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pivotCache/pivotCacheDefinition1.xml" ContentType="application/vnd.openxmlformats-officedocument.spreadsheetml.pivotCacheDefinition+xml"/>
  <Override PartName="/xl/pivotCache/pivotCacheRecords1.xml" ContentType="application/vnd.openxmlformats-officedocument.spreadsheetml.pivotCacheRecords+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pivotTables/pivotTable1.xml" ContentType="application/vnd.openxmlformats-officedocument.spreadsheetml.pivotTable+xml"/>
  <Override PartName="/xl/drawings/drawing5.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drawings/drawing6.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hidePivotFieldList="1" defaultThemeVersion="166925"/>
  <mc:AlternateContent xmlns:mc="http://schemas.openxmlformats.org/markup-compatibility/2006">
    <mc:Choice Requires="x15">
      <x15ac:absPath xmlns:x15ac="http://schemas.microsoft.com/office/spreadsheetml/2010/11/ac" url="K:\REGULATORY MATTERS 2009 FORWARD\20240025-Petition for Rate Case Increase\Discovery\OPC POD 1 (1-26)\Attachments\Q7\MFR B\"/>
    </mc:Choice>
  </mc:AlternateContent>
  <xr:revisionPtr revIDLastSave="0" documentId="13_ncr:1_{5F55FA95-591D-46F8-B4E3-F344E6776D47}" xr6:coauthVersionLast="47" xr6:coauthVersionMax="47" xr10:uidLastSave="{00000000-0000-0000-0000-000000000000}"/>
  <bookViews>
    <workbookView xWindow="-108" yWindow="-108" windowWidth="23256" windowHeight="12456" tabRatio="749" xr2:uid="{C37DFAA1-B542-4152-893B-70A4A22658EA}"/>
  </bookViews>
  <sheets>
    <sheet name="Procedures &amp; Inputs" sheetId="23" r:id="rId1"/>
    <sheet name="MFR B-21--&gt;" sheetId="30" r:id="rId2"/>
    <sheet name="Projected Test Year 3" sheetId="26" r:id="rId3"/>
    <sheet name="Projected Test Year 2" sheetId="25" r:id="rId4"/>
    <sheet name="Projected Test Year 1" sheetId="24" r:id="rId5"/>
    <sheet name="Historical Year" sheetId="6" r:id="rId6"/>
    <sheet name="Support Forecast--&gt;" sheetId="19" r:id="rId7"/>
    <sheet name="REG FL  BS - 4 Results" sheetId="15" r:id="rId8"/>
    <sheet name="REG FL  FERC IS - 3 Adjusted" sheetId="22" r:id="rId9"/>
    <sheet name="FP&amp;A Balance Sheet" sheetId="21" r:id="rId10"/>
    <sheet name="Support Historical --&gt;" sheetId="27" r:id="rId11"/>
    <sheet name="Historical JD" sheetId="34" r:id="rId12"/>
    <sheet name="Wk TB For End Bal" sheetId="20" r:id="rId13"/>
    <sheet name="WK TB for Beg Bal" sheetId="14" r:id="rId14"/>
  </sheets>
  <definedNames>
    <definedName name="____________fsd44" localSheetId="0" hidden="1">{#N/A,#N/A,FALSE,"Aging Summary";#N/A,#N/A,FALSE,"Ratio Analysis";#N/A,#N/A,FALSE,"Test 120 Day Accts";#N/A,#N/A,FALSE,"Tickmarks"}</definedName>
    <definedName name="____________fsd44" localSheetId="7" hidden="1">{#N/A,#N/A,FALSE,"Aging Summary";#N/A,#N/A,FALSE,"Ratio Analysis";#N/A,#N/A,FALSE,"Test 120 Day Accts";#N/A,#N/A,FALSE,"Tickmarks"}</definedName>
    <definedName name="____________fsd44" hidden="1">{#N/A,#N/A,FALSE,"Aging Summary";#N/A,#N/A,FALSE,"Ratio Analysis";#N/A,#N/A,FALSE,"Test 120 Day Accts";#N/A,#N/A,FALSE,"Tickmarks"}</definedName>
    <definedName name="__________fsd44" localSheetId="0" hidden="1">{#N/A,#N/A,FALSE,"Aging Summary";#N/A,#N/A,FALSE,"Ratio Analysis";#N/A,#N/A,FALSE,"Test 120 Day Accts";#N/A,#N/A,FALSE,"Tickmarks"}</definedName>
    <definedName name="__________fsd44" localSheetId="7" hidden="1">{#N/A,#N/A,FALSE,"Aging Summary";#N/A,#N/A,FALSE,"Ratio Analysis";#N/A,#N/A,FALSE,"Test 120 Day Accts";#N/A,#N/A,FALSE,"Tickmarks"}</definedName>
    <definedName name="__________fsd44" hidden="1">{#N/A,#N/A,FALSE,"Aging Summary";#N/A,#N/A,FALSE,"Ratio Analysis";#N/A,#N/A,FALSE,"Test 120 Day Accts";#N/A,#N/A,FALSE,"Tickmarks"}</definedName>
    <definedName name="_______fsd44" localSheetId="0" hidden="1">{#N/A,#N/A,FALSE,"Aging Summary";#N/A,#N/A,FALSE,"Ratio Analysis";#N/A,#N/A,FALSE,"Test 120 Day Accts";#N/A,#N/A,FALSE,"Tickmarks"}</definedName>
    <definedName name="_______fsd44" localSheetId="7" hidden="1">{#N/A,#N/A,FALSE,"Aging Summary";#N/A,#N/A,FALSE,"Ratio Analysis";#N/A,#N/A,FALSE,"Test 120 Day Accts";#N/A,#N/A,FALSE,"Tickmarks"}</definedName>
    <definedName name="_______fsd44" hidden="1">{#N/A,#N/A,FALSE,"Aging Summary";#N/A,#N/A,FALSE,"Ratio Analysis";#N/A,#N/A,FALSE,"Test 120 Day Accts";#N/A,#N/A,FALSE,"Tickmarks"}</definedName>
    <definedName name="______fsd44" localSheetId="0" hidden="1">{#N/A,#N/A,FALSE,"Aging Summary";#N/A,#N/A,FALSE,"Ratio Analysis";#N/A,#N/A,FALSE,"Test 120 Day Accts";#N/A,#N/A,FALSE,"Tickmarks"}</definedName>
    <definedName name="______fsd44" localSheetId="7" hidden="1">{#N/A,#N/A,FALSE,"Aging Summary";#N/A,#N/A,FALSE,"Ratio Analysis";#N/A,#N/A,FALSE,"Test 120 Day Accts";#N/A,#N/A,FALSE,"Tickmarks"}</definedName>
    <definedName name="______fsd44" hidden="1">{#N/A,#N/A,FALSE,"Aging Summary";#N/A,#N/A,FALSE,"Ratio Analysis";#N/A,#N/A,FALSE,"Test 120 Day Accts";#N/A,#N/A,FALSE,"Tickmarks"}</definedName>
    <definedName name="_____fsd44" localSheetId="0" hidden="1">{#N/A,#N/A,FALSE,"Aging Summary";#N/A,#N/A,FALSE,"Ratio Analysis";#N/A,#N/A,FALSE,"Test 120 Day Accts";#N/A,#N/A,FALSE,"Tickmarks"}</definedName>
    <definedName name="_____fsd44" localSheetId="7" hidden="1">{#N/A,#N/A,FALSE,"Aging Summary";#N/A,#N/A,FALSE,"Ratio Analysis";#N/A,#N/A,FALSE,"Test 120 Day Accts";#N/A,#N/A,FALSE,"Tickmarks"}</definedName>
    <definedName name="_____fsd44" hidden="1">{#N/A,#N/A,FALSE,"Aging Summary";#N/A,#N/A,FALSE,"Ratio Analysis";#N/A,#N/A,FALSE,"Test 120 Day Accts";#N/A,#N/A,FALSE,"Tickmarks"}</definedName>
    <definedName name="____fsd44" localSheetId="0" hidden="1">{#N/A,#N/A,FALSE,"Aging Summary";#N/A,#N/A,FALSE,"Ratio Analysis";#N/A,#N/A,FALSE,"Test 120 Day Accts";#N/A,#N/A,FALSE,"Tickmarks"}</definedName>
    <definedName name="____fsd44" localSheetId="7" hidden="1">{#N/A,#N/A,FALSE,"Aging Summary";#N/A,#N/A,FALSE,"Ratio Analysis";#N/A,#N/A,FALSE,"Test 120 Day Accts";#N/A,#N/A,FALSE,"Tickmarks"}</definedName>
    <definedName name="____fsd44" hidden="1">{#N/A,#N/A,FALSE,"Aging Summary";#N/A,#N/A,FALSE,"Ratio Analysis";#N/A,#N/A,FALSE,"Test 120 Day Accts";#N/A,#N/A,FALSE,"Tickmarks"}</definedName>
    <definedName name="___fsd44" localSheetId="0" hidden="1">{#N/A,#N/A,FALSE,"Aging Summary";#N/A,#N/A,FALSE,"Ratio Analysis";#N/A,#N/A,FALSE,"Test 120 Day Accts";#N/A,#N/A,FALSE,"Tickmarks"}</definedName>
    <definedName name="___fsd44" localSheetId="7" hidden="1">{#N/A,#N/A,FALSE,"Aging Summary";#N/A,#N/A,FALSE,"Ratio Analysis";#N/A,#N/A,FALSE,"Test 120 Day Accts";#N/A,#N/A,FALSE,"Tickmarks"}</definedName>
    <definedName name="___fsd44" hidden="1">{#N/A,#N/A,FALSE,"Aging Summary";#N/A,#N/A,FALSE,"Ratio Analysis";#N/A,#N/A,FALSE,"Test 120 Day Accts";#N/A,#N/A,FALSE,"Tickmarks"}</definedName>
    <definedName name="__123Graph_A" localSheetId="5" hidden="1">#REF!</definedName>
    <definedName name="__123Graph_A" localSheetId="4" hidden="1">#REF!</definedName>
    <definedName name="__123Graph_A" localSheetId="3" hidden="1">#REF!</definedName>
    <definedName name="__123Graph_A" localSheetId="2" hidden="1">#REF!</definedName>
    <definedName name="__123Graph_A" hidden="1">#REF!</definedName>
    <definedName name="__123Graph_AScreenCrv" hidden="1">#REF!</definedName>
    <definedName name="__123Graph_B" localSheetId="5" hidden="1">#REF!</definedName>
    <definedName name="__123Graph_B" localSheetId="4" hidden="1">#REF!</definedName>
    <definedName name="__123Graph_B" localSheetId="3" hidden="1">#REF!</definedName>
    <definedName name="__123Graph_B" localSheetId="2" hidden="1">#REF!</definedName>
    <definedName name="__123Graph_B" hidden="1">#REF!</definedName>
    <definedName name="__123Graph_BScreenCrv" hidden="1">#REF!</definedName>
    <definedName name="__123Graph_C" localSheetId="5" hidden="1">#REF!</definedName>
    <definedName name="__123Graph_C" localSheetId="4" hidden="1">#REF!</definedName>
    <definedName name="__123Graph_C" localSheetId="3" hidden="1">#REF!</definedName>
    <definedName name="__123Graph_C" localSheetId="2" hidden="1">#REF!</definedName>
    <definedName name="__123Graph_C" hidden="1">#REF!</definedName>
    <definedName name="__123Graph_CScreenCrv" hidden="1">#REF!</definedName>
    <definedName name="__123Graph_D" localSheetId="5" hidden="1">#REF!</definedName>
    <definedName name="__123Graph_D" localSheetId="4" hidden="1">#REF!</definedName>
    <definedName name="__123Graph_D" localSheetId="3" hidden="1">#REF!</definedName>
    <definedName name="__123Graph_D" localSheetId="2" hidden="1">#REF!</definedName>
    <definedName name="__123Graph_D" hidden="1">#REF!</definedName>
    <definedName name="__123Graph_E" localSheetId="5" hidden="1">#REF!</definedName>
    <definedName name="__123Graph_E" localSheetId="4" hidden="1">#REF!</definedName>
    <definedName name="__123Graph_E" localSheetId="3" hidden="1">#REF!</definedName>
    <definedName name="__123Graph_E" localSheetId="2" hidden="1">#REF!</definedName>
    <definedName name="__123Graph_E" hidden="1">#REF!</definedName>
    <definedName name="__123Graph_F" localSheetId="5" hidden="1">#REF!</definedName>
    <definedName name="__123Graph_F" localSheetId="4" hidden="1">#REF!</definedName>
    <definedName name="__123Graph_F" localSheetId="3" hidden="1">#REF!</definedName>
    <definedName name="__123Graph_F" localSheetId="2" hidden="1">#REF!</definedName>
    <definedName name="__123Graph_F" hidden="1">#REF!</definedName>
    <definedName name="__123Graph_X" localSheetId="5" hidden="1">#REF!</definedName>
    <definedName name="__123Graph_X" localSheetId="4" hidden="1">#REF!</definedName>
    <definedName name="__123Graph_X" localSheetId="3" hidden="1">#REF!</definedName>
    <definedName name="__123Graph_X" localSheetId="2" hidden="1">#REF!</definedName>
    <definedName name="__123Graph_X" hidden="1">#REF!</definedName>
    <definedName name="__cp3" hidden="1">{#N/A,#N/A,FALSE,"ALLOC"}</definedName>
    <definedName name="__fsd44" localSheetId="0" hidden="1">{#N/A,#N/A,FALSE,"Aging Summary";#N/A,#N/A,FALSE,"Ratio Analysis";#N/A,#N/A,FALSE,"Test 120 Day Accts";#N/A,#N/A,FALSE,"Tickmarks"}</definedName>
    <definedName name="__fsd44" localSheetId="7" hidden="1">{#N/A,#N/A,FALSE,"Aging Summary";#N/A,#N/A,FALSE,"Ratio Analysis";#N/A,#N/A,FALSE,"Test 120 Day Accts";#N/A,#N/A,FALSE,"Tickmarks"}</definedName>
    <definedName name="__fsd44" hidden="1">{#N/A,#N/A,FALSE,"Aging Summary";#N/A,#N/A,FALSE,"Ratio Analysis";#N/A,#N/A,FALSE,"Test 120 Day Accts";#N/A,#N/A,FALSE,"Tickmarks"}</definedName>
    <definedName name="__key2" hidden="1">#REF!</definedName>
    <definedName name="_123Graph_F1" localSheetId="5" hidden="1">#REF!</definedName>
    <definedName name="_123Graph_F1" localSheetId="4" hidden="1">#REF!</definedName>
    <definedName name="_123Graph_F1" localSheetId="3" hidden="1">#REF!</definedName>
    <definedName name="_123Graph_F1" localSheetId="2" hidden="1">#REF!</definedName>
    <definedName name="_123Graph_F1" hidden="1">#REF!</definedName>
    <definedName name="_Fill" localSheetId="5" hidden="1">#REF!</definedName>
    <definedName name="_Fill" localSheetId="4" hidden="1">#REF!</definedName>
    <definedName name="_Fill" localSheetId="3" hidden="1">#REF!</definedName>
    <definedName name="_Fill" localSheetId="2" hidden="1">#REF!</definedName>
    <definedName name="_Fill" hidden="1">#REF!</definedName>
    <definedName name="_fsd44" localSheetId="0" hidden="1">{#N/A,#N/A,FALSE,"Aging Summary";#N/A,#N/A,FALSE,"Ratio Analysis";#N/A,#N/A,FALSE,"Test 120 Day Accts";#N/A,#N/A,FALSE,"Tickmarks"}</definedName>
    <definedName name="_fsd44" localSheetId="7" hidden="1">{#N/A,#N/A,FALSE,"Aging Summary";#N/A,#N/A,FALSE,"Ratio Analysis";#N/A,#N/A,FALSE,"Test 120 Day Accts";#N/A,#N/A,FALSE,"Tickmarks"}</definedName>
    <definedName name="_fsd44" hidden="1">{#N/A,#N/A,FALSE,"Aging Summary";#N/A,#N/A,FALSE,"Ratio Analysis";#N/A,#N/A,FALSE,"Test 120 Day Accts";#N/A,#N/A,FALSE,"Tickmarks"}</definedName>
    <definedName name="_Key1" localSheetId="5" hidden="1">#REF!</definedName>
    <definedName name="_Key1" localSheetId="4" hidden="1">#REF!</definedName>
    <definedName name="_Key1" localSheetId="3" hidden="1">#REF!</definedName>
    <definedName name="_Key1" localSheetId="2" hidden="1">#REF!</definedName>
    <definedName name="_Key1" hidden="1">#REF!</definedName>
    <definedName name="_Key2" localSheetId="5" hidden="1">#REF!</definedName>
    <definedName name="_Key2" localSheetId="4" hidden="1">#REF!</definedName>
    <definedName name="_Key2" localSheetId="3" hidden="1">#REF!</definedName>
    <definedName name="_Key2" localSheetId="2" hidden="1">#REF!</definedName>
    <definedName name="_Key2" hidden="1">#REF!</definedName>
    <definedName name="_Order1" hidden="1">0</definedName>
    <definedName name="_Order2" hidden="1">0</definedName>
    <definedName name="_Parse_In" hidden="1">#REF!</definedName>
    <definedName name="_Parse_Out" hidden="1">#REF!</definedName>
    <definedName name="_Regression_Int" hidden="1">1</definedName>
    <definedName name="_Sort" localSheetId="5" hidden="1">#REF!</definedName>
    <definedName name="_Sort" localSheetId="4" hidden="1">#REF!</definedName>
    <definedName name="_Sort" localSheetId="3" hidden="1">#REF!</definedName>
    <definedName name="_Sort" localSheetId="2" hidden="1">#REF!</definedName>
    <definedName name="_Sort" hidden="1">#REF!</definedName>
    <definedName name="_Sort1" localSheetId="5" hidden="1">#REF!</definedName>
    <definedName name="_Sort1" localSheetId="4" hidden="1">#REF!</definedName>
    <definedName name="_Sort1" localSheetId="3" hidden="1">#REF!</definedName>
    <definedName name="_Sort1" localSheetId="2" hidden="1">#REF!</definedName>
    <definedName name="_Sort1" hidden="1">#REF!</definedName>
    <definedName name="_Table1_In1" localSheetId="5" hidden="1">#REF!</definedName>
    <definedName name="_Table1_In1" localSheetId="4" hidden="1">#REF!</definedName>
    <definedName name="_Table1_In1" localSheetId="3" hidden="1">#REF!</definedName>
    <definedName name="_Table1_In1" localSheetId="2" hidden="1">#REF!</definedName>
    <definedName name="_Table1_In1" hidden="1">#REF!</definedName>
    <definedName name="_Table1_Out" localSheetId="5" hidden="1">#REF!</definedName>
    <definedName name="_Table1_Out" localSheetId="4" hidden="1">#REF!</definedName>
    <definedName name="_Table1_Out" localSheetId="3" hidden="1">#REF!</definedName>
    <definedName name="_Table1_Out" localSheetId="2" hidden="1">#REF!</definedName>
    <definedName name="_Table1_Out" hidden="1">#REF!</definedName>
    <definedName name="_Table2_In1" localSheetId="5" hidden="1">#REF!</definedName>
    <definedName name="_Table2_In1" localSheetId="4" hidden="1">#REF!</definedName>
    <definedName name="_Table2_In1" localSheetId="3" hidden="1">#REF!</definedName>
    <definedName name="_Table2_In1" localSheetId="2" hidden="1">#REF!</definedName>
    <definedName name="_Table2_In1" hidden="1">#REF!</definedName>
    <definedName name="_Table2_Out" localSheetId="5" hidden="1">#REF!</definedName>
    <definedName name="_Table2_Out" localSheetId="4" hidden="1">#REF!</definedName>
    <definedName name="_Table2_Out" localSheetId="3" hidden="1">#REF!</definedName>
    <definedName name="_Table2_Out" localSheetId="2" hidden="1">#REF!</definedName>
    <definedName name="_Table2_Out" hidden="1">#REF!</definedName>
    <definedName name="aa" hidden="1">#REF!</definedName>
    <definedName name="AAA_DOCTOPS" hidden="1">"AAA_SET"</definedName>
    <definedName name="aaaaa" hidden="1">{#N/A,#N/A,FALSE,"EXPENSE"}</definedName>
    <definedName name="aaaaaaaaaaaaaaaaaaaaa" hidden="1">{#N/A,#N/A,FALSE,"EXPENSE"}</definedName>
    <definedName name="ACwvu.print2." hidden="1">#REF!</definedName>
    <definedName name="ACwvu.print3." hidden="1">#REF!</definedName>
    <definedName name="adfadfadfadf" hidden="1">{#N/A,#N/A,FALSE,"EXPENSE"}</definedName>
    <definedName name="aertajyiukfjhdh" hidden="1">{#N/A,#N/A,FALSE,"ALLOC"}</definedName>
    <definedName name="aewrawerasdfsdaf" hidden="1">{#N/A,#N/A,FALSE,"EXPENSE"}</definedName>
    <definedName name="afdasdfaertgrthngbvc" hidden="1">{#N/A,#N/A,FALSE,"EXPENSE"}</definedName>
    <definedName name="afwerwerewf" hidden="1">{#N/A,#N/A,FALSE,"EXPENSE"}</definedName>
    <definedName name="anscount" hidden="1">1</definedName>
    <definedName name="as" localSheetId="0" hidden="1">{#N/A,#N/A,FALSE,"Aging Summary";#N/A,#N/A,FALSE,"Ratio Analysis";#N/A,#N/A,FALSE,"Test 120 Day Accts";#N/A,#N/A,FALSE,"Tickmarks"}</definedName>
    <definedName name="as" localSheetId="7" hidden="1">{#N/A,#N/A,FALSE,"Aging Summary";#N/A,#N/A,FALSE,"Ratio Analysis";#N/A,#N/A,FALSE,"Test 120 Day Accts";#N/A,#N/A,FALSE,"Tickmarks"}</definedName>
    <definedName name="as" hidden="1">{#N/A,#N/A,FALSE,"Aging Summary";#N/A,#N/A,FALSE,"Ratio Analysis";#N/A,#N/A,FALSE,"Test 120 Day Accts";#N/A,#N/A,FALSE,"Tickmarks"}</definedName>
    <definedName name="AS2DocOpenMode" hidden="1">"AS2DocumentBrowse"</definedName>
    <definedName name="AS2NamedRange" hidden="1">7</definedName>
    <definedName name="asdf" hidden="1">#REF!</definedName>
    <definedName name="asdfasfasdfasdfsdfsdf" hidden="1">{#N/A,#N/A,FALSE,"EXPENSE"}</definedName>
    <definedName name="awerwaerwerfw" hidden="1">{#N/A,#N/A,FALSE,"ALLOC"}</definedName>
    <definedName name="bfhbfvdzvcxzv" hidden="1">{#N/A,#N/A,FALSE,"EXPENSE"}</definedName>
    <definedName name="bgfdghsszsdfzsdf" hidden="1">{#N/A,#N/A,FALSE,"EXPENSE"}</definedName>
    <definedName name="BNE_MESSAGES_HIDDEN" localSheetId="5" hidden="1">#REF!</definedName>
    <definedName name="BNE_MESSAGES_HIDDEN" localSheetId="4" hidden="1">#REF!</definedName>
    <definedName name="BNE_MESSAGES_HIDDEN" localSheetId="3" hidden="1">#REF!</definedName>
    <definedName name="BNE_MESSAGES_HIDDEN" localSheetId="2" hidden="1">#REF!</definedName>
    <definedName name="BNE_MESSAGES_HIDDEN" hidden="1">#REF!</definedName>
    <definedName name="bob" hidden="1">{#N/A,#N/A,FALSE,"EXPENSE"}</definedName>
    <definedName name="bv" localSheetId="0" hidden="1">{#N/A,#N/A,FALSE,"Aging Summary";#N/A,#N/A,FALSE,"Ratio Analysis";#N/A,#N/A,FALSE,"Test 120 Day Accts";#N/A,#N/A,FALSE,"Tickmarks"}</definedName>
    <definedName name="bv" localSheetId="7" hidden="1">{#N/A,#N/A,FALSE,"Aging Summary";#N/A,#N/A,FALSE,"Ratio Analysis";#N/A,#N/A,FALSE,"Test 120 Day Accts";#N/A,#N/A,FALSE,"Tickmarks"}</definedName>
    <definedName name="bv" hidden="1">{#N/A,#N/A,FALSE,"Aging Summary";#N/A,#N/A,FALSE,"Ratio Analysis";#N/A,#N/A,FALSE,"Test 120 Day Accts";#N/A,#N/A,FALSE,"Tickmarks"}</definedName>
    <definedName name="Combined" hidden="1">{#N/A,#N/A,FALSE,"TOTAL";#N/A,#N/A,FALSE,"SERIES l";#N/A,#N/A,FALSE,"1993A";#N/A,#N/A,FALSE,"1994A";#N/A,#N/A,FALSE,"SERIES ll";#N/A,#N/A,FALSE,"1995A";#N/A,#N/A,FALSE,"1995B";#N/A,#N/A,FALSE,"1996A";#N/A,#N/A,FALSE,"SERIES lll";#N/A,#N/A,FALSE,"1996lllA-R";#N/A,#N/A,FALSE,"1996lllCD"}</definedName>
    <definedName name="cprange3" hidden="1">{#N/A,#N/A,FALSE,"ALLOC"}</definedName>
    <definedName name="cprrange2" hidden="1">{#N/A,#N/A,FALSE,"ALLOC"}</definedName>
    <definedName name="cvzdfzsdfdsfsf" hidden="1">{#N/A,#N/A,FALSE,"EXPENSE"}</definedName>
    <definedName name="df" localSheetId="0" hidden="1">{#N/A,#N/A,FALSE,"Aging Summary";#N/A,#N/A,FALSE,"Ratio Analysis";#N/A,#N/A,FALSE,"Test 120 Day Accts";#N/A,#N/A,FALSE,"Tickmarks"}</definedName>
    <definedName name="df" localSheetId="7" hidden="1">{#N/A,#N/A,FALSE,"Aging Summary";#N/A,#N/A,FALSE,"Ratio Analysis";#N/A,#N/A,FALSE,"Test 120 Day Accts";#N/A,#N/A,FALSE,"Tickmarks"}</definedName>
    <definedName name="df" hidden="1">{#N/A,#N/A,FALSE,"Aging Summary";#N/A,#N/A,FALSE,"Ratio Analysis";#N/A,#N/A,FALSE,"Test 120 Day Accts";#N/A,#N/A,FALSE,"Tickmarks"}</definedName>
    <definedName name="dfadsfadfadfewfr" hidden="1">{#N/A,#N/A,FALSE,"EXPENSE"}</definedName>
    <definedName name="dfadsfasdfdsf" hidden="1">{#N/A,#N/A,FALSE,"EXPENSE"}</definedName>
    <definedName name="dfadsfdsafdf" hidden="1">{#N/A,#N/A,FALSE,"ALLOC"}</definedName>
    <definedName name="dfasdfasdf" hidden="1">{#N/A,#N/A,FALSE,"ALLOC"}</definedName>
    <definedName name="dfasdfasdfdsaf" hidden="1">{#N/A,#N/A,FALSE,"ALLOC"}</definedName>
    <definedName name="dfasfasfdfadsf" hidden="1">{#N/A,#N/A,FALSE,"EXPENSE"}</definedName>
    <definedName name="dfdfdsfadsf" hidden="1">{#N/A,#N/A,FALSE,"EXPENSE"}</definedName>
    <definedName name="dfdsfsdfdfdsf" hidden="1">{#N/A,#N/A,FALSE,"EXPENSE"}</definedName>
    <definedName name="dfsadfdsfdsf" hidden="1">{#N/A,#N/A,FALSE,"ALLOC"}</definedName>
    <definedName name="dfsdfdsfdsfds" hidden="1">{#N/A,#N/A,FALSE,"EXPENSE"}</definedName>
    <definedName name="dgdgdfgdg" hidden="1">{#N/A,#N/A,FALSE,"EXPENSE"}</definedName>
    <definedName name="dhdyyrtyr" hidden="1">{#N/A,#N/A,FALSE,"EXPENSE"}</definedName>
    <definedName name="ds" localSheetId="0" hidden="1">{#N/A,#N/A,FALSE,"Aging Summary";#N/A,#N/A,FALSE,"Ratio Analysis";#N/A,#N/A,FALSE,"Test 120 Day Accts";#N/A,#N/A,FALSE,"Tickmarks"}</definedName>
    <definedName name="ds" localSheetId="7" hidden="1">{#N/A,#N/A,FALSE,"Aging Summary";#N/A,#N/A,FALSE,"Ratio Analysis";#N/A,#N/A,FALSE,"Test 120 Day Accts";#N/A,#N/A,FALSE,"Tickmarks"}</definedName>
    <definedName name="ds" hidden="1">{#N/A,#N/A,FALSE,"Aging Summary";#N/A,#N/A,FALSE,"Ratio Analysis";#N/A,#N/A,FALSE,"Test 120 Day Accts";#N/A,#N/A,FALSE,"Tickmarks"}</definedName>
    <definedName name="dsfasdfdasf" hidden="1">{#N/A,#N/A,FALSE,"EXPENSE"}</definedName>
    <definedName name="dsfasdfdsf" hidden="1">{#N/A,#N/A,FALSE,"EXPENSE"}</definedName>
    <definedName name="dtresyttyujyujtghgh" hidden="1">{#N/A,#N/A,FALSE,"EXPENSE"}</definedName>
    <definedName name="eatawerawerfe" hidden="1">{#N/A,#N/A,FALSE,"ALLOC"}</definedName>
    <definedName name="er" localSheetId="0" hidden="1">{#N/A,#N/A,FALSE,"Aging Summary";#N/A,#N/A,FALSE,"Ratio Analysis";#N/A,#N/A,FALSE,"Test 120 Day Accts";#N/A,#N/A,FALSE,"Tickmarks"}</definedName>
    <definedName name="er" localSheetId="7" hidden="1">{#N/A,#N/A,FALSE,"Aging Summary";#N/A,#N/A,FALSE,"Ratio Analysis";#N/A,#N/A,FALSE,"Test 120 Day Accts";#N/A,#N/A,FALSE,"Tickmarks"}</definedName>
    <definedName name="er" hidden="1">{#N/A,#N/A,FALSE,"Aging Summary";#N/A,#N/A,FALSE,"Ratio Analysis";#N/A,#N/A,FALSE,"Test 120 Day Accts";#N/A,#N/A,FALSE,"Tickmarks"}</definedName>
    <definedName name="ew" localSheetId="0" hidden="1">{#N/A,#N/A,FALSE,"Aging Summary";#N/A,#N/A,FALSE,"Ratio Analysis";#N/A,#N/A,FALSE,"Test 120 Day Accts";#N/A,#N/A,FALSE,"Tickmarks"}</definedName>
    <definedName name="ew" localSheetId="7" hidden="1">{#N/A,#N/A,FALSE,"Aging Summary";#N/A,#N/A,FALSE,"Ratio Analysis";#N/A,#N/A,FALSE,"Test 120 Day Accts";#N/A,#N/A,FALSE,"Tickmarks"}</definedName>
    <definedName name="ew" hidden="1">{#N/A,#N/A,FALSE,"Aging Summary";#N/A,#N/A,FALSE,"Ratio Analysis";#N/A,#N/A,FALSE,"Test 120 Day Accts";#N/A,#N/A,FALSE,"Tickmarks"}</definedName>
    <definedName name="fadfasdfasdfadsf" hidden="1">{#N/A,#N/A,FALSE,"ALLOC"}</definedName>
    <definedName name="fadfasdfwaerwe" hidden="1">{#N/A,#N/A,FALSE,"ALLOC"}</definedName>
    <definedName name="fadsfadsfadsf" hidden="1">{#N/A,#N/A,FALSE,"EXPENSE"}</definedName>
    <definedName name="fadsfadsfdasf" hidden="1">{#N/A,#N/A,FALSE,"EXPENSE"}</definedName>
    <definedName name="fadsfdsafdfd" hidden="1">{#N/A,#N/A,FALSE,"ALLOC"}</definedName>
    <definedName name="fasdfadsfdasf" hidden="1">{#N/A,#N/A,FALSE,"ALLOC"}</definedName>
    <definedName name="fasdfasdfadsf" hidden="1">{#N/A,#N/A,FALSE,"EXPENSE"}</definedName>
    <definedName name="fasdfdfdf" hidden="1">{#N/A,#N/A,FALSE,"EXPENSE"}</definedName>
    <definedName name="fasfdsfdsafads" hidden="1">{#N/A,#N/A,FALSE,"EXPENSE"}</definedName>
    <definedName name="fcsdafasdfadsf" hidden="1">{#N/A,#N/A,FALSE,"EXPENSE"}</definedName>
    <definedName name="fd" localSheetId="0" hidden="1">{#N/A,#N/A,FALSE,"Aging Summary";#N/A,#N/A,FALSE,"Ratio Analysis";#N/A,#N/A,FALSE,"Test 120 Day Accts";#N/A,#N/A,FALSE,"Tickmarks"}</definedName>
    <definedName name="fd" localSheetId="7" hidden="1">{#N/A,#N/A,FALSE,"Aging Summary";#N/A,#N/A,FALSE,"Ratio Analysis";#N/A,#N/A,FALSE,"Test 120 Day Accts";#N/A,#N/A,FALSE,"Tickmarks"}</definedName>
    <definedName name="fd" hidden="1">{#N/A,#N/A,FALSE,"Aging Summary";#N/A,#N/A,FALSE,"Ratio Analysis";#N/A,#N/A,FALSE,"Test 120 Day Accts";#N/A,#N/A,FALSE,"Tickmarks"}</definedName>
    <definedName name="fdasfadfdaf" hidden="1">{#N/A,#N/A,FALSE,"EXPENSE"}</definedName>
    <definedName name="fdsfdsafdasfds" hidden="1">{#N/A,#N/A,FALSE,"EXPENSE"}</definedName>
    <definedName name="fdsfsadfsdafdsa" hidden="1">{#N/A,#N/A,FALSE,"EXPENSE"}</definedName>
    <definedName name="fdsfsdfdsfd" hidden="1">{#N/A,#N/A,FALSE,"EXPENSE"}</definedName>
    <definedName name="fewrfwerwqerwe" hidden="1">{#N/A,#N/A,FALSE,"EXPENSE"}</definedName>
    <definedName name="ffff" hidden="1">{#N/A,#N/A,FALSE,"ALLOC"}</definedName>
    <definedName name="fgdfgdzfxczv" hidden="1">{#N/A,#N/A,FALSE,"EXPENSE"}</definedName>
    <definedName name="fgdfzdsfASFDAS" hidden="1">{#N/A,#N/A,FALSE,"EXPENSE"}</definedName>
    <definedName name="fgdgdfdvcx" hidden="1">{#N/A,#N/A,FALSE,"ALLOC"}</definedName>
    <definedName name="fgdsfasdfscc" hidden="1">{#N/A,#N/A,FALSE,"ALLOC"}</definedName>
    <definedName name="fgdsfdsfd" hidden="1">{#N/A,#N/A,FALSE,"EXPENSE"}</definedName>
    <definedName name="fhfgdgdg" hidden="1">{#N/A,#N/A,FALSE,"EXPENSE"}</definedName>
    <definedName name="fhfhfhfg" hidden="1">{#N/A,#N/A,FALSE,"EXPENSE"}</definedName>
    <definedName name="fhgfdgdzfcxvcx" hidden="1">{#N/A,#N/A,FALSE,"EXPENSE"}</definedName>
    <definedName name="freb" hidden="1">{#N/A,#N/A,FALSE,"EXPENSE"}</definedName>
    <definedName name="frt" localSheetId="0" hidden="1">{#N/A,#N/A,FALSE,"Aging Summary";#N/A,#N/A,FALSE,"Ratio Analysis";#N/A,#N/A,FALSE,"Test 120 Day Accts";#N/A,#N/A,FALSE,"Tickmarks"}</definedName>
    <definedName name="frt" localSheetId="7" hidden="1">{#N/A,#N/A,FALSE,"Aging Summary";#N/A,#N/A,FALSE,"Ratio Analysis";#N/A,#N/A,FALSE,"Test 120 Day Accts";#N/A,#N/A,FALSE,"Tickmarks"}</definedName>
    <definedName name="frt" hidden="1">{#N/A,#N/A,FALSE,"Aging Summary";#N/A,#N/A,FALSE,"Ratio Analysis";#N/A,#N/A,FALSE,"Test 120 Day Accts";#N/A,#N/A,FALSE,"Tickmarks"}</definedName>
    <definedName name="frwerwerwerfw" hidden="1">{#N/A,#N/A,FALSE,"EXPENSE"}</definedName>
    <definedName name="frwerwerwerwerfew" hidden="1">{#N/A,#N/A,FALSE,"EXPENSE"}</definedName>
    <definedName name="fsadfsdfadfdfwerf" hidden="1">{#N/A,#N/A,FALSE,"EXPENSE"}</definedName>
    <definedName name="fsafwaerwer" hidden="1">{#N/A,#N/A,FALSE,"EXPENSE"}</definedName>
    <definedName name="fsd" localSheetId="0" hidden="1">{#N/A,#N/A,FALSE,"Aging Summary";#N/A,#N/A,FALSE,"Ratio Analysis";#N/A,#N/A,FALSE,"Test 120 Day Accts";#N/A,#N/A,FALSE,"Tickmarks"}</definedName>
    <definedName name="fsd" localSheetId="7" hidden="1">{#N/A,#N/A,FALSE,"Aging Summary";#N/A,#N/A,FALSE,"Ratio Analysis";#N/A,#N/A,FALSE,"Test 120 Day Accts";#N/A,#N/A,FALSE,"Tickmarks"}</definedName>
    <definedName name="fsd" hidden="1">{#N/A,#N/A,FALSE,"Aging Summary";#N/A,#N/A,FALSE,"Ratio Analysis";#N/A,#N/A,FALSE,"Test 120 Day Accts";#N/A,#N/A,FALSE,"Tickmarks"}</definedName>
    <definedName name="fsdfadsfdfd" hidden="1">{#N/A,#N/A,FALSE,"EXPENSE"}</definedName>
    <definedName name="fsdfasdfadsf" hidden="1">{#N/A,#N/A,FALSE,"EXPENSE"}</definedName>
    <definedName name="fsdfdfbfvbcvbb" hidden="1">{#N/A,#N/A,FALSE,"ALLOC"}</definedName>
    <definedName name="fsdfdwfdsf" hidden="1">{#N/A,#N/A,FALSE,"EXPENSE"}</definedName>
    <definedName name="fsgrhghj" hidden="1">{#N/A,#N/A,FALSE,"ALLOC"}</definedName>
    <definedName name="ftyrtdrt" hidden="1">{#N/A,#N/A,FALSE,"ALLOC"}</definedName>
    <definedName name="gbdfgdfdfzvc" hidden="1">{#N/A,#N/A,FALSE,"ALLOC"}</definedName>
    <definedName name="gbdfgzdfvvc" hidden="1">{#N/A,#N/A,FALSE,"EXPENSE"}</definedName>
    <definedName name="gdfgdvzxcvc" hidden="1">{#N/A,#N/A,FALSE,"EXPENSE"}</definedName>
    <definedName name="gdfgdzfdzfvxzc" hidden="1">{#N/A,#N/A,FALSE,"ALLOC"}</definedName>
    <definedName name="gdfgfbcvbcv" hidden="1">{#N/A,#N/A,FALSE,"EXPENSE"}</definedName>
    <definedName name="gdfgfvcxvcx" hidden="1">{#N/A,#N/A,FALSE,"ALLOC"}</definedName>
    <definedName name="gdgddgd" hidden="1">{#N/A,#N/A,FALSE,"EXPENSE"}</definedName>
    <definedName name="gdsfgdcvcx" hidden="1">{#N/A,#N/A,FALSE,"EXPENSE"}</definedName>
    <definedName name="gdsfgdfvgzcxvcxz" hidden="1">{#N/A,#N/A,FALSE,"EXPENSE"}</definedName>
    <definedName name="gdsgdfvcxvxc" hidden="1">{#N/A,#N/A,FALSE,"EXPENSE"}</definedName>
    <definedName name="gfgsdftesrt" hidden="1">{#N/A,#N/A,FALSE,"EXPENSE"}</definedName>
    <definedName name="gfhbgfggbvcvcx" hidden="1">{#N/A,#N/A,FALSE,"EXPENSE"}</definedName>
    <definedName name="gfhfgfbcvcv" hidden="1">{#N/A,#N/A,FALSE,"EXPENSE"}</definedName>
    <definedName name="gfhfxcxvcxzv" hidden="1">{#N/A,#N/A,FALSE,"EXPENSE"}</definedName>
    <definedName name="gfhsdzfzasdfSAF" hidden="1">{#N/A,#N/A,FALSE,"ALLOC"}</definedName>
    <definedName name="gfhshyghgf" hidden="1">{#N/A,#N/A,FALSE,"EXPENSE"}</definedName>
    <definedName name="gfnhsfgdzvc" hidden="1">{#N/A,#N/A,FALSE,"ALLOC"}</definedName>
    <definedName name="gfsgesrwerwer" hidden="1">{#N/A,#N/A,FALSE,"EXPENSE"}</definedName>
    <definedName name="gggg" hidden="1">{#N/A,#N/A,FALSE,"EXPENSE"}</definedName>
    <definedName name="ggggg" hidden="1">{#N/A,#N/A,FALSE,"EXPENSE"}</definedName>
    <definedName name="gggggg" hidden="1">{#N/A,#N/A,FALSE,"EXPENSE"}</definedName>
    <definedName name="ghsfgdszfzsdf" hidden="1">{#N/A,#N/A,FALSE,"EXPENSE"}</definedName>
    <definedName name="gretertertert" hidden="1">{#N/A,#N/A,FALSE,"EXPENSE"}</definedName>
    <definedName name="gsdfgdzcvzcxvc" hidden="1">{#N/A,#N/A,FALSE,"EXPENSE"}</definedName>
    <definedName name="gsdfgdzfzdvcxz" hidden="1">{#N/A,#N/A,FALSE,"EXPENSE"}</definedName>
    <definedName name="gsdfgzsdfzsdcs" hidden="1">{#N/A,#N/A,FALSE,"EXPENSE"}</definedName>
    <definedName name="gsfdgzdfcxv" hidden="1">{#N/A,#N/A,FALSE,"EXPENSE"}</definedName>
    <definedName name="hfgdfdcvc" hidden="1">{#N/A,#N/A,FALSE,"EXPENSE"}</definedName>
    <definedName name="hgfhngfvbvcb" hidden="1">{#N/A,#N/A,FALSE,"EXPENSE"}</definedName>
    <definedName name="hgfhsfdgadgfzdv" hidden="1">{#N/A,#N/A,FALSE,"EXPENSE"}</definedName>
    <definedName name="hghfdghfgh" hidden="1">{#N/A,#N/A,FALSE,"EXPENSE"}</definedName>
    <definedName name="hgsfdgdzgfdszfds" hidden="1">{#N/A,#N/A,FALSE,"EXPENSE"}</definedName>
    <definedName name="hhfghfh" hidden="1">{#N/A,#N/A,FALSE,"EXPENSE"}</definedName>
    <definedName name="hhgbvxcv" hidden="1">{#N/A,#N/A,FALSE,"EXPENSE"}</definedName>
    <definedName name="hhhh" hidden="1">{#N/A,#N/A,FALSE,"EXPENSE"}</definedName>
    <definedName name="hhhhh" hidden="1">{#N/A,#N/A,FALSE,"ALLOC"}</definedName>
    <definedName name="hjgfhgfhgf" hidden="1">{#N/A,#N/A,FALSE,"EXPENSE"}</definedName>
    <definedName name="hnftgszdgfzsdfv" hidden="1">{#N/A,#N/A,FALSE,"EXPENSE"}</definedName>
    <definedName name="hshgsgfgdfg" hidden="1">{#N/A,#N/A,FALSE,"ALLOC"}</definedName>
    <definedName name="HTML_CodePage" hidden="1">1252</definedName>
    <definedName name="HTML_Description" hidden="1">""</definedName>
    <definedName name="HTML_Email" hidden="1">""</definedName>
    <definedName name="HTML_Header" hidden="1">"Commentary"</definedName>
    <definedName name="HTML_LastUpdate" hidden="1">"08/14/2003"</definedName>
    <definedName name="HTML_LineAfter" hidden="1">FALSE</definedName>
    <definedName name="HTML_LineBefore" hidden="1">FALSE</definedName>
    <definedName name="HTML_Name" hidden="1">"Corporate User"</definedName>
    <definedName name="HTML_OBDlg2" hidden="1">TRUE</definedName>
    <definedName name="HTML_OBDlg4" hidden="1">TRUE</definedName>
    <definedName name="HTML_OS" hidden="1">0</definedName>
    <definedName name="HTML_PathFile" hidden="1">"C:\WINNT\Profiles\i11485\Desktop\MyHTML.htm"</definedName>
    <definedName name="HTML_Title" hidden="1">"New Reporting Summary 8-13-03"</definedName>
    <definedName name="htyrtyfghfg" hidden="1">{#N/A,#N/A,FALSE,"EXPENSE"}</definedName>
    <definedName name="iiittuty" hidden="1">{#N/A,#N/A,FALSE,"EXPENSE"}</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GROWTH" hidden="1">"c1924"</definedName>
    <definedName name="IQ_ACCT_RECV_1YR_ANN_GROWTH" hidden="1">"c1919"</definedName>
    <definedName name="IQ_ACCT_RECV_2YR_ANN_GROWTH" hidden="1">"c1920"</definedName>
    <definedName name="IQ_ACCT_RECV_3YR_ANN_GROWTH" hidden="1">"c1921"</definedName>
    <definedName name="IQ_ACCT_RECV_5YR_ANN_GROWTH" hidden="1">"c1922"</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SITION_RE_ASSETS" hidden="1">"c1628"</definedName>
    <definedName name="IQ_AD" hidden="1">"c7"</definedName>
    <definedName name="IQ_ADD_PAID_IN" hidden="1">"c1344"</definedName>
    <definedName name="IQ_ADJ_AVG_BANK_ASSETS" hidden="1">"c2671"</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IT" hidden="1">"c13"</definedName>
    <definedName name="IQ_AE_UTI" hidden="1">"c14"</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TIONS" hidden="1">"c2837"</definedName>
    <definedName name="IQ_AIR_ORDERS" hidden="1">"c2836"</definedName>
    <definedName name="IQ_AIR_OWNED" hidden="1">"c2832"</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GROWTH" hidden="1">"c18"</definedName>
    <definedName name="IQ_ALLOWANCE_1YR_ANN_GROWTH" hidden="1">"c19"</definedName>
    <definedName name="IQ_ALLOWANCE_2YR_ANN_GROWTH" hidden="1">"c20"</definedName>
    <definedName name="IQ_ALLOWANCE_3YR_ANN_GROWTH" hidden="1">"c21"</definedName>
    <definedName name="IQ_ALLOWANCE_5YR_ANN_GROWTH" hidden="1">"c22"</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ORTIZATION" hidden="1">"c1591"</definedName>
    <definedName name="IQ_AMT_OUT" hidden="1">"c2145"</definedName>
    <definedName name="IQ_ANNU_DISTRIBUTION_UNIT" hidden="1">"c3004"</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IT" hidden="1">"c43"</definedName>
    <definedName name="IQ_AR_TURNS" hidden="1">"c44"</definedName>
    <definedName name="IQ_AR_UTI" hidden="1">"c45"</definedName>
    <definedName name="IQ_ARPU" hidden="1">"c2126"</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IT" hidden="1">"c60"</definedName>
    <definedName name="IQ_ASSET_WRITEDOWN_UTI" hidden="1">"c61"</definedName>
    <definedName name="IQ_ASSETS_CAP_LEASE_DEPR" hidden="1">"c2068"</definedName>
    <definedName name="IQ_ASSETS_CAP_LEASE_GROSS" hidden="1">"c2069"</definedName>
    <definedName name="IQ_ASSETS_OPER_LEASE_DEPR" hidden="1">"c2070"</definedName>
    <definedName name="IQ_ASSETS_OPER_LEASE_GROSS" hidden="1">"c2071"</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TO_WRITTEN" hidden="1">"c62"</definedName>
    <definedName name="IQ_AVG_BANK_ASSETS" hidden="1">"c2072"</definedName>
    <definedName name="IQ_AVG_BANK_LOANS" hidden="1">"c2073"</definedName>
    <definedName name="IQ_AVG_BROKER_REC" hidden="1">"c63"</definedName>
    <definedName name="IQ_AVG_BROKER_REC_NO" hidden="1">"c64"</definedName>
    <definedName name="IQ_AVG_DAILY_VOL" hidden="1">"c65"</definedName>
    <definedName name="IQ_AVG_INT_BEAR_LIAB" hidden="1">"c66"</definedName>
    <definedName name="IQ_AVG_INT_BEAR_LIAB_10YR_ANN_GROWTH" hidden="1">"c67"</definedName>
    <definedName name="IQ_AVG_INT_BEAR_LIAB_1YR_ANN_GROWTH" hidden="1">"c68"</definedName>
    <definedName name="IQ_AVG_INT_BEAR_LIAB_2YR_ANN_GROWTH" hidden="1">"c69"</definedName>
    <definedName name="IQ_AVG_INT_BEAR_LIAB_3YR_ANN_GROWTH" hidden="1">"c70"</definedName>
    <definedName name="IQ_AVG_INT_BEAR_LIAB_5YR_ANN_GROWTH" hidden="1">"c71"</definedName>
    <definedName name="IQ_AVG_INT_BEAR_LIAB_7YR_ANN_GROWTH" hidden="1">"c72"</definedName>
    <definedName name="IQ_AVG_INT_EARN_ASSETS" hidden="1">"c73"</definedName>
    <definedName name="IQ_AVG_INT_EARN_ASSETS_10YR_ANN_GROWTH" hidden="1">"c74"</definedName>
    <definedName name="IQ_AVG_INT_EARN_ASSETS_1YR_ANN_GROWTH" hidden="1">"c75"</definedName>
    <definedName name="IQ_AVG_INT_EARN_ASSETS_2YR_ANN_GROWTH" hidden="1">"c76"</definedName>
    <definedName name="IQ_AVG_INT_EARN_ASSETS_3YR_ANN_GROWTH" hidden="1">"c77"</definedName>
    <definedName name="IQ_AVG_INT_EARN_ASSETS_5YR_ANN_GROWTH" hidden="1">"c78"</definedName>
    <definedName name="IQ_AVG_INT_EARN_ASSETS_7YR_ANN_GROWTH" hidden="1">"c79"</definedName>
    <definedName name="IQ_AVG_MKTCAP" hidden="1">"c80"</definedName>
    <definedName name="IQ_AVG_PRICE" hidden="1">"c81"</definedName>
    <definedName name="IQ_AVG_SHAREOUTSTANDING" hidden="1">"c83"</definedName>
    <definedName name="IQ_AVG_TEV" hidden="1">"c84"</definedName>
    <definedName name="IQ_AVG_VOLUME" hidden="1">"c1346"</definedName>
    <definedName name="IQ_BANK_DEBT" hidden="1">"c2544"</definedName>
    <definedName name="IQ_BANK_DEBT_PCT" hidden="1">"c2545"</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ROK_COMMISSION" hidden="1">"c3514"</definedName>
    <definedName name="IQ_BUILDINGS" hidden="1">"c99"</definedName>
    <definedName name="IQ_BUSINESS_DESCRIPTION" hidden="1">"c322"</definedName>
    <definedName name="IQ_BV_OVER_SHARES" hidden="1">"c1349"</definedName>
    <definedName name="IQ_BV_SHARE" hidden="1">"c100"</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Y" hidden="1">"c102"</definedName>
    <definedName name="IQ_CALC_TYPE_BS" hidden="1">"c3086"</definedName>
    <definedName name="IQ_CALC_TYPE_CF" hidden="1">"c3085"</definedName>
    <definedName name="IQ_CALC_TYPE_IS" hidden="1">"c3084"</definedName>
    <definedName name="IQ_CALL_DATE_SCHEDULE" hidden="1">"c2481"</definedName>
    <definedName name="IQ_CALL_FEATURE" hidden="1">"c2197"</definedName>
    <definedName name="IQ_CALL_PRICE_SCHEDULE" hidden="1">"c2482"</definedName>
    <definedName name="IQ_CALLABLE" hidden="1">"c2196"</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EX" hidden="1">"c103"</definedName>
    <definedName name="IQ_CAPEX_10YR_ANN_GROWTH" hidden="1">"c104"</definedName>
    <definedName name="IQ_CAPEX_1YR_ANN_GROWTH" hidden="1">"c105"</definedName>
    <definedName name="IQ_CAPEX_2YR_ANN_GROWTH" hidden="1">"c106"</definedName>
    <definedName name="IQ_CAPEX_3YR_ANN_GROWTH" hidden="1">"c107"</definedName>
    <definedName name="IQ_CAPEX_5YR_ANN_GROWTH" hidden="1">"c108"</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IZED_INTEREST" hidden="1">"c3460"</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hidden="1">"c116"</definedName>
    <definedName name="IQ_CASH_CONVERSION" hidden="1">"c117"</definedName>
    <definedName name="IQ_CASH_DUE_BANKS" hidden="1">"c1351"</definedName>
    <definedName name="IQ_CASH_EQUIV" hidden="1">"c118"</definedName>
    <definedName name="IQ_CASH_FINAN" hidden="1">"c119"</definedName>
    <definedName name="IQ_CASH_INTEREST" hidden="1">"c120"</definedName>
    <definedName name="IQ_CASH_INVEST" hidden="1">"c121"</definedName>
    <definedName name="IQ_CASH_OPER" hidden="1">"c122"</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GROWTH" hidden="1">"c126"</definedName>
    <definedName name="IQ_CFO_1YR_ANN_GROWTH" hidden="1">"c127"</definedName>
    <definedName name="IQ_CFO_2YR_ANN_GROWTH" hidden="1">"c128"</definedName>
    <definedName name="IQ_CFO_3YR_ANN_GROWTH" hidden="1">"c129"</definedName>
    <definedName name="IQ_CFO_5YR_ANN_GROWTH" hidden="1">"c130"</definedName>
    <definedName name="IQ_CFO_7YR_ANN_GROWTH" hidden="1">"c131"</definedName>
    <definedName name="IQ_CFO_CURRENT_LIAB" hidden="1">"c132"</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GROSS" hidden="1">"c162"</definedName>
    <definedName name="IQ_CHARGE_OFFS_NET" hidden="1">"c163"</definedName>
    <definedName name="IQ_CHARGE_OFFS_RECOVERED" hidden="1">"c164"</definedName>
    <definedName name="IQ_CHARGE_OFFS_TOTAL_AVG_LOANS" hidden="1">"c165"</definedName>
    <definedName name="IQ_CITY" hidden="1">"c166"</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ED" hidden="1">"c2681"</definedName>
    <definedName name="IQ_CLASSA_OPTIONS_GRANTED" hidden="1">"c2680"</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OGS" hidden="1">"c175"</definedName>
    <definedName name="IQ_COMBINED_RATIO" hidden="1">"c176"</definedName>
    <definedName name="IQ_COMMERCIAL_DOM" hidden="1">"c177"</definedName>
    <definedName name="IQ_COMMERCIAL_FIRE_WRITTEN" hidden="1">"c178"</definedName>
    <definedName name="IQ_COMMERCIAL_MORT" hidden="1">"c179"</definedName>
    <definedName name="IQ_COMMISS_FEES" hidden="1">"c180"</definedName>
    <definedName name="IQ_COMMISSION_DEF" hidden="1">"c181"</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GROWTH" hidden="1">"c191"</definedName>
    <definedName name="IQ_COMMON_EQUITY_1YR_ANN_GROWTH" hidden="1">"c192"</definedName>
    <definedName name="IQ_COMMON_EQUITY_2YR_ANN_GROWTH" hidden="1">"c193"</definedName>
    <definedName name="IQ_COMMON_EQUITY_3YR_ANN_GROWTH" hidden="1">"c194"</definedName>
    <definedName name="IQ_COMMON_EQUITY_5YR_ANN_GROWTH" hidden="1">"c195"</definedName>
    <definedName name="IQ_COMMON_EQUITY_7YR_ANN_GROWTH" hidden="1">"c196"</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NSTRUCTION_LOANS" hidden="1">"c222"</definedName>
    <definedName name="IQ_CONSUMER_LOANS" hidden="1">"c223"</definedName>
    <definedName name="IQ_CONV_DATE" hidden="1">"c2191"</definedName>
    <definedName name="IQ_CONV_EXP_DATE" hidden="1">"c3043"</definedName>
    <definedName name="IQ_CONV_PREMIUM" hidden="1">"c2195"</definedName>
    <definedName name="IQ_CONV_PRICE" hidden="1">"c2193"</definedName>
    <definedName name="IQ_CONV_RATIO" hidden="1">"c2192"</definedName>
    <definedName name="IQ_CONV_SECURITY" hidden="1">"c2189"</definedName>
    <definedName name="IQ_CONV_SECURITY_ISSUER" hidden="1">"c2190"</definedName>
    <definedName name="IQ_CONV_SECURITY_PRICE" hidden="1">"c2194"</definedName>
    <definedName name="IQ_CONVERT" hidden="1">"c2536"</definedName>
    <definedName name="IQ_CONVERT_PCT" hidden="1">"c2537"</definedName>
    <definedName name="IQ_CONVEXITY" hidden="1">"c2182"</definedName>
    <definedName name="IQ_COST_BORROWING" hidden="1">"c2936"</definedName>
    <definedName name="IQ_COST_BORROWINGS" hidden="1">"c225"</definedName>
    <definedName name="IQ_COST_REV" hidden="1">"c226"</definedName>
    <definedName name="IQ_COST_REVENUE" hidden="1">"c1359"</definedName>
    <definedName name="IQ_COST_SAVINGS" hidden="1">"c227"</definedName>
    <definedName name="IQ_COST_SERVICE" hidden="1">"c228"</definedName>
    <definedName name="IQ_COST_TOTAL_BORROWINGS" hidden="1">"c229"</definedName>
    <definedName name="IQ_COUNTRY_NAME" hidden="1">"c230"</definedName>
    <definedName name="IQ_COVERED_POPS" hidden="1">"c2124"</definedName>
    <definedName name="IQ_CP" hidden="1">"c2495"</definedName>
    <definedName name="IQ_CP_PCT" hidden="1">"c2496"</definedName>
    <definedName name="IQ_CQ" hidden="1">5000</definedName>
    <definedName name="IQ_CREDIT_CARD_FEE_BNK" hidden="1">"c231"</definedName>
    <definedName name="IQ_CREDIT_CARD_FEE_FIN" hidden="1">"c1583"</definedName>
    <definedName name="IQ_CREDIT_LOSS_CF" hidden="1">"c232"</definedName>
    <definedName name="IQ_CUMULATIVE_SPLIT_FACTOR" hidden="1">"c2094"</definedName>
    <definedName name="IQ_CURR_DOMESTIC_TAXES" hidden="1">"c2074"</definedName>
    <definedName name="IQ_CURR_FOREIGN_TAXES" hidden="1">"c2075"</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IT" hidden="1">"c1570"</definedName>
    <definedName name="IQ_CURRENT_PORT_DEBT_UTI" hidden="1">"c1571"</definedName>
    <definedName name="IQ_CURRENT_PORT_LEASES" hidden="1">"c245"</definedName>
    <definedName name="IQ_CURRENT_PORT_PCT" hidden="1">"c2541"</definedName>
    <definedName name="IQ_CURRENT_RATIO" hidden="1">"c246"</definedName>
    <definedName name="IQ_CUSIP" hidden="1">"c2245"</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IT" hidden="1">"c254"</definedName>
    <definedName name="IQ_DA_CF_UTI" hidden="1">"c255"</definedName>
    <definedName name="IQ_DA_FIN" hidden="1">"c256"</definedName>
    <definedName name="IQ_DA_INS" hidden="1">"c25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IT" hidden="1">"c266"</definedName>
    <definedName name="IQ_DA_SUPPL_CF_UTI" hidden="1">"c267"</definedName>
    <definedName name="IQ_DA_SUPPL_FIN" hidden="1">"c268"</definedName>
    <definedName name="IQ_DA_SUPPL_INS" hidden="1">"c269"</definedName>
    <definedName name="IQ_DA_SUPPL_REIT" hidden="1">"c270"</definedName>
    <definedName name="IQ_DA_SUPPL_UTI" hidden="1">"c271"</definedName>
    <definedName name="IQ_DA_UTI" hidden="1">"c272"</definedName>
    <definedName name="IQ_DATED_DATE" hidden="1">"c2185"</definedName>
    <definedName name="IQ_DAY_COUNT" hidden="1">"c2161"</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IT" hidden="1">"c297"</definedName>
    <definedName name="IQ_DEF_CHARGES_LT_UTI" hidden="1">"c298"</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TAX_ASSET_LT_BR" hidden="1">"c304"</definedName>
    <definedName name="IQ_DEF_TAX_ASSET_LT_FIN" hidden="1">"c305"</definedName>
    <definedName name="IQ_DEF_TAX_ASSET_LT_INS" hidden="1">"c306"</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POSITS_FIN" hidden="1">"c321"</definedName>
    <definedName name="IQ_DEPRE_AMORT" hidden="1">"c1360"</definedName>
    <definedName name="IQ_DEPRE_AMORT_SUPPL" hidden="1">"c1593"</definedName>
    <definedName name="IQ_DEPRE_DEPLE" hidden="1">"c1361"</definedName>
    <definedName name="IQ_DEPRE_SUPP" hidden="1">"c1443"</definedName>
    <definedName name="IQ_DESCRIPTION_LONG" hidden="1">"c1520"</definedName>
    <definedName name="IQ_DEVELOP_LAND" hidden="1">"c323"</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TR_EXCESS_EARN" hidden="1">"c329"</definedName>
    <definedName name="IQ_DISTRIBUTABLE_CASH" hidden="1">"c3002"</definedName>
    <definedName name="IQ_DISTRIBUTABLE_CASH_PAYOUT" hidden="1">"c3005"</definedName>
    <definedName name="IQ_DISTRIBUTABLE_CASH_SHARE" hidden="1">"c3003"</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O" hidden="1">"c333"</definedName>
    <definedName name="IQ_DO_ASSETS_CURRENT" hidden="1">"c334"</definedName>
    <definedName name="IQ_DO_ASSETS_LT" hidden="1">"c335"</definedName>
    <definedName name="IQ_DO_CF" hidden="1">"c336"</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GROWTH" hidden="1">"c337"</definedName>
    <definedName name="IQ_DPS_1YR_ANN_GROWTH" hidden="1">"c338"</definedName>
    <definedName name="IQ_DPS_2YR_ANN_GROWTH" hidden="1">"c339"</definedName>
    <definedName name="IQ_DPS_3YR_ANN_GROWTH" hidden="1">"c340"</definedName>
    <definedName name="IQ_DPS_5YR_ANN_GROWTH" hidden="1">"c341"</definedName>
    <definedName name="IQ_DPS_7YR_ANN_GROWTH" hidden="1">"c342"</definedName>
    <definedName name="IQ_DURATION" hidden="1">"c2181"</definedName>
    <definedName name="IQ_EARNING_ASSET_YIELD" hidden="1">"c343"</definedName>
    <definedName name="IQ_EARNING_CO" hidden="1">"c344"</definedName>
    <definedName name="IQ_EARNING_CO_10YR_ANN_GROWTH" hidden="1">"c345"</definedName>
    <definedName name="IQ_EARNING_CO_1YR_ANN_GROWTH" hidden="1">"c346"</definedName>
    <definedName name="IQ_EARNING_CO_2YR_ANN_GROWTH" hidden="1">"c347"</definedName>
    <definedName name="IQ_EARNING_CO_3YR_ANN_GROWTH" hidden="1">"c348"</definedName>
    <definedName name="IQ_EARNING_CO_5YR_ANN_GROWTH" hidden="1">"c349"</definedName>
    <definedName name="IQ_EARNING_CO_7YR_ANN_GROWTH" hidden="1">"c350"</definedName>
    <definedName name="IQ_EARNING_CO_MARGIN" hidden="1">"c351"</definedName>
    <definedName name="IQ_EBIT" hidden="1">"c352"</definedName>
    <definedName name="IQ_EBIT_10YR_ANN_GROWTH" hidden="1">"c353"</definedName>
    <definedName name="IQ_EBIT_1YR_ANN_GROWTH" hidden="1">"c354"</definedName>
    <definedName name="IQ_EBIT_2YR_ANN_GROWTH" hidden="1">"c355"</definedName>
    <definedName name="IQ_EBIT_3YR_ANN_GROWTH" hidden="1">"c356"</definedName>
    <definedName name="IQ_EBIT_5YR_ANN_GROWTH" hidden="1">"c357"</definedName>
    <definedName name="IQ_EBIT_7YR_ANN_GROWTH" hidden="1">"c358"</definedName>
    <definedName name="IQ_EBIT_EQ_INC" hidden="1">"c3498"</definedName>
    <definedName name="IQ_EBIT_EQ_INC_EXCL_SBC" hidden="1">"c3502"</definedName>
    <definedName name="IQ_EBIT_EXCL_SBC" hidden="1">"c3082"</definedName>
    <definedName name="IQ_EBIT_INT" hidden="1">"c360"</definedName>
    <definedName name="IQ_EBIT_MARGIN" hidden="1">"c359"</definedName>
    <definedName name="IQ_EBIT_OVER_IE" hidden="1">"c1369"</definedName>
    <definedName name="IQ_EBITA" hidden="1">"c1910"</definedName>
    <definedName name="IQ_EBITA_10YR_ANN_GROWTH" hidden="1">"c1954"</definedName>
    <definedName name="IQ_EBITA_1YR_ANN_GROWTH" hidden="1">"c1949"</definedName>
    <definedName name="IQ_EBITA_2YR_ANN_GROWTH" hidden="1">"c1950"</definedName>
    <definedName name="IQ_EBITA_3YR_ANN_GROWTH" hidden="1">"c1951"</definedName>
    <definedName name="IQ_EBITA_5YR_ANN_GROWTH" hidden="1">"c1952"</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GROWTH" hidden="1">"c362"</definedName>
    <definedName name="IQ_EBITDA_1YR_ANN_GROWTH" hidden="1">"c363"</definedName>
    <definedName name="IQ_EBITDA_2YR_ANN_GROWTH" hidden="1">"c364"</definedName>
    <definedName name="IQ_EBITDA_3YR_ANN_GROWTH" hidden="1">"c365"</definedName>
    <definedName name="IQ_EBITDA_5YR_ANN_GROWTH" hidden="1">"c366"</definedName>
    <definedName name="IQ_EBITDA_7YR_ANN_GROWTH" hidden="1">"c367"</definedName>
    <definedName name="IQ_EBITDA_ACT_OR_EST" hidden="1">"c2215"</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XCL_SBC" hidden="1">"c3081"</definedName>
    <definedName name="IQ_EBITDA_HIGH_EST" hidden="1">"c370"</definedName>
    <definedName name="IQ_EBITDA_INT" hidden="1">"c373"</definedName>
    <definedName name="IQ_EBITDA_LOW_EST" hidden="1">"c371"</definedName>
    <definedName name="IQ_EBITDA_MARGIN" hidden="1">"c372"</definedName>
    <definedName name="IQ_EBITDA_MEDIAN_EST" hidden="1">"c1663"</definedName>
    <definedName name="IQ_EBITDA_NUM_EST" hidden="1">"c374"</definedName>
    <definedName name="IQ_EBITDA_OVER_TOTAL_IE" hidden="1">"c1371"</definedName>
    <definedName name="IQ_EBITDA_STDDEV_EST" hidden="1">"c375"</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IT" hidden="1">"c389"</definedName>
    <definedName name="IQ_EBT_UTI" hidden="1">"c390"</definedName>
    <definedName name="IQ_EFFECT_SPECIAL_CHARGE" hidden="1">"c1595"</definedName>
    <definedName name="IQ_EFFECT_TAX_RATE" hidden="1">"c1899"</definedName>
    <definedName name="IQ_EFFICIENCY_RATIO" hidden="1">"c391"</definedName>
    <definedName name="IQ_EMPLOYEES" hidden="1">"c392"</definedName>
    <definedName name="IQ_ENTERPRISE_VALUE" hidden="1">"c1348"</definedName>
    <definedName name="IQ_EPS_10YR_ANN_GROWTH" hidden="1">"c393"</definedName>
    <definedName name="IQ_EPS_1YR_ANN_GROWTH" hidden="1">"c394"</definedName>
    <definedName name="IQ_EPS_2YR_ANN_GROWTH" hidden="1">"c395"</definedName>
    <definedName name="IQ_EPS_3YR_ANN_GROWTH" hidden="1">"c396"</definedName>
    <definedName name="IQ_EPS_5YR_ANN_GROWTH" hidden="1">"c397"</definedName>
    <definedName name="IQ_EPS_7YR_ANN_GROWTH" hidden="1">"c398"</definedName>
    <definedName name="IQ_EPS_EST" hidden="1">"c399"</definedName>
    <definedName name="IQ_EPS_HIGH_EST" hidden="1">"c400"</definedName>
    <definedName name="IQ_EPS_LOW_EST" hidden="1">"c401"</definedName>
    <definedName name="IQ_EPS_MEDIAN_EST" hidden="1">"c1661"</definedName>
    <definedName name="IQ_EPS_NORM" hidden="1">"c1902"</definedName>
    <definedName name="IQ_EPS_NUM_EST" hidden="1">"c402"</definedName>
    <definedName name="IQ_EPS_STDDEV_EST" hidden="1">"c403"</definedName>
    <definedName name="IQ_EQUITY_AFFIL" hidden="1">"c1451"</definedName>
    <definedName name="IQ_EQUITY_METHOD" hidden="1">"c404"</definedName>
    <definedName name="IQ_EQV_OVER_BV" hidden="1">"c1596"</definedName>
    <definedName name="IQ_EQV_OVER_LTM_PRETAX_INC" hidden="1">"c1390"</definedName>
    <definedName name="IQ_ESOP_DEBT" hidden="1">"c1597"</definedName>
    <definedName name="IQ_EST_CURRENCY" hidden="1">"c2140"</definedName>
    <definedName name="IQ_EST_DATE" hidden="1">"c1634"</definedName>
    <definedName name="IQ_EST_EPS_GROWTH_1YR" hidden="1">"c1636"</definedName>
    <definedName name="IQ_EST_EPS_GROWTH_5YR" hidden="1">"c1655"</definedName>
    <definedName name="IQ_EST_EPS_GROWTH_Q_1YR" hidden="1">"c1641"</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LORE_DRILL" hidden="1">"c409"</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IT" hidden="1">"c415"</definedName>
    <definedName name="IQ_EXTRA_ACC_ITEMS_UTI" hidden="1">"c416"</definedName>
    <definedName name="IQ_EXTRA_ITEMS" hidden="1">"c1459"</definedName>
    <definedName name="IQ_FDIC" hidden="1">"c417"</definedName>
    <definedName name="IQ_FEDFUNDS_SOLD" hidden="1">"c2256"</definedName>
    <definedName name="IQ_FFO" hidden="1">"c1574"</definedName>
    <definedName name="IQ_FFO_PAYOUT_RATIO" hidden="1">"c3492"</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LING_CURRENCY" hidden="1">"c2129"</definedName>
    <definedName name="IQ_FILINGDATE_BS" hidden="1">"c424"</definedName>
    <definedName name="IQ_FILINGDATE_CF" hidden="1">"c425"</definedName>
    <definedName name="IQ_FILINGDATE_IS" hidden="1">"c426"</definedName>
    <definedName name="IQ_FILM_RIGHTS" hidden="1">"c2254"</definedName>
    <definedName name="IQ_FIN_DIV_ASSETS_CURRENT" hidden="1">"c427"</definedName>
    <definedName name="IQ_FIN_DIV_ASSETS_LT" hidden="1">"c428"</definedName>
    <definedName name="IQ_FIN_DIV_DEBT_CURRENT" hidden="1">"c429"</definedName>
    <definedName name="IQ_FIN_DIV_DEBT_LT" hidden="1">"c430"</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REV" hidden="1">"c437"</definedName>
    <definedName name="IQ_FINANCING_CASH" hidden="1">"c1405"</definedName>
    <definedName name="IQ_FINANCING_CASH_SUPPL" hidden="1">"c1406"</definedName>
    <definedName name="IQ_FINISHED_INV" hidden="1">"c438"</definedName>
    <definedName name="IQ_FIRST_INT_DATE" hidden="1">"c2186"</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Y" hidden="1">"c441"</definedName>
    <definedName name="IQ_FIVE_PERCENT_OWNER" hidden="1">"c442"</definedName>
    <definedName name="IQ_FIVEPERCENT_PERCENT" hidden="1">"c443"</definedName>
    <definedName name="IQ_FIVEPERCENT_SHARES" hidden="1">"c444"</definedName>
    <definedName name="IQ_FIXED_ASSET_TURNS" hidden="1">"c445"</definedName>
    <definedName name="IQ_FLOAT_PERCENT" hidden="1">"c1575"</definedName>
    <definedName name="IQ_FOREIGN_DEP_IB" hidden="1">"c446"</definedName>
    <definedName name="IQ_FOREIGN_DEP_NON_IB" hidden="1">"c447"</definedName>
    <definedName name="IQ_FOREIGN_EXCHANGE" hidden="1">"c1376"</definedName>
    <definedName name="IQ_FOREIGN_LOANS" hidden="1">"c448"</definedName>
    <definedName name="IQ_FQ" hidden="1">500</definedName>
    <definedName name="IQ_FUEL" hidden="1">"c449"</definedName>
    <definedName name="IQ_FULL_TIME" hidden="1">"c45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Y" hidden="1">1000</definedName>
    <definedName name="IQ_GA_EXP" hidden="1">"c2241"</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OODWILL_NET" hidden="1">"c1380"</definedName>
    <definedName name="IQ_GP" hidden="1">"c511"</definedName>
    <definedName name="IQ_GP_10YR_ANN_GROWTH" hidden="1">"c512"</definedName>
    <definedName name="IQ_GP_1YR_ANN_GROWTH" hidden="1">"c513"</definedName>
    <definedName name="IQ_GP_2YR_ANN_GROWTH" hidden="1">"c514"</definedName>
    <definedName name="IQ_GP_3YR_ANN_GROWTH" hidden="1">"c515"</definedName>
    <definedName name="IQ_GP_5YR_ANN_GROWTH" hidden="1">"c516"</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GROWTH" hidden="1">"c522"</definedName>
    <definedName name="IQ_GROSS_LOANS_1YR_ANN_GROWTH" hidden="1">"c523"</definedName>
    <definedName name="IQ_GROSS_LOANS_2YR_ANN_GROWTH" hidden="1">"c524"</definedName>
    <definedName name="IQ_GROSS_LOANS_3YR_ANN_GROWTH" hidden="1">"c525"</definedName>
    <definedName name="IQ_GROSS_LOANS_5YR_ANN_GROWTH" hidden="1">"c526"</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SPRD" hidden="1">"c2155"</definedName>
    <definedName name="IQ_GROSS_WRITTEN" hidden="1">"c272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IT" hidden="1">"c1480"</definedName>
    <definedName name="IQ_GW_INTAN_AMORT_UTI" hidden="1">"c1481"</definedName>
    <definedName name="IQ_HIGH_TARGET_PRICE" hidden="1">"c1651"</definedName>
    <definedName name="IQ_HIGHPRICE" hidden="1">"c545"</definedName>
    <definedName name="IQ_HOMEOWNERS_WRITTEN" hidden="1">"c546"</definedName>
    <definedName name="IQ_IMPAIR_OIL" hidden="1">"c547"</definedName>
    <definedName name="IQ_IMPAIRMENT_GW" hidden="1">"c548"</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DUSTRY" hidden="1">"c3601"</definedName>
    <definedName name="IQ_INDUSTRY_GROUP" hidden="1">"c3602"</definedName>
    <definedName name="IQ_INDUSTRY_SECTOR" hidden="1">"c3603"</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OVER_TOTAL" hidden="1">"c1581"</definedName>
    <definedName name="IQ_INSIDER_OWNER" hidden="1">"c577"</definedName>
    <definedName name="IQ_INSIDER_PERCENT" hidden="1">"c578"</definedName>
    <definedName name="IQ_INSIDER_SHARES" hidden="1">"c57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UR_RECEIV" hidden="1">"c1600"</definedName>
    <definedName name="IQ_INT_BORROW" hidden="1">"c583"</definedName>
    <definedName name="IQ_INT_DEPOSITS" hidden="1">"c584"</definedName>
    <definedName name="IQ_INT_DIV_INC" hidden="1">"c585"</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IT" hidden="1">"c590"</definedName>
    <definedName name="IQ_INT_EXP_TOTAL" hidden="1">"c591"</definedName>
    <definedName name="IQ_INT_EXP_UTI" hidden="1">"c592"</definedName>
    <definedName name="IQ_INT_INC_BR" hidden="1">"c593"</definedName>
    <definedName name="IQ_INT_INC_FIN" hidden="1">"c594"</definedName>
    <definedName name="IQ_INT_INC_INVEST" hidden="1">"c595"</definedName>
    <definedName name="IQ_INT_INC_LOANS" hidden="1">"c596"</definedName>
    <definedName name="IQ_INT_INC_REIT" hidden="1">"c597"</definedName>
    <definedName name="IQ_INT_INC_TOTAL" hidden="1">"c598"</definedName>
    <definedName name="IQ_INT_INC_UTI" hidden="1">"c599"</definedName>
    <definedName name="IQ_INT_INV_INC" hidden="1">"c600"</definedName>
    <definedName name="IQ_INT_INV_INC_REIT" hidden="1">"c601"</definedName>
    <definedName name="IQ_INT_INV_INC_UTI" hidden="1">"c602"</definedName>
    <definedName name="IQ_INT_ON_BORROWING_COVERAGE" hidden="1">"c603"</definedName>
    <definedName name="IQ_INT_RATE_SPREAD" hidden="1">"c604"</definedName>
    <definedName name="IQ_INTANGIBLES_NET" hidden="1">"c1407"</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V_10YR_ANN_GROWTH" hidden="1">"c1930"</definedName>
    <definedName name="IQ_INV_1YR_ANN_GROWTH" hidden="1">"c1925"</definedName>
    <definedName name="IQ_INV_2YR_ANN_GROWTH" hidden="1">"c1926"</definedName>
    <definedName name="IQ_INV_3YR_ANN_GROWTH" hidden="1">"c1927"</definedName>
    <definedName name="IQ_INV_5YR_ANN_GROWTH" hidden="1">"c1928"</definedName>
    <definedName name="IQ_INV_7YR_ANN_GROWTH" hidden="1">"c1929"</definedName>
    <definedName name="IQ_INV_BANKING_FEE" hidden="1">"c620"</definedName>
    <definedName name="IQ_INV_METHOD" hidden="1">"c6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IT" hidden="1">"c633"</definedName>
    <definedName name="IQ_INVEST_LOANS_CF_UTI" hidden="1">"c634"</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IT" hidden="1">"c642"</definedName>
    <definedName name="IQ_INVEST_SECURITY_CF_UTI" hidden="1">"c643"</definedName>
    <definedName name="IQ_IPRD" hidden="1">"c644"</definedName>
    <definedName name="IQ_ISS_DEBT_NET" hidden="1">"c1391"</definedName>
    <definedName name="IQ_ISS_STOCK_NET" hidden="1">"c1601"</definedName>
    <definedName name="IQ_ISSUE_CURRENCY" hidden="1">"c2156"</definedName>
    <definedName name="IQ_ISSUE_NAME" hidden="1">"c2142"</definedName>
    <definedName name="IQ_ISSUER" hidden="1">"c2143"</definedName>
    <definedName name="IQ_ISSUER_CIQID" hidden="1">"c2258"</definedName>
    <definedName name="IQ_ISSUER_PARENT" hidden="1">"c2144"</definedName>
    <definedName name="IQ_ISSUER_PARENT_CIQID" hidden="1">"c2260"</definedName>
    <definedName name="IQ_ISSUER_PARENT_TICKER" hidden="1">"c2259"</definedName>
    <definedName name="IQ_ISSUER_TICKER" hidden="1">"c2252"</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ST_PMT_DATE" hidden="1">"c2188"</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K" hidden="1">1000</definedName>
    <definedName name="IQ_LATESTQ" hidden="1">500</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IT" hidden="1">"c652"</definedName>
    <definedName name="IQ_LEGAL_SETTLE_UTI" hidden="1">"c653"</definedName>
    <definedName name="IQ_LEVERAGE_RATIO" hidden="1">"c654"</definedName>
    <definedName name="IQ_LEVERED_FCF" hidden="1">"c1907"</definedName>
    <definedName name="IQ_LFCF_10YR_ANN_GROWTH" hidden="1">"c1942"</definedName>
    <definedName name="IQ_LFCF_1YR_ANN_GROWTH" hidden="1">"c1937"</definedName>
    <definedName name="IQ_LFCF_2YR_ANN_GROWTH" hidden="1">"c1938"</definedName>
    <definedName name="IQ_LFCF_3YR_ANN_GROWTH" hidden="1">"c1939"</definedName>
    <definedName name="IQ_LFCF_5YR_ANN_GROWTH" hidden="1">"c1940"</definedName>
    <definedName name="IQ_LFCF_7YR_ANN_GROWTH" hidden="1">"c1941"</definedName>
    <definedName name="IQ_LFCF_MARGIN" hidden="1">"c1961"</definedName>
    <definedName name="IQ_LH_STATUTORY_SURPLUS" hidden="1">"c2771"</definedName>
    <definedName name="IQ_LICENSED_POPS" hidden="1">"c2123"</definedName>
    <definedName name="IQ_LIFE_EARNED" hidden="1">"c2739"</definedName>
    <definedName name="IQ_LIFOR" hidden="1">"c655"</definedName>
    <definedName name="IQ_LL" hidden="1">"c656"</definedName>
    <definedName name="IQ_LOAN_LEASE_RECEIV" hidden="1">"c657"</definedName>
    <definedName name="IQ_LOAN_LOSS" hidden="1">"c1386"</definedName>
    <definedName name="IQ_LOAN_SERVICE_REV" hidden="1">"c658"</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IT" hidden="1">"c664"</definedName>
    <definedName name="IQ_LOANS_CF_UTI" hidden="1">"c665"</definedName>
    <definedName name="IQ_LOANS_FOR_SALE" hidden="1">"c666"</definedName>
    <definedName name="IQ_LOANS_PAST_DUE" hidden="1">"c667"</definedName>
    <definedName name="IQ_LOANS_RECEIV_CURRENT" hidden="1">"c668"</definedName>
    <definedName name="IQ_LOANS_RECEIV_LT" hidden="1">"c669"</definedName>
    <definedName name="IQ_LOANS_RECEIV_LT_UTI" hidden="1">"c670"</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LOSS_EXP" hidden="1">"c672"</definedName>
    <definedName name="IQ_LOSS_TO_NET_EARNED" hidden="1">"c2751"</definedName>
    <definedName name="IQ_LOW_TARGET_PRICE" hidden="1">"c1652"</definedName>
    <definedName name="IQ_LOWPRICE" hidden="1">"c673"</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IT" hidden="1">"c686"</definedName>
    <definedName name="IQ_LT_DEBT_ISSUED_UTI" hidden="1">"c687"</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IT" hidden="1">"c700"</definedName>
    <definedName name="IQ_LT_INVEST_UTI" hidden="1">"c701"</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MACHINERY" hidden="1">"c711"</definedName>
    <definedName name="IQ_MAINT_CAPEX" hidden="1">"c2947"</definedName>
    <definedName name="IQ_MAINT_REPAIR" hidden="1">"c2087"</definedName>
    <definedName name="IQ_MAKE_WHOLE_END_DATE" hidden="1">"c2493"</definedName>
    <definedName name="IQ_MAKE_WHOLE_SPREAD" hidden="1">"c2494"</definedName>
    <definedName name="IQ_MAKE_WHOLE_START_DATE" hidden="1">"c2492"</definedName>
    <definedName name="IQ_MARKET_CAP_LFCF" hidden="1">"c2209"</definedName>
    <definedName name="IQ_MARKETCAP" hidden="1">"c712"</definedName>
    <definedName name="IQ_MARKETING" hidden="1">"c2239"</definedName>
    <definedName name="IQ_MATURITY_DATE" hidden="1">"c2146"</definedName>
    <definedName name="IQ_MC_RATIO" hidden="1">"c2783"</definedName>
    <definedName name="IQ_MC_STATUTORY_SURPLUS" hidden="1">"c2772"</definedName>
    <definedName name="IQ_MEDIAN_TARGET_PRICE" hidden="1">"c1650"</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IT" hidden="1">"c724"</definedName>
    <definedName name="IQ_MERGER_RESTRUCTURE_UTI" hidden="1">"c725"</definedName>
    <definedName name="IQ_MERGER_UTI" hidden="1">"c726"</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M_ACCOUNT" hidden="1">"c743"</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SERV_RIGHTS" hidden="1">"c2242"</definedName>
    <definedName name="IQ_NET_CHANGE" hidden="1">"c749"</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T_INC_10YR_ANN_GROWTH" hidden="1">"c758"</definedName>
    <definedName name="IQ_NET_INT_INC_1YR_ANN_GROWTH" hidden="1">"c759"</definedName>
    <definedName name="IQ_NET_INT_INC_2YR_ANN_GROWTH" hidden="1">"c760"</definedName>
    <definedName name="IQ_NET_INT_INC_3YR_ANN_GROWTH" hidden="1">"c761"</definedName>
    <definedName name="IQ_NET_INT_INC_5YR_ANN_GROWTH" hidden="1">"c762"</definedName>
    <definedName name="IQ_NET_INT_INC_7YR_ANN_GROWTH" hidden="1">"c763"</definedName>
    <definedName name="IQ_NET_INT_INC_BNK" hidden="1">"c764"</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LIFE_INS_IN_FORCE" hidden="1">"c2769"</definedName>
    <definedName name="IQ_NET_LOANS" hidden="1">"c772"</definedName>
    <definedName name="IQ_NET_LOANS_10YR_ANN_GROWTH" hidden="1">"c773"</definedName>
    <definedName name="IQ_NET_LOANS_1YR_ANN_GROWTH" hidden="1">"c774"</definedName>
    <definedName name="IQ_NET_LOANS_2YR_ANN_GROWTH" hidden="1">"c775"</definedName>
    <definedName name="IQ_NET_LOANS_3YR_ANN_GROWTH" hidden="1">"c776"</definedName>
    <definedName name="IQ_NET_LOANS_5YR_ANN_GROWTH" hidden="1">"c777"</definedName>
    <definedName name="IQ_NET_LOANS_7YR_ANN_GROWTH" hidden="1">"c778"</definedName>
    <definedName name="IQ_NET_LOANS_TOTAL_DEPOSITS" hidden="1">"c779"</definedName>
    <definedName name="IQ_NET_RENTAL_EXP_FN" hidden="1">"c780"</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EXT_SINK_FUND_AMOUNT" hidden="1">"c2490"</definedName>
    <definedName name="IQ_NEXT_SINK_FUND_DATE" hidden="1">"c2489"</definedName>
    <definedName name="IQ_NEXT_SINK_FUND_PRICE" hidden="1">"c2491"</definedName>
    <definedName name="IQ_NI" hidden="1">"c781"</definedName>
    <definedName name="IQ_NI_10YR_ANN_GROWTH" hidden="1">"c782"</definedName>
    <definedName name="IQ_NI_1YR_ANN_GROWTH" hidden="1">"c783"</definedName>
    <definedName name="IQ_NI_2YR_ANN_GROWTH" hidden="1">"c784"</definedName>
    <definedName name="IQ_NI_3YR_ANN_GROWTH" hidden="1">"c785"</definedName>
    <definedName name="IQ_NI_5YR_ANN_GROWTH" hidden="1">"c786"</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BEFORE_CAPITALIZED" hidden="1">"c792"</definedName>
    <definedName name="IQ_NI_CF" hidden="1">"c793"</definedName>
    <definedName name="IQ_NI_MARGIN" hidden="1">"c794"</definedName>
    <definedName name="IQ_NI_NORM" hidden="1">"c1901"</definedName>
    <definedName name="IQ_NI_NORM_10YR_ANN_GROWTH" hidden="1">"c1960"</definedName>
    <definedName name="IQ_NI_NORM_1YR_ANN_GROWTH" hidden="1">"c1955"</definedName>
    <definedName name="IQ_NI_NORM_2YR_ANN_GROWTH" hidden="1">"c1956"</definedName>
    <definedName name="IQ_NI_NORM_3YR_ANN_GROWTH" hidden="1">"c1957"</definedName>
    <definedName name="IQ_NI_NORM_5YR_ANN_GROWTH" hidden="1">"c1958"</definedName>
    <definedName name="IQ_NI_NORM_7YR_ANN_GROWTH" hidden="1">"c1959"</definedName>
    <definedName name="IQ_NI_NORM_MARGIN" hidden="1">"c1964"</definedName>
    <definedName name="IQ_NI_SFAS" hidden="1">"c795"</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EXP" hidden="1">"c801"</definedName>
    <definedName name="IQ_NON_INT_INC" hidden="1">"c802"</definedName>
    <definedName name="IQ_NON_INT_INC_10YR_ANN_GROWTH" hidden="1">"c803"</definedName>
    <definedName name="IQ_NON_INT_INC_1YR_ANN_GROWTH" hidden="1">"c804"</definedName>
    <definedName name="IQ_NON_INT_INC_2YR_ANN_GROWTH" hidden="1">"c805"</definedName>
    <definedName name="IQ_NON_INT_INC_3YR_ANN_GROWTH" hidden="1">"c806"</definedName>
    <definedName name="IQ_NON_INT_INC_5YR_ANN_GROWTH" hidden="1">"c807"</definedName>
    <definedName name="IQ_NON_INT_INC_7YR_ANN_GROWTH" hidden="1">"c808"</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GROWTH" hidden="1">"c811"</definedName>
    <definedName name="IQ_NON_PERF_ASSETS_1YR_ANN_GROWTH" hidden="1">"c812"</definedName>
    <definedName name="IQ_NON_PERF_ASSETS_2YR_ANN_GROWTH" hidden="1">"c813"</definedName>
    <definedName name="IQ_NON_PERF_ASSETS_3YR_ANN_GROWTH" hidden="1">"c814"</definedName>
    <definedName name="IQ_NON_PERF_ASSETS_5YR_ANN_GROWTH" hidden="1">"c815"</definedName>
    <definedName name="IQ_NON_PERF_ASSETS_7YR_ANN_GROWTH" hidden="1">"c816"</definedName>
    <definedName name="IQ_NON_PERF_ASSETS_TOTAL_ASSETS" hidden="1">"c817"</definedName>
    <definedName name="IQ_NON_PERF_LOANS_10YR_ANN_GROWTH" hidden="1">"c818"</definedName>
    <definedName name="IQ_NON_PERF_LOANS_1YR_ANN_GROWTH" hidden="1">"c819"</definedName>
    <definedName name="IQ_NON_PERF_LOANS_2YR_ANN_GROWTH" hidden="1">"c820"</definedName>
    <definedName name="IQ_NON_PERF_LOANS_3YR_ANN_GROWTH" hidden="1">"c821"</definedName>
    <definedName name="IQ_NON_PERF_LOANS_5YR_ANN_GROWTH" hidden="1">"c822"</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CASH_PENSION_EXP" hidden="1">"c3000"</definedName>
    <definedName name="IQ_NONRECOURSE_DEBT" hidden="1">"c2550"</definedName>
    <definedName name="IQ_NONRECOURSE_DEBT_PCT" hidden="1">"c2551"</definedName>
    <definedName name="IQ_NONUTIL_REV" hidden="1">"c2089"</definedName>
    <definedName name="IQ_NORMAL_INC_AFTER" hidden="1">"c1605"</definedName>
    <definedName name="IQ_NORMAL_INC_AVAIL" hidden="1">"c1606"</definedName>
    <definedName name="IQ_NORMAL_INC_BEFORE" hidden="1">"c1607"</definedName>
    <definedName name="IQ_NOTES_PAY" hidden="1">"c1423"</definedName>
    <definedName name="IQ_NOW_ACCOUNT" hidden="1">"c828"</definedName>
    <definedName name="IQ_NPPE" hidden="1">"c829"</definedName>
    <definedName name="IQ_NPPE_10YR_ANN_GROWTH" hidden="1">"c830"</definedName>
    <definedName name="IQ_NPPE_1YR_ANN_GROWTH" hidden="1">"c831"</definedName>
    <definedName name="IQ_NPPE_2YR_ANN_GROWTH" hidden="1">"c832"</definedName>
    <definedName name="IQ_NPPE_3YR_ANN_GROWTH" hidden="1">"c833"</definedName>
    <definedName name="IQ_NPPE_5YR_ANN_GROWTH" hidden="1">"c8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SHAREHOLDERS" hidden="1">"c1967"</definedName>
    <definedName name="IQ_NUMBER_SHAREHOLDERS_CLASSA" hidden="1">"c1968"</definedName>
    <definedName name="IQ_NUMBER_SHAREHOLDERS_OTHER" hidden="1">"c1969"</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PROD_GAS" hidden="1">"c2910"</definedName>
    <definedName name="IQ_OG_AVG_DAILY_PROD_NGL" hidden="1">"c2911"</definedName>
    <definedName name="IQ_OG_AVG_DAILY_PROD_OIL" hidden="1">"c2909"</definedName>
    <definedName name="IQ_OG_CLOSE_BALANCE_GAS" hidden="1">"c2049"</definedName>
    <definedName name="IQ_OG_CLOSE_BALANCE_NGL" hidden="1">"c2920"</definedName>
    <definedName name="IQ_OG_CLOSE_BALANCE_OIL" hidden="1">"c2037"</definedName>
    <definedName name="IQ_OG_DCF_BEFORE_TAXES" hidden="1">"c2023"</definedName>
    <definedName name="IQ_OG_DCF_BEFORE_TAXES_GAS" hidden="1">"c2025"</definedName>
    <definedName name="IQ_OG_DCF_BEFORE_TAXES_OIL" hidden="1">"c2024"</definedName>
    <definedName name="IQ_OG_DEVELOPED_RESERVES_GAS" hidden="1">"c2053"</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FUTURE_CASH_FLOWS" hidden="1">"c1996"</definedName>
    <definedName name="IQ_OG_NET_FUTURE_CASH_FLOWS_GAS" hidden="1">"c2016"</definedName>
    <definedName name="IQ_OG_NET_FUTURE_CASH_FLOWS_OIL" hidden="1">"c2006"</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VISIONS_GAS" hidden="1">"c2042"</definedName>
    <definedName name="IQ_OG_REVISIONS_NGL" hidden="1">"c2913"</definedName>
    <definedName name="IQ_OG_REVISIONS_OIL" hidden="1">"c2030"</definedName>
    <definedName name="IQ_OG_SALES_IN_PLACE_GAS" hidden="1">"c2046"</definedName>
    <definedName name="IQ_OG_SALES_IN_PLACE_NGL" hidden="1">"c2917"</definedName>
    <definedName name="IQ_OG_SALES_IN_PLACE_OIL" hidden="1">"c2034"</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PRODUCTION" hidden="1">"c2060"</definedName>
    <definedName name="IQ_OG_TOTAL_LIQUID_GAS_PRODUCTION" hidden="1">"c2235"</definedName>
    <definedName name="IQ_OG_TOTAL_OIL_PRODUCTION" hidden="1">"c2059"</definedName>
    <definedName name="IQ_OG_UNDEVELOPED_RESERVES_GAS" hidden="1">"c2051"</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UNRECOG_PRIOR" hidden="1">"c3320"</definedName>
    <definedName name="IQ_OPEB_UNRECOG_PRIOR_DOM" hidden="1">"c3318"</definedName>
    <definedName name="IQ_OPEB_UNRECOG_PRIOR_FOREIGN" hidden="1">"c3319"</definedName>
    <definedName name="IQ_OPENPRICE" hidden="1">"c848"</definedName>
    <definedName name="IQ_OPER_INC" hidden="1">"c849"</definedName>
    <definedName name="IQ_OPER_INC_BR" hidden="1">"c850"</definedName>
    <definedName name="IQ_OPER_INC_FIN" hidden="1">"c851"</definedName>
    <definedName name="IQ_OPER_INC_INS" hidden="1">"c852"</definedName>
    <definedName name="IQ_OPER_INC_MARGIN" hidden="1">"c1448"</definedName>
    <definedName name="IQ_OPER_INC_REIT" hidden="1">"c85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ED" hidden="1">"c2116"</definedName>
    <definedName name="IQ_OPTIONS_GRANTED" hidden="1">"c2673"</definedName>
    <definedName name="IQ_OPTIONS_ISSUED" hidden="1">"c857"</definedName>
    <definedName name="IQ_OPTIONS_STRIKE_PRICE_GRANTED" hidden="1">"c2678"</definedName>
    <definedName name="IQ_OPTIONS_STRIKE_PRICE_OS" hidden="1">"c2677"</definedName>
    <definedName name="IQ_ORDER_BACKLOG" hidden="1">"c2090"</definedName>
    <definedName name="IQ_OTHER_ADJUST_GROSS_LOANS" hidden="1">"c859"</definedName>
    <definedName name="IQ_OTHER_ASSETS" hidden="1">"c860"</definedName>
    <definedName name="IQ_OTHER_ASSETS_BNK" hidden="1">"c861"</definedName>
    <definedName name="IQ_OTHER_ASSETS_BR" hidden="1">"c862"</definedName>
    <definedName name="IQ_OTHER_ASSETS_FIN" hidden="1">"c863"</definedName>
    <definedName name="IQ_OTHER_ASSETS_INS" hidden="1">"c864"</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NEFITS_OBLIGATION" hidden="1">"c867"</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REIT" hidden="1">"c882"</definedName>
    <definedName name="IQ_OTHER_CL_SUPPL_UTI" hidden="1">"c883"</definedName>
    <definedName name="IQ_OTHER_CL_UTI" hidden="1">"c884"</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IT" hidden="1">"c904"</definedName>
    <definedName name="IQ_OTHER_FINANCE_ACT_SUPPL_UTI" hidden="1">"c905"</definedName>
    <definedName name="IQ_OTHER_FINANCE_ACT_UTI" hidden="1">"c906"</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IT" hidden="1">"c912"</definedName>
    <definedName name="IQ_OTHER_INTAN_UTI" hidden="1">"c913"</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IT" hidden="1">"c940"</definedName>
    <definedName name="IQ_OTHER_LIAB_LT_UTI" hidden="1">"c941"</definedName>
    <definedName name="IQ_OTHER_LIAB_REIT" hidden="1">"c942"</definedName>
    <definedName name="IQ_OTHER_LIAB_UTI" hidden="1">"c943"</definedName>
    <definedName name="IQ_OTHER_LIAB_WRITTEN" hidden="1">"c944"</definedName>
    <definedName name="IQ_OTHER_LOANS" hidden="1">"c945"</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TOTAL" hidden="1">"c954"</definedName>
    <definedName name="IQ_OTHER_NON_INT_INC" hidden="1">"c955"</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IT" hidden="1">"c965"</definedName>
    <definedName name="IQ_OTHER_NON_OPER_EXP_SUPPL_UTI" hidden="1">"c966"</definedName>
    <definedName name="IQ_OTHER_NON_OPER_EXP_UTI" hidden="1">"c967"</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ED" hidden="1">"c2688"</definedName>
    <definedName name="IQ_OTHER_OPTIONS_GRANTED" hidden="1">"c2687"</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IT" hidden="1">"c1019"</definedName>
    <definedName name="IQ_OTHER_REV_SUPPL_UTI" hidden="1">"c1020"</definedName>
    <definedName name="IQ_OTHER_REV_UTI" hidden="1">"c1021"</definedName>
    <definedName name="IQ_OTHER_REVENUE" hidden="1">"c1410"</definedName>
    <definedName name="IQ_OTHER_STRIKE_PRICE_GRANTED" hidden="1">"c2692"</definedName>
    <definedName name="IQ_OTHER_UNDRAWN" hidden="1">"c2522"</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hidden="1">"c1023"</definedName>
    <definedName name="IQ_OWNERSHIP" hidden="1">"c2160"</definedName>
    <definedName name="IQ_PART_TIME" hidden="1">"c1024"</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NORMALIZED" hidden="1">"c2207"</definedName>
    <definedName name="IQ_PE_RATIO" hidden="1">"c1610"</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IODDATE" hidden="1">"c1414"</definedName>
    <definedName name="IQ_PERIODDATE_BS" hidden="1">"c1032"</definedName>
    <definedName name="IQ_PERIODDATE_CF" hidden="1">"c1033"</definedName>
    <definedName name="IQ_PERIODDATE_IS" hidden="1">"c1034"</definedName>
    <definedName name="IQ_PERIODLENGTH_CF" hidden="1">"c1502"</definedName>
    <definedName name="IQ_PERIODLENGTH_IS" hidden="1">"c1503"</definedName>
    <definedName name="IQ_PERTYPE" hidden="1">"c1611"</definedName>
    <definedName name="IQ_PLL" hidden="1">"c2114"</definedName>
    <definedName name="IQ_PMT_FREQ" hidden="1">"c2236"</definedName>
    <definedName name="IQ_POISON_PUT_EFFECT_DATE" hidden="1">"c2486"</definedName>
    <definedName name="IQ_POISON_PUT_EXPIRATION_DATE" hidden="1">"c2487"</definedName>
    <definedName name="IQ_POISON_PUT_PRICE" hidden="1">"c2488"</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RE_OPEN_COST" hidden="1">"c1040"</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IT" hidden="1">"c1058"</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IT" hidden="1">"c1065"</definedName>
    <definedName name="IQ_PREF_REP_UTI" hidden="1">"c1066"</definedName>
    <definedName name="IQ_PREF_STOCK" hidden="1">"c1416"</definedName>
    <definedName name="IQ_PREF_TOT" hidden="1">"c1415"</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ICE_OVER_BVPS" hidden="1">"c1412"</definedName>
    <definedName name="IQ_PRICE_OVER_LTM_EPS" hidden="1">"c1413"</definedName>
    <definedName name="IQ_PRICE_TARGET" hidden="1">"c82"</definedName>
    <definedName name="IQ_PRICEDATE" hidden="1">"c1069"</definedName>
    <definedName name="IQ_PRICING_DATE" hidden="1">"c1613"</definedName>
    <definedName name="IQ_PRIMARY_INDUSTRY" hidden="1">"c1070"</definedName>
    <definedName name="IQ_PRINCIPAL_AMT" hidden="1">"c2157"</definedName>
    <definedName name="IQ_PRO_FORMA_BASIC_EPS" hidden="1">"c1614"</definedName>
    <definedName name="IQ_PRO_FORMA_DILUT_EPS" hidden="1">"c1615"</definedName>
    <definedName name="IQ_PRO_FORMA_NET_INC" hidden="1">"c1452"</definedName>
    <definedName name="IQ_PROFESSIONAL" hidden="1">"c1071"</definedName>
    <definedName name="IQ_PROFESSIONAL_TITLE" hidden="1">"c1072"</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ISION_10YR_ANN_GROWTH" hidden="1">"c1077"</definedName>
    <definedName name="IQ_PROVISION_1YR_ANN_GROWTH" hidden="1">"c1078"</definedName>
    <definedName name="IQ_PROVISION_2YR_ANN_GROWTH" hidden="1">"c1079"</definedName>
    <definedName name="IQ_PROVISION_3YR_ANN_GROWTH" hidden="1">"c1080"</definedName>
    <definedName name="IQ_PROVISION_5YR_ANN_GROWTH" hidden="1">"c1081"</definedName>
    <definedName name="IQ_PROVISION_7YR_ANN_GROWTH" hidden="1">"c1082"</definedName>
    <definedName name="IQ_PROVISION_CHARGE_OFFS" hidden="1">"c1083"</definedName>
    <definedName name="IQ_PTBV" hidden="1">"c1084"</definedName>
    <definedName name="IQ_PTBV_AVG" hidden="1">"c1085"</definedName>
    <definedName name="IQ_PUT_DATE_SCHEDULE" hidden="1">"c2483"</definedName>
    <definedName name="IQ_PUT_NOTIFICATION" hidden="1">"c2485"</definedName>
    <definedName name="IQ_PUT_PRICE_SCHEDULE" hidden="1">"c2484"</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AL_ESTATE" hidden="1">"c1093"</definedName>
    <definedName name="IQ_REAL_ESTATE_ASSETS" hidden="1">"c1094"</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NTAL_REV" hidden="1">"c1101"</definedName>
    <definedName name="IQ_RESEARCH_DEV" hidden="1">"c1419"</definedName>
    <definedName name="IQ_RESIDENTIAL_LOANS" hidden="1">"c1102"</definedName>
    <definedName name="IQ_RESTATEMENT_BS" hidden="1">"c1643"</definedName>
    <definedName name="IQ_RESTATEMENT_CF" hidden="1">"c1644"</definedName>
    <definedName name="IQ_RESTATEMENT_IS" hidden="1">"c1642"</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IT" hidden="1">"c1110"</definedName>
    <definedName name="IQ_RESTRUCTURE_UTI" hidden="1">"c1111"</definedName>
    <definedName name="IQ_RESTRUCTURED_LOANS" hidden="1">"c1112"</definedName>
    <definedName name="IQ_RETAIL_ACQUIRED_FRANCHISE_STORES" hidden="1">"c2895"</definedName>
    <definedName name="IQ_RETAIL_ACQUIRED_OWNED_STORES" hidden="1">"c2903"</definedName>
    <definedName name="IQ_RETAIL_ACQUIRED_STORES" hidden="1">"c2887"</definedName>
    <definedName name="IQ_RETAIL_AVG_STORE_SIZE_GROSS" hidden="1">"c2066"</definedName>
    <definedName name="IQ_RETAIL_AVG_STORE_SIZE_NET" hidden="1">"c2067"</definedName>
    <definedName name="IQ_RETAIL_AVG_WK_SALES" hidden="1">"c2891"</definedName>
    <definedName name="IQ_RETAIL_AVG_WK_SALES_FRANCHISE" hidden="1">"c2899"</definedName>
    <definedName name="IQ_RETAIL_AVG_WK_SALES_OWNED" hidden="1">"c2907"</definedName>
    <definedName name="IQ_RETAIL_CLOSED_FRANCHISE_STORES" hidden="1">"c2896"</definedName>
    <definedName name="IQ_RETAIL_CLOSED_OWNED_STORES" hidden="1">"c2904"</definedName>
    <definedName name="IQ_RETAIL_CLOSED_STORES" hidden="1">"c2063"</definedName>
    <definedName name="IQ_RETAIL_FRANCHISE_STORES_BEG" hidden="1">"c2893"</definedName>
    <definedName name="IQ_RETAIL_OPENED_FRANCHISE_STORES" hidden="1">"c2894"</definedName>
    <definedName name="IQ_RETAIL_OPENED_OWNED_STORES" hidden="1">"c2902"</definedName>
    <definedName name="IQ_RETAIL_OPENED_STORES" hidden="1">"c2062"</definedName>
    <definedName name="IQ_RETAIL_OWNED_STORES_BEG" hidden="1">"c290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FRANCHISE_STORES" hidden="1">"c2898"</definedName>
    <definedName name="IQ_RETAIL_TOTAL_OWNED_STORES" hidden="1">"c2906"</definedName>
    <definedName name="IQ_RETAIL_TOTAL_STORES" hidden="1">"c2061"</definedName>
    <definedName name="IQ_RETAINED_EARN" hidden="1">"c1420"</definedName>
    <definedName name="IQ_RETURN_ASSETS" hidden="1">"c1113"</definedName>
    <definedName name="IQ_RETURN_ASSETS_BANK" hidden="1">"c1114"</definedName>
    <definedName name="IQ_RETURN_ASSETS_BROK" hidden="1">"c1115"</definedName>
    <definedName name="IQ_RETURN_ASSETS_FS" hidden="1">"c1116"</definedName>
    <definedName name="IQ_RETURN_CAPITAL" hidden="1">"c1117"</definedName>
    <definedName name="IQ_RETURN_EQUITY" hidden="1">"c1118"</definedName>
    <definedName name="IQ_RETURN_EQUITY_BANK" hidden="1">"c1119"</definedName>
    <definedName name="IQ_RETURN_EQUITY_BROK" hidden="1">"c1120"</definedName>
    <definedName name="IQ_RETURN_EQUITY_FS" hidden="1">"c1121"</definedName>
    <definedName name="IQ_RETURN_INVESTMENT" hidden="1">"c1421"</definedName>
    <definedName name="IQ_REV" hidden="1">"c1122"</definedName>
    <definedName name="IQ_REV_BEFORE_LL" hidden="1">"c1123"</definedName>
    <definedName name="IQ_REV_STDDEV_EST" hidden="1">"c1124"</definedName>
    <definedName name="IQ_REV_UTI" hidden="1">"c1125"</definedName>
    <definedName name="IQ_REVENUE" hidden="1">"c1422"</definedName>
    <definedName name="IQ_REVENUE_ACT_OR_EST" hidden="1">"c2214"</definedName>
    <definedName name="IQ_REVENUE_EST" hidden="1">"c1126"</definedName>
    <definedName name="IQ_REVENUE_HIGH_EST" hidden="1">"c1127"</definedName>
    <definedName name="IQ_REVENUE_LOW_EST" hidden="1">"c1128"</definedName>
    <definedName name="IQ_REVENUE_MEDIAN_EST" hidden="1">"c1662"</definedName>
    <definedName name="IQ_REVENUE_NUM_EST" hidden="1">"c1129"</definedName>
    <definedName name="IQ_REVISION_DATE_" hidden="1">39477.4477083333</definedName>
    <definedName name="IQ_RISK_ADJ_BANK_ASSETS" hidden="1">"c2670"</definedName>
    <definedName name="IQ_SALARY" hidden="1">"c1130"</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ECUR_RECEIV" hidden="1">"c1151"</definedName>
    <definedName name="IQ_SECURED_DEBT" hidden="1">"c2546"</definedName>
    <definedName name="IQ_SECURED_DEBT_PCT" hidden="1">"c2547"</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PARATE_ACCT_ASSETS" hidden="1">"c1155"</definedName>
    <definedName name="IQ_SEPARATE_ACCT_LIAB" hidden="1">"c1156"</definedName>
    <definedName name="IQ_SERV_CHARGE_DEPOSITS" hidden="1">"c1157"</definedName>
    <definedName name="IQ_SGA" hidden="1">"c1158"</definedName>
    <definedName name="IQ_SGA_BNK" hidden="1">"c1159"</definedName>
    <definedName name="IQ_SGA_INS" hidden="1">"c1160"</definedName>
    <definedName name="IQ_SGA_MARGIN" hidden="1">"c1898"</definedName>
    <definedName name="IQ_SGA_REIT" hidden="1">"c1161"</definedName>
    <definedName name="IQ_SGA_SUPPL" hidden="1">"c1162"</definedName>
    <definedName name="IQ_SGA_UTI" hidden="1">"c1163"</definedName>
    <definedName name="IQ_SHAREOUTSTANDING" hidden="1">"c1347"</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FTWARE" hidden="1">"c1167"</definedName>
    <definedName name="IQ_SOURCE" hidden="1">"c1168"</definedName>
    <definedName name="IQ_SP" hidden="1">"c2171"</definedName>
    <definedName name="IQ_SP_BANK" hidden="1">"c2637"</definedName>
    <definedName name="IQ_SP_BANK_ACTION" hidden="1">"c2636"</definedName>
    <definedName name="IQ_SP_BANK_DATE" hidden="1">"c2635"</definedName>
    <definedName name="IQ_SP_DATE" hidden="1">"c2172"</definedName>
    <definedName name="IQ_SP_FIN_ENHANCE_FX" hidden="1">"c2631"</definedName>
    <definedName name="IQ_SP_FIN_ENHANCE_FX_ACTION" hidden="1">"c2630"</definedName>
    <definedName name="IQ_SP_FIN_ENHANCE_FX_DATE" hidden="1">"c2629"</definedName>
    <definedName name="IQ_SP_FIN_ENHANCE_LC" hidden="1">"c2634"</definedName>
    <definedName name="IQ_SP_FIN_ENHANCE_LC_ACTION" hidden="1">"c2633"</definedName>
    <definedName name="IQ_SP_FIN_ENHANCE_LC_DATE" hidden="1">"c2632"</definedName>
    <definedName name="IQ_SP_FIN_STRENGTH_LC_ACTION_LT" hidden="1">"c2625"</definedName>
    <definedName name="IQ_SP_FIN_STRENGTH_LC_ACTION_ST" hidden="1">"c2626"</definedName>
    <definedName name="IQ_SP_FIN_STRENGTH_LC_DATE_LT" hidden="1">"c2623"</definedName>
    <definedName name="IQ_SP_FIN_STRENGTH_LC_DATE_ST" hidden="1">"c2624"</definedName>
    <definedName name="IQ_SP_FIN_STRENGTH_LC_LT" hidden="1">"c2627"</definedName>
    <definedName name="IQ_SP_FIN_STRENGTH_LC_ST" hidden="1">"c2628"</definedName>
    <definedName name="IQ_SP_FX_ACTION_LT" hidden="1">"c2613"</definedName>
    <definedName name="IQ_SP_FX_ACTION_ST" hidden="1">"c2614"</definedName>
    <definedName name="IQ_SP_FX_DATE_LT" hidden="1">"c2611"</definedName>
    <definedName name="IQ_SP_FX_DATE_ST" hidden="1">"c2612"</definedName>
    <definedName name="IQ_SP_FX_LT" hidden="1">"c2615"</definedName>
    <definedName name="IQ_SP_FX_ST" hidden="1">"c2616"</definedName>
    <definedName name="IQ_SP_ISSUE_ACTION" hidden="1">"c2644"</definedName>
    <definedName name="IQ_SP_ISSUE_DATE" hidden="1">"c2643"</definedName>
    <definedName name="IQ_SP_ISSUE_LT" hidden="1">"c2645"</definedName>
    <definedName name="IQ_SP_ISSUE_OUTLOOK_WATCH" hidden="1">"c2650"</definedName>
    <definedName name="IQ_SP_ISSUE_OUTLOOK_WATCH_DATE" hidden="1">"c2649"</definedName>
    <definedName name="IQ_SP_ISSUE_RECOVER" hidden="1">"c2648"</definedName>
    <definedName name="IQ_SP_ISSUE_RECOVER_ACTION" hidden="1">"c2647"</definedName>
    <definedName name="IQ_SP_ISSUE_RECOVER_DATE" hidden="1">"c2646"</definedName>
    <definedName name="IQ_SP_LC_ACTION_LT" hidden="1">"c2619"</definedName>
    <definedName name="IQ_SP_LC_ACTION_ST" hidden="1">"c2620"</definedName>
    <definedName name="IQ_SP_LC_DATE_LT" hidden="1">"c2617"</definedName>
    <definedName name="IQ_SP_LC_DATE_ST" hidden="1">"c2618"</definedName>
    <definedName name="IQ_SP_LC_LT" hidden="1">"c2621"</definedName>
    <definedName name="IQ_SP_LC_ST" hidden="1">"c2622"</definedName>
    <definedName name="IQ_SP_OUTLOOK_WATCH" hidden="1">"c2639"</definedName>
    <definedName name="IQ_SP_OUTLOOK_WATCH_DATE" hidden="1">"c2638"</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IT" hidden="1">"c1174"</definedName>
    <definedName name="IQ_SPECIAL_DIV_CF_UTI" hidden="1">"c1175"</definedName>
    <definedName name="IQ_SPECIAL_DIV_SHARE" hidden="1">"c3007"</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IT" hidden="1">"c1186"</definedName>
    <definedName name="IQ_ST_DEBT_ISSUED_UTI" hidden="1">"c1187"</definedName>
    <definedName name="IQ_ST_DEBT_PCT" hidden="1">"c2539"</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IT" hidden="1">"c1194"</definedName>
    <definedName name="IQ_ST_DEBT_REPAID_UTI" hidden="1">"c1195"</definedName>
    <definedName name="IQ_ST_DEBT_UTI" hidden="1">"c1196"</definedName>
    <definedName name="IQ_ST_INVEST" hidden="1">"c1197"</definedName>
    <definedName name="IQ_ST_INVEST_UTI" hidden="1">"c1198"</definedName>
    <definedName name="IQ_ST_NOTE_RECEIV" hidden="1">"c1199"</definedName>
    <definedName name="IQ_STATE" hidden="1">"c1200"</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IKE_PRICE_ISSUED" hidden="1">"c1645"</definedName>
    <definedName name="IQ_STRIKE_PRICE_OS" hidden="1">"c1646"</definedName>
    <definedName name="IQ_STW" hidden="1">"c216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VA" hidden="1">"c1214"</definedName>
    <definedName name="IQ_TARGET_PRICE_NUM" hidden="1">"c1653"</definedName>
    <definedName name="IQ_TARGET_PRICE_STDDEV" hidden="1">"c1654"</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BV" hidden="1">"c1906"</definedName>
    <definedName name="IQ_TBV_10YR_ANN_GROWTH" hidden="1">"c1936"</definedName>
    <definedName name="IQ_TBV_1YR_ANN_GROWTH" hidden="1">"c1931"</definedName>
    <definedName name="IQ_TBV_2YR_ANN_GROWTH" hidden="1">"c1932"</definedName>
    <definedName name="IQ_TBV_3YR_ANN_GROWTH" hidden="1">"c1933"</definedName>
    <definedName name="IQ_TBV_5YR_ANN_GROWTH" hidden="1">"c1934"</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MPLOYEE_AVG" hidden="1">"c1225"</definedName>
    <definedName name="IQ_TEV_TOTAL_REV" hidden="1">"c1226"</definedName>
    <definedName name="IQ_TEV_TOTAL_REV_AVG" hidden="1">"c1227"</definedName>
    <definedName name="IQ_TEV_TOTAL_REV_FWD" hidden="1">"c1228"</definedName>
    <definedName name="IQ_TEV_UFCF" hidden="1">"c2208"</definedName>
    <definedName name="IQ_TIER_ONE_CAPITAL" hidden="1">"c2667"</definedName>
    <definedName name="IQ_TIER_ONE_RATIO" hidden="1">"c1229"</definedName>
    <definedName name="IQ_TIER_TWO_CAPITAL" hidden="1">"c2669"</definedName>
    <definedName name="IQ_TIME_DEP" hidden="1">"c1230"</definedName>
    <definedName name="IQ_TODAY" hidden="1">0</definedName>
    <definedName name="IQ_TOT_ADJ_INC" hidden="1">"c1616"</definedName>
    <definedName name="IQ_TOTAL_AR_BR" hidden="1">"c1231"</definedName>
    <definedName name="IQ_TOTAL_AR_REIT" hidden="1">"c1232"</definedName>
    <definedName name="IQ_TOTAL_AR_UTI" hidden="1">"c1233"</definedName>
    <definedName name="IQ_TOTAL_ASSETS" hidden="1">"c1234"</definedName>
    <definedName name="IQ_TOTAL_ASSETS_10YR_ANN_GROWTH" hidden="1">"c1235"</definedName>
    <definedName name="IQ_TOTAL_ASSETS_1YR_ANN_GROWTH" hidden="1">"c1236"</definedName>
    <definedName name="IQ_TOTAL_ASSETS_2YR_ANN_GROWTH" hidden="1">"c1237"</definedName>
    <definedName name="IQ_TOTAL_ASSETS_3YR_ANN_GROWTH" hidden="1">"c1238"</definedName>
    <definedName name="IQ_TOTAL_ASSETS_5YR_ANN_GROWTH" hidden="1">"c1239"</definedName>
    <definedName name="IQ_TOTAL_ASSETS_7YR_ANN_GROWTH" hidden="1">"c1240"</definedName>
    <definedName name="IQ_TOTAL_AVG_CE_TOTAL_AVG_ASSETS" hidden="1">"c1241"</definedName>
    <definedName name="IQ_TOTAL_AVG_EQUITY_TOTAL_AVG_ASSETS" hidden="1">"c1242"</definedName>
    <definedName name="IQ_TOTAL_BANK_CAPITAL" hidden="1">"c2668"</definedName>
    <definedName name="IQ_TOTAL_CA" hidden="1">"c1243"</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URN" hidden="1">"c2122"</definedName>
    <definedName name="IQ_TOTAL_CL" hidden="1">"c1245"</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IT" hidden="1">"c1255"</definedName>
    <definedName name="IQ_TOTAL_DEBT_ISSUED_UTI" hidden="1">"c1256"</definedName>
    <definedName name="IQ_TOTAL_DEBT_ISSUES_INS" hidden="1">"c1257"</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IT" hidden="1">"c1263"</definedName>
    <definedName name="IQ_TOTAL_DEBT_REPAID_UTI" hidden="1">"c1264"</definedName>
    <definedName name="IQ_TOTAL_DEPOSITS" hidden="1">"c1265"</definedName>
    <definedName name="IQ_TOTAL_DIV_PAID_CF" hidden="1">"c1266"</definedName>
    <definedName name="IQ_TOTAL_EMPLOYEE" hidden="1">"c2141"</definedName>
    <definedName name="IQ_TOTAL_EMPLOYEES" hidden="1">"c1522"</definedName>
    <definedName name="IQ_TOTAL_EQUITY" hidden="1">"c1267"</definedName>
    <definedName name="IQ_TOTAL_EQUITY_10YR_ANN_GROWTH" hidden="1">"c1268"</definedName>
    <definedName name="IQ_TOTAL_EQUITY_1YR_ANN_GROWTH" hidden="1">"c1269"</definedName>
    <definedName name="IQ_TOTAL_EQUITY_2YR_ANN_GROWTH" hidden="1">"c1270"</definedName>
    <definedName name="IQ_TOTAL_EQUITY_3YR_ANN_GROWTH" hidden="1">"c1271"</definedName>
    <definedName name="IQ_TOTAL_EQUITY_5YR_ANN_GROWTH" hidden="1">"c1272"</definedName>
    <definedName name="IQ_TOTAL_EQUITY_7YR_ANN_GROWTH" hidden="1">"c1273"</definedName>
    <definedName name="IQ_TOTAL_EQUITY_ALLOWANCE_TOTAL_LOANS" hidden="1">"c1274"</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FIN" hidden="1">"c1280"</definedName>
    <definedName name="IQ_TOTAL_LIAB_INS" hidden="1">"c1281"</definedName>
    <definedName name="IQ_TOTAL_LIAB_REIT" hidden="1">"c1282"</definedName>
    <definedName name="IQ_TOTAL_LIAB_SHAREHOLD" hidden="1">"c1435"</definedName>
    <definedName name="IQ_TOTAL_LIAB_TOTAL_ASSETS" hidden="1">"c128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ED" hidden="1">"c2695"</definedName>
    <definedName name="IQ_TOTAL_OPTIONS_GRANTED" hidden="1">"c2694"</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RINCIPAL" hidden="1">"c2509"</definedName>
    <definedName name="IQ_TOTAL_PRINCIPAL_PCT" hidden="1">"c2510"</definedName>
    <definedName name="IQ_TOTAL_PROVED_RESERVES_NGL" hidden="1">"c2924"</definedName>
    <definedName name="IQ_TOTAL_PROVED_RESERVES_OIL" hidden="1">"c2040"</definedName>
    <definedName name="IQ_TOTAL_RECEIV" hidden="1">"c1293"</definedName>
    <definedName name="IQ_TOTAL_REV" hidden="1">"c1294"</definedName>
    <definedName name="IQ_TOTAL_REV_10YR_ANN_GROWTH" hidden="1">"c1295"</definedName>
    <definedName name="IQ_TOTAL_REV_1YR_ANN_GROWTH" hidden="1">"c1296"</definedName>
    <definedName name="IQ_TOTAL_REV_2YR_ANN_GROWTH" hidden="1">"c1297"</definedName>
    <definedName name="IQ_TOTAL_REV_3YR_ANN_GROWTH" hidden="1">"c1298"</definedName>
    <definedName name="IQ_TOTAL_REV_5YR_ANN_GROWTH" hidden="1">"c1299"</definedName>
    <definedName name="IQ_TOTAL_REV_7YR_ANN_GROWTH" hidden="1">"c1300"</definedName>
    <definedName name="IQ_TOTAL_REV_AS_REPORTED" hidden="1">"c1301"</definedName>
    <definedName name="IQ_TOTAL_REV_BNK" hidden="1">"c1302"</definedName>
    <definedName name="IQ_TOTAL_REV_BR" hidden="1">"c1303"</definedName>
    <definedName name="IQ_TOTAL_REV_EMPLOYEE" hidden="1">"c1304"</definedName>
    <definedName name="IQ_TOTAL_REV_FIN" hidden="1">"c1305"</definedName>
    <definedName name="IQ_TOTAL_REV_INS" hidden="1">"c1306"</definedName>
    <definedName name="IQ_TOTAL_REV_REIT" hidden="1">"c1307"</definedName>
    <definedName name="IQ_TOTAL_REV_SHARE" hidden="1">"c1912"</definedName>
    <definedName name="IQ_TOTAL_REV_UTI" hidden="1">"c1308"</definedName>
    <definedName name="IQ_TOTAL_REVENUE" hidden="1">"c1436"</definedName>
    <definedName name="IQ_TOTAL_SPECIAL" hidden="1">"c1618"</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UNUSUAL" hidden="1">"c1508"</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SSETS" hidden="1">"c1310"</definedName>
    <definedName name="IQ_TRADING_CURRENCY" hidden="1">"c2212"</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IT" hidden="1">"c1317"</definedName>
    <definedName name="IQ_TREASURY_OTHER_EQUITY_UTI" hidden="1">"c1318"</definedName>
    <definedName name="IQ_TREASURY_STOCK" hidden="1">"c1438"</definedName>
    <definedName name="IQ_TRUST_INC" hidden="1">"c1319"</definedName>
    <definedName name="IQ_TRUST_PREF" hidden="1">"c1320"</definedName>
    <definedName name="IQ_TRUST_PREFERRED" hidden="1">"c3029"</definedName>
    <definedName name="IQ_TRUST_PREFERRED_PCT" hidden="1">"c3030"</definedName>
    <definedName name="IQ_UFCF_10YR_ANN_GROWTH" hidden="1">"c1948"</definedName>
    <definedName name="IQ_UFCF_1YR_ANN_GROWTH" hidden="1">"c1943"</definedName>
    <definedName name="IQ_UFCF_2YR_ANN_GROWTH" hidden="1">"c1944"</definedName>
    <definedName name="IQ_UFCF_3YR_ANN_GROWTH" hidden="1">"c1945"</definedName>
    <definedName name="IQ_UFCF_5YR_ANN_GROWTH" hidden="1">"c1946"</definedName>
    <definedName name="IQ_UFCF_7YR_ANN_GROWTH" hidden="1">"c1947"</definedName>
    <definedName name="IQ_UFCF_MARGIN" hidden="1">"c1962"</definedName>
    <definedName name="IQ_ULT_PARENT" hidden="1">"c3037"</definedName>
    <definedName name="IQ_ULT_PARENT_CIQID" hidden="1">"c3039"</definedName>
    <definedName name="IQ_ULT_PARENT_TICKER" hidden="1">"c3038"</definedName>
    <definedName name="IQ_UNAMORT_DISC" hidden="1">"c2513"</definedName>
    <definedName name="IQ_UNAMORT_DISC_PCT" hidden="1">"c2514"</definedName>
    <definedName name="IQ_UNAMORT_PREMIUM" hidden="1">"c2511"</definedName>
    <definedName name="IQ_UNAMORT_PREMIUM_PCT" hidden="1">"c251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IT" hidden="1">"c1327"</definedName>
    <definedName name="IQ_UNEARN_REV_CURRENT_UTI" hidden="1">"c1328"</definedName>
    <definedName name="IQ_UNEARN_REV_LT" hidden="1">"c1329"</definedName>
    <definedName name="IQ_UNLEVERED_FCF" hidden="1">"c1908"</definedName>
    <definedName name="IQ_UNPAID_CLAIMS" hidden="1">"c1330"</definedName>
    <definedName name="IQ_UNREALIZED_GAIN" hidden="1">"c1619"</definedName>
    <definedName name="IQ_UNSECURED_DEBT" hidden="1">"c2548"</definedName>
    <definedName name="IQ_UNSECURED_DEBT_PCT" hidden="1">"c2549"</definedName>
    <definedName name="IQ_UNUSUAL_EXP" hidden="1">"c1456"</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TIL_PPE_NET" hidden="1">"c1620"</definedName>
    <definedName name="IQ_UTIL_REV" hidden="1">"c2091"</definedName>
    <definedName name="IQ_UV_PENSION_LIAB" hidden="1">"c1332"</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UME" hidden="1">"c1333"</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IGHTED_AVG_PRICE" hidden="1">"c1334"</definedName>
    <definedName name="IQ_WIP_INV" hidden="1">"c1335"</definedName>
    <definedName name="IQ_WORKING_CAP" hidden="1">"c3494"</definedName>
    <definedName name="IQ_WORKMEN_WRITTEN" hidden="1">"c1336"</definedName>
    <definedName name="IQ_XDIV_DATE" hidden="1">"c2203"</definedName>
    <definedName name="IQ_YEARHIGH" hidden="1">"c1337"</definedName>
    <definedName name="IQ_YEARHIGH_DATE" hidden="1">"c2250"</definedName>
    <definedName name="IQ_YEARLOW" hidden="1">"c1338"</definedName>
    <definedName name="IQ_YEARLOW_DATE" hidden="1">"c2251"</definedName>
    <definedName name="IQ_YTD" hidden="1">3000</definedName>
    <definedName name="IQ_YTW" hidden="1">"c2163"</definedName>
    <definedName name="IQ_YTW_DATE" hidden="1">"c2164"</definedName>
    <definedName name="IQ_YTW_DATE_TYPE" hidden="1">"c2165"</definedName>
    <definedName name="IQ_Z_SCORE" hidden="1">"c1339"</definedName>
    <definedName name="iu" localSheetId="0" hidden="1">{#N/A,#N/A,FALSE,"Aging Summary";#N/A,#N/A,FALSE,"Ratio Analysis";#N/A,#N/A,FALSE,"Test 120 Day Accts";#N/A,#N/A,FALSE,"Tickmarks"}</definedName>
    <definedName name="iu" localSheetId="7" hidden="1">{#N/A,#N/A,FALSE,"Aging Summary";#N/A,#N/A,FALSE,"Ratio Analysis";#N/A,#N/A,FALSE,"Test 120 Day Accts";#N/A,#N/A,FALSE,"Tickmarks"}</definedName>
    <definedName name="iu" hidden="1">{#N/A,#N/A,FALSE,"Aging Summary";#N/A,#N/A,FALSE,"Ratio Analysis";#N/A,#N/A,FALSE,"Test 120 Day Accts";#N/A,#N/A,FALSE,"Tickmarks"}</definedName>
    <definedName name="iuiyiiyi" hidden="1">{#N/A,#N/A,FALSE,"EXPENSE"}</definedName>
    <definedName name="iutyutytyu" hidden="1">{#N/A,#N/A,FALSE,"EXPENSE"}</definedName>
    <definedName name="jgjddd" hidden="1">{#N/A,#N/A,FALSE,"EXPENSE"}</definedName>
    <definedName name="jgjfgjghj" hidden="1">{#N/A,#N/A,FALSE,"EXPENSE"}</definedName>
    <definedName name="jgjghfhd" hidden="1">{#N/A,#N/A,FALSE,"EXPENSE"}</definedName>
    <definedName name="jgjythfg" hidden="1">{#N/A,#N/A,FALSE,"EXPENSE"}</definedName>
    <definedName name="jjjj" hidden="1">{#N/A,#N/A,FALSE,"EXPENSE"}</definedName>
    <definedName name="jnhjhjggh" hidden="1">{#N/A,#N/A,FALSE,"EXPENSE"}</definedName>
    <definedName name="jnmhgjdbcxbvc" hidden="1">{#N/A,#N/A,FALSE,"EXPENSE"}</definedName>
    <definedName name="jukyukyujkyjm" hidden="1">{#N/A,#N/A,FALSE,"EXPENSE"}</definedName>
    <definedName name="juyjghjghjgt" hidden="1">{#N/A,#N/A,FALSE,"EXPENSE"}</definedName>
    <definedName name="jytuyutyu" hidden="1">{#N/A,#N/A,FALSE,"EXPENSE"}</definedName>
    <definedName name="kgkgjkghkj" hidden="1">{#N/A,#N/A,FALSE,"EXPENSE"}</definedName>
    <definedName name="khgkjgkghkhj" hidden="1">{#N/A,#N/A,FALSE,"EXPENSE"}</definedName>
    <definedName name="khkhkhkh" hidden="1">{#N/A,#N/A,FALSE,"EXPENSE"}</definedName>
    <definedName name="kkhkjhkjh" hidden="1">{#N/A,#N/A,FALSE,"EXPENSE"}</definedName>
    <definedName name="kkk" localSheetId="0" hidden="1">{#N/A,#N/A,FALSE,"Aging Summary";#N/A,#N/A,FALSE,"Ratio Analysis";#N/A,#N/A,FALSE,"Test 120 Day Accts";#N/A,#N/A,FALSE,"Tickmarks"}</definedName>
    <definedName name="kkk" localSheetId="7" hidden="1">{#N/A,#N/A,FALSE,"Aging Summary";#N/A,#N/A,FALSE,"Ratio Analysis";#N/A,#N/A,FALSE,"Test 120 Day Accts";#N/A,#N/A,FALSE,"Tickmarks"}</definedName>
    <definedName name="kkk" hidden="1">{#N/A,#N/A,FALSE,"Aging Summary";#N/A,#N/A,FALSE,"Ratio Analysis";#N/A,#N/A,FALSE,"Test 120 Day Accts";#N/A,#N/A,FALSE,"Tickmarks"}</definedName>
    <definedName name="kuhgjghjghj" hidden="1">{#N/A,#N/A,FALSE,"ALLOC"}</definedName>
    <definedName name="kyukytjgdhfgfd" hidden="1">{#N/A,#N/A,FALSE,"EXPENSE"}</definedName>
    <definedName name="lk" localSheetId="0" hidden="1">{#N/A,#N/A,FALSE,"Aging Summary";#N/A,#N/A,FALSE,"Ratio Analysis";#N/A,#N/A,FALSE,"Test 120 Day Accts";#N/A,#N/A,FALSE,"Tickmarks"}</definedName>
    <definedName name="lk" localSheetId="7" hidden="1">{#N/A,#N/A,FALSE,"Aging Summary";#N/A,#N/A,FALSE,"Ratio Analysis";#N/A,#N/A,FALSE,"Test 120 Day Accts";#N/A,#N/A,FALSE,"Tickmarks"}</definedName>
    <definedName name="lk" hidden="1">{#N/A,#N/A,FALSE,"Aging Summary";#N/A,#N/A,FALSE,"Ratio Analysis";#N/A,#N/A,FALSE,"Test 120 Day Accts";#N/A,#N/A,FALSE,"Tickmarks"}</definedName>
    <definedName name="lkfyhjfghfdgdgf" hidden="1">{#N/A,#N/A,FALSE,"ALLOC"}</definedName>
    <definedName name="lku" localSheetId="0" hidden="1">{#N/A,#N/A,FALSE,"Aging Summary";#N/A,#N/A,FALSE,"Ratio Analysis";#N/A,#N/A,FALSE,"Test 120 Day Accts";#N/A,#N/A,FALSE,"Tickmarks"}</definedName>
    <definedName name="lku" localSheetId="7" hidden="1">{#N/A,#N/A,FALSE,"Aging Summary";#N/A,#N/A,FALSE,"Ratio Analysis";#N/A,#N/A,FALSE,"Test 120 Day Accts";#N/A,#N/A,FALSE,"Tickmarks"}</definedName>
    <definedName name="lku" hidden="1">{#N/A,#N/A,FALSE,"Aging Summary";#N/A,#N/A,FALSE,"Ratio Analysis";#N/A,#N/A,FALSE,"Test 120 Day Accts";#N/A,#N/A,FALSE,"Tickmarks"}</definedName>
    <definedName name="lll" localSheetId="0" hidden="1">{#N/A,#N/A,FALSE,"Aging Summary";#N/A,#N/A,FALSE,"Ratio Analysis";#N/A,#N/A,FALSE,"Test 120 Day Accts";#N/A,#N/A,FALSE,"Tickmarks"}</definedName>
    <definedName name="lll" localSheetId="7" hidden="1">{#N/A,#N/A,FALSE,"Aging Summary";#N/A,#N/A,FALSE,"Ratio Analysis";#N/A,#N/A,FALSE,"Test 120 Day Accts";#N/A,#N/A,FALSE,"Tickmarks"}</definedName>
    <definedName name="lll" hidden="1">{#N/A,#N/A,FALSE,"Aging Summary";#N/A,#N/A,FALSE,"Ratio Analysis";#N/A,#N/A,FALSE,"Test 120 Day Accts";#N/A,#N/A,FALSE,"Tickmarks"}</definedName>
    <definedName name="lllllll" hidden="1">{#N/A,#N/A,FALSE,"EXPENSE"}</definedName>
    <definedName name="llmmn" hidden="1">{#N/A,#N/A,FALSE,"EXPENSE"}</definedName>
    <definedName name="mmmmmmmm" hidden="1">{#N/A,#N/A,FALSE,"EXPENSE"}</definedName>
    <definedName name="mn" localSheetId="0" hidden="1">{#N/A,#N/A,FALSE,"Aging Summary";#N/A,#N/A,FALSE,"Ratio Analysis";#N/A,#N/A,FALSE,"Test 120 Day Accts";#N/A,#N/A,FALSE,"Tickmarks"}</definedName>
    <definedName name="mn" localSheetId="7" hidden="1">{#N/A,#N/A,FALSE,"Aging Summary";#N/A,#N/A,FALSE,"Ratio Analysis";#N/A,#N/A,FALSE,"Test 120 Day Accts";#N/A,#N/A,FALSE,"Tickmarks"}</definedName>
    <definedName name="mn" hidden="1">{#N/A,#N/A,FALSE,"Aging Summary";#N/A,#N/A,FALSE,"Ratio Analysis";#N/A,#N/A,FALSE,"Test 120 Day Accts";#N/A,#N/A,FALSE,"Tickmarks"}</definedName>
    <definedName name="mnhngfxvbcvx" hidden="1">{#N/A,#N/A,FALSE,"EXPENSE"}</definedName>
    <definedName name="nghmndghbfdxgfd" hidden="1">{#N/A,#N/A,FALSE,"EXPENSE"}</definedName>
    <definedName name="nhgmnbcvbvc" hidden="1">{#N/A,#N/A,FALSE,"EXPENSE"}</definedName>
    <definedName name="nhmhgnbvnvb" hidden="1">{#N/A,#N/A,FALSE,"ALLOC"}</definedName>
    <definedName name="nhnjfgdzfvcv" hidden="1">{#N/A,#N/A,FALSE,"EXPENSE"}</definedName>
    <definedName name="njhgnfgchfgbf" hidden="1">{#N/A,#N/A,FALSE,"EXPENSE"}</definedName>
    <definedName name="njhhgnbvbvcb" hidden="1">{#N/A,#N/A,FALSE,"ALLOC"}</definedName>
    <definedName name="none" localSheetId="5" hidden="1">#REF!</definedName>
    <definedName name="none" localSheetId="4" hidden="1">#REF!</definedName>
    <definedName name="none" localSheetId="3" hidden="1">#REF!</definedName>
    <definedName name="none" localSheetId="2" hidden="1">#REF!</definedName>
    <definedName name="none" hidden="1">#REF!</definedName>
    <definedName name="oiu" localSheetId="0" hidden="1">{#N/A,#N/A,FALSE,"Aging Summary";#N/A,#N/A,FALSE,"Ratio Analysis";#N/A,#N/A,FALSE,"Test 120 Day Accts";#N/A,#N/A,FALSE,"Tickmarks"}</definedName>
    <definedName name="oiu" localSheetId="7" hidden="1">{#N/A,#N/A,FALSE,"Aging Summary";#N/A,#N/A,FALSE,"Ratio Analysis";#N/A,#N/A,FALSE,"Test 120 Day Accts";#N/A,#N/A,FALSE,"Tickmarks"}</definedName>
    <definedName name="oiu" hidden="1">{#N/A,#N/A,FALSE,"Aging Summary";#N/A,#N/A,FALSE,"Ratio Analysis";#N/A,#N/A,FALSE,"Test 120 Day Accts";#N/A,#N/A,FALSE,"Tickmarks"}</definedName>
    <definedName name="op" localSheetId="0" hidden="1">{#N/A,#N/A,FALSE,"Aging Summary";#N/A,#N/A,FALSE,"Ratio Analysis";#N/A,#N/A,FALSE,"Test 120 Day Accts";#N/A,#N/A,FALSE,"Tickmarks"}</definedName>
    <definedName name="op" localSheetId="7" hidden="1">{#N/A,#N/A,FALSE,"Aging Summary";#N/A,#N/A,FALSE,"Ratio Analysis";#N/A,#N/A,FALSE,"Test 120 Day Accts";#N/A,#N/A,FALSE,"Tickmarks"}</definedName>
    <definedName name="op" hidden="1">{#N/A,#N/A,FALSE,"Aging Summary";#N/A,#N/A,FALSE,"Ratio Analysis";#N/A,#N/A,FALSE,"Test 120 Day Accts";#N/A,#N/A,FALSE,"Tickmarks"}</definedName>
    <definedName name="p" localSheetId="0" hidden="1">{#N/A,#N/A,FALSE,"Aging Summary";#N/A,#N/A,FALSE,"Ratio Analysis";#N/A,#N/A,FALSE,"Test 120 Day Accts";#N/A,#N/A,FALSE,"Tickmarks"}</definedName>
    <definedName name="p" localSheetId="7" hidden="1">{#N/A,#N/A,FALSE,"Aging Summary";#N/A,#N/A,FALSE,"Ratio Analysis";#N/A,#N/A,FALSE,"Test 120 Day Accts";#N/A,#N/A,FALSE,"Tickmarks"}</definedName>
    <definedName name="p" hidden="1">{#N/A,#N/A,FALSE,"Aging Summary";#N/A,#N/A,FALSE,"Ratio Analysis";#N/A,#N/A,FALSE,"Test 120 Day Accts";#N/A,#N/A,FALSE,"Tickmarks"}</definedName>
    <definedName name="pam" hidden="1">{#N/A,#N/A,FALSE,"ALLOC"}</definedName>
    <definedName name="paul" localSheetId="5" hidden="1">#REF!</definedName>
    <definedName name="paul" localSheetId="4" hidden="1">#REF!</definedName>
    <definedName name="paul" localSheetId="3" hidden="1">#REF!</definedName>
    <definedName name="paul" localSheetId="2" hidden="1">#REF!</definedName>
    <definedName name="paul" hidden="1">#REF!</definedName>
    <definedName name="pesc1" localSheetId="0" hidden="1">{#N/A,#N/A,FALSE,"Aging Summary";#N/A,#N/A,FALSE,"Ratio Analysis";#N/A,#N/A,FALSE,"Test 120 Day Accts";#N/A,#N/A,FALSE,"Tickmarks"}</definedName>
    <definedName name="pesc1" localSheetId="7" hidden="1">{#N/A,#N/A,FALSE,"Aging Summary";#N/A,#N/A,FALSE,"Ratio Analysis";#N/A,#N/A,FALSE,"Test 120 Day Accts";#N/A,#N/A,FALSE,"Tickmarks"}</definedName>
    <definedName name="pesc1" hidden="1">{#N/A,#N/A,FALSE,"Aging Summary";#N/A,#N/A,FALSE,"Ratio Analysis";#N/A,#N/A,FALSE,"Test 120 Day Accts";#N/A,#N/A,FALSE,"Tickmarks"}</definedName>
    <definedName name="piiiiii" hidden="1">{#N/A,#N/A,FALSE,"EXPENSE"}</definedName>
    <definedName name="po" localSheetId="0" hidden="1">{#N/A,#N/A,FALSE,"Aging Summary";#N/A,#N/A,FALSE,"Ratio Analysis";#N/A,#N/A,FALSE,"Test 120 Day Accts";#N/A,#N/A,FALSE,"Tickmarks"}</definedName>
    <definedName name="po" localSheetId="7" hidden="1">{#N/A,#N/A,FALSE,"Aging Summary";#N/A,#N/A,FALSE,"Ratio Analysis";#N/A,#N/A,FALSE,"Test 120 Day Accts";#N/A,#N/A,FALSE,"Tickmarks"}</definedName>
    <definedName name="po" hidden="1">{#N/A,#N/A,FALSE,"Aging Summary";#N/A,#N/A,FALSE,"Ratio Analysis";#N/A,#N/A,FALSE,"Test 120 Day Accts";#N/A,#N/A,FALSE,"Tickmarks"}</definedName>
    <definedName name="ppp" localSheetId="0" hidden="1">{#N/A,#N/A,FALSE,"Aging Summary";#N/A,#N/A,FALSE,"Ratio Analysis";#N/A,#N/A,FALSE,"Test 120 Day Accts";#N/A,#N/A,FALSE,"Tickmarks"}</definedName>
    <definedName name="ppp" localSheetId="7" hidden="1">{#N/A,#N/A,FALSE,"Aging Summary";#N/A,#N/A,FALSE,"Ratio Analysis";#N/A,#N/A,FALSE,"Test 120 Day Accts";#N/A,#N/A,FALSE,"Tickmarks"}</definedName>
    <definedName name="ppp" hidden="1">{#N/A,#N/A,FALSE,"Aging Summary";#N/A,#N/A,FALSE,"Ratio Analysis";#N/A,#N/A,FALSE,"Test 120 Day Accts";#N/A,#N/A,FALSE,"Tickmarks"}</definedName>
    <definedName name="ppppppp" hidden="1">{#N/A,#N/A,FALSE,"ALLOC"}</definedName>
    <definedName name="pppppppp" hidden="1">{#N/A,#N/A,FALSE,"EXPENSE"}</definedName>
    <definedName name="_xlnm.Print_Area" localSheetId="5">'Historical Year'!$A$1:$M$58</definedName>
    <definedName name="_xlnm.Print_Area" localSheetId="4">'Projected Test Year 1'!$A$1:$M$58</definedName>
    <definedName name="_xlnm.Print_Area" localSheetId="3">'Projected Test Year 2'!$A$1:$M$58</definedName>
    <definedName name="_xlnm.Print_Area" localSheetId="2">'Projected Test Year 3'!$A$1:$M$58</definedName>
    <definedName name="qqqqq" hidden="1">{#N/A,#N/A,FALSE,"EXPENSE"}</definedName>
    <definedName name="qw" localSheetId="0" hidden="1">{#N/A,#N/A,FALSE,"Aging Summary";#N/A,#N/A,FALSE,"Ratio Analysis";#N/A,#N/A,FALSE,"Test 120 Day Accts";#N/A,#N/A,FALSE,"Tickmarks"}</definedName>
    <definedName name="qw" localSheetId="7" hidden="1">{#N/A,#N/A,FALSE,"Aging Summary";#N/A,#N/A,FALSE,"Ratio Analysis";#N/A,#N/A,FALSE,"Test 120 Day Accts";#N/A,#N/A,FALSE,"Tickmarks"}</definedName>
    <definedName name="qw" hidden="1">{#N/A,#N/A,FALSE,"Aging Summary";#N/A,#N/A,FALSE,"Ratio Analysis";#N/A,#N/A,FALSE,"Test 120 Day Accts";#N/A,#N/A,FALSE,"Tickmarks"}</definedName>
    <definedName name="range" hidden="1">{#N/A,#N/A,FALSE,"EXPENSE"}</definedName>
    <definedName name="range3" hidden="1">{#N/A,#N/A,FALSE,"EXPENSE"}</definedName>
    <definedName name="reagsrgsrgfaefda" hidden="1">{#N/A,#N/A,FALSE,"ALLOC"}</definedName>
    <definedName name="ret" localSheetId="0" hidden="1">{#N/A,#N/A,FALSE,"Aging Summary";#N/A,#N/A,FALSE,"Ratio Analysis";#N/A,#N/A,FALSE,"Test 120 Day Accts";#N/A,#N/A,FALSE,"Tickmarks"}</definedName>
    <definedName name="ret" localSheetId="7" hidden="1">{#N/A,#N/A,FALSE,"Aging Summary";#N/A,#N/A,FALSE,"Ratio Analysis";#N/A,#N/A,FALSE,"Test 120 Day Accts";#N/A,#N/A,FALSE,"Tickmarks"}</definedName>
    <definedName name="ret" hidden="1">{#N/A,#N/A,FALSE,"Aging Summary";#N/A,#N/A,FALSE,"Ratio Analysis";#N/A,#N/A,FALSE,"Test 120 Day Accts";#N/A,#N/A,FALSE,"Tickmarks"}</definedName>
    <definedName name="rew4wwer" hidden="1">{#N/A,#N/A,FALSE,"EXPENSE"}</definedName>
    <definedName name="rfgfdcvc" hidden="1">{#N/A,#N/A,FALSE,"ALLOC"}</definedName>
    <definedName name="rfsetgthnyukmgff" hidden="1">{#N/A,#N/A,FALSE,"EXPENSE"}</definedName>
    <definedName name="rfwaerwaerwerwe" hidden="1">{#N/A,#N/A,FALSE,"EXPENSE"}</definedName>
    <definedName name="rgrg" hidden="1">#REF!</definedName>
    <definedName name="rt" localSheetId="0" hidden="1">{#N/A,#N/A,FALSE,"Aging Summary";#N/A,#N/A,FALSE,"Ratio Analysis";#N/A,#N/A,FALSE,"Test 120 Day Accts";#N/A,#N/A,FALSE,"Tickmarks"}</definedName>
    <definedName name="rt" localSheetId="7" hidden="1">{#N/A,#N/A,FALSE,"Aging Summary";#N/A,#N/A,FALSE,"Ratio Analysis";#N/A,#N/A,FALSE,"Test 120 Day Accts";#N/A,#N/A,FALSE,"Tickmarks"}</definedName>
    <definedName name="rt" hidden="1">{#N/A,#N/A,FALSE,"Aging Summary";#N/A,#N/A,FALSE,"Ratio Analysis";#N/A,#N/A,FALSE,"Test 120 Day Accts";#N/A,#N/A,FALSE,"Tickmarks"}</definedName>
    <definedName name="rtyrsygyuiukhjghgt" hidden="1">{#N/A,#N/A,FALSE,"EXPENSE"}</definedName>
    <definedName name="rtyrtyrty" hidden="1">{#N/A,#N/A,FALSE,"ALLOC"}</definedName>
    <definedName name="rwerfwerewrew" hidden="1">{#N/A,#N/A,FALSE,"ALLOC"}</definedName>
    <definedName name="rysrysrtygthgh" hidden="1">{#N/A,#N/A,FALSE,"EXPENSE"}</definedName>
    <definedName name="sa" localSheetId="0" hidden="1">{#N/A,#N/A,FALSE,"Aging Summary";#N/A,#N/A,FALSE,"Ratio Analysis";#N/A,#N/A,FALSE,"Test 120 Day Accts";#N/A,#N/A,FALSE,"Tickmarks"}</definedName>
    <definedName name="sa" localSheetId="7" hidden="1">{#N/A,#N/A,FALSE,"Aging Summary";#N/A,#N/A,FALSE,"Ratio Analysis";#N/A,#N/A,FALSE,"Test 120 Day Accts";#N/A,#N/A,FALSE,"Tickmarks"}</definedName>
    <definedName name="sa" hidden="1">{#N/A,#N/A,FALSE,"Aging Summary";#N/A,#N/A,FALSE,"Ratio Analysis";#N/A,#N/A,FALSE,"Test 120 Day Accts";#N/A,#N/A,FALSE,"Tickmarks"}</definedName>
    <definedName name="sersadffasf" hidden="1">{#N/A,#N/A,FALSE,"ALLOC"}</definedName>
    <definedName name="sertearawertutyu" hidden="1">{#N/A,#N/A,FALSE,"EXPENSE"}</definedName>
    <definedName name="sfsadfafsdaf" hidden="1">{#N/A,#N/A,FALSE,"EXPENSE"}</definedName>
    <definedName name="srfaedtgthjtdhfdg" hidden="1">{#N/A,#N/A,FALSE,"EXPENSE"}</definedName>
    <definedName name="ssss" hidden="1">{#N/A,#N/A,FALSE,"EXPENSE"}</definedName>
    <definedName name="stsaeryyjiutjdhg" hidden="1">{#N/A,#N/A,FALSE,"EXPENSE"}</definedName>
    <definedName name="Swvu.print2." hidden="1">#REF!</definedName>
    <definedName name="Swvu.print3." hidden="1">#REF!</definedName>
    <definedName name="t5terer" hidden="1">{#N/A,#N/A,FALSE,"EXPENSE"}</definedName>
    <definedName name="tgrgfdgfdg" hidden="1">{#N/A,#N/A,FALSE,"EXPENSE"}</definedName>
    <definedName name="tom" hidden="1">{#N/A,#N/A,FALSE,"EXPENSE"}</definedName>
    <definedName name="ton" hidden="1">{#N/A,#N/A,FALSE,"EXPENSE"}</definedName>
    <definedName name="TP_Footer_User" hidden="1">"combsk"</definedName>
    <definedName name="TP_Footer_Version" hidden="1">"v4.00"</definedName>
    <definedName name="tre" localSheetId="0" hidden="1">{#N/A,#N/A,FALSE,"Aging Summary";#N/A,#N/A,FALSE,"Ratio Analysis";#N/A,#N/A,FALSE,"Test 120 Day Accts";#N/A,#N/A,FALSE,"Tickmarks"}</definedName>
    <definedName name="tre" localSheetId="7" hidden="1">{#N/A,#N/A,FALSE,"Aging Summary";#N/A,#N/A,FALSE,"Ratio Analysis";#N/A,#N/A,FALSE,"Test 120 Day Accts";#N/A,#N/A,FALSE,"Tickmarks"}</definedName>
    <definedName name="tre" hidden="1">{#N/A,#N/A,FALSE,"Aging Summary";#N/A,#N/A,FALSE,"Ratio Analysis";#N/A,#N/A,FALSE,"Test 120 Day Accts";#N/A,#N/A,FALSE,"Tickmarks"}</definedName>
    <definedName name="tresrtesrtresrftg" hidden="1">{#N/A,#N/A,FALSE,"EXPENSE"}</definedName>
    <definedName name="tresytyuijiukuyjfghgh" hidden="1">{#N/A,#N/A,FALSE,"EXPENSE"}</definedName>
    <definedName name="trtertertret" hidden="1">{#N/A,#N/A,FALSE,"EXPENSE"}</definedName>
    <definedName name="tterr4r4" hidden="1">{#N/A,#N/A,FALSE,"ALLOC"}</definedName>
    <definedName name="ttttt" hidden="1">{#N/A,#N/A,FALSE,"EXPENSE"}</definedName>
    <definedName name="ttttttt" hidden="1">{#N/A,#N/A,FALSE,"ALLOC"}</definedName>
    <definedName name="ttttttttttttt" hidden="1">{#N/A,#N/A,FALSE,"EXPENSE"}</definedName>
    <definedName name="tutututu" hidden="1">{#N/A,#N/A,FALSE,"ALLOC"}</definedName>
    <definedName name="twrtesrsf" hidden="1">{#N/A,#N/A,FALSE,"EXPENSE"}</definedName>
    <definedName name="ty" localSheetId="0" hidden="1">{#N/A,#N/A,FALSE,"Aging Summary";#N/A,#N/A,FALSE,"Ratio Analysis";#N/A,#N/A,FALSE,"Test 120 Day Accts";#N/A,#N/A,FALSE,"Tickmarks"}</definedName>
    <definedName name="ty" localSheetId="7" hidden="1">{#N/A,#N/A,FALSE,"Aging Summary";#N/A,#N/A,FALSE,"Ratio Analysis";#N/A,#N/A,FALSE,"Test 120 Day Accts";#N/A,#N/A,FALSE,"Tickmarks"}</definedName>
    <definedName name="ty" hidden="1">{#N/A,#N/A,FALSE,"Aging Summary";#N/A,#N/A,FALSE,"Ratio Analysis";#N/A,#N/A,FALSE,"Test 120 Day Accts";#N/A,#N/A,FALSE,"Tickmarks"}</definedName>
    <definedName name="tyhtiiliklhjhgj" hidden="1">{#N/A,#N/A,FALSE,"ALLOC"}</definedName>
    <definedName name="tyseryuykiiukhjg" hidden="1">{#N/A,#N/A,FALSE,"EXPENSE"}</definedName>
    <definedName name="u6yr5y5yrty" hidden="1">{#N/A,#N/A,FALSE,"EXPENSE"}</definedName>
    <definedName name="uryryryry" hidden="1">{#N/A,#N/A,FALSE,"ALLOC"}</definedName>
    <definedName name="UserPass" hidden="1">"verify"</definedName>
    <definedName name="uturfhfh" hidden="1">{#N/A,#N/A,FALSE,"EXPENSE"}</definedName>
    <definedName name="utututt" hidden="1">{#N/A,#N/A,FALSE,"EXPENSE"}</definedName>
    <definedName name="utututu" hidden="1">{#N/A,#N/A,FALSE,"EXPENSE"}</definedName>
    <definedName name="utuyututyu" hidden="1">{#N/A,#N/A,FALSE,"EXPENSE"}</definedName>
    <definedName name="utyurturhfg" hidden="1">{#N/A,#N/A,FALSE,"EXPENSE"}</definedName>
    <definedName name="utyutfghgf" hidden="1">{#N/A,#N/A,FALSE,"EXPENSE"}</definedName>
    <definedName name="uuututu" hidden="1">{#N/A,#N/A,FALSE,"EXPENSE"}</definedName>
    <definedName name="uuuuu" hidden="1">{#N/A,#N/A,FALSE,"EXPENSE"}</definedName>
    <definedName name="uuuuuu" hidden="1">{#N/A,#N/A,FALSE,"EXPENSE"}</definedName>
    <definedName name="uytututut" hidden="1">{#N/A,#N/A,FALSE,"EXPENSE"}</definedName>
    <definedName name="uytutyht" hidden="1">{#N/A,#N/A,FALSE,"ALLOC"}</definedName>
    <definedName name="vcscvbxvbfvb" hidden="1">{#N/A,#N/A,FALSE,"EXPENSE"}</definedName>
    <definedName name="wearwaerwearfefr" hidden="1">{#N/A,#N/A,FALSE,"ALLOC"}</definedName>
    <definedName name="weqeqwewqewewe" hidden="1">{#N/A,#N/A,FALSE,"EXPENSE"}</definedName>
    <definedName name="weqweqweqw" hidden="1">{#N/A,#N/A,FALSE,"EXPENSE"}</definedName>
    <definedName name="werwerwerwefrd" hidden="1">{#N/A,#N/A,FALSE,"ALLOC"}</definedName>
    <definedName name="wrn.740._.Closeout._.Support." hidden="1">{#N/A,#N/A,FALSE,"CR3 Allocations Recon";#N/A,#N/A,FALSE,"Inv - ALL";#N/A,#N/A,FALSE,"SCH 1B";"O&amp;M Adjust Detail View",#N/A,FALSE,"SCH E - O&amp;M Adjust to Cash";#N/A,#N/A,FALSE,"Nuclear O&amp;M System Allocs";#N/A,#N/A,FALSE,"Florida A&amp;G System Allocations"}</definedName>
    <definedName name="wrn.Aging._.and._.Trend._.Analysis." localSheetId="0" hidden="1">{#N/A,#N/A,FALSE,"Aging Summary";#N/A,#N/A,FALSE,"Ratio Analysis";#N/A,#N/A,FALSE,"Test 120 Day Accts";#N/A,#N/A,FALSE,"Tickmarks"}</definedName>
    <definedName name="wrn.Aging._.and._.Trend._.Analysis." localSheetId="7"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achua." hidden="1">{#N/A,#N/A,TRUE,"Inv - Alac";#N/A,#N/A,TRUE,"Nuclear Fuel";#N/A,#N/A,TRUE,"Nuclear Invoice";#N/A,#N/A,TRUE,"Sch A - Alachua";#N/A,#N/A,TRUE,"Gen Replace Cap";#N/A,#N/A,TRUE,"SCHED C - Alachua"}</definedName>
    <definedName name="wrn.All_Sheets." localSheetId="0" hidden="1">{#N/A,#N/A,FALSE,"CONT_MWH";#N/A,#N/A,FALSE,"CONT_MW";#N/A,#N/A,FALSE,"MIN_MWH";#N/A,#N/A,FALSE,"MIN_MW";#N/A,#N/A,FALSE,"BASECASE_MWH";#N/A,#N/A,FALSE,"BASECASE_MW"}</definedName>
    <definedName name="wrn.All_Sheets." localSheetId="7" hidden="1">{#N/A,#N/A,FALSE,"CONT_MWH";#N/A,#N/A,FALSE,"CONT_MW";#N/A,#N/A,FALSE,"MIN_MWH";#N/A,#N/A,FALSE,"MIN_MW";#N/A,#N/A,FALSE,"BASECASE_MWH";#N/A,#N/A,FALSE,"BASECASE_MW"}</definedName>
    <definedName name="wrn.All_Sheets." hidden="1">{#N/A,#N/A,FALSE,"CONT_MWH";#N/A,#N/A,FALSE,"CONT_MW";#N/A,#N/A,FALSE,"MIN_MWH";#N/A,#N/A,FALSE,"MIN_MW";#N/A,#N/A,FALSE,"BASECASE_MWH";#N/A,#N/A,FALSE,"BASECASE_MW"}</definedName>
    <definedName name="wrn.ALLOC." hidden="1">{#N/A,#N/A,FALSE,"ALLOC"}</definedName>
    <definedName name="wrn.check." localSheetId="0" hidden="1">{#N/A,#N/A,FALSE,"Input";#N/A,#N/A,FALSE,"1997";#N/A,#N/A,FALSE,"1996";#N/A,#N/A,FALSE,"1995";#N/A,#N/A,FALSE,"1994";#N/A,#N/A,FALSE,"1993";#N/A,#N/A,FALSE,"1993-1";#N/A,#N/A,FALSE,"1992";#N/A,#N/A,FALSE,"1991";#N/A,#N/A,FALSE,"1990";#N/A,#N/A,FALSE,"1989";#N/A,#N/A,FALSE,"1988"}</definedName>
    <definedName name="wrn.check." localSheetId="7" hidden="1">{#N/A,#N/A,FALSE,"Input";#N/A,#N/A,FALSE,"1997";#N/A,#N/A,FALSE,"1996";#N/A,#N/A,FALSE,"1995";#N/A,#N/A,FALSE,"1994";#N/A,#N/A,FALSE,"1993";#N/A,#N/A,FALSE,"1993-1";#N/A,#N/A,FALSE,"1992";#N/A,#N/A,FALSE,"1991";#N/A,#N/A,FALSE,"1990";#N/A,#N/A,FALSE,"1989";#N/A,#N/A,FALSE,"1988"}</definedName>
    <definedName name="wrn.check." hidden="1">{#N/A,#N/A,FALSE,"Input";#N/A,#N/A,FALSE,"1997";#N/A,#N/A,FALSE,"1996";#N/A,#N/A,FALSE,"1995";#N/A,#N/A,FALSE,"1994";#N/A,#N/A,FALSE,"1993";#N/A,#N/A,FALSE,"1993-1";#N/A,#N/A,FALSE,"1992";#N/A,#N/A,FALSE,"1991";#N/A,#N/A,FALSE,"1990";#N/A,#N/A,FALSE,"1989";#N/A,#N/A,FALSE,"1988"}</definedName>
    <definedName name="wrn.Complete._.Report." hidden="1">{"Mwh Summary",#N/A,FALSE,"Mwh Analysis";"Mwh Monthly Analysis",#N/A,FALSE,"Mwh Analysis";"Burn Summary",#N/A,FALSE,"Burned Analysis";"Burn Monthly Analysis",#N/A,FALSE,"Burned Analysis";"Summary 2008",#N/A,FALSE,"Summary 2008"}</definedName>
    <definedName name="wrn.Config._.and._.Calcs." localSheetId="0" hidden="1">{#N/A,#N/A,FALSE,"Configuration";#N/A,#N/A,FALSE,"Summary of Transaction";#N/A,#N/A,FALSE,"Calculations"}</definedName>
    <definedName name="wrn.Config._.and._.Calcs." localSheetId="7" hidden="1">{#N/A,#N/A,FALSE,"Configuration";#N/A,#N/A,FALSE,"Summary of Transaction";#N/A,#N/A,FALSE,"Calculations"}</definedName>
    <definedName name="wrn.Config._.and._.Calcs." hidden="1">{#N/A,#N/A,FALSE,"Configuration";#N/A,#N/A,FALSE,"Summary of Transaction";#N/A,#N/A,FALSE,"Calculations"}</definedName>
    <definedName name="wrn.CR3._.All._.Invoices." hidden="1">{#N/A,#N/A,FALSE,"Inv - ALL";#N/A,#N/A,FALSE,"Inv - Alac";#N/A,#N/A,FALSE,"Inv - Bush";#N/A,#N/A,FALSE,"Inv - Gaine";#N/A,#N/A,FALSE,"Inv - Kiss";#N/A,#N/A,FALSE,"Inv - Lee";#N/A,#N/A,FALSE,"Inv - NSB";#N/A,#N/A,FALSE,"Inv - Ocala";#N/A,#N/A,FALSE,"Inv - Orlando";#N/A,#N/A,FALSE,"Inv - Seminole"}</definedName>
    <definedName name="wrn.EXPENSE." hidden="1">{#N/A,#N/A,FALSE,"EXPENSE"}</definedName>
    <definedName name="wrn.GL._.154._.BALANCE." localSheetId="0" hidden="1">{#N/A,#N/A,FALSE,"BALANCE"}</definedName>
    <definedName name="wrn.GL._.154._.BALANCE." localSheetId="7" hidden="1">{#N/A,#N/A,FALSE,"BALANCE"}</definedName>
    <definedName name="wrn.GL._.154._.BALANCE." hidden="1">{#N/A,#N/A,FALSE,"BALANCE"}</definedName>
    <definedName name="wrn.GL154._.ISSUES." localSheetId="0" hidden="1">{#N/A,#N/A,FALSE,"ISSUES"}</definedName>
    <definedName name="wrn.GL154._.ISSUES." localSheetId="7" hidden="1">{#N/A,#N/A,FALSE,"ISSUES"}</definedName>
    <definedName name="wrn.GL154._.ISSUES." hidden="1">{#N/A,#N/A,FALSE,"ISSUES"}</definedName>
    <definedName name="wrn.GL154._.RECEIPTS." localSheetId="0" hidden="1">{#N/A,#N/A,FALSE,"RECEIPTS"}</definedName>
    <definedName name="wrn.GL154._.RECEIPTS." localSheetId="7" hidden="1">{#N/A,#N/A,FALSE,"RECEIPTS"}</definedName>
    <definedName name="wrn.GL154._.RECEIPTS." hidden="1">{#N/A,#N/A,FALSE,"RECEIPTS"}</definedName>
    <definedName name="wrn.GL154._.SALVAGE." localSheetId="0" hidden="1">{#N/A,#N/A,FALSE,"SALVAGE"}</definedName>
    <definedName name="wrn.GL154._.SALVAGE." localSheetId="7" hidden="1">{#N/A,#N/A,FALSE,"SALVAGE"}</definedName>
    <definedName name="wrn.GL154._.SALVAGE." hidden="1">{#N/A,#N/A,FALSE,"SALVAGE"}</definedName>
    <definedName name="wrn.GL154._.SYSTEM._.LEDGER._.REPORTS." localSheetId="0" hidden="1">{#N/A,#N/A,FALSE,"BALANCE";#N/A,#N/A,FALSE,"ISSUES";#N/A,#N/A,FALSE,"RECEIPTS";#N/A,#N/A,FALSE,"SALVAGE"}</definedName>
    <definedName name="wrn.GL154._.SYSTEM._.LEDGER._.REPORTS." localSheetId="7" hidden="1">{#N/A,#N/A,FALSE,"BALANCE";#N/A,#N/A,FALSE,"ISSUES";#N/A,#N/A,FALSE,"RECEIPTS";#N/A,#N/A,FALSE,"SALVAGE"}</definedName>
    <definedName name="wrn.GL154._.SYSTEM._.LEDGER._.REPORTS." hidden="1">{#N/A,#N/A,FALSE,"BALANCE";#N/A,#N/A,FALSE,"ISSUES";#N/A,#N/A,FALSE,"RECEIPTS";#N/A,#N/A,FALSE,"SALVAGE"}</definedName>
    <definedName name="wrn.INT." hidden="1">{#N/A,#N/A,FALSE,"EXPENSE"}</definedName>
    <definedName name="wrn.KeyCorp._.Summary." hidden="1">{#N/A,#N/A,FALSE,"Mike"}</definedName>
    <definedName name="wrn.Monthly._.Report." hidden="1">{"Mwh Monthly Analysis",#N/A,FALSE,"Mwh Analysis";"Burn Monthly Analysis",#N/A,FALSE,"Burned Analysis"}</definedName>
    <definedName name="wrn.Ocala" hidden="1">{#N/A,#N/A,TRUE,"Inv - Alac";#N/A,#N/A,TRUE,"Nuclear Fuel";#N/A,#N/A,TRUE,"Nuclear Invoice";#N/A,#N/A,TRUE,"Sch A - Alachua";#N/A,#N/A,TRUE,"Gen Replace Cap";#N/A,#N/A,TRUE,"SCHED C - Alachua"}</definedName>
    <definedName name="wrn.PORTFOLIO." hidden="1">{#N/A,#N/A,FALSE,"TOTAL";#N/A,#N/A,FALSE,"SERIES l";#N/A,#N/A,FALSE,"1993A";#N/A,#N/A,FALSE,"1994A";#N/A,#N/A,FALSE,"SERIES ll";#N/A,#N/A,FALSE,"1995A";#N/A,#N/A,FALSE,"1995B";#N/A,#N/A,FALSE,"1996A";#N/A,#N/A,FALSE,"SERIES lll";#N/A,#N/A,FALSE,"1996lllA-R";#N/A,#N/A,FALSE,"1996lllCD"}</definedName>
    <definedName name="wrn.PREMDISC." hidden="1">{#N/A,#N/A,FALSE,"EXPENSE"}</definedName>
    <definedName name="wrn.print." hidden="1">{"print1",#N/A,FALSE;"print2",#N/A,FALSE;"print3",#N/A,FALSE}</definedName>
    <definedName name="wrn.PY_Sum." hidden="1">{"PY_SumDol",#N/A,TRUE,"Revenue";"PY_SumPct",#N/A,TRUE,"Revenue"}</definedName>
    <definedName name="wrn.STETSON."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7"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ve._.Package." hidden="1">{#N/A,#N/A,TRUE,"Inv - ALL";#N/A,#N/A,TRUE,"Nuclear Fuel";#N/A,#N/A,TRUE,"Nuclear Invoice";#N/A,#N/A,TRUE,"Sch A - All Participants";#N/A,#N/A,TRUE,"SCHED C All Part";#N/A,#N/A,TRUE,"Gen Replace Cap";#N/A,#N/A,TRUE,"Final Budget";#N/A,#N/A,TRUE,"Mat &amp; Sup Inventory";#N/A,#N/A,TRUE,"SCHED D";#N/A,#N/A,TRUE,"Common Facilities";#N/A,#N/A,TRUE,"External Facilities";#N/A,#N/A,TRUE,"SCHEDULE E";#N/A,#N/A,TRUE,"SCH E - O&amp;M Adjust to Cash";#N/A,#N/A,TRUE,"Nuclear O&amp;M Expenses";#N/A,#N/A,TRUE,"Nuclear O&amp;M Outage Exp";#N/A,#N/A,TRUE,"SCHEDULE 1B";#N/A,#N/A,TRUE,"A&amp;G PT and Ben";#N/A,#N/A,TRUE,"CR3 Tax and Benefits ";#N/A,#N/A,TRUE,"Florida A&amp;G Expense";#N/A,#N/A,TRUE,"Inv - Alac";#N/A,#N/A,TRUE,"Inv - Bush";#N/A,#N/A,TRUE,"Inv - Gaine";#N/A,#N/A,TRUE,"Inv - Kiss";#N/A,#N/A,TRUE,"Inv - Lee";#N/A,#N/A,TRUE,"Inv - NSB";#N/A,#N/A,TRUE,"Inv - Ocala";#N/A,#N/A,TRUE,"Inv - Orlando";#N/A,#N/A,TRUE,"Inv - Seminole"}</definedName>
    <definedName name="wrn.Summary._.Report." hidden="1">{"Mwh Summary",#N/A,FALSE,"Mwh Analysis";"Burn Summary",#N/A,FALSE,"Burned Analysis";"Summary 2008",#N/A,FALSE,"Summary 2008"}</definedName>
    <definedName name="wrn.TESTS." localSheetId="0" hidden="1">{"PAGE_1",#N/A,FALSE,"MONTH"}</definedName>
    <definedName name="wrn.TESTS." localSheetId="7" hidden="1">{"PAGE_1",#N/A,FALSE,"MONTH"}</definedName>
    <definedName name="wrn.TESTS." hidden="1">{"PAGE_1",#N/A,FALSE,"MONTH"}</definedName>
    <definedName name="wrn.USA." hidden="1">{#N/A,#N/A,FALSE,"USA"}</definedName>
    <definedName name="wrt" hidden="1">{#N/A,#N/A,FALSE,"EXPENSE"}</definedName>
    <definedName name="wrwerrwer" hidden="1">{#N/A,#N/A,FALSE,"ALLOC"}</definedName>
    <definedName name="wtyu" localSheetId="0" hidden="1">{#N/A,#N/A,FALSE,"Aging Summary";#N/A,#N/A,FALSE,"Ratio Analysis";#N/A,#N/A,FALSE,"Test 120 Day Accts";#N/A,#N/A,FALSE,"Tickmarks"}</definedName>
    <definedName name="wtyu" localSheetId="7" hidden="1">{#N/A,#N/A,FALSE,"Aging Summary";#N/A,#N/A,FALSE,"Ratio Analysis";#N/A,#N/A,FALSE,"Test 120 Day Accts";#N/A,#N/A,FALSE,"Tickmarks"}</definedName>
    <definedName name="wtyu" hidden="1">{#N/A,#N/A,FALSE,"Aging Summary";#N/A,#N/A,FALSE,"Ratio Analysis";#N/A,#N/A,FALSE,"Test 120 Day Accts";#N/A,#N/A,FALSE,"Tickmarks"}</definedName>
    <definedName name="wvu.print1." hidden="1">{TRUE,TRUE,-0.8,-17,618,364.2,FALSE,FALSE,TRUE,TRUE,0,1,#N/A,1,#N/A,16.9245283018868,24.2272727272727,1,FALSE,FALSE,3,TRUE,1,FALSE,100,"Swvu.print1.","ACwvu.print1.",1,FALSE,FALSE,0.75,0.75,1,1,2,"&amp;L&amp;""Times New Roman""&amp;BCS First Boston&amp;C&amp;""Times New Roman""&amp;12&amp;BAUTOFINANCE GROUP, INC.
AFG 1992-A Grantor Trust Loss and Delinquency Analysis&amp;""Courier""&amp;10&amp;B
","",TRUE,FALSE,FALSE,FALSE,1,#N/A,1,1,"=R8C1:R77C31",FALSE,#N/A,#N/A,FALSE,FALSE}</definedName>
    <definedName name="wvu.print2." hidden="1">{TRUE,TRUE,-0.8,-17,618,364.2,FALSE,FALSE,TRUE,TRUE,0,26,#N/A,1,#N/A,15.7285714285714,24.2272727272727,1,FALSE,FALSE,3,TRUE,1,FALSE,100,"Swvu.print2.","ACwvu.print2.",1,FALSE,FALSE,0.75,0.75,1,1,2,"&amp;L&amp;""Times New Roman""&amp;BCS First Boston&amp;C&amp;""Times New Roman""&amp;12&amp;BAUTOFINANCE GROUP, INC.
AFG 1992-A Grantor Trust Loss and Delinquency Analysis&amp;""Courier""&amp;10&amp;B
","",TRUE,FALSE,FALSE,FALSE,1,#N/A,1,1,"=R7C33:R84C63",FALSE,#N/A,#N/A,FALSE,FALSE}</definedName>
    <definedName name="wvu.print3." hidden="1">{TRUE,TRUE,-0.8,-17,618,364.2,FALSE,FALSE,TRUE,TRUE,0,58,#N/A,1,#N/A,15.7285714285714,24.2272727272727,1,FALSE,FALSE,3,TRUE,1,FALSE,100,"Swvu.print3.","ACwvu.print3.",1,FALSE,FALSE,0.75,0.75,1,1,2,"&amp;L&amp;""Times New Roman""&amp;BCS First Boston&amp;C&amp;""Times New Roman""&amp;12&amp;BAUTOFINANCE GROUP, INC.
AFG 1992-A Grantor Trust Loss and Delinquency Analysis&amp;""Courier""&amp;10&amp;B
","",TRUE,FALSE,FALSE,FALSE,1,#N/A,1,1,"=R7C65:R53C95",FALSE,#N/A,#N/A,FALSE,FALSE}</definedName>
    <definedName name="wwwwwww" hidden="1">{#N/A,#N/A,FALSE,"EXPENSE"}</definedName>
    <definedName name="x"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7"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RefActiveRow" localSheetId="5" hidden="1">#REF!</definedName>
    <definedName name="XRefActiveRow" localSheetId="4" hidden="1">#REF!</definedName>
    <definedName name="XRefActiveRow" localSheetId="3" hidden="1">#REF!</definedName>
    <definedName name="XRefActiveRow" localSheetId="2" hidden="1">#REF!</definedName>
    <definedName name="XRefActiveRow" hidden="1">#REF!</definedName>
    <definedName name="XRefColumnsCount" hidden="1">3</definedName>
    <definedName name="XRefCopy1Row" localSheetId="5" hidden="1">#REF!</definedName>
    <definedName name="XRefCopy1Row" localSheetId="4" hidden="1">#REF!</definedName>
    <definedName name="XRefCopy1Row" localSheetId="3" hidden="1">#REF!</definedName>
    <definedName name="XRefCopy1Row" localSheetId="2" hidden="1">#REF!</definedName>
    <definedName name="XRefCopy1Row" hidden="1">#REF!</definedName>
    <definedName name="XRefCopy2Row" localSheetId="5" hidden="1">#REF!</definedName>
    <definedName name="XRefCopy2Row" localSheetId="4" hidden="1">#REF!</definedName>
    <definedName name="XRefCopy2Row" localSheetId="3" hidden="1">#REF!</definedName>
    <definedName name="XRefCopy2Row" localSheetId="2" hidden="1">#REF!</definedName>
    <definedName name="XRefCopy2Row" hidden="1">#REF!</definedName>
    <definedName name="XRefCopy3Row" localSheetId="5" hidden="1">#REF!</definedName>
    <definedName name="XRefCopy3Row" localSheetId="4" hidden="1">#REF!</definedName>
    <definedName name="XRefCopy3Row" localSheetId="3" hidden="1">#REF!</definedName>
    <definedName name="XRefCopy3Row" localSheetId="2" hidden="1">#REF!</definedName>
    <definedName name="XRefCopy3Row" hidden="1">#REF!</definedName>
    <definedName name="XRefCopyRangeCount" hidden="1">3</definedName>
    <definedName name="XRefPaste1Row" localSheetId="5" hidden="1">#REF!</definedName>
    <definedName name="XRefPaste1Row" localSheetId="4" hidden="1">#REF!</definedName>
    <definedName name="XRefPaste1Row" localSheetId="3" hidden="1">#REF!</definedName>
    <definedName name="XRefPaste1Row" localSheetId="2" hidden="1">#REF!</definedName>
    <definedName name="XRefPaste1Row" hidden="1">#REF!</definedName>
    <definedName name="XRefPaste2Row" localSheetId="5" hidden="1">#REF!</definedName>
    <definedName name="XRefPaste2Row" localSheetId="4" hidden="1">#REF!</definedName>
    <definedName name="XRefPaste2Row" localSheetId="3" hidden="1">#REF!</definedName>
    <definedName name="XRefPaste2Row" localSheetId="2" hidden="1">#REF!</definedName>
    <definedName name="XRefPaste2Row" hidden="1">#REF!</definedName>
    <definedName name="XRefPasteRangeCount" hidden="1">2</definedName>
    <definedName name="xxxxxxxxxxxxxxxxxxxxxx" hidden="1">{#N/A,#N/A,FALSE,"EXPENSE"}</definedName>
    <definedName name="XYZ" localSheetId="0" hidden="1">{"PAGE_1",#N/A,FALSE,"MONTH"}</definedName>
    <definedName name="XYZ" localSheetId="7" hidden="1">{"PAGE_1",#N/A,FALSE,"MONTH"}</definedName>
    <definedName name="XYZ" hidden="1">{"PAGE_1",#N/A,FALSE,"MONTH"}</definedName>
    <definedName name="xyzUserPassword" hidden="1">"abcd"</definedName>
    <definedName name="xz" localSheetId="0" hidden="1">{#N/A,#N/A,FALSE,"Aging Summary";#N/A,#N/A,FALSE,"Ratio Analysis";#N/A,#N/A,FALSE,"Test 120 Day Accts";#N/A,#N/A,FALSE,"Tickmarks"}</definedName>
    <definedName name="xz" localSheetId="7" hidden="1">{#N/A,#N/A,FALSE,"Aging Summary";#N/A,#N/A,FALSE,"Ratio Analysis";#N/A,#N/A,FALSE,"Test 120 Day Accts";#N/A,#N/A,FALSE,"Tickmarks"}</definedName>
    <definedName name="xz" hidden="1">{#N/A,#N/A,FALSE,"Aging Summary";#N/A,#N/A,FALSE,"Ratio Analysis";#N/A,#N/A,FALSE,"Test 120 Day Accts";#N/A,#N/A,FALSE,"Tickmarks"}</definedName>
    <definedName name="xzy" hidden="1">{#N/A,#N/A,FALSE,"ALLOC"}</definedName>
    <definedName name="ydrtydgdg" hidden="1">{#N/A,#N/A,FALSE,"EXPENSE"}</definedName>
    <definedName name="yeteterter" hidden="1">{#N/A,#N/A,FALSE,"ALLOC"}</definedName>
    <definedName name="yeyertrt" hidden="1">{#N/A,#N/A,FALSE,"ALLOC"}</definedName>
    <definedName name="yjtdhjhtshbrfgadf" hidden="1">{#N/A,#N/A,FALSE,"EXPENSE"}</definedName>
    <definedName name="yrtyrtyrt" hidden="1">{#N/A,#N/A,FALSE,"ALLOC"}</definedName>
    <definedName name="yrtyryryf" hidden="1">{#N/A,#N/A,FALSE,"EXPENSE"}</definedName>
    <definedName name="yryrtyrty" hidden="1">{#N/A,#N/A,FALSE,"EXPENSE"}</definedName>
    <definedName name="yt" localSheetId="0" hidden="1">{#N/A,#N/A,FALSE,"Aging Summary";#N/A,#N/A,FALSE,"Ratio Analysis";#N/A,#N/A,FALSE,"Test 120 Day Accts";#N/A,#N/A,FALSE,"Tickmarks"}</definedName>
    <definedName name="yt" localSheetId="7" hidden="1">{#N/A,#N/A,FALSE,"Aging Summary";#N/A,#N/A,FALSE,"Ratio Analysis";#N/A,#N/A,FALSE,"Test 120 Day Accts";#N/A,#N/A,FALSE,"Tickmarks"}</definedName>
    <definedName name="yt" hidden="1">{#N/A,#N/A,FALSE,"Aging Summary";#N/A,#N/A,FALSE,"Ratio Analysis";#N/A,#N/A,FALSE,"Test 120 Day Accts";#N/A,#N/A,FALSE,"Tickmarks"}</definedName>
    <definedName name="ytetetet" hidden="1">{#N/A,#N/A,FALSE,"EXPENSE"}</definedName>
    <definedName name="ytrysrtertrtyhfgh" hidden="1">{#N/A,#N/A,FALSE,"EXPENSE"}</definedName>
    <definedName name="ytyrtyhrbfgbv" hidden="1">{#N/A,#N/A,FALSE,"EXPENSE"}</definedName>
    <definedName name="yyyyy" hidden="1">{#N/A,#N/A,FALSE,"EXPENSE"}</definedName>
    <definedName name="yyyyyyy" hidden="1">{#N/A,#N/A,FALSE,"EXPENSE"}</definedName>
    <definedName name="zbfgbzxcvxzcv" hidden="1">{#N/A,#N/A,FALSE,"EXPENSE"}</definedName>
  </definedNames>
  <calcPr calcId="191028"/>
  <pivotCaches>
    <pivotCache cacheId="0" r:id="rId15"/>
  </pivotCaches>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55" i="6" l="1"/>
  <c r="A56" i="6" s="1"/>
  <c r="A57" i="6" s="1"/>
  <c r="A55" i="24"/>
  <c r="A56" i="24" s="1"/>
  <c r="A57" i="24" s="1"/>
  <c r="A55" i="25"/>
  <c r="A56" i="25" s="1"/>
  <c r="A57" i="25" s="1"/>
  <c r="A56" i="26"/>
  <c r="A57" i="26" s="1"/>
  <c r="I44" i="23"/>
  <c r="I46" i="23"/>
  <c r="I45" i="23"/>
  <c r="J41" i="6"/>
  <c r="J37" i="6"/>
  <c r="J28" i="6"/>
  <c r="J27" i="6"/>
  <c r="J19" i="6"/>
  <c r="L18" i="6"/>
  <c r="J18" i="6"/>
  <c r="I31" i="23"/>
  <c r="F37" i="6"/>
  <c r="F36" i="6"/>
  <c r="C15" i="6"/>
  <c r="C14" i="6"/>
  <c r="F30" i="34"/>
  <c r="G18" i="6" s="1"/>
  <c r="F29" i="34"/>
  <c r="F31" i="34" l="1"/>
  <c r="K5" i="24"/>
  <c r="K6" i="24"/>
  <c r="K7" i="24"/>
  <c r="K8" i="24"/>
  <c r="K4" i="24"/>
  <c r="K5" i="25"/>
  <c r="K6" i="25"/>
  <c r="K7" i="25"/>
  <c r="K8" i="25"/>
  <c r="K4" i="25"/>
  <c r="K5" i="26"/>
  <c r="K6" i="26"/>
  <c r="K7" i="26"/>
  <c r="K8" i="26"/>
  <c r="K4" i="26"/>
  <c r="K5" i="6" l="1"/>
  <c r="K6" i="6"/>
  <c r="K7" i="6"/>
  <c r="K8" i="6"/>
  <c r="K4" i="6"/>
  <c r="D15" i="6"/>
  <c r="G23" i="23"/>
  <c r="G24" i="23" s="1"/>
  <c r="G25" i="23" s="1"/>
  <c r="G26" i="23" s="1"/>
  <c r="G27" i="23" s="1"/>
  <c r="G28" i="23" s="1"/>
  <c r="F28" i="6"/>
  <c r="I43" i="23" l="1"/>
  <c r="F41" i="6"/>
  <c r="F27" i="6"/>
  <c r="F26" i="6"/>
  <c r="F19" i="6"/>
  <c r="F18" i="6"/>
  <c r="C15" i="26" l="1"/>
  <c r="C14" i="26"/>
  <c r="D15" i="26"/>
  <c r="C15" i="25"/>
  <c r="C14" i="25"/>
  <c r="D15" i="25"/>
  <c r="C15" i="24"/>
  <c r="C14" i="24"/>
  <c r="D15" i="24"/>
  <c r="L18" i="24" s="1"/>
  <c r="F27" i="25" l="1"/>
  <c r="F19" i="25"/>
  <c r="F43" i="25"/>
  <c r="F18" i="25"/>
  <c r="F39" i="25"/>
  <c r="F38" i="25"/>
  <c r="F28" i="25"/>
  <c r="F42" i="25"/>
  <c r="F29" i="25"/>
  <c r="F43" i="26"/>
  <c r="F42" i="26"/>
  <c r="F19" i="26"/>
  <c r="F18" i="26"/>
  <c r="F38" i="26"/>
  <c r="F39" i="26"/>
  <c r="F29" i="26"/>
  <c r="F28" i="26"/>
  <c r="F27" i="26"/>
  <c r="F19" i="24"/>
  <c r="F18" i="24"/>
  <c r="F28" i="24"/>
  <c r="F42" i="24"/>
  <c r="F27" i="24"/>
  <c r="F39" i="24"/>
  <c r="F29" i="24"/>
  <c r="F43" i="24"/>
  <c r="F38" i="24"/>
  <c r="J43" i="24"/>
  <c r="J42" i="24"/>
  <c r="J39" i="24"/>
  <c r="J38" i="24"/>
  <c r="J29" i="24"/>
  <c r="J28" i="24"/>
  <c r="J19" i="24"/>
  <c r="J18" i="24"/>
  <c r="J27" i="24"/>
  <c r="J43" i="25"/>
  <c r="J42" i="25"/>
  <c r="J39" i="25"/>
  <c r="J38" i="25"/>
  <c r="J29" i="25"/>
  <c r="J27" i="25"/>
  <c r="J28" i="25"/>
  <c r="J19" i="25"/>
  <c r="J18" i="25"/>
  <c r="J43" i="26"/>
  <c r="J42" i="26"/>
  <c r="J39" i="26"/>
  <c r="J38" i="26"/>
  <c r="J29" i="26"/>
  <c r="J19" i="26"/>
  <c r="J28" i="26"/>
  <c r="J27" i="26"/>
  <c r="J18" i="26"/>
  <c r="I29" i="6" l="1"/>
  <c r="L44" i="26" l="1"/>
  <c r="I44" i="26"/>
  <c r="G43" i="26"/>
  <c r="G42" i="26"/>
  <c r="L40" i="26"/>
  <c r="I40" i="26"/>
  <c r="G39" i="26"/>
  <c r="G38" i="26"/>
  <c r="L30" i="26"/>
  <c r="I30" i="26"/>
  <c r="G29" i="26"/>
  <c r="G28" i="26"/>
  <c r="G27" i="26"/>
  <c r="L19" i="26"/>
  <c r="G19" i="26" s="1"/>
  <c r="L18" i="26"/>
  <c r="G18" i="26" s="1"/>
  <c r="A17" i="26"/>
  <c r="A18" i="26" s="1"/>
  <c r="A19" i="26" s="1"/>
  <c r="A20" i="26" s="1"/>
  <c r="A21" i="26" s="1"/>
  <c r="E12" i="26"/>
  <c r="F12" i="26" s="1"/>
  <c r="G12" i="26" s="1"/>
  <c r="H12" i="26" s="1"/>
  <c r="I12" i="26" s="1"/>
  <c r="J12" i="26" s="1"/>
  <c r="K12" i="26" s="1"/>
  <c r="L12" i="26" s="1"/>
  <c r="K11" i="26"/>
  <c r="M8" i="26"/>
  <c r="M7" i="26"/>
  <c r="A7" i="26"/>
  <c r="M6" i="26"/>
  <c r="M5" i="26"/>
  <c r="M4" i="26"/>
  <c r="E18" i="26" s="1"/>
  <c r="L44" i="25"/>
  <c r="I44" i="25"/>
  <c r="G43" i="25"/>
  <c r="G42" i="25"/>
  <c r="L40" i="25"/>
  <c r="I40" i="25"/>
  <c r="G39" i="25"/>
  <c r="G38" i="25"/>
  <c r="L30" i="25"/>
  <c r="I30" i="25"/>
  <c r="G29" i="25"/>
  <c r="G28" i="25"/>
  <c r="G27" i="25"/>
  <c r="L19" i="25"/>
  <c r="G19" i="25" s="1"/>
  <c r="L18" i="25"/>
  <c r="G18" i="25" s="1"/>
  <c r="A17" i="25"/>
  <c r="A18" i="25" s="1"/>
  <c r="A19" i="25" s="1"/>
  <c r="A20" i="25" s="1"/>
  <c r="A21" i="25" s="1"/>
  <c r="A22" i="25" s="1"/>
  <c r="E12" i="25"/>
  <c r="F12" i="25" s="1"/>
  <c r="G12" i="25" s="1"/>
  <c r="H12" i="25" s="1"/>
  <c r="I12" i="25" s="1"/>
  <c r="J12" i="25" s="1"/>
  <c r="K12" i="25" s="1"/>
  <c r="L12" i="25" s="1"/>
  <c r="K11" i="25"/>
  <c r="M8" i="25"/>
  <c r="M7" i="25"/>
  <c r="A7" i="25"/>
  <c r="M6" i="25"/>
  <c r="M5" i="25"/>
  <c r="E18" i="25" s="1"/>
  <c r="M4" i="25"/>
  <c r="G44" i="26" l="1"/>
  <c r="A22" i="26"/>
  <c r="A23" i="26" s="1"/>
  <c r="A24" i="26" s="1"/>
  <c r="A25" i="26" s="1"/>
  <c r="A26" i="26" s="1"/>
  <c r="A30" i="26" s="1"/>
  <c r="A31" i="26" s="1"/>
  <c r="A32" i="26" s="1"/>
  <c r="A33" i="26" s="1"/>
  <c r="A23" i="25"/>
  <c r="A24" i="25" s="1"/>
  <c r="A25" i="25" s="1"/>
  <c r="A26" i="25" s="1"/>
  <c r="A30" i="25" s="1"/>
  <c r="A31" i="25" s="1"/>
  <c r="A32" i="25" s="1"/>
  <c r="A33" i="25" s="1"/>
  <c r="A34" i="25" s="1"/>
  <c r="A35" i="25" s="1"/>
  <c r="A36" i="25" s="1"/>
  <c r="A37" i="25" s="1"/>
  <c r="A40" i="25" s="1"/>
  <c r="A41" i="25" s="1"/>
  <c r="A44" i="25" s="1"/>
  <c r="A45" i="25" s="1"/>
  <c r="A46" i="25" s="1"/>
  <c r="A47" i="25" s="1"/>
  <c r="A48" i="25" s="1"/>
  <c r="A49" i="25" s="1"/>
  <c r="A50" i="25" s="1"/>
  <c r="E19" i="25"/>
  <c r="E27" i="25" s="1"/>
  <c r="E28" i="25" s="1"/>
  <c r="E29" i="25" s="1"/>
  <c r="E30" i="25" s="1"/>
  <c r="E40" i="25" s="1"/>
  <c r="G40" i="26"/>
  <c r="E19" i="26"/>
  <c r="E27" i="26" s="1"/>
  <c r="E28" i="26" s="1"/>
  <c r="E29" i="26" s="1"/>
  <c r="G40" i="25"/>
  <c r="G44" i="25"/>
  <c r="F40" i="26"/>
  <c r="F44" i="26"/>
  <c r="J40" i="26"/>
  <c r="J44" i="26"/>
  <c r="F30" i="26"/>
  <c r="J44" i="25"/>
  <c r="J40" i="25"/>
  <c r="O18" i="25"/>
  <c r="H18" i="25" s="1"/>
  <c r="F40" i="25"/>
  <c r="F44" i="25"/>
  <c r="O29" i="25"/>
  <c r="H29" i="25" s="1"/>
  <c r="P29" i="25" s="1"/>
  <c r="G30" i="25"/>
  <c r="F30" i="25"/>
  <c r="G30" i="26"/>
  <c r="O29" i="26"/>
  <c r="H29" i="26" s="1"/>
  <c r="P29" i="26" s="1"/>
  <c r="O18" i="26"/>
  <c r="H18" i="26" s="1"/>
  <c r="P18" i="26" s="1"/>
  <c r="J30" i="26"/>
  <c r="O19" i="26"/>
  <c r="H19" i="26" s="1"/>
  <c r="P19" i="26" s="1"/>
  <c r="O42" i="26"/>
  <c r="H42" i="26" s="1"/>
  <c r="P42" i="26" s="1"/>
  <c r="O39" i="26"/>
  <c r="H39" i="26" s="1"/>
  <c r="P39" i="26" s="1"/>
  <c r="O43" i="26"/>
  <c r="H43" i="26" s="1"/>
  <c r="P43" i="26" s="1"/>
  <c r="O27" i="26"/>
  <c r="H27" i="26" s="1"/>
  <c r="P27" i="26" s="1"/>
  <c r="E30" i="26"/>
  <c r="E40" i="26" s="1"/>
  <c r="O28" i="26"/>
  <c r="H28" i="26" s="1"/>
  <c r="P28" i="26" s="1"/>
  <c r="O38" i="26"/>
  <c r="H38" i="26" s="1"/>
  <c r="P38" i="26" s="1"/>
  <c r="J30" i="25"/>
  <c r="O42" i="25"/>
  <c r="H42" i="25" s="1"/>
  <c r="O39" i="25"/>
  <c r="H39" i="25" s="1"/>
  <c r="P39" i="25" s="1"/>
  <c r="O27" i="25"/>
  <c r="H27" i="25" s="1"/>
  <c r="P27" i="25" s="1"/>
  <c r="O19" i="25"/>
  <c r="H19" i="25" s="1"/>
  <c r="P19" i="25" s="1"/>
  <c r="O43" i="25"/>
  <c r="H43" i="25" s="1"/>
  <c r="P43" i="25" s="1"/>
  <c r="O28" i="25"/>
  <c r="H28" i="25" s="1"/>
  <c r="P28" i="25" s="1"/>
  <c r="O38" i="25"/>
  <c r="H38" i="25" s="1"/>
  <c r="L44" i="24"/>
  <c r="I44" i="24"/>
  <c r="G43" i="24"/>
  <c r="G42" i="24"/>
  <c r="L40" i="24"/>
  <c r="I40" i="24"/>
  <c r="G39" i="24"/>
  <c r="G38" i="24"/>
  <c r="L30" i="24"/>
  <c r="I30" i="24"/>
  <c r="G29" i="24"/>
  <c r="G28" i="24"/>
  <c r="G27" i="24"/>
  <c r="A17" i="24"/>
  <c r="A18" i="24" s="1"/>
  <c r="A19" i="24" s="1"/>
  <c r="A20" i="24" s="1"/>
  <c r="A21" i="24" s="1"/>
  <c r="A22" i="24" s="1"/>
  <c r="A23" i="24" s="1"/>
  <c r="L19" i="24"/>
  <c r="G19" i="24" s="1"/>
  <c r="E12" i="24"/>
  <c r="F12" i="24" s="1"/>
  <c r="G12" i="24" s="1"/>
  <c r="H12" i="24" s="1"/>
  <c r="I12" i="24" s="1"/>
  <c r="J12" i="24" s="1"/>
  <c r="K12" i="24" s="1"/>
  <c r="L12" i="24" s="1"/>
  <c r="K11" i="24"/>
  <c r="M8" i="24"/>
  <c r="M7" i="24"/>
  <c r="A7" i="24"/>
  <c r="M6" i="24"/>
  <c r="E18" i="24" s="1"/>
  <c r="M5" i="24"/>
  <c r="M4" i="24"/>
  <c r="A34" i="26" l="1"/>
  <c r="A35" i="26" s="1"/>
  <c r="A36" i="26" s="1"/>
  <c r="A24" i="24"/>
  <c r="G40" i="24"/>
  <c r="H38" i="23"/>
  <c r="G38" i="23"/>
  <c r="F37" i="23"/>
  <c r="G37" i="23"/>
  <c r="E19" i="24"/>
  <c r="E27" i="24" s="1"/>
  <c r="E28" i="24" s="1"/>
  <c r="E29" i="24" s="1"/>
  <c r="E30" i="24" s="1"/>
  <c r="E40" i="24" s="1"/>
  <c r="I48" i="23"/>
  <c r="A51" i="25"/>
  <c r="A52" i="25" s="1"/>
  <c r="A53" i="25" s="1"/>
  <c r="A54" i="25" s="1"/>
  <c r="P18" i="25"/>
  <c r="O44" i="26"/>
  <c r="O40" i="26"/>
  <c r="O44" i="25"/>
  <c r="G44" i="24"/>
  <c r="O40" i="25"/>
  <c r="O30" i="26"/>
  <c r="H44" i="25"/>
  <c r="H40" i="25"/>
  <c r="O30" i="25"/>
  <c r="G30" i="24"/>
  <c r="H40" i="26"/>
  <c r="H44" i="26"/>
  <c r="E44" i="26"/>
  <c r="H30" i="26"/>
  <c r="P42" i="25"/>
  <c r="P38" i="25"/>
  <c r="H30" i="25"/>
  <c r="E44" i="25"/>
  <c r="G18" i="24"/>
  <c r="L38" i="6"/>
  <c r="L42" i="6"/>
  <c r="G41" i="6"/>
  <c r="G37" i="6"/>
  <c r="G36" i="6"/>
  <c r="A7" i="6"/>
  <c r="G28" i="6"/>
  <c r="G27" i="6"/>
  <c r="G26" i="6"/>
  <c r="G29" i="6" s="1"/>
  <c r="G19" i="6"/>
  <c r="A25" i="24" l="1"/>
  <c r="A26" i="24" s="1"/>
  <c r="A30" i="24" s="1"/>
  <c r="A31" i="24" s="1"/>
  <c r="A32" i="24" s="1"/>
  <c r="A33" i="24" s="1"/>
  <c r="A34" i="24" s="1"/>
  <c r="A35" i="24" s="1"/>
  <c r="A36" i="24" s="1"/>
  <c r="A37" i="24" s="1"/>
  <c r="A40" i="24" s="1"/>
  <c r="A41" i="24" s="1"/>
  <c r="A44" i="24" s="1"/>
  <c r="A45" i="24" s="1"/>
  <c r="A46" i="24" s="1"/>
  <c r="A47" i="24" s="1"/>
  <c r="A48" i="24" s="1"/>
  <c r="A49" i="24" s="1"/>
  <c r="A50" i="24" s="1"/>
  <c r="A51" i="24" s="1"/>
  <c r="A52" i="24" s="1"/>
  <c r="A53" i="24" s="1"/>
  <c r="A54" i="24" s="1"/>
  <c r="A37" i="26"/>
  <c r="A40" i="26" s="1"/>
  <c r="A41" i="26" s="1"/>
  <c r="A44" i="26" s="1"/>
  <c r="A45" i="26" s="1"/>
  <c r="A46" i="26" s="1"/>
  <c r="A47" i="26" s="1"/>
  <c r="A48" i="26" s="1"/>
  <c r="A49" i="26" s="1"/>
  <c r="A50" i="26" s="1"/>
  <c r="A51" i="26" s="1"/>
  <c r="A52" i="26" s="1"/>
  <c r="A53" i="26" s="1"/>
  <c r="A54" i="26" s="1"/>
  <c r="A55" i="26" s="1"/>
  <c r="P44" i="26"/>
  <c r="O19" i="24"/>
  <c r="H19" i="24" s="1"/>
  <c r="P19" i="24" s="1"/>
  <c r="P44" i="25"/>
  <c r="P40" i="26"/>
  <c r="P40" i="25"/>
  <c r="P30" i="26"/>
  <c r="F44" i="24"/>
  <c r="O29" i="24"/>
  <c r="H29" i="24" s="1"/>
  <c r="P29" i="24" s="1"/>
  <c r="P30" i="25"/>
  <c r="O39" i="24"/>
  <c r="H39" i="24" s="1"/>
  <c r="P39" i="24" s="1"/>
  <c r="F30" i="24"/>
  <c r="O43" i="24"/>
  <c r="H43" i="24" s="1"/>
  <c r="P43" i="24" s="1"/>
  <c r="F40" i="24"/>
  <c r="E44" i="24"/>
  <c r="J40" i="24"/>
  <c r="O38" i="24"/>
  <c r="H38" i="24" s="1"/>
  <c r="O28" i="24"/>
  <c r="H28" i="24" s="1"/>
  <c r="P28" i="24" s="1"/>
  <c r="O18" i="24"/>
  <c r="H18" i="24" s="1"/>
  <c r="P18" i="24" s="1"/>
  <c r="O42" i="24"/>
  <c r="H42" i="24" s="1"/>
  <c r="O27" i="24"/>
  <c r="H27" i="24" s="1"/>
  <c r="J30" i="24"/>
  <c r="J44" i="24"/>
  <c r="H39" i="23" l="1"/>
  <c r="O40" i="24"/>
  <c r="O44" i="24"/>
  <c r="O41" i="6"/>
  <c r="H41" i="6" s="1"/>
  <c r="P41" i="6" s="1"/>
  <c r="J29" i="6"/>
  <c r="F29" i="6"/>
  <c r="O30" i="24"/>
  <c r="H30" i="24"/>
  <c r="P27" i="24"/>
  <c r="H40" i="24"/>
  <c r="P38" i="24"/>
  <c r="H44" i="24"/>
  <c r="P42" i="24"/>
  <c r="O40" i="6"/>
  <c r="P40" i="6" s="1"/>
  <c r="E12" i="6"/>
  <c r="F12" i="6" s="1"/>
  <c r="G12" i="6" s="1"/>
  <c r="H12" i="6" s="1"/>
  <c r="I12" i="6" s="1"/>
  <c r="J12" i="6" s="1"/>
  <c r="K12" i="6" s="1"/>
  <c r="L12" i="6" s="1"/>
  <c r="A17" i="6"/>
  <c r="I42" i="6"/>
  <c r="G42" i="6"/>
  <c r="G38" i="6"/>
  <c r="I38" i="6"/>
  <c r="M5" i="6"/>
  <c r="M6" i="6"/>
  <c r="M7" i="6"/>
  <c r="M8" i="6"/>
  <c r="M4" i="6"/>
  <c r="K11" i="6"/>
  <c r="B39" i="23"/>
  <c r="B38" i="23"/>
  <c r="B37" i="23"/>
  <c r="H31" i="23"/>
  <c r="G31" i="23"/>
  <c r="F31" i="23"/>
  <c r="A21" i="23"/>
  <c r="A29" i="23" s="1"/>
  <c r="A31" i="23" s="1"/>
  <c r="A43" i="23" s="1"/>
  <c r="E18" i="6" l="1"/>
  <c r="E19" i="6" s="1"/>
  <c r="H34" i="23"/>
  <c r="H32" i="23"/>
  <c r="H33" i="23"/>
  <c r="F34" i="23"/>
  <c r="F33" i="23"/>
  <c r="F32" i="23"/>
  <c r="G34" i="23"/>
  <c r="G33" i="23"/>
  <c r="G32" i="23"/>
  <c r="P40" i="24"/>
  <c r="P44" i="24"/>
  <c r="P30" i="24"/>
  <c r="H42" i="6"/>
  <c r="O27" i="6"/>
  <c r="H27" i="6" s="1"/>
  <c r="P27" i="6" s="1"/>
  <c r="O19" i="6"/>
  <c r="E29" i="6" l="1"/>
  <c r="E38" i="6" s="1"/>
  <c r="E26" i="6"/>
  <c r="E27" i="6" s="1"/>
  <c r="E28" i="6" s="1"/>
  <c r="G35" i="23"/>
  <c r="F35" i="23"/>
  <c r="H35" i="23"/>
  <c r="H19" i="6"/>
  <c r="P19" i="6" s="1"/>
  <c r="J38" i="6"/>
  <c r="O37" i="6"/>
  <c r="H37" i="6" s="1"/>
  <c r="P37" i="6" s="1"/>
  <c r="J42" i="6"/>
  <c r="F38" i="6"/>
  <c r="F42" i="6"/>
  <c r="O36" i="6"/>
  <c r="H36" i="6" s="1"/>
  <c r="E42" i="6"/>
  <c r="O26" i="6"/>
  <c r="H26" i="6" s="1"/>
  <c r="O28" i="6"/>
  <c r="H28" i="6" s="1"/>
  <c r="P28" i="6" s="1"/>
  <c r="O18" i="6"/>
  <c r="H18" i="6" s="1"/>
  <c r="I39" i="23" l="1"/>
  <c r="P18" i="6"/>
  <c r="H29" i="6"/>
  <c r="P26" i="6"/>
  <c r="P36" i="6"/>
  <c r="H38" i="6"/>
  <c r="O38" i="6"/>
  <c r="P38" i="6" l="1"/>
  <c r="L29" i="6"/>
  <c r="A18" i="6"/>
  <c r="A19" i="6" s="1"/>
  <c r="A20" i="6" s="1"/>
  <c r="O42" i="6" l="1"/>
  <c r="P42" i="6" s="1"/>
  <c r="A21" i="6"/>
  <c r="A22" i="6" s="1"/>
  <c r="A23" i="6" l="1"/>
  <c r="A24" i="6" s="1"/>
  <c r="A25" i="6" s="1"/>
  <c r="I49" i="23"/>
  <c r="O29" i="6"/>
  <c r="P29" i="6" s="1"/>
  <c r="A29" i="6" l="1"/>
  <c r="A30" i="6" s="1"/>
  <c r="A31" i="6" s="1"/>
  <c r="A32" i="6" s="1"/>
  <c r="A33" i="6" s="1"/>
  <c r="A34" i="6" s="1"/>
  <c r="A35" i="6" s="1"/>
  <c r="A38" i="6" l="1"/>
  <c r="A39" i="6" s="1"/>
  <c r="A42" i="6" l="1"/>
  <c r="A43" i="6" l="1"/>
  <c r="A44" i="6" s="1"/>
  <c r="A45" i="6" s="1"/>
  <c r="A46" i="6" s="1"/>
  <c r="A47" i="6" s="1"/>
  <c r="A48" i="6" s="1"/>
  <c r="A49" i="6" s="1"/>
  <c r="A50" i="6" s="1"/>
  <c r="A51" i="6" s="1"/>
  <c r="A52" i="6" s="1"/>
  <c r="A53" i="6" s="1"/>
  <c r="A54" i="6" s="1"/>
</calcChain>
</file>

<file path=xl/sharedStrings.xml><?xml version="1.0" encoding="utf-8"?>
<sst xmlns="http://schemas.openxmlformats.org/spreadsheetml/2006/main" count="9473" uniqueCount="4382">
  <si>
    <t>PROCEDURES AND INPUTS</t>
  </si>
  <si>
    <t>General Instructions:</t>
  </si>
  <si>
    <t>-</t>
  </si>
  <si>
    <r>
      <t xml:space="preserve">Amounts in </t>
    </r>
    <r>
      <rPr>
        <sz val="11"/>
        <color rgb="FF0000FF"/>
        <rFont val="Calibri"/>
        <family val="2"/>
        <scheme val="minor"/>
      </rPr>
      <t>blue are inputs</t>
    </r>
    <r>
      <rPr>
        <sz val="11"/>
        <rFont val="Calibri"/>
        <family val="2"/>
        <scheme val="minor"/>
      </rPr>
      <t xml:space="preserve"> and</t>
    </r>
    <r>
      <rPr>
        <sz val="11"/>
        <color rgb="FFFF0000"/>
        <rFont val="Calibri"/>
        <family val="2"/>
        <scheme val="minor"/>
      </rPr>
      <t xml:space="preserve"> red are links</t>
    </r>
    <r>
      <rPr>
        <sz val="11"/>
        <rFont val="Calibri"/>
        <family val="2"/>
        <scheme val="minor"/>
      </rPr>
      <t xml:space="preserve"> that need to be updated.</t>
    </r>
  </si>
  <si>
    <t>STEPS FOR UPDATING</t>
  </si>
  <si>
    <t>All of the header information and amounts in the MFR tabs are populated with formulas and/or links.</t>
  </si>
  <si>
    <t>a.</t>
  </si>
  <si>
    <t>Update 1 through 3 below with the current year annual update information</t>
  </si>
  <si>
    <t>b.</t>
  </si>
  <si>
    <t>Copy the following UI Output reports on the tabs with the same name:</t>
  </si>
  <si>
    <t>Reg FL BS - 4 Results</t>
  </si>
  <si>
    <t>Reg FL FERC IS - 3 Adjusted</t>
  </si>
  <si>
    <t>FP&amp;A Balance Sheet</t>
  </si>
  <si>
    <t>c.</t>
  </si>
  <si>
    <t>Copy the data from the tab "Wk TB for End Bal" to the tab "Wk TB for Beg Bal"</t>
  </si>
  <si>
    <t>Copy the most recent TB on to the tab "WK TB for End Bal"</t>
  </si>
  <si>
    <t>Copy the most recent TB into the file as a new tab and name it "WK TB_REG 20XX"</t>
  </si>
  <si>
    <t>d.</t>
  </si>
  <si>
    <t>Review check figures below and MFRs</t>
  </si>
  <si>
    <t>Time Periods:</t>
  </si>
  <si>
    <t>Projected Test Year 3 Ended</t>
  </si>
  <si>
    <t>Year 5</t>
  </si>
  <si>
    <t>Year 2027</t>
  </si>
  <si>
    <t>Projected Test Year 2 Ended</t>
  </si>
  <si>
    <t>Year 4</t>
  </si>
  <si>
    <t>Year 2026</t>
  </si>
  <si>
    <t>Projected Test Year 1 Ended</t>
  </si>
  <si>
    <t>Year 3</t>
  </si>
  <si>
    <t>Year 2025</t>
  </si>
  <si>
    <t>Prior Year Ended</t>
  </si>
  <si>
    <t>Year 2</t>
  </si>
  <si>
    <t>Year 2024</t>
  </si>
  <si>
    <t>Year 1</t>
  </si>
  <si>
    <t>Year 2023</t>
  </si>
  <si>
    <t>Historical Year Ended</t>
  </si>
  <si>
    <t>Year 0</t>
  </si>
  <si>
    <t>Year 2022</t>
  </si>
  <si>
    <t>Year -1</t>
  </si>
  <si>
    <t>Year 2021</t>
  </si>
  <si>
    <t>Witness:  Aquilina, O'Hara</t>
  </si>
  <si>
    <t>check figure back to FERC BS</t>
  </si>
  <si>
    <t>*[228.1 Subtotal]*</t>
  </si>
  <si>
    <t>*[228.2 Subtotal]*</t>
  </si>
  <si>
    <t>*[228.4 Subtotal]*</t>
  </si>
  <si>
    <t>*[228 Subtotal]*</t>
  </si>
  <si>
    <t>check figure back to WK TB</t>
  </si>
  <si>
    <t>*Accumulated Provision for Property Insurance (228.1)*</t>
  </si>
  <si>
    <t>*Accumulated Provision for Injuries and Damages (228.2)*</t>
  </si>
  <si>
    <t>*Accumulated Miscellaneous Operating Provisions (228.4)*</t>
  </si>
  <si>
    <t>Total FERC 228</t>
  </si>
  <si>
    <t>Difference</t>
  </si>
  <si>
    <t>SCHEDULE B-21</t>
  </si>
  <si>
    <t>FLORIDA PUBLIC SERVICE COMMISSION</t>
  </si>
  <si>
    <t xml:space="preserve">Explanation: </t>
  </si>
  <si>
    <t>Provide a schedule of amounts charged to operating expenses, and the amounts accrued and charged to the provision account balances, for the last calendar year and test year.  Indicate desired reserve balances and basis for determining desired balances.</t>
  </si>
  <si>
    <t>Type of Data Shown:</t>
  </si>
  <si>
    <t>COMPANY: Duke Energy Florida, LLC</t>
  </si>
  <si>
    <t>__</t>
  </si>
  <si>
    <t>($000)</t>
  </si>
  <si>
    <t>Balance Sheet Reference</t>
  </si>
  <si>
    <t>Income Statement Reference</t>
  </si>
  <si>
    <t>Reserve</t>
  </si>
  <si>
    <t>Current</t>
  </si>
  <si>
    <t xml:space="preserve">Amount </t>
  </si>
  <si>
    <t>Net Fund</t>
  </si>
  <si>
    <t>Charged to</t>
  </si>
  <si>
    <t>Line</t>
  </si>
  <si>
    <t xml:space="preserve"> </t>
  </si>
  <si>
    <t>Balance Beg</t>
  </si>
  <si>
    <t>Annual</t>
  </si>
  <si>
    <t>Income</t>
  </si>
  <si>
    <t>Balance End</t>
  </si>
  <si>
    <t>Description</t>
  </si>
  <si>
    <t>Operating</t>
  </si>
  <si>
    <t>No.</t>
  </si>
  <si>
    <t>Year</t>
  </si>
  <si>
    <t>of Period</t>
  </si>
  <si>
    <t>Accrual</t>
  </si>
  <si>
    <t>After Taxes</t>
  </si>
  <si>
    <t>of Charge</t>
  </si>
  <si>
    <t>Expenses</t>
  </si>
  <si>
    <t>Chg in Bal</t>
  </si>
  <si>
    <t>Check</t>
  </si>
  <si>
    <t>Account 228.1  -  Property Insurance</t>
  </si>
  <si>
    <t>Unfunded Storm Damage Reserve - Retail</t>
  </si>
  <si>
    <t>*0228100 - Retail Unfd Storm Damage*</t>
  </si>
  <si>
    <t xml:space="preserve"> *[0924200 - Recoverable Storm Damage Exp (OATT Not InBudg)]*</t>
  </si>
  <si>
    <t>See Note</t>
  </si>
  <si>
    <t>Unfunded Storm Damage Reserve - Wholesale</t>
  </si>
  <si>
    <t>*0228101 - Wholsesale Storm Reserve*</t>
  </si>
  <si>
    <t xml:space="preserve">   *[0924200 - Recoverable Storm Damage Exp (OATT Not InBudg)]*</t>
  </si>
  <si>
    <t>*[0228201 - Claim Reserve]*</t>
  </si>
  <si>
    <t>See Account Description</t>
  </si>
  <si>
    <t>*[0228202 - Claim Reserve - ST]*</t>
  </si>
  <si>
    <t>"</t>
  </si>
  <si>
    <t>*[0228250 - Inactive - Schm Worker'S Comp - Other]*</t>
  </si>
  <si>
    <t>Account 228.2  - Injuries &amp; Damages</t>
  </si>
  <si>
    <t>Desired Balance:  DEF no longer self-insures for workers compensation.  The balance in the reserve account relates to claims prior to July 2, 2012.  DEF has not forecast any costs associated with the self-insurance workers compenstaion claims in the projected test years.</t>
  </si>
  <si>
    <t>Account 228.4  - Miscellaneous</t>
  </si>
  <si>
    <t>*[0228403 - Deferred Serp -  Active Empl]*</t>
  </si>
  <si>
    <t>*[0228405 - 2000 Class Deferred Compensat]*</t>
  </si>
  <si>
    <t>Deferred Compensation</t>
  </si>
  <si>
    <t>0228440 - Reserve - MGP Sites FERC 228</t>
  </si>
  <si>
    <t>*[0228440 - Reserve - MGP Sites FERC 228]*</t>
  </si>
  <si>
    <t>0228480 - Acc Prov Insurance-Environ</t>
  </si>
  <si>
    <t>*[0228480 - Acc Prov Insurance-Environ]*</t>
  </si>
  <si>
    <t>Envrionmental</t>
  </si>
  <si>
    <t xml:space="preserve">Desired Balance:  The balance for deferred compensation is based on expected liabilities.  The enviromental reserve is based on the estimated liability to clean up contaminated sites.
</t>
  </si>
  <si>
    <t>Supporting Schedules:</t>
  </si>
  <si>
    <t>Recap Schedules: B-3</t>
  </si>
  <si>
    <t>*[0924200 - Recoverable Storm Damage Exp (OATT Not InBudg)]*</t>
  </si>
  <si>
    <t>*0924200 - Recoverable Storm Damage Exp*</t>
  </si>
  <si>
    <t>Desired Balance:  Duke Energy Florida self-insures its transmission and distribution lines against loss due to storm damage and other natural disasters.  Pursuant to the 2021 Settlement Agreement approved by Order No. PSC-2021-0202-AS-EI DEF is authorized a $132M (retail) storm reserve.  Pursuant to Order No. PSC-2021-0425-FOF-EI (2021 Rate Mitigation Agreement) DEF deferred collection of approximately $24M in storm-related costs resulting in a reserve balance of $108M as of December 31, 2022.</t>
  </si>
  <si>
    <t>*0228201 - Claim Reserve*</t>
  </si>
  <si>
    <t>*0228202 - Claim Reserve - ST*</t>
  </si>
  <si>
    <t>*0228250 - Inactive - Schm Worker'S Comp - Other*</t>
  </si>
  <si>
    <t>*0228403 - Deferred Serp -  Active Empl*</t>
  </si>
  <si>
    <t>*0228403 - Deferred Serp - Active Empl*</t>
  </si>
  <si>
    <t>* 0228405 - 2000 Class Deferred Compensat*</t>
  </si>
  <si>
    <t>0228405 - 2000 Class Deferred Compensat</t>
  </si>
  <si>
    <t>**</t>
  </si>
  <si>
    <t>*0228480 - Acc Prov Insurance-Environ*</t>
  </si>
  <si>
    <t>Environmental</t>
  </si>
  <si>
    <t>a-Jan 2022</t>
  </si>
  <si>
    <t>a-Feb 2022</t>
  </si>
  <si>
    <t>a-Mar 2022</t>
  </si>
  <si>
    <t>a-Apr 2022</t>
  </si>
  <si>
    <t>a-May 2022</t>
  </si>
  <si>
    <t>a-Jun 2022</t>
  </si>
  <si>
    <t>a-Jul 2022</t>
  </si>
  <si>
    <t>a-Aug 2022</t>
  </si>
  <si>
    <t>a-Sep 2022</t>
  </si>
  <si>
    <t>a-Oct 2022</t>
  </si>
  <si>
    <t>a-Nov 2022</t>
  </si>
  <si>
    <t>a-Dec 2022</t>
  </si>
  <si>
    <t>Jan 2023</t>
  </si>
  <si>
    <t>Feb 2023</t>
  </si>
  <si>
    <t>Mar 2023</t>
  </si>
  <si>
    <t>Apr 2023</t>
  </si>
  <si>
    <t>May 2023</t>
  </si>
  <si>
    <t>Jun 2023</t>
  </si>
  <si>
    <t>Jul 2023</t>
  </si>
  <si>
    <t>Aug 2023</t>
  </si>
  <si>
    <t>Sep 2023</t>
  </si>
  <si>
    <t>Oct 2023</t>
  </si>
  <si>
    <t>Nov 2023</t>
  </si>
  <si>
    <t>Dec 2023</t>
  </si>
  <si>
    <t>Jan 2024</t>
  </si>
  <si>
    <t>Feb 2024</t>
  </si>
  <si>
    <t>Mar 2024</t>
  </si>
  <si>
    <t>Apr 2024</t>
  </si>
  <si>
    <t>May 2024</t>
  </si>
  <si>
    <t>Jun 2024</t>
  </si>
  <si>
    <t>Jul 2024</t>
  </si>
  <si>
    <t>Aug 2024</t>
  </si>
  <si>
    <t>Sep 2024</t>
  </si>
  <si>
    <t>Oct 2024</t>
  </si>
  <si>
    <t>Nov 2024</t>
  </si>
  <si>
    <t>Dec 2024</t>
  </si>
  <si>
    <t>Jan 2025</t>
  </si>
  <si>
    <t>Feb 2025</t>
  </si>
  <si>
    <t>Mar 2025</t>
  </si>
  <si>
    <t>Apr 2025</t>
  </si>
  <si>
    <t>May 2025</t>
  </si>
  <si>
    <t>Jun 2025</t>
  </si>
  <si>
    <t>Jul 2025</t>
  </si>
  <si>
    <t>Aug 2025</t>
  </si>
  <si>
    <t>Sep 2025</t>
  </si>
  <si>
    <t>Oct 2025</t>
  </si>
  <si>
    <t>Nov 2025</t>
  </si>
  <si>
    <t>Dec 2025</t>
  </si>
  <si>
    <t>Jan 2026</t>
  </si>
  <si>
    <t>Feb 2026</t>
  </si>
  <si>
    <t>Mar 2026</t>
  </si>
  <si>
    <t>Apr 2026</t>
  </si>
  <si>
    <t>May 2026</t>
  </si>
  <si>
    <t>Jun 2026</t>
  </si>
  <si>
    <t>Jul 2026</t>
  </si>
  <si>
    <t>Aug 2026</t>
  </si>
  <si>
    <t>Sep 2026</t>
  </si>
  <si>
    <t>Oct 2026</t>
  </si>
  <si>
    <t>Nov 2026</t>
  </si>
  <si>
    <t>Dec 2026</t>
  </si>
  <si>
    <t>Jan 2027</t>
  </si>
  <si>
    <t>Feb 2027</t>
  </si>
  <si>
    <t>Mar 2027</t>
  </si>
  <si>
    <t>Apr 2027</t>
  </si>
  <si>
    <t>May 2027</t>
  </si>
  <si>
    <t>Jun 2027</t>
  </si>
  <si>
    <t>Jul 2027</t>
  </si>
  <si>
    <t>Aug 2027</t>
  </si>
  <si>
    <t>Sep 2027</t>
  </si>
  <si>
    <t>Oct 2027</t>
  </si>
  <si>
    <t>Nov 2027</t>
  </si>
  <si>
    <t>Dec 2027</t>
  </si>
  <si>
    <t>DE Florida (Inp) </t>
  </si>
  <si>
    <t>B:[]</t>
  </si>
  <si>
    <t>C:[]</t>
  </si>
  <si>
    <t>D:[if]</t>
  </si>
  <si>
    <t>E:[]</t>
  </si>
  <si>
    <t>F:[]</t>
  </si>
  <si>
    <t>G:[Current Entity]</t>
  </si>
  <si>
    <t>H:[Entity ID of PE Florida (Planning Entity)]</t>
  </si>
  <si>
    <t>I:[Entity ID of PE Florida Gov (Planning Entity)]</t>
  </si>
  <si>
    <t>J:[Entity ID of PE Florida Gov Sp (Planning Entity)]</t>
  </si>
  <si>
    <t>K:[if]</t>
  </si>
  <si>
    <t>L:[]</t>
  </si>
  <si>
    <t>M:[]</t>
  </si>
  <si>
    <t>N:[One]</t>
  </si>
  <si>
    <t>O:[Zero!]</t>
  </si>
  <si>
    <t>P:[Last Actuals Period]</t>
  </si>
  <si>
    <t>Q:[Last Actuals Date]</t>
  </si>
  <si>
    <t>R:[Current Period]</t>
  </si>
  <si>
    <t>S:[Current Date]</t>
  </si>
  <si>
    <t>T:[Previous Period]</t>
  </si>
  <si>
    <t>U:[Previous Period (to use)]</t>
  </si>
  <si>
    <t>V:[Previous Date]</t>
  </si>
  <si>
    <t>W:[Date Start of Year]</t>
  </si>
  <si>
    <t>X:[Date Prior Year End]</t>
  </si>
  <si>
    <t>Y:[Current Date = Date Start of Year (1 = yes)]</t>
  </si>
  <si>
    <t>Z:[]</t>
  </si>
  <si>
    <t>AA:[if]</t>
  </si>
  <si>
    <t>AB:[Is actual (1=yes)]</t>
  </si>
  <si>
    <t>AC:[else]</t>
  </si>
  <si>
    <t>AD:[Is forecast (1=yes)]</t>
  </si>
  <si>
    <t>AE:[end if]</t>
  </si>
  <si>
    <t>AF:[]</t>
  </si>
  <si>
    <t>AG:[Current Month from Financial Model]</t>
  </si>
  <si>
    <t>AH:[if]</t>
  </si>
  <si>
    <t>AI:[Annualization value if monthly]</t>
  </si>
  <si>
    <t>AJ:[else]</t>
  </si>
  <si>
    <t>AK:[Annualization value if annual]</t>
  </si>
  <si>
    <t>AL:[Current year is annually calculated in financial model]</t>
  </si>
  <si>
    <t>AM:[end if]</t>
  </si>
  <si>
    <t>AN:[Annualization value to use]</t>
  </si>
  <si>
    <t>AO:[]</t>
  </si>
  <si>
    <t>AP:[Start Method]</t>
  </si>
  <si>
    <t>AQ:[]</t>
  </si>
  <si>
    <t>AR:[Rpt #4: Get line value from Rpt#1 - Actual]</t>
  </si>
  <si>
    <t>AS:[0219055 NDTF Unrealized Gains/Losses]</t>
  </si>
  <si>
    <t>AT:[Rpt #4: Get line value from Rpt#4 - Previous]</t>
  </si>
  <si>
    <t>AU:[Rpt #4: Get line value from Rpt#3 - Activity]</t>
  </si>
  <si>
    <t>AV:[Rpt #4: Get line value from Rpt#3 - Activity (PEF, Gov, &amp; Gov Sp)]</t>
  </si>
  <si>
    <t>AW:[Rpt #4: Get line value from Rpt#3 - Activity (PEF Gov Special)]</t>
  </si>
  <si>
    <t>AX:[Rpt #5: Get line value from Rpt#5 - January Ending]</t>
  </si>
  <si>
    <t>AY:[Rpt #5: Get line value from Rpt#5 - Prior Year End]</t>
  </si>
  <si>
    <t>AZ:[]</t>
  </si>
  <si>
    <t>BA:[Rpt #5: BS Change if year is calculated monthly]</t>
  </si>
  <si>
    <t>BB:[Rpt #5: BS Change if year is calculated annually and month is January]</t>
  </si>
  <si>
    <t>BC:[Rpt #5: BS Change if year is calculated annually and month is not January]</t>
  </si>
  <si>
    <t>BD:[]</t>
  </si>
  <si>
    <t>BE:[]</t>
  </si>
  <si>
    <t>BF:[]</t>
  </si>
  <si>
    <t>BG:[MethodReturns]</t>
  </si>
  <si>
    <t>BH:[]</t>
  </si>
  <si>
    <t>BI:[]</t>
  </si>
  <si>
    <t>BJ:[ASSETS:]</t>
  </si>
  <si>
    <t>BK:[]</t>
  </si>
  <si>
    <t>BL:[FERC 101: Electric Plant In Service]</t>
  </si>
  <si>
    <t>BM:[0101000 - Property Plant and Equipment]</t>
  </si>
  <si>
    <t>BN:[0101025 - Gps - General Plant]</t>
  </si>
  <si>
    <t>BO:[0101100 - LT Capital Lease Asset]</t>
  </si>
  <si>
    <t>BP:[0101102 - Oper Lease Right of Use asset]</t>
  </si>
  <si>
    <t>BQ:[0101150 - Common Plant in Service]</t>
  </si>
  <si>
    <t>BR:[0101315 - ARO Asset - Coal Ash]</t>
  </si>
  <si>
    <t>BS:[0101499 - Asset Retirement Obligations]</t>
  </si>
  <si>
    <t>BT:[0101760 - CONTRA EPIS-OATT]</t>
  </si>
  <si>
    <t xml:space="preserve">     BU:[101 Subtotal]</t>
  </si>
  <si>
    <t>BV:[]</t>
  </si>
  <si>
    <t>BW:[FERC 102: Electric Plant Purchased or Sold]</t>
  </si>
  <si>
    <t>BX:[0102100 - Electric Plant Purchased]</t>
  </si>
  <si>
    <t>BY:[102 Subtotal]</t>
  </si>
  <si>
    <t>BZ:[]</t>
  </si>
  <si>
    <t>CA:[FERC 105: Electric Plant Held For Future Use]</t>
  </si>
  <si>
    <t>CB:[0105030 - Elect Plnt Held for Future Use]</t>
  </si>
  <si>
    <t>CC:[0105300 -Comp Future Use Unclassified]</t>
  </si>
  <si>
    <t>CD:[0105100 - Plt Held For Future Use - Wo Sys]</t>
  </si>
  <si>
    <t>CE:[0105200 - Plt Held For Future Use - Prs]</t>
  </si>
  <si>
    <t xml:space="preserve">     CF:[105 Subtotal]</t>
  </si>
  <si>
    <t>CG:[]</t>
  </si>
  <si>
    <t>CH:[FERC 106: Completed Construction Not Classified - Electric]</t>
  </si>
  <si>
    <t>CI:[0106000 - Comp Const Unclassified]</t>
  </si>
  <si>
    <t>CJ:[0106014 - Intangibles General]</t>
  </si>
  <si>
    <t>CK:[0106720 - CCNC Contra ADC - RETAIL - SC]</t>
  </si>
  <si>
    <t xml:space="preserve">     CL:[106 Subtotal]</t>
  </si>
  <si>
    <t>CM:[]</t>
  </si>
  <si>
    <t>CN:[FERC 107: Construction Work in Progress-Electric]</t>
  </si>
  <si>
    <t>CO:[0107000 - SCHM Cwip]</t>
  </si>
  <si>
    <t>CP:[0107001 - Const. Work in Progress]</t>
  </si>
  <si>
    <t>CQ:[0107004 - SCHM CWIP (SOFTWARE)]</t>
  </si>
  <si>
    <t>CR:[0107100 - CWIP - EBIT - ROCE]</t>
  </si>
  <si>
    <t>CS:[0107200 - NR CWIP]</t>
  </si>
  <si>
    <t>CT:[0107400 - Contra CWIP-Recoverable Nuc]</t>
  </si>
  <si>
    <t>CU:[0107730 - CWIP Contra ADC - WHOLESALE]</t>
  </si>
  <si>
    <t>CV:[0107777 - Non-Reg CWIP Suspense]</t>
  </si>
  <si>
    <t>CW:[0107890 - CWIP No Work Order]</t>
  </si>
  <si>
    <t>CX:[0107950 - Allocated Common CWIP]</t>
  </si>
  <si>
    <t xml:space="preserve">     CY:[107 Subtotal]</t>
  </si>
  <si>
    <t>CZ:[]</t>
  </si>
  <si>
    <t>DA:[FERC 108: Accumulated Provision for Depreciation - Electric Utility Plant]</t>
  </si>
  <si>
    <t>DB:[0108000 - Accumulated DDandA - Ppande]</t>
  </si>
  <si>
    <t>DC:[0108060 - CONTRA-ACCUM DEPR OATT]</t>
  </si>
  <si>
    <t>DD:[0108087 - Accelerated Depreciation]</t>
  </si>
  <si>
    <t>DE:[0108155 - FAS 143 COR CONTRA]</t>
  </si>
  <si>
    <t>DF:[0108201 - Acc Lease Amort - Cap Lease (Op)]</t>
  </si>
  <si>
    <t>DG:[0108202 - Accumulated DD&amp;A-ROU Asset]</t>
  </si>
  <si>
    <t>DH:[0108301 - Accum Depreciation COR]</t>
  </si>
  <si>
    <t>DI:[0108306 - Non Rad Decom - W COR]</t>
  </si>
  <si>
    <t>DJ:[0108307 - Non Rad Dcom - R COR]</t>
  </si>
  <si>
    <t>DK:[0108308 - Nuclear COR]</t>
  </si>
  <si>
    <t>DL:[0108309 - Non Rad Decom - UNFD - W COR]</t>
  </si>
  <si>
    <t>DM:[0108315 - ARO Accum Depr - Coal Ash]</t>
  </si>
  <si>
    <t>DN:[0108320 - Final Dismantlement COR]</t>
  </si>
  <si>
    <t>DO:[0108401 - Accum Provision Fossil Dismantlement]</t>
  </si>
  <si>
    <t>DP:[0108499 - Aro Asset Accum Depreciation]</t>
  </si>
  <si>
    <t>DQ:[0108500 - Dismantlement Accrual (System) - 2022 Settlement]</t>
  </si>
  <si>
    <t>DR:[0108600 - SCHM Retirement Wip]</t>
  </si>
  <si>
    <t>DS:[0108620 - RWIP - Reg Liab]</t>
  </si>
  <si>
    <t>DT:[0108630 - Nuc Decom Charge]</t>
  </si>
  <si>
    <t>DU:[0108640 - ARO Liability Ash Mgmt]</t>
  </si>
  <si>
    <t xml:space="preserve">     DV:[108 Subtotal]</t>
  </si>
  <si>
    <t>DW:[]</t>
  </si>
  <si>
    <t>DX:[FERC 111: Accumulated Provision for Amortization - Electric Utility Plant]</t>
  </si>
  <si>
    <t>DY:[0111100 - Acc Prov - Amor Elec Plt in Ser]</t>
  </si>
  <si>
    <t xml:space="preserve">     DZ:[111 Subtotal]</t>
  </si>
  <si>
    <t>EA:[]</t>
  </si>
  <si>
    <t>EB:[FERC 114: Electric Plant Acquisition Adjustments]</t>
  </si>
  <si>
    <t>EC:[0114000 - Elec Plant Acquisition Adj]</t>
  </si>
  <si>
    <t xml:space="preserve">     ED:[114 Subtotal]</t>
  </si>
  <si>
    <t>EE:[]</t>
  </si>
  <si>
    <t>EF:[FERC 115: Accumulated Provision for Amort of Electric Plant Acquisition Adj]</t>
  </si>
  <si>
    <t>EG:[0115000 - Acc Prov Plt Acquis Adj]</t>
  </si>
  <si>
    <t xml:space="preserve">     EH:[115 Subtotal]</t>
  </si>
  <si>
    <t>EI:[]</t>
  </si>
  <si>
    <t>EJ:[FERC 118: Other Utility Plant]</t>
  </si>
  <si>
    <t>EK:[0118200 - Other Utility Plant]</t>
  </si>
  <si>
    <t xml:space="preserve">     EL:[118 Subtotal]</t>
  </si>
  <si>
    <t>EM:[]</t>
  </si>
  <si>
    <t>EN:[FERC 119: Accumulated Provision for Depr and Amort of Other Utility Plant]</t>
  </si>
  <si>
    <t>EO:[0119301 - Acc Depr &amp; Amort Other Util]</t>
  </si>
  <si>
    <t xml:space="preserve">     EP:[119 Subtotal]</t>
  </si>
  <si>
    <t>EQ:[]</t>
  </si>
  <si>
    <t>ER:[FERC 120: Nuclear Fuel]</t>
  </si>
  <si>
    <t>ES:[0120100 - Nuclear Fuel in Process]</t>
  </si>
  <si>
    <t xml:space="preserve">     ET:[120 Subtotal]</t>
  </si>
  <si>
    <t>EU:[]</t>
  </si>
  <si>
    <t>EV:[FERC 121: NonUtility Property]</t>
  </si>
  <si>
    <t>EW:[0121000 - NonUtil Prop - General]</t>
  </si>
  <si>
    <t>EX:[0121500 - NonUtil Construction WIP]</t>
  </si>
  <si>
    <t>EY:[0121600 - Comp Const Not Classified - Nonu]</t>
  </si>
  <si>
    <t xml:space="preserve">     EZ:[121 Subtotal]</t>
  </si>
  <si>
    <t>FA:[]</t>
  </si>
  <si>
    <t>FB:[FERC 122: Accumulated Provision for Depr and Amort of NonUtility Property]</t>
  </si>
  <si>
    <t>FC:[0122000 - DDandA - NonUtil Prop - Gen]</t>
  </si>
  <si>
    <t>FD:[0122200 - Nonutility - RWIP]</t>
  </si>
  <si>
    <t xml:space="preserve">     FE:[122 Subtotal]</t>
  </si>
  <si>
    <t>FF:[]</t>
  </si>
  <si>
    <t>FG:[FERC 123: Investment in Associated Companies]</t>
  </si>
  <si>
    <t>FH:[0123100 - Historical Sub Investment]</t>
  </si>
  <si>
    <t>FI:[0123105 - Sub OCI]</t>
  </si>
  <si>
    <t>FJ:[1231005 - Investment in Sub - Equity]</t>
  </si>
  <si>
    <t>FK:[1231015 - Current Year Earnings of Sub - Loaded]</t>
  </si>
  <si>
    <t>FL:[0123220 - Duke Engineeringn &amp; Servs, Inc]</t>
  </si>
  <si>
    <t>FM:[0123250 - IC Netting - Advance]</t>
  </si>
  <si>
    <t xml:space="preserve">     FN:[123 Subtotal]</t>
  </si>
  <si>
    <t>FO:[]</t>
  </si>
  <si>
    <t>FP:[FERC 124: Other Investments]</t>
  </si>
  <si>
    <t>FQ:[0124073 - Investments in Projects]</t>
  </si>
  <si>
    <t>FR:[0124113 - Investment in Flexion]</t>
  </si>
  <si>
    <t>FS:[0124472 - Rabbi Trust - Pe Exec]</t>
  </si>
  <si>
    <t xml:space="preserve">     FT:[124 Subtotal]</t>
  </si>
  <si>
    <t>FU:[]</t>
  </si>
  <si>
    <t>FV:[FERC 128: Other Special Funds]</t>
  </si>
  <si>
    <t>FW:[0128204 - PC Bonds 2007 A&amp;B]</t>
  </si>
  <si>
    <t>FX:[0128501 - H and W Benefits Funding]</t>
  </si>
  <si>
    <t>FY:[0128716 - Prefunded Pension (major)]</t>
  </si>
  <si>
    <t>FZ:[0128717 - Prefunded Pension]</t>
  </si>
  <si>
    <t>GA:[0128800 - Funds DEC Qual Contr]</t>
  </si>
  <si>
    <t>GB:[0128804 - Rabbi Trust]</t>
  </si>
  <si>
    <t>GC:[0128910 - CR#3-QUAL. UNREAL GAINS/LOSSES]</t>
  </si>
  <si>
    <t>GD:[0128911 - CR#3 - NUC Decom Nonqualified]</t>
  </si>
  <si>
    <t>GE:[0128912 - CR#3-NON-QUAL.UNREAL.GAIN/LOSS]</t>
  </si>
  <si>
    <t>GF:[0128913 - CR#3 - NUC Decom NonQualified SH]</t>
  </si>
  <si>
    <t>GG:[0128914 - CR#3 - ADP Qualified Unrealized G/L]</t>
  </si>
  <si>
    <t>GH:[0128915 - CR3 ADP Nuc Decom Qual]</t>
  </si>
  <si>
    <t>GI:[0128929 - CR#3 - NUC DECOM Qualified]</t>
  </si>
  <si>
    <t xml:space="preserve">     GJ:[128 Subtotal]</t>
  </si>
  <si>
    <t>GK:[]</t>
  </si>
  <si>
    <t>GL:[FERC 131: Cash]</t>
  </si>
  <si>
    <t>GM:[0131032 Cash Wells 1182 DEP]</t>
  </si>
  <si>
    <t>GN:[0131100 - Cash - Various Banks]</t>
  </si>
  <si>
    <t>GO:[0131145 - Cash PNC 5846]</t>
  </si>
  <si>
    <t>GP:[0131203 - Cash BOA 1925 PEC]</t>
  </si>
  <si>
    <t>GQ:[0131204 - Cash BOA 1097 PEF]</t>
  </si>
  <si>
    <t>GR:[0131206 - Cash Mellon 0442 PEF]</t>
  </si>
  <si>
    <t>GS:[0131213 - Cash Mellon 2227 PEF]</t>
  </si>
  <si>
    <t>GT:[0131216 - Cash Wells 7792 PEF]</t>
  </si>
  <si>
    <t>GU:[0131217 - Cash Wells 1924 PEF]</t>
  </si>
  <si>
    <t>GV:[0131218 - Cash Wells 5602 PEF]</t>
  </si>
  <si>
    <t>GW:[0131219 - Cash Wells 2434 PEF]</t>
  </si>
  <si>
    <t>GX:[0131220 - Cash Wells 2450 PEF]</t>
  </si>
  <si>
    <t>GY:[0131227 - Cash Wells 0020 PEC]</t>
  </si>
  <si>
    <t>GZ:[0131228 - Cash Wells 8238 PEF]</t>
  </si>
  <si>
    <t>HA:[0131229 - Cash Wells 5067 PE Svc Co]</t>
  </si>
  <si>
    <t>HB:[0131231 - Cash Wells 8148 PE-Fuels Corp]</t>
  </si>
  <si>
    <t>HC:[0131234 - Cash Wells 4827 PEC]</t>
  </si>
  <si>
    <t>HD:[0131266 - Cash JPM 4588 DEFR-DEF]</t>
  </si>
  <si>
    <t>HE:[0131272 - Cash JPM 4513 DEF]</t>
  </si>
  <si>
    <t xml:space="preserve">     HF:[131 Subtotal]</t>
  </si>
  <si>
    <t>HG:[]</t>
  </si>
  <si>
    <t>HH:[FERC 134: Other Special Deposits]</t>
  </si>
  <si>
    <t>HI:[0134200 - Misc Special Deposits]</t>
  </si>
  <si>
    <t xml:space="preserve">     HJ:[134 Subtotal]</t>
  </si>
  <si>
    <t>HK:[]</t>
  </si>
  <si>
    <t>HL:[FERC 136: Temporary Cash Investments]</t>
  </si>
  <si>
    <t>HM:[0136200 - Short-Term Investment]</t>
  </si>
  <si>
    <t xml:space="preserve">     HN:[136 Subtotal]</t>
  </si>
  <si>
    <t>HO:[]</t>
  </si>
  <si>
    <t>HP:[FERC 141: Notes Receivable]</t>
  </si>
  <si>
    <t>HQ:[0141040 - Notes Receivable - 3rd Party]</t>
  </si>
  <si>
    <t xml:space="preserve">     HR:[141 Subtotal]</t>
  </si>
  <si>
    <t>HS:[]</t>
  </si>
  <si>
    <t>HT:[FERC 142: Customer Accounts Receivable]</t>
  </si>
  <si>
    <t>HU:[0142001 - AR NON-REG]</t>
  </si>
  <si>
    <t>HV:[0142010 - Accounts Receivable]</t>
  </si>
  <si>
    <t>HW:[0142011 - Accounts Receivable Other]</t>
  </si>
  <si>
    <t>HX:[0142014 - Accum Prov Nuclear COR]</t>
  </si>
  <si>
    <t>HY:[0142050 - Transmission Billing]</t>
  </si>
  <si>
    <t>HZ:[0142103 - DEF Receivable - NG Sales]</t>
  </si>
  <si>
    <t>IA:[0142107 - DEF Rec NG Fin Transact]</t>
  </si>
  <si>
    <t>IB:[0142200 - Cust Acct - Edp]</t>
  </si>
  <si>
    <t>IC:[0142211 - A/R Cert Supply - C/R Sold Acct]</t>
  </si>
  <si>
    <t>ID:[0142250 - Accounts Rec OS Deposits]</t>
  </si>
  <si>
    <t>IE:[0142300 - Cust Acct - Cash Not Posted - Edp]</t>
  </si>
  <si>
    <t>IG:[0142430 - AR Wholesale Billed]</t>
  </si>
  <si>
    <t>IH:[0142440 - A/R BPM Actual]</t>
  </si>
  <si>
    <t>II:[0142801 - AR Passport Interface]</t>
  </si>
  <si>
    <t>IJ:[0142802 - AR Gas]</t>
  </si>
  <si>
    <t>IK:[0142830- A/R Merch/Job/Contract Work]</t>
  </si>
  <si>
    <t>IL:[0142891 - IC Customer AR Sold VIE]</t>
  </si>
  <si>
    <t>IM:[0142990 - Def Rev Rec-Fuel]</t>
  </si>
  <si>
    <t>IN:[0142998 - AR Other Than Electric]</t>
  </si>
  <si>
    <t xml:space="preserve">     IO:[142 Subtotal]</t>
  </si>
  <si>
    <t>IP:[]</t>
  </si>
  <si>
    <t>IQ:[FERC 143: Other Accounts Receivable]</t>
  </si>
  <si>
    <t>IR:[0143001 - A/R Joint Venture]</t>
  </si>
  <si>
    <t>IS:[0143010 - Aetna Supplemental-Payroll Ded]</t>
  </si>
  <si>
    <t>IT:[0143011 - A/R - Other - Gen Acctg]</t>
  </si>
  <si>
    <t>IU:[0143012 - Collections for Safety Apparel]</t>
  </si>
  <si>
    <t>IV:[0143018 - AR Oil Hedging]</t>
  </si>
  <si>
    <t>IW:[0143021 - AR Byproducts Ash]</t>
  </si>
  <si>
    <t>IX:[0143022 - AR Byproducts - Ash]</t>
  </si>
  <si>
    <t>IY:[0143023 - AR Byproducts - Ash]</t>
  </si>
  <si>
    <t>IZ:[0143026 - Non-Income Tax Receivable]</t>
  </si>
  <si>
    <t>JA:[0143068 - Parking Funding Receivable]</t>
  </si>
  <si>
    <t>JB:[0143080 - VIE Restricted AR Trade]</t>
  </si>
  <si>
    <t>JC:[0143110 - Misc. Account Rec - Clearing]</t>
  </si>
  <si>
    <t>JD:[0143119 - Off system Storms Receivables]</t>
  </si>
  <si>
    <t>JE:[0143130 - Misc Accts Rec-Stores]</t>
  </si>
  <si>
    <t>JF:[0143155 - Other A/R - Miscelleneous]</t>
  </si>
  <si>
    <t>JG:[0143180 - Ret Med, Life, Den/Prem Withheld]</t>
  </si>
  <si>
    <t>JH:[0143222 - LT Tax Reclass Account Fed]</t>
  </si>
  <si>
    <t>JI:[0143223 - LT Tax Reclass State Dr]</t>
  </si>
  <si>
    <t>JJ:[0143272 - Misc Accts Rec - EA]</t>
  </si>
  <si>
    <t>JK:[0143290 - Misc Coal AR]</t>
  </si>
  <si>
    <t>JL:[0143295 - Acct Rec PMP]</t>
  </si>
  <si>
    <t>JM:[0143320 - Mar Billed - Edp]</t>
  </si>
  <si>
    <t>JN:[0143341 - Accounts Receivable - Joint Owners]</t>
  </si>
  <si>
    <t>JO:[0143927 - Employee Receivables]</t>
  </si>
  <si>
    <t>JP:[0143970 - State Tax Refunds External]</t>
  </si>
  <si>
    <t>JQ:[0143985 - LT Franchise Tax Rec - Ext]</t>
  </si>
  <si>
    <t>JR:[0143999 - AR Duke/Spectra]</t>
  </si>
  <si>
    <t xml:space="preserve">     JS:[143 Subtotal]</t>
  </si>
  <si>
    <t>JT:[]</t>
  </si>
  <si>
    <t>JU:[FERC 144: Accumulated Provision for Uncollectible Accounts-Credit]</t>
  </si>
  <si>
    <t>JV:[0144001 -Acc Prov Uncoll Whsle Acct FP]</t>
  </si>
  <si>
    <t>JW:[0144100 - SCHM Uncollectible Accrual Electric]</t>
  </si>
  <si>
    <t>JX:[0144101 - Allowance Credit Loss]</t>
  </si>
  <si>
    <t>JY:[0144330 - Allowance For Doubtful Account]</t>
  </si>
  <si>
    <t>JZ:[0144500 - Prov For Bpm Uncollectibles]</t>
  </si>
  <si>
    <t>KA:[0144600 - Uncollect Accri - Prod/Serv]</t>
  </si>
  <si>
    <t>KB:[0144700 - Prov for MARBS Uncollectibles]</t>
  </si>
  <si>
    <t xml:space="preserve">     KC:[144 Subtotal]</t>
  </si>
  <si>
    <t>KD:[]</t>
  </si>
  <si>
    <t>KE:[FERC 145: Notes Receivable from Associated Companies]</t>
  </si>
  <si>
    <t>KF:[0145004 - IC Moneypool - ST Notes Receiv]</t>
  </si>
  <si>
    <t xml:space="preserve">     KG:[145 Subtotal]</t>
  </si>
  <si>
    <t>KH:[]</t>
  </si>
  <si>
    <t>KI:[FERC 146: Accounts Receivable from Associated Companies]</t>
  </si>
  <si>
    <t>KJ:[0146000 - Electric Interunit Account]</t>
  </si>
  <si>
    <t>KK:[0146006 - IC Moneypool - Interest Receiv]</t>
  </si>
  <si>
    <t>KL:[0146009 - I/C AR Rollup]</t>
  </si>
  <si>
    <t>KM:[0146022 - Notes Receivable LT DEGT Only]</t>
  </si>
  <si>
    <t>KN:[0146104 - IC Accounts Receivable]</t>
  </si>
  <si>
    <t>KO:[0146250 - IC Netting - Accts Receivable (Nets Against 0234250 - IC Netting A/P)]</t>
  </si>
  <si>
    <t>KP:[0146974 - A/R - Affiliates]</t>
  </si>
  <si>
    <t>KQ:[0146975 - Interest Receivable - Affiliates]</t>
  </si>
  <si>
    <t>KR:[0146990 - AR Prop/BI - Bison Interco]</t>
  </si>
  <si>
    <t>KS:[0146992 - Federal Tax Refunds - Intercompany]</t>
  </si>
  <si>
    <t>KT:[0146994 - State Tax Refunds - Intercompany]</t>
  </si>
  <si>
    <t xml:space="preserve">     KU:[146 Subtotal]</t>
  </si>
  <si>
    <t>KV:[]</t>
  </si>
  <si>
    <t>KW:[FERC 151: Fuel Stock]</t>
  </si>
  <si>
    <t>KX:[0151126 - Fuel Stock Propane]</t>
  </si>
  <si>
    <t>KY:[0151130 - Coal Stock]</t>
  </si>
  <si>
    <t>KZ:[0151131 - Coal Stock in Transit]</t>
  </si>
  <si>
    <t>LA:[0151132 - Coal In-transit Accruals]</t>
  </si>
  <si>
    <t>LB:[0151135 - Oil]</t>
  </si>
  <si>
    <t>LC:[0151140 - Diesel Fuel Stock]</t>
  </si>
  <si>
    <t>LD:[0151170 - Oil Stock in Transit]</t>
  </si>
  <si>
    <t>LE:[0151660 - Natural Gas Inventory]</t>
  </si>
  <si>
    <t xml:space="preserve">     LF:[151 Subtotal]</t>
  </si>
  <si>
    <t>LG:[]</t>
  </si>
  <si>
    <t>LH:[FERC 154: Plant Materials and Operating Supplies]</t>
  </si>
  <si>
    <t>LI:[0154003 - Inventory - RECS]</t>
  </si>
  <si>
    <t>LJ:[0154004 - Inventory-Reserve]</t>
  </si>
  <si>
    <t>LK:[0154100 - Inventory]</t>
  </si>
  <si>
    <t>LL:[0154110 - M&amp;S Supply Invoice - Joint Owner]</t>
  </si>
  <si>
    <t>LM:[0154121 - Joint Owner Share of Parts]</t>
  </si>
  <si>
    <t>LN:[0154123 - Ammonia in Transit]</t>
  </si>
  <si>
    <t>LO:[0154140 - Misc Inventory]</t>
  </si>
  <si>
    <t>LP:[0154141 - In-Transit Transfers - AAT]</t>
  </si>
  <si>
    <t>LQ:[0154200 - Limestone Inventory]</t>
  </si>
  <si>
    <t>LR:[0154401 - Ammonia Inventory]</t>
  </si>
  <si>
    <t>LS:[0154406 - Dibasic Acid Inventory]</t>
  </si>
  <si>
    <t>LT:[0154500 - Part Share M&amp;S CR3]</t>
  </si>
  <si>
    <t>LU:[0154990 - Schm Inv Cr - Surplus Matl  Indent]</t>
  </si>
  <si>
    <t>LV:[0154501 - Part Share M&amp;S IP11]</t>
  </si>
  <si>
    <t xml:space="preserve">     LW:[154 Subtotal]</t>
  </si>
  <si>
    <t>LX:[]</t>
  </si>
  <si>
    <t>LY:[FERC 156: Other Materials and Supplies]</t>
  </si>
  <si>
    <t>LZ:[0156010 - Other M&amp;S / Inventory]</t>
  </si>
  <si>
    <t xml:space="preserve">     MA:[156 Subtotal]</t>
  </si>
  <si>
    <t>MB:[]</t>
  </si>
  <si>
    <t>MC:[FERC 158: Allowance Inventory]</t>
  </si>
  <si>
    <t>MD:[0158112 - Intangibles Other]</t>
  </si>
  <si>
    <t>ME:[0158150 - SO2 Current Vintage]</t>
  </si>
  <si>
    <t>MF:[0158170 - Annual NOx Current Vintage]</t>
  </si>
  <si>
    <t xml:space="preserve">     MG:[158 Subtotal]</t>
  </si>
  <si>
    <t>MH:[]</t>
  </si>
  <si>
    <t>MI:[FERC 163: Stores Expense Undistributed]</t>
  </si>
  <si>
    <t>MJ:[0163000 - Commodity Cost]</t>
  </si>
  <si>
    <t>MK:[0163110 - Stores Expense]</t>
  </si>
  <si>
    <t>ML:[0163111 - Stores_Exp WVPA, IMPA]</t>
  </si>
  <si>
    <t>MM:[0163120 - Store Expense Joint Owner]</t>
  </si>
  <si>
    <t>MN:[0163160 - Stores Exp Dist Credit]</t>
  </si>
  <si>
    <t>MO:[0163180 - Freight and Express]</t>
  </si>
  <si>
    <t xml:space="preserve">     MP:[163 Subtotal]</t>
  </si>
  <si>
    <t>MQ:[]</t>
  </si>
  <si>
    <t>MR:[FERC 165: Prepayments]</t>
  </si>
  <si>
    <t>MS:[0165000 - Other Current Assets]</t>
  </si>
  <si>
    <t>MT:[0165003 - Fed Tax Receivable - Audit]</t>
  </si>
  <si>
    <t>MU:[0165006 - Bartow LTSA]</t>
  </si>
  <si>
    <t>MV:[0165007 - Hines LTSA]</t>
  </si>
  <si>
    <t>MW:[0165023 - Citrus County LTSA]</t>
  </si>
  <si>
    <t>MX:[0165011 - Ppd-Software - Purchase]</t>
  </si>
  <si>
    <t>MY:[0165024 - FHOF Solar Lease]</t>
  </si>
  <si>
    <t>MZ:[0165075 - Interco Prepaid Insu SchM]</t>
  </si>
  <si>
    <t>NA:[0165100 - Unexpired Insurance]</t>
  </si>
  <si>
    <t>NB:[0165120 - Unexpired Insurance - Nuclear]</t>
  </si>
  <si>
    <t>NC:[0165400 - Misc Prepaid Expenses]</t>
  </si>
  <si>
    <t>ND:[0165513 - Prepaid Expense Misc]</t>
  </si>
  <si>
    <t>NE:[0165514 - Prepaid Rent/Deposit]</t>
  </si>
  <si>
    <t>NF:[0165518 -  MW - Prepaid Expenses - LT]</t>
  </si>
  <si>
    <t>NG:[0165650 - ResSol HomeServ Acquisition]</t>
  </si>
  <si>
    <t>NH:[0165700 - Prepaid Capital Lease]</t>
  </si>
  <si>
    <t>NI:[0165910 - Prepayment - Fuel]</t>
  </si>
  <si>
    <t>NJ:[0165970 - Current Tax Reclass State Dr]</t>
  </si>
  <si>
    <t>NK:[0165990 - Current Tax Reclass Fed Dr]</t>
  </si>
  <si>
    <t xml:space="preserve">     NL:[165 Subtotal]</t>
  </si>
  <si>
    <t>NM:[]</t>
  </si>
  <si>
    <t>NN:[FERC 171: Interest and Dividends Receivable]</t>
  </si>
  <si>
    <t>NO:[0171100 SCHM Interest Receivable]</t>
  </si>
  <si>
    <t>NP:[0171104 - Cur Asset: Interest Receiv]</t>
  </si>
  <si>
    <t xml:space="preserve">     NQ:[171 Subtotal]</t>
  </si>
  <si>
    <t>NR:[]</t>
  </si>
  <si>
    <t>NS:[FERC 172: Rents Receivable]</t>
  </si>
  <si>
    <t>NT:[0172000 - Rents Receivable - NPL]</t>
  </si>
  <si>
    <t>NU:[0172004 - Rents Rec-Real Estate]</t>
  </si>
  <si>
    <t xml:space="preserve">     NV:[172 Subtotal]</t>
  </si>
  <si>
    <t>NW:[]</t>
  </si>
  <si>
    <t>NX:[FERC 173: Accrued Utility Revenues]</t>
  </si>
  <si>
    <t>NY:[0173100 - Unbilled Revenue Receivable]</t>
  </si>
  <si>
    <t>NZ:[0173111 - FL Accr Util Rev - Wholesale]</t>
  </si>
  <si>
    <t xml:space="preserve">     OA:[173 Subtotal]</t>
  </si>
  <si>
    <t>OB:[]</t>
  </si>
  <si>
    <t>OC:[FERC 174: Misc. Current and Accrued Assets]</t>
  </si>
  <si>
    <t>OD:[0174015 - Customer Collateral]</t>
  </si>
  <si>
    <t>OE:[0174061 - Relocation - NEI]</t>
  </si>
  <si>
    <t>OF:[0174100 - Other Current Assets]</t>
  </si>
  <si>
    <t>OG:[0174300 - Swap Int Recvble Cur Reg Asset]</t>
  </si>
  <si>
    <t xml:space="preserve">     OH:[174 Subtotal]</t>
  </si>
  <si>
    <t>OI:[]</t>
  </si>
  <si>
    <t>OJ:[FERC 175: Derivative Instrument Assets]</t>
  </si>
  <si>
    <t>OK:[0175001 - Derivative Assets - Non Cash Flow S-T]</t>
  </si>
  <si>
    <t>OL:[0175002 - Derivative Assets-Non Cash Flow L-T]</t>
  </si>
  <si>
    <t>OM:[]</t>
  </si>
  <si>
    <t>ON:[FERC 176: Derivative Instrument Assets-Hedges]</t>
  </si>
  <si>
    <t>OO:[0176001 - 3rd Party Derivative Asset Current]</t>
  </si>
  <si>
    <t>OP:[0176002 - 3rd Party Derivative Asset Long-Term]</t>
  </si>
  <si>
    <t>OQ:[0176003 - Accrued Interest Receivable Swaps]</t>
  </si>
  <si>
    <t xml:space="preserve">     OS:[176 Subtotal]</t>
  </si>
  <si>
    <t>OT:[]</t>
  </si>
  <si>
    <t>OU:[FERC 181: Unamortized Debt Expense]</t>
  </si>
  <si>
    <t>OV:[0181018 - DEF 650M 2.40% 12/15/2031]</t>
  </si>
  <si>
    <t>OW:[0181019 - DEF 500M 3.00% 12/15/2051]</t>
  </si>
  <si>
    <t>OX:[0181021 - Unamortized Debt Expense]</t>
  </si>
  <si>
    <t>OY:[0181039 - Defr AR Securitization 225M]</t>
  </si>
  <si>
    <t>OZ:[0181046 - DEF DDE 600M 3.8% 7/17/28]</t>
  </si>
  <si>
    <t>PA:[0181047 - DEF DDE 400M 4.20%]</t>
  </si>
  <si>
    <t>PB:[0181056 - Unamortized Debt Exp - CurrLTD]</t>
  </si>
  <si>
    <t>PC:[0181085 - DEF 500M 5.95% 11/15/2052]</t>
  </si>
  <si>
    <t>PD:[0181089 - 2020 DEFUnamt disc - FMB]</t>
  </si>
  <si>
    <t>PE:[0181091 - DEFDDEXPQ4]</t>
  </si>
  <si>
    <t>PF:[0181092 - DEFDDEEXP#1]</t>
  </si>
  <si>
    <t>PG:[0181093 - DEFDDEEXP#2]</t>
  </si>
  <si>
    <t>PH:[0181095 - DEF DDE 400M 2.1% 12/15/19]</t>
  </si>
  <si>
    <t>PI:[0181098 - 2019 DEFUnamt disc - fixed rat]</t>
  </si>
  <si>
    <t>PJ:[0181099 - DEF Unamt discount - Float rat]</t>
  </si>
  <si>
    <t>PK:[0181101 - DEF 800M FLOAT 4/21/2024]</t>
  </si>
  <si>
    <t>PL:[0181100 - Unamor Debt Expense - Clearing]</t>
  </si>
  <si>
    <t>PM:[0181400 - Credit Facilities Fee]</t>
  </si>
  <si>
    <t>PN:[0181511 - PEF DDE 150M 6.75% 02/01/28]</t>
  </si>
  <si>
    <t>PO:[0181535 - PEF DDE 225M 5.9% 2033]</t>
  </si>
  <si>
    <t>PP:[0181536 - PEF DDE 300M 5.1% 12/01/15]</t>
  </si>
  <si>
    <t>PQ:[0181537 - PEF DDE 500M 6.35% 09/15/2037]</t>
  </si>
  <si>
    <t>PR:[0181541 - PEF DDE 250M 4.55% 04/01/2020]</t>
  </si>
  <si>
    <t>PS:[0181542 - PEF DDE 350M 5.65% 04/01/2040]</t>
  </si>
  <si>
    <t>PT:[0181565 - PEF DDE 1B 6.40% 06/15/38]</t>
  </si>
  <si>
    <t>PU:[0181569- DEF DDE 400M 3.85% 11-15-42]</t>
  </si>
  <si>
    <t xml:space="preserve">     PV:[181 Subtotal]</t>
  </si>
  <si>
    <t>PW:[]</t>
  </si>
  <si>
    <t>PX:[FERC 182:]</t>
  </si>
  <si>
    <t>PY:[0182001 - Mapping Failure Suspense]</t>
  </si>
  <si>
    <t>PZ:[0182002 - Mapping Monitoring Suspense]</t>
  </si>
  <si>
    <t>QA:[0182003 - Suspense-Jnl Lines In Error]</t>
  </si>
  <si>
    <t>QB:[0182120 - AMRP 2011 Steel Carry Costs]</t>
  </si>
  <si>
    <t>QC:[0182253 - 2018 Smart Grid PISCC]</t>
  </si>
  <si>
    <t>QD:[0182254 - 2019 Smart Grid PISCC]</t>
  </si>
  <si>
    <t>VV:[]</t>
  </si>
  <si>
    <t>WN:[]</t>
  </si>
  <si>
    <t>AHY:[]</t>
  </si>
  <si>
    <t>ALN:[]</t>
  </si>
  <si>
    <t>ALZ:[]</t>
  </si>
  <si>
    <t>AQJ:[]</t>
  </si>
  <si>
    <t>ARZ:[]</t>
  </si>
  <si>
    <t>ASN:[]</t>
  </si>
  <si>
    <t>AUB:[]</t>
  </si>
  <si>
    <t xml:space="preserve">       Line: AA:[Allocated DEBS Moneypool Interest Expense] </t>
  </si>
  <si>
    <t xml:space="preserve">         Entity: DE Florida (Inp) [Orig]</t>
  </si>
  <si>
    <t xml:space="preserve">     Post from Report: MIS - DEF - Manual Inputs (Planning Entity) </t>
  </si>
  <si>
    <t xml:space="preserve">       Line: AN:[Economic Development Rider Discount] </t>
  </si>
  <si>
    <t xml:space="preserve">       Line: BF:[Amortization of Customer Connect Reg Asset] </t>
  </si>
  <si>
    <t xml:space="preserve">       Line: BN:[Unamortized Loss on Reacquired Debt] </t>
  </si>
  <si>
    <t xml:space="preserve">       Line: BZ:[Non-AMI Meter Amortization] </t>
  </si>
  <si>
    <t xml:space="preserve">       Line: CF:[Depreciation Deferral Amortization] </t>
  </si>
  <si>
    <t xml:space="preserve">       Line: CG:[Deferred Rate Case Expense Amortization] </t>
  </si>
  <si>
    <t xml:space="preserve">       Line: DN:[Vision Florida Amortization] </t>
  </si>
  <si>
    <t xml:space="preserve">       Line: ES:[Amortization of Dismantlement Reg Asset] </t>
  </si>
  <si>
    <t xml:space="preserve">       Line: EX:[Storm Capitalization Reg Asset Amortization] </t>
  </si>
  <si>
    <t xml:space="preserve">       Line: FL:[PEF Interest Expense - Customer Deposits] </t>
  </si>
  <si>
    <t xml:space="preserve">       Line: FY:[EVSE Amortization of Reg Asset] </t>
  </si>
  <si>
    <t xml:space="preserve">       Line: JA:[ISFSI JO Spend (8.22%) (0426551)] </t>
  </si>
  <si>
    <t xml:space="preserve">       Line: JB:[ISFSI Wholesale Spend (7.115%) (0426551)] </t>
  </si>
  <si>
    <t xml:space="preserve">       Line: JH:[ISFSI Amortization (0407357)] </t>
  </si>
  <si>
    <t xml:space="preserve">     Post from Report: O&amp;M B2: Posting of Regulated &amp; Governance O&amp;M (Planning Entity) </t>
  </si>
  <si>
    <t xml:space="preserve">       Line: B:[Operating Expenses] </t>
  </si>
  <si>
    <t xml:space="preserve">       Line: C:[Operating Expenses - Non-Reg] </t>
  </si>
  <si>
    <t xml:space="preserve">       Line: F:[Administrative and General Expenses] </t>
  </si>
  <si>
    <t xml:space="preserve">       Line: K:[Intercompany Administrative and General Expenses] </t>
  </si>
  <si>
    <t xml:space="preserve">     Post from Report: OMR - Payroll Taxes (Planning Entity) </t>
  </si>
  <si>
    <t xml:space="preserve">       Line: AG:[Payroll Tax] </t>
  </si>
  <si>
    <t>Credits</t>
  </si>
  <si>
    <t xml:space="preserve">     Post from Report: CAPB2: Model - Construction (Planning Entity) </t>
  </si>
  <si>
    <t xml:space="preserve">       Line: BC:[AFUDC Debt] </t>
  </si>
  <si>
    <t xml:space="preserve">     Post from Report: DEF - REV - Retail Clause (Planning Entity) </t>
  </si>
  <si>
    <t xml:space="preserve">       Line: EN:[(Over) Under Fuel Deferral] </t>
  </si>
  <si>
    <t xml:space="preserve">       Line: EO:[DEF Retail Fuel - Prior Period Amortization] </t>
  </si>
  <si>
    <t xml:space="preserve">     Post from Report: JTAX2 - Tax Credit Posting (Planning Entity x Tax Credit Category) </t>
  </si>
  <si>
    <t xml:space="preserve">       Line: BY:[Current Tax: Specified Cash Postings] </t>
  </si>
  <si>
    <t xml:space="preserve">         Entity: DE Florida (Inp) / Specified [Orig]</t>
  </si>
  <si>
    <t xml:space="preserve">       Line: BZ:[Current Tax: Non-specified Cash Postings] </t>
  </si>
  <si>
    <t xml:space="preserve">         Entity: DE Florida (Inp) / Non-Specified [Orig]</t>
  </si>
  <si>
    <t xml:space="preserve">     Post from Report: MIS - Captive Insurance Revenue Elimination (Planning Entity) </t>
  </si>
  <si>
    <t xml:space="preserve">       Line: T:[Captive Insurance Charges - Reverse B2 O&amp;M Transaction] </t>
  </si>
  <si>
    <t xml:space="preserve">       Line: BW:[DOE Reimbursement NDTF Amortization] </t>
  </si>
  <si>
    <t xml:space="preserve">       Line: BX:[ISFSI DOE Reimbursement Amortization] </t>
  </si>
  <si>
    <t xml:space="preserve">       Line: BY:[DOE Reimbursement - Impairm] </t>
  </si>
  <si>
    <t xml:space="preserve">       Line: CE:[Storm Depreciation Deferral] </t>
  </si>
  <si>
    <t xml:space="preserve">       Line: DJ:[Vision Florida O&amp;M Deferral] </t>
  </si>
  <si>
    <t xml:space="preserve">       Line: DK:[Vision Florida Depreciation Deferral] </t>
  </si>
  <si>
    <t xml:space="preserve">       Line: DL:[Vision Florida Property Tax Deferral] </t>
  </si>
  <si>
    <t xml:space="preserve">       Line: DM:[Vision Florida Carrying Cost] </t>
  </si>
  <si>
    <t xml:space="preserve">       Line: ER:[Dismantlement Retail Reg Asset - 2022 Settlement] </t>
  </si>
  <si>
    <t xml:space="preserve">       Line: FW:[EVSE AFUDC - Debt] </t>
  </si>
  <si>
    <t xml:space="preserve">       Line: FX:[EVSE Debt Return] </t>
  </si>
  <si>
    <t>GW:[Expenses]</t>
  </si>
  <si>
    <t>GX:[Adjusted Expenses]</t>
  </si>
  <si>
    <t>GY:[Extraordinary Items]</t>
  </si>
  <si>
    <t>Debits</t>
  </si>
  <si>
    <t xml:space="preserve">     Post from Report: ITAX - Federal (Planning Entity) </t>
  </si>
  <si>
    <t xml:space="preserve">       Line: DO:[Federal Income Tax Accrual - Current] </t>
  </si>
  <si>
    <t xml:space="preserve">       Line: TR:[Federal Deferred Taxes] </t>
  </si>
  <si>
    <t xml:space="preserve">     Post from Report: ITAX - State (Planning Entity x State for Tax (Income/Property)) </t>
  </si>
  <si>
    <t xml:space="preserve">       Line: BW:[State Income Tax Accrual - Current] </t>
  </si>
  <si>
    <t xml:space="preserve">         Entity: DE Florida (Inp) / Florida [Orig]</t>
  </si>
  <si>
    <t xml:space="preserve">       Line: FC:[State Deferred Taxes] </t>
  </si>
  <si>
    <t xml:space="preserve">       Line: CB:[Specified Credits Taken - Def Tax] </t>
  </si>
  <si>
    <t>GZ:[Inc Tax Exp]</t>
  </si>
  <si>
    <t xml:space="preserve">     Post from Report: FIN - Bond Issues (Bonds) </t>
  </si>
  <si>
    <t xml:space="preserve">       Line: FO:[Total Interest Accrual] </t>
  </si>
  <si>
    <t xml:space="preserve">         Entity: DEF FMB 6.75% 02/01/2028 [Orig]</t>
  </si>
  <si>
    <t xml:space="preserve">         Entity: DEF FMB 5.9% 03/01/2033 [Orig]</t>
  </si>
  <si>
    <t xml:space="preserve">         Entity: DEF FMB 6.35% 09/15/2037 [Orig]</t>
  </si>
  <si>
    <t xml:space="preserve">         Entity: DEF FMB 4.55% 04/01/2020 [Orig]</t>
  </si>
  <si>
    <t xml:space="preserve">         Entity: DEF FMB 3.1% 08/15/2021 [Orig]</t>
  </si>
  <si>
    <t xml:space="preserve">         Entity: DEF FMB 6.4% 06/15/2038 [Orig]</t>
  </si>
  <si>
    <t xml:space="preserve">         Entity: DEF FMB 5.65% 04/01/2040 [Orig]</t>
  </si>
  <si>
    <t xml:space="preserve">         Entity: DEF FMB 3.85% 11/15/42 [Orig]</t>
  </si>
  <si>
    <t xml:space="preserve">         Entity: DEF DERF VAR beg 03/15/2014 [Orig]</t>
  </si>
  <si>
    <t xml:space="preserve">         Entity: DEF FMB 4.55% 04/01/2020 - Contra $250M of $250M [Orig]</t>
  </si>
  <si>
    <t xml:space="preserve">         Entity: DEF FMB 3.40% 10/01/2046 [Orig]</t>
  </si>
  <si>
    <t xml:space="preserve">         Entity: DEF FMB 1.85% 01/15/2020 [Orig]</t>
  </si>
  <si>
    <t xml:space="preserve">         Entity: DEF FMB 3.20% 01/15/2027 [Orig]</t>
  </si>
  <si>
    <t xml:space="preserve">         Entity: DEF FMB 4.20% 07/15/2048 [Orig]</t>
  </si>
  <si>
    <t xml:space="preserve">         Entity: DEF FMB 3.80% 07/15/2028 [Orig]</t>
  </si>
  <si>
    <t xml:space="preserve">         Entity: DEF FMB 2.50% 12/01/2029 [Orig]</t>
  </si>
  <si>
    <t xml:space="preserve">         Entity: DEF VAR 2-yr floater issued Nov-2019 [Orig]</t>
  </si>
  <si>
    <t xml:space="preserve">         Entity: DEF FMB 1.75% 06/15/2030 [Orig]</t>
  </si>
  <si>
    <t xml:space="preserve">         Entity: DEF FMB 2.40% 12/15/2031 [Orig]</t>
  </si>
  <si>
    <t xml:space="preserve">         Entity: DEF FMB 3.00% 12/15/2051 [Orig]</t>
  </si>
  <si>
    <t xml:space="preserve">       Line: FW:[Amortization of Issue Cost] </t>
  </si>
  <si>
    <t xml:space="preserve">       Line: FX:[Amortization of Discount (Premium)] </t>
  </si>
  <si>
    <t xml:space="preserve">       Line: FZ:[Amortization of (Gain) or Loss on Terminated Swaps Regulated] </t>
  </si>
  <si>
    <t xml:space="preserve">         Entity: DEF FMB 3.85% 11/15/42 - Hedge Amort. 10 Yr. Portion [Orig]</t>
  </si>
  <si>
    <t xml:space="preserve">     Post from Report: FIN - Bond Misc Amort (Bond Misc Amort) </t>
  </si>
  <si>
    <t xml:space="preserve">       Line: AG:[Amortization of Bond Loss] </t>
  </si>
  <si>
    <t xml:space="preserve">         Entity: DEF BL 01/01/2027 [Orig]</t>
  </si>
  <si>
    <t xml:space="preserve">         Entity: DEF BL 01/01/2022 [Orig]</t>
  </si>
  <si>
    <t xml:space="preserve">     Post from Report: FIN - Cash Balancing (Planning Entity) </t>
  </si>
  <si>
    <t xml:space="preserve">       Line: CM:[Interest Expense Auto/Manual-Finance LTD (FIXED RATE)] </t>
  </si>
  <si>
    <t xml:space="preserve">     Post from Report: FIN - Financing Variables Input - Planning Entities (Planning Entity) </t>
  </si>
  <si>
    <t xml:space="preserve">       Line: K:[Master Credit Facility - Upfront Fee Amortization (0428021)] </t>
  </si>
  <si>
    <t xml:space="preserve">       Line: L:[Master Credit Facility - Undrawn Fee (cash &amp; expense)(0431900)] </t>
  </si>
  <si>
    <t xml:space="preserve">       Line: S:[A/R Facility (DEC/DEP/DEF) - Issue Expense Amortization] </t>
  </si>
  <si>
    <t xml:space="preserve">     Post from Report: FIN - Short-term Interest &amp; Rollover (Planning Entity) </t>
  </si>
  <si>
    <t xml:space="preserve">       Line: CV:[Interest Expense - Notes Payable - Money Pool] </t>
  </si>
  <si>
    <t xml:space="preserve">     Post from Report: MIS - DEBS Non O&amp;M Based Allocations (Planning Entity) </t>
  </si>
  <si>
    <t>HA:[Interest Expense]</t>
  </si>
  <si>
    <t>HB:[Minority Interests]</t>
  </si>
  <si>
    <t xml:space="preserve">     Post from Report: CAPB2: Model - Plant (Planning Entity) </t>
  </si>
  <si>
    <t xml:space="preserve">       Line: BZ:[Book Depr - Life] </t>
  </si>
  <si>
    <t xml:space="preserve">       Line: CK:[Book Depr Adjustment - Life] </t>
  </si>
  <si>
    <t xml:space="preserve">       Line: DH:[Book Depr - Removal] </t>
  </si>
  <si>
    <t xml:space="preserve">       Line: DS:[Amort - General/Intangible] </t>
  </si>
  <si>
    <t xml:space="preserve">     Post from Report: CAPB2: Model - Property Tax (CAP B2: Property Tax Group x State for Tax (Income/Property)) </t>
  </si>
  <si>
    <t xml:space="preserve">       Line: L:[Property Tax Accrual - Monthly] </t>
  </si>
  <si>
    <t xml:space="preserve">         Entity: PE Florida / Florida [Orig]</t>
  </si>
  <si>
    <t xml:space="preserve">     Post from Report: DEF - FUEL - Capacity Clause (Planning Entity) </t>
  </si>
  <si>
    <t xml:space="preserve">       Line: BC:[Ridge Termination - Amort] </t>
  </si>
  <si>
    <t xml:space="preserve">       Line: CA:[Prior Period Amortization] </t>
  </si>
  <si>
    <t xml:space="preserve">       Line: DN:[Less Current Month Deferral] </t>
  </si>
  <si>
    <t xml:space="preserve">     Post from Report: DEF - FUEL - Energy Conservation Clause (ECCR) (Planning Entity) </t>
  </si>
  <si>
    <t xml:space="preserve">       Line: CH:[Less Current Month Deferral] </t>
  </si>
  <si>
    <t xml:space="preserve">       Line: CI:[Less Prior Period Amortization] </t>
  </si>
  <si>
    <t xml:space="preserve">     Post from Report: DEF - FUEL - Environmental Cost Recovery Clause (ECRC) (Planning Entity) </t>
  </si>
  <si>
    <t xml:space="preserve">       Line: U:[NOx Amortization Expense (CSAPR)] </t>
  </si>
  <si>
    <t xml:space="preserve">       Line: HH:[Less Current Month Deferral] </t>
  </si>
  <si>
    <t xml:space="preserve">       Line: HI:[Less Prior Period Amortization] </t>
  </si>
  <si>
    <t xml:space="preserve">     Post from Report: DEF - Fuel Expense Report (Planning Entity) </t>
  </si>
  <si>
    <t xml:space="preserve">       Line: AI:[Net Fossil, (Coal), Fuel] </t>
  </si>
  <si>
    <t xml:space="preserve">       Line: CJ:[Net CT Fuel] </t>
  </si>
  <si>
    <t xml:space="preserve">       Line: DI:[Net CC Fuel] </t>
  </si>
  <si>
    <t xml:space="preserve">     Post from Report: DEF - Purchase Power Report (Planning Entity) </t>
  </si>
  <si>
    <t xml:space="preserve">       Line: S:[Energy Cost] </t>
  </si>
  <si>
    <t xml:space="preserve">       Line: U:[Capacity Cost - Purchases] </t>
  </si>
  <si>
    <t xml:space="preserve">       Line: V:[Capacity Cost - Cogen] </t>
  </si>
  <si>
    <t xml:space="preserve">       Line: X:[Capacity Cost - Renewables] </t>
  </si>
  <si>
    <t xml:space="preserve">     Post from Report: DEF - REV - Electric Revenue Summary (Class - DE Florida) </t>
  </si>
  <si>
    <t xml:space="preserve">       Line: BG:[Add-on Tax Revenue - post] </t>
  </si>
  <si>
    <t xml:space="preserve">         Entity: PEF Commercial 442 [Orig]</t>
  </si>
  <si>
    <t xml:space="preserve">         Entity: PEF Industrial 443 [Orig]</t>
  </si>
  <si>
    <t xml:space="preserve">         Entity: PEF Pub Str &amp; Hwy 444 [Orig]</t>
  </si>
  <si>
    <t xml:space="preserve">         Entity: PEF Public Authority 445 [Orig]</t>
  </si>
  <si>
    <t xml:space="preserve">         Entity: PEF Residential 440 [Orig]</t>
  </si>
  <si>
    <t xml:space="preserve">       Line: BI:[Franchise Fee - PEF - post] </t>
  </si>
  <si>
    <t xml:space="preserve">       Line: AZ:[2020 Fuel Adjustment] </t>
  </si>
  <si>
    <t xml:space="preserve">       Line: BB:[Univ of FL Biomass _ QF Buyout Amort of Reg Asset] </t>
  </si>
  <si>
    <t xml:space="preserve">       Line: CA:[DEF Fuel Clause GPIF -Penalty] </t>
  </si>
  <si>
    <t xml:space="preserve">     Post from Report: DEF - REV - Summary Electric Revenue (Planning Entity) </t>
  </si>
  <si>
    <t xml:space="preserve">       Line: S:[Add-On Tax Revenue - Allocated Journal Entries] </t>
  </si>
  <si>
    <t xml:space="preserve">       Line: U:[Franchise Fee - Allocated Journal Entries] </t>
  </si>
  <si>
    <t xml:space="preserve">     Post from Report: Manual Statement Input (Planning Entity) </t>
  </si>
  <si>
    <t xml:space="preserve">       Line: BV:[Operating Expenses] </t>
  </si>
  <si>
    <t xml:space="preserve">       Line: V:[Captive Insurance Charges - Record Intercompany Transaction] </t>
  </si>
  <si>
    <t xml:space="preserve">       Line: D:[DEBS Allocated Property Taxes at Jurisdiction (Posting)] </t>
  </si>
  <si>
    <t>HC:[Total Operating Expenses]</t>
  </si>
  <si>
    <t xml:space="preserve">     HD:[Net Income]</t>
  </si>
  <si>
    <t>HE:[Check Net Income]</t>
  </si>
  <si>
    <t>HF:[]</t>
  </si>
  <si>
    <t>B:[Start Method]</t>
  </si>
  <si>
    <t>C:[Per Books]</t>
  </si>
  <si>
    <t>D:[Adjustments]</t>
  </si>
  <si>
    <t>E:[Per Books Adjusted]</t>
  </si>
  <si>
    <t>F:[Per Books 12 Months Ended]</t>
  </si>
  <si>
    <t>G:[MethodReturns]</t>
  </si>
  <si>
    <t>H:[FERC INCOME STATEMENT]</t>
  </si>
  <si>
    <t>I:[440-457 - Operating Revenue]</t>
  </si>
  <si>
    <t xml:space="preserve">     J:[440-446 - Sales to Ultimate Customers:]</t>
  </si>
  <si>
    <t xml:space="preserve">     K:[0440000 - Residential]</t>
  </si>
  <si>
    <t xml:space="preserve">     L:[0442100 - General Service]</t>
  </si>
  <si>
    <t xml:space="preserve">     M:[0442200 - Industrial Service]</t>
  </si>
  <si>
    <t xml:space="preserve">     N:[0444000 - Public St and Highway Lighting]</t>
  </si>
  <si>
    <t xml:space="preserve">     O:[0445000 - Other Sales To Public Auth]</t>
  </si>
  <si>
    <t xml:space="preserve">          P:[440-446 - Total Sales to Ultimate Customers]</t>
  </si>
  <si>
    <t xml:space="preserve">     Q:[447 - Sales for Resale:]</t>
  </si>
  <si>
    <t xml:space="preserve">     R:[0447150  Revenue Other]</t>
  </si>
  <si>
    <t xml:space="preserve">     S:[0447159 Resale Sales - Outside]</t>
  </si>
  <si>
    <t xml:space="preserve">     T:[0447990 Sales for Resale Unbilled Revenue]</t>
  </si>
  <si>
    <t xml:space="preserve">          U:[447 - Total Sales for Resale]</t>
  </si>
  <si>
    <t xml:space="preserve">     V:[449 - Provision for Rate Refund:]</t>
  </si>
  <si>
    <t xml:space="preserve">     W:[0449035 - Franchise Allocation/Holding]</t>
  </si>
  <si>
    <t xml:space="preserve">     X:[0449100  Provision for Rate Refund - Retail]</t>
  </si>
  <si>
    <t xml:space="preserve">     Y:[0449110  Provision for Rate Refund - Wholesale]</t>
  </si>
  <si>
    <t xml:space="preserve">     Z:[0449111 - Tax reform - Retail]</t>
  </si>
  <si>
    <t xml:space="preserve">          AA:[449 - Total Provision for Rate Refund]</t>
  </si>
  <si>
    <t xml:space="preserve">     AB:[450-457 - Other Operating Revenues:]</t>
  </si>
  <si>
    <t xml:space="preserve">     AC:[0450100 - Late Pmt and Forf Disc]</t>
  </si>
  <si>
    <t xml:space="preserve">     AD:[0451100 - Misc Service Revenue]</t>
  </si>
  <si>
    <t xml:space="preserve">     AE:[0454001 - Rent from Electric Prop - Nuclear]</t>
  </si>
  <si>
    <t xml:space="preserve">     AF:[0454002 - Rent - Lighting Equipment]</t>
  </si>
  <si>
    <t xml:space="preserve">     AG:[0454003 - Rent - Non-Lighting Equipment]</t>
  </si>
  <si>
    <t xml:space="preserve">     AH:[0454004 - Rent - Joint Use]</t>
  </si>
  <si>
    <t xml:space="preserve">     AI:[0454005 - Rent - Transmission]</t>
  </si>
  <si>
    <t xml:space="preserve">     AJ:[0454100 - Extra - Facilities]</t>
  </si>
  <si>
    <t xml:space="preserve">     AK:[0454105 - IC Other Elec Rents]</t>
  </si>
  <si>
    <t xml:space="preserve">     AL:[0454175 - EV Charger Revenue]</t>
  </si>
  <si>
    <t xml:space="preserve">     AM:[0454200 - Pole &amp; Line Attachments]</t>
  </si>
  <si>
    <t xml:space="preserve">     AN:[0454300 - Tower Lease Revenues]</t>
  </si>
  <si>
    <t xml:space="preserve">     AO:[0454400 - Other Electric Rents]</t>
  </si>
  <si>
    <t xml:space="preserve">     AP:[0454601 - Other Misc Revenue]</t>
  </si>
  <si>
    <t xml:space="preserve">     AQ:[0456000 - Other Variable Reveneus]</t>
  </si>
  <si>
    <t xml:space="preserve">     AR:[0456001 - Other Variable Revenues-Reg]</t>
  </si>
  <si>
    <t xml:space="preserve">     AS:[0456003 - Retail Unbilled Revenue]</t>
  </si>
  <si>
    <t xml:space="preserve">     AT:[0456005 - Electric Rev - Cogen/small power pro]</t>
  </si>
  <si>
    <t xml:space="preserve">     AU:[0456006 - Muni Coty Tax Coll/Comm]</t>
  </si>
  <si>
    <t xml:space="preserve">     AV:[0456016 - I/C Joint Disp - Trans NW Rev]</t>
  </si>
  <si>
    <t xml:space="preserve">     AW:[0456040 - Sales Use Tax Coll Fee]</t>
  </si>
  <si>
    <t xml:space="preserve">     AX:[0456050 - Transmission Study Revenue]</t>
  </si>
  <si>
    <t xml:space="preserve">     AY:[0456100 - Profit or Loss on Sale of M&amp;S]</t>
  </si>
  <si>
    <t xml:space="preserve">     AZ:[0456102 - Distribution Charge - Network]</t>
  </si>
  <si>
    <t xml:space="preserve">          BA:[0456104 - Prod Ancillary Service Revenue (100% Wholesale)]</t>
  </si>
  <si>
    <t xml:space="preserve">          BB:[0456104 - Amortization of OATT over-collection giveback FIT]</t>
  </si>
  <si>
    <t xml:space="preserve">          BC:[0456104 - OATT FIT Revenue Decrement]</t>
  </si>
  <si>
    <t xml:space="preserve">          BD:[0456104 - Over collection of FIT in OATT revenues before base rate]</t>
  </si>
  <si>
    <t xml:space="preserve">     BE:[0456104 - Transmission Charge Network]</t>
  </si>
  <si>
    <t xml:space="preserve">     BF:[0456105 - Sched, Sys Cntl, Disp-Network]</t>
  </si>
  <si>
    <t xml:space="preserve">     BG:[0456106 - Reactive Pur/Volt Cntl Svc]</t>
  </si>
  <si>
    <t xml:space="preserve">     BH:[0456107 - Regulation/Frequency Response]</t>
  </si>
  <si>
    <t xml:space="preserve">     BI:[0456108 - Op Res - Spinning Reserve]</t>
  </si>
  <si>
    <t xml:space="preserve">     BJ:[0456109 - Op Res - Supplemental Reserve]</t>
  </si>
  <si>
    <t xml:space="preserve">     BK:[0456110 - Transmission Charge PTP]</t>
  </si>
  <si>
    <t xml:space="preserve">     BL:[0456111 - Other Transmission Revenues]</t>
  </si>
  <si>
    <t xml:space="preserve">     BM:[0456540 - Wholesale Unbilled Fuel Clause]</t>
  </si>
  <si>
    <t xml:space="preserve">     BN:[0456610 - Other Electric Revenues]</t>
  </si>
  <si>
    <t xml:space="preserve">     BO:[0456616 - Shared Solar - SC]</t>
  </si>
  <si>
    <t xml:space="preserve">     BP:[0456630 - Gross Up-Contr In Aid Of Const]</t>
  </si>
  <si>
    <t xml:space="preserve">     BQ:[0457100 - SC Direct PT Offset]</t>
  </si>
  <si>
    <t xml:space="preserve">          BR:[450-457 - Total Other Operating Revenue]</t>
  </si>
  <si>
    <t xml:space="preserve">     BS:[440-457 - Total Operating Revenue]</t>
  </si>
  <si>
    <t>BT:[]</t>
  </si>
  <si>
    <t>BU:[500-599 &amp; 901-935 Operations and Maintenance:]</t>
  </si>
  <si>
    <t>BV:[Base Recoverable O&amp;M:]</t>
  </si>
  <si>
    <t xml:space="preserve">     BW:[500-509 - Steam Operation]</t>
  </si>
  <si>
    <t xml:space="preserve">     BX:[0500000 - Suprvsn and Engrg - Steam Oper]</t>
  </si>
  <si>
    <t xml:space="preserve">     BY:[0500000 - Inflation Adj]</t>
  </si>
  <si>
    <t xml:space="preserve">     BZ:[0500000 - Reclass Reedy Creek Solar to Other Prod Maint 0554]</t>
  </si>
  <si>
    <t xml:space="preserve">     CA:[0500000 - FP&amp;A On-Top Adjustment (Forecast Only)]</t>
  </si>
  <si>
    <t xml:space="preserve">     CB:[0500000 - Total]</t>
  </si>
  <si>
    <t xml:space="preserve">     CC:[0501160 - Coal Sampling &amp; Testing]</t>
  </si>
  <si>
    <t xml:space="preserve">     CD:[0501180 - Sale of Fly Ash Revenues]</t>
  </si>
  <si>
    <t xml:space="preserve">     CE:[0501190 - Sale of Fly Ash]</t>
  </si>
  <si>
    <t xml:space="preserve">     CF:[0501400 - Fossil Steam Fuel - Ash Sales]</t>
  </si>
  <si>
    <t xml:space="preserve">     CG:[0502010 - Ammonia Expense]</t>
  </si>
  <si>
    <t xml:space="preserve">     CH:[0502041 - Gypsum Rev - exp offset]</t>
  </si>
  <si>
    <t xml:space="preserve">          CI:[0502100 - Fossil Steam Exp - Other (Reclass #1 to ECRC Energy)]</t>
  </si>
  <si>
    <t xml:space="preserve">          CJ:[0502100 - Fossil Steam Exp - Other (Reclass #2 to 0549000 to move CT&amp;CC from 050]</t>
  </si>
  <si>
    <t xml:space="preserve">          CK:[0502100 - Fossil Steam Exp - Other Total]</t>
  </si>
  <si>
    <t xml:space="preserve">     CL:[0504000 - Steam Transferred - Credit]</t>
  </si>
  <si>
    <t xml:space="preserve">     CM:[0505000 - Electric Expenses - Steam Oper]</t>
  </si>
  <si>
    <t xml:space="preserve">     CN:[0506000 - Misc Fossil Power Expenses]</t>
  </si>
  <si>
    <t xml:space="preserve">     CO:[0506000 - Inflation Adj]</t>
  </si>
  <si>
    <t xml:space="preserve">     CP:[0507000 - Steam Power Gen Ops Rent]</t>
  </si>
  <si>
    <t xml:space="preserve">          CQ:[500-509 - Total Steam Operation]</t>
  </si>
  <si>
    <t xml:space="preserve">     CR:[510-515 - Steam Maintenance]</t>
  </si>
  <si>
    <t xml:space="preserve">          CS:[0510000 - Suprvsn and Engrng - Steam Maint (Reclass #1 to ECRC 0510100)]</t>
  </si>
  <si>
    <t xml:space="preserve">          CT:[0510000 - Inflation Adj]</t>
  </si>
  <si>
    <t xml:space="preserve">          CU:[0510000 - Suprvsn and Engrng - Steam Maint (Reclass #2 - Combined Multiple Recla]</t>
  </si>
  <si>
    <t xml:space="preserve">          CV:[0510000 - Suprvsn and Engrng - Steam Maint Total]</t>
  </si>
  <si>
    <t xml:space="preserve">     CW:[0511000 - Maint of Structures - Steam]</t>
  </si>
  <si>
    <t xml:space="preserve">     CX:[0511000 - Inflation Adj]</t>
  </si>
  <si>
    <t xml:space="preserve">     CY:[0512100 - Maint of Boiler Plant - Other]</t>
  </si>
  <si>
    <t xml:space="preserve">     CZ:[0512100 - Inflation Adj]</t>
  </si>
  <si>
    <t xml:space="preserve">     DA:[0513100 - Maint of Electric Plant - Other]</t>
  </si>
  <si>
    <t xml:space="preserve">     DB:[0513100 - Inflation Adj]</t>
  </si>
  <si>
    <t xml:space="preserve">     DC:[0514000 - Maintenance - Misc Steam Plant]</t>
  </si>
  <si>
    <t xml:space="preserve">     DD:[0514000 - Inflation Adj]</t>
  </si>
  <si>
    <t xml:space="preserve">          DE:[510-515 - Total Steam Maintenance]</t>
  </si>
  <si>
    <t xml:space="preserve">          DF:[500-515 - Total Steam O&amp;M]</t>
  </si>
  <si>
    <t xml:space="preserve">     DG:[517-532 - Nuclear Operation &amp; Maintenance]</t>
  </si>
  <si>
    <t xml:space="preserve">     DH:[0517000 - Supervsn and Engnring - Nuc Oper]</t>
  </si>
  <si>
    <t xml:space="preserve">     DI:[0518530 - Diesel Unit Oil Cons - Nuc Oper]</t>
  </si>
  <si>
    <t xml:space="preserve">     DJ:[0519000 - Coolants and Water - Nuc Oper]</t>
  </si>
  <si>
    <t xml:space="preserve">     DK:[0520000 - Steam Expenses - Nuc Oper]</t>
  </si>
  <si>
    <t xml:space="preserve">     DL:[0523000 - Electric Expenses]</t>
  </si>
  <si>
    <t xml:space="preserve">     DM:[0524000 - Misc Expenses - Nuc Oper]</t>
  </si>
  <si>
    <t xml:space="preserve">     DN:[0528000 - Mtce Supv &amp; Engineering]</t>
  </si>
  <si>
    <t xml:space="preserve">     DO:[0529000 - Mtce of Structures]</t>
  </si>
  <si>
    <t xml:space="preserve">     DP:[0530000 - Mtce of Reactor Plt Equip]</t>
  </si>
  <si>
    <t xml:space="preserve">     DQ:[0531100 - Maint Elec Plant - NUC]</t>
  </si>
  <si>
    <t xml:space="preserve">     DR:[0532100 - Maint Misc Nuclear Plt - Other]</t>
  </si>
  <si>
    <t xml:space="preserve">          DS:[517-532 - Total Nuclear Operation &amp; Maintenance]</t>
  </si>
  <si>
    <t xml:space="preserve">     DT:[546-550 - Other Production Operation]</t>
  </si>
  <si>
    <t xml:space="preserve">     DU:[0546000 - Suprvsn and Enginring - Ct Oper]</t>
  </si>
  <si>
    <t xml:space="preserve">     DV:[0546000 - Inflation Adj]</t>
  </si>
  <si>
    <t xml:space="preserve">     DW:[0547101 - Natural Gas CC]</t>
  </si>
  <si>
    <t xml:space="preserve">     DX:[0547150 - Natural Gas Handling - Ct]</t>
  </si>
  <si>
    <t xml:space="preserve">     DY:[0548020 - Ammonia - Qualifying]</t>
  </si>
  <si>
    <t xml:space="preserve">     DZ:[0548100 - Generation Expenses - Other Ct]</t>
  </si>
  <si>
    <t xml:space="preserve">     EA:[0548110 - Operation of Energy Storage Eq]</t>
  </si>
  <si>
    <t xml:space="preserve">     EB:[0548200 - Prime Movers - Generators - Ct]</t>
  </si>
  <si>
    <t xml:space="preserve">     EC:[0549000 - Misc - Power Generation Expenses]</t>
  </si>
  <si>
    <t xml:space="preserve">     ED:[0549000 - Inflation Adj]</t>
  </si>
  <si>
    <t xml:space="preserve">     EE:[0550220 - Solar Rent]</t>
  </si>
  <si>
    <t xml:space="preserve">          EF:[546-550 - Total Other Production Operation]</t>
  </si>
  <si>
    <t xml:space="preserve">     EG:[551-554 - Other Production Maintenance]</t>
  </si>
  <si>
    <t xml:space="preserve">     EH:[0551000 - Suprvsn and Enginring - Ct Maint]</t>
  </si>
  <si>
    <t xml:space="preserve">     EI:[0551000 - Inflation Adj]</t>
  </si>
  <si>
    <t xml:space="preserve">     EJ:[0551220 - Solar: Maint Supv &amp; Eng]</t>
  </si>
  <si>
    <t xml:space="preserve">     EK:[0552000 - Maintenance of Structures - Ct]</t>
  </si>
  <si>
    <t xml:space="preserve">     EL:[0552000 - Inflation Adj]</t>
  </si>
  <si>
    <t xml:space="preserve">     EM:[0552220 - Solar Mtce of Structures]</t>
  </si>
  <si>
    <t xml:space="preserve">     EN:[0553000 - Maint - Gentg and Elect Equip - Ct]</t>
  </si>
  <si>
    <t xml:space="preserve">     EO:[0553000 - Inflation Adj]</t>
  </si>
  <si>
    <t xml:space="preserve">     EP:[0554000 - Misc Power Generation Plant - Ct]</t>
  </si>
  <si>
    <t xml:space="preserve">     EQ:[0554000 - Reclass Reedy Creek from Steam Prod Maint to 554 Other Prod Maint]</t>
  </si>
  <si>
    <t xml:space="preserve">     ER:[0554000 - Inflation Adj]</t>
  </si>
  <si>
    <t xml:space="preserve">     ES:[0554100 - Other Production Maintenance]</t>
  </si>
  <si>
    <t xml:space="preserve">     ET:[0554220 - Solar: Maint Misc Gen Plt]</t>
  </si>
  <si>
    <t xml:space="preserve">     EU:[0554220 - FP&amp;A On-Top Adjustment (Forecast Only)]</t>
  </si>
  <si>
    <t xml:space="preserve">          EV:[551-554 - Total Other Production Maintenance]</t>
  </si>
  <si>
    <t xml:space="preserve">          EW:[546-554 - Total Other Production O&amp;M]</t>
  </si>
  <si>
    <t xml:space="preserve">     EX:[555-557 - Other Power Supply]</t>
  </si>
  <si>
    <t xml:space="preserve">     EY:[0555211 - Purchase - Electricity]</t>
  </si>
  <si>
    <t xml:space="preserve">     EZ:[0556000 - System Cnts &amp; Load Dispatching]</t>
  </si>
  <si>
    <t xml:space="preserve">               FA:[0557000 - Reclass 557 to 556]</t>
  </si>
  <si>
    <t xml:space="preserve">               FB:[0557000 - Other Expenses - Oper]</t>
  </si>
  <si>
    <t xml:space="preserve">     FC:[0557000 - Total]</t>
  </si>
  <si>
    <t xml:space="preserve">          FD:[555-557 - Total Other Power Supply]</t>
  </si>
  <si>
    <t xml:space="preserve">     FE:[535-545 - Hydraulic Operation &amp; Maintenance]</t>
  </si>
  <si>
    <t xml:space="preserve">     FF:[0535000 - Supervision &amp; Engrng - Hydro]</t>
  </si>
  <si>
    <t xml:space="preserve">     FG:[0538100 - Electric Expenses - Other - Hydro]</t>
  </si>
  <si>
    <t xml:space="preserve">     FH:[0540000 - Hydro]</t>
  </si>
  <si>
    <t xml:space="preserve">     FI:[0542000 - Mtce of Structures - Hydro]</t>
  </si>
  <si>
    <t xml:space="preserve">     FJ:[0543000 - Maint Reservoir Dam &amp; Waterway]</t>
  </si>
  <si>
    <t xml:space="preserve">     FK:[0544000 - Maint of electric Plant Hydro]</t>
  </si>
  <si>
    <t xml:space="preserve">     FL:[0545100 - Maint Misc Hydraulic Plant]</t>
  </si>
  <si>
    <t xml:space="preserve">          FM:[535-545 - Total Hydraulic O&amp;M]</t>
  </si>
  <si>
    <t xml:space="preserve">     FN:[Fuel Handling]</t>
  </si>
  <si>
    <t xml:space="preserve">     FO:[0501150 - Coal Handling]</t>
  </si>
  <si>
    <t xml:space="preserve">     FP:[0501350 - Oil Handling Expense]</t>
  </si>
  <si>
    <t xml:space="preserve">     FQ:[0518600 - Nuclear Fuel Disposal Cost]</t>
  </si>
  <si>
    <t xml:space="preserve">     FR:[0547300 - Fuel Handling and Testing - Ct]</t>
  </si>
  <si>
    <t xml:space="preserve">     FS:[0553220 - Solar: Maint Gen &amp; Elect Plt]</t>
  </si>
  <si>
    <t xml:space="preserve">     FT:[0557450 - Commissions/Brokerage Expense]</t>
  </si>
  <si>
    <t xml:space="preserve">     FU:[0807000 - Gas Purchased Expenses]</t>
  </si>
  <si>
    <t xml:space="preserve">     FV:[0823000 - Storage-Gas Losses]</t>
  </si>
  <si>
    <t xml:space="preserve">     FW:[0880000 - Gas Distribution - Other Exp.]</t>
  </si>
  <si>
    <t xml:space="preserve">          FX:[Total Fuel Handling]</t>
  </si>
  <si>
    <t xml:space="preserve">     FY:[500-545 - Total Production O&amp;M - Base Recoverable]</t>
  </si>
  <si>
    <t xml:space="preserve">     FZ:[560-567 - Transmission  Operation]</t>
  </si>
  <si>
    <t xml:space="preserve">     GA:[560 - Supervision &amp; Engineering]</t>
  </si>
  <si>
    <t xml:space="preserve">     GB:[0560000 - Supervsn and Engrng - Trans Oper]</t>
  </si>
  <si>
    <t xml:space="preserve">          GC:[560 - Total Supervision &amp; Engineering]</t>
  </si>
  <si>
    <t xml:space="preserve">     GD:[561 - Load Dispatching]</t>
  </si>
  <si>
    <t xml:space="preserve">     GE:[0561000 - Inflation Adj]</t>
  </si>
  <si>
    <t xml:space="preserve">     GF:[0561100 - Load Dispatch - Reliability]</t>
  </si>
  <si>
    <t xml:space="preserve">     GG:[0561200 - Load Dispatch - MnitorandOprtrnsys]</t>
  </si>
  <si>
    <t xml:space="preserve">     GH:[0561300 - Load Dispatch - TranssvcandSch]</t>
  </si>
  <si>
    <t xml:space="preserve">     GI:[0561500 - Reliability Planning and Stdsdev]</t>
  </si>
  <si>
    <t xml:space="preserve">     GJ:[0561600 - Trans Svc Studios]</t>
  </si>
  <si>
    <t xml:space="preserve">     GK:[0561601 - Trans Study Reimbursement]</t>
  </si>
  <si>
    <t xml:space="preserve">     GL:[0561700 - Generation Interconnect Studies]</t>
  </si>
  <si>
    <t xml:space="preserve">     GM:[0561701 - Interconnection Study Reimbursement]</t>
  </si>
  <si>
    <t xml:space="preserve">          GN:[561 - Total Load Dispatching]</t>
  </si>
  <si>
    <t xml:space="preserve">     GO:[562 - Station Expenses]</t>
  </si>
  <si>
    <t xml:space="preserve">     GP:[0562000 - Station Expenses]</t>
  </si>
  <si>
    <t xml:space="preserve">          GQ:[562 - Total Station Expenses]</t>
  </si>
  <si>
    <t xml:space="preserve">     GR:[563 - Overhead Line Expenses]</t>
  </si>
  <si>
    <t xml:space="preserve">     GS:[0563000 - Overhead Line Expenses - Trans]</t>
  </si>
  <si>
    <t xml:space="preserve">          GT:[563 - Total Overhead Line Expenses]</t>
  </si>
  <si>
    <t xml:space="preserve">     GU:[565 - Transmission by Other - RTO]</t>
  </si>
  <si>
    <t xml:space="preserve">     GV:[0565000 - Transm of Elec By Others]</t>
  </si>
  <si>
    <t xml:space="preserve">     GW:[0565016 - I/C Joint Dispatch]</t>
  </si>
  <si>
    <t xml:space="preserve">          GX:[565 - Total Transmission by Other - RTO]</t>
  </si>
  <si>
    <t xml:space="preserve">     GY:[566 - Misc. Trans Exp - Other]</t>
  </si>
  <si>
    <t xml:space="preserve">     GZ:[0566000 - Misc Trans Exp - Total]</t>
  </si>
  <si>
    <t xml:space="preserve">     HA:[0566100 - Misc Trans Lines Rated]</t>
  </si>
  <si>
    <t xml:space="preserve">          HB:[566 - Total Misc Trans Exp - Other]</t>
  </si>
  <si>
    <t xml:space="preserve">     HC:[567 - Substation]</t>
  </si>
  <si>
    <t xml:space="preserve">     HD:[0567000 - Rents Trans Oper]</t>
  </si>
  <si>
    <t xml:space="preserve">          HE:[567 - Total Substation]</t>
  </si>
  <si>
    <t xml:space="preserve">     HF:[560-567 - Total Transmission Operaton]</t>
  </si>
  <si>
    <t xml:space="preserve">     HG:[568-574 - Transmission Maintenance]</t>
  </si>
  <si>
    <t xml:space="preserve">     HH:[568 - Supervsn and Engrng - Trans Maint]</t>
  </si>
  <si>
    <t xml:space="preserve">     HI:[0568000 - Suprvsn and Engrng - Trans Maint]</t>
  </si>
  <si>
    <t xml:space="preserve">          HJ:[568 - Total Suprvsn and Engrng - Trans Maint]</t>
  </si>
  <si>
    <t xml:space="preserve">     HK:[569 - Structures]</t>
  </si>
  <si>
    <t xml:space="preserve">     HL:[0569000 - Maint of Structures - Trans]</t>
  </si>
  <si>
    <t xml:space="preserve">     HM:[0569100 - Maint of Computer Hardware]</t>
  </si>
  <si>
    <t xml:space="preserve">     HN:[0569200 - Maint of Computer Software]</t>
  </si>
  <si>
    <t xml:space="preserve">     HO:[0569300 - Maint of Communication Equipment]</t>
  </si>
  <si>
    <t xml:space="preserve">          HP:[569 - Total Structures]</t>
  </si>
  <si>
    <t xml:space="preserve">     HQ:[570 - Station Equipment Trans]</t>
  </si>
  <si>
    <t xml:space="preserve">     HR:[0570000 - Inflation Adj]</t>
  </si>
  <si>
    <t xml:space="preserve">     HS:[0570100 - Maint Stat Equip - Other_Trans]</t>
  </si>
  <si>
    <t xml:space="preserve">     HT:[0570200 - Main - Cir Brkrs Trnsf Mtrs - Trans]</t>
  </si>
  <si>
    <t xml:space="preserve">          HU:[570 - Total Station Equipment Trans]</t>
  </si>
  <si>
    <t xml:space="preserve">     HV:[571 - Maint. of Overhead Lines - Trans]</t>
  </si>
  <si>
    <t xml:space="preserve">     HW:[0571000 - Maint of Overhead Lines - Trans]</t>
  </si>
  <si>
    <t xml:space="preserve">          HX:[571 - Total Maint of Overhead Lines - Trans]</t>
  </si>
  <si>
    <t xml:space="preserve">     HY:[572 - Maint of Underground Lines]</t>
  </si>
  <si>
    <t xml:space="preserve">     HZ:[0572000 - Maint of Underground Lines]</t>
  </si>
  <si>
    <t xml:space="preserve">          IA:[572 - Total Maint of Underground Lines]</t>
  </si>
  <si>
    <t xml:space="preserve">     IB:[573 - Maint of Misc Transm Plant]</t>
  </si>
  <si>
    <t xml:space="preserve">     IC:[0573000 - Maint of Misc Transm Plant]</t>
  </si>
  <si>
    <t xml:space="preserve">          ID:[573 - Total Maint of Misc Transm Plant]</t>
  </si>
  <si>
    <t xml:space="preserve">     IE:[568-574 - Total Transmission Maintenance]</t>
  </si>
  <si>
    <t xml:space="preserve">     IG:[560-574 - Total Transmission O&amp;M]</t>
  </si>
  <si>
    <t xml:space="preserve">     IH:[580-589 - Distribution Operation]</t>
  </si>
  <si>
    <t xml:space="preserve">     II:[580 - Supervision &amp; Engineering - Dist]</t>
  </si>
  <si>
    <t xml:space="preserve">     IJ:[0580000 - Supervsn and Engring - Dist Oper]</t>
  </si>
  <si>
    <t xml:space="preserve">     IK:[0580000 - Inflation Adj]</t>
  </si>
  <si>
    <t xml:space="preserve">     IL:[0870000 _ Dist Sys Ops - Supv/Eng]</t>
  </si>
  <si>
    <t xml:space="preserve">     IM:[0852000 - Communication System Expenses]</t>
  </si>
  <si>
    <t xml:space="preserve">          IN:[580 - Total Supervison &amp; Engineering - Dist]</t>
  </si>
  <si>
    <t xml:space="preserve">     IO:[581 - Load Dispatching - Dist]</t>
  </si>
  <si>
    <t xml:space="preserve">     IP:[0581004 - Load Dispatch-Dist of Elec]</t>
  </si>
  <si>
    <t xml:space="preserve">     IQ:[0581004 - Inflation Adj]</t>
  </si>
  <si>
    <t xml:space="preserve">          IR:[581 -Total Load Dispatching - Dist]</t>
  </si>
  <si>
    <t xml:space="preserve">     IS:[582 - Station Expenses]</t>
  </si>
  <si>
    <t xml:space="preserve">     IT:[0582100 - Station Expenses - Other - Dist]</t>
  </si>
  <si>
    <t xml:space="preserve">     IU:[0582200 - Relays and Meters - Dist]</t>
  </si>
  <si>
    <t xml:space="preserve">          IV:[582 - Total Station Expenses]</t>
  </si>
  <si>
    <t xml:space="preserve">     IW:[583 - Overhead Line Expenses]</t>
  </si>
  <si>
    <t xml:space="preserve">     IX:[0583100 - Overhead Line Exps - Other Dist]</t>
  </si>
  <si>
    <t xml:space="preserve">     IY:[0583200 - Transf Set Rem Reset Test - Dist]</t>
  </si>
  <si>
    <t xml:space="preserve">          IZ:[583 - Total Overhead Line Expenses]</t>
  </si>
  <si>
    <t xml:space="preserve">     JA:[584 - Underground Line Expenses - Dist]</t>
  </si>
  <si>
    <t xml:space="preserve">     JB:[0584000 - Underground Line Expenses - Dist]</t>
  </si>
  <si>
    <t xml:space="preserve">     JC:[0584000 - Inflation Adj]</t>
  </si>
  <si>
    <t xml:space="preserve">     JD:[0584110 - Operation of Energy Storage Eq]</t>
  </si>
  <si>
    <t xml:space="preserve">          JE:[584 -Total Underground Line Expenses - Dist]</t>
  </si>
  <si>
    <t xml:space="preserve">     JF:[585 - Street Lighting &amp; Signal System]</t>
  </si>
  <si>
    <t xml:space="preserve">     JG:[0585000 - St Lghtng and Sgnl Systm - Dist]</t>
  </si>
  <si>
    <t xml:space="preserve">          JH:[585 - Total Street Lighting &amp; Signal System]</t>
  </si>
  <si>
    <t xml:space="preserve">     JI:[586 - Meter Expenses - Dist]</t>
  </si>
  <si>
    <t xml:space="preserve">     JJ:[0586000 - Meter Expenses - Dist]</t>
  </si>
  <si>
    <t xml:space="preserve">     JK:[0586000 - Inflation Adj]</t>
  </si>
  <si>
    <t xml:space="preserve">          JL:[586 - Total Meter Expenses - Dist]</t>
  </si>
  <si>
    <t xml:space="preserve">     JM:[587 - Customer Installation - Dist]</t>
  </si>
  <si>
    <t xml:space="preserve">     JN:[0587000 - Cust Install Exp - Other Dist]</t>
  </si>
  <si>
    <t xml:space="preserve">     JO:[0587000 - Inflation Adj]</t>
  </si>
  <si>
    <t xml:space="preserve">     JP:[0587000 - FP&amp;A On-Top Adjustment (Forecast Only)]</t>
  </si>
  <si>
    <t xml:space="preserve">          JQ:[587 - Total Customer Installation - Dist]</t>
  </si>
  <si>
    <t xml:space="preserve">     JR:[588 - Miscellaneous Distribution Other]</t>
  </si>
  <si>
    <t xml:space="preserve">     JS:[0588100 - Misc Distribution Exp - Other]</t>
  </si>
  <si>
    <t xml:space="preserve">     JT:[0588100 - Inflation Adj]</t>
  </si>
  <si>
    <t xml:space="preserve">     JU:[0588100 - Misc Distribution Exp - Other (Extra Line to pick up SPP Distribution ]</t>
  </si>
  <si>
    <t xml:space="preserve">     JV:[0588700 - Intcon Study Costs (D)]</t>
  </si>
  <si>
    <t xml:space="preserve">          JW:[588 - Total Miscellaneous Distribution Other]</t>
  </si>
  <si>
    <t xml:space="preserve">     JX:[589 - Rents - Dist Oper]</t>
  </si>
  <si>
    <t xml:space="preserve">     JY:[0589000 - Rents - Dist Oper]</t>
  </si>
  <si>
    <t>JZ:[0589000 - Inflation Adj]</t>
  </si>
  <si>
    <t xml:space="preserve">          KA:[589 - Total Rents - Dist Oper]</t>
  </si>
  <si>
    <t xml:space="preserve">     KB:[580-589 - Total Distribution Operation]</t>
  </si>
  <si>
    <t xml:space="preserve">     KC:[590-598 - Distribution Maintenance]</t>
  </si>
  <si>
    <t xml:space="preserve">     KD:[590 - Supervision &amp; Engineering - Dist Maint]</t>
  </si>
  <si>
    <t xml:space="preserve">     KE:[0590000 - Supervsn and Engrng - Dist Maint]</t>
  </si>
  <si>
    <t xml:space="preserve">          KF:[590 - Total Supervision &amp; Engineering - Dist Maint]</t>
  </si>
  <si>
    <t xml:space="preserve">     KG:[591 - Structures Maintenance - Dist]</t>
  </si>
  <si>
    <t xml:space="preserve">     KH:[0591000 - Maintenance of Structures - Dist]</t>
  </si>
  <si>
    <t xml:space="preserve">     KI:[0591200 - Coal Purchase Acctg Adj]</t>
  </si>
  <si>
    <t xml:space="preserve">          KJ:[591 - Total Structures Maintenance - Dist]</t>
  </si>
  <si>
    <t xml:space="preserve">     KK:[592 - Station Equipment - Dist]</t>
  </si>
  <si>
    <t xml:space="preserve">     KL:[0592100 - Maint Station Equip - Other - Dist]</t>
  </si>
  <si>
    <t xml:space="preserve">     KM:[0592110 - Maintenance of Energy Storage]</t>
  </si>
  <si>
    <t xml:space="preserve">     KN:[0592200 - Cir Breakers Trnsf Meters Relay - Dist]</t>
  </si>
  <si>
    <t xml:space="preserve">          KO:[592 - Total Station Equipment Dist]</t>
  </si>
  <si>
    <t xml:space="preserve">     KP:[593 - Overhead Lines (Tree Trim)]</t>
  </si>
  <si>
    <t xml:space="preserve">     KQ:[0593000 - Maint Overhd Lines - Other - Dist]</t>
  </si>
  <si>
    <t xml:space="preserve">     KR:[0593000 - Reclass from 0594000]</t>
  </si>
  <si>
    <t xml:space="preserve">     KS:[0593000 - Inflation Adj]</t>
  </si>
  <si>
    <t xml:space="preserve">     KT:[0593100 - Right of Way Mtce - Dist]</t>
  </si>
  <si>
    <t xml:space="preserve">          KU:[593 - Total Overhead Lines (Tree Trim)]</t>
  </si>
  <si>
    <t xml:space="preserve">     KV:[594 - Underground Lines Maint - Dist]</t>
  </si>
  <si>
    <t xml:space="preserve">     KW:[0594000 - Maint - Underground Lines - Dist]</t>
  </si>
  <si>
    <t xml:space="preserve">     KX:[0594000 - Reclass to 0593000]</t>
  </si>
  <si>
    <t xml:space="preserve">     KY:[0594000 - Inflation Adj]</t>
  </si>
  <si>
    <t xml:space="preserve">          KZ:[594 - Total Underground Lines Maint - Dist]</t>
  </si>
  <si>
    <t xml:space="preserve">     LA:[595 - Line Transformers - OH]</t>
  </si>
  <si>
    <t xml:space="preserve">     LB:[0595100 - Maint Lines Transfrs - Other - Dist]</t>
  </si>
  <si>
    <t xml:space="preserve">     LC:[0595200 - Cir Brkrs Transf Capcitrs - Dist]</t>
  </si>
  <si>
    <t xml:space="preserve">          LD:[595 - Total Line Transformers - Overhead]</t>
  </si>
  <si>
    <t xml:space="preserve">     LE:[596 - Streetlighting &amp; Signal System Maint - Dist]</t>
  </si>
  <si>
    <t xml:space="preserve">     LF:[0596000 - Maint - Streetlightng/Signl - Dist]</t>
  </si>
  <si>
    <t>LG:[0596000 - Inflation Adj]</t>
  </si>
  <si>
    <t xml:space="preserve">          LH:[596 - Total Streetlighting &amp; Signal System Maint - Dist]</t>
  </si>
  <si>
    <t xml:space="preserve">     LI:[597 - Meters Maint - Dist]</t>
  </si>
  <si>
    <t xml:space="preserve">     LJ:[0597000 - Maintenance of Meters - Dist]</t>
  </si>
  <si>
    <t xml:space="preserve">     LK:[0597000 - FP&amp;A On-Top Adjustment (Forecast Only)]</t>
  </si>
  <si>
    <t xml:space="preserve">          LL:[597 - Total Meters Maint - Dist]</t>
  </si>
  <si>
    <t xml:space="preserve">     LM:[598 - Miscellaneous Maint - Dist]</t>
  </si>
  <si>
    <t xml:space="preserve">     LN:[0598100 - Main Misc Dist Plt - Other - Dist]</t>
  </si>
  <si>
    <t xml:space="preserve">          LO:[598 -Total  Miscellaneous Maint - Dist]</t>
  </si>
  <si>
    <t xml:space="preserve">     LP:[590-598 - Total Distribution Maintenance]</t>
  </si>
  <si>
    <t xml:space="preserve">     LQ:[580-598 - Total Distribution O&amp;M]</t>
  </si>
  <si>
    <t xml:space="preserve">     LR:[599 - Other Misc Expense]</t>
  </si>
  <si>
    <t xml:space="preserve">     LS:[0599005 - Equipment Rental]</t>
  </si>
  <si>
    <t xml:space="preserve">     LT:[0599023 Other Miscellaneous Expenses]</t>
  </si>
  <si>
    <t xml:space="preserve">          LU:[599 - Total Other Misc Expense]</t>
  </si>
  <si>
    <t xml:space="preserve">     LV:[901-905 - Customer Accounts]</t>
  </si>
  <si>
    <t xml:space="preserve">     LW:[901 - Supervision - Cust Accts]</t>
  </si>
  <si>
    <t xml:space="preserve">     LX:[0901000 - Supervision - Cust Accts]</t>
  </si>
  <si>
    <t xml:space="preserve">          LY:[901 - Total Supervision - Cust Accts]</t>
  </si>
  <si>
    <t xml:space="preserve">     LZ:[902 - Meter Reading]</t>
  </si>
  <si>
    <t xml:space="preserve">     MA:[0902000 - Meter Reading]</t>
  </si>
  <si>
    <t xml:space="preserve">          MB:[902 - Total Meter Reading]</t>
  </si>
  <si>
    <t xml:space="preserve">     MC:[903 - Customer Records &amp; Collection]</t>
  </si>
  <si>
    <t xml:space="preserve">     MD:[0903000 - Inflation Adj]</t>
  </si>
  <si>
    <t xml:space="preserve">     ME:[0903000 - Cust Records and Collection Exp]</t>
  </si>
  <si>
    <t xml:space="preserve">     MF:[0903100 - Cust Contracts and Orders - Local]</t>
  </si>
  <si>
    <t xml:space="preserve">     MG:[0903200 - Cust Billing and Acct]</t>
  </si>
  <si>
    <t xml:space="preserve">     MH:[0903250 - Customer Billing Common]</t>
  </si>
  <si>
    <t xml:space="preserve">     MI:[0903300 - Cust Collecting - Local]</t>
  </si>
  <si>
    <t xml:space="preserve">     MJ:[0903400 - Cust Receiv and Collect Exp - Edp]</t>
  </si>
  <si>
    <t xml:space="preserve">     MK:[0903750 - Common Operating - Cust Accts]</t>
  </si>
  <si>
    <t xml:space="preserve">          ML:[903 - Total Customer Records &amp; Collections]</t>
  </si>
  <si>
    <t xml:space="preserve">     MM:[904 - Uncollectible]</t>
  </si>
  <si>
    <t xml:space="preserve">     MN:[0904000 - Uncollectible Accounts]</t>
  </si>
  <si>
    <t xml:space="preserve">     MO:[0904001 - Bad Debt Expense]</t>
  </si>
  <si>
    <t xml:space="preserve">          MP:[904 - Total Uncollectible]</t>
  </si>
  <si>
    <t xml:space="preserve">     MQ:[905 - Misc. Customer Accounts]</t>
  </si>
  <si>
    <t xml:space="preserve">     MR:[0905000 - Misc Customer Accts Expenses]</t>
  </si>
  <si>
    <t xml:space="preserve">          MS:[905 - Misc. Customer Accounts]</t>
  </si>
  <si>
    <t xml:space="preserve">     MT:[901-905 - Total Customer Accounts]</t>
  </si>
  <si>
    <t xml:space="preserve">     MU:[906-910 - Customer Service &amp; Informational]</t>
  </si>
  <si>
    <t xml:space="preserve">     MV:[907 - Supervision]</t>
  </si>
  <si>
    <t xml:space="preserve">     MW:[0907000 - Supervision]</t>
  </si>
  <si>
    <t xml:space="preserve">          MX:[907 - Total Supervision]</t>
  </si>
  <si>
    <t xml:space="preserve">     MY:[908 - Customer Assistance]</t>
  </si>
  <si>
    <t xml:space="preserve">     MZ:[0908120 - Cust Assist Exp - Residential]</t>
  </si>
  <si>
    <t xml:space="preserve">     NA:[0908140 - Economic Development]</t>
  </si>
  <si>
    <t xml:space="preserve">     NB:[0908150 - Commer/Indust Assistance Exp]</t>
  </si>
  <si>
    <t xml:space="preserve">     NC:[0908160 - Cust Assist Exp - General]</t>
  </si>
  <si>
    <t xml:space="preserve">          ND:[908 - Total Customer Assistance]</t>
  </si>
  <si>
    <t xml:space="preserve">     NE:[909- Informational and Instructional Advertising]</t>
  </si>
  <si>
    <t xml:space="preserve">     NF:[0909650 - Misc Advertising Expenses]</t>
  </si>
  <si>
    <t xml:space="preserve">     NG:[0909650 - FP&amp;A On-Top Adjustment (Forecast Only)]</t>
  </si>
  <si>
    <t xml:space="preserve">          NH:[909 - Total Informational and Instructional Advertising]</t>
  </si>
  <si>
    <t xml:space="preserve">     NI:[910 - Misc. Customer Service and Informational Expenses]</t>
  </si>
  <si>
    <t xml:space="preserve">     NJ:[0910000 - Misc Cust Serv/Inform Exp]</t>
  </si>
  <si>
    <t>NK:[0910000 - Inflation Adj]</t>
  </si>
  <si>
    <t xml:space="preserve">     NL:[0910000 - FP&amp;A On-Top Adjustment (Forecast Only)]</t>
  </si>
  <si>
    <t xml:space="preserve">     NM:[0910100 - Exp - Rs Reg Prod/Svces - Cstaccts (Reclass From 440 for EVOP Cr and 9]</t>
  </si>
  <si>
    <t xml:space="preserve">          NN:[910 - Total  Misc. Customer Service and Informational Expenses]</t>
  </si>
  <si>
    <t xml:space="preserve">     NO:[906-910 - Total Customer Service &amp; Informational]</t>
  </si>
  <si>
    <t xml:space="preserve">     NP:[911-917 - Sales Expenses]</t>
  </si>
  <si>
    <t xml:space="preserve">     NQ:[911 - Supervision]</t>
  </si>
  <si>
    <t xml:space="preserve">     NR:[0911000 - Supervision]</t>
  </si>
  <si>
    <t xml:space="preserve">          NS:[911 - Total Supervision]</t>
  </si>
  <si>
    <t xml:space="preserve">     NT:[912 - Demonstrating and Selling Expenses]</t>
  </si>
  <si>
    <t xml:space="preserve">     NU:[0912000 - Demonstrating and Selling Exp]</t>
  </si>
  <si>
    <t xml:space="preserve">     NV:[0912000 - FP&amp;A On-Top Adjustment]</t>
  </si>
  <si>
    <t xml:space="preserve">     NW:[09120000 - Adjustment to Reduce Transportation Electric in 2027]</t>
  </si>
  <si>
    <t xml:space="preserve">     NX:[0912100 - Demonstration &amp; Sell-Proj Supt]</t>
  </si>
  <si>
    <t xml:space="preserve">     NY:[0912200 - EV Employee Incentive]</t>
  </si>
  <si>
    <t xml:space="preserve">     NZ:[0912300 - Economic Development Discount]</t>
  </si>
  <si>
    <t xml:space="preserve">          OA:[912 - Total Demonstrating and Selling Expenses]</t>
  </si>
  <si>
    <t xml:space="preserve">     OB:[913 - Advertising Expenses]</t>
  </si>
  <si>
    <t xml:space="preserve">     OC:[0913001 - Advertising Expense]</t>
  </si>
  <si>
    <t xml:space="preserve">          OD:[913 - Total Advertising Expenses]</t>
  </si>
  <si>
    <t xml:space="preserve">     OE:[916 - Miscellaneous Sales Expenses]</t>
  </si>
  <si>
    <t xml:space="preserve">     OF:[0916000 - Misc Sales Expense]</t>
  </si>
  <si>
    <t xml:space="preserve">          OG:[916 - Total Miscellaneous Sales Expenses]</t>
  </si>
  <si>
    <t xml:space="preserve">     OH:[911-917 - Total Sales Expenses]</t>
  </si>
  <si>
    <t xml:space="preserve">     OJ:[0824000 - Other Expenses - Stg (Gas Operating Exp)]</t>
  </si>
  <si>
    <t xml:space="preserve">     OK:[920-935 - Administrative and General]</t>
  </si>
  <si>
    <t xml:space="preserve">     OL:[920 - Administrative and General Salaries]</t>
  </si>
  <si>
    <t xml:space="preserve">     OM:[0920000 - A and G Salaries]</t>
  </si>
  <si>
    <t xml:space="preserve">     ON:[0920000 - Inflation Adj]</t>
  </si>
  <si>
    <t xml:space="preserve">     OO:[0920000 - Vision Florida Deferred O&amp;M (Salaries)]</t>
  </si>
  <si>
    <t xml:space="preserve">     OP:[0920000 - FP&amp;A On-Top Adjustment]</t>
  </si>
  <si>
    <t>WQ:[]</t>
  </si>
  <si>
    <t>ACE:[]</t>
  </si>
  <si>
    <t>AGH:[]</t>
  </si>
  <si>
    <t>AIN:[]</t>
  </si>
  <si>
    <t>AIR:[]</t>
  </si>
  <si>
    <t>AKZ:[]</t>
  </si>
  <si>
    <t>ALO:[]</t>
  </si>
  <si>
    <t>ALW:[]</t>
  </si>
  <si>
    <t>ANQ:[]</t>
  </si>
  <si>
    <t>ANS:[]</t>
  </si>
  <si>
    <t>ANV:[]</t>
  </si>
  <si>
    <t>REG FL: 2022 Monthly - Based on 2022 12&amp;00 FL Rate Case</t>
  </si>
  <si>
    <t>T:\FORECAST - 5 YEAR\2022\2022 12&amp;0 Rate Case\UI Output Reports\2022 Monthly - Rate Case - May 23, 2023 10-44-11.xlsx</t>
  </si>
  <si>
    <t>C:[ASSETS]</t>
  </si>
  <si>
    <t>D:[Current Assets]</t>
  </si>
  <si>
    <t>Beginning Balance</t>
  </si>
  <si>
    <t xml:space="preserve">       Line: EE:[Post Surplus to Money Pool Receivable] </t>
  </si>
  <si>
    <t xml:space="preserve">       Line: EF:[Post Shortfall to Money Pool Payable] </t>
  </si>
  <si>
    <t xml:space="preserve">         Entity: DE Florida Governance - Special (Inp) [Orig/Counterparty]</t>
  </si>
  <si>
    <t xml:space="preserve">       Line: L:[Intercompany Cash - Prior Period] </t>
  </si>
  <si>
    <t xml:space="preserve">       Line: M:[Intercompany Cash Utility Money Pool - Prior Period] </t>
  </si>
  <si>
    <t xml:space="preserve">     E:[Intercompany Cash]</t>
  </si>
  <si>
    <t xml:space="preserve">       Line: I:[Third Party Cash - Prior Period] </t>
  </si>
  <si>
    <t xml:space="preserve">     F:[Third Party Cash]</t>
  </si>
  <si>
    <t xml:space="preserve">     Post from Report: FIN - Long-term Commercial Paper and Minimum Cash Balance (Planning Entity) </t>
  </si>
  <si>
    <t xml:space="preserve">       Line: AR:[Incremental Minimum Cash Change to target Minimum Cash Balance] </t>
  </si>
  <si>
    <t xml:space="preserve">     Post from Report: sys-System Defined Transactions (Planning Entity) </t>
  </si>
  <si>
    <t xml:space="preserve">       Line: C:[Net Cash] </t>
  </si>
  <si>
    <t xml:space="preserve">     G:[Cash and Cash Investments]</t>
  </si>
  <si>
    <t xml:space="preserve">          H:[Cash and Cash Equivalents]</t>
  </si>
  <si>
    <t>I:[]</t>
  </si>
  <si>
    <t xml:space="preserve">     J:[Short-Term Investments]</t>
  </si>
  <si>
    <t xml:space="preserve">          K:[Short-Term Investments]</t>
  </si>
  <si>
    <t xml:space="preserve">       Line: AG:[Customer Revenue] </t>
  </si>
  <si>
    <t xml:space="preserve">         Entity: PEF SECI 447 [Orig]</t>
  </si>
  <si>
    <t xml:space="preserve">       Line: AJ:[Energy Revenue Excluding Fuel] </t>
  </si>
  <si>
    <t xml:space="preserve">       Line: AK:[Demand Revenue] </t>
  </si>
  <si>
    <t xml:space="preserve">         Entity: PEF Wholesale 447 [Orig]</t>
  </si>
  <si>
    <t xml:space="preserve">       Line: AP:[Capacity Clause Revenue] </t>
  </si>
  <si>
    <t xml:space="preserve">       Line: AQ:[ECCR Clause Revenue] </t>
  </si>
  <si>
    <t xml:space="preserve">       Line: AR:[Environmental Clause Revenue] </t>
  </si>
  <si>
    <t xml:space="preserve">       Line: AS:[Storm Protection Plan Revenue] </t>
  </si>
  <si>
    <t xml:space="preserve">       Line: BM:[Total Reg Assement Fee Due] </t>
  </si>
  <si>
    <t xml:space="preserve">       Line: EI:[Fuel Revenue] </t>
  </si>
  <si>
    <t xml:space="preserve">     Post from Report: DEF - REV - WholeSale Clause (Planning Entity) </t>
  </si>
  <si>
    <t xml:space="preserve">       Line: AO:[Total Stratified Fuel Recovery] </t>
  </si>
  <si>
    <t xml:space="preserve">         Entity: DE Florida (Inp) [Lagged Cash]</t>
  </si>
  <si>
    <t xml:space="preserve">       Line: CM:[Wholesale Fuel Revenue recovered in clause] </t>
  </si>
  <si>
    <t xml:space="preserve">       Line: E:[2023 RUSD Revenue Requirement] </t>
  </si>
  <si>
    <t xml:space="preserve">       Line: F:[2024 RUSD Revenue Requirement] </t>
  </si>
  <si>
    <t xml:space="preserve">       Line: G:[RUSD Revenue Requirement] </t>
  </si>
  <si>
    <t xml:space="preserve">       Line: H:[Adjustments to Revenue Requirement] </t>
  </si>
  <si>
    <t xml:space="preserve">       Line: I:[ROE Trigger] </t>
  </si>
  <si>
    <t xml:space="preserve">       Line: J:[IRA Tax Legislation Giveback 2023] </t>
  </si>
  <si>
    <t xml:space="preserve">       Line: M:[Clean Energy Connect Subscription Revenue] </t>
  </si>
  <si>
    <t xml:space="preserve">       Line: U:[Hurricane Ian Recovery] </t>
  </si>
  <si>
    <t xml:space="preserve">       Line: X:[SOBRA Rev Reqt] </t>
  </si>
  <si>
    <t xml:space="preserve">       Line: AQ:[Wholesale Revenue High Level Adj] </t>
  </si>
  <si>
    <t xml:space="preserve">         Entity: PEF Commercial 442 [Lagged Cash]</t>
  </si>
  <si>
    <t xml:space="preserve">         Entity: PEF Industrial 443 [Lagged Cash]</t>
  </si>
  <si>
    <t xml:space="preserve">         Entity: PEF Public Authority 445 [Lagged Cash]</t>
  </si>
  <si>
    <t xml:space="preserve">         Entity: PEF Residential 440 [Lagged Cash]</t>
  </si>
  <si>
    <t xml:space="preserve">         Entity: PEF SECI 447 [Lagged Cash]</t>
  </si>
  <si>
    <t xml:space="preserve">         Entity: PEF Pub Str &amp; Hwy 444 [Lagged Cash]</t>
  </si>
  <si>
    <t xml:space="preserve">         Entity: PEF Wholesale 447 [Lagged Cash]</t>
  </si>
  <si>
    <t xml:space="preserve">     M:[A/R - Trade]</t>
  </si>
  <si>
    <t xml:space="preserve">     N:[Allowance for Doubtful Accounts A/R]</t>
  </si>
  <si>
    <t xml:space="preserve">     O:[A/R - Other]</t>
  </si>
  <si>
    <t xml:space="preserve">     P:[Intercompany Accounts Receivable for VIE]</t>
  </si>
  <si>
    <t xml:space="preserve">     Q:[Notes Receivable Third Party]</t>
  </si>
  <si>
    <t xml:space="preserve">     R:[N/R Current - AFDA]</t>
  </si>
  <si>
    <t xml:space="preserve">     S:[Interest Receivable - Third Party]</t>
  </si>
  <si>
    <t xml:space="preserve">          T:[Receivables]</t>
  </si>
  <si>
    <t>U:[]</t>
  </si>
  <si>
    <t xml:space="preserve">     V:[VIE Allowance Total]</t>
  </si>
  <si>
    <t xml:space="preserve">     W:[Restricted Net Receivables of VIEs]</t>
  </si>
  <si>
    <t xml:space="preserve">          X:[Restricted Receivables of VIEs]</t>
  </si>
  <si>
    <t>Y:[]</t>
  </si>
  <si>
    <t xml:space="preserve">     Z:[Intercompany Accounts Receivable]</t>
  </si>
  <si>
    <t xml:space="preserve">     AA:[Intercompany Interest Receivable]</t>
  </si>
  <si>
    <t xml:space="preserve">          AB:[Receivables from Affiliated Companies]</t>
  </si>
  <si>
    <t>AC:[]</t>
  </si>
  <si>
    <t xml:space="preserve">     AD:[Intercompany Notes Receivable]</t>
  </si>
  <si>
    <t xml:space="preserve">          AE:[Notes Receivable from Affiliated Companies]</t>
  </si>
  <si>
    <t xml:space="preserve">       Line: CX:[Fuel Oil Stock Inventory Adjustment] </t>
  </si>
  <si>
    <t xml:space="preserve">     AG:[Gas Storage]</t>
  </si>
  <si>
    <t xml:space="preserve">       Line: CW:[Non-Fuel Inventory Adjustment FFO] </t>
  </si>
  <si>
    <t xml:space="preserve">     AH:[Other Materials]</t>
  </si>
  <si>
    <t xml:space="preserve">       Line: CY:[Coal Stocks Inventory Adjustment] </t>
  </si>
  <si>
    <t xml:space="preserve">       Line: CZ:[Coal Stocks In-Transit Adjustment FFO] </t>
  </si>
  <si>
    <t xml:space="preserve">     AI:[Coal Stock]</t>
  </si>
  <si>
    <t xml:space="preserve">       Line: CU:[Natural Gas Inventory Adjustment] </t>
  </si>
  <si>
    <t xml:space="preserve">     AJ:[Petroleum Products]</t>
  </si>
  <si>
    <t xml:space="preserve">     AK:[Gas Used in Operations]</t>
  </si>
  <si>
    <t xml:space="preserve">     AL:[Trade MTM Inventory]</t>
  </si>
  <si>
    <t xml:space="preserve">     AM:[Intercompany Trade Inventory]</t>
  </si>
  <si>
    <t xml:space="preserve">          AN:[Inventory]</t>
  </si>
  <si>
    <t xml:space="preserve">     AP:[Reg Asset Receivable]</t>
  </si>
  <si>
    <t xml:space="preserve">       Line: HD:[Transfer Cur Por Gain or Loss on Term Swaps to Current Liability] </t>
  </si>
  <si>
    <t xml:space="preserve">       Line: CN:[ARO Depreciation Deferral] </t>
  </si>
  <si>
    <t xml:space="preserve">     AQ:[Other Current Assets-Reg]</t>
  </si>
  <si>
    <t xml:space="preserve">     AR:[VIE Current Reg Asset]</t>
  </si>
  <si>
    <t xml:space="preserve">          AS:[Regulatory Assets]</t>
  </si>
  <si>
    <t>AT:[]</t>
  </si>
  <si>
    <t xml:space="preserve">     AU:[HFS Current Assets - Cash]</t>
  </si>
  <si>
    <t xml:space="preserve">     AV:[HFS Current Assets - A/R]</t>
  </si>
  <si>
    <t xml:space="preserve">     AW:[HFS Current Assets - AFDA]</t>
  </si>
  <si>
    <t xml:space="preserve">     AX:[HFS Current Assets - Inventory]</t>
  </si>
  <si>
    <t xml:space="preserve">     AY:[HFS Current Assets - Unreal Gain]</t>
  </si>
  <si>
    <t xml:space="preserve">     AZ:[HFS Current Assets - Other]</t>
  </si>
  <si>
    <t xml:space="preserve">          BA:[Assets Held for Sale]</t>
  </si>
  <si>
    <t xml:space="preserve">     BB:[]</t>
  </si>
  <si>
    <t xml:space="preserve">     BC:[Accumulated Deferred Income Tax]</t>
  </si>
  <si>
    <t xml:space="preserve">     BD:[Current Tax Effect UTP]</t>
  </si>
  <si>
    <t xml:space="preserve">     BE:[Accumulated Income Tax GC]</t>
  </si>
  <si>
    <t xml:space="preserve">       Line: Z:[Record February Annual Insurance Premium Payment] </t>
  </si>
  <si>
    <t xml:space="preserve">       Line: X:[Rcls. Cash Flow contra Prpd. Exp./Unearned Rev.] </t>
  </si>
  <si>
    <t xml:space="preserve">     BF:[Other Pre-Paid Assets]</t>
  </si>
  <si>
    <t xml:space="preserve">     BG:[Federal Income Taxes Receivable]</t>
  </si>
  <si>
    <t xml:space="preserve">     BH:[State Income Taxes Receivable]</t>
  </si>
  <si>
    <t xml:space="preserve">     BI:[Foreign Taxes Receivable]</t>
  </si>
  <si>
    <t xml:space="preserve">     BJ:[Franchise Taxes Receivable]</t>
  </si>
  <si>
    <t xml:space="preserve">     BK:[Non-Income Tax Receivable]</t>
  </si>
  <si>
    <t xml:space="preserve">     BL:[Other Current Assets - Deferred Risk]</t>
  </si>
  <si>
    <t xml:space="preserve">       Line: EO:[(Over) Under Fuel Deferral] </t>
  </si>
  <si>
    <t xml:space="preserve">       Line: EP:[Interest on (Over)/Under Collection] </t>
  </si>
  <si>
    <t xml:space="preserve">       Line: EQ:[DEF Retail Fuel - Prior Period Amortization] </t>
  </si>
  <si>
    <t xml:space="preserve">     BM:[Other Current Assets]</t>
  </si>
  <si>
    <t xml:space="preserve">     BN:[Purchased Capacity Costs - Current]</t>
  </si>
  <si>
    <t xml:space="preserve">     BO:[Intercompany Other Current Assets]</t>
  </si>
  <si>
    <t xml:space="preserve">     BP:[Other Current Assets - Fuel Trk]</t>
  </si>
  <si>
    <t xml:space="preserve">     BQ:[Restricted Assets of VIEs - Current]</t>
  </si>
  <si>
    <t xml:space="preserve">     BR:[I/C Collateral Assets]</t>
  </si>
  <si>
    <t xml:space="preserve">     BS:[Collateral Assets]</t>
  </si>
  <si>
    <t xml:space="preserve">     BT:[3rd Party Derivative Int Rec - Reg Asset]</t>
  </si>
  <si>
    <t xml:space="preserve">     BU:[Unrealized Gain on MTM Trans]</t>
  </si>
  <si>
    <t xml:space="preserve">     BV:[Hedge Asset - Third Party Current]</t>
  </si>
  <si>
    <t xml:space="preserve">     BW:[Intercompany Hedge Asset - Current]</t>
  </si>
  <si>
    <t xml:space="preserve">     BX:[Intercompany MTM Assets ST]</t>
  </si>
  <si>
    <t xml:space="preserve">     BY:[Tax Rec. Current- IRA Credit Transfer]</t>
  </si>
  <si>
    <t xml:space="preserve">          BZ:[Other]</t>
  </si>
  <si>
    <t>CA:[Total Current Assets]</t>
  </si>
  <si>
    <t>CB:[]</t>
  </si>
  <si>
    <t>CC:[Property, Plant and Equipment]</t>
  </si>
  <si>
    <t xml:space="preserve">     CD:[Intercompany Property Plant and Equipment]</t>
  </si>
  <si>
    <t xml:space="preserve">     CE:[Land]</t>
  </si>
  <si>
    <t xml:space="preserve">     CF:[Nuclear Fuel]</t>
  </si>
  <si>
    <t xml:space="preserve">     CG:[Equipment]</t>
  </si>
  <si>
    <t xml:space="preserve">     CH:[Vehicles]</t>
  </si>
  <si>
    <t xml:space="preserve">       Line: K:[Capital Expenditures] </t>
  </si>
  <si>
    <t xml:space="preserve">       Line: BN:[AFUDC Equity] </t>
  </si>
  <si>
    <t xml:space="preserve">       Line: CJ:[CWIP Closings] </t>
  </si>
  <si>
    <t xml:space="preserve">       Line: DJ:[CWIP Adjustment - Transmission Projects Interest] </t>
  </si>
  <si>
    <t xml:space="preserve">       Line: V:[Plant Additions (Posting)] </t>
  </si>
  <si>
    <t xml:space="preserve">     CI:[Construction in Progress]</t>
  </si>
  <si>
    <t xml:space="preserve">       Line: CS:[PEF Record FAS 109 Reg Asset Net Change - Acct182.37 - RATE CASE] </t>
  </si>
  <si>
    <t xml:space="preserve">     CJ:[Other]</t>
  </si>
  <si>
    <t xml:space="preserve">     CK:[Reg Plant - Elec Gen, Dist and Trans]</t>
  </si>
  <si>
    <t xml:space="preserve">     CL:[Reg Plant - Other Bldgs and Imp]</t>
  </si>
  <si>
    <t xml:space="preserve">     CM:[Unreg Plant - Other Bldgs and Imp]</t>
  </si>
  <si>
    <t xml:space="preserve">     CN:[PP&amp;E - I/C Lease]</t>
  </si>
  <si>
    <t xml:space="preserve">       Line: AH:[Plant Retirements] </t>
  </si>
  <si>
    <t xml:space="preserve">     Post from Report: ITAX - Other Reconciling Items - Federal (Planning Entity) </t>
  </si>
  <si>
    <t xml:space="preserve">       Line: S:[ITC - JE to record ITC for regulated entities] </t>
  </si>
  <si>
    <t xml:space="preserve">       Line: O:[ITC Total] </t>
  </si>
  <si>
    <t xml:space="preserve">     CO:[Plant In Service - Forecast Only]</t>
  </si>
  <si>
    <t xml:space="preserve">     CP:[VIE - Restricted PP&amp;E Cost]</t>
  </si>
  <si>
    <t xml:space="preserve">          CQ:[Total Property, Plant and Equipment]</t>
  </si>
  <si>
    <t>CR:[]</t>
  </si>
  <si>
    <t xml:space="preserve">          CS:[]</t>
  </si>
  <si>
    <t>CT:[]</t>
  </si>
  <si>
    <t xml:space="preserve">     CU:[Acc Dda Asset Retirement Oblig]</t>
  </si>
  <si>
    <t xml:space="preserve">     CV:[Acc Dda Nuclear Fuel Assets]</t>
  </si>
  <si>
    <t xml:space="preserve">     Post from Report: FIN - Bond Issues - DEP / DEF Capital Leases w/Reg Treatment (Bonds - DEP / DEF Capital Leases w/Reg Treatment) </t>
  </si>
  <si>
    <t xml:space="preserve">       Line: FT:[Total Principal Reductions] </t>
  </si>
  <si>
    <t xml:space="preserve">         Entity: DEF Shady Hills Lease 8.707% 04/30/2027 [Orig]</t>
  </si>
  <si>
    <t xml:space="preserve">         Entity: DEF St Pete Bldg Lease 7.31% 04/30/2047 [Orig]</t>
  </si>
  <si>
    <t xml:space="preserve">     CW:[Accumulated Depr Reg]</t>
  </si>
  <si>
    <t xml:space="preserve">     CX:[Accumulated Depr NonReg]</t>
  </si>
  <si>
    <t xml:space="preserve">     CY:[Accumulated Depr - I/C Lease]</t>
  </si>
  <si>
    <t xml:space="preserve">     CZ:[Acc Dda VIE - Restricted PPE Accum Depr]</t>
  </si>
  <si>
    <t xml:space="preserve">       Line: AG:[Salvage Expenditures] </t>
  </si>
  <si>
    <t xml:space="preserve">       Line: ED:[Amort - ARO] </t>
  </si>
  <si>
    <t xml:space="preserve">     DA:[Accumulated Depreciation - Forecast Only]</t>
  </si>
  <si>
    <t xml:space="preserve">          DB:[Total Accumulated Depreciation and Amortization]</t>
  </si>
  <si>
    <t>DC:[]</t>
  </si>
  <si>
    <t xml:space="preserve">     DD:[Generation Facilities to be Retired, Net]</t>
  </si>
  <si>
    <t xml:space="preserve">          DE:[Generation Facilities to be Retired]</t>
  </si>
  <si>
    <t>DF:[]</t>
  </si>
  <si>
    <t>DG:[Net Property Plant and Equipment]</t>
  </si>
  <si>
    <t>DH:[]</t>
  </si>
  <si>
    <t>DI:[]</t>
  </si>
  <si>
    <t xml:space="preserve">     DJ:[Operating Lease Right-of-Use Asset]</t>
  </si>
  <si>
    <t xml:space="preserve">          DK:[Operating Lease Right-0f-Use Asset]</t>
  </si>
  <si>
    <t>DL:[]</t>
  </si>
  <si>
    <t xml:space="preserve">     DM:[Goodwill]</t>
  </si>
  <si>
    <t xml:space="preserve">          DN:[Goodwill]</t>
  </si>
  <si>
    <t>DO:[]</t>
  </si>
  <si>
    <t xml:space="preserve">       Line: BE:[GPIF Reward (Penalty) Earnings Impact] </t>
  </si>
  <si>
    <t xml:space="preserve">       Line: JT:[ISFSI DOE Reimbursement] </t>
  </si>
  <si>
    <t xml:space="preserve">       Line: CB:[Prior Period Amortization] </t>
  </si>
  <si>
    <t xml:space="preserve">       Line: BL:[Deferred Storm Interest Income] </t>
  </si>
  <si>
    <t xml:space="preserve">       Line: BM:[Amortization of Customer Connect Reg Asset] </t>
  </si>
  <si>
    <t xml:space="preserve">       Line: CH:[Non-AMI Meter Amortization] </t>
  </si>
  <si>
    <t xml:space="preserve">       Line: CO:[Depreciation Deferral Amortization] </t>
  </si>
  <si>
    <t xml:space="preserve">       Line: CP:[Deferred Rate Case Expense Amortization] </t>
  </si>
  <si>
    <t xml:space="preserve">       Line: CQ:[Property Gains/Losses Deferral] </t>
  </si>
  <si>
    <t xml:space="preserve">       Line: GT:[EVSE Amortization of Reg Asset] </t>
  </si>
  <si>
    <t xml:space="preserve">       Line: JV:[ISFSI JO Spend (8.22%) (0426551)] </t>
  </si>
  <si>
    <t xml:space="preserve">       Line: JW:[ISFSI Wholesale Spend (7.115%) (0426551)] </t>
  </si>
  <si>
    <t xml:space="preserve">       Line: KC:[ISFSI Amortization (0407357)] </t>
  </si>
  <si>
    <t xml:space="preserve">     Post from Report: O&amp;M B2: Posting Offset of O&amp;M Special Items (Planning Entity) </t>
  </si>
  <si>
    <t xml:space="preserve">       Line: AH:[DSM/EE - Amortization - Recoverable] </t>
  </si>
  <si>
    <t xml:space="preserve">       Line: CH:[Storm Recovery - Amortization Recoverable Ian/Nicole] </t>
  </si>
  <si>
    <t xml:space="preserve">       Line: CK:[Storm Recovery Amortization (OATT)] </t>
  </si>
  <si>
    <t xml:space="preserve">     DP:[Other Deferred Debits - Regulatory Asset]</t>
  </si>
  <si>
    <t xml:space="preserve">     DQ:[Intercompany Deferred Debit]</t>
  </si>
  <si>
    <t xml:space="preserve">     DR:[Other Deferred Debits - Aro]</t>
  </si>
  <si>
    <t xml:space="preserve">     DS:[Purchased Capacity Costs]</t>
  </si>
  <si>
    <t xml:space="preserve">     DT:[Natural Gas Transition Costs]</t>
  </si>
  <si>
    <t xml:space="preserve">     DU:[Environmental Clean Up Costs]</t>
  </si>
  <si>
    <t xml:space="preserve">     DV:[Regulatory Asset - Pension]</t>
  </si>
  <si>
    <t xml:space="preserve">     DW:[Regulatory Assets Related to Income Taxes]</t>
  </si>
  <si>
    <t xml:space="preserve">     DX:[Unamortized Loss on Debt]</t>
  </si>
  <si>
    <t xml:space="preserve">       Line: DT:[Vision Florida O&amp;M Deferral] </t>
  </si>
  <si>
    <t xml:space="preserve">       Line: DU:[Vision Florida Depreciation Deferral] </t>
  </si>
  <si>
    <t xml:space="preserve">       Line: DW:[Vision Florida Carrying Cost] </t>
  </si>
  <si>
    <t xml:space="preserve">       Line: FM:[Dismantlement Retail Reg Asset - 2022 Settlement] </t>
  </si>
  <si>
    <t xml:space="preserve">       Line: FR:[Storm Capitalization Reg Asset] </t>
  </si>
  <si>
    <t xml:space="preserve">       Line: FX:[CR3 Deferred Equity Amortization] </t>
  </si>
  <si>
    <t xml:space="preserve">       Line: BU:[Unamortized Loss on Reacquired Debt] </t>
  </si>
  <si>
    <t xml:space="preserve">       Line: DX:[Vision Florida Amortization] </t>
  </si>
  <si>
    <t xml:space="preserve">       Line: FN:[Amortization of Dismantlement Reg Asset] </t>
  </si>
  <si>
    <t xml:space="preserve">       Line: FP:[Reclass Tax Savings Reg Liability to Dismantlement] </t>
  </si>
  <si>
    <t xml:space="preserve">       Line: FS:[Storm Capitalization Reg Asset Amortization] </t>
  </si>
  <si>
    <t xml:space="preserve">     DY:[Non-Current Regulatory Asset]</t>
  </si>
  <si>
    <t xml:space="preserve">     DZ:[Smart Grid Reg Assets]</t>
  </si>
  <si>
    <t xml:space="preserve">     EA:[VIE - Rest Reg Asset Defer Debits]</t>
  </si>
  <si>
    <t xml:space="preserve">     EB:[PISCC 100% GAAP]</t>
  </si>
  <si>
    <t xml:space="preserve">          EC:[Regulatory Assets]</t>
  </si>
  <si>
    <t>ED:[]</t>
  </si>
  <si>
    <t xml:space="preserve">       Line: GJ:[CR3 Decommissioning Trust Reimbursement] </t>
  </si>
  <si>
    <t xml:space="preserve">       Line: GN:[CR3 Property Tax Trust Reimbursement] </t>
  </si>
  <si>
    <t xml:space="preserve">     EE:[Nuclear Decommissioning Trust Funds]</t>
  </si>
  <si>
    <t xml:space="preserve">          EF:[Nuclear Decommissioning Trust Funds]</t>
  </si>
  <si>
    <t>EG:[]</t>
  </si>
  <si>
    <t xml:space="preserve">     EH:[Investment in Unconsolidated Affiliates]</t>
  </si>
  <si>
    <t xml:space="preserve">          EI:[Investment in Unconsolidated Affiliates]</t>
  </si>
  <si>
    <t>EJ:[]</t>
  </si>
  <si>
    <t xml:space="preserve">     EK:[HFS NC Assets - Inv and Other]</t>
  </si>
  <si>
    <t xml:space="preserve">     EL:[HFS NC Assets - PPandE]</t>
  </si>
  <si>
    <t xml:space="preserve">          EM:[Assets Held for Sale]</t>
  </si>
  <si>
    <t>EN:[]</t>
  </si>
  <si>
    <t xml:space="preserve">     EO:[Investment in Consolidated Companies]</t>
  </si>
  <si>
    <t xml:space="preserve">     EP:[Intercompany Advances]</t>
  </si>
  <si>
    <t xml:space="preserve">     EQ:[Investment in Consolidated Companies - Hist]</t>
  </si>
  <si>
    <t xml:space="preserve">          ER:[Investment in Consolidated Subsidiaries]</t>
  </si>
  <si>
    <t>ES:[]</t>
  </si>
  <si>
    <t xml:space="preserve">     ET:[Other Assets - Long-Term]</t>
  </si>
  <si>
    <t xml:space="preserve">     EU:[Intercompany Other Assets]</t>
  </si>
  <si>
    <t xml:space="preserve">     EV:[Deferred Tax Asset - Foreign]</t>
  </si>
  <si>
    <t xml:space="preserve">     EW:[Restricted Cash Long-Term]</t>
  </si>
  <si>
    <t xml:space="preserve">     EX:[Non Current Assets - Executive Insurance]</t>
  </si>
  <si>
    <t xml:space="preserve">     EY:[Non Current Assets - Investments]</t>
  </si>
  <si>
    <t xml:space="preserve">     EZ:[Long Term Investment]</t>
  </si>
  <si>
    <t xml:space="preserve">     FA:[Pre-Funded Pension Costs]</t>
  </si>
  <si>
    <t xml:space="preserve">     FB:[Pre-Funded Pension Costs - Intercompany]</t>
  </si>
  <si>
    <t xml:space="preserve">       Line: J:[Master Credit Facility - Upfront Cash Payment] </t>
  </si>
  <si>
    <t xml:space="preserve">       Line: R:[A/R Facility (DEC/DEP/DEF) - Issue Expense (Upfront Cash)] </t>
  </si>
  <si>
    <t xml:space="preserve">       Line: DF:[Coal Ash Spend] </t>
  </si>
  <si>
    <t xml:space="preserve">     FC:[Other Deferred Debits]</t>
  </si>
  <si>
    <t xml:space="preserve">     FD:[Other Deferred Debits - Labor Clearing]</t>
  </si>
  <si>
    <t xml:space="preserve">     FE:[Hedge Asset - LT Third Party]</t>
  </si>
  <si>
    <t xml:space="preserve">     FF:[Unrealized Gain on Mark to Market - LT]</t>
  </si>
  <si>
    <t xml:space="preserve">     FG:[Long Term Tax Receivable]</t>
  </si>
  <si>
    <t xml:space="preserve">     FH:[Long-Term Receivable - Third Party]</t>
  </si>
  <si>
    <t xml:space="preserve">     FI:[Restricted LT Receivable]</t>
  </si>
  <si>
    <t xml:space="preserve">     FJ:[Long Term Franchise Tax Receivable]</t>
  </si>
  <si>
    <t xml:space="preserve">     FK:[Intangibles-Net]</t>
  </si>
  <si>
    <t xml:space="preserve">     FL:[Intangibles-Emissions Allow]</t>
  </si>
  <si>
    <t xml:space="preserve">     FM:[Intangibles-Gas, Coal, Contr]</t>
  </si>
  <si>
    <t xml:space="preserve">     FN:[Intangibles-Wind Develop Right]</t>
  </si>
  <si>
    <t xml:space="preserve">     FO:[Intangibles-Amort-Contracts]</t>
  </si>
  <si>
    <t xml:space="preserve">     FP:[Intangibles-Amort-Other]</t>
  </si>
  <si>
    <t xml:space="preserve">     FQ:[Long-term Income Tax Receivable]</t>
  </si>
  <si>
    <t xml:space="preserve">     FR:[Intangibles-Amort-Wind]</t>
  </si>
  <si>
    <t xml:space="preserve">     FS:[Intangibles-Intercompany]</t>
  </si>
  <si>
    <t xml:space="preserve">     FT:[Unamortized Debt Expense]</t>
  </si>
  <si>
    <t xml:space="preserve">     FU:[Unamortized Loss Debt-NonReg]</t>
  </si>
  <si>
    <t>FV:[]</t>
  </si>
  <si>
    <t xml:space="preserve">     FW:[VIE - Restricted Regulatory Assets]</t>
  </si>
  <si>
    <t xml:space="preserve">     FX:[Investment in Real Estate]</t>
  </si>
  <si>
    <t xml:space="preserve">     FY:[Acc Dep Real Estate]</t>
  </si>
  <si>
    <t xml:space="preserve">     FZ:[Intercompany Notes Receivable]</t>
  </si>
  <si>
    <t xml:space="preserve">     GA:[N/R Long-Term - AFDA]</t>
  </si>
  <si>
    <t xml:space="preserve">     GB:[Intercompany Hedge Asset - LT]</t>
  </si>
  <si>
    <t xml:space="preserve">     GC:[Intercompany MTM assets LT]</t>
  </si>
  <si>
    <t xml:space="preserve">     GD:[Restricted Assets of VIEs - Long Term]</t>
  </si>
  <si>
    <t xml:space="preserve">     GE:[Tax Rec. Non-current- IRA Credit Transfer]</t>
  </si>
  <si>
    <t xml:space="preserve">          GF:[Other]</t>
  </si>
  <si>
    <t>GG:[Total Regulatory Assets and Deferred Debits]</t>
  </si>
  <si>
    <t>GH:[]</t>
  </si>
  <si>
    <t>GI:[DELETE After 2019 02&amp;10  UseOther]</t>
  </si>
  <si>
    <t>GJ:[DELETE After 2019 02&amp;10 Investment in Residential, Commercial, and Multi-Family ]</t>
  </si>
  <si>
    <t>GK:[DELETE After 2019 02&amp;10Total Investments and Other Assets]</t>
  </si>
  <si>
    <t>GL:[DELETE After 2019 02&amp;10 Long Term Notes Receivable]</t>
  </si>
  <si>
    <t>GM:[DELETE After 2019 02&amp;10 Intangibles, Net]</t>
  </si>
  <si>
    <t>GN:[DELETE After 2019 02&amp;10 Restricted Assets of VIE's - LT]</t>
  </si>
  <si>
    <t>GO:[DELETE After 2019 02&amp;10 Regulatory Assets and Deferred Debits]</t>
  </si>
  <si>
    <t>GP:[Do Not Delete - Line used in previous scenario]</t>
  </si>
  <si>
    <t>GQ:[Do Not Delete - Line used in previous scenario]</t>
  </si>
  <si>
    <t>GR:[]</t>
  </si>
  <si>
    <t>GS:[BALANCE]</t>
  </si>
  <si>
    <t>GT:[Total Assets]</t>
  </si>
  <si>
    <t>GU:[]</t>
  </si>
  <si>
    <t>GV:[LIABILITIES AND COMMON STOCKHOLDERS' EQUITY]</t>
  </si>
  <si>
    <t>GW:[Current Liabilities]</t>
  </si>
  <si>
    <t xml:space="preserve">       Line: V:[Removal Expenditures] </t>
  </si>
  <si>
    <t xml:space="preserve">       Line: RV:[Supply Chain finance initiative - extend A/P payment period] </t>
  </si>
  <si>
    <t xml:space="preserve">     GX:[Accounts Payable Trade]</t>
  </si>
  <si>
    <t xml:space="preserve">     GY:[Accounts Payable Banks]</t>
  </si>
  <si>
    <t xml:space="preserve">          GZ:[Accounts Payable]</t>
  </si>
  <si>
    <t>HA:[]</t>
  </si>
  <si>
    <t xml:space="preserve">     HB:[Intercompany Accounts Payable]</t>
  </si>
  <si>
    <t xml:space="preserve">          HC:[Accounts Payable to Affiliated Companies]</t>
  </si>
  <si>
    <t>HD:[]</t>
  </si>
  <si>
    <t xml:space="preserve">     HE:[Notes Payable - including PremierNotes]</t>
  </si>
  <si>
    <t xml:space="preserve">     HF:[Notes Payable - Other]</t>
  </si>
  <si>
    <t xml:space="preserve">     HG:[Commercial Paper]</t>
  </si>
  <si>
    <t xml:space="preserve">          HH:[Notes Payable and Commercial Paper]</t>
  </si>
  <si>
    <t>HI:[]</t>
  </si>
  <si>
    <t xml:space="preserve">     HJ:[Intercompany Notes Payable for VIE]</t>
  </si>
  <si>
    <t xml:space="preserve">     HK:[Intercompany Notes Payable - Current (Not Included in Money Pool)]</t>
  </si>
  <si>
    <t xml:space="preserve">       Line: P:[Notes Payable - Money Pool - Prior Period] </t>
  </si>
  <si>
    <t xml:space="preserve">       Line: Q:[Notes Payable - Utility Money Pool - Prior Period] </t>
  </si>
  <si>
    <t xml:space="preserve">     HL:[Intercompany Notes Payable (Money Pool)]</t>
  </si>
  <si>
    <t xml:space="preserve">          HM:[Notes Payable to Affiliated Companies]</t>
  </si>
  <si>
    <t>HN:[]</t>
  </si>
  <si>
    <t xml:space="preserve">     HO:[Non-Recourse Notes Payable]</t>
  </si>
  <si>
    <t xml:space="preserve">          HP:[Restricted Liabilities of VIE's]</t>
  </si>
  <si>
    <t>HQ:[]</t>
  </si>
  <si>
    <t xml:space="preserve">       Line: SO:[Total Current Period Payment] </t>
  </si>
  <si>
    <t xml:space="preserve">       Line: DV:[Federal Income Tax Accrual - Current] </t>
  </si>
  <si>
    <t xml:space="preserve">     HR:[Accrued Federal Income Taxes]</t>
  </si>
  <si>
    <t xml:space="preserve">       Line: DM:[Total Current Period Payment] </t>
  </si>
  <si>
    <t xml:space="preserve">     Post from Report: ITAX - State Pay Last Actuals Balance (Planning Entity) </t>
  </si>
  <si>
    <t xml:space="preserve">       Line: AL:[Pmnt. - SIT Last Actualized Accrual] </t>
  </si>
  <si>
    <t xml:space="preserve">     HS:[Accrued State Income Taxes]</t>
  </si>
  <si>
    <t xml:space="preserve">     HT:[Accrued Taxes UTP]</t>
  </si>
  <si>
    <t xml:space="preserve">     HU:[Other Accrued Taxes]</t>
  </si>
  <si>
    <t xml:space="preserve">     HV:[Accrued Taxes - Foreign]</t>
  </si>
  <si>
    <t xml:space="preserve">     HW:[Accrued Sales Tax Use]</t>
  </si>
  <si>
    <t xml:space="preserve">       Line: AH:[Property Tax Payment] </t>
  </si>
  <si>
    <t xml:space="preserve">     HX:[Accrued Property Tax]</t>
  </si>
  <si>
    <t xml:space="preserve">     HY:[Accrued Franchise Tax Revenue]</t>
  </si>
  <si>
    <t xml:space="preserve">     HZ:[Accrued Payroll Tax]</t>
  </si>
  <si>
    <t xml:space="preserve">     IA:[ST Contra Liability Gain Contingencies]</t>
  </si>
  <si>
    <t xml:space="preserve">          IB:[Taxes Accrued]</t>
  </si>
  <si>
    <t>IC:[]</t>
  </si>
  <si>
    <t xml:space="preserve">       Line: FP:[Total Interest Payment] </t>
  </si>
  <si>
    <t xml:space="preserve">         Entity: DEF DERF VAR [Orig]</t>
  </si>
  <si>
    <t xml:space="preserve">         Entity: DEF VAR 18-mnth Bank Loan issued Oct-2022 [Orig]</t>
  </si>
  <si>
    <t xml:space="preserve">         Entity: DEF FMB 5.95% 11/15/2052 [Orig]</t>
  </si>
  <si>
    <t xml:space="preserve">     ID:[Interest Accrued - Third Party]</t>
  </si>
  <si>
    <t xml:space="preserve">     IE:[Intercompany Interest Accrued]</t>
  </si>
  <si>
    <t xml:space="preserve">          IG:[Interest Accrued]</t>
  </si>
  <si>
    <t>IH:[]</t>
  </si>
  <si>
    <t xml:space="preserve">     II:[HFS Current Liab - Other]</t>
  </si>
  <si>
    <t xml:space="preserve">     IJ:[HFS Current Liab - Accrued Tax]</t>
  </si>
  <si>
    <t xml:space="preserve">     IK:[HFS Current Liab - Accrued Int]</t>
  </si>
  <si>
    <t xml:space="preserve">     IL:[HFS Current Liab - CM Debt]</t>
  </si>
  <si>
    <t xml:space="preserve">     IM:[HFS Current Liab - Unreal Loss]</t>
  </si>
  <si>
    <t xml:space="preserve">     IN:[HFS Current Liabilities - Ap]</t>
  </si>
  <si>
    <t xml:space="preserve">     IO:[HFS Current Liabilities - Np]</t>
  </si>
  <si>
    <t xml:space="preserve">          IP:[Liabilities Associated with Assets Held for Sale]</t>
  </si>
  <si>
    <t>IQ:[]</t>
  </si>
  <si>
    <t xml:space="preserve">       Line: FN:[Total Principal Reductions] </t>
  </si>
  <si>
    <t xml:space="preserve">       Line: HA:[Transfer Current Maturities to Current Liability - to post] </t>
  </si>
  <si>
    <t xml:space="preserve">     IR:[Current Maturities of Ltd and Pref Stk]</t>
  </si>
  <si>
    <t xml:space="preserve">     IS:[Current Ltd_Sec_Flt]</t>
  </si>
  <si>
    <t xml:space="preserve">     IT:[Current Ltd_Sec_Fix]</t>
  </si>
  <si>
    <t xml:space="preserve">     IU:[Current Ltd_Unsec_Fix]</t>
  </si>
  <si>
    <t xml:space="preserve">     IV:[Current Ltd_Unsec_Flt]</t>
  </si>
  <si>
    <t xml:space="preserve">     IW:[Current Ltd_Mort_Bond]</t>
  </si>
  <si>
    <t xml:space="preserve">       Line: HD:[Transfer Current Maturities to Current Liability - to post] </t>
  </si>
  <si>
    <t xml:space="preserve">     IX:[Current Ltd_Cap_Lease]</t>
  </si>
  <si>
    <t xml:space="preserve">     IY:[Current Ltd_Cap - Other]</t>
  </si>
  <si>
    <t xml:space="preserve">     IZ:[Current Ltd_Oth_Flt]</t>
  </si>
  <si>
    <t xml:space="preserve">       Line: HC:[Transfer Current Portion of Debt Discount to Current Liability] </t>
  </si>
  <si>
    <t xml:space="preserve">     JA:[Current Ltd_Unamt_Disc]</t>
  </si>
  <si>
    <t xml:space="preserve">       Line: HB:[Transfer Current Portion of Issue Cost to Current Liability] </t>
  </si>
  <si>
    <t xml:space="preserve">     JB:[Current LTD_Unamortized Debt Expense]</t>
  </si>
  <si>
    <t xml:space="preserve">     JC:[Current LTD_VIE Unamortized Debt Expense]</t>
  </si>
  <si>
    <t xml:space="preserve">     JD:[Current Ltd_Fv_Hedge]</t>
  </si>
  <si>
    <t>JE:[Current Ltd_IC Capital Lease]</t>
  </si>
  <si>
    <t xml:space="preserve">     JF:[Current Ltd of VIE]</t>
  </si>
  <si>
    <t xml:space="preserve">          JG:[Current Maturities of Long-Term Debt]</t>
  </si>
  <si>
    <t>JH:[]</t>
  </si>
  <si>
    <t xml:space="preserve">     JI:[Asset Retirement Obligations - Current]</t>
  </si>
  <si>
    <t>JJ:[]</t>
  </si>
  <si>
    <t xml:space="preserve">     JK:[Reg Asset Payable]</t>
  </si>
  <si>
    <t xml:space="preserve">       Line: BF:[2022 IRA Tax Giveback] </t>
  </si>
  <si>
    <t xml:space="preserve">     JL:[Reg Liability Current]</t>
  </si>
  <si>
    <t xml:space="preserve">     JM:[Rate Ref Payable]</t>
  </si>
  <si>
    <t xml:space="preserve">          JN:[Regulatory Liabilities]</t>
  </si>
  <si>
    <t>JO:[]</t>
  </si>
  <si>
    <t xml:space="preserve">     JP:[Accrued Liabilities]</t>
  </si>
  <si>
    <t xml:space="preserve">     JQ:[Intercompany Accrued Liability]</t>
  </si>
  <si>
    <t xml:space="preserve">     JR:[Exchange Payable]</t>
  </si>
  <si>
    <t xml:space="preserve">     JS:[Other Current Liabilities - Fuel Trc]</t>
  </si>
  <si>
    <t xml:space="preserve">     JT:[Other Current Liabilities - Rsrv]</t>
  </si>
  <si>
    <t xml:space="preserve">     JU:[Other Current Liabilities - Cust]</t>
  </si>
  <si>
    <t xml:space="preserve">     Post from Report: MIS - Corp Reshape Incentive Compensation Cash Flows (Planning Entity) </t>
  </si>
  <si>
    <t xml:space="preserve">       Line: BN:[Operating Expense - Incentive Pay-out for Prior Year] </t>
  </si>
  <si>
    <t xml:space="preserve">       Line: BO:[CWIP - Incentive Pay-out for Prior Year] </t>
  </si>
  <si>
    <t xml:space="preserve">       Line: BP:[Other Expense - Incentive Pay-out for Prior Year] </t>
  </si>
  <si>
    <t xml:space="preserve">       Line: CD:[Rcrd PR Load on Incentives Paid - Expense] </t>
  </si>
  <si>
    <t xml:space="preserve">       Line: CE:[Rcrd PR Load on Incentives Paid - CWIP] </t>
  </si>
  <si>
    <t xml:space="preserve">       Line: CF:[Rcrd PR Load on Incentives Paid - Other] </t>
  </si>
  <si>
    <t xml:space="preserve">       Line: I:[Incentives Recorded in Operating Expense +=DR Cash, CR Liability] </t>
  </si>
  <si>
    <t xml:space="preserve">       Line: N:[Incentives Recorded in CWIP +=DR Cash, CR Liability] </t>
  </si>
  <si>
    <t xml:space="preserve">       Line: S:[Incentives Recorded in Other Balance Sheet Items +=DR Cash, CR Liability] </t>
  </si>
  <si>
    <t xml:space="preserve">       Line: BZ:[Rvrs PR Load on Accrd Incentives - Expense] </t>
  </si>
  <si>
    <t xml:space="preserve">       Line: CA:[Rvrs PR Load on Accrd Incentives - CWIP] </t>
  </si>
  <si>
    <t xml:space="preserve">       Line: CB:[Rvrs PR Load on Accrd Incentives - Other] </t>
  </si>
  <si>
    <t xml:space="preserve">     JV:[Other Current Liabilities - Comp]</t>
  </si>
  <si>
    <t xml:space="preserve">     JW:[Other Current Liabilities]</t>
  </si>
  <si>
    <t>JX:[Other Current Liabilities - Crnt Portion Oper Leases]</t>
  </si>
  <si>
    <t xml:space="preserve">     JY:[I/C Other Current Liabilities]</t>
  </si>
  <si>
    <t xml:space="preserve">       Line: HS:[Severance payout] </t>
  </si>
  <si>
    <t xml:space="preserve">     JZ:[Severance Reserve]</t>
  </si>
  <si>
    <t xml:space="preserve">     KA:[Other Current Liab-Pension]</t>
  </si>
  <si>
    <t xml:space="preserve">     KB:[Dividends Payable]</t>
  </si>
  <si>
    <t xml:space="preserve">     KC:[Accumulated Deferred Income Taxes]</t>
  </si>
  <si>
    <t xml:space="preserve">     KD:[Acc Def Foreign Tax Current]</t>
  </si>
  <si>
    <t xml:space="preserve">     KE:[Non Recourse Liabilities of VIES]</t>
  </si>
  <si>
    <t xml:space="preserve">     KF:[Collateral Liabilities]</t>
  </si>
  <si>
    <t xml:space="preserve">     KG:[Interco Collateral Liabilities]</t>
  </si>
  <si>
    <t xml:space="preserve">     KH:[Hedge Liability - Third Party Crnt]</t>
  </si>
  <si>
    <t xml:space="preserve">     KI:[Intercompany MTM Liability - Crnt]</t>
  </si>
  <si>
    <t xml:space="preserve">     KJ:[Unrealized Losses on Mark To Market Trans]</t>
  </si>
  <si>
    <t xml:space="preserve">     KK:[Cons Hedge Short Term Liability]</t>
  </si>
  <si>
    <t xml:space="preserve">          KL:[Other]</t>
  </si>
  <si>
    <t>KM:[Total Current Liabilities]</t>
  </si>
  <si>
    <t>KN:[]</t>
  </si>
  <si>
    <t>KO:[Long-Term Debt]</t>
  </si>
  <si>
    <t xml:space="preserve">     KP:[Long-Term Debt - FV Hedge]</t>
  </si>
  <si>
    <t xml:space="preserve">     KQ:[Long-Term Debt - Mortgage Bond]</t>
  </si>
  <si>
    <t xml:space="preserve">     KR:[Long-Term Notes - Third Party]</t>
  </si>
  <si>
    <t xml:space="preserve">       Line: DK:[Cash Adjustment - Transmission Project Payment] </t>
  </si>
  <si>
    <t xml:space="preserve">     KS:[Long-term Notes - FERC Transmission Interconnect]</t>
  </si>
  <si>
    <t xml:space="preserve">     KT:[Long-Term Debt - Sec Fix]</t>
  </si>
  <si>
    <t xml:space="preserve">     KU:[Long-Term Debt - Sec Flt]</t>
  </si>
  <si>
    <t xml:space="preserve">     KV:[Long-Term Debt - Unsec Flt]</t>
  </si>
  <si>
    <t xml:space="preserve">     KW:[Long-Term Debt - Unsec Fix]</t>
  </si>
  <si>
    <t xml:space="preserve">     KX:[Long-Term Debt - Cap Lse]</t>
  </si>
  <si>
    <t xml:space="preserve">     KY:[Long-Term Debt - Other Flt]</t>
  </si>
  <si>
    <t xml:space="preserve">       Line: BB:[New Issue - Principal] </t>
  </si>
  <si>
    <t xml:space="preserve">       Line: AZ:[New Issue - Manual-Finance LTD (FIXED RATE)] </t>
  </si>
  <si>
    <t xml:space="preserve">     KZ:[Long-Term Debt - Other Fix]</t>
  </si>
  <si>
    <t xml:space="preserve">     LA:[Long-Term Debt - Commercial Paper]</t>
  </si>
  <si>
    <t xml:space="preserve">     LB:[Long-term Debt IC Capital Lease]</t>
  </si>
  <si>
    <t xml:space="preserve">       Line: BD:[New Issue - Discount (Premium)] </t>
  </si>
  <si>
    <t xml:space="preserve">     LC:[Unamortized Debt Discount]</t>
  </si>
  <si>
    <t xml:space="preserve">       Line: BC:[New Issue - Issue Cost] </t>
  </si>
  <si>
    <t xml:space="preserve">     LD:[Unamortized Debt Expense - Contra LT Debt]</t>
  </si>
  <si>
    <t xml:space="preserve">     LE:[VIE - Long Term Debt]</t>
  </si>
  <si>
    <t xml:space="preserve">     LF:[VIE - Unamortized Debt Expense]</t>
  </si>
  <si>
    <t>LG:[Total Long-Term Debt]</t>
  </si>
  <si>
    <t>LH:[]</t>
  </si>
  <si>
    <t>LI:[LT Notes Payable to Affiliated Companies]</t>
  </si>
  <si>
    <t xml:space="preserve">     LJ:[Intercompany Long-Term Notes]</t>
  </si>
  <si>
    <t>LK:[Total LT Notes Payable to Affiliated Companies]</t>
  </si>
  <si>
    <t>LL:[]</t>
  </si>
  <si>
    <t xml:space="preserve">     LM:[Operating Lease Liabilities]</t>
  </si>
  <si>
    <t>LN:[Operating Lease Liabilities]</t>
  </si>
  <si>
    <t>LO:[]</t>
  </si>
  <si>
    <t>LP:[]</t>
  </si>
  <si>
    <t>LQ:[Deferred Credits and Other Liabilities]</t>
  </si>
  <si>
    <t xml:space="preserve">       Line: DH:[CAMT Due - Standalone - Allocated - 2023 Legislation] </t>
  </si>
  <si>
    <t xml:space="preserve">       Line: BM:[Deferred ARAM - EDIT Protected - Retail] </t>
  </si>
  <si>
    <t xml:space="preserve">       Line: BN:[Deferred ARAM - EDIT Unprotected - Retail] </t>
  </si>
  <si>
    <t xml:space="preserve">       Line: BO:[Deferred ARAM - EDIT Protected - Wholesale] </t>
  </si>
  <si>
    <t xml:space="preserve">       Line: BP:[Deferred ARAM - EDIT Unprotected - Wholesale] </t>
  </si>
  <si>
    <t xml:space="preserve">     Post from Report: ITAX - IRA Transfer of Credits (Planning Entity) </t>
  </si>
  <si>
    <t xml:space="preserve">       Line: F:[Record Deferred Tax when generated] </t>
  </si>
  <si>
    <t xml:space="preserve">       Line: VL:[Federal Deferred Taxes] </t>
  </si>
  <si>
    <t xml:space="preserve">       Line: CC:[Specified Credits Taken - Def Tax] </t>
  </si>
  <si>
    <t xml:space="preserve">       Line: H:[Collect Cash from Transfer of Credits] </t>
  </si>
  <si>
    <t xml:space="preserve">     LR:[Accumulated Deferred Income Taxes]</t>
  </si>
  <si>
    <t xml:space="preserve">     LS:[Deferred Foreign Income Taxes]</t>
  </si>
  <si>
    <t xml:space="preserve">     LT:[LT Federal deferred Tax Effect]</t>
  </si>
  <si>
    <t xml:space="preserve">     LU:[LT Federal Deferred Tax Effect]</t>
  </si>
  <si>
    <t xml:space="preserve">          LV:[Deferred Income Taxes]</t>
  </si>
  <si>
    <t>LW:[]</t>
  </si>
  <si>
    <t xml:space="preserve">       Line: DK:[Total Investment Tax Credit Amortization] </t>
  </si>
  <si>
    <t xml:space="preserve">     LX:[Investment Tax Credit]</t>
  </si>
  <si>
    <t xml:space="preserve">          LY:[Investment Tax Credit]</t>
  </si>
  <si>
    <t>LZ:[]</t>
  </si>
  <si>
    <t xml:space="preserve">     Post from Report: MIS - Pension Contribution (Planning Entity) </t>
  </si>
  <si>
    <t xml:space="preserve">       Line: G:[Pension/Post Retirement Benefit Contribution] </t>
  </si>
  <si>
    <t xml:space="preserve">       Line: I:[Benefits - Pension Expense (FAS 87)] </t>
  </si>
  <si>
    <t xml:space="preserve">       Line: J:[Benefits - Post Retirement Benefit Expense (FAS 106/112)] </t>
  </si>
  <si>
    <t xml:space="preserve">     Post from Report: MIS - Employee Benefits:  Non-service Costs (Planning Entity) </t>
  </si>
  <si>
    <t xml:space="preserve">       Line: AJ:[Non-cash (posted to Deferred Liability)] </t>
  </si>
  <si>
    <t xml:space="preserve">     MA:[Other Deferred Cr - Pension]</t>
  </si>
  <si>
    <t xml:space="preserve">     MB:[Other Deferred Cr - Pension I/C]</t>
  </si>
  <si>
    <t xml:space="preserve">          MC:[Accrued Pension and Other Post-Retirement Benefit Costs]</t>
  </si>
  <si>
    <t>MD:[]</t>
  </si>
  <si>
    <t xml:space="preserve">     ME:[HFS NC Liabilities - LT Debt]</t>
  </si>
  <si>
    <t xml:space="preserve">     MF:[HFS NC Liab - Other Deferred]</t>
  </si>
  <si>
    <t xml:space="preserve">          MG:[Liabilities Assoc with Assets Held for Sale]</t>
  </si>
  <si>
    <t xml:space="preserve">       Line: GI:[CR3 Decommissioning Expenditures] </t>
  </si>
  <si>
    <t xml:space="preserve">     MI:[Asset Retirement Obligations]</t>
  </si>
  <si>
    <t xml:space="preserve">          MJ:[Asset Retirement Obligations]</t>
  </si>
  <si>
    <t>MK:[]</t>
  </si>
  <si>
    <t>ML:[Restricted Liabilities of VIE's - LT]</t>
  </si>
  <si>
    <t xml:space="preserve">     MM:[Environmental Clean-up Liabilities]</t>
  </si>
  <si>
    <t>MN:[]</t>
  </si>
  <si>
    <t xml:space="preserve">       Line: FO:[Tax Savings Reg Liability] </t>
  </si>
  <si>
    <t xml:space="preserve">     MO:[Reg Liability Related to Income Tax - Fdrl]</t>
  </si>
  <si>
    <t xml:space="preserve">     MP:[Reg Liability Related to Income Tax - State]</t>
  </si>
  <si>
    <t xml:space="preserve">       Line: I:[Return to Ratepayers] </t>
  </si>
  <si>
    <t xml:space="preserve">       Line: G:[Establish Regulatory Liability] </t>
  </si>
  <si>
    <t xml:space="preserve">     MQ:[Reg Liability Related to Income Tax - IRA Credit]</t>
  </si>
  <si>
    <t xml:space="preserve">     MR:[Reg Liability - Pension]</t>
  </si>
  <si>
    <t xml:space="preserve">     MS:[Other Deferred Cr - Compensation Liab]</t>
  </si>
  <si>
    <t xml:space="preserve">     MT:[Removal Costs - Reg Liab]</t>
  </si>
  <si>
    <t xml:space="preserve">     MU:[Other Deferred Cr - Nuclear Ins Reserv]</t>
  </si>
  <si>
    <t xml:space="preserve">          MV:[Regulatory Liabilities]</t>
  </si>
  <si>
    <t>MW:[]</t>
  </si>
  <si>
    <t xml:space="preserve">     MX:[Other Deferred Cr - Injury/Damage Reserv]</t>
  </si>
  <si>
    <t xml:space="preserve">       Line: CE:[DOE Reimbursement NDTF Amortization] </t>
  </si>
  <si>
    <t xml:space="preserve">       Line: CF:[ISFSI DOE Reimbursement Amortization] </t>
  </si>
  <si>
    <t xml:space="preserve">       Line: JU:[ISFSI DOE Reimbursement - Retail Portion] </t>
  </si>
  <si>
    <t xml:space="preserve">       Line: DO:[Less Current Month Deferral] </t>
  </si>
  <si>
    <t xml:space="preserve">       Line: CP:[Less Current Month Deferral (Under)/Over] </t>
  </si>
  <si>
    <t xml:space="preserve">       Line: CQ:[Less Prior Period Amortization] </t>
  </si>
  <si>
    <t xml:space="preserve">       Line: HJ:[Less Current Month Deferral] </t>
  </si>
  <si>
    <t xml:space="preserve">       Line: HK:[Less Prior Period Amortization] </t>
  </si>
  <si>
    <t xml:space="preserve">       Line: CB:[DOE Settlement (Clear Reg Liability)] </t>
  </si>
  <si>
    <t xml:space="preserve">     Post from Report: DEF - SPP Clause (Planning Entity) </t>
  </si>
  <si>
    <t xml:space="preserve">       Line: DZ:[Additions: Over (Under)] </t>
  </si>
  <si>
    <t xml:space="preserve">       Line: EA:[Amortization] </t>
  </si>
  <si>
    <t xml:space="preserve">     MY:[Other Deferred Credits]</t>
  </si>
  <si>
    <t xml:space="preserve">     MZ:[Environmental Clean-Up Liabilities]</t>
  </si>
  <si>
    <t xml:space="preserve">     NA:[Other Deferred Credit Cons]</t>
  </si>
  <si>
    <t xml:space="preserve">     NB:[Pension Liability]</t>
  </si>
  <si>
    <t xml:space="preserve">     NC:[Severance Reserve - Long-Term]</t>
  </si>
  <si>
    <t xml:space="preserve">     ND:[Other Deferred Cr - General Ins Reserv]</t>
  </si>
  <si>
    <t xml:space="preserve">     NE:[Deferred Credit Plug Elimination Accounts]</t>
  </si>
  <si>
    <t xml:space="preserve">     NF:[Long-Term Guarantee Obligation]</t>
  </si>
  <si>
    <t xml:space="preserve">     NG:[Other Deferred Cr - Comp]</t>
  </si>
  <si>
    <t xml:space="preserve">     NH:[Other Deferred Cr - Resv Purchase Acct]</t>
  </si>
  <si>
    <t xml:space="preserve">     NI:[LT Liabilities UTP]</t>
  </si>
  <si>
    <t xml:space="preserve">     NJ:[LT Receiv Gain Conting]</t>
  </si>
  <si>
    <t xml:space="preserve">     NK:[LT Tax Reclass Acct Fed]</t>
  </si>
  <si>
    <t xml:space="preserve">     NL:[LT Tax Reclass Acct State]</t>
  </si>
  <si>
    <t xml:space="preserve">     NM:[LT Tax Reclass Acct Foreign]</t>
  </si>
  <si>
    <t>NN:[Long Term Taxes Payable]</t>
  </si>
  <si>
    <t xml:space="preserve">     NO:[Restricted Liabilities of VIE's - Long Term]</t>
  </si>
  <si>
    <t xml:space="preserve">     NP:[Long-Term Collateral Liability]</t>
  </si>
  <si>
    <t xml:space="preserve">     NQ:[Hedge Liability - Third Party Lt]</t>
  </si>
  <si>
    <t xml:space="preserve">     NR:[Unrealized Loss on Mark to Market Trans]</t>
  </si>
  <si>
    <t xml:space="preserve">     NS:[Cons Hedge Long Term Liability]</t>
  </si>
  <si>
    <t xml:space="preserve">     NT:[Intercompany MTM Liability - LT]</t>
  </si>
  <si>
    <t xml:space="preserve">          NU:[Other]</t>
  </si>
  <si>
    <t>NV:[Total Deferred Credits and Other Liabilities]</t>
  </si>
  <si>
    <t>NX:[Total Liabilities]</t>
  </si>
  <si>
    <t>NY:[]</t>
  </si>
  <si>
    <t>NZ:[Preferred Stock Redeemable]</t>
  </si>
  <si>
    <t xml:space="preserve">     OA:[Preferred Stock Redeemable]</t>
  </si>
  <si>
    <t>OB:[Total Preferred Stock Redeemable]</t>
  </si>
  <si>
    <t>OC:[]</t>
  </si>
  <si>
    <t>OD:[Total Equity]</t>
  </si>
  <si>
    <t xml:space="preserve">     OE:[Preferred Stock]</t>
  </si>
  <si>
    <t xml:space="preserve">     OF:[Common Stock]</t>
  </si>
  <si>
    <t xml:space="preserve">     OG:[Additional Paid in Capital]</t>
  </si>
  <si>
    <t xml:space="preserve">       Line: B:[Net Income] </t>
  </si>
  <si>
    <t xml:space="preserve">     Post from Report: FIN - Cap Structure Targeting (Planning Entity) </t>
  </si>
  <si>
    <t xml:space="preserve">       Line: GH:[Manual Input: Capital Contribution] </t>
  </si>
  <si>
    <t xml:space="preserve">     OH:[Retained Earnings]</t>
  </si>
  <si>
    <t xml:space="preserve">     OI:[Cumulative Effect of Change in Acctg UTP]</t>
  </si>
  <si>
    <t xml:space="preserve">     OJ:[Other Retained Earnings - Dividends]</t>
  </si>
  <si>
    <t xml:space="preserve">     OK:[Current Year Net Income]</t>
  </si>
  <si>
    <t xml:space="preserve">     OL:[Accumulated Other Comprehensive Income]</t>
  </si>
  <si>
    <t xml:space="preserve">          OM:[Equity]</t>
  </si>
  <si>
    <t>ON:[]</t>
  </si>
  <si>
    <t xml:space="preserve">     OO:[Noncontrolling Interest]</t>
  </si>
  <si>
    <t xml:space="preserve">     OP:[Guaranteed Preferred Beneficial Interest]</t>
  </si>
  <si>
    <t xml:space="preserve">     OQ:[Total Preferred Stock]</t>
  </si>
  <si>
    <t xml:space="preserve">          OS:[Noncontrolling Interest]</t>
  </si>
  <si>
    <t>OU:[Total Equity Including Noncontrolling Interest]</t>
  </si>
  <si>
    <t>OV:[]</t>
  </si>
  <si>
    <t>OW:[Total Liabilities and Equity]</t>
  </si>
  <si>
    <t>OX:[]</t>
  </si>
  <si>
    <t>OY:[Check - (Assets - Liabilities) - Should be Zero]</t>
  </si>
  <si>
    <t xml:space="preserve">       Line: GM:[Cash capex adjustment - timing of cash adj (capex / A/P)] </t>
  </si>
  <si>
    <t xml:space="preserve">       Line: IR:[CARES Act 2020 defered payment employer share of payroll tax] </t>
  </si>
  <si>
    <t xml:space="preserve">       Line: TI:[Supply Chain finance initiative - extend A/P payment period] </t>
  </si>
  <si>
    <t xml:space="preserve">       Line: R:[ITC - JE to record ITC for regulated entities] </t>
  </si>
  <si>
    <t xml:space="preserve">       Line: BL:[Deferred ARAM - EDIT Protected - Retail] </t>
  </si>
  <si>
    <t xml:space="preserve">       Line: BM:[Deferred ARAM - EDIT Unprotected - Retail] </t>
  </si>
  <si>
    <t xml:space="preserve">       Line: BN:[Deferred ARAM - EDIT Protected - Wholesale] </t>
  </si>
  <si>
    <t xml:space="preserve">       Line: BO:[Deferred ARAM - EDIT Unprotected - Wholesale] </t>
  </si>
  <si>
    <t xml:space="preserve">       Line: BU:[DOE Reimbursement NDTF] </t>
  </si>
  <si>
    <t xml:space="preserve">       Line: BV:[DOE Reimbursement NDTF - Retail Portion] </t>
  </si>
  <si>
    <t xml:space="preserve">       Line: CM:[Non-Fuel Inventory Adjustment FFO] </t>
  </si>
  <si>
    <t xml:space="preserve">       Line: CN:[Gas Storage Inventory Adjustment FFO] </t>
  </si>
  <si>
    <t xml:space="preserve">       Line: CO:[Coal Stocks Inventory Adjustment FFO] </t>
  </si>
  <si>
    <t xml:space="preserve">       Line: CP:[Coal Stocks In-Transit Adjustment FFO] </t>
  </si>
  <si>
    <t xml:space="preserve">       Line: CY:[Cash Adjustment - Transmission Projects Financing] </t>
  </si>
  <si>
    <t xml:space="preserve">       Line: CZ:[CWIP Adjustment - Transmission Projects Interest] </t>
  </si>
  <si>
    <t xml:space="preserve">       Line: ET:[Tax Savings Reg Liability] </t>
  </si>
  <si>
    <t xml:space="preserve">       Line: EW:[Storm Capitalization Reg Asset] </t>
  </si>
  <si>
    <t>OT:[Total Liabilities and Equity]</t>
  </si>
  <si>
    <t>OU:[]</t>
  </si>
  <si>
    <t>OV:[Check - (Assets - Liabilities) - Should be Zero]</t>
  </si>
  <si>
    <t>Income Statement</t>
  </si>
  <si>
    <t>SOURCE:  Nicole Aquilina (see email 6/6/2023 in support fille)</t>
  </si>
  <si>
    <t>Sum of Monetary Amount JD</t>
  </si>
  <si>
    <t>Journal ID JD</t>
  </si>
  <si>
    <t>Journal Line Descr JD</t>
  </si>
  <si>
    <t>Total</t>
  </si>
  <si>
    <t>BSF2G1222A</t>
  </si>
  <si>
    <t>F2G - Net WH Storm Costs</t>
  </si>
  <si>
    <t>costs</t>
  </si>
  <si>
    <t>MISCCOR4</t>
  </si>
  <si>
    <t>move Dec irma charges to 228</t>
  </si>
  <si>
    <t>charged to reserve</t>
  </si>
  <si>
    <t>move Feb irma charges to 228</t>
  </si>
  <si>
    <t>move Jan irma charges to 228</t>
  </si>
  <si>
    <t>MISCCOR6</t>
  </si>
  <si>
    <t>move April Elsa charges to 228</t>
  </si>
  <si>
    <t>move April Fred charges to 228</t>
  </si>
  <si>
    <t>MOVE29M</t>
  </si>
  <si>
    <t>move $29M storm cost2reg asset</t>
  </si>
  <si>
    <t>STORMBAL</t>
  </si>
  <si>
    <t>Elsa to storm reserve</t>
  </si>
  <si>
    <t>Fred to storm reserve</t>
  </si>
  <si>
    <t>STORMREC</t>
  </si>
  <si>
    <t>Storm Cost Amortization</t>
  </si>
  <si>
    <t>STORMTU</t>
  </si>
  <si>
    <t>storm recon true up</t>
  </si>
  <si>
    <t>STRMAMORT</t>
  </si>
  <si>
    <t>RETAIL UNFD STORM DAMAGE</t>
  </si>
  <si>
    <t>amort</t>
  </si>
  <si>
    <t>TRANSWHOLE</t>
  </si>
  <si>
    <t>Elsa-transmission wholesale</t>
  </si>
  <si>
    <t>Fred-transmission wholesale</t>
  </si>
  <si>
    <t>Grand Total</t>
  </si>
  <si>
    <t>DE Florida Regulatory Reporting</t>
  </si>
  <si>
    <t>WKTB_REG - Working Trial Balance for Consolidated Level</t>
  </si>
  <si>
    <t>2022m12</t>
  </si>
  <si>
    <t>YTD</t>
  </si>
  <si>
    <t/>
  </si>
  <si>
    <t>FLORIDA</t>
  </si>
  <si>
    <t>Nov 2022</t>
  </si>
  <si>
    <t>Period Activity</t>
  </si>
  <si>
    <t>Dec 2022</t>
  </si>
  <si>
    <t>Assets</t>
  </si>
  <si>
    <t>0101000 - Property Plant and Equipment</t>
  </si>
  <si>
    <t>0101315 - ARO Asset - Coal Ash</t>
  </si>
  <si>
    <t>0101499 - Asset Retirement Obligations</t>
  </si>
  <si>
    <t>0101760 - CONTRA EPIS-OATT</t>
  </si>
  <si>
    <t>F_PRODUCTION - Production</t>
  </si>
  <si>
    <t>0114000 - Elec Plant Acquisition Adj</t>
  </si>
  <si>
    <t>F_ELEC_PLT_AQU_ADJ - Electric Plant Acquisition Adjustment</t>
  </si>
  <si>
    <t>0118200 - Other Utility Plant</t>
  </si>
  <si>
    <t>F_GEN_PLT_SYS - General Plant System</t>
  </si>
  <si>
    <t>0101100 - LT Capital Lease Asset</t>
  </si>
  <si>
    <t>0101102 - Oper Lease Right of Use Asset</t>
  </si>
  <si>
    <t>0108201 - Acc Lease Amort-Cap Lease (Op)</t>
  </si>
  <si>
    <t>0108202 - Accumulated DD&amp;A - ROU Asset</t>
  </si>
  <si>
    <t>F_UTIL_PLT_CAP_LEASE - Utility Plant Held Under Capital Lease</t>
  </si>
  <si>
    <t>0105100 - Plt Held For Future Use - Wo Sys</t>
  </si>
  <si>
    <t>0105200 - Plt Held For Future Use - Prs</t>
  </si>
  <si>
    <t>F_ELEC_PLT_FUT_USE - Electric Plant for Future Use</t>
  </si>
  <si>
    <t>0106000 - Comp Const Unclassified</t>
  </si>
  <si>
    <t>F_COMP_CONST_NT_CLAS - Completed Contr, Not Yet</t>
  </si>
  <si>
    <t>F_OTHER_UTIL_PLT - Other Utility Plant</t>
  </si>
  <si>
    <t>F_UTIL_PLT - Utility Plant (101-106,114)</t>
  </si>
  <si>
    <t>0107000 - SCHM Cwip</t>
  </si>
  <si>
    <t>0107004 - SCHM CWIP (SOFTWARE)</t>
  </si>
  <si>
    <t>F_CONST_WIP - Construction Work in Progress (107)</t>
  </si>
  <si>
    <t>F_TOT_UTIL_PLT - Total Utility Plant</t>
  </si>
  <si>
    <t>0111100 - Acc Prov - Amor Plt in Ser</t>
  </si>
  <si>
    <t>0115000 - Acc Prov Plt Acquis Adj</t>
  </si>
  <si>
    <t>F_PROV_DEPR - Accumulative Provision for Depreciation Elec</t>
  </si>
  <si>
    <t>0108600 - SCHM Retirement Wip</t>
  </si>
  <si>
    <t>0108630 - Nuclear Decommissioning Charge</t>
  </si>
  <si>
    <t>F_RET_WIP_ELEC - Retirement Work In Progress Electric</t>
  </si>
  <si>
    <t>0108000 - Accumulated DDandA - Ppande</t>
  </si>
  <si>
    <t>0108060 - CONTRA-ACCUM DEPR OATT</t>
  </si>
  <si>
    <t>0108301 - Accum Depreciation COR</t>
  </si>
  <si>
    <t>0108306 - NON-RAD DECOM-W COR</t>
  </si>
  <si>
    <t>0108307 - NON-RAD DECOM-R COR</t>
  </si>
  <si>
    <t>0108308 - Nuclear COR</t>
  </si>
  <si>
    <t>0108309 - NON-RAD DECOM-UNFD-W COR</t>
  </si>
  <si>
    <t>0108315 - ARO Accum Depr - Coal Ash</t>
  </si>
  <si>
    <t>0108320 - Final Dismantlement COR</t>
  </si>
  <si>
    <t>0108401 - Accum Provision Fossil Dismantlement</t>
  </si>
  <si>
    <t>0108403 - Accum Prov Nuclear COR</t>
  </si>
  <si>
    <t>0108404 - ACC DEPR-NON-RAD DECOM-R</t>
  </si>
  <si>
    <t>0108405 - ACC DEPR-NON-RAD DECOM-W</t>
  </si>
  <si>
    <t>0108499 - Aro Asset Accum Depreciation</t>
  </si>
  <si>
    <t>0108620 - RWIP - Reg Liab</t>
  </si>
  <si>
    <t>0108640 - ARO Liability - Ash Mgmt</t>
  </si>
  <si>
    <t>0119301 - Acc Depr &amp; Amort Other Util</t>
  </si>
  <si>
    <t>F_EXT_RESRV_DECOMM - EXT RESERVE DECOMM</t>
  </si>
  <si>
    <t>F_PROV_DEPR_AMORT - (Less) Accum. Prov. for Depr. Amort. Depl. (108, 110, 111, 115)</t>
  </si>
  <si>
    <t>F_NET_UTIL_PLT - Net Utility and Plant</t>
  </si>
  <si>
    <t>Total Net Utility Plant</t>
  </si>
  <si>
    <t>0121000 - NonUtil Prop - General</t>
  </si>
  <si>
    <t>0121500 - NonUtility - Construction Wip</t>
  </si>
  <si>
    <t>0121600 - Comp Const Not Classified - Nonu</t>
  </si>
  <si>
    <t>F_NON_UTIL_PROP - Nonutility Property (121)</t>
  </si>
  <si>
    <t>0122000 - DDandA - NonUtil Prop - Gen</t>
  </si>
  <si>
    <t>0122200 - NonUtility - Rwip</t>
  </si>
  <si>
    <t>F_NON_UTIL_DEPR_AM - (Less) Accum. Prov. for Depr. and Amort. (122)</t>
  </si>
  <si>
    <t>F_OTHER_PROP_NET - Other Property, net - at cost</t>
  </si>
  <si>
    <t>1231005 - Investment in Sub - Equity</t>
  </si>
  <si>
    <t>1231015 - Current Year Earnings of Sub - Loaded</t>
  </si>
  <si>
    <t>1231051 - Investment in OCI</t>
  </si>
  <si>
    <t>1231055 - Investment in IC AR Cash Rollup</t>
  </si>
  <si>
    <t>F_INV_SUB_CO - Investment in Subsidiary Companies (123.1)</t>
  </si>
  <si>
    <t>0124113 - Investment in Flexion</t>
  </si>
  <si>
    <t>F_OTH_INV - Other Investments (124)</t>
  </si>
  <si>
    <t>0128804 - Rabbi Trust</t>
  </si>
  <si>
    <t>0128910 - CR#3-QUAL. UNREAL GAINS/LOSSES</t>
  </si>
  <si>
    <t>0128911 - CR#3 - NUC Decom Nonqualified</t>
  </si>
  <si>
    <t>0128912 - CR#3-NON_QUAL.UNREAL.GAIN/L</t>
  </si>
  <si>
    <t>0128913 - CR#3 Nuc Decom NonQualified SH</t>
  </si>
  <si>
    <t>0128914 - CR3 ADP Qual Unreal G/L</t>
  </si>
  <si>
    <t>0128915 - CR3 ADP Nuc Decom Qual</t>
  </si>
  <si>
    <t>0128929 - CR#3 - NUC DECOM Qualified</t>
  </si>
  <si>
    <t>F_OTH_SP_FUNDS_DECOM - Other Special Funds Decommision</t>
  </si>
  <si>
    <t>0128501 - H and W Benefits Funding</t>
  </si>
  <si>
    <t>0128716 - Prefunded Pension (major)</t>
  </si>
  <si>
    <t>0128717 - Prefunded Pension</t>
  </si>
  <si>
    <t>F_OTH_SPEC_FUNDS - Other Special Funds</t>
  </si>
  <si>
    <t>F_OTH_SP_FUNDS - Other Special Funds (128)</t>
  </si>
  <si>
    <t>F_INV_OTH_ASSETS - Total Investments and Other Assets</t>
  </si>
  <si>
    <t>Total Other Property and Investments</t>
  </si>
  <si>
    <t>0131032 - Cash Wells 1182 DEF</t>
  </si>
  <si>
    <t>0131100 - Cash - Various Banks</t>
  </si>
  <si>
    <t>0131145 - Cash PNC 5846</t>
  </si>
  <si>
    <t>0131203 - Cash BOA 1925 PEC</t>
  </si>
  <si>
    <t>0131204 - Cash BOA 1097 PEF</t>
  </si>
  <si>
    <t>0131206 - Cash Mellon 0442 PEF</t>
  </si>
  <si>
    <t>0131213 - Cash Mellon 2227 PEF</t>
  </si>
  <si>
    <t>0131217 - Cash Wells 1924 PEF</t>
  </si>
  <si>
    <t>0131218 - Cash Wells 5602 PEF</t>
  </si>
  <si>
    <t>0131228 - Cash Wells 8238 PEF</t>
  </si>
  <si>
    <t>0131266 - Cash JPM 4588 DEFR-DEF</t>
  </si>
  <si>
    <t>0131272 - Cash JPM 4513 DEF</t>
  </si>
  <si>
    <t>F_CASH - Cash (131)</t>
  </si>
  <si>
    <t>F_TOT_CASH - Total Cash</t>
  </si>
  <si>
    <t>0146022 - Interco Notes Receivable LT</t>
  </si>
  <si>
    <t>F_NOTES_REC - Notes Receivable (141)</t>
  </si>
  <si>
    <t>0142001 - AR NON-REG</t>
  </si>
  <si>
    <t>0142010 - Accounts Receivable</t>
  </si>
  <si>
    <t>0142050 - Transmission Billing</t>
  </si>
  <si>
    <t>0142103 - DEF Receivable - NG Sales</t>
  </si>
  <si>
    <t>0142200 - Cust Acct - Edp</t>
  </si>
  <si>
    <t>0142250 - Accounts Rec OS Deposits</t>
  </si>
  <si>
    <t>0142300 - Cust Acct - Cash Not Posted - Edp</t>
  </si>
  <si>
    <t>0142430 - AR Wholesale Billed</t>
  </si>
  <si>
    <t>0142440 - A/R BPM - Actual</t>
  </si>
  <si>
    <t>0142801 - A/R-Passport Interface</t>
  </si>
  <si>
    <t>0142802 - A/R - Gas</t>
  </si>
  <si>
    <t>0142830 - A/R-Merch/Jobb/Contract Work</t>
  </si>
  <si>
    <t>0142998 - AR Other Than Electric</t>
  </si>
  <si>
    <t>F_CUST_ACCT_REC - Customer Accounts Receivable (142)</t>
  </si>
  <si>
    <t>0143011 - A/R - Other - Gen Acctg</t>
  </si>
  <si>
    <t>0143022 - A/R Byproducts</t>
  </si>
  <si>
    <t>0143023 - A/R Byproducts - Gypsum</t>
  </si>
  <si>
    <t>0143026 - Non-Income Tax Receivable</t>
  </si>
  <si>
    <t>0143110 - Misc A/R - Clearing</t>
  </si>
  <si>
    <t>0143119 - Off - System Storms Receivables</t>
  </si>
  <si>
    <t>0143155 - Other A/R - Miscelleneous</t>
  </si>
  <si>
    <t>0143180 - Ret Med Life Den/Prem Withheld</t>
  </si>
  <si>
    <t>0143272 - Misc Accts Rec-EA</t>
  </si>
  <si>
    <t>0143320 - Mar Billed - Edp</t>
  </si>
  <si>
    <t>0143342 - Receivables Misc Transactions</t>
  </si>
  <si>
    <t>F_OTH_ACCT_REC - Other Accounts Receivable (143)</t>
  </si>
  <si>
    <t>0146000 - AR Intercompany Crossbill</t>
  </si>
  <si>
    <t>0146009 - I/C AR Rollup</t>
  </si>
  <si>
    <t>0146250 - IC Netting - Accts Receivable</t>
  </si>
  <si>
    <t>0146974 - A/R - Affiliates</t>
  </si>
  <si>
    <t>0146975 - Interest Receivable - Affiliates</t>
  </si>
  <si>
    <t>0146990 - A/R Prop/BI - Bison Interco</t>
  </si>
  <si>
    <t>F_ACCT_REC_ASSOC_CO - Accounts Receivable from Assoc. Companies (146)</t>
  </si>
  <si>
    <t>0172004 - Rents Rec-Real Estate</t>
  </si>
  <si>
    <t>F_RENTS_REC - Rents Receivable (172)</t>
  </si>
  <si>
    <t>0173100 - Unbilled Revenue Receivable</t>
  </si>
  <si>
    <t>F_ACCR_UTIL_REV - Accrued Utility Revenue (173)</t>
  </si>
  <si>
    <t>F_RECEIVABLES - Receivables</t>
  </si>
  <si>
    <t>0144100 - SCHM Uncollectible Accrual Electric</t>
  </si>
  <si>
    <t>0144101 - Allowance Credit Loss</t>
  </si>
  <si>
    <t>0144600 - Uncollect Accri - Prod/Serv</t>
  </si>
  <si>
    <t>0144700 - Prov for MARBS Uncollectibles</t>
  </si>
  <si>
    <t>F_ACCUM_PROV_UNCOL - (Less) Accum. Prov. for Uncollectible Acct. Credit (144)</t>
  </si>
  <si>
    <t>F_RECEIVABLES_NET - Receivables, Net</t>
  </si>
  <si>
    <t>0151130 - Coal Stock</t>
  </si>
  <si>
    <t>0151131 - Coal Stock in Transit</t>
  </si>
  <si>
    <t>0151132 - Coal In-transit Accruals</t>
  </si>
  <si>
    <t>F_COAL_STOCKS - Coal Stocks</t>
  </si>
  <si>
    <t>0151140 - Diesel Fuel Stock</t>
  </si>
  <si>
    <t>F_FUEL_STOCK_OIL - Fuel Stock Oil</t>
  </si>
  <si>
    <t>0151660 - Natural Gas Inventory</t>
  </si>
  <si>
    <t>F_FUEL_STOCK_GAS - Fuel Stock (151)</t>
  </si>
  <si>
    <t>F_FUEL_STOCK - Fuel Stock (151)</t>
  </si>
  <si>
    <t>0154100 - Inventory</t>
  </si>
  <si>
    <t>0154140 - Misc Inventory</t>
  </si>
  <si>
    <t>0154200 - Limestone Inventory</t>
  </si>
  <si>
    <t>0154401 - Ammonia Inventory</t>
  </si>
  <si>
    <t>0154990 - Schm Inv Cr - Surplus Mat'L Ident</t>
  </si>
  <si>
    <t>F_PLT_MAT_OP_SUPP - Plant Material and Operating Supplies (154)</t>
  </si>
  <si>
    <t>0158112 - Intangibles other</t>
  </si>
  <si>
    <t>0158150 - SO2 Current Vintage</t>
  </si>
  <si>
    <t>F_ALLOWANCES - Allowances (158.1 and 158.2)</t>
  </si>
  <si>
    <t>0163110 - Stores Expense</t>
  </si>
  <si>
    <t>0163120 - Stores Expense - Joint Owner</t>
  </si>
  <si>
    <t>0163160 - Stores Exp Distribution - Credit</t>
  </si>
  <si>
    <t>0163180 - Freight and Express</t>
  </si>
  <si>
    <t>F_STORE_EXP_UNDIS - Store Expenses Undistributed (163)</t>
  </si>
  <si>
    <t>0156010 - Other M&amp;S / Inventory</t>
  </si>
  <si>
    <t>F_OTH_MAT_SUPP - Other Materials and Supplies (156)</t>
  </si>
  <si>
    <t>F_INVENTORY - Inventory - at average cost</t>
  </si>
  <si>
    <t>0165006 - Bartow LTSA</t>
  </si>
  <si>
    <t>0165007 - Hines LTSA</t>
  </si>
  <si>
    <t>0165023 - Citrus County LTSA</t>
  </si>
  <si>
    <t>0165024 - FHOF SOLAR LEASE</t>
  </si>
  <si>
    <t>0165075 - Interco Prepaid Insu SchM</t>
  </si>
  <si>
    <t>0165100 - Unexpired Insurance</t>
  </si>
  <si>
    <t>0165400 - Misc Prepaid Expenses</t>
  </si>
  <si>
    <t>0165513 - Prepaid Expense - Misc.</t>
  </si>
  <si>
    <t>0165518 - MW - Prepaid Expenses - LT</t>
  </si>
  <si>
    <t>F_PREPAYMENTS - Prepayments (165)</t>
  </si>
  <si>
    <t>0174015 - Customer Collateral</t>
  </si>
  <si>
    <t>F_MISC_CURR_ACCR - Miscellaneous Current and Accrued Assets (174)</t>
  </si>
  <si>
    <t>0175001 - Deriv Assets - Noncashflw - ST</t>
  </si>
  <si>
    <t>F_DERIV_INST_CURR - Derivative Instrument Assets Current</t>
  </si>
  <si>
    <t>F_DERIV_INSTR - Derivative Instrument Assets (175)</t>
  </si>
  <si>
    <t>0176001 - 3rd Party Derivative Asset Current</t>
  </si>
  <si>
    <t>F_DERIV_INSTR_HEDGE - Derivative Instrument Assets Hedges (176)</t>
  </si>
  <si>
    <t>F_CURRENT_ASSETS - Current Assets</t>
  </si>
  <si>
    <t>Total Current and Accrued Assets</t>
  </si>
  <si>
    <t>0181018 - DEF 650M 2.40% 12/15/2031</t>
  </si>
  <si>
    <t>0181019 - DEF 500M 3.00% 12/15/2051</t>
  </si>
  <si>
    <t>0181021 - Unamortized Debt Expense</t>
  </si>
  <si>
    <t>0181039 - DEFR AR Securitization 225M</t>
  </si>
  <si>
    <t>0181046 - DEF DDE 600M 3.80% 7/15/28</t>
  </si>
  <si>
    <t>0181047 - DEF DDE 400M 4.20%</t>
  </si>
  <si>
    <t>0181085 - DEF 500M 5.95% 11/15/2052</t>
  </si>
  <si>
    <t>0181089 - 2020 DEFUnamt disc - FMB</t>
  </si>
  <si>
    <t>0181091 - DEF 600M DDE 3.4% 10/1/46</t>
  </si>
  <si>
    <t>0181093 - DEF DDE 650M 3.20% 1/15/27</t>
  </si>
  <si>
    <t>0181098 - 2019 DEFUnamt disc - fixed rat</t>
  </si>
  <si>
    <t>0181101 - DEF 800M FLOAT 4/21/2024</t>
  </si>
  <si>
    <t>0181400 - Credit Facilities Fee</t>
  </si>
  <si>
    <t>0181511 - PEF DDE 150M 6.75% 02/01/28</t>
  </si>
  <si>
    <t>0181535 - PEF DDE 225M 5.9% 2033</t>
  </si>
  <si>
    <t>0181537 - PEF DDE 500M 6.35% 09/15/2037</t>
  </si>
  <si>
    <t>0181542 - PEF DDE 350M 5.65% 04/01/2040</t>
  </si>
  <si>
    <t>0181565 - PEF DDE 1B 6.40% 06/15/38</t>
  </si>
  <si>
    <t>0181569 - DEF DDE 400M 3.85% 11-15-42</t>
  </si>
  <si>
    <t>F_UNAM_DEBT_EXP - Unamortized Debt Expenses (181)</t>
  </si>
  <si>
    <t>0189000 - Schm Unamt Loss Reaq Dt Pre Sc</t>
  </si>
  <si>
    <t>F_UNAM_LOSS - Unamortized Loss on Reaquired Debt (189)</t>
  </si>
  <si>
    <t>F_DEBT_EXP - Debt expense (refinancing costs, amortized over terms)</t>
  </si>
  <si>
    <t>0182100 - Inactive - Extraordinary Property Loss</t>
  </si>
  <si>
    <t>F_EXTRA_PROP_LOSSES - Extraordinary Property Losses (182.1)</t>
  </si>
  <si>
    <t>0182320 - Regulatory Asset - Inc Tax</t>
  </si>
  <si>
    <t>F_REG_ASSET_TAX - Regulatory Asset Tax</t>
  </si>
  <si>
    <t>0182309 - Amort Load Management Switches</t>
  </si>
  <si>
    <t>0182311 - Accrued Environmental Recovery</t>
  </si>
  <si>
    <t>0182312 - OPEB FAS 106 - Medical</t>
  </si>
  <si>
    <t>0182313 - Deferred ECRC</t>
  </si>
  <si>
    <t>0182315 - Reg Asset - Coal Ash Pond ARO</t>
  </si>
  <si>
    <t>0182317 - Deferred Depreciation - 2010 Rate Case</t>
  </si>
  <si>
    <t>0182318 - Other Reg Assets - Gen Acct</t>
  </si>
  <si>
    <t>0182319 - Closed Def Int Hedge-Asset</t>
  </si>
  <si>
    <t>0182321 - REG ASSET-DERIV MTM OIL</t>
  </si>
  <si>
    <t>0182322 - ST Closed Def Int Hedge-Asset</t>
  </si>
  <si>
    <t>0182328 - DEF Retail Final Dism Deferral</t>
  </si>
  <si>
    <t>0182331 - Deferred GPIF - FL Fuel Reg Asset</t>
  </si>
  <si>
    <t>0182334 - Pension settlement charges</t>
  </si>
  <si>
    <t>0182338 - Storm Cost Regulatory Asset</t>
  </si>
  <si>
    <t>0182342 - Deferred Asset</t>
  </si>
  <si>
    <t>0182347 - Deferred CR3 - Depr &amp; Prop Taxes - Contra</t>
  </si>
  <si>
    <t>0182354 - Accrued SPP Recovery</t>
  </si>
  <si>
    <t>0182371 - Reg Asset - Pro Co formation</t>
  </si>
  <si>
    <t>0182398 - Load Management Switches</t>
  </si>
  <si>
    <t>0182399 - Aro Regulatory Asset</t>
  </si>
  <si>
    <t>0182406 - DEF CR3 Uprate - 2012 Asset</t>
  </si>
  <si>
    <t>0182411 - Deferred Fuel Exp-Current Year</t>
  </si>
  <si>
    <t>0182412 - Deferred Fuel Exp - Prior Year</t>
  </si>
  <si>
    <t>0182413 - Def Capacity Exp-Current Year</t>
  </si>
  <si>
    <t>0182415 - Regulatory Asset - Cor</t>
  </si>
  <si>
    <t>0182470 - Coal Ash Spend - Retail SC&amp;FL</t>
  </si>
  <si>
    <t>0182525 - Non-AMI Meter NBV 182.3</t>
  </si>
  <si>
    <t>0182536 - PPA BUYOUT REG ASSET</t>
  </si>
  <si>
    <t>0182539 - RIDGEGEN PPA BUYOUT REG ASSET</t>
  </si>
  <si>
    <t>0182560 - NC Solar Rebate Program Costs</t>
  </si>
  <si>
    <t>0182569 - Crystal River South Reg Asset</t>
  </si>
  <si>
    <t>0182680 - Defer Depr-Retail Recovery</t>
  </si>
  <si>
    <t>0182801 - Pension Post Retire P Acctg - FAS87 NQ</t>
  </si>
  <si>
    <t>0186000 - NC Environmental Expense</t>
  </si>
  <si>
    <t>F_MISC_REG_ASSET - Misc Regualtory Assets</t>
  </si>
  <si>
    <t>0182400 - Deferred Capacity - Florida Retail</t>
  </si>
  <si>
    <t>F_OTH_REG_ASSETS - Other Regulatory Assets (182.3)</t>
  </si>
  <si>
    <t>0183000 - Prelim Survey and Investigation</t>
  </si>
  <si>
    <t>F_PRELIM_SURV_INV - Prelim. Survey and Investigation Charges (Electric) (183)</t>
  </si>
  <si>
    <t>0182002 - Mapping Monitoring Suspense</t>
  </si>
  <si>
    <t>0184023 - Clearing Payroll Fixed Distr</t>
  </si>
  <si>
    <t>0184495 - Rail Car Leasing Clearing</t>
  </si>
  <si>
    <t>0803290 - Miscellaneous Expense</t>
  </si>
  <si>
    <t>0804110 - Unproductive Time Distributed</t>
  </si>
  <si>
    <t>0804210 - Vacations</t>
  </si>
  <si>
    <t>0804220 - Holidays</t>
  </si>
  <si>
    <t>0804290 - Other Excused Absences</t>
  </si>
  <si>
    <t>0804330 - Sick</t>
  </si>
  <si>
    <t>F_CLEARING_ACCTS - Clearing Accounts (184)</t>
  </si>
  <si>
    <t>0186020 - Vision Florida Def O&amp;M</t>
  </si>
  <si>
    <t>0186036 - EVCS Deferral</t>
  </si>
  <si>
    <t>0186101 - DEF CR3 NCR - Reg Asset Base Rate</t>
  </si>
  <si>
    <t>0186102 - DEF CR3 Dry Cask Storage</t>
  </si>
  <si>
    <t>0186109 - DEF DCS Contra Equity</t>
  </si>
  <si>
    <t>0186111 - Cust Connect Def O&amp;M</t>
  </si>
  <si>
    <t>0186120 - Misc. Wip - Fp Dist. Wids</t>
  </si>
  <si>
    <t>0186195 - Deferred Rate Case Expense</t>
  </si>
  <si>
    <t>0186201 - Def Project/Acq Exp</t>
  </si>
  <si>
    <t>0186290 - Oth Deferred Charges - Operation</t>
  </si>
  <si>
    <t>0186295 - Deferred Storm Expenses</t>
  </si>
  <si>
    <t>0186400 - SECI-Lakeland Intercon Upgrade</t>
  </si>
  <si>
    <t>0186470 - Error Suspense - Corp Payroll</t>
  </si>
  <si>
    <t>0186480 - Misc Debits To Be Cleared</t>
  </si>
  <si>
    <t>0186605 - Misc Defer Debit Workers Comp</t>
  </si>
  <si>
    <t>0186882 - Straight Line Lease Defer DR</t>
  </si>
  <si>
    <t>0186889 - Asset Recovery Deferred</t>
  </si>
  <si>
    <t>0186984 - Other Long-Term Assets</t>
  </si>
  <si>
    <t>F_OTH_DEF_CHARGES - Other Deferred Charges</t>
  </si>
  <si>
    <t>F_MISC_DEF_DEBITS - Miscellaneous Deferred Debits (186)</t>
  </si>
  <si>
    <t>0190001 - Adit: Prepaid: Federal Taxes</t>
  </si>
  <si>
    <t>0190002 - Adit: Prepaid: State Taxes</t>
  </si>
  <si>
    <t>0190013 - LT Def tax asset: Fed-190</t>
  </si>
  <si>
    <t>0190051 - Accum Deferred FIT-OCI</t>
  </si>
  <si>
    <t>0190052 - Accum Deferred SIT-OCI</t>
  </si>
  <si>
    <t>0190155 - Deferred Tax - Nol</t>
  </si>
  <si>
    <t>0190156 - Deferred Tax_State NOLs</t>
  </si>
  <si>
    <t>F_ACCUM_DEF_INC_TAX - Accumulated Deferred Income Taxes (190)</t>
  </si>
  <si>
    <t>0185000 - Temporary Facilities</t>
  </si>
  <si>
    <t>F_TEMP_FAC - Temporary Facilities (185)</t>
  </si>
  <si>
    <t>Total Deferred Debits</t>
  </si>
  <si>
    <t>0165000 - Other Current Assets</t>
  </si>
  <si>
    <t>F_NONREG_ASSETS2 - Non Regulatory Accounts - Assets</t>
  </si>
  <si>
    <t>0186200 - Contra Unamort Debt Purch Acctg</t>
  </si>
  <si>
    <t>F_NONREG_ASSETS3 - Non Regulatory Accounts - Assets</t>
  </si>
  <si>
    <t>Non Regulatory Accounts - Assets</t>
  </si>
  <si>
    <t>F_ASSETS - Total Assets</t>
  </si>
  <si>
    <t>Liabilities And Other Credits</t>
  </si>
  <si>
    <t>0211000 - Miscellaneous Paid-In Capital</t>
  </si>
  <si>
    <t>0211003 - Misc Paid in Capital</t>
  </si>
  <si>
    <t>0211021 - DON REC From Stockholders</t>
  </si>
  <si>
    <t>0211022 - Red inPar of Common Stock</t>
  </si>
  <si>
    <t>F_OTH_PAID_IN_CAP - Other Paid-In Capital (208-211)</t>
  </si>
  <si>
    <t>0216000 - Unapprop Retained Earnings</t>
  </si>
  <si>
    <t>0439004 - Cumm Effect Acct Change Tax</t>
  </si>
  <si>
    <t>F_RE_CHANGE - Current Year Net Income</t>
  </si>
  <si>
    <t>0216007 - Cumm Effect Acct Princ Pretax</t>
  </si>
  <si>
    <t>0438000 - Dividend Declared Common</t>
  </si>
  <si>
    <t>F_RETAINED_EARNINGS - Retained Earnings (215, 215.1, 216)</t>
  </si>
  <si>
    <t>0216100 - Unappr Undistr Subsid Earnings</t>
  </si>
  <si>
    <t>0216150 - Equity IC AR Rollup</t>
  </si>
  <si>
    <t>2161500 - IC AR Rollup</t>
  </si>
  <si>
    <t>F_UNAP_UNDIS_SUB - Unappropriated Undistributed Subsidiary Earnings (216.1)</t>
  </si>
  <si>
    <t>0219029 - OCI-Grantor Unreal GL</t>
  </si>
  <si>
    <t>0219030 - OCI-Grantor Unreal GL Fed Tax</t>
  </si>
  <si>
    <t>0219031 - OCI-Grantor Unreal GL St Tax</t>
  </si>
  <si>
    <t>0219046 - OCI-Interest Rate Hdgs Fed Tax</t>
  </si>
  <si>
    <t>0219047 - OCI-Interest Rate Hdgs St Tax</t>
  </si>
  <si>
    <t>0219055 - NDTF - Unreal Gains/Losses</t>
  </si>
  <si>
    <t>2191002 - OCI Rollup</t>
  </si>
  <si>
    <t>F_ACCUM_OTH_COMP_INC - Accumulated Other Comprehensive Income (219)</t>
  </si>
  <si>
    <t>Total Proprietary Capital</t>
  </si>
  <si>
    <t>0221018 - DEF 650M 2.40% 12/15/2031</t>
  </si>
  <si>
    <t>0221019 - DEF 500M 3.00% 12/15/2051</t>
  </si>
  <si>
    <t>0221046 - DEF FMB 600M 3.80% 7/15/28</t>
  </si>
  <si>
    <t>0221047 - DEF FMB 400M 4.20% 7/15/48</t>
  </si>
  <si>
    <t>0221085 - DEF 500M 5.95% 11/15/2052</t>
  </si>
  <si>
    <t>0221089 - DEF LT FMB</t>
  </si>
  <si>
    <t>0221091 - DEF 600M 3.4% 10/1/2046</t>
  </si>
  <si>
    <t>0221093 - DEF 650M 3.20% 1/15/27</t>
  </si>
  <si>
    <t>0221098 - DEF LT bond-fixed rate</t>
  </si>
  <si>
    <t>0221535 - PEF FMB 225M 5.9% 03/01/33</t>
  </si>
  <si>
    <t>0221537 - PEF FMB 500M 6.35% 09/15/2037</t>
  </si>
  <si>
    <t>0221542 - PEF FMB 350M 5.65% 04/1/40</t>
  </si>
  <si>
    <t>0221565 - PEF FMB 1B 6.40% 06/15/38</t>
  </si>
  <si>
    <t>0221569 - DEF 400M 3.85% 11-15-42</t>
  </si>
  <si>
    <t>F_BONDS - Bonds (221)</t>
  </si>
  <si>
    <t>0233003 - IC - LT Notes Pay</t>
  </si>
  <si>
    <t>F_LT_NOTE_PAYABLE - Long Term Note Payable</t>
  </si>
  <si>
    <t>0224043 - DEFR LT Debt</t>
  </si>
  <si>
    <t>0224101 - DEF 800M FLOATING 4/21/2024</t>
  </si>
  <si>
    <t>0224511 - PEF OTH LTD 150M 6.75% 02/2028</t>
  </si>
  <si>
    <t>F_OTH_LT_DEBT - Other Long Term Debt (224)</t>
  </si>
  <si>
    <t>0226018 - DEF 650M UNAMDIS 2.4% 12/15/31</t>
  </si>
  <si>
    <t>0226019 - DEF 500M UNAMDIS 3% 12/15/2051</t>
  </si>
  <si>
    <t>0226046 - DEF UNAMDIS 600M 3.80% 7/15/28</t>
  </si>
  <si>
    <t>0226047 - DEF UNAMDIS 400M 4.20%</t>
  </si>
  <si>
    <t>0226085 - DEF 500M UNAMDIS 5.95% 11/2052</t>
  </si>
  <si>
    <t>0226089 - 2020 First Mortgage Bond</t>
  </si>
  <si>
    <t>0226091 - DEF 600M UNAMDIS 3.4% 10/1/46</t>
  </si>
  <si>
    <t>0226093 - DEF UNAMDIS 650M 3.20% 1/15/27</t>
  </si>
  <si>
    <t>0226098 - 2019 DEF Fixed rate</t>
  </si>
  <si>
    <t>0226511 - PEF UNAMDIS 150M 6.75% 2/01/28</t>
  </si>
  <si>
    <t>0226535 - PEF UNAMDIS 225M 5.9% 03/01/33</t>
  </si>
  <si>
    <t>0226537 - PEF UNAMDIS 500M 6.35% 09/2037</t>
  </si>
  <si>
    <t>0226542 - PEF UNAMDIS 350M 5.65% 04/20403</t>
  </si>
  <si>
    <t>0226565 - PEF UNAMDIS 1B 6.40% 6/15/38</t>
  </si>
  <si>
    <t>0226569 - DEF UNAMDIS 400M 3.85 11-15-42</t>
  </si>
  <si>
    <t>F_UNAM_DISC_LT_DEBT - (Less) Unamortized Discount on Long-Term Debt (226)</t>
  </si>
  <si>
    <t>Total Long-Term Debt</t>
  </si>
  <si>
    <t>0227101 - LT Capital Lease Obligation</t>
  </si>
  <si>
    <t>0227175 - LT Operating Lease Obligation</t>
  </si>
  <si>
    <t>F_OB_CAP_LEASE - Obligations Under Capital Leases - Noncurrent (227)</t>
  </si>
  <si>
    <t>0228100 - Retail Unfd Storm Damage</t>
  </si>
  <si>
    <t>0228101 - Wholsesale Storm Reserve</t>
  </si>
  <si>
    <t>F_PROV_PROP_INS - Accumulated Provision for Property Insurance (228.1)</t>
  </si>
  <si>
    <t>0228201 - Claim Reserve</t>
  </si>
  <si>
    <t>0228202 - Claim Reserve - ST</t>
  </si>
  <si>
    <t>0228250 - Inactive - Schm Worker'S Comp - Other</t>
  </si>
  <si>
    <t>F_PROV_INJ_DAMAGE - Accumulated Provision for Injuries and Damages (228.2)</t>
  </si>
  <si>
    <t>0228314 - OPEB NonCur Liab - Life</t>
  </si>
  <si>
    <t>0228315 - OPEB NonCur Liab - Medical</t>
  </si>
  <si>
    <t>0228324 - Schm Dpc Pos Emp FAS 112</t>
  </si>
  <si>
    <t>0228325 - Schm Post Emp FAS 112</t>
  </si>
  <si>
    <t>0228340 - Nonqualified Plans Liability</t>
  </si>
  <si>
    <t>0228346 - Pension Liability - FAS 87</t>
  </si>
  <si>
    <t>0253275 - Pension Liability - FAS 87 NQ</t>
  </si>
  <si>
    <t>F_PROV_PENS_BENE - Accumulated Provision for Pensions and Benefits (228.3)</t>
  </si>
  <si>
    <t>0228403 - Deferred Serp - Active Empl</t>
  </si>
  <si>
    <t>F_MISC_OP_PROV - Accumulated Miscellaneous Operating Provisions (228.4)</t>
  </si>
  <si>
    <t>0230315 - ARO Liability - Coal Ash</t>
  </si>
  <si>
    <t>0230999 - ARO Liability</t>
  </si>
  <si>
    <t>F_ASSET_RET_OB - Asset Retirement Obligations (230)</t>
  </si>
  <si>
    <t>Total Other Noncurrent Liabilities</t>
  </si>
  <si>
    <t>0232016 - AP PS8.9 Vendors Payable</t>
  </si>
  <si>
    <t>0232031 - Treasury LC and MCF Fees</t>
  </si>
  <si>
    <t>0232120 - Vouchers Payable - Special</t>
  </si>
  <si>
    <t>0232151 - Pp Accounts Payable - Stores</t>
  </si>
  <si>
    <t>0232170 - Accounts Payable - Coal</t>
  </si>
  <si>
    <t>0232175 - Limestone and Freight Payable</t>
  </si>
  <si>
    <t>0232180 - Accounts Payable - Oil Stocks</t>
  </si>
  <si>
    <t>0232190 - Coal Freight Payable</t>
  </si>
  <si>
    <t>0232331 - A/P - ENERGY NEIGHBOR FUND</t>
  </si>
  <si>
    <t>0232892 - A/P Miscellaneous</t>
  </si>
  <si>
    <t>0232109 - A/P BPM - Actual</t>
  </si>
  <si>
    <t>0232337 - CR3 Joint Owner</t>
  </si>
  <si>
    <t>0232338 - Payable - Int City Joint Owners</t>
  </si>
  <si>
    <t>0232410 - Transmission Payables</t>
  </si>
  <si>
    <t>0232460 - Bulk Power Marketing Payable</t>
  </si>
  <si>
    <t>0232480 - Co - Generation</t>
  </si>
  <si>
    <t>F_POWER_ACCT_PAY - Power Accounts Payable (232)</t>
  </si>
  <si>
    <t>0232061 - Checks not presented - reclass</t>
  </si>
  <si>
    <t>F_UNPAID_BANK_CHECK - Unpaid Bank Checks (232)</t>
  </si>
  <si>
    <t>0232000 - A/P Vendors Payable</t>
  </si>
  <si>
    <t>0232002 - A/P - Misc - Gen - Acctg</t>
  </si>
  <si>
    <t>0232039 - Payable 401K Incentive Match</t>
  </si>
  <si>
    <t>0232108 - DEF Cogen Payable</t>
  </si>
  <si>
    <t>0232155 - Accounts Payable - Stores CAS</t>
  </si>
  <si>
    <t>0232163 - Emission Allowance A/P</t>
  </si>
  <si>
    <t>0232171 - Account Payable - Coal Accrual</t>
  </si>
  <si>
    <t>0232176 - Reagent Payable</t>
  </si>
  <si>
    <t>0232177 - Generic By Products Payable</t>
  </si>
  <si>
    <t>0232181 - Natural Gas Payable</t>
  </si>
  <si>
    <t>0232332 - Photovoltaic Fund</t>
  </si>
  <si>
    <t>0232996 - Capital - Accruals</t>
  </si>
  <si>
    <t>F_ACCTS_PAYABLE - Accounts Payable (232)</t>
  </si>
  <si>
    <t>0233150 - IC Moneypool - ST Notes Pay</t>
  </si>
  <si>
    <t>F_NOTES_PAY_ASSOC_CO - Notes Payable to Associated Companies (233)</t>
  </si>
  <si>
    <t>0232232 - A/P Affiliates</t>
  </si>
  <si>
    <t>0234000 - IC Moneypool - ST Interest Pay</t>
  </si>
  <si>
    <t>0234010 - I/C AP - Joint Dispatch</t>
  </si>
  <si>
    <t>0234250 - IC Netting - Accts Payable</t>
  </si>
  <si>
    <t>F_ACCT_PAY_ASSOC_CO - Accounts Payable to Associated Companies (234)</t>
  </si>
  <si>
    <t>0235002 - CD Active</t>
  </si>
  <si>
    <t>0235003 - CD Inactive</t>
  </si>
  <si>
    <t>0235110 - Cust Dep For Srvc - Edp Billing</t>
  </si>
  <si>
    <t>F_CUST_DEPOSITS - Customer Deposits (235)</t>
  </si>
  <si>
    <t>0236001 - State It Payable Other</t>
  </si>
  <si>
    <t>0236040 - NC Prop Tax - Misc Non - Util</t>
  </si>
  <si>
    <t>0236100 - Franchise Tax - Electric</t>
  </si>
  <si>
    <t>0236123 - Fl Prop Tax - Electric</t>
  </si>
  <si>
    <t>0236131 - FL FRANCHISE TX ACCRUAL</t>
  </si>
  <si>
    <t>0236135 - FL Reg Assessment - Electric</t>
  </si>
  <si>
    <t>0236150 - St/Local Unemployment Tax Liab</t>
  </si>
  <si>
    <t>0236700 - Employer FICA Tax Liab</t>
  </si>
  <si>
    <t>0236701 - Employer FICA Tax Liab LT</t>
  </si>
  <si>
    <t>0236750 - Federal Unemployment Tax Liab</t>
  </si>
  <si>
    <t>0236906 - Use Tax Payable</t>
  </si>
  <si>
    <t>0236926 - LT tax reclass Fed cr</t>
  </si>
  <si>
    <t>0236943 - State Inc Tax Payable- Prior Yrs</t>
  </si>
  <si>
    <t>0236965 - Accrued SIT - Prior Year</t>
  </si>
  <si>
    <t>0236981 - Fed Inc Tax Payable - Prev Yr</t>
  </si>
  <si>
    <t>0236986 - LT Liability Fed - KTRA</t>
  </si>
  <si>
    <t>0236988 - LT Liability ST UTP PGN</t>
  </si>
  <si>
    <t>0236989 - LT Liability Fed UTP PGN</t>
  </si>
  <si>
    <t>0236990 - Fed Inc Tax Payable - Current</t>
  </si>
  <si>
    <t>0236992 - Current Liability UTP - Fed</t>
  </si>
  <si>
    <t>0236993 - LT Liability Fed - UTP</t>
  </si>
  <si>
    <t>F_TAXES_ACCRUED - Taxes Accrued (236)</t>
  </si>
  <si>
    <t>F_CD_TAXES_ACCRUED - Taxes Accrued (236)</t>
  </si>
  <si>
    <t>0237011 - Int Payable - Notes</t>
  </si>
  <si>
    <t>0237038 - LT Interest Accrued</t>
  </si>
  <si>
    <t>0237041 - FERC Interconnect Interest LT</t>
  </si>
  <si>
    <t>0237222 - Int Accr Cust Dep FLA</t>
  </si>
  <si>
    <t>0237422 - Interest Accrued - Affiliates</t>
  </si>
  <si>
    <t>0237510 - Bonds Interest Payable</t>
  </si>
  <si>
    <t>F_INT_ACCRUED - Interest Accrued (237)</t>
  </si>
  <si>
    <t>0241110 - State Income Tax Wh - Employee</t>
  </si>
  <si>
    <t>0241150 - Federal Income Tax Wh - Employee</t>
  </si>
  <si>
    <t>0241160 - FICA Withheld - Employee</t>
  </si>
  <si>
    <t>0241310 - General Sales Tax</t>
  </si>
  <si>
    <t>0241320 - Utility Sales Tax</t>
  </si>
  <si>
    <t>0241335 - Local Taxes Withheld</t>
  </si>
  <si>
    <t>0241348 - Franchise Fees Payable</t>
  </si>
  <si>
    <t>0241800 - Utility Tax - County</t>
  </si>
  <si>
    <t>0241900 - TX COL PAY-FL Muni Utility Tax</t>
  </si>
  <si>
    <t>0241990 - GRT Payable Additional 2.6%</t>
  </si>
  <si>
    <t>F_TAX_COLLEC_PAYABLE - Tax Collections Payable (241)</t>
  </si>
  <si>
    <t>0232004 - Vision Deduction</t>
  </si>
  <si>
    <t>0232005 - Long Term Disability Deduction</t>
  </si>
  <si>
    <t>0232045 - Supplemental Life Deductions</t>
  </si>
  <si>
    <t>0232048 - Supplemental AD&amp;D Deduction</t>
  </si>
  <si>
    <t>0232049 - Medical &amp; HSA Deductions</t>
  </si>
  <si>
    <t>0232067 - Dental Deductions</t>
  </si>
  <si>
    <t>0242033 - Wages Payable - Accrual</t>
  </si>
  <si>
    <t>0242051 - FERC Interconnect Deposits LT</t>
  </si>
  <si>
    <t>0242054 - State Interconnect Deposits LT</t>
  </si>
  <si>
    <t>0242152 - Solar Interconnect Deposits</t>
  </si>
  <si>
    <t>0242215 - Payroll Severance Reserves</t>
  </si>
  <si>
    <t>0242216 - Payrll ST Retention/Spcl Rsrvs</t>
  </si>
  <si>
    <t>0242320 - Transmission Open Acc - Deposits</t>
  </si>
  <si>
    <t>0242390 - CURR&amp;ACCR LIAB-FPC LTD</t>
  </si>
  <si>
    <t>0242396 - CURR&amp;ACCR LIAB-WORKERS COMP</t>
  </si>
  <si>
    <t>0242398 - CURR&amp;ACCR LIAB MISC</t>
  </si>
  <si>
    <t>0242440 - Cash Coll and Contrib To Trustee</t>
  </si>
  <si>
    <t>0242460 - Prov For Incentive Ben Prog</t>
  </si>
  <si>
    <t>0242490 - Vacation Carryover</t>
  </si>
  <si>
    <t>0242540 - Escheaments Payable</t>
  </si>
  <si>
    <t>0242797 - NQ Pension Current FPC SERP/ND</t>
  </si>
  <si>
    <t>0242803 - Deferred Rent</t>
  </si>
  <si>
    <t>0242897 - NQ Pension Current ECBP</t>
  </si>
  <si>
    <t>0242898 - OPEB Current Liab - Life</t>
  </si>
  <si>
    <t>0242997 - NQ Pension Current SSERP</t>
  </si>
  <si>
    <t>0242999 - Misc Liab - FAS 112</t>
  </si>
  <si>
    <t>F_OTH_CURR_ACCRU - Other Current Accrued Liability</t>
  </si>
  <si>
    <t>0242110 - Contract Retentions</t>
  </si>
  <si>
    <t>F_CONSTR_CONTR_RET - Contruction Contra Ret</t>
  </si>
  <si>
    <t>F_MISC_CURR_ACCRU - Miscellaneous Current and Accrued Liabilities (242)</t>
  </si>
  <si>
    <t>0242175 - Curr Operating Lease Oblig</t>
  </si>
  <si>
    <t>0243105 - Current Portion of Cap Lease Obligation</t>
  </si>
  <si>
    <t>F_OBL_CAP_LEASES - Obligations Under Capital Leases - Current (243)</t>
  </si>
  <si>
    <t>0245001 - 3rd Party Derivative Liability Current</t>
  </si>
  <si>
    <t>F_LT_DERIV_INST_HDGC - Derivative Instrument Liabilities - Hedges (245)</t>
  </si>
  <si>
    <t>Total Current and Accrued Liabilities</t>
  </si>
  <si>
    <t>0224045 - FERC Interconnect Liability</t>
  </si>
  <si>
    <t>0252001 - Cust Adv For Construction</t>
  </si>
  <si>
    <t>0252400 - Customer Advances-ST</t>
  </si>
  <si>
    <t>F_CUST_ADV_CONST - Customer Advances for Construction (252)</t>
  </si>
  <si>
    <t>0255000 - Accum Def Inv Tax Credits</t>
  </si>
  <si>
    <t>0255001 - Def ITC - No Normalization</t>
  </si>
  <si>
    <t>F_ACCUM_DEF_INV_TAX - Accumulated Deferred Investment Tax Credits (255)</t>
  </si>
  <si>
    <t>0253008 - Pole Attach - Deferred Revenue</t>
  </si>
  <si>
    <t>0253035 - Misc Def Cr - Genl Acctg</t>
  </si>
  <si>
    <t>0253062 - Long Term Def Rev - OL</t>
  </si>
  <si>
    <t>0253070 - Reserves - Mgp Sites FERC 228</t>
  </si>
  <si>
    <t>0253082 - OTH DEFER CR MISCELLANEOUS</t>
  </si>
  <si>
    <t>0253400 - BARTOW LTSA</t>
  </si>
  <si>
    <t>0253401 - HINES LTSA</t>
  </si>
  <si>
    <t>0253403 - Citrus County LTSA Def Liab</t>
  </si>
  <si>
    <t>0253630 - Schm Exec Cash Bal Plan</t>
  </si>
  <si>
    <t>0253890 - Schm Tax and S/L For Surplus Mat'Ls</t>
  </si>
  <si>
    <t>0253990 - Deferred Prepaid Ef - Lighting</t>
  </si>
  <si>
    <t>2531019 - Defr Cr - Balance Sheet Diff</t>
  </si>
  <si>
    <t>2531020 - Defr Cr - Revenue Expense Diff</t>
  </si>
  <si>
    <t>EQUITY_PLUG - Historical Equity Roll - Up Plug</t>
  </si>
  <si>
    <t>ICNET_PLUG - IC Netting Plug</t>
  </si>
  <si>
    <t>OCI_PLUG - Other Comp Income Roll - Up Plug</t>
  </si>
  <si>
    <t>F_MISC_DEF_CR - Misc Deferred Credit (253)</t>
  </si>
  <si>
    <t>F_OTH_DEF_CR - Other Deferred Credits (253)</t>
  </si>
  <si>
    <t>0254016 - Deferred SPP</t>
  </si>
  <si>
    <t>0254031 - CR4&amp;5 Accelerated Depreciaton</t>
  </si>
  <si>
    <t>0254059 - DOE Reg Liability</t>
  </si>
  <si>
    <t>0254060 - DEF Tax Savings Reg Liability</t>
  </si>
  <si>
    <t>0254312 - Deferred GPIF - Reg Liab Fuel Clause</t>
  </si>
  <si>
    <t>0254315 - Deferred CR3 - NCRC</t>
  </si>
  <si>
    <t>0254316 - Deferred Energy Conservation</t>
  </si>
  <si>
    <t>0254317 - Deferred Environmental Cost Recovery</t>
  </si>
  <si>
    <t>0254318 - Deferred Property Gains/Losses - FL</t>
  </si>
  <si>
    <t>0254320 - Deferred Capacity - Curr Yr</t>
  </si>
  <si>
    <t>0254321 - Deferred Capacity - Prior Year</t>
  </si>
  <si>
    <t>0254401 - DSM Energy Efficiency</t>
  </si>
  <si>
    <t>0254800 - Reg Liability - MTM Fuel - LT</t>
  </si>
  <si>
    <t>0254914 - NDT - QUAL - UNREAL GAINS</t>
  </si>
  <si>
    <t>0254980 - Open Int Rate Swap Cur Rg Liab</t>
  </si>
  <si>
    <t>0254999 - Reg Liab Cor Reclass From A/D</t>
  </si>
  <si>
    <t>F_MISC_REG_LIAB - Misc Regulatory Liab (254)</t>
  </si>
  <si>
    <t>0254036 - Reg Liab - Excess Fed ADIT</t>
  </si>
  <si>
    <t>0254038 - Excess ADIT Grossup LT</t>
  </si>
  <si>
    <t>0254061 - Deferred PTCs</t>
  </si>
  <si>
    <t>0254100 - Regulatory Liablility - Inc Tax</t>
  </si>
  <si>
    <t>F_REG_LIAB_TAX - Regulatory Liability Tax (254)</t>
  </si>
  <si>
    <t>F_OTH_REG_LIAB - Other Regulatory Liabilities (254)</t>
  </si>
  <si>
    <t>0281200 - Deferred Federal Income Tax</t>
  </si>
  <si>
    <t>0281201 - Deferred State Income Tax</t>
  </si>
  <si>
    <t>F_ACCUM_DEF_INC_TX - Accum. Deferred Income Taxes-Accel. Amort (281)</t>
  </si>
  <si>
    <t>0282100 - Adit: PpandE: Federal Taxes</t>
  </si>
  <si>
    <t>0282101 - Adit: PpandE: State Taxes</t>
  </si>
  <si>
    <t>F_ACCUM_DEF_INC_OTH - Accum. Deferred Income Taxes-Other Property (282)</t>
  </si>
  <si>
    <t>0283100 - Adit: Other: Federal Taxes</t>
  </si>
  <si>
    <t>0283101 - Adit: Other: State Taxes</t>
  </si>
  <si>
    <t>F_DEF_INC_TAX_OTH - Accum. Deferred Income Tax-Other (283)</t>
  </si>
  <si>
    <t>Total Deferred Credits</t>
  </si>
  <si>
    <t>0207008 - Additional Paid In Capital</t>
  </si>
  <si>
    <t>0221100 - LT Debt - Unsec Float</t>
  </si>
  <si>
    <t>F_NONREG_LIAB1 - Non-Regulatory Accounts - Liability</t>
  </si>
  <si>
    <t>2531003 - Minority Interest Expense (offset) - HFM Calc</t>
  </si>
  <si>
    <t>2533311 - 2533311_YTD</t>
  </si>
  <si>
    <t>2533511 - Minority Interest - OCI</t>
  </si>
  <si>
    <t>EOS_PLUG - Current Earnings of Sub Roll - Up Plug</t>
  </si>
  <si>
    <t>F_NONREG_LIAB5 - Non-Regulatory Accounts - Liability</t>
  </si>
  <si>
    <t>Non-Regulatory Accounts - Liability</t>
  </si>
  <si>
    <t>F_LIABILITIES_OTH_CR - Total Liabilities and Other Credit</t>
  </si>
  <si>
    <t>0440000 - Residential</t>
  </si>
  <si>
    <t>0442100 - General Service</t>
  </si>
  <si>
    <t>0442200 - Industrial Service</t>
  </si>
  <si>
    <t>0444000 - Public St and Highway Lighting</t>
  </si>
  <si>
    <t>0445000 - Other Sales To Public Auth</t>
  </si>
  <si>
    <t>0447150 - Sales For Resale - Outside</t>
  </si>
  <si>
    <t>0449035 - Franchise Allocation/Holding</t>
  </si>
  <si>
    <t>F_ELEC_REVENUE - Electric Revenue</t>
  </si>
  <si>
    <t>0450100 - Late Pmt and Forf Disc</t>
  </si>
  <si>
    <t>0451100 - Misc Service Revenue</t>
  </si>
  <si>
    <t>0454002 - Rent - Lighting Equipment</t>
  </si>
  <si>
    <t>0454003 - Rent - Non-Lighting Equipment</t>
  </si>
  <si>
    <t>0454004 - Rent - Joint Use</t>
  </si>
  <si>
    <t>0454005 - Rent - Transmission</t>
  </si>
  <si>
    <t>0454100 - Extra - Facilities</t>
  </si>
  <si>
    <t>0454105 - IC Other Elec Rents</t>
  </si>
  <si>
    <t>0454200 - Pole and Line Attachments</t>
  </si>
  <si>
    <t>0454300 - Tower Lease Revenues</t>
  </si>
  <si>
    <t>0454400 - Other Electric Rents</t>
  </si>
  <si>
    <t>0456001 - Other Variable Revenues-Reg</t>
  </si>
  <si>
    <t>0456003 - Retail Unbilled Revenue</t>
  </si>
  <si>
    <t>0456006 - Muni Coty Tax Coll/Comm</t>
  </si>
  <si>
    <t>0456040 - Sales Use Tax Coll Fee</t>
  </si>
  <si>
    <t>0456050 - Transmission Study Revenue</t>
  </si>
  <si>
    <t>0456100 - Profit Or Loss on Sale of M&amp;S</t>
  </si>
  <si>
    <t>0456102 - Distribution Charge - Network</t>
  </si>
  <si>
    <t>0456104 - Transmission Charge Network</t>
  </si>
  <si>
    <t>0456105 - Sched, Sys Cntl, Disp-Network</t>
  </si>
  <si>
    <t>0456106 - Reactive Pur/Volt Cntl Svc</t>
  </si>
  <si>
    <t>0456107 - Regulation/Frequency Response</t>
  </si>
  <si>
    <t>0456108 - Op Res - Spinning Reserve</t>
  </si>
  <si>
    <t>0456109 - Op Res - Supplemental Reserve</t>
  </si>
  <si>
    <t>0456110 - Transmission Charge Ptp</t>
  </si>
  <si>
    <t>0456610 - Other Electric Revenues</t>
  </si>
  <si>
    <t>0456616 - Shared Solar - SC</t>
  </si>
  <si>
    <t>0456630 - Gross Up - Contr in Aid of Const</t>
  </si>
  <si>
    <t>F_OTH_REVENUE - Other Revenue</t>
  </si>
  <si>
    <t>F_ELEC_OP_REVENUE - Total Electric Revenue</t>
  </si>
  <si>
    <t>F_UTIL_OP_REV - Operating Revenues (400)</t>
  </si>
  <si>
    <t>0501008 - Contra fuel Exp BR Ash - SC</t>
  </si>
  <si>
    <t>0501013 - Natural Gas Purchases</t>
  </si>
  <si>
    <t>0501110 - Coal Consumed - Fossil Steam</t>
  </si>
  <si>
    <t>0501310 - Oil Consumed - Fossil Steam</t>
  </si>
  <si>
    <t>0509030 - SO2 Emission Expense</t>
  </si>
  <si>
    <t>0557450 - Commissions/Brokerage Expense</t>
  </si>
  <si>
    <t>F_STEAM_PROD_FUEL - Steam Fossil Production Fuel (500-509)</t>
  </si>
  <si>
    <t>0547000 - Fuel Expense</t>
  </si>
  <si>
    <t>0547100 - Natural Gas</t>
  </si>
  <si>
    <t>0547200 - Oil</t>
  </si>
  <si>
    <t>F_COMB_PROD_FUEL - Combustion Production Fuel</t>
  </si>
  <si>
    <t>F_FUEL_USED_ELEC_GEN - Fuel Used in Electric Generation</t>
  </si>
  <si>
    <t>0555200 - Interchange Power</t>
  </si>
  <si>
    <t>0555550 - Purchases Energy Imbalance</t>
  </si>
  <si>
    <t>F_OTH_SUPPLY_EXP - Other Power Supply Expense</t>
  </si>
  <si>
    <t>0555016 - I/C Joint Disp - Pur Pwr</t>
  </si>
  <si>
    <t>0555185 - Energy Purchase Expense</t>
  </si>
  <si>
    <t>0555190 - Capacity Purchase Expense</t>
  </si>
  <si>
    <t>F_PURCHASED_POWER - Purchased Power (555)</t>
  </si>
  <si>
    <t>0107888 - CWIP - BU Bal Sht - Svc Co Exp</t>
  </si>
  <si>
    <t>0163888 - Stores Expense - BU Bal Sht - SvcCo Exp</t>
  </si>
  <si>
    <t>0920000 - A and G Salaries</t>
  </si>
  <si>
    <t>0920100 - Salaries &amp; Wages - Proj Supt - NCRC Rec</t>
  </si>
  <si>
    <t>0921100 - Employee Expenses</t>
  </si>
  <si>
    <t>0921101 - Employee Exp - NC</t>
  </si>
  <si>
    <t>0921110 - Relocation Expenses</t>
  </si>
  <si>
    <t>0921200 - Office Expenses</t>
  </si>
  <si>
    <t>0921300 - Telephone and Telegraph Exp</t>
  </si>
  <si>
    <t>0921400 - Computer Services Expenses</t>
  </si>
  <si>
    <t>0921540 - Computer Rent (Go Only)</t>
  </si>
  <si>
    <t>0921600 - Other</t>
  </si>
  <si>
    <t>0921980 - Office Supplies and Expenses</t>
  </si>
  <si>
    <t>0922000 - Admin Exp Transfer</t>
  </si>
  <si>
    <t>0923000 - Outside Services Employed</t>
  </si>
  <si>
    <t>0923980 - Outside Services Employee and</t>
  </si>
  <si>
    <t>0924000 - Property Insurance</t>
  </si>
  <si>
    <t>0924050 - Intercompany Property Insurance Exp</t>
  </si>
  <si>
    <t>0924200 - Recoverable Storm Damage Exp</t>
  </si>
  <si>
    <t>0924980 - Property Insurance For Corp.</t>
  </si>
  <si>
    <t>0925000 - Injuries and Damages</t>
  </si>
  <si>
    <t>0925051 - Intercompany Gen Liab Expense</t>
  </si>
  <si>
    <t>0925200 - Injuries and Damages - Other</t>
  </si>
  <si>
    <t>0925300 - Environmental Inj and Damages</t>
  </si>
  <si>
    <t>0925980 - Injuries and Damages For Corp.</t>
  </si>
  <si>
    <t>0926000 - Employee Benefits</t>
  </si>
  <si>
    <t>0926430 - Employees'Recreation Expense</t>
  </si>
  <si>
    <t>0926600 - Employee Benefits - Transferred</t>
  </si>
  <si>
    <t>0926999 - Non Service Cost (ASU 2017-07)</t>
  </si>
  <si>
    <t>0927001 - General and Administration</t>
  </si>
  <si>
    <t>0928000 - Regulatory Expenses (Go)</t>
  </si>
  <si>
    <t>0928930 - Amort Def Rate Case Exp</t>
  </si>
  <si>
    <t>0929500 - Admin Exp Transf</t>
  </si>
  <si>
    <t>0930150 - Miscellaneous Advertising Exp</t>
  </si>
  <si>
    <t>0930200 - Misc General Expenses</t>
  </si>
  <si>
    <t>0930210 - Industry Association Dues</t>
  </si>
  <si>
    <t>0930220 - Exp of Servicing Securities</t>
  </si>
  <si>
    <t>0930230 - Dues To Various Organizations</t>
  </si>
  <si>
    <t>0930240 - Director'S Expenses</t>
  </si>
  <si>
    <t>0930250 - Buy\Sell Transf Employee Homes</t>
  </si>
  <si>
    <t>0930600 - Leased Circuit Charges - Other</t>
  </si>
  <si>
    <t>0930700 - Research and Development</t>
  </si>
  <si>
    <t>0930940 - General Expenses</t>
  </si>
  <si>
    <t>0931001 - Rents - AandG</t>
  </si>
  <si>
    <t>0931003 - Lease Amortization Expense</t>
  </si>
  <si>
    <t>0931008 - A and G Rents IC</t>
  </si>
  <si>
    <t>F_ADMIN_GEN_OP_EXP - Admin &amp; General Operation Expenses (920-931)</t>
  </si>
  <si>
    <t>0546000 - Suprvsn and Enginring - Ct Oper</t>
  </si>
  <si>
    <t>0547150 - Natural Gas Handling - Ct</t>
  </si>
  <si>
    <t>0548100 - Generation Expenses - Other Ct</t>
  </si>
  <si>
    <t>0548110 - Operation of Energy Storage Eq</t>
  </si>
  <si>
    <t>0548200 - Prime Movers - Generators - Ct</t>
  </si>
  <si>
    <t>0549000 - Misc - Power Generation Expenses</t>
  </si>
  <si>
    <t>F_COMB_PROD_OP_EXP - Combustion Production Op Expense (546-550.1)</t>
  </si>
  <si>
    <t>0901000 - Supervision - Cust Accts</t>
  </si>
  <si>
    <t>0902000 - Meter Reading Expense</t>
  </si>
  <si>
    <t>0903000 - Cust Records and Collection Exp</t>
  </si>
  <si>
    <t>0903100 - Cust Contracts and Orders - Local</t>
  </si>
  <si>
    <t>0903200 - Cust Billing and Acct</t>
  </si>
  <si>
    <t>0903300 - Cust Collecting - Local</t>
  </si>
  <si>
    <t>0903400 - Cust Receiv and Collect Exp - Edp</t>
  </si>
  <si>
    <t>0904000 - Uncollectible Accounts</t>
  </si>
  <si>
    <t>0904001 - Bad Debt Expense</t>
  </si>
  <si>
    <t>0905000 - Misc Customer Accts Expenses</t>
  </si>
  <si>
    <t>F_CUST_ACCT_EXP - Customer Account Expenses (901-905)</t>
  </si>
  <si>
    <t>0908150 - Commer/Indust Assistance Exp</t>
  </si>
  <si>
    <t>0909650 - Misc Advertising Expenses</t>
  </si>
  <si>
    <t>0910000 - Misc Cust Serv/Inform Exp</t>
  </si>
  <si>
    <t>0910100 - Exp - Rs Reg Prod/Svces - Cstaccts</t>
  </si>
  <si>
    <t>0908000 - Cust Asst Exp-Conservation Programs - Rec</t>
  </si>
  <si>
    <t>0908001 - Conservation Deferral</t>
  </si>
  <si>
    <t>0908002 - Amort of Load Mmgmt Switches</t>
  </si>
  <si>
    <t>0909000 - Info &amp; Instruc Adv-Conservation Prog - Rec</t>
  </si>
  <si>
    <t>F_CUST_SERV_INFO - Customer Service and Information (907-910)</t>
  </si>
  <si>
    <t>0580000 - Supervsn and Engring - Dist Oper</t>
  </si>
  <si>
    <t>0581004 - Load Dispatch-Dist of Elec</t>
  </si>
  <si>
    <t>0582100 - Station Expenses - Other - Dist</t>
  </si>
  <si>
    <t>0583100 - Overhead Line Exps - Other Dist</t>
  </si>
  <si>
    <t>0583200 - Transf Set Rem Reset Test - Dist</t>
  </si>
  <si>
    <t>0584000 - Underground Line Expenses - Dist</t>
  </si>
  <si>
    <t>0584110 - Operation of Energy Storage Eq</t>
  </si>
  <si>
    <t>0586000 - Meter Expenses - Dist</t>
  </si>
  <si>
    <t>0587000 - Cust Install Exp - Other Dist</t>
  </si>
  <si>
    <t>0588100 - Misc Distribution Exp - Other</t>
  </si>
  <si>
    <t>0588700 - Intcon Study Costs (D)</t>
  </si>
  <si>
    <t>0589000 - Rents - Dist Oper</t>
  </si>
  <si>
    <t>F_DISTR_GEN_EXP_OTH - Distribution General Expense Other (580-589)</t>
  </si>
  <si>
    <t>0524000 - Misc Expenses - Nuc Oper</t>
  </si>
  <si>
    <t>F_NUC_PROD_OP_EXP - Nuclear Production Operating Expense (517-525)</t>
  </si>
  <si>
    <t>0556000 - System Cnts &amp; Load Dispatching</t>
  </si>
  <si>
    <t>0557000 - Other Expenses - Oper</t>
  </si>
  <si>
    <t>F_OTH_EXP - Other Expenses (557)</t>
  </si>
  <si>
    <t>0912000 - Demonstrating and Selling Exp</t>
  </si>
  <si>
    <t>0913001 - Advertising Expense</t>
  </si>
  <si>
    <t>0916000 - Miscellaneous Sales Expense</t>
  </si>
  <si>
    <t>F_SALES_EXP - Sales Expense (911-917)</t>
  </si>
  <si>
    <t>0500000 - Suprvsn and Engrg - Steam Oper</t>
  </si>
  <si>
    <t>0500100 - Fossil Oper Superv&amp;Engineer-Recoverable</t>
  </si>
  <si>
    <t>0501150 - Coal Handling</t>
  </si>
  <si>
    <t>0501180 - Sale of Fly Ash - Revenues</t>
  </si>
  <si>
    <t>0501190 - Sale of Fly Ash - Expenses</t>
  </si>
  <si>
    <t>0502030 - Urea - Qualifying</t>
  </si>
  <si>
    <t>0502040 - Cost of Lime</t>
  </si>
  <si>
    <t>0502070 - Gypsum - Qualifying</t>
  </si>
  <si>
    <t>0502100 - Fossil Steam Exp - Other</t>
  </si>
  <si>
    <t>0502300 - Steam Oper-Caustic - FL</t>
  </si>
  <si>
    <t>0502400 - Fossil Steam Exp - Recoverable</t>
  </si>
  <si>
    <t>0505000 - Electric Expenses - Steam Oper</t>
  </si>
  <si>
    <t>0506000 - Misc Fossil Power Expenses</t>
  </si>
  <si>
    <t>0506300 - Misc Fossil Power Expenses - Recoverable</t>
  </si>
  <si>
    <t>F_STEAM_PROD_OP - Steam Production Operating (500-509)</t>
  </si>
  <si>
    <t>0560000 - Supervsn and Engrng - Trans Oper</t>
  </si>
  <si>
    <t>0561100 - Load Dispatch - Reliability</t>
  </si>
  <si>
    <t>0561200 - Load Dispatch - MnitorandOprtrnsys</t>
  </si>
  <si>
    <t>0561300 - Load Dispatch - TranssvcandSch</t>
  </si>
  <si>
    <t>0561500 - Reliability Planning and Stdsdev</t>
  </si>
  <si>
    <t>0561600 - Trans Svc Studios</t>
  </si>
  <si>
    <t>0561601 - Trans Study Reimbursement</t>
  </si>
  <si>
    <t>0561700 - Incon Study Costs (T)</t>
  </si>
  <si>
    <t>0561701 - Intcon Study Costs Reim (T)</t>
  </si>
  <si>
    <t>0562000 - Station Expenses</t>
  </si>
  <si>
    <t>0563000 - Overhead Line Expenses - Trans</t>
  </si>
  <si>
    <t>0565000 - Transm of Elec By Others</t>
  </si>
  <si>
    <t>0566000 - Misc Trans Exp - Other</t>
  </si>
  <si>
    <t>0566100 - Misc Trans - Trans Lines Related</t>
  </si>
  <si>
    <t>0567000 - Rents - Trans Oper</t>
  </si>
  <si>
    <t>F_TRANS_OP_EXP - Transmission Operating Expense (560-567)</t>
  </si>
  <si>
    <t>F_OTH_OPERATION - Other Operation</t>
  </si>
  <si>
    <t>0823000 - Storage - Gas Losses</t>
  </si>
  <si>
    <t>0870000 - Distribution Sys Ops - Supv/Eng</t>
  </si>
  <si>
    <t>0841000 - Operation Labor and Exp</t>
  </si>
  <si>
    <t>F_GAS_OPER_EXP - Gas Operating Expenses</t>
  </si>
  <si>
    <t>F_OP_EXP - Operation Expenses (401)</t>
  </si>
  <si>
    <t>0403002 - Depr - Expense</t>
  </si>
  <si>
    <t>0403050 - CONTRA DEPR-OATT</t>
  </si>
  <si>
    <t>F_ELECT_DEPR - Electric Depreciation</t>
  </si>
  <si>
    <t>F_DEPR_EXP - Depreciation Expenses (403)</t>
  </si>
  <si>
    <t>0404200 - Amort of Elec Plt - Software</t>
  </si>
  <si>
    <t>F_AMORT_LT_ELEC_PLT - Amort of LT Term Elec Plt</t>
  </si>
  <si>
    <t>F_AMORT_DEPL_UT_PLNT - Amortization and Depletion of Utility Plant (404-405)</t>
  </si>
  <si>
    <t>0407115 - Meter Amortization</t>
  </si>
  <si>
    <t>0407318 - Reg Debit - SPP DEF</t>
  </si>
  <si>
    <t>0407319 - EVCS deferral amortization</t>
  </si>
  <si>
    <t>0407322 - Storm Cost Reg Asset Amort</t>
  </si>
  <si>
    <t>0407361 - REG DEBIT-ECRC O&amp;M DEF</t>
  </si>
  <si>
    <t>0407371 - Amortization - Storm Exp - Whsle</t>
  </si>
  <si>
    <t>0407383 - Amort Coal Ash Spend - Whlsale</t>
  </si>
  <si>
    <t>0407387 - DEF CR4&amp;5 Accelerated Deprecia</t>
  </si>
  <si>
    <t>0407389 - CR South Reg Asset Amrtz</t>
  </si>
  <si>
    <t>0407399 - Amortization - Misc</t>
  </si>
  <si>
    <t>0407410 - Misc Capacity Amortization</t>
  </si>
  <si>
    <t>0407907 - Regulatory Asset-Deferral Acct</t>
  </si>
  <si>
    <t>0557201 - FL Deferred Capacity Expense</t>
  </si>
  <si>
    <t>0557202 - FL Deferred Fuel Expense</t>
  </si>
  <si>
    <t>F_TOT_REG_DEBITS - Regulatory Debits (407.3)</t>
  </si>
  <si>
    <t>0411603 - Gain on Asset Ret Obligation</t>
  </si>
  <si>
    <t>F_GAINS_DISP_UT_PLT - Gains from Disposition Utility Plant (411.6)</t>
  </si>
  <si>
    <t>0411703 - Loss on Asset Ret Obligation</t>
  </si>
  <si>
    <t>F_LOSS_DISP_UT_PLT - Losses from Disposition Utility Plant (411.7)</t>
  </si>
  <si>
    <t>0406505 - Amort Exp - Acq Purch Adj</t>
  </si>
  <si>
    <t>F_AMORT_UTIL_PLT_ADJ - Amortization of Utility Plant Acq. Adj. (406)</t>
  </si>
  <si>
    <t>0411050 - Accretion Expense ARO</t>
  </si>
  <si>
    <t>F_ACCRETION_EXP - Accretion Expense (411.10)</t>
  </si>
  <si>
    <t>0407463 - Defer DEF Final Dismantlement</t>
  </si>
  <si>
    <t>F_REG_CREDITS - (Less) Regulatory Credits (407.4)</t>
  </si>
  <si>
    <t>F_DEP_AMOR_PROP_LOSS - Depreciation and Amortization</t>
  </si>
  <si>
    <t>0510000 - Suprvsn and Engrng - Steam Maint</t>
  </si>
  <si>
    <t>0510100 - Suprvsn and Engrng-Steam Maint - Rec</t>
  </si>
  <si>
    <t>0511000 - Maint of Structures - Steam</t>
  </si>
  <si>
    <t>0511200 - Maint Of Structures-Steam - Recoverable</t>
  </si>
  <si>
    <t>0512100 - Maint of Boiler Plant - Other</t>
  </si>
  <si>
    <t>0512300 - Maint Of Boiler Plant-Other - Recoverable</t>
  </si>
  <si>
    <t>0513100 - Maint of Electric Plant - Other</t>
  </si>
  <si>
    <t>0513300 - Maint Of Electric Plant-Other - Recoverable</t>
  </si>
  <si>
    <t>0514000 - Maintenance - Misc Steam Plant</t>
  </si>
  <si>
    <t>0514300 - Maintenance - Misc Steam Plant</t>
  </si>
  <si>
    <t>F_STEAM_PROD_MAINT - STEAM PRODUCTION MAINTENANCE (510-515)</t>
  </si>
  <si>
    <t>0568000 - Suprvsn and Engrng - Trans Maint</t>
  </si>
  <si>
    <t>0569000 - Maint of Structures - Trans</t>
  </si>
  <si>
    <t>0569100 - Maint of Computer Hardware</t>
  </si>
  <si>
    <t>0569200 - Maint of Computer Software</t>
  </si>
  <si>
    <t>0570100 - Maint Stat Equip - Other_Trans</t>
  </si>
  <si>
    <t>0570200 - Main - Cir Brkrs Trnsf Mtrs - Trans</t>
  </si>
  <si>
    <t>0571000 - Maint of Overhead Lines - Trans</t>
  </si>
  <si>
    <t>0572000 - Maintenanace of Underground Lines</t>
  </si>
  <si>
    <t>0573000 - Maint of Misc Transm Plant</t>
  </si>
  <si>
    <t>F_TRANS_MAINT - TRANSMISSION MAINTENANCE (568-574)</t>
  </si>
  <si>
    <t>0590000 - Supervsn and Engrng - Dist Maint</t>
  </si>
  <si>
    <t>0592100 - Maint Station Equip - Other - Dist</t>
  </si>
  <si>
    <t>0592110 - Maintenance of Energy Storage</t>
  </si>
  <si>
    <t>0592200 - Cir Brkrs Trnsf Mters Rely - Dist</t>
  </si>
  <si>
    <t>0593000 - Maint Overhd Lines - Other - Dist</t>
  </si>
  <si>
    <t>0593100 - Right - Of - Way Maintenance - Dist</t>
  </si>
  <si>
    <t>0594000 - Maint - Underground Lines - Dist</t>
  </si>
  <si>
    <t>0595100 - Maint Lines Transfrs - Other - Dist</t>
  </si>
  <si>
    <t>0596000 - Maint - Streetlightng/Signl - Dist</t>
  </si>
  <si>
    <t>0597000 - Maintenance of Meters - Dist</t>
  </si>
  <si>
    <t>0598100 - Main Misc Dist Plt - Other - Dist</t>
  </si>
  <si>
    <t>F_DIST_GEN_EXP_MAINT - DISTRIBUTION GENERAL EXPENSE MAINTENANCE (590-598)</t>
  </si>
  <si>
    <t>0551000 - Suprvsn and Enginring - Ct Maint</t>
  </si>
  <si>
    <t>0552000 - Maintenance of Structures - Ct</t>
  </si>
  <si>
    <t>0553000 - Maint - Gentg and Elect Equip - Ct</t>
  </si>
  <si>
    <t>0553100 - CT Maint of Gen and Plant-Recoverable</t>
  </si>
  <si>
    <t>0554000 - Misc Power Generation Plant - Ct</t>
  </si>
  <si>
    <t>F_COMB_PROD_MAINT - Combustion Production Maintenance (551-554.1)</t>
  </si>
  <si>
    <t>0935100 - Maint General Plant-Elec</t>
  </si>
  <si>
    <t>0935200 - Cust Infor and Computer Control</t>
  </si>
  <si>
    <t>F_ADMIN_GEN_MAINT - ADMIN GENERAL EXPENSE MAINT (935)</t>
  </si>
  <si>
    <t>0402000 - Maintenance Expense</t>
  </si>
  <si>
    <t>F_GAS_PROD_MAINT_EXP - Gas Production Maintenance Expenses</t>
  </si>
  <si>
    <t>0551220 - Solar: Maint Supv &amp; Eng</t>
  </si>
  <si>
    <t>0553220 - Solar: Maint Gen &amp; Elect Plt</t>
  </si>
  <si>
    <t>F_SOLAR_MAINT - Solar Maintenance Expense</t>
  </si>
  <si>
    <t>F_MAINT_EXP - Maintenance Expenses (402)</t>
  </si>
  <si>
    <t>0408000 - NC Property Tax - Electric</t>
  </si>
  <si>
    <t>0408055 - FL Property Tax - Electric</t>
  </si>
  <si>
    <t>0408100 - Franchise Tax - Electric</t>
  </si>
  <si>
    <t>0408120 - Franchise Tax - Non Electric</t>
  </si>
  <si>
    <t>0408121 - Taxes Property - Operating</t>
  </si>
  <si>
    <t>0408150 - State Unemployment Tax</t>
  </si>
  <si>
    <t>0408151 - Federal Unemployment Tax</t>
  </si>
  <si>
    <t>0408152 - Employer FICA Tax</t>
  </si>
  <si>
    <t>0408470 - Franchise Tax</t>
  </si>
  <si>
    <t>0408800 - Federal Highway Use Tax - Elec</t>
  </si>
  <si>
    <t>0408840 - Miscellaneous Taxes</t>
  </si>
  <si>
    <t>0408851 - Sales and Use Tax Exp</t>
  </si>
  <si>
    <t>0408960 - Allocated Payroll Taxes</t>
  </si>
  <si>
    <t>F_TAX_OTH_INC_TAX - Taxes Other Than Income Taxes (408.1)</t>
  </si>
  <si>
    <t>F_OP_EXP_BEFORE_TAX - Total Operating Expense Before Income Taxes</t>
  </si>
  <si>
    <t>0409190 - Federal Income Tax - Electric CY</t>
  </si>
  <si>
    <t>F_FED_INC_TAX_ELE_CY - Federal Income Tax - Electric CY</t>
  </si>
  <si>
    <t>0409191 - Federal Income Tax - Electric PY</t>
  </si>
  <si>
    <t>0409195 - UTP Tax Expense: Fed Util-PY</t>
  </si>
  <si>
    <t>F_FED_INC_TAX_ELE_PY - Federal Income Tax - Electric PY</t>
  </si>
  <si>
    <t>F_INC_TAX_FED - Income Taxes Federal (409.1)</t>
  </si>
  <si>
    <t>0409102 - SIT Exp - Utility</t>
  </si>
  <si>
    <t>0409104 - Current State Income Tax - PY</t>
  </si>
  <si>
    <t>F_INC_TAX_OTH - Income Tax - Other (409.1)</t>
  </si>
  <si>
    <t>0410100 - Dfit: Utility: Current Year</t>
  </si>
  <si>
    <t>0410102 - Dsit: Utility: Current Year</t>
  </si>
  <si>
    <t>0410105 - Dfit: Utility: Prior Year</t>
  </si>
  <si>
    <t>0410106 - Dsit: Utility: Prior Year</t>
  </si>
  <si>
    <t>0410130 - UTP DFIT:Utility:PY</t>
  </si>
  <si>
    <t>F_PROV_DEF_INC_TAX - Provision for Deferred Income Taxes (410.1)</t>
  </si>
  <si>
    <t>0411100 - Dfit: Utility: Curr Year Cr</t>
  </si>
  <si>
    <t>0411101 - Dsit: Utility: Curr Year Cr</t>
  </si>
  <si>
    <t>0411102 - Dfit: Utility: Prior Year Cr</t>
  </si>
  <si>
    <t>0411103 - Dsit: Utility: Prior Year Cr</t>
  </si>
  <si>
    <t>0411115 - DFIT: Federal Excess DIT Amort</t>
  </si>
  <si>
    <t>F_DEF_INC_TAX_CR - (Less) Provision for Deferred Income Tax-Cr. (411.1)</t>
  </si>
  <si>
    <t>F_PROVISION_DEF_INC - Provision for Deferred Income (410.1)</t>
  </si>
  <si>
    <t>0411410 - Invest Tax Credit Adj - Electric</t>
  </si>
  <si>
    <t>F_INV_TAX_CR_ADJ - Investment Tax Credit Adj. - Net (411.4)</t>
  </si>
  <si>
    <t>F_TAXES - Total Income Taxes On Operating Income</t>
  </si>
  <si>
    <t>F_UTIL_OP_EXP - Total Utility Operating Expenses</t>
  </si>
  <si>
    <t>F_NET_UTIL_OP_INC - Net Utility Operating Income</t>
  </si>
  <si>
    <t>0416330 - Miscellaneous Expense</t>
  </si>
  <si>
    <t>F_MERCH_JOB_EXP - Costs and Exp. of Merchandising Job and Contract Work (416)</t>
  </si>
  <si>
    <t>4181107 - Earnings of Sub</t>
  </si>
  <si>
    <t>F_EQITY_SUB - Equity in Earnings of Subsidiary Companies (418.1)</t>
  </si>
  <si>
    <t>0419040 - Interest Inc (sch M)</t>
  </si>
  <si>
    <t>0419240 - Miscellaneous Interest</t>
  </si>
  <si>
    <t>0419429 - IC Moneypool - Interest Inc</t>
  </si>
  <si>
    <t>0419500 - I/C Interest Income</t>
  </si>
  <si>
    <t>F_INT_INC - Interest and Dividend Income (419)</t>
  </si>
  <si>
    <t>0419110 - AFUDC Equity Component</t>
  </si>
  <si>
    <t>F_AFUDC - Allowance for Other Funds Under Construction (419.1)</t>
  </si>
  <si>
    <t>0418200 - Non - Util - Depreciation Expense</t>
  </si>
  <si>
    <t>F_NON_OP_RENTAL_INC - Non Operating Rental Income (418)</t>
  </si>
  <si>
    <t>0421038 - Gain Loss Unconsol Eqty Inv</t>
  </si>
  <si>
    <t>0421039 - Interest Inc Recovery Clauses</t>
  </si>
  <si>
    <t>0421060 - MINI-TIMBER SALES-NC</t>
  </si>
  <si>
    <t>0421340 - Gain on Life Insurance Policy</t>
  </si>
  <si>
    <t>0421360 - Other Misc Deduct</t>
  </si>
  <si>
    <t>0421913 - NDTF Shareholder Earning/Loss</t>
  </si>
  <si>
    <t>0421940 - Misc Income</t>
  </si>
  <si>
    <t>F_MISC_NON_OP_INC - Miscellaneous Nonoperating Income</t>
  </si>
  <si>
    <t>0421100 - Gain on Disposal of Property</t>
  </si>
  <si>
    <t>F_GAIN_DISP_PROP - Gain On Disposal Of Property</t>
  </si>
  <si>
    <t>0417000 - Misc Revenue</t>
  </si>
  <si>
    <t>0417006 - IC Non-Util Misc Rev</t>
  </si>
  <si>
    <t>0417310 - Products and Svcs - NonReg</t>
  </si>
  <si>
    <t>F_REV_NON_UTIL_OP - Revenues from Nonutility Operations (417)</t>
  </si>
  <si>
    <t>0417117 - Expenses of Nonutility Oper</t>
  </si>
  <si>
    <t>0417320 - Exp - Unreg Products and Svcs</t>
  </si>
  <si>
    <t>F_EXP_NON_UTIL_OP - Expenses of Nonutility Operations (417.1)</t>
  </si>
  <si>
    <t>F_TOT_EXP_NON_UTL_OP - Total Expense - Nonutility Operations</t>
  </si>
  <si>
    <t>F_OTHER_NET - Other - Net</t>
  </si>
  <si>
    <t>0415005 - Res Fixed Bill Rev Delta</t>
  </si>
  <si>
    <t>F_MERCH_JOB_REV - Revenues from Merchandising, Jobbing and Contract Work (415)</t>
  </si>
  <si>
    <t>F_TOT_OTH_INC - Total Other Income</t>
  </si>
  <si>
    <t>0421200 - Loss on Disposal of Property</t>
  </si>
  <si>
    <t>F_LOSS_DISP_PROP - Loss on Disposition of Property (421.2)</t>
  </si>
  <si>
    <t>0425000 - Miscellaneous Amortization</t>
  </si>
  <si>
    <t>0425013 - Misc Amortizat - Acquis</t>
  </si>
  <si>
    <t>F_MISC_AMORT - Miscellaneous Amortization (425)</t>
  </si>
  <si>
    <t>0426100 - Donations</t>
  </si>
  <si>
    <t>0426512 - Donations</t>
  </si>
  <si>
    <t>F_DONATIONS - Donations (426.1)</t>
  </si>
  <si>
    <t>0426200 - Life Insurance Expense</t>
  </si>
  <si>
    <t>F_LIFE_INS - Life Insurance (426.2)</t>
  </si>
  <si>
    <t>0426300 - Penalties</t>
  </si>
  <si>
    <t>F_PENALTIES - Penalties (426.3)</t>
  </si>
  <si>
    <t>0426400 - Exp/Civic and Political Activity</t>
  </si>
  <si>
    <t>F_EXP_CIVIC_POL - Exp. For Certain Civic, Political and Related Activity (426.4)</t>
  </si>
  <si>
    <t>0426510 - Other</t>
  </si>
  <si>
    <t>F_OTH_ADMIN_EXP_A - Other Administrative Expense Affiliate</t>
  </si>
  <si>
    <t>0426540 - Employee Service Club Dues</t>
  </si>
  <si>
    <t>F_EMP_SVC_CLUB_DUE - Employee Service Club Dues</t>
  </si>
  <si>
    <t>0599023 - Other Misc Expense</t>
  </si>
  <si>
    <t>F_CONTRA_OP_EXP - Contra Operating Expenses</t>
  </si>
  <si>
    <t>0426521 - Sale Of A/R Fees</t>
  </si>
  <si>
    <t>0426525 - Interest - Sub</t>
  </si>
  <si>
    <t>0426551 - Impairment and Other Rel Chgs</t>
  </si>
  <si>
    <t>0426553 - PpandE Impairments</t>
  </si>
  <si>
    <t>F_OTH_DED - Other Deductions (426.5)</t>
  </si>
  <si>
    <t>F_OTH_INC_DEDUCTIONS - Other Income Deductions</t>
  </si>
  <si>
    <t>F_TOT_OTH_INC_DED - Total Other Income Deductions</t>
  </si>
  <si>
    <t>0408223 - FL Property Tx - Mis Non-Op</t>
  </si>
  <si>
    <t>F_TAX_OTH_THAN_INC - Taxes Other than Income Taxes (408.2)</t>
  </si>
  <si>
    <t>0409220 - Federal Income Tax - NonUtility CY</t>
  </si>
  <si>
    <t>0409221 - Federal Income Tax - NonUtility PY</t>
  </si>
  <si>
    <t>F_INC_TAX_NON_UT_FED - Income Taxes-Federal (409.2)</t>
  </si>
  <si>
    <t>0409233 - Tax expense - state nonutility - PY</t>
  </si>
  <si>
    <t>0409234 - UTP Tax Exp: State Non-Util-PY</t>
  </si>
  <si>
    <t>F_INC_TAX_NON_UTL_NC - NC Income Tax - Nonutility</t>
  </si>
  <si>
    <t>0409202 - State Income Tax NonUtility</t>
  </si>
  <si>
    <t>F_INC_TAX_NON_UTL_GA - GA Income Tax - Nonutility</t>
  </si>
  <si>
    <t>F_INC_TAX_NON_UTIL - Income Taxes-Other (409.2)</t>
  </si>
  <si>
    <t>F_T_INC_TAX_NON_UTIL - Income Taxes - Non Utility (Deduction)</t>
  </si>
  <si>
    <t>0410240 - Dfit: Non - Utility: Curr Year</t>
  </si>
  <si>
    <t>0410241 - Dfit: Non - Utility: Prior Yr Cr</t>
  </si>
  <si>
    <t>0410242 - Dsit: Non - Utility: Curr Year</t>
  </si>
  <si>
    <t>0410243 - Dsit: Non - Utility: Prior Year</t>
  </si>
  <si>
    <t>F_DEF_INC_TAX - Provision for Deferred Inc. Taxes (410.2)</t>
  </si>
  <si>
    <t>0411240 - Dfit: Non - Utility: Curr Yr Cr</t>
  </si>
  <si>
    <t>0411241 - Other Deferred Taxes PY</t>
  </si>
  <si>
    <t>0411242 - Dsit: Non - Utility: Curr Yr Cr</t>
  </si>
  <si>
    <t>0411243 - Dsit: Non - Utility: Prior Yr Cr</t>
  </si>
  <si>
    <t>F_PR_DEF_INC_TAX_CR - (Less) Provision for Deferred Income Taxes-Cr. (411.2)</t>
  </si>
  <si>
    <t>F_NU_PROV_DEF_INC_TX - Provision for Deferred Income Tax (Non Utility)</t>
  </si>
  <si>
    <t>F_TAX_OTH_INC_DED - Total Taxes on Other Income and Deductions</t>
  </si>
  <si>
    <t>F_NET_OTH_INC_DED - Net Other Income and Deductions</t>
  </si>
  <si>
    <t>F_GROSS_INCOME - Gross Income</t>
  </si>
  <si>
    <t>0428021 - Amort of Deferred Debt Exp</t>
  </si>
  <si>
    <t>0428025 - Amortization of Debt Discount</t>
  </si>
  <si>
    <t>0428100 - Amort of Debt Discount and Exp</t>
  </si>
  <si>
    <t>F_AMORT_DEBT_DIS - Amort. of Debt Disc. and Expense (428)</t>
  </si>
  <si>
    <t>0428165 - Amort on Loss of Reaquired Debt</t>
  </si>
  <si>
    <t>F_AMORT_DEBT_LOS - Amortization of Loss on Reaquired Debt (428.1)</t>
  </si>
  <si>
    <t>F_TOT_AMORT_DEBT - Total Amortization of Debt Discount and Loss</t>
  </si>
  <si>
    <t>0430216 - IC Moneypool - Interest Exp</t>
  </si>
  <si>
    <t>F_INT_DT_ASSOC_CO - Interest on Debt to Assoc. Companies (430)</t>
  </si>
  <si>
    <t>0431000 - Int Exp - Taxes</t>
  </si>
  <si>
    <t>0431550 - Interest Exp-Assign From Svc</t>
  </si>
  <si>
    <t>0431900 - Interest Expense Other</t>
  </si>
  <si>
    <t>0431921 - Other Interest - Customer Deposit</t>
  </si>
  <si>
    <t>F_OTH_INT_EXP - Other Interest Expense (431)</t>
  </si>
  <si>
    <t>F_OTHER_INTEREST - Other Interest</t>
  </si>
  <si>
    <t>0432000 - AFUDC Debt Component</t>
  </si>
  <si>
    <t>F_AFUDC_DEBT - (Less) Allowance for Borrowed Funds Used During Construction-CR (432)</t>
  </si>
  <si>
    <t>0427220 - Interest on L - T Note Payable</t>
  </si>
  <si>
    <t>0427550 - Interest on Bonds</t>
  </si>
  <si>
    <t>F_INT_LT_DEBT - Interest on LT Debt</t>
  </si>
  <si>
    <t>F_TOT_INT_LT_DEBT - Interest on Long-Term Debt (427)</t>
  </si>
  <si>
    <t>F_NET_INTEREST_CHGS - Net Interest Charges</t>
  </si>
  <si>
    <t>F_INC_BEF_EXT_ITEMS - Income Before Extraordinary Items</t>
  </si>
  <si>
    <t>0426517 - Other Professional Services</t>
  </si>
  <si>
    <t>F_NONREG_EXP1 - Non-Regulatory Accounts - Expense</t>
  </si>
  <si>
    <t>4265016 - Minority Interest Expense - HFM Calc</t>
  </si>
  <si>
    <t>F_NONREG_EXP4 - Non-Regulatory Accounts - Expense</t>
  </si>
  <si>
    <t>F_NONREG_EXP - Non-Regulatory Accounts - Expense</t>
  </si>
  <si>
    <t>F_NET_INCOME - Net Income</t>
  </si>
  <si>
    <t xml:space="preserve">X </t>
  </si>
  <si>
    <t>*[]*</t>
  </si>
  <si>
    <t>0101333 - IC ProCo PP&amp;E</t>
  </si>
  <si>
    <t>0106333 - IC ProCo Comp Con Unclassified</t>
  </si>
  <si>
    <t>0108333 - IC ProCo Accumulated DD&amp;A</t>
  </si>
  <si>
    <t>0175002 - Deriv Assets - Noncashflw - LT</t>
  </si>
  <si>
    <t>F_DERIV_INSTR_LT - Long-Term Portion of Derivative Assets (175)</t>
  </si>
  <si>
    <t>0142011 - Accounts Receivable Other</t>
  </si>
  <si>
    <t>0143130 - Misc A/R - Stores</t>
  </si>
  <si>
    <t>0146006 - IC Moneypool - Interest Receiv</t>
  </si>
  <si>
    <t>0146333 - Hollywood IC Account</t>
  </si>
  <si>
    <t>0146999 - Inter - Unit Unconsolidated BU</t>
  </si>
  <si>
    <t>0145004 - IC Moneypool - ST Notes Receiv</t>
  </si>
  <si>
    <t>F_NOTES_REC_ASSOC_CO - Note Receivable from Associated Companies (145)</t>
  </si>
  <si>
    <t>0165910 - Prepayment - Fuel</t>
  </si>
  <si>
    <t>0174100 - Other Current Assets</t>
  </si>
  <si>
    <t>F_DERIV_INST_LT_CALC - L T Portion of Derivative Instruments Assets (CALC)</t>
  </si>
  <si>
    <t>F_DERIV_INST_LT_LESS - (Less) Long-Term Portion of Derivative Instruments Assets</t>
  </si>
  <si>
    <t>0181056 - Unamortized Debt Exp - CurrLTD</t>
  </si>
  <si>
    <t>0181103 - DEF 200M FLOAT ISSUED 9/2023</t>
  </si>
  <si>
    <t>0181107 - DEF DDE 700M 6.200% 11/15/53</t>
  </si>
  <si>
    <t>0181108 - DEF DDE 600M 5.875% 11/15/33</t>
  </si>
  <si>
    <t>0189007 - ST UNAMT LOSS REACQDEBT-TOTAL</t>
  </si>
  <si>
    <t>0182327 - Reg Asset - EV Rebate for C&amp;I</t>
  </si>
  <si>
    <t>0182360 - Contra Equity ST</t>
  </si>
  <si>
    <t>0182370 - Current Portion of Reg Assets</t>
  </si>
  <si>
    <t>0182410 - Interest Rate Swap Reg Asset</t>
  </si>
  <si>
    <t>0182751 - Cust. Connect Deferral LT</t>
  </si>
  <si>
    <t>0221107 - DEF FMB 700M 6.200% 11/15/53</t>
  </si>
  <si>
    <t>0221108 - DEF FMB 600M 5.875% 11/15/33</t>
  </si>
  <si>
    <t>0224103 - DEF 200M FLOAT ISSUED 9/2023</t>
  </si>
  <si>
    <t>0224251 - Current Portion of Unsec Float</t>
  </si>
  <si>
    <t>0226107 - DEF UNAMDIS 700M6.200%11/15/53</t>
  </si>
  <si>
    <t>0226108 - DEF UNAMDIS 600M 5.875% 11/15/33</t>
  </si>
  <si>
    <t>0244006 - Derivative Instr-Regulatory-LT</t>
  </si>
  <si>
    <t>F_LT_DERIV_INST - Long-Term Portion of Derivative Instrument Liabilities</t>
  </si>
  <si>
    <t>0232195 - Railcar Lease Payable</t>
  </si>
  <si>
    <t>0237110 - Bonds Interest Payable</t>
  </si>
  <si>
    <t>0237460 - Interest Payable</t>
  </si>
  <si>
    <t>0242217 - COBRA Liability</t>
  </si>
  <si>
    <t>0242395 - CUR&amp;ACCR LIAB MED/DTL INS ACT</t>
  </si>
  <si>
    <t>0242650 - Accrued Payable - Other</t>
  </si>
  <si>
    <t>F_LT_DERIV_LIAB_CALC - Long-Term Portion of Derivative Instrument Liablities Calc</t>
  </si>
  <si>
    <t>F_DERIV_INST_LIAB - Derivative Instrument Liabilities (244)</t>
  </si>
  <si>
    <t>F_LT_DERV_LIAB_LESS - (Less) Long-Term Portion of Derivative Instrument Liabilities</t>
  </si>
  <si>
    <t>0253902 - LT Deferred SUT Liability-TEP</t>
  </si>
  <si>
    <t>0253920 - Other Deferred Credits</t>
  </si>
  <si>
    <t>0254002 - Interest Rate Swap Reg Liability</t>
  </si>
  <si>
    <t>0254331 - LT Closed Def Int Hedge-Liab</t>
  </si>
  <si>
    <t>0254332 - ST Closed Def Int Hedge - Liab</t>
  </si>
  <si>
    <t>0447016 - I/C Joint Disp - Revenue</t>
  </si>
  <si>
    <t>0447159 - Resale Sales - Outside(Contra)</t>
  </si>
  <si>
    <t>0454106 - ProCo IC Lease Revenues</t>
  </si>
  <si>
    <t>0456117 - I/C WHEELING-TRANSMISSION-DUKE</t>
  </si>
  <si>
    <t>0456613 - CEI REC Sales Revenues</t>
  </si>
  <si>
    <t>0920001 - SC O&amp;M Labor Deferral</t>
  </si>
  <si>
    <t>0925052 - Inter-Co Worker Comp Insur Exp</t>
  </si>
  <si>
    <t>0926420 - Employees' Tuition Refund</t>
  </si>
  <si>
    <t>0931004 - ProCo IC Lease Expense</t>
  </si>
  <si>
    <t>0549200 - CT Misc Power Exp-Recoverable</t>
  </si>
  <si>
    <t>0535000 - Supervsn and Engrng - Hydro Oper</t>
  </si>
  <si>
    <t>F_HYDRO_PROD_OP - Hydraulic Production Operating</t>
  </si>
  <si>
    <t>0517000 - Supervsn and Engnring - Nuc Oper</t>
  </si>
  <si>
    <t>0520000 - Steam Expenses - Nuc Oper</t>
  </si>
  <si>
    <t>0523000 - Electric Expenses</t>
  </si>
  <si>
    <t>0911000 - Supervision</t>
  </si>
  <si>
    <t>0912300 - Economic Development Discount</t>
  </si>
  <si>
    <t>0403333 - IC ProCo Depreciation Exp</t>
  </si>
  <si>
    <t>0403400 - Depr of Distribution Plant</t>
  </si>
  <si>
    <t>0403500 - Depr of General Plant</t>
  </si>
  <si>
    <t>0407321 - Dynegy Reg Debits-FERC 407.3</t>
  </si>
  <si>
    <t>F_GAINS_DISP_UT_PLT - (Less) Gains on Disp. of Utility Plant (411.6)</t>
  </si>
  <si>
    <t>0407444 - DOE Settlement Reg Liab Amort</t>
  </si>
  <si>
    <t>0595200 - Cir Brkrs Transf Capcitrs - Dist</t>
  </si>
  <si>
    <t>F_MERCH_JOB_EXP - (Less) Costs and Exp. of Merchandising, Job &amp; Contract Work (416)</t>
  </si>
  <si>
    <t>0421091 - ProCo IC Misc Income</t>
  </si>
  <si>
    <t>0421092 - ProCo IC Sales Expense</t>
  </si>
  <si>
    <t>0417007 - Misc Revenue-Reg</t>
  </si>
  <si>
    <t>F_EXP_NON_UTIL_OP - (Less) Expenses of Nonutility Operations (417.1)</t>
  </si>
  <si>
    <t>0415002 - My Energy Bill+ Rev Delta</t>
  </si>
  <si>
    <t>F_TAX_OTH_THAN_INC - Taxes Other Than Income Taxes (408.2)</t>
  </si>
  <si>
    <t>0409297 - Current State Inc Tax-Non Util</t>
  </si>
  <si>
    <t>F_INC_TAX_NON_UTL_ST - F_INC_TAX_NON_UTIL_ST - State Income Tax - Nonutility</t>
  </si>
  <si>
    <t>0431130 - Interest Exp - Capital Lease</t>
  </si>
  <si>
    <t>0457700 - Allocated Employee Bnfts Offset</t>
  </si>
  <si>
    <t>F_NONREG_EXP2 - Non-Regulatory Accounts - Expense</t>
  </si>
  <si>
    <t>0928030 - Prof Fees Consultant</t>
  </si>
  <si>
    <t>F_NONREG_EXP3 - Non-Regulatory Accounts - Expense</t>
  </si>
  <si>
    <t>REG FL: 2022 Forecast - Based on 2022 12&amp;00 FL 2024 Rate Case</t>
  </si>
  <si>
    <t>QE:[0182327 - Reg Asset - EV Rebate for C&amp;I]</t>
  </si>
  <si>
    <t>QF:[0182328 - DEF Retail Final Dism Deferral]</t>
  </si>
  <si>
    <t>QG:[0182332 - Blank Row]</t>
  </si>
  <si>
    <t>QH:[0182334 - Pension settlement charges]</t>
  </si>
  <si>
    <t>QI:[0182338 -  Storm Cost Regulatory Asset-2021 Settlement $29M]</t>
  </si>
  <si>
    <t>QJ:[0182371 - Reg Asset - Pro Co formation]</t>
  </si>
  <si>
    <t>QK:[0182390 - SC GridSouth Reg Asset]</t>
  </si>
  <si>
    <t>QL:[0182397 - VIE-Restrict Reg Asset Inc Tax]</t>
  </si>
  <si>
    <t>QM:[0182470 - Coal Ash Spend Retail (SC)]</t>
  </si>
  <si>
    <t>QN:[0182525 - Non-AMI Meter NBV 182.3]</t>
  </si>
  <si>
    <t>QO:[0182560 - NC Solar Rebate Program Costs]</t>
  </si>
  <si>
    <t>QP:[0182568 - Crystal River South Reg Asset - Current]</t>
  </si>
  <si>
    <t>QQ:[0182569 - Crystal River South Reg Asset]</t>
  </si>
  <si>
    <t>QR:[0182716 - Ohio Gas Integrity Deferral Co.]</t>
  </si>
  <si>
    <t>QS:[0182800 - Acc Pen Post Ret Pur Acct - Qual]</t>
  </si>
  <si>
    <t>QT:[0182801 - Pension Post Retire P Acctg - FAS87 NQ]</t>
  </si>
  <si>
    <t>QU:[0182802 - Pension Post Retire P Acctg - FAS 106]</t>
  </si>
  <si>
    <t xml:space="preserve">     QV:[182.0 Subtotal]</t>
  </si>
  <si>
    <t>QW:[FERC 182.1: Extraordinary Property Loss]</t>
  </si>
  <si>
    <t>QX:[0182100 - Inactive - Extraordinary Property Loss]</t>
  </si>
  <si>
    <t xml:space="preserve">     QY:[182.1 Subtotal]</t>
  </si>
  <si>
    <t>QZ:[FERC 182.3: Other Regulatory Assets]</t>
  </si>
  <si>
    <t>RA:[0182303 - Reg Asset MTM Fuel ST]</t>
  </si>
  <si>
    <t>RB:[0182308 - Interest On Tax Deficiencies]</t>
  </si>
  <si>
    <t>RC:[0182309 - Amort Load Management Switches]</t>
  </si>
  <si>
    <t>RD:[0182311 - Accrued Environmental Recovery]</t>
  </si>
  <si>
    <t>RE:[0182312 - Oprb FAS 106 Medical]</t>
  </si>
  <si>
    <t>RF:[0182313 - Deferred ECRC]</t>
  </si>
  <si>
    <t>RG:[0182315 - Reg Asset - Coal Ash Pond (ARO)]</t>
  </si>
  <si>
    <t>RH:[0182316 - Deferred Rate Case Exp - Florida]</t>
  </si>
  <si>
    <t>RI:[0182317 - Deferred Depreciation - 2010 Rate Case]</t>
  </si>
  <si>
    <t>RJ:[0182318 - Other Reg Assets - Gen Acct ("Pension")]</t>
  </si>
  <si>
    <t>RK:[0182319 - Closed Def Int Hedge-Asset]</t>
  </si>
  <si>
    <t>RL:[0182320 - Regulatory Asset - Inc Tax]</t>
  </si>
  <si>
    <t>RM:[0182321 - REG ASSET-DERIV MTM OIL]</t>
  </si>
  <si>
    <t>RN:[0182322 - ST Closed Def Int Hedge-Asset]</t>
  </si>
  <si>
    <t>RO:[0182331 - Deferred GPIF - FL Fuel Reg Asset]</t>
  </si>
  <si>
    <t>RP:[0182333 - SFAS 158 Reg Asset]</t>
  </si>
  <si>
    <t>RQ:[0182339 - Deferred CR3 - Depreciation &amp; Prop Taxes]</t>
  </si>
  <si>
    <t>RR:[0182342 - Deferred Asset]</t>
  </si>
  <si>
    <t>RS:[0182347 - Deferred CR3 - Depr &amp; Prop Taxes - Contra]</t>
  </si>
  <si>
    <t>RT:[0182354 - Accrued SPP Implementation Costs]</t>
  </si>
  <si>
    <t>RU:[0182359 - REPS Incremental Costs]</t>
  </si>
  <si>
    <t>RV:[0182370 - Current Portion of Reg Assets]</t>
  </si>
  <si>
    <t>RW:[0182393 - Deferred VOP Costs]</t>
  </si>
  <si>
    <t>RX:[0182395 - Deferred SPP]</t>
  </si>
  <si>
    <t>RY:[0182398 - Load Management Switches]</t>
  </si>
  <si>
    <t>RZ:[0182399 - Aro Regulatory Asset]</t>
  </si>
  <si>
    <t xml:space="preserve">     SA:[182.3 Subtotal]</t>
  </si>
  <si>
    <t>SB:[]</t>
  </si>
  <si>
    <t>SC:[0182400 - Deferred Capacity - Florida Retail]</t>
  </si>
  <si>
    <t>SD:[0182410 - Interest Rate Swap Reg Asset]</t>
  </si>
  <si>
    <t>SE:[0182411 - Deferred Fuel Exp-Current Year]</t>
  </si>
  <si>
    <t>SF:[0182412 - Deferred Fuel Exp - Prior Year]</t>
  </si>
  <si>
    <t>SG:[0182413 - Def Capacity Exp-Current Year]</t>
  </si>
  <si>
    <t>SH:[0182414 - Deferred Fuel Exp - Wholesale]</t>
  </si>
  <si>
    <t>SI:[0182415 - Regulatory Asset - Cor]</t>
  </si>
  <si>
    <t>SJ:[0182433 - Rate Case Cost NC LT]</t>
  </si>
  <si>
    <t>SK:[0182488 - CR3 Non-NCRC EPU Contra Equity]</t>
  </si>
  <si>
    <t>SL:[0182489 - Osprey Outage O&amp;M Deferral]</t>
  </si>
  <si>
    <t xml:space="preserve">     SM:[182.4 Subtotal]</t>
  </si>
  <si>
    <t>SN:[0182539 - Ridgegen PPA Buyout Reg Asset]</t>
  </si>
  <si>
    <t>SO:[0182536 - PPA Buyout Reg Asset]</t>
  </si>
  <si>
    <t>SP:[0182625 - IGCC Def Expenses]</t>
  </si>
  <si>
    <t>SQ:[0182680 - Defer Depr-Retail Recovery]</t>
  </si>
  <si>
    <t>SR:[0182700 - Other Deferred Debit]</t>
  </si>
  <si>
    <t>SS:[0182750 - Blank]</t>
  </si>
  <si>
    <t xml:space="preserve">     ST:[182 Subtotal]</t>
  </si>
  <si>
    <t>SU:[]</t>
  </si>
  <si>
    <t>SV:[FERC 183: Prelim Survey and Investigation Charges]</t>
  </si>
  <si>
    <t>SW:[0183000 - Prelim Survey and Investigation]</t>
  </si>
  <si>
    <t>SX:[0183300 - Deferred Energy Conservation]</t>
  </si>
  <si>
    <t xml:space="preserve">     SY:[183 Subtotal]</t>
  </si>
  <si>
    <t>SZ:[]</t>
  </si>
  <si>
    <t>TA:[FERC 184: Clearing Accounts]</t>
  </si>
  <si>
    <t>TB:[0184023 - Clearing Payroll Fixed Distr]</t>
  </si>
  <si>
    <t>TC:[0184100 - Fringe Benefits Clearing]</t>
  </si>
  <si>
    <t>TD:[0184102 - Other Current Assets Clearing]</t>
  </si>
  <si>
    <t>TE:[0184201 - Indirect Overheads]</t>
  </si>
  <si>
    <t>TF:[0184202 - Technical Services Department]</t>
  </si>
  <si>
    <t>TG:[0184450 - Charges To Be Tranferred(Go On]</t>
  </si>
  <si>
    <t>TH:[0184451 -  FERC to GAAP 184 clearing]</t>
  </si>
  <si>
    <t>TI:[0184495 - Rail Car Leasing Clearing]</t>
  </si>
  <si>
    <t>TJ:[0184500 - Departmental and Other Clearing]</t>
  </si>
  <si>
    <t>TK:[0184503 - ENV SVCS - Florida Supply]</t>
  </si>
  <si>
    <t>TL:[0184504 - RCO FPC Term Contracts]</t>
  </si>
  <si>
    <t>TM:[0184505 - Power Generation - PEF Clearing]</t>
  </si>
  <si>
    <t>TN:[0184510 - FGD Dept Staff]</t>
  </si>
  <si>
    <t>TO:[0803290 - Misc Expense]</t>
  </si>
  <si>
    <t>TP:[0804110- Unproductive Time Distributed]</t>
  </si>
  <si>
    <t>TQ:[0804210 - Vacations]</t>
  </si>
  <si>
    <t>TR:[0804220 - Holidays]</t>
  </si>
  <si>
    <t>TS:[0804290 - Other Excused Absences]</t>
  </si>
  <si>
    <t>TT:[0804330 - Sick]</t>
  </si>
  <si>
    <t>TU:[0999998 Allocations Suspense]</t>
  </si>
  <si>
    <t xml:space="preserve">     TV:[184 Subtotal]</t>
  </si>
  <si>
    <t>TW:[]</t>
  </si>
  <si>
    <t>TX:[FERC 185: Temporary Facilities]</t>
  </si>
  <si>
    <t>TY:[0185000 - Temporary Facilities]</t>
  </si>
  <si>
    <t xml:space="preserve">     TZ:[185 Subtotal]</t>
  </si>
  <si>
    <t>UA:[]</t>
  </si>
  <si>
    <t>UB:[FERC 186: Misc Deferred Debits]</t>
  </si>
  <si>
    <t>UC:[0186000 - NC Environmental Expense]</t>
  </si>
  <si>
    <t>UD:[0186002 - Reserve - Misc Def Debits]</t>
  </si>
  <si>
    <t>UE:[0186020 - Vision Florida Def O&amp;M]</t>
  </si>
  <si>
    <t>UF:[0186022 - ST Asset Closed Def Int Hedge]</t>
  </si>
  <si>
    <t>UG:[0186023 - Coal Mine Safery - OCA F2G]</t>
  </si>
  <si>
    <t>UH:[0186036 - DEF EVSC Deferral]</t>
  </si>
  <si>
    <t>UI:[0186038 - NC CustConnect Equity Rsv LT]</t>
  </si>
  <si>
    <t>UJ:[0186075 - Smart Grid OCA]</t>
  </si>
  <si>
    <t>UK:[0186100 - Balancing Gas - Union Gas]</t>
  </si>
  <si>
    <t>UL:[0186101 - DEF CR3 NCR - Reg Asset Base Rate]</t>
  </si>
  <si>
    <t>UM:[0186102 - DEF CR3 Dry Cast Storage]</t>
  </si>
  <si>
    <t>UN:[0186109 - DEF DCS Contra Equity]</t>
  </si>
  <si>
    <t>UO:[0186110 - Misc Work in Progress]</t>
  </si>
  <si>
    <t>UP:[0186111 - CIS O&amp;M Deferral]</t>
  </si>
  <si>
    <t>UQ:[0186120 - Misc. Wip - Fp Dist. Wids]</t>
  </si>
  <si>
    <t>UR:[0186195 - Deferred Rate Case Expense]</t>
  </si>
  <si>
    <t>US:[0186200 - Contra Unamort Debt Purch Acctg]</t>
  </si>
  <si>
    <t>UT:[0186201 - Def Project / Acq Exp]</t>
  </si>
  <si>
    <t>UU:[0186280 - Deferred Vacation Pay Accrual]</t>
  </si>
  <si>
    <t>UV:[0186281 - DEF COAL &amp; OIL RELATED COSTS]</t>
  </si>
  <si>
    <t>UW:[0186282 -Smart Grid Deferred Costs]</t>
  </si>
  <si>
    <t>UX:[0186283 - Hedge Asset Pre-Tax]</t>
  </si>
  <si>
    <t>UY:[0186290 - Oth Deferred Charges - Operation]</t>
  </si>
  <si>
    <t>UZ:[0186295 - Deferred Storm Expenses]</t>
  </si>
  <si>
    <t>VA:[0186342 - Vacation Accrual Regulatory Asset]</t>
  </si>
  <si>
    <t>VB:[0186400 - SECI-Lakeland Intercon Upgrade]</t>
  </si>
  <si>
    <t>VC:[0186460 - Error suspense Mapps (Invoice)]</t>
  </si>
  <si>
    <t>VD:[0186470 - Error Suspense - Corp Payroll]</t>
  </si>
  <si>
    <t>VE:[0186480 - MISC DEBITS TO BE CLEARED]</t>
  </si>
  <si>
    <t>VF:[0186500 - Othe Long Term Receivable (CR3 Batch 19)]</t>
  </si>
  <si>
    <t>VG:[0186506 - Def Coal and Oil Related Costs]</t>
  </si>
  <si>
    <t>VH:[0186605 - Misc Defer Debit Workers Comp]</t>
  </si>
  <si>
    <t>VI:[0186630 - LT Closed Def Int Hedge]</t>
  </si>
  <si>
    <t>VJ:[0186632 - Open Def Int Hedge Pre-Tax]</t>
  </si>
  <si>
    <t>VK:[0186802 - Accr Pen FAS 158 - Qual]</t>
  </si>
  <si>
    <t>VL:[0186803 - Pension Post Retire FAS158 - FAS 106]</t>
  </si>
  <si>
    <t>VM:[0186882 - Straight Line Lease Defer DR]</t>
  </si>
  <si>
    <t>VN:[0186889 -  Asset Recovery Deferred]</t>
  </si>
  <si>
    <t>VO:[0186920 - Deferred Debit - Energy Bank]</t>
  </si>
  <si>
    <t>VP:[0186984 - Other Long Term Assets]</t>
  </si>
  <si>
    <t xml:space="preserve">     VQ:[186 Subtotal]</t>
  </si>
  <si>
    <t>VR:[]</t>
  </si>
  <si>
    <t>VS:[FERC 189: Unamortized Loss on Reacquired Debt]</t>
  </si>
  <si>
    <t>VT:[0189000 - Schm Unamt Loss Reaq Dt Pre Sc]</t>
  </si>
  <si>
    <t xml:space="preserve">     VU:[189 Subtotal]</t>
  </si>
  <si>
    <t>VW:[]</t>
  </si>
  <si>
    <t>VX:[FERC 190: Accumulated Deferred Income Taxes]</t>
  </si>
  <si>
    <t>VY:[0190001 - Adit: Prepaid: Federal Taxes (Liability)]</t>
  </si>
  <si>
    <t>VZ:[0190002 - Adit: Prepaid: State Taxes (Liability)]</t>
  </si>
  <si>
    <t>WA:[0190008 - Deferred Federal Tax Asset - Current]</t>
  </si>
  <si>
    <t>WB:[0190009 - Deferred SIT - Current]</t>
  </si>
  <si>
    <t>WC:[0190010 - LT FIN48 Noncurrent DTA - FED]</t>
  </si>
  <si>
    <t>WD:[0190013 - LT Def Tax Asset: Fed-190]</t>
  </si>
  <si>
    <t>WE:[0190051 - Accum Deferred FIT-OCI]</t>
  </si>
  <si>
    <t>WF:[0190052 - Accum Deferred SIT-OCI]</t>
  </si>
  <si>
    <t>WG:[0190155 - Deferred Tax - NOL]</t>
  </si>
  <si>
    <t>WH:[0190156 - Deferred Tax - State NOL]</t>
  </si>
  <si>
    <t>WI:[0190157 - Current Fed Tax NOL]</t>
  </si>
  <si>
    <t>WJ:[0190158 - Current State Tax NOL]</t>
  </si>
  <si>
    <t xml:space="preserve">     WK:[190 Subtotal]</t>
  </si>
  <si>
    <t>WL:[]</t>
  </si>
  <si>
    <t>WM:[Total Assets]</t>
  </si>
  <si>
    <t>WO:[]</t>
  </si>
  <si>
    <t>WP:[LIABILITIES:]</t>
  </si>
  <si>
    <t>WR:[FERC 201: Common Stock Issued]</t>
  </si>
  <si>
    <t>WS:[0201000 - Common Stock Issued]</t>
  </si>
  <si>
    <t xml:space="preserve">     WT:[201 Subtotal]</t>
  </si>
  <si>
    <t>WU:[]</t>
  </si>
  <si>
    <t>WV:[FERC 204: Preferred Stock Issued]</t>
  </si>
  <si>
    <t>WW:[0204400 - Redeemable Preferred Stk]</t>
  </si>
  <si>
    <t xml:space="preserve">     WX:[204 Subtotal]</t>
  </si>
  <si>
    <t>WY:[]</t>
  </si>
  <si>
    <t>WZ:[FERC 207: Premium on Preferred Stock]</t>
  </si>
  <si>
    <t>XA:[0207001 - Premium on Common Stock]</t>
  </si>
  <si>
    <t>XB:[0207008 - Additional Paid In Capital]</t>
  </si>
  <si>
    <t xml:space="preserve">     XC:[207 Subtotal]</t>
  </si>
  <si>
    <t>XD:[]</t>
  </si>
  <si>
    <t>XE:[FERC 211: Misc Paid-In Capital]</t>
  </si>
  <si>
    <t>XF:[0211003 - Misc Paid in Capital]</t>
  </si>
  <si>
    <t>XG:[0211018 - Misc Paid - In Cap - Stk Options]</t>
  </si>
  <si>
    <t>XH:[0211019 - Misc Paid in Cap - PSSP]</t>
  </si>
  <si>
    <t>XI:[0211000 - Misc Paid in Cap]</t>
  </si>
  <si>
    <t>XJ:[0211020 - Misc Paid in Cap - RSU]</t>
  </si>
  <si>
    <t>XK:[0211021 - DON REC From Stockholders]</t>
  </si>
  <si>
    <t>XL:[0211022 - Red inPar of Common Stock]</t>
  </si>
  <si>
    <t xml:space="preserve">     XM:[211 Subtotal]</t>
  </si>
  <si>
    <t>XN:[]</t>
  </si>
  <si>
    <t>XO:[FERC 216: Unappropriated Retained Earnings]</t>
  </si>
  <si>
    <t>XP:[0439004 - Cum Effect Accrt Change Tax]</t>
  </si>
  <si>
    <t>XQ:[0439300 - ADJUST TO R/E &lt;--MOVE LATER]</t>
  </si>
  <si>
    <t>XR:[0438110 - Subs Dividend Declared &lt;--MOVE LATER]</t>
  </si>
  <si>
    <t>XS:[0216000 - Unapprop Retained Earnings]</t>
  </si>
  <si>
    <t>XT:[0216006 - Cumm Effect Change In Acc Tax]</t>
  </si>
  <si>
    <t>XU:[0216007 - Cumm Effect Acct Princ Pretax]</t>
  </si>
  <si>
    <t>XV:[0216100 - Unappr Undistr Subsid Earnings]</t>
  </si>
  <si>
    <t>XW:[2161500 - IC AR Rollup]</t>
  </si>
  <si>
    <t>XX:[0216150 - Equity - IC AR Cash Settle Rol]</t>
  </si>
  <si>
    <t xml:space="preserve">     XY:[216 Subtotal]</t>
  </si>
  <si>
    <t>XZ:[]</t>
  </si>
  <si>
    <t>YA:[FERC 219: Accumulated Other Comprehensive Income]</t>
  </si>
  <si>
    <t>YB:[0219001 - Other Comprehensive Income]</t>
  </si>
  <si>
    <t>YC:[0219002 - OCI Rollup Acct]</t>
  </si>
  <si>
    <t>YD:[0219005 - OCI Tax Effect Interest Rate]</t>
  </si>
  <si>
    <t>YE:[0219029 - OCI Grantor Unrealized GL]</t>
  </si>
  <si>
    <t>YF:[0219030 - OCI-Grantor Unreal GL Fed Tax]</t>
  </si>
  <si>
    <t>YG:[0219031 - OCI-Grantor Unreal GL St Tax]</t>
  </si>
  <si>
    <t>YH:[0219032 - OCI Rabbi-Unreal GL]</t>
  </si>
  <si>
    <t>YI:[0219046 - OCI-Interest Rate Hdgs Fed Tax]</t>
  </si>
  <si>
    <t>YJ:[0219047 - OCI - Interest Rate Hdgs St Tax]</t>
  </si>
  <si>
    <t>YK:[0219055 - Unappr Undistr Subsid Earnings]</t>
  </si>
  <si>
    <t>YL:[2191002 - OCI Rollup]</t>
  </si>
  <si>
    <t xml:space="preserve">     YM:[219 Subtotal]</t>
  </si>
  <si>
    <t>YN:[]</t>
  </si>
  <si>
    <t>YO:[FERC 221: Bonds]</t>
  </si>
  <si>
    <t>YP:[0221011 - Long-Term Debt]</t>
  </si>
  <si>
    <t>YQ:[0221018 - DEF 650M 2.40% 12/15/2031]</t>
  </si>
  <si>
    <t>YR:[0221019 - DEF 500M 3.00% 12/15/2051]</t>
  </si>
  <si>
    <t>YS:[0221046 - DEF FMB 600M 3.8% 7/17/28]</t>
  </si>
  <si>
    <t>YT:[0221047 - DEF FMB 400M 4.20% 7/15/48]</t>
  </si>
  <si>
    <t>YU:[0221085 - DEF 500M 5.95% 11/15/2052]</t>
  </si>
  <si>
    <t>YV:[0221089 - DEF LT FMB]</t>
  </si>
  <si>
    <t>YW:[0221091 - DEF BOND Q3-Q4 ISSUANCE]</t>
  </si>
  <si>
    <t>YX:[0221092 - DEF BOND Q1 Issuance Tranche 1]</t>
  </si>
  <si>
    <t>YY:[0221093 - DEF BOND Q1 Issuance Tranche 2]</t>
  </si>
  <si>
    <t>YZ:[0221098 - DEF LT bond-fixed rate]</t>
  </si>
  <si>
    <t>ZA:[0221099 - DEF LT bond-Floating rate]</t>
  </si>
  <si>
    <t>ZB:[0221100 - LT Debt - Unsec Float]</t>
  </si>
  <si>
    <t>ZC:[0221531 - PEF PCB 108.5M CITRUS 02A 1/27]</t>
  </si>
  <si>
    <t>ZD:[0221532 - PEF PCB 100.1M CITRUS 02B 1/22]</t>
  </si>
  <si>
    <t>ZE:[0221533 - PEF PCB 32.2M CITRUS 02C 01/18]</t>
  </si>
  <si>
    <t>ZF:[0221534 - PEF FMB 425M  4.8% 03/01/13]</t>
  </si>
  <si>
    <t>ZG:[0221535 - PEF FMB 225M 5.9% 03/01/33]</t>
  </si>
  <si>
    <t>ZH:[0221536 - PEF FMB 300M 5.1% 12/1/15]</t>
  </si>
  <si>
    <t>ZI:[0221537 - PEF FMB 500M 6.35% 09/15/2037]</t>
  </si>
  <si>
    <t>ZJ:[0221538 - PEF FMB 250M 5.80% 09/15/2017]</t>
  </si>
  <si>
    <t>ZK:[0221539 - PEF FMB 500M 5.65% 06/15/18]</t>
  </si>
  <si>
    <t>ZL:[0221541 - PEF FMB 250M  4.55% 04/1/20]</t>
  </si>
  <si>
    <t>ZM:[0221542 - PEF FMB 350M 5.65% 04/1/40]</t>
  </si>
  <si>
    <t>ZN:[0221564 - PEF FMB 300M 6.65% DUE 7/15/11]</t>
  </si>
  <si>
    <t>ZO:[0221565 - PEF FMB 1B  6.40% 06/15/38]</t>
  </si>
  <si>
    <t>ZP:[0221569 - DEF 400M 3.85% 11-15-42]</t>
  </si>
  <si>
    <t>ZQ:[0221571 - DEF 250M .65% 11-15-15]</t>
  </si>
  <si>
    <t xml:space="preserve">     ZR:[221 Subtotal]</t>
  </si>
  <si>
    <t>ZS:[]</t>
  </si>
  <si>
    <t>ZT:[FERC 224: Other Long-Term Debt]</t>
  </si>
  <si>
    <t>ZU:[0224043 - DEFR LTD]</t>
  </si>
  <si>
    <t>ZV:[0224101 - DEF 800M FLOATING 4/21/2024]</t>
  </si>
  <si>
    <t>ZW:[0224511 - PEF OTH LTD 150M 6.75% 02/2028]</t>
  </si>
  <si>
    <t>ZX:[0224095 - DEF OTH LTD 400M 2.1% 12/15/19]</t>
  </si>
  <si>
    <t>ZY:[0224096 - Long Term Debt - Sec Fix]</t>
  </si>
  <si>
    <t>ZZ:[0224097 - Long Term Debt - Sec Fix Offset]</t>
  </si>
  <si>
    <t>AAA:[0224251 - Current Portion of Unsec Float]</t>
  </si>
  <si>
    <t xml:space="preserve">     AAB:[224 Subtotal]</t>
  </si>
  <si>
    <t>AAC:[]</t>
  </si>
  <si>
    <t>AAD:[FERC 226: Unamort Discount on Long-Term Debt]</t>
  </si>
  <si>
    <t>AAE:[0226010 - DEFPFDEBTDISC]</t>
  </si>
  <si>
    <t>AAF:[0226018 -  DEF 650M UNAMDIS 2.4% 12/15/31]</t>
  </si>
  <si>
    <t>AAG:[0226019 -  DEF 500M UNAMDIS 3% 12/15/2051]</t>
  </si>
  <si>
    <t>AAH:[0226021 - Unamort Discount-Curr]</t>
  </si>
  <si>
    <t>AAI:[0226045 - DEF Long Term Debt Dis]</t>
  </si>
  <si>
    <t>AAJ:[0226046 - DEF UNAMDIS 600M 3.8% 7/15/28]</t>
  </si>
  <si>
    <t>AAK:[0226047 - DEF UNAMDIS 400M 4.20%]</t>
  </si>
  <si>
    <t>AAL:[0226085 - DEF 500M UNAMDIS 5.95% 11/2052]</t>
  </si>
  <si>
    <t>AAM:[0226089 - 2020 First Mortgage Bond]</t>
  </si>
  <si>
    <t>AAN:[0226091 - DEF 600M UNAMDIS 3.4% 10/1/46]</t>
  </si>
  <si>
    <t>AAO:[0226092 - DEFDEBTDISCOUNT #1]</t>
  </si>
  <si>
    <t>AAP:[0226093 - DEFDEBTDISCOUNT #2]</t>
  </si>
  <si>
    <t>AAQ:[0226098 - 2019 DEF Fixed Rate]</t>
  </si>
  <si>
    <t>AAR:[0226511 - PEF UNAMDIS 150M 6.75% 2/01/28]</t>
  </si>
  <si>
    <t>AAS:[0226534 - PEF UNAMDIS 425M 4.8% 03/01/13]</t>
  </si>
  <si>
    <t>AAT:[0226535 - PEF UNAMDIS 225M 5.9% 03/01/33]</t>
  </si>
  <si>
    <t>AAU:[0226536 - PEF UNAMDIS 300M 5.1% 12/1/15]</t>
  </si>
  <si>
    <t>AAV:[0226537 - PEF UNAMDIS 500M 6.35% 09/2037]</t>
  </si>
  <si>
    <t>AAW:[0226538 - PEF UNAMDIS 250M 5.80% 09/2017]</t>
  </si>
  <si>
    <t>AAX:[0226539 - PEF UNAMDIS 500M 5.65% 6/15/18]</t>
  </si>
  <si>
    <t>AAY:[0226541 - PEF UNAMDIS 250M 4.55% 04/2020]</t>
  </si>
  <si>
    <t>AAZ:[0226542 - PEF UNAMDIS 350M 5.65% 04/20403]</t>
  </si>
  <si>
    <t>ABA:[0226564 - PEF UNAMDIS 300M 6.65% 7/15/11]</t>
  </si>
  <si>
    <t>ABB:[0226565 - PEF UNAMDIS 1B 6.40% 6/15/38]</t>
  </si>
  <si>
    <t>ABC:[0226569- DEF UNAMDIS 400M 3.85 11-15-42]</t>
  </si>
  <si>
    <t>ABD:[0226571- DEF UNAMDIS 250M .65% 11-15-15]</t>
  </si>
  <si>
    <t>ABE:[0226700 - Unamort Debt Discount]</t>
  </si>
  <si>
    <t xml:space="preserve">     ABF:[226 Subtotal]</t>
  </si>
  <si>
    <t>ABG:[]</t>
  </si>
  <si>
    <t>ABH:[FERC 227: Obligations Under Capital Lease - Noncurrent]</t>
  </si>
  <si>
    <t>ABI:[0227101 - LT Capital Lease Obligation]</t>
  </si>
  <si>
    <t>ABJ:[0227104 - Cap Lease Noncurrent SPHQ]</t>
  </si>
  <si>
    <t>ABK:[0227105 - Cap Lease Noncurrent SH]</t>
  </si>
  <si>
    <t>ABL:[0227175 - LT Operating Lease Obligation]</t>
  </si>
  <si>
    <t xml:space="preserve">     ABM:[227 Subtotal]</t>
  </si>
  <si>
    <t>ABN:[]</t>
  </si>
  <si>
    <t>ABO:[FERC 228.1: Accumulated Provision for Property Insurance]</t>
  </si>
  <si>
    <t>ABP:[0228100 - Retail Unfd Storm Damage]</t>
  </si>
  <si>
    <t>ABQ:[0228101 - Wholsesale Storm Reserve]</t>
  </si>
  <si>
    <t xml:space="preserve">     ABR:[228.1 Subtotal]</t>
  </si>
  <si>
    <t>ABS:[FERC 228.2: Accumulated Provision for Injuries and Damages]</t>
  </si>
  <si>
    <t>ABT:[0228201 - Claim Reserve]</t>
  </si>
  <si>
    <t>ABU:[0228202 - Claim Reserve - ST]</t>
  </si>
  <si>
    <t>ABV:[0228250 - Inactive - Schm Worker'S Comp - Other]</t>
  </si>
  <si>
    <t>ABW:[0228280 - Schm Environmental]</t>
  </si>
  <si>
    <t xml:space="preserve">     ABX:[228.2 Subtotal]</t>
  </si>
  <si>
    <t>ABY:[FERC 228.3: Accumulated Provision for Pensions and Benefits]</t>
  </si>
  <si>
    <t>ABZ:[0228312 - Pension Rest]</t>
  </si>
  <si>
    <t>ACA:[0228314 - Schm Dpc Opeb FAS 106]</t>
  </si>
  <si>
    <t>ACB:[0228315 - Schm Opeb (Fas106)]</t>
  </si>
  <si>
    <t>ACC:[0228318 - OPEB Liability - FAS 106]</t>
  </si>
  <si>
    <t>ACD:[0228324 - Schm Dpc Pos Emp FAS 112]</t>
  </si>
  <si>
    <t>ACE:[0228325 - Schm Post Emp FAS 112]</t>
  </si>
  <si>
    <t>ACF:[0228340 - Nonqualified Plans Liability]</t>
  </si>
  <si>
    <t>ACG:[0228346 - Pension Liability - FAS 87]</t>
  </si>
  <si>
    <t>ACH:[0228347 - Pension Liab - FAS 87]</t>
  </si>
  <si>
    <t>ACI:[0228348 - Pension Liab - FAS 87(Cinergy)]</t>
  </si>
  <si>
    <t>ACJ:[0228349 - Accrued Pensions &amp; Other Post-Retirement Ben]</t>
  </si>
  <si>
    <t>ACK:[0253275 - Pension Liability - FAS 187 NQ]</t>
  </si>
  <si>
    <t xml:space="preserve">     ACL:[228.3 Subtotal]</t>
  </si>
  <si>
    <t>ACM:[FERC 228.4: Accumulated Misc Operating Provisions]</t>
  </si>
  <si>
    <t>ACN:[0228402 - Nuclear Refuel Outage #16]</t>
  </si>
  <si>
    <t>ACO:[0228403 - Deferred Serp -  Active Empl]</t>
  </si>
  <si>
    <t>ACP:[0228404 - Deferred Comp]</t>
  </si>
  <si>
    <t>ACQ:[0228405 - 2000 Class Deferred Compensat]</t>
  </si>
  <si>
    <t>ACR:[0228407 - Perf Share Sub Plan]</t>
  </si>
  <si>
    <t>ACS:[0228408 - Mgt Incentive Award Def]</t>
  </si>
  <si>
    <t>ACT:[0228413 - Nuclear EOL Costs]</t>
  </si>
  <si>
    <t>ACU:[0228440 - Reserve - MGP Sites FERC 228]</t>
  </si>
  <si>
    <t>ACV:[0228480 - Acc Prov Insurance-Environ]</t>
  </si>
  <si>
    <t xml:space="preserve">     ACW:[228.4 Subtotal]</t>
  </si>
  <si>
    <t xml:space="preserve">     ACX:[228 Subtotal]</t>
  </si>
  <si>
    <t>ACY:[]</t>
  </si>
  <si>
    <t>ACZ:[FERC 229: Accumulated Provisions for Rate Refunds]</t>
  </si>
  <si>
    <t>ADA:[0229010 - Accm Prv-Rate Refnd-Tax Ref]</t>
  </si>
  <si>
    <t>ADB:[0229003 - Wholesale - QF Energy]</t>
  </si>
  <si>
    <t xml:space="preserve">     ADC:[229 Subtotal]</t>
  </si>
  <si>
    <t>ADD:[]</t>
  </si>
  <si>
    <t>ADE:[FERC 230: Asset Retirement Obligations]</t>
  </si>
  <si>
    <t>ADF:[0230001 - FAS 143 ARO Liability ST]</t>
  </si>
  <si>
    <t>ADG:[0230105 - ARO Liability - Current]</t>
  </si>
  <si>
    <t>ADH:[0230315 - ARO Liability - Coal Ash]</t>
  </si>
  <si>
    <t>ADI:[0230999 - ARO Liability]</t>
  </si>
  <si>
    <t xml:space="preserve">     ADJ:[230 Subtotal]</t>
  </si>
  <si>
    <t>ADK:[]</t>
  </si>
  <si>
    <t>ADL:[FERC 232: Accounts Payable]</t>
  </si>
  <si>
    <t>ADM:[0232000 - A/P Vendors Payable]</t>
  </si>
  <si>
    <t>ADN:[0232001 - AP Corp Vendors Payable]</t>
  </si>
  <si>
    <t>ADO:[0232002 - A/P - Misc - Gen - Acctg]</t>
  </si>
  <si>
    <t>ADP:[0232004 - Vision Deduction]</t>
  </si>
  <si>
    <t>ADQ:[0232005 - Long Term Disability Deduction]</t>
  </si>
  <si>
    <t>ADR:[0232016 - AP PS8.9 Vendors Payable]</t>
  </si>
  <si>
    <t>ADS:[0232018- EAM Payables]</t>
  </si>
  <si>
    <t>ADT:[0232027 -AP-Fuel Financial Hedge]</t>
  </si>
  <si>
    <t>ADU:[0232031 - Treasury LC and MCF Fees]</t>
  </si>
  <si>
    <t>ADV:[0232039 - Payable 401K Incentive Match]</t>
  </si>
  <si>
    <t>ADW:[0232045 - Supp Life Deductions]</t>
  </si>
  <si>
    <t>ADX:[0232048 - Supp AD&amp;D Deduction]</t>
  </si>
  <si>
    <t>ADY:[0232049 - Medical &amp; HSA Deductions]</t>
  </si>
  <si>
    <t>ADZ:[0232052 - Medical Spending Acc Deduct]</t>
  </si>
  <si>
    <t>AEA:[0232053 - Dependent Spending Acct Deduct]</t>
  </si>
  <si>
    <t>AEB:[0232061 - Checks not presented - reclass]</t>
  </si>
  <si>
    <t>AEC:[0232067 - Dental Deductions]</t>
  </si>
  <si>
    <t>AED:[0232068 - Employee Parking Deductions]</t>
  </si>
  <si>
    <t>AEE:[0232103 - DEF Payable - NG Purchases]</t>
  </si>
  <si>
    <t>AEF:[0232105 - DEF Payable - NG Transport]</t>
  </si>
  <si>
    <t>AEG:[0232107 - DEF Payable - NG Fin Transact]</t>
  </si>
  <si>
    <t>AEH:[0232108 - DEF Cogen Payable]</t>
  </si>
  <si>
    <t>AEI:[0232109 - A/P BPM - Actual]</t>
  </si>
  <si>
    <t>AEJ:[0232120 - Vouchers Payable - Special]</t>
  </si>
  <si>
    <t>AEK:[0232125 - NRC Inspection Fee Pay]</t>
  </si>
  <si>
    <t>AEL:[0232150 - Accounts Payable - Stores]</t>
  </si>
  <si>
    <t>AEM:[0232151 - Accounts Payable - Stores]</t>
  </si>
  <si>
    <t>AEN:[0232155 - Accounts Payable - Stores CAS]</t>
  </si>
  <si>
    <t>AEO:[0232163 - Emission Allowance A/P]</t>
  </si>
  <si>
    <t>AEP:[0232170 - Accounts Payable - Coal]</t>
  </si>
  <si>
    <t>AEQ:[0232171 - Account Payable - Coal Accrual]</t>
  </si>
  <si>
    <t>AER:[0232175 - Limestone and Freight Payable]</t>
  </si>
  <si>
    <t>AES:[0232176 - Reagent Payable]</t>
  </si>
  <si>
    <t>AET:[0232177 - Generic By Products Payable]</t>
  </si>
  <si>
    <t>AEU:[0232178 - Accrued Settlements Payable]</t>
  </si>
  <si>
    <t>AEV:[0232180 - Accounts Payable - Oil Stocks]</t>
  </si>
  <si>
    <t>AEW:[0232181 - Natural Gas Payable]</t>
  </si>
  <si>
    <t>AEX:[0232190 - Coal Freight Payable]</t>
  </si>
  <si>
    <t>AEY:[0232195 - RAILCAR LEASE PAYABLE]</t>
  </si>
  <si>
    <t>AEZ:[0232199 - PowerPlan Coal Payable]</t>
  </si>
  <si>
    <t>AFA:[0232200 - Cbis Refund Payable]</t>
  </si>
  <si>
    <t>AFB:[0232222 - Test Fuel Payable]</t>
  </si>
  <si>
    <t>AFC:[0232270 - Passport Unvouchered Liability]</t>
  </si>
  <si>
    <t>AFD:[0232331 - A/P - ENERGY NEIGHBOR FUND]</t>
  </si>
  <si>
    <t>AFE:[0232332 - Photovoltaic Fund]</t>
  </si>
  <si>
    <t>AFF:[0232333 - A/P - FLEXCARE]</t>
  </si>
  <si>
    <t>AFG:[0232334 - A/P - Stock Loan Repay]</t>
  </si>
  <si>
    <t>AFH:[0232336 - Advance Payable NCEMPA]</t>
  </si>
  <si>
    <t>AFI:[0232337 - CR3 Joint Owner]</t>
  </si>
  <si>
    <t>AFJ:[0232338 - Payable - Int City Joint Owners]</t>
  </si>
  <si>
    <t>AFK:[0232402 - Collateral Liab]</t>
  </si>
  <si>
    <t>AFL:[0232410 - Transmission Payables]</t>
  </si>
  <si>
    <t>AFM:[0232460 - Bulk Power Marketing Payable]</t>
  </si>
  <si>
    <t>AFN:[0232480 - Co-Generation]</t>
  </si>
  <si>
    <t>AFO:[0232510 - Checks Not Presented]</t>
  </si>
  <si>
    <t>AFP:[0232892 - A/P Miscellaneous]</t>
  </si>
  <si>
    <t>AFQ:[0232993 - AP Off System]</t>
  </si>
  <si>
    <t>AFR:[0232996 -  Capital - Accruals]</t>
  </si>
  <si>
    <t xml:space="preserve">     AFS:[232 Subtotal]</t>
  </si>
  <si>
    <t>AFT:[]</t>
  </si>
  <si>
    <t>AFU:[FERC 233: Notes Payable to Associated Companies]</t>
  </si>
  <si>
    <t>AFV:[0233003 - IC LT Notes Pay]</t>
  </si>
  <si>
    <t>AFW:[0233150 - IC Moneypool - ST Notes Pay]</t>
  </si>
  <si>
    <t xml:space="preserve">     AFX:[233 Subtotal]</t>
  </si>
  <si>
    <t>AFY:[]</t>
  </si>
  <si>
    <t>AFZ:[FERC 234: Accounts Payable to Associated Companies]</t>
  </si>
  <si>
    <t>AGA:[0232232 - A/P Affiliates]</t>
  </si>
  <si>
    <t>AGB:[0234000 - IC Moneypool - ST Interest Pay]</t>
  </si>
  <si>
    <t>AGC:[0234010 - Intercompany Ap]</t>
  </si>
  <si>
    <t>AGD:[0234104 - IC Accounts Payable]</t>
  </si>
  <si>
    <t>AGE:[0234250 - IC Netting - Accts Payable (Nets Against 0146250 - IC Netting - A/R)]</t>
  </si>
  <si>
    <t>AGF:[0234350 - IC Netting - LT Accts Payable]</t>
  </si>
  <si>
    <t xml:space="preserve">     AGG:[234 Subtotal]</t>
  </si>
  <si>
    <t>AGI:[FERC 235: Customer Deposits]</t>
  </si>
  <si>
    <t>AGJ:[0235002 - CD Active]</t>
  </si>
  <si>
    <t>AGK:[0235003 - CD Inactive]</t>
  </si>
  <si>
    <t>AGL:[0235110 - Cust Dep For Srvc - Edp Billing]</t>
  </si>
  <si>
    <t xml:space="preserve">     AGM:[235 Subtotal]</t>
  </si>
  <si>
    <t>AGN:[]</t>
  </si>
  <si>
    <t>AGO:[FERC 236: Taxes Accrued]</t>
  </si>
  <si>
    <t>AGP:[0236000 - NC Prop Tax - Electric]</t>
  </si>
  <si>
    <t>AGQ:[0236001 - State It Payable Other]</t>
  </si>
  <si>
    <t>AGR:[0236020 - FAS 5 Non-Income Tax Reserves]</t>
  </si>
  <si>
    <t>AGS:[0236040 NC Prop Tax - Misc Non-Util]</t>
  </si>
  <si>
    <t>AGT:[0236041 - Accrued Property Tax]</t>
  </si>
  <si>
    <t>AGU:[0236100 - Franchise Tax - Electric]</t>
  </si>
  <si>
    <t>AGV:[0236123 - Fl Prop Tax - Electric]</t>
  </si>
  <si>
    <t>AGW:[0236131 - FL FRANCHISE TX ACCRUAL]</t>
  </si>
  <si>
    <t>AGX:[0236135 - FL Reg Assessment - Electric]</t>
  </si>
  <si>
    <t>AGY:[0236150 - St/Local Unemployment Tax Liab]</t>
  </si>
  <si>
    <t>AGZ:[0236360 - SC Property Tax Electric]</t>
  </si>
  <si>
    <t>AHA:[0236700 - Employer FICA Tax Liab]</t>
  </si>
  <si>
    <t>AHB:[0236701 - CARES ACT Accural of Deferred Payment of Employer Share of Payroll Tax]</t>
  </si>
  <si>
    <t>AHC:[0236750 - Federal Unemployment Tax Liab]</t>
  </si>
  <si>
    <t>AHD:[0236801 - Accrued Gross Receipts Tax]</t>
  </si>
  <si>
    <t>AHE:[0236831 - Misc. Taxes &amp; Interest]</t>
  </si>
  <si>
    <t>AHF:[0236906 - Sales and Use Tax Payable]</t>
  </si>
  <si>
    <t>AHG:[0236918 - Accr Ad Valorem Tax 2006]</t>
  </si>
  <si>
    <t>AHH:[0236926 - LT Tax Reclass Fed]</t>
  </si>
  <si>
    <t>AHI:[0236927 - LT Tax Reclass State]</t>
  </si>
  <si>
    <t>AHJ:[0236940 - Curr Tax Reclass Acct State Cr]</t>
  </si>
  <si>
    <t>AHK:[0236942 - State Inc Tax Payable - Prior Yrs LT]</t>
  </si>
  <si>
    <t>AHL:[0236943 - State Inc Tax Pay-Prior Years]</t>
  </si>
  <si>
    <t>AHM:[0236953 - LT Liability: State UTP]</t>
  </si>
  <si>
    <t>AHN:[0236960 - SC Inc Tax Payable-Prior Yr]</t>
  </si>
  <si>
    <t>AHO:[0236965 - Accrued SIT - Prior Year]</t>
  </si>
  <si>
    <t>AHP:[0236980 - Current Tax Reclass Account Fed Cr]</t>
  </si>
  <si>
    <t>AHQ:[0236981 - Fed Inc Tax Payable - Prev Yr]</t>
  </si>
  <si>
    <t>AHR:[0236983 - Fed Inc Tax Payable - Prior Yrs]</t>
  </si>
  <si>
    <t>AHS:[0236986 - Fed Inc Payable - PY LT 08-09]</t>
  </si>
  <si>
    <t>AHT:[0236988 - LT Liability ST UTP PGN]</t>
  </si>
  <si>
    <t>AHU:[0236989 - LT Liability Fed UTP PGN]</t>
  </si>
  <si>
    <t>AHV:[0236990 - Fed Inc Tax Payable - Current]</t>
  </si>
  <si>
    <t>AHW:[0236992 - Current Liability UTP - Fed]</t>
  </si>
  <si>
    <t>AHX:[0236993 - LT Liability Federal UTP 08-09 Year]</t>
  </si>
  <si>
    <t xml:space="preserve">     AHY:[236 Subtotal]</t>
  </si>
  <si>
    <t>AHZ:[]</t>
  </si>
  <si>
    <t>AIA:[FERC 237: Interest Accrued]</t>
  </si>
  <si>
    <t>AIB:[0237038 - LT Interest Accrued]</t>
  </si>
  <si>
    <t>AIC:[0237039 - Cur Int Accrued - Tax]</t>
  </si>
  <si>
    <t>AID:[0237041 - FERC Interconnect Interest LT]</t>
  </si>
  <si>
    <t>AIE:[0237011 - Int Payable - Notes - Non-Reg]</t>
  </si>
  <si>
    <t>AIG:[0237110 - Bonds Interest Payable]</t>
  </si>
  <si>
    <t>AIH:[0237200 - Cur Liability Interest accrued]</t>
  </si>
  <si>
    <t>AII:[0237222 - Int Accr Cust Dep FLA]</t>
  </si>
  <si>
    <t>AIJ:[0237418 - Other Current Liabilities]</t>
  </si>
  <si>
    <t>AIK:[0237460 - Interest Payable]</t>
  </si>
  <si>
    <t>AIL:[0237510 - Bonds Interest Payable]</t>
  </si>
  <si>
    <t xml:space="preserve">     AIM:[237 Subtotal]</t>
  </si>
  <si>
    <t>AIO:[FERC 239: Matured Long-Term Debt]</t>
  </si>
  <si>
    <t>AIP:[Placeholder for current portion of LTD]</t>
  </si>
  <si>
    <t xml:space="preserve">     AIQ:[239 Subtotal]</t>
  </si>
  <si>
    <t>AIS:[FERC 241: Tax Collections Payable]</t>
  </si>
  <si>
    <t>AIT:[0241110 - State Income Tax Wh - Employee]</t>
  </si>
  <si>
    <t>AIU:[0241142 - ST SALES TAX SERV-REV 7%]</t>
  </si>
  <si>
    <t>AIV:[0241150 - Fed Inc Tax Wh - employee]</t>
  </si>
  <si>
    <t>AIW:[0241160 - FICA Withheld - Employee]</t>
  </si>
  <si>
    <t>AIX:[0241310 - SC State Sales Tax on Elc Energy]</t>
  </si>
  <si>
    <t>AIY:[0241320 - NC State Sales Tx on Elc Enrgy]</t>
  </si>
  <si>
    <t>AIZ:[0241335 - Local Taxes Withheld]</t>
  </si>
  <si>
    <t>AJA:[0241348 - Franchise Fees Payable]</t>
  </si>
  <si>
    <t>AJB:[0241800 - Utility Tax - County]</t>
  </si>
  <si>
    <t>AJC:[0241900 - TX COL PAY-FL Muni Utility Tax]</t>
  </si>
  <si>
    <t>AJD:[0241990 - GRT Payable Additional 2.6%]</t>
  </si>
  <si>
    <t xml:space="preserve">     AJE:[241 Subtotal]</t>
  </si>
  <si>
    <t>AJF:[]</t>
  </si>
  <si>
    <t>AJG:[FERC 242: Misc Current and Accrued Liabilities]</t>
  </si>
  <si>
    <t>AJH:[0242003 - Imbalance Payable - Oba]</t>
  </si>
  <si>
    <t>AJI:[0242004 - Imbalance Payable - Park/Lend]</t>
  </si>
  <si>
    <t>AJJ:[0242033 - Wages Payable - Accrual]</t>
  </si>
  <si>
    <t>AJK:[0242035 -  Unearned Premiums]</t>
  </si>
  <si>
    <t>AJL:[0242051 - FERC Interconnect Deposits LT]</t>
  </si>
  <si>
    <t>AJM:[0242054 - State Interconnect Deposits LT]</t>
  </si>
  <si>
    <t>AJN:[0242110 - Contract Retentions]</t>
  </si>
  <si>
    <t>AJO:[0242152 - Solar Interconnect Deposits]</t>
  </si>
  <si>
    <t>AJP:[0242160 - Current Liabilities of VIEs]</t>
  </si>
  <si>
    <t>AJQ:[0242200 - Misc C&amp;A Liab Incentives]</t>
  </si>
  <si>
    <t>AJR:[0242210 - Accrued Salaries &amp; Wages]</t>
  </si>
  <si>
    <t>AJS:[0242215 - Severance Reserve/Accrual]</t>
  </si>
  <si>
    <t>AJT:[0242216 - Severance Accrual Purchase Acctg]</t>
  </si>
  <si>
    <t>AJU:[0242217 - Severance Reserve]</t>
  </si>
  <si>
    <t>AJV:[0242220 - Legal Employee Deductions]</t>
  </si>
  <si>
    <t>AJW:[0242320 - Transmission Open Acc-Deposits]</t>
  </si>
  <si>
    <t>AJX:[0242390 - CURR&amp;ACCR LIAB-FPC LTD]</t>
  </si>
  <si>
    <t>AJY:[0242391 - A/P COAL &amp; OIL Commitments]</t>
  </si>
  <si>
    <t>AJZ:[0242392 - Bargaining Unit Dental Reserve]</t>
  </si>
  <si>
    <t>AKA:[0242393 - Misc C&amp;A Liab Def Vacation]</t>
  </si>
  <si>
    <t>AKB:[0242395 - CUR&amp;ACCR LIAB MED/DTL INS ACT]</t>
  </si>
  <si>
    <t>AKC:[0242396 - CURR&amp;ACCR LIAB-WORKERS COMP]</t>
  </si>
  <si>
    <t>AKD:[0242397 - IRU INDEMNIFICATION -ST]</t>
  </si>
  <si>
    <t>AKE:[0242398 - CURR&amp;ACCR LIAB MISC]</t>
  </si>
  <si>
    <t>AKF:[0242410 - Prov - Cumulative Div Pref and Pref Stk -]</t>
  </si>
  <si>
    <t>AKG:[0242440 - Cash Coll &amp; Contribution to Trustee]</t>
  </si>
  <si>
    <t>AKH:[0242450 - Collections From Payroll - Misc]</t>
  </si>
  <si>
    <t>AKI:[0242460 - Prov For Incentive Ben Prog]</t>
  </si>
  <si>
    <t>AKJ:[0242461 - Prior Year Incentive Accrual]</t>
  </si>
  <si>
    <t>AKK:[0242481 - Div Reinvest Pending Payable]</t>
  </si>
  <si>
    <t>AKL:[0242490 - Vacation Carryover]</t>
  </si>
  <si>
    <t>AKM:[0242540 - Escheaments Payable]</t>
  </si>
  <si>
    <t>AKN:[0242650 - Accrued Payable - Other]</t>
  </si>
  <si>
    <t>AKO:[0242690 - Executive Incentive Accrual]</t>
  </si>
  <si>
    <t>AKP:[0242797 - NQ Pension Current FPC SERP/ND]</t>
  </si>
  <si>
    <t>AKQ:[0242803 - Deferred Rent]</t>
  </si>
  <si>
    <t>AKR:[0242890 - Deferred Rev Pay - Fuel]</t>
  </si>
  <si>
    <t>AKS:[0242897 - NC Pension Liability - FAS 87]</t>
  </si>
  <si>
    <t>AKT:[0242898 - OPEB Current Liability]</t>
  </si>
  <si>
    <t>AKU:[0242899 - FAS 112 Currently Liability]</t>
  </si>
  <si>
    <t>AKV:[0242988 - Reg Liability Current]</t>
  </si>
  <si>
    <t>AKW:[0242997 - Misc. Liab - FAS 87 NQ]</t>
  </si>
  <si>
    <t>AKX:[0242999 - Misc Liab - FAS 112]</t>
  </si>
  <si>
    <t xml:space="preserve">     AKY:[242 Subtotal]</t>
  </si>
  <si>
    <t>ALA:[FERC 243: Obligations Under Capital Leases-Current]</t>
  </si>
  <si>
    <t>ALB:[0242175 - Curr Operating Lease Oblig]</t>
  </si>
  <si>
    <t>ALC:[0243105 - Current Portion of Cap Lease Obligation]</t>
  </si>
  <si>
    <t>ALD:[0243106 - Cap Lease Current SPHQ]</t>
  </si>
  <si>
    <t>ALE:[0243107 - Cap Lease Current SH]</t>
  </si>
  <si>
    <t xml:space="preserve">     ALF:[243 Subtotal]</t>
  </si>
  <si>
    <t>ALG:[]</t>
  </si>
  <si>
    <t>ALH:[FERC 244: Derivatives Instrument Liabilities]</t>
  </si>
  <si>
    <t>ALI:[0244005 - Derivative Instr - Regulatory ST]</t>
  </si>
  <si>
    <t>ALJ:[0244006 - Derivative Instr - Regulatory LT]</t>
  </si>
  <si>
    <t>ALK:[0244007 - Accrued Interest Exp-Swaps-Reg]</t>
  </si>
  <si>
    <t>ALL:[0244010 - NDTF Derivative Options]</t>
  </si>
  <si>
    <t>ALM:[244 Subtotal]</t>
  </si>
  <si>
    <t>ALP:[FERC 245: Derivatives Instrument Liabilities-Hedges]</t>
  </si>
  <si>
    <t>ALQ:[0245001 - 3rd Party Derivative Liability Current]</t>
  </si>
  <si>
    <t>ALR:[0245002 - 3rd Party Derivative Liability Noncurren]</t>
  </si>
  <si>
    <t xml:space="preserve">     ALS:[245 Subtotal]</t>
  </si>
  <si>
    <t>ALT:[]</t>
  </si>
  <si>
    <t>ALU:[FERC 252: Customer Advances for Construction]</t>
  </si>
  <si>
    <t>ALV:[0224045 - FERC Interconnect Liability]</t>
  </si>
  <si>
    <t>ALW:[0252001 - Cust Adv For Construction]</t>
  </si>
  <si>
    <t>ALX:[0252120 - Reserve Capacity]</t>
  </si>
  <si>
    <t>ALY:[0252400 - Customer Advances ST]</t>
  </si>
  <si>
    <t xml:space="preserve">     ALZ:[252 Subtotal]</t>
  </si>
  <si>
    <t>AMA:[]</t>
  </si>
  <si>
    <t>AMB:[FERC 253: Other Deferred Credits]</t>
  </si>
  <si>
    <t>AMC:[0253008 - Pole Attach - Deferred Revenue]</t>
  </si>
  <si>
    <t>AMD:[0253035 - Misc Def Cr - Genl Acctg]</t>
  </si>
  <si>
    <t>AME:[0253037 - LT Liab - Current Portion]</t>
  </si>
  <si>
    <t>AMF:[0253039 - Deferred Revenue]</t>
  </si>
  <si>
    <t>AMG:[0253043 - OPEB - FAS 106 Grantor Trust]</t>
  </si>
  <si>
    <t>AMH:[0253049 - Int on Tax Deficiency - LT Liab]</t>
  </si>
  <si>
    <t>AMI:[0253053 - OTH DEF Credit - Smart Grid]</t>
  </si>
  <si>
    <t>AMJ:[0253062 - Long Term Def Rev-OL]</t>
  </si>
  <si>
    <t>AMK:[0253070 - Reserve - MGP Sites]</t>
  </si>
  <si>
    <t>AML:[0253082 - OTH DEFER CR MISCELLANEOUS]</t>
  </si>
  <si>
    <t>AMM:[0253084 - IRU INDEMNIFICATION -LT]</t>
  </si>
  <si>
    <t>AMN:[0253085 - Other Long Term Liabilities]</t>
  </si>
  <si>
    <t>AMO:[2531006 - Defr Cr - A/R A/P Elim Diff]</t>
  </si>
  <si>
    <t>AMP:[2531008 - Defr Cr - Other Bal Sheet Elim Diff]</t>
  </si>
  <si>
    <t>AMQ:[0253400 - BARTOW LTSA]</t>
  </si>
  <si>
    <t>AMR:[0253401 - HINES LTSA]</t>
  </si>
  <si>
    <t>AMS:[0253403 - Citrus County LTSA Def Liab]</t>
  </si>
  <si>
    <t>AMT:[0253620 - SCHM Executive Savings Pln-Stk]</t>
  </si>
  <si>
    <t>AMU:[0253630 - Schm Exec Cash Bal Plan]</t>
  </si>
  <si>
    <t>AMV:[0253690 - Pension Deferred Credits]</t>
  </si>
  <si>
    <t>AMW:[0253890 - SCHM Tax &amp; S/L for Surplus Mat'l]</t>
  </si>
  <si>
    <t>AMX:[0253910 - Pole Attach - Advance Billing]</t>
  </si>
  <si>
    <t>AMY:[0253920 - Other Deferred Credits]</t>
  </si>
  <si>
    <t>AMZ:[0253990 - Deferred Prepaid Ef - Lighting]</t>
  </si>
  <si>
    <t>ANA:[0253955 - Short-Term Guarantee Obligations]</t>
  </si>
  <si>
    <t xml:space="preserve">     ANB:[253 Subtotal]</t>
  </si>
  <si>
    <t>ANC:[]</t>
  </si>
  <si>
    <t>ANE:[FERC 254: Other Regulatory Liabilities]</t>
  </si>
  <si>
    <t>ANF:[0254002 - Interest Rate Swap Reg Liability]</t>
  </si>
  <si>
    <t>ANG:[0254015 - Reg Liab MTM Fuel ST]</t>
  </si>
  <si>
    <t>ANH:[0254016 - Deferred SPP]</t>
  </si>
  <si>
    <t>ANI:[0254020 - Auctioned S02 Allowance]</t>
  </si>
  <si>
    <t>ANJ:[0254024 - Def CR3 Liab - Depr &amp; Prop Tax]</t>
  </si>
  <si>
    <t>ANK:[0254031 - CR4&amp;5 Accelerated Depreciation]</t>
  </si>
  <si>
    <t>ANL:[0254036 - Regulatory  Liability - Excess Fed ADIT]</t>
  </si>
  <si>
    <t>ANM:[0254038 - Excess ADIT Grossup LT]</t>
  </si>
  <si>
    <t>ANN:[0254059 -DOE Settlement Reg Liability]</t>
  </si>
  <si>
    <t>ANO:[0254060 - DEF Tax Savings Reg Liability]</t>
  </si>
  <si>
    <t>ANP:[0254061 -  Deferred PTCs]</t>
  </si>
  <si>
    <t>ANQ:[0254087 - Regulatory Liability - CR 4&amp;5 Amort.]</t>
  </si>
  <si>
    <t>ANR:[02540XX - Regulatory Liability - OATT FIT]</t>
  </si>
  <si>
    <t>ANS:[0254100 - Regulatory Liablility - Inc Tax]</t>
  </si>
  <si>
    <t>ANT:[0254101 - Deferred Regulatory Liability]</t>
  </si>
  <si>
    <t>ANU:[0254250 - NC REC Liability - Retail]</t>
  </si>
  <si>
    <t>ANV:[0254310 - Deferred Fuel Settlements]</t>
  </si>
  <si>
    <t>ANW:[0254311 - Deferred Fuel Revenue]</t>
  </si>
  <si>
    <t>ANX:[0254312 - Deferred GPIF - Reg Liab Fuel]</t>
  </si>
  <si>
    <t>ANY:[0254313 - Deferred Fuel - PY]</t>
  </si>
  <si>
    <t>ANZ:[0254315 - DOE Settlement (Apr 2022 moved to 254059 in May 2022)]</t>
  </si>
  <si>
    <t>AOA:[0254316 - Deferred Energy Conservation]</t>
  </si>
  <si>
    <t>AOB:[0254317 - Deferred Environmental Cost Recovery]</t>
  </si>
  <si>
    <t>AOC:[0254318 - Deferred Property Gains/Losses - FL]</t>
  </si>
  <si>
    <t>AOD:[0254320 - Deferred Capacity Curr Yr]</t>
  </si>
  <si>
    <t>AOE:[0254321 - Deferred Capacity - Prior Yr]</t>
  </si>
  <si>
    <t>AOF:[0254401 - DSM Energy Efficiency]</t>
  </si>
  <si>
    <t>AOG:[0254402 - SC Historical DSM]</t>
  </si>
  <si>
    <t>AOH:[0254689 - Reg Liability - OPEB Medical]</t>
  </si>
  <si>
    <t>AOI:[0254690 - Reg Liability - OPEB Life]</t>
  </si>
  <si>
    <t>AOJ:[0254700 - Blank - Forecast Placeholder]</t>
  </si>
  <si>
    <t>AOK:[0254750 - Blank - Forecast Placeholder]</t>
  </si>
  <si>
    <t>AOL:[0254760 - Tax Savings Reg Liab - Retail 2022 Settlement]</t>
  </si>
  <si>
    <t>AOM:[0254800 - Reg Liability MTM Fuel LT]</t>
  </si>
  <si>
    <t>AON:[0254914 - NDT - Qual - Unreal Gains]</t>
  </si>
  <si>
    <t>AOO:[0254980 - Open Interest Rate Swap Cur Reg Liab]</t>
  </si>
  <si>
    <t>AOP:[0254988 - Current Regulatory Liabilities ("Excess Fed ADIT")]</t>
  </si>
  <si>
    <t>AOQ:[0254991 - Aro Reg Liab - Book Depr]</t>
  </si>
  <si>
    <t>AOS:[0254999 - Reg Liab COR reclass from A/D]</t>
  </si>
  <si>
    <t xml:space="preserve">     AOT:[254 Subtotal]</t>
  </si>
  <si>
    <t>AOU:[]</t>
  </si>
  <si>
    <t>AOV:[FERC 255: Accumulated Deferred Investment Tax Credits]</t>
  </si>
  <si>
    <t>AOW:[0255000 - Accum Def Inv Tax Credits]</t>
  </si>
  <si>
    <t>AOX:[0255001 - Def ITC - No Normalization]</t>
  </si>
  <si>
    <t xml:space="preserve">     AOY:[255 Subtotal]</t>
  </si>
  <si>
    <t>AOZ:[]</t>
  </si>
  <si>
    <t>APA:[FERC 281: Accumulated Deferred Income Taxes - Accelerated Amort Property]</t>
  </si>
  <si>
    <t>APB:[0281200 - Deferred Federal Income Tax]</t>
  </si>
  <si>
    <t>APC:[0281201 - Deferred State Income Tax]</t>
  </si>
  <si>
    <t>APD:[0281300 - Deferred FIT - Current]</t>
  </si>
  <si>
    <t>APE:[0281301 - Deferred SIT - Current]</t>
  </si>
  <si>
    <t xml:space="preserve">     APF:[281 Subtotal]</t>
  </si>
  <si>
    <t>APG:[]</t>
  </si>
  <si>
    <t>APH:[FERC 282: Accumulated Deferred Income Taxes - Other Property]</t>
  </si>
  <si>
    <t>API:[0282005 - LT FIN48 Noncur Prop DTL - FED]</t>
  </si>
  <si>
    <t>APJ:[0282006 - LT FIN48 Noncur Prop DTL - FL]</t>
  </si>
  <si>
    <t>APK:[0282100 - Adit: PpandE: Federal Taxes]</t>
  </si>
  <si>
    <t>APL:[0282101 - Adit: PpandE: State Taxes]</t>
  </si>
  <si>
    <t>APM:[0282103 - LT Def tax liability: state-282]</t>
  </si>
  <si>
    <t>APN:[0282104 - LT Def tax liability - Fed(282)]</t>
  </si>
  <si>
    <t xml:space="preserve">     APO:[282 Subtotal]</t>
  </si>
  <si>
    <t>APP:[]</t>
  </si>
  <si>
    <t>APQ:[FERC 283: Accumulated Deferred Income Taxes - Other]</t>
  </si>
  <si>
    <t>APR:[0283011 - Current Portion DIT]</t>
  </si>
  <si>
    <t>APS:[0283012 - Current Portion - DSIT]</t>
  </si>
  <si>
    <t>APT:[0283013 - Current DTL - FED]</t>
  </si>
  <si>
    <t>APU:[0283014 - Current DTL - FL]</t>
  </si>
  <si>
    <t>APV:[0283100 - Adit: Other: Federal Taxes]</t>
  </si>
  <si>
    <t>APW:[0283101 - Adit: Other: State Taxes]</t>
  </si>
  <si>
    <t>APX:[0283102 - LT Def tax liability: Fed-283]</t>
  </si>
  <si>
    <t>APY:[0283103 - LT Def tax liability: state-283]</t>
  </si>
  <si>
    <t xml:space="preserve">     APZ:[283 Subtotal]</t>
  </si>
  <si>
    <t>AQA:[]</t>
  </si>
  <si>
    <t>AQB:[EndMethodCalls]</t>
  </si>
  <si>
    <t>AQC:[]</t>
  </si>
  <si>
    <t>AQD:[Total Liabilities]</t>
  </si>
  <si>
    <t>AQE:[]</t>
  </si>
  <si>
    <t>AQF:[Assets - Liabilities]</t>
  </si>
  <si>
    <t>AQG:[if]</t>
  </si>
  <si>
    <t>AQH:[Difference]</t>
  </si>
  <si>
    <t>AQI:[end if]</t>
  </si>
  <si>
    <t>AQK:[]</t>
  </si>
  <si>
    <t>AQL:[Reconciliation:]</t>
  </si>
  <si>
    <t>AQM:[]</t>
  </si>
  <si>
    <t>AQN:[Total Assets (Published Financial Model BS)]</t>
  </si>
  <si>
    <t>AQO:[Total Liabilities (Published Financial Model BS)]</t>
  </si>
  <si>
    <t>AQP:[]</t>
  </si>
  <si>
    <t>AQQ:[Actuals:]</t>
  </si>
  <si>
    <t>AQR:[if]</t>
  </si>
  <si>
    <t>AQS:[Total Assets (Sum Here)]</t>
  </si>
  <si>
    <t>AQT:[Total Assets (Published Account Details)]</t>
  </si>
  <si>
    <t xml:space="preserve">     AQU:[Variance]</t>
  </si>
  <si>
    <t>AQV:[]</t>
  </si>
  <si>
    <t>AQW:[Total Liabilities (Sum Here)]</t>
  </si>
  <si>
    <t>AQX:[Total Liabilities (Published Account Details)]</t>
  </si>
  <si>
    <t xml:space="preserve">     AQY:[Variance]</t>
  </si>
  <si>
    <t>AQZ:[Forecast Activity:]</t>
  </si>
  <si>
    <t>ARA:[else]</t>
  </si>
  <si>
    <t>ARB:[Total Assets (previous ending)]</t>
  </si>
  <si>
    <t>ARC:[Total Assets (Above)(Change)]</t>
  </si>
  <si>
    <t>ARD:[Total Assets (Published Financial Model BS)(Change)]</t>
  </si>
  <si>
    <t xml:space="preserve">     ARE:[Variance]</t>
  </si>
  <si>
    <t>ARF:[]</t>
  </si>
  <si>
    <t>ARG:[Total Liabilities (previous ending)]</t>
  </si>
  <si>
    <t>ARH:[Total Liabilities (Above)(Change)]</t>
  </si>
  <si>
    <t>ARI:[Total Liabilities (Published Financial Model BS)(Change)]</t>
  </si>
  <si>
    <t xml:space="preserve">     ARJ:[Variance]</t>
  </si>
  <si>
    <t>ARK:[end if]</t>
  </si>
  <si>
    <t>ARL:[Total Assets (Sum Here)]</t>
  </si>
  <si>
    <t>ARM:[Total Assets (Published Source Data)]</t>
  </si>
  <si>
    <t xml:space="preserve">     ARN:[Variance]</t>
  </si>
  <si>
    <t>ARO:[]</t>
  </si>
  <si>
    <t>ARP:[if]</t>
  </si>
  <si>
    <t xml:space="preserve">          ARQ:[(-) 0108301 - Accum Depreciation COR (Model= Liability)]</t>
  </si>
  <si>
    <t xml:space="preserve">          ARR:[(-) 0190001 - Adit: Prepaid: Federal Taxes (Model= Liability)]</t>
  </si>
  <si>
    <t xml:space="preserve">          ARS:[(-) 0190002 - Adit: Prepaid: State Taxes (Model= Liability)]</t>
  </si>
  <si>
    <t xml:space="preserve">          ART:[(+) 0254100 - Regulatory Liablility - Inc Tax (Model= Asset)]</t>
  </si>
  <si>
    <t xml:space="preserve">               ARU:[Unexplained (Actuals)]</t>
  </si>
  <si>
    <t>ARV:[else]</t>
  </si>
  <si>
    <t>ARW:[]</t>
  </si>
  <si>
    <t>ARX:[end if]</t>
  </si>
  <si>
    <t xml:space="preserve">               ARY:[Unexplained]</t>
  </si>
  <si>
    <t>ASA:[]</t>
  </si>
  <si>
    <t>ASB:[Total Liabilities (Sum Here)]</t>
  </si>
  <si>
    <t>ASC:[Total Liabilities (Published Source Data)]</t>
  </si>
  <si>
    <t xml:space="preserve">     ASD:[Variance]</t>
  </si>
  <si>
    <t>ASE:[if]</t>
  </si>
  <si>
    <t xml:space="preserve">          ASF:[(+) 0108301 - Accum Depreciation COR (Model= Liability)]</t>
  </si>
  <si>
    <t xml:space="preserve">          ASG:[(+) 0190001 - Adit: Prepaid: Federal Taxes (Model= Liability)]</t>
  </si>
  <si>
    <t xml:space="preserve">          ASH:[(+) 0190002 - Adit: Prepaid: State Taxes (Model= Liability)]</t>
  </si>
  <si>
    <t xml:space="preserve">          ASI:[(-) 0254100 - Regulatory Liablility - Inc Tax (Model= Asset)]</t>
  </si>
  <si>
    <t xml:space="preserve">          ASJ:[(-) 0439300 - ADJUST TO R/E]</t>
  </si>
  <si>
    <t xml:space="preserve">          ASK:[(-) 0438110 - Subs Dividend Declared]</t>
  </si>
  <si>
    <t xml:space="preserve">               ASL:[Unexplained]</t>
  </si>
  <si>
    <t>ASM:[end if]</t>
  </si>
  <si>
    <t>ASO:[]</t>
  </si>
  <si>
    <t>ASP:[Asset-Liability Variance (rounded)]</t>
  </si>
  <si>
    <t>ASQ:[Unexplained Asset Variance (rounded)]</t>
  </si>
  <si>
    <t>ASR:[if]</t>
  </si>
  <si>
    <t>ASS:[Highlight cell if any variance]</t>
  </si>
  <si>
    <t>AST:[Highlight report if any variance]</t>
  </si>
  <si>
    <t>ASU:[end if]</t>
  </si>
  <si>
    <t>ASV:[]</t>
  </si>
  <si>
    <t>ASW:[Unexplained Liability Variance (rounded)]</t>
  </si>
  <si>
    <t>ASX:[if]</t>
  </si>
  <si>
    <t>ASY:[Highlight cell if any variance]</t>
  </si>
  <si>
    <t>ASZ:[Highlight report if any variance]</t>
  </si>
  <si>
    <t>ATA:[end if]</t>
  </si>
  <si>
    <t>ATB:[]</t>
  </si>
  <si>
    <t>ATC:[end if]</t>
  </si>
  <si>
    <t>ATD:[]</t>
  </si>
  <si>
    <t>ATE:[end if]</t>
  </si>
  <si>
    <t>ATF:[Working Capital:]</t>
  </si>
  <si>
    <t>ATG:[Working Capital Assets]</t>
  </si>
  <si>
    <t>ATH:[Working Capital Liabilities]</t>
  </si>
  <si>
    <t xml:space="preserve">     ATI:[Total Working Capital]</t>
  </si>
  <si>
    <t>ATJ:[Rate Base]</t>
  </si>
  <si>
    <t>ATK:[EPIS]</t>
  </si>
  <si>
    <t>ATL:[Acc. Depreciation]</t>
  </si>
  <si>
    <t>ATM:[PHFU]</t>
  </si>
  <si>
    <t>ATN:[CWIP]</t>
  </si>
  <si>
    <t>ATO:[Working Capital]</t>
  </si>
  <si>
    <t xml:space="preserve">     ATP:[Total Rate Base]</t>
  </si>
  <si>
    <t>ATQ:[Capital Structure]</t>
  </si>
  <si>
    <t>ATR:[Common Equity]</t>
  </si>
  <si>
    <t>ATS:[Long-Term Debt]</t>
  </si>
  <si>
    <t>ATT:[Short-Term Debt]</t>
  </si>
  <si>
    <t>ATU:[Current Portion of LT Debt]</t>
  </si>
  <si>
    <t>ATV:[Customer Deposits]</t>
  </si>
  <si>
    <t>ATW:[ITC]</t>
  </si>
  <si>
    <t>ATX:[Deferred Income Taxes]</t>
  </si>
  <si>
    <t>ATY:[Excess Deferred Tax Liability]</t>
  </si>
  <si>
    <t>ATZ:[FAS 109 DIT]</t>
  </si>
  <si>
    <t xml:space="preserve">     AUA:[Total Capital Structure]</t>
  </si>
  <si>
    <t>AUC:[]</t>
  </si>
  <si>
    <t>OQ:[0920001 - SC O&amp;M Labor Deferral]</t>
  </si>
  <si>
    <t xml:space="preserve">     OS:[0920100 - Salaries &amp; Wages - Proj Supt]</t>
  </si>
  <si>
    <t xml:space="preserve">     OT:[0920300 - Project Development Labor]</t>
  </si>
  <si>
    <t xml:space="preserve">     OU:[0920980 - A and G Salaries for Corp]</t>
  </si>
  <si>
    <t xml:space="preserve">          OV:[920 - Total Administrative and General Salaries]</t>
  </si>
  <si>
    <t xml:space="preserve">     OW:[921 - Office Supplies and Expenses]</t>
  </si>
  <si>
    <t xml:space="preserve">     OX:[0921000 - Inflation Adj]</t>
  </si>
  <si>
    <t xml:space="preserve">     OY:[0921101 - Emp Exp NC]</t>
  </si>
  <si>
    <t xml:space="preserve">     OZ:[0921100 - Employee Expenses (Total)]</t>
  </si>
  <si>
    <t xml:space="preserve">     PA:[0921103 - Employee Exp WH]</t>
  </si>
  <si>
    <t xml:space="preserve">     PB:[0921110 - Relocation Exp]</t>
  </si>
  <si>
    <t xml:space="preserve">     PC:[0921150 - Gen Admin Related Party]</t>
  </si>
  <si>
    <t xml:space="preserve">     PD:[0921200 - Office Expenses]</t>
  </si>
  <si>
    <t xml:space="preserve">     PE:[0921300 - Telephone and Telegraph Exp]</t>
  </si>
  <si>
    <t xml:space="preserve">     PF:[0921400 - Computer Services Expenses]</t>
  </si>
  <si>
    <t xml:space="preserve">     PG:[0921540 - Computer Rent (Go Only)]</t>
  </si>
  <si>
    <t xml:space="preserve">     PH:[0921600 - Other]</t>
  </si>
  <si>
    <t xml:space="preserve">     PI:[0921610 - Inventory Adjustment]</t>
  </si>
  <si>
    <t xml:space="preserve">     PJ:[0921900 - Office Supply &amp; Exp - Partner]</t>
  </si>
  <si>
    <t xml:space="preserve">     PK:[0921980 - Office Supplies and Expenses]</t>
  </si>
  <si>
    <t xml:space="preserve">          PL:[921 - Total Office Supplies and Expenses]</t>
  </si>
  <si>
    <t xml:space="preserve">     PM:[922 - Administrative Expenses Transferred - Credit]</t>
  </si>
  <si>
    <t xml:space="preserve">     PN:[0922000 - Admin Exp Transfer]</t>
  </si>
  <si>
    <t xml:space="preserve">     PO:[0922100 - Admin Exp Transf-Construction]</t>
  </si>
  <si>
    <t xml:space="preserve">     PP:[0922200 - Admin Exp Transfer - Nonutility]</t>
  </si>
  <si>
    <t xml:space="preserve">          PQ:[922 - Total Admin Expenses Transferred - Credit]</t>
  </si>
  <si>
    <t xml:space="preserve">     PR:[923 - Outside Services Employed]</t>
  </si>
  <si>
    <t xml:space="preserve">     PS:[0923000 - Outside Services Employed]</t>
  </si>
  <si>
    <t xml:space="preserve">     PT:[0923000 - Inflation Adj]</t>
  </si>
  <si>
    <t xml:space="preserve">     PU:[0923000 - FP&amp;A On-Top Adjustment (Forecast Only)]</t>
  </si>
  <si>
    <t xml:space="preserve">     PV:[0923100 - Outside Services - NCRC]</t>
  </si>
  <si>
    <t xml:space="preserve">     PW:[0923980 - Outside Services Employee and]</t>
  </si>
  <si>
    <t xml:space="preserve">          PX:[923 - Total Outside Services Employed]</t>
  </si>
  <si>
    <t xml:space="preserve">     PY:[924 - Property Insurance]</t>
  </si>
  <si>
    <t xml:space="preserve">     PZ:[0924000 - Property Insurance]</t>
  </si>
  <si>
    <t>QA:[0924100 - Admin - EH&amp;S Expense]</t>
  </si>
  <si>
    <t xml:space="preserve">     QB:[0924050 - Intercompany Property Insurance Exp]</t>
  </si>
  <si>
    <t xml:space="preserve">     QC:[0924980 - Property Insurance For Corp.]</t>
  </si>
  <si>
    <t xml:space="preserve">          QD:[924 - Total Property Insurance]</t>
  </si>
  <si>
    <t xml:space="preserve">     QE:[924 - Storm Expense]</t>
  </si>
  <si>
    <t xml:space="preserve">     QF:[0924200 - Recoverable Storm Damage Exp (Irma/Michael - Ian/Nicole)]</t>
  </si>
  <si>
    <t xml:space="preserve">     QG:[0924200  - Recoverable Storm Damage Exp (Irma/Michael - Ian/Nichole - Not in Bud]</t>
  </si>
  <si>
    <t xml:space="preserve">          QH:[Subtotal for Irma/Michael (combines budget &amp; not in budget)]</t>
  </si>
  <si>
    <t xml:space="preserve">     QI:[0924200 - Recoverable Storm Damage Exp (OATT Not InBudg)]</t>
  </si>
  <si>
    <t xml:space="preserve">     QJ:[0924200 - Recoverable Storm Damage Exp (OATT InBudg)]</t>
  </si>
  <si>
    <t xml:space="preserve">          QK:[0924.2 Sub-total Recoverable Storm Damage Exp (OATT)]</t>
  </si>
  <si>
    <t xml:space="preserve">          QL:[924 - Total Storm Damage]</t>
  </si>
  <si>
    <t xml:space="preserve">     QM:[925 - Injuries and Damages]</t>
  </si>
  <si>
    <t xml:space="preserve">     QN:[0925000 - Injuries and Damages]</t>
  </si>
  <si>
    <t xml:space="preserve">     QO:[0925051 - Intercompany Gen Liab Expense]</t>
  </si>
  <si>
    <t xml:space="preserve">     QP:[0925052 - Inter-Co Worker Comp Insur Exp]</t>
  </si>
  <si>
    <t xml:space="preserve">     QQ:[0925200 - Injuries and Damages - Other]</t>
  </si>
  <si>
    <t xml:space="preserve">     QR:[0925300 - Environmental Inj &amp; Damages]</t>
  </si>
  <si>
    <t xml:space="preserve">     QS:[0925980 - Injuries and Damages For Corp.]</t>
  </si>
  <si>
    <t xml:space="preserve">          QT:[925 - Total Injuries and Damages]</t>
  </si>
  <si>
    <t xml:space="preserve">     QU:[926 - Employee Pensions and Benefits]</t>
  </si>
  <si>
    <t xml:space="preserve">     QV:[0926000 - Empl Pensions and Benefits]</t>
  </si>
  <si>
    <t xml:space="preserve">     QW:[0926001 - Payroll Burden Contra]</t>
  </si>
  <si>
    <t xml:space="preserve">     QX:[0926420 - Employee Tuition Refund]</t>
  </si>
  <si>
    <t xml:space="preserve">     QY:[0926430 - Employees'Recreation Expense]</t>
  </si>
  <si>
    <t xml:space="preserve">     QZ:[0926490 - Other Employee Benefits]</t>
  </si>
  <si>
    <t xml:space="preserve">     RA:[0457700 - Allocated Employee Benefits Offset]</t>
  </si>
  <si>
    <t xml:space="preserve">     RB:[0926600 - Employee Benefits - Transferred]</t>
  </si>
  <si>
    <t xml:space="preserve">     RC:[0926999 - Pension Non-Service Costs (Governance)]</t>
  </si>
  <si>
    <t xml:space="preserve">     RD:[0926999 - Pension Accounting Adjustment - '22 8x4 Forecast]</t>
  </si>
  <si>
    <t xml:space="preserve">          RE:[926 - Total Employee Pensions and Benefits]</t>
  </si>
  <si>
    <t xml:space="preserve">     RF:[927 - Franchise Requirements]</t>
  </si>
  <si>
    <t xml:space="preserve">     RG:[0927001 - General and Administration]</t>
  </si>
  <si>
    <t xml:space="preserve">          RH:[927 - Total Franchise Requirements]</t>
  </si>
  <si>
    <t xml:space="preserve">     RI:[928 - Regulatory Commission Expenses]</t>
  </si>
  <si>
    <t xml:space="preserve">     RJ:[0928000 - Regulatory Expenses (Go)]</t>
  </si>
  <si>
    <t xml:space="preserve">     RK:[0928930 - Amort 2021 Rate Case Exp]</t>
  </si>
  <si>
    <t xml:space="preserve">          RL:[928 - Total Regulatory Commission Expenses]</t>
  </si>
  <si>
    <t xml:space="preserve">     RM:[929 - Duplicate Charges - Credit]</t>
  </si>
  <si>
    <t xml:space="preserve">     RN:[0929000 - Duplicate Chrgs - Enrgy To Exp]</t>
  </si>
  <si>
    <t xml:space="preserve">     RO:[0929500 - Admin Exp Transf]</t>
  </si>
  <si>
    <t xml:space="preserve">          RP:[929 - Total Duplicate Charges - Credit]</t>
  </si>
  <si>
    <t xml:space="preserve">     RQ:[930 - Miscellaneous General Expenses]</t>
  </si>
  <si>
    <t xml:space="preserve">     RR:[0930150 - Miscellaneous Advertising Exp]</t>
  </si>
  <si>
    <t xml:space="preserve">     RS:[0930200 - Misc General Expenses]</t>
  </si>
  <si>
    <t xml:space="preserve">     RT:[0930210 - Industry Assn Dues]</t>
  </si>
  <si>
    <t xml:space="preserve">     RU:[0930220 - Exp of Servicing Securities]</t>
  </si>
  <si>
    <t xml:space="preserve">     RV:[0930230 - Dues To Various Organizations]</t>
  </si>
  <si>
    <t xml:space="preserve">     RW:[0930240 - Director'S Expenses]</t>
  </si>
  <si>
    <t xml:space="preserve">     RX:[0930250 - Buy\Sell Transf Employee Homes]</t>
  </si>
  <si>
    <t xml:space="preserve">     RY:[0930600 - Leased Circuit Charges - Other]</t>
  </si>
  <si>
    <t xml:space="preserve">     RZ:[0930700 - Research and Development]</t>
  </si>
  <si>
    <t xml:space="preserve">     SA:[0930891 - IC Misc. Expense VIE]</t>
  </si>
  <si>
    <t xml:space="preserve">     SB:[0930940 - General Expenses]</t>
  </si>
  <si>
    <t xml:space="preserve">          SC:[930 - Total Miscellaneous General Expenses]</t>
  </si>
  <si>
    <t xml:space="preserve">     SD:[931 - Rents]</t>
  </si>
  <si>
    <t xml:space="preserve">     SE:[0931001 - Rents - A and G]</t>
  </si>
  <si>
    <t xml:space="preserve">     SF:[0931003 - Lease Amortization Expense]</t>
  </si>
  <si>
    <t xml:space="preserve">     SG:[0931008 - A and G Rents IC]</t>
  </si>
  <si>
    <t xml:space="preserve">          SH:[931 - Total Rents]</t>
  </si>
  <si>
    <t xml:space="preserve">     SI:[935 - Maintenance of General Plant]</t>
  </si>
  <si>
    <t xml:space="preserve">     SJ:[0935100 - Maint General Plant-Elec]</t>
  </si>
  <si>
    <t xml:space="preserve">     SK:[0935200 - Cust Infor and Computer Control]</t>
  </si>
  <si>
    <t xml:space="preserve">     SL:[0932000 - Maintenance of Gen Plant-Gas]</t>
  </si>
  <si>
    <t xml:space="preserve">          SM:[935 - Maintenance of General Plant]</t>
  </si>
  <si>
    <t xml:space="preserve">     SN:[920-935 - Total Admin &amp; General  Expenses]</t>
  </si>
  <si>
    <t>SO:[500-599 &amp; 901-935 - Total O&amp;M Base Recoverable]</t>
  </si>
  <si>
    <t>SP:[Clause Recoverable O&amp;M]</t>
  </si>
  <si>
    <t xml:space="preserve">     SQ:[ECCR]</t>
  </si>
  <si>
    <t xml:space="preserve">     SR:[0908000 - Cust Asset Exp-Conservation Programs - Recoverable]</t>
  </si>
  <si>
    <t xml:space="preserve">     SS:[0908001 - Current Month Deferral]</t>
  </si>
  <si>
    <t xml:space="preserve">     ST:[0908001 - ECCR Current Month Deferral (FP&amp;A Had in O&amp;M in Rate Case - Moved Here]</t>
  </si>
  <si>
    <t xml:space="preserve">     SU:[0908001 - ECCR Prior Period Amort (FP&amp;A Had in O&amp;M in Rate Case - Moved H]</t>
  </si>
  <si>
    <t xml:space="preserve">     SV:[0908002 - Amort of Load Mgmt Switches]</t>
  </si>
  <si>
    <t xml:space="preserve">     SW:[0909000 - Info &amp; Instruc Adv-Conservation Prog - Rec]</t>
  </si>
  <si>
    <t xml:space="preserve">          SX:[Total ECCR]</t>
  </si>
  <si>
    <t xml:space="preserve">     SY:[ECRC]</t>
  </si>
  <si>
    <t xml:space="preserve">     SZ:[0500100 - Fossil Oper Superv - Recoverable]</t>
  </si>
  <si>
    <t xml:space="preserve">     TA:[0502400 - Fossil Steam Exp - Recoverable]</t>
  </si>
  <si>
    <t xml:space="preserve">     TB:[0506300 - Misc Fossil Power Expenses - Recoverable]</t>
  </si>
  <si>
    <t xml:space="preserve">     TC:[0510100 - Suprvsn and Engrng-Steam Maint]</t>
  </si>
  <si>
    <t xml:space="preserve">     TD:[0511200 - Maint of Structures Steam - Rec]</t>
  </si>
  <si>
    <t xml:space="preserve">     TE:[0512300 - Maint Of Boiler Plant-Other - Recoverable]</t>
  </si>
  <si>
    <t xml:space="preserve">     TF:[0513300 - Maint Of Electric Plant-Other - Recoverable]</t>
  </si>
  <si>
    <t xml:space="preserve">     TG:[0514300 - Maintenance - Misc Steam Plant]</t>
  </si>
  <si>
    <t xml:space="preserve">     TH:[0549200 - CT Misc Power Expense - Recoverable]</t>
  </si>
  <si>
    <t xml:space="preserve">     TI:[0557995 - ECRC O&amp;M Def - Recoverable]</t>
  </si>
  <si>
    <t xml:space="preserve">     TJ:[0557996 - Def Clean Coal]</t>
  </si>
  <si>
    <t xml:space="preserve">          TK:[ECRC Production Base Total]</t>
  </si>
  <si>
    <t xml:space="preserve">     TL:[0502010 - Ammonia Expense]</t>
  </si>
  <si>
    <t xml:space="preserve">     TM:[0502020 - Ammonia Qualifying]</t>
  </si>
  <si>
    <t xml:space="preserve">     TN:[0502030 - Urea - Qualifying]</t>
  </si>
  <si>
    <t xml:space="preserve">     TO:[0502040 - Cost of Lime]</t>
  </si>
  <si>
    <t xml:space="preserve">     TP:[0502041 - Gypsum Rev - Exp Offset]</t>
  </si>
  <si>
    <t xml:space="preserve">     TQ:[0502050 - Diabasic Acid - Qualifying]</t>
  </si>
  <si>
    <t xml:space="preserve">     TR:[0502070 - Gypsum - Qualifying]</t>
  </si>
  <si>
    <t xml:space="preserve">     TS:[0502082 - Re-emission Chem Exp - Reagent]</t>
  </si>
  <si>
    <t xml:space="preserve">     TT:[0502100 - Fossil Steam Exp - Other]</t>
  </si>
  <si>
    <t xml:space="preserve">     TU:[0502300 - Steam Oper-Caustic - FL]</t>
  </si>
  <si>
    <t xml:space="preserve">     TV:[0509000 - Emission Allowances]</t>
  </si>
  <si>
    <t xml:space="preserve">     TW:[0509030 - SO2 Emission Expense]</t>
  </si>
  <si>
    <t xml:space="preserve">     TX:[0509212- Annual NOx Emission Expense]</t>
  </si>
  <si>
    <t xml:space="preserve">     TY:[0553100 - CT Maint of Gen and Plant-Recoverable]</t>
  </si>
  <si>
    <t xml:space="preserve">          TZ:[ECRC Energy Total]</t>
  </si>
  <si>
    <t xml:space="preserve">     UA:[0573100 - Trans Maint-Misc Trans Plant - Recoverable]</t>
  </si>
  <si>
    <t xml:space="preserve">     UB:[0598400 - Distr Maint-Misc Distr Plant-Recoverable]</t>
  </si>
  <si>
    <t xml:space="preserve">          UC:[TOTAL ECRC]</t>
  </si>
  <si>
    <t xml:space="preserve">     UD:[SPP]</t>
  </si>
  <si>
    <t xml:space="preserve">     UE:[SPP - TRANSMISSION]</t>
  </si>
  <si>
    <t xml:space="preserve">     UF:[0562000 - Station Expenses - SPP]</t>
  </si>
  <si>
    <t xml:space="preserve">     UG:[0563000 - Overhead Line Expenses - Trans - SPP]</t>
  </si>
  <si>
    <t xml:space="preserve">     UH:[0566000 - Misc Trans Exp - Other- SPP]</t>
  </si>
  <si>
    <t xml:space="preserve">     UI:[0570100  - Maint Stat Equip - Other_Trans]</t>
  </si>
  <si>
    <t xml:space="preserve">     UJ:[0570200 - Cir Brks Trnsfr Mtrs - Trans - SPP]</t>
  </si>
  <si>
    <t xml:space="preserve">     UK:[0571000 - Maint Trans OH Lines - SPP]</t>
  </si>
  <si>
    <t xml:space="preserve">     UL:[0571000 - Maint Trans OH Lines - SPP Governance]</t>
  </si>
  <si>
    <t xml:space="preserve">     UM:[0571000 - Maint Trans OH Lines - SPP]</t>
  </si>
  <si>
    <t xml:space="preserve">     UN:[0571000 - Maint Trans OH Lines - SPP (Veg Mgmt)]</t>
  </si>
  <si>
    <t xml:space="preserve">     UO:[0580000 - Supervsn and Engring - Dist Oper - SPP]</t>
  </si>
  <si>
    <t xml:space="preserve">     UP:[0588100 - Misc Distribution Exp - Other- SPP]</t>
  </si>
  <si>
    <t xml:space="preserve">     UQ:[0926600 - Employee Benefits - Transferred (Transmission)]</t>
  </si>
  <si>
    <t xml:space="preserve">          UR:[SPP Transmission Total]</t>
  </si>
  <si>
    <t xml:space="preserve">     US:[SPP - DISTRIBUTION]</t>
  </si>
  <si>
    <t xml:space="preserve">     UT:[0580000 - Supervsn and Engring - Dist Oper - SPP]</t>
  </si>
  <si>
    <t xml:space="preserve">     UU:[0583100 - Overhead Line Exps - Other Dist - SPP]</t>
  </si>
  <si>
    <t xml:space="preserve">     UV:[0588100 - Misc Distribution Expenses - SPP]</t>
  </si>
  <si>
    <t xml:space="preserve">     UW:[0593000 - Maint OH Lines - SPP]</t>
  </si>
  <si>
    <t xml:space="preserve">     UX:[0593000 - Maint OH Lines - SPP Governance]</t>
  </si>
  <si>
    <t xml:space="preserve">     UY:[0593000 - Maint OH Lines - SPP]</t>
  </si>
  <si>
    <t xml:space="preserve">     UZ:[0593100 - Right of Way Mtce - Dist SPP]</t>
  </si>
  <si>
    <t xml:space="preserve">     VA:[0593100 - Maint Dist ROW - SPP (Veg Mgmt))]</t>
  </si>
  <si>
    <t xml:space="preserve">     VB:[0594000 - Maint UG Lines - SPP]</t>
  </si>
  <si>
    <t xml:space="preserve">     VC:[0926600 - Employee Benefits - Transferred (Distribution)]</t>
  </si>
  <si>
    <t xml:space="preserve">          VD:[SPP Distribution Total]</t>
  </si>
  <si>
    <t xml:space="preserve">          VE:[TOTAL SPP]</t>
  </si>
  <si>
    <t xml:space="preserve">     VF:[CCR]</t>
  </si>
  <si>
    <t xml:space="preserve">     VG:[0557201 - FL Deferred Capacity Expense (And State Tax Giveback Acct for Actuals)]</t>
  </si>
  <si>
    <t xml:space="preserve">     VH:[0557201 - FL CY Deferred Capacity Expense]</t>
  </si>
  <si>
    <t xml:space="preserve">     VI:[0557xxx - IRA Tax Giveback (Capacity Clause)]</t>
  </si>
  <si>
    <t xml:space="preserve">               VJ:[Capacity - Retail 100% Total]</t>
  </si>
  <si>
    <t xml:space="preserve">     VK:[0555190 - Capacity Purchase Expense]</t>
  </si>
  <si>
    <t xml:space="preserve">     VL:[0557201 - Tax Savings (Forecast Only)]</t>
  </si>
  <si>
    <t xml:space="preserve">          VM:[Capacity - Manual Input Sep Factor Total]</t>
  </si>
  <si>
    <t xml:space="preserve">     VN:[0555550 - Purchases Energy Imbalance]</t>
  </si>
  <si>
    <t xml:space="preserve">     VO:[FUEL]</t>
  </si>
  <si>
    <t xml:space="preserve">     VP:[Whlse Fuel - Base Rates]</t>
  </si>
  <si>
    <t xml:space="preserve">     VQ:[Whllse Fuel - Fuel Expense]</t>
  </si>
  <si>
    <t xml:space="preserve">     VR:[Whlse Fuel - Fuel Clause]</t>
  </si>
  <si>
    <t xml:space="preserve">     VS:[Reclsass Stratified Fuel Whsle (Whsle Contracts)]</t>
  </si>
  <si>
    <t xml:space="preserve">          VT:[Fuel - Wholesale 100% Total]</t>
  </si>
  <si>
    <t xml:space="preserve">     VU:[0501008 - Contra Fuel Exp BR Ash - SC]</t>
  </si>
  <si>
    <t xml:space="preserve">     VV:[0501013 - Natural Gas Purchase]</t>
  </si>
  <si>
    <t xml:space="preserve">     VW:[0501110 - Coal Consumed - Fossil Steam]</t>
  </si>
  <si>
    <t xml:space="preserve">     VX:[0501310 - Oil Consumed - Fossil Steam]</t>
  </si>
  <si>
    <t xml:space="preserve">     VY:[0518100 - Burn up of Owned Fuel]</t>
  </si>
  <si>
    <t xml:space="preserve">     VZ:[0547000 - Fuel Expense]</t>
  </si>
  <si>
    <t xml:space="preserve">     WA:[0547100 - Natural Gas]</t>
  </si>
  <si>
    <t xml:space="preserve">     WB:[0501110 - Coal Contingency]</t>
  </si>
  <si>
    <t xml:space="preserve">     WC:[0547200 - Oil]</t>
  </si>
  <si>
    <t xml:space="preserve">     WD:[0555185 - Energy Purchase Expense]</t>
  </si>
  <si>
    <t xml:space="preserve">     WE:[0557202 - FL Deferred Fuel Expense]</t>
  </si>
  <si>
    <t xml:space="preserve">     WF:[0557xxx - Clean Energy Connect Bill Credits]</t>
  </si>
  <si>
    <t xml:space="preserve">     WG:[0555191 - Other Power Purchased]</t>
  </si>
  <si>
    <t xml:space="preserve">     WH:[0555016 - I/C Joint Disp Pur Pwr]</t>
  </si>
  <si>
    <t xml:space="preserve">     WI:[0555200 - Interchange Power]</t>
  </si>
  <si>
    <t xml:space="preserve">     WJ:[0501110 - Net Fossil Fuel Expense - PE Fuel Expense Report]</t>
  </si>
  <si>
    <t xml:space="preserve">     WK:[0501110 - Coal Ash &amp; Gypsum - PE Fuel Expense Report]</t>
  </si>
  <si>
    <t xml:space="preserve">     WL:[Reclass Stratified Fuel to Whlse (Whsle Contracts)]</t>
  </si>
  <si>
    <t xml:space="preserve">          WM:[Fuel - Manual Input Sep Factor Total]</t>
  </si>
  <si>
    <t xml:space="preserve">          WN:[Total Fuel]</t>
  </si>
  <si>
    <t>WP:[500-599 &amp; 901-935 - Total O&amp;M Clause Recoverable]</t>
  </si>
  <si>
    <t>WQ:[500-599 &amp; 901-935 - Total O&amp;M Base &amp; Clause]</t>
  </si>
  <si>
    <t>WR:[]</t>
  </si>
  <si>
    <t>WS:[403-407 - Depreciation and Amortization]</t>
  </si>
  <si>
    <t xml:space="preserve">     WT:[403 - Depreciation]</t>
  </si>
  <si>
    <t xml:space="preserve">     WU:[0403002 - Depr - Expense]</t>
  </si>
  <si>
    <t xml:space="preserve">     WV:[0403002 - Less: Transp. Equip. (incl. in O&amp;M)]</t>
  </si>
  <si>
    <t xml:space="preserve">          WW:[Net Depreciation]</t>
  </si>
  <si>
    <t xml:space="preserve">     WX:[0403050 - CONTRA DEPR-OATT]</t>
  </si>
  <si>
    <t xml:space="preserve">          WY:[403 - Total Electric Depreciation]</t>
  </si>
  <si>
    <t xml:space="preserve">     WZ:[403.1 Deprec for Asset Retirement Costs]</t>
  </si>
  <si>
    <t xml:space="preserve">     XA:[0403800 - Decom Exp]</t>
  </si>
  <si>
    <t xml:space="preserve">     XB:[0403150- Depreciation Expense ARO]</t>
  </si>
  <si>
    <t xml:space="preserve">          XC:[403.1 - Total Deprec for Asset Retirement Costs]</t>
  </si>
  <si>
    <t xml:space="preserve">     XD:[404-407 - Amortization]</t>
  </si>
  <si>
    <t>XE:[404 - Amort Limited Term Elec Plant]</t>
  </si>
  <si>
    <t xml:space="preserve">     XF:[0404200 - Amor of Elec Plt - Software]</t>
  </si>
  <si>
    <t xml:space="preserve">     XG:[0403400 - Depr of Distribution Plant]</t>
  </si>
  <si>
    <t xml:space="preserve">     XH:[0404402 - Amort of ECCR Plant]</t>
  </si>
  <si>
    <t xml:space="preserve">          XI:[404 - Total Amort of LT Term Elec Plt]</t>
  </si>
  <si>
    <t>XJ:[406 - Amort Elec Plant Acquisition Adj]</t>
  </si>
  <si>
    <t xml:space="preserve">     XK:[0406505 - Amort Exp - Acq Purch Adj]</t>
  </si>
  <si>
    <t xml:space="preserve">          XL:[406 - Total Amort Elec Plant Acquisition Adj]</t>
  </si>
  <si>
    <t xml:space="preserve">     XM:[407 - Amort Prop Loss, Unrecov Plant &amp; Reg Study Costs]</t>
  </si>
  <si>
    <t xml:space="preserve">     XN:[0407115 - Meter Amortization]</t>
  </si>
  <si>
    <t>XO:[407.1 Total Amort Prop Loss, Unrecov Plant &amp; Reg]</t>
  </si>
  <si>
    <t xml:space="preserve">     XP:[407.3 - Regulatory Debits]</t>
  </si>
  <si>
    <t xml:space="preserve">     XQ:[0407318 - SPP DEF Reg Debit]</t>
  </si>
  <si>
    <t xml:space="preserve">     XR:[0407318 - SPP Prior Period Amortization]</t>
  </si>
  <si>
    <t xml:space="preserve">     XS:[0407318 - SPP Current Month Deferral]</t>
  </si>
  <si>
    <t xml:space="preserve">     XT:[0407319 - EVSE deferral amortization]</t>
  </si>
  <si>
    <t xml:space="preserve">     XU:[0407320 - Storm Captalization Reg Asset Amortization]</t>
  </si>
  <si>
    <t xml:space="preserve">     XV:[0407322 - Storm Cost Reg Asset Amort]</t>
  </si>
  <si>
    <t xml:space="preserve">     XW:[0407322 - Depreciation Deferral Amortization]</t>
  </si>
  <si>
    <t xml:space="preserve">     XX:[0407321 - ECRC - Higgins &amp; Avon Park Reg Asset Amort - FERC 407.3]</t>
  </si>
  <si>
    <t xml:space="preserve">     XY:[0407361 - ECRC REG DEBIT]</t>
  </si>
  <si>
    <t xml:space="preserve">     XZ:[0407383 - Amort Coal Ash Spend - Whlsale]</t>
  </si>
  <si>
    <t xml:space="preserve">     YA:[0407410 - FUEL - FPD PPA Buyout Amortization]</t>
  </si>
  <si>
    <t xml:space="preserve">     YB:[0407410 - CCR - Ridge Termination Amortization]</t>
  </si>
  <si>
    <t xml:space="preserve">     YC:[0407371 - Amortization - Storm Exp - Whsle]</t>
  </si>
  <si>
    <t xml:space="preserve">     YD:[0407372 - Amortization Rate Case Exp]</t>
  </si>
  <si>
    <t xml:space="preserve">     YE:[0407387 - DEF 4&amp;5 Accelerated Depreciation]</t>
  </si>
  <si>
    <t xml:space="preserve">     YF:[0407389 - CR South Reg Asset Amortization - CCR &gt; Dec 2020]</t>
  </si>
  <si>
    <t xml:space="preserve">     YG:[0407399 - Amortization - Misc]</t>
  </si>
  <si>
    <t xml:space="preserve">     YH:[0407424 - ISFSI Amortization]</t>
  </si>
  <si>
    <t xml:space="preserve">     YI:[0407406 - DOE Reimbursement - ISFSI Amortization]</t>
  </si>
  <si>
    <t xml:space="preserve">     YJ:[0407406 - DOE Reimbursement - NDTF Amortization]</t>
  </si>
  <si>
    <t xml:space="preserve">     YK:[0407394 - Customer Connect Reg Asset Amort]</t>
  </si>
  <si>
    <t xml:space="preserve">     YL:[0407399 - Vision Florida Depreciation Deferral (Included in 0403002)]</t>
  </si>
  <si>
    <t xml:space="preserve">     YM:[0407320 - Vision Florida Amortization]</t>
  </si>
  <si>
    <t xml:space="preserve">     YN:[0407399 - Rotable Depreciation Adjustment]</t>
  </si>
  <si>
    <t xml:space="preserve">     YO:[0407444 - DOE Settlement Reg Liab Amort]</t>
  </si>
  <si>
    <t xml:space="preserve">     YP:[0407463 - Defer DEF Final Dismantlement]</t>
  </si>
  <si>
    <t xml:space="preserve">     YQ:[0407907 - Regulatory Asset-Deferral Acct]</t>
  </si>
  <si>
    <t xml:space="preserve">          YR:[407.3 - Total Regulatory Debits]</t>
  </si>
  <si>
    <t xml:space="preserve">     YS:[407.4 - Regulatory Credits]</t>
  </si>
  <si>
    <t xml:space="preserve">     YT:[0407423 - FL Deferred Fuel Expense - Credit (CY Over/Under)]</t>
  </si>
  <si>
    <t xml:space="preserve">     YU:[0407426 - ECRC FL EMISS AUC PROC AMORT]</t>
  </si>
  <si>
    <t xml:space="preserve">     YV:[0407428 - ECRC Reg Credit - O and M Def]</t>
  </si>
  <si>
    <t xml:space="preserve">          YW:[407.4 - Total Regulatory Credits]</t>
  </si>
  <si>
    <t>YX:[403-407 - Total Depreciation and Amortization]</t>
  </si>
  <si>
    <t>YY:[411 - Accretion and Gains/Losses on Disp of Allowances]</t>
  </si>
  <si>
    <t xml:space="preserve">     YZ:[0411050 - Accretion Expense ARO]</t>
  </si>
  <si>
    <t xml:space="preserve">     ZA:[0411108 - FAS 143 - Accretion Expense]</t>
  </si>
  <si>
    <t xml:space="preserve">     ZB:[0411603 - Gain on Asset Retirement Obligation]</t>
  </si>
  <si>
    <t xml:space="preserve">     ZC:[0411703 - Loss on Asset Ret Obligation]</t>
  </si>
  <si>
    <t xml:space="preserve">     ZD:[0411832 - Nox Sales Proceeds]</t>
  </si>
  <si>
    <t>ZE:[411 - Total Accretion and gains/losses on Allowances]</t>
  </si>
  <si>
    <t>ZF:[]</t>
  </si>
  <si>
    <t>ZG:[403-411 - Total Depr Amort &amp; Accretion]</t>
  </si>
  <si>
    <t>ZH:[]</t>
  </si>
  <si>
    <t>ZI:[408 - Taxes Other Than Income Taxes]</t>
  </si>
  <si>
    <t xml:space="preserve">     ZJ:[0408000 - NC Property Tax - Electric]</t>
  </si>
  <si>
    <t xml:space="preserve">     ZK:[0408040 - DEBS Allocated Property Tax]</t>
  </si>
  <si>
    <t xml:space="preserve">     ZL:[0408050 - Municipal License-Electric]</t>
  </si>
  <si>
    <t xml:space="preserve">     ZM:[0408055 - FL Property Tax - Electric]</t>
  </si>
  <si>
    <t xml:space="preserve">     ZN:[0408055 - Vision Florida Property Tax Deferral]</t>
  </si>
  <si>
    <t xml:space="preserve">     ZO:[0408103 - Payroll Tax - Project Supt NCR]</t>
  </si>
  <si>
    <t xml:space="preserve">     ZP:[0408103 - Payroll Tax (Governance)]</t>
  </si>
  <si>
    <t xml:space="preserve">     ZQ:[0408113 - FL Reg Assessment Fee - Elec Tax]</t>
  </si>
  <si>
    <t xml:space="preserve">     ZR:[0408100 - Franchise Tax - Electric]</t>
  </si>
  <si>
    <t xml:space="preserve">     ZS:[0408100 - Franchise Tax - Allocated]</t>
  </si>
  <si>
    <t xml:space="preserve">     ZT:[0408120 - Franchise Tax - Non Electric]</t>
  </si>
  <si>
    <t xml:space="preserve">     ZU:[0408121 - Taxes Property - Operating]</t>
  </si>
  <si>
    <t xml:space="preserve">     ZV:[0408125 - Deferred Property Taxes - WH]</t>
  </si>
  <si>
    <t xml:space="preserve">     ZW:[0408150 - State Unemployment Tax]</t>
  </si>
  <si>
    <t xml:space="preserve">     ZX:[0408151 - Federal Unemployment Tax]</t>
  </si>
  <si>
    <t xml:space="preserve">     ZY:[0408152 - Employer FICA Tax]</t>
  </si>
  <si>
    <t xml:space="preserve">     ZZ:[0408153 - Employer Local Tax]</t>
  </si>
  <si>
    <t xml:space="preserve">     AAA:[0408205 - Highway Use Tax]</t>
  </si>
  <si>
    <t xml:space="preserve">     AAB:[0408470 - Gross Receipts Tax - Elec]</t>
  </si>
  <si>
    <t xml:space="preserve">     AAC:[0408465 - FL Kwh Power Gen Tax - Electric]</t>
  </si>
  <si>
    <t xml:space="preserve">     AAD:[0408520 - SC Public Service Comm - Elec Tax]</t>
  </si>
  <si>
    <t xml:space="preserve">     AAE:[0408700 - Fed Social Security Tax - Elec]</t>
  </si>
  <si>
    <t xml:space="preserve">     AAF:[0408800 - Federal Highway Use Tax]</t>
  </si>
  <si>
    <t xml:space="preserve">     AAG:[0408840 - Misc Taxes - Electric]</t>
  </si>
  <si>
    <t xml:space="preserve">     AAH:[0408851 - Sales and Use Tax Exp]</t>
  </si>
  <si>
    <t xml:space="preserve">     AAI:[0408960 - Allocated Payroll Taxes]</t>
  </si>
  <si>
    <t xml:space="preserve">     AAJ:[408 - Total Taxes Other Than Income Taxes]</t>
  </si>
  <si>
    <t>AAK:[]</t>
  </si>
  <si>
    <t>AAL:[Total Operating Expense Before Income Taxes]</t>
  </si>
  <si>
    <t>AAM:[]</t>
  </si>
  <si>
    <t>AAN:[Net Operating Income Before Interest &amp; Taxes]</t>
  </si>
  <si>
    <t>AAO:[]</t>
  </si>
  <si>
    <t>AAP:[409-411 - Income Tax Expense - Utility]</t>
  </si>
  <si>
    <t xml:space="preserve">     AAQ:[409 - Current Income Tax - Utility]</t>
  </si>
  <si>
    <t xml:space="preserve">     AAR:[0409102 - SIT Exp - Utility]</t>
  </si>
  <si>
    <t xml:space="preserve">     AAS:[0409104 - Current SIT - PY]</t>
  </si>
  <si>
    <t xml:space="preserve">     AAT:[0409107 - Fit Exp - Utility]</t>
  </si>
  <si>
    <t xml:space="preserve">     AAU:[0409113 - UTP Tax Exp: State Util-PY]</t>
  </si>
  <si>
    <t xml:space="preserve">     AAV:[0409190 - Federal Income Tax CY]</t>
  </si>
  <si>
    <t xml:space="preserve">     AAW:[0409190 - Current Income Tax on Special Governance (Input)]</t>
  </si>
  <si>
    <t xml:space="preserve">     AAX:[0409191 - Fit - Electric PY]</t>
  </si>
  <si>
    <t xml:space="preserve">     AAY:[0409192 - UTP Tax Expense Fed Utility]</t>
  </si>
  <si>
    <t xml:space="preserve">     AAZ:[0409194 - Current FIT Elec - PY Audit]</t>
  </si>
  <si>
    <t xml:space="preserve">     ABA:[0409195 - UTP Tax Expense: Fed Util-PY]</t>
  </si>
  <si>
    <t xml:space="preserve">     ABB:[0409197 - Current State Inc Tax - Utility]</t>
  </si>
  <si>
    <t xml:space="preserve">     ABC:[0409234 - UTP Tax Exp: State Non-Util-PY]</t>
  </si>
  <si>
    <t>ABD:[0409297 - Current State Inc Tax-Non Util]</t>
  </si>
  <si>
    <t xml:space="preserve">     ABE:[0409313 - PY Audit]</t>
  </si>
  <si>
    <t xml:space="preserve">          ABF:[409 - Total Current Income Tax - Utility]</t>
  </si>
  <si>
    <t xml:space="preserve">     ABG:[410-411 - Deferred Income Tax - Utility]</t>
  </si>
  <si>
    <t xml:space="preserve">     ABH:[0410100 - Dfit: Utility: Current Year]</t>
  </si>
  <si>
    <t xml:space="preserve">     ABI:[0410102 - Dsit: Utility: Current Year]</t>
  </si>
  <si>
    <t xml:space="preserve">     ABJ:[0410105 - DFIT - Utility - Prior Year]</t>
  </si>
  <si>
    <t xml:space="preserve">     ABK:[0410106 - DSIT - Utility - Prior Year]</t>
  </si>
  <si>
    <t xml:space="preserve">     ABL:[0410109 - DFIT - Utility - Prior Year]</t>
  </si>
  <si>
    <t xml:space="preserve">     ABM:[0410130 - UTP DFIT:Utility - Prior Year]</t>
  </si>
  <si>
    <t xml:space="preserve">     ABN:[0410110 - DSIT - Utility - Prior Year]</t>
  </si>
  <si>
    <t xml:space="preserve">     ABO:[0411100 - Dfit: Utility: Curr Year Cr]</t>
  </si>
  <si>
    <t xml:space="preserve">     ABP:[0411101 - Dsit: Utility: Curr Year Cr]</t>
  </si>
  <si>
    <t xml:space="preserve">     ABQ:[0411102 - DFIT - Utility - Prior Year CR]</t>
  </si>
  <si>
    <t xml:space="preserve">     ABR:[0411103 - DSIT - Utility - Prior Year CR]</t>
  </si>
  <si>
    <t xml:space="preserve">     ABS:[0411106 - DFIT - Utility - Prior Year]</t>
  </si>
  <si>
    <t xml:space="preserve">     ABT:[0411107 - DSIT - Utility - Prior Year]</t>
  </si>
  <si>
    <t xml:space="preserve">     ABU:[04111xx - Production Tax Credits (2023 CCR)]</t>
  </si>
  <si>
    <t xml:space="preserve">     ABV:[04111xx - Production Tax Credits - Retail]</t>
  </si>
  <si>
    <t xml:space="preserve">     ABW:[04111xx - Production Tax Credits - Wholesale]</t>
  </si>
  <si>
    <t xml:space="preserve">     ABX:[0411115 - DFIT Federal Excess DIT (Retail)]</t>
  </si>
  <si>
    <t xml:space="preserve">     ABY:[0411115 - DFIT Federal Excess DIT (Wholesale)]</t>
  </si>
  <si>
    <t xml:space="preserve">          ABZ:[410-411 - Total Provision for Deferred Income Tax - Utility]</t>
  </si>
  <si>
    <t xml:space="preserve">     ACA:[411 - Investment Tax Credit - Electric]</t>
  </si>
  <si>
    <t xml:space="preserve">     ACB:[0411410 - Invest Tax Credit Adj - Electric]</t>
  </si>
  <si>
    <t xml:space="preserve">          ACC:[411 - Total Investment Tax Credit Adjustment Net]</t>
  </si>
  <si>
    <t xml:space="preserve">     ACD:[409-411 - Total Income Taxes - Utility]</t>
  </si>
  <si>
    <t>ACF:[Total Utility Operating Expenses]</t>
  </si>
  <si>
    <t>ACG:[]</t>
  </si>
  <si>
    <t>ACH:[Net Utility Operating Income]</t>
  </si>
  <si>
    <t>ACI:[]</t>
  </si>
  <si>
    <t>ACJ:[Non-Utility Income]</t>
  </si>
  <si>
    <t>ACK:[401 &amp; 417-421 - Other Income Net]</t>
  </si>
  <si>
    <t xml:space="preserve">     ACL:[0401100 - Non-reg Operation Expense]</t>
  </si>
  <si>
    <t xml:space="preserve">     ACM:[0401101 - Non Reg Operating and Maintenance Expense]</t>
  </si>
  <si>
    <t xml:space="preserve">          ACN:[401 - Total Non-Reg Operating Expense]</t>
  </si>
  <si>
    <t xml:space="preserve">     ACO:[417 - Revenue from Nonutility Operations]</t>
  </si>
  <si>
    <t xml:space="preserve">     ACP:[0417000 - Misc Revenue - Non Utility]</t>
  </si>
  <si>
    <t xml:space="preserve">     ACQ:[0417000 - Revenue Stretech (Forecast Revenue Plug)]</t>
  </si>
  <si>
    <t xml:space="preserve">     ACR:[0417006 - IC Non Utility Misc. Revenue]</t>
  </si>
  <si>
    <t xml:space="preserve">     ACS:[0417007 - Misc Revenue-Reg]</t>
  </si>
  <si>
    <t xml:space="preserve">     ACT:[0417107 - Admin Expenses]</t>
  </si>
  <si>
    <t xml:space="preserve">     ACU:[0417310 - Products and Svcs - NonReg]</t>
  </si>
  <si>
    <t xml:space="preserve">          ACV:[417 - Total Revenues from Nonutility Operations]</t>
  </si>
  <si>
    <t xml:space="preserve">     ACW:[417.1 - Expenses of Nonutility Operations]</t>
  </si>
  <si>
    <t xml:space="preserve">     ACX:[0417117 - Expenses of Nonutility Oper]</t>
  </si>
  <si>
    <t xml:space="preserve">     ACY:[0417320 - Exp - Unreg Products and Svcs]</t>
  </si>
  <si>
    <t xml:space="preserve">          ACZ:[417 - Total Expenses of Nonutility Operations]</t>
  </si>
  <si>
    <t xml:space="preserve">     ADA:[418 - Non Operating Rental Income]</t>
  </si>
  <si>
    <t xml:space="preserve">     ADB:[0418001 - Misc Oth Inc - Rental]</t>
  </si>
  <si>
    <t xml:space="preserve">     ADC:[0418020 - Nonoperating Rental Income]</t>
  </si>
  <si>
    <t xml:space="preserve">     ADD:[0418200 - Non Util Depn Exp]</t>
  </si>
  <si>
    <t xml:space="preserve">          ADE:[418 - Total Non Operating Rental Income]</t>
  </si>
  <si>
    <t xml:space="preserve">     ADF:[419 - Interest and Dividend Income]</t>
  </si>
  <si>
    <t xml:space="preserve">     ADG:[0419240 - Miscellaneous Interest]</t>
  </si>
  <si>
    <t xml:space="preserve">     ADH:[0419429 - IC Moneypool - Interest Inc]</t>
  </si>
  <si>
    <t xml:space="preserve">     ADI:[0419500 - I/C Interest Income]</t>
  </si>
  <si>
    <t xml:space="preserve">     ADJ:[0419040 - Interest Inc (sch M)]</t>
  </si>
  <si>
    <t xml:space="preserve">          ADK:[419 - Total Interest and Dividend Income]</t>
  </si>
  <si>
    <t xml:space="preserve">     ADL:[419.1 - AFUDC Equity]</t>
  </si>
  <si>
    <t xml:space="preserve">     ADM:[0419110 - AFUDC Equity Component]</t>
  </si>
  <si>
    <t xml:space="preserve">     ADN:[0419140 - Contra AFUDC Equity - Oatt]</t>
  </si>
  <si>
    <t xml:space="preserve">          ADO:[419.1 - Total AFUDC]</t>
  </si>
  <si>
    <t xml:space="preserve">     ADP:[421 - Misc Nonoperating Income]</t>
  </si>
  <si>
    <t xml:space="preserve">     ADQ:[0421060 - Mini-Timber Sales - NC]</t>
  </si>
  <si>
    <t xml:space="preserve">     ADR:[0421340 - Gain on Life Insurance Policy]</t>
  </si>
  <si>
    <t xml:space="preserve">     ADS:[0421360 - Other Misc Deductions]</t>
  </si>
  <si>
    <t xml:space="preserve">     ADT:[0421913 - NDTF Shareholder Earning/Loss]</t>
  </si>
  <si>
    <t xml:space="preserve">     ADU:[0421940 - Misc Income]</t>
  </si>
  <si>
    <t xml:space="preserve">     ADV:[0421038 - Int Inc Recovery Clause]</t>
  </si>
  <si>
    <t xml:space="preserve">     ADW:[0421039 - Interest Inc Recovery Clauses]</t>
  </si>
  <si>
    <t xml:space="preserve">     ADX:[0421043 - MNI - Revenue - FL]</t>
  </si>
  <si>
    <t xml:space="preserve">     ADY:[0421600 - Loss on Disposal of Discon Ops]</t>
  </si>
  <si>
    <t xml:space="preserve">     ADZ:[0421913 - NDTF Shareholder Earning/Loss]</t>
  </si>
  <si>
    <t xml:space="preserve">          AEA:[421 - Total Misc Nonoperating Income]</t>
  </si>
  <si>
    <t xml:space="preserve">     AEB:[421.1 - Gain on Disposition of Property]</t>
  </si>
  <si>
    <t xml:space="preserve">     AEC:[0421100 - Gain on Disposal of Property]</t>
  </si>
  <si>
    <t xml:space="preserve">     AED:[0421950 - Gain on Sales of Assets]</t>
  </si>
  <si>
    <t xml:space="preserve">          AEE:[Gain - Amortization Schedule - Manual Input Override]</t>
  </si>
  <si>
    <t xml:space="preserve">          AEF:[421.1 - Total Gain On Disposal Of Property]</t>
  </si>
  <si>
    <t xml:space="preserve">     AEG:[421.2 - Loss on Disposal of Property]</t>
  </si>
  <si>
    <t xml:space="preserve">     AEH:[0421200 - Loss on Disposal of Property]</t>
  </si>
  <si>
    <t xml:space="preserve">          AEI:[Loss - Amortization Schedule - Manual Input Override]</t>
  </si>
  <si>
    <t xml:space="preserve">          AEJ:[421.2 - Total Loss on Disposal of Property]</t>
  </si>
  <si>
    <t xml:space="preserve">     AEK:[401 &amp; 417-421 - Total Other Income Net]</t>
  </si>
  <si>
    <t>AEL:[425-426 - Other Deductions]</t>
  </si>
  <si>
    <t xml:space="preserve">     AEM:[0425000 - Miscellaneous Amortization]</t>
  </si>
  <si>
    <t xml:space="preserve">     AEN:[Interest on Fuel Undercollection - '22 8x4 Forecast]</t>
  </si>
  <si>
    <t xml:space="preserve">     AEO:[0415005 - Res Fixed Bill Rev Delta]</t>
  </si>
  <si>
    <t xml:space="preserve">     AEP:[0416330 - Miscellaneous Expense]</t>
  </si>
  <si>
    <t xml:space="preserve">     AEQ:[0425013 - Misc Amortizat - Acquis]</t>
  </si>
  <si>
    <t xml:space="preserve">     AER:[0426100 - Donations]</t>
  </si>
  <si>
    <t xml:space="preserve">     AES:[0426200 - Life Insurance Expense (Governance)]</t>
  </si>
  <si>
    <t xml:space="preserve">     AET:[0426300 - Penalties]</t>
  </si>
  <si>
    <t xml:space="preserve">     AEU:[0426400 - Exp/Civic and Political Activity]</t>
  </si>
  <si>
    <t xml:space="preserve">     AEV:[0426500 - Earn of Eq Inv Pur Acc Adj]</t>
  </si>
  <si>
    <t xml:space="preserve">     AEW:[0426504 - Merger Related Costs]</t>
  </si>
  <si>
    <t xml:space="preserve">     AEX:[0426508 - Inc Deduction-Other Inc &amp; Exp]</t>
  </si>
  <si>
    <t xml:space="preserve">     AEY:[0426510 - Other]</t>
  </si>
  <si>
    <t xml:space="preserve">     AEZ:[0426512 - Donations]</t>
  </si>
  <si>
    <t xml:space="preserve">     AFA:[0426517 - Other Professional Services]</t>
  </si>
  <si>
    <t xml:space="preserve">     AFB:[0426521 - Sale of A/R Fees]</t>
  </si>
  <si>
    <t xml:space="preserve">     AFC:[0426525 - Interest - Sub]</t>
  </si>
  <si>
    <t xml:space="preserve">     AFD:[0426540 - Employee Service Club Dues]</t>
  </si>
  <si>
    <t xml:space="preserve">     AFE:[0426551 - Impairment and Other Rel Charges]</t>
  </si>
  <si>
    <t xml:space="preserve">     AFF:[0426552 - DOE Impairment]</t>
  </si>
  <si>
    <t xml:space="preserve">     AFG:[0426553 - PpandE Impairments]</t>
  </si>
  <si>
    <t xml:space="preserve">     AFH:[0599023 - Other Misc Exp]</t>
  </si>
  <si>
    <t xml:space="preserve">     AFI:[425-426 - Total Other Deductions]</t>
  </si>
  <si>
    <t>AFJ:[408 - Taxes Other Than Income - Nonutility]</t>
  </si>
  <si>
    <t xml:space="preserve">     AFK:[0408040 - NC Property Tx - Misc NonUtility]</t>
  </si>
  <si>
    <t xml:space="preserve">     AFL:[0408223 - FL Property Tx - Mis Non-Op]</t>
  </si>
  <si>
    <t xml:space="preserve">     AFM:[0408820 - Misc Non Utility Tax]</t>
  </si>
  <si>
    <t xml:space="preserve">          AFN:[408 - Total Taxes Other than Income Taxes - Nonutility]</t>
  </si>
  <si>
    <t>AFO:[]</t>
  </si>
  <si>
    <t>AFP:[Income before Income Tax - Nonutility]</t>
  </si>
  <si>
    <t>AFQ:[Income Tax - Nonutility]</t>
  </si>
  <si>
    <t xml:space="preserve">     AFR:[Income Tax Current - Nonutility (409)]</t>
  </si>
  <si>
    <t xml:space="preserve">     AFS:[0409202 - State Income Tax NonUtility]</t>
  </si>
  <si>
    <t xml:space="preserve">     AFT:[0409220 - Federal Income Tax - NonUtility CY]</t>
  </si>
  <si>
    <t xml:space="preserve">     AFU:[0409217 - Income Tax on NU Income Adjustments]</t>
  </si>
  <si>
    <t xml:space="preserve">     AFV:[0409221 - Federal Income Tax - Nonutility - PY]</t>
  </si>
  <si>
    <t xml:space="preserve">     AFW:[0409225 - Current FIT - Nonutility - PY - Audit]</t>
  </si>
  <si>
    <t xml:space="preserve">     AFX:[0409233 - Tax Expense - State Non-Util - PY]</t>
  </si>
  <si>
    <t xml:space="preserve">          AFY:[409.2 - Total Current Income Tax - Nonutility]</t>
  </si>
  <si>
    <t xml:space="preserve">     AFZ:[Income Tax Deferred - Nonutility (410-411)]</t>
  </si>
  <si>
    <t xml:space="preserve">     AGA:[0410240 - Dfit: Non - Utility: Curr Year]</t>
  </si>
  <si>
    <t xml:space="preserve">     AGB:[0410241 - DFIT:  Non - Utility Prior Year]</t>
  </si>
  <si>
    <t xml:space="preserve">     AGC:[0410242 - Dsit: Non - Utility: Curr Year]</t>
  </si>
  <si>
    <t xml:space="preserve">     AGD:[0410243 - DSIT:  Non-Utility - Prior Year]</t>
  </si>
  <si>
    <t xml:space="preserve">     AGE:[0411240 - Dfit: Non - Utility: Curr Yr Cr]</t>
  </si>
  <si>
    <t xml:space="preserve">     AGF:[0411241 - Other Deferred Taxes PY]</t>
  </si>
  <si>
    <t xml:space="preserve">     AGG:[0411242 - Dsit: Non - Utility: Curr Yr Cr]</t>
  </si>
  <si>
    <t xml:space="preserve">     AGH:[0411243 - Dsit: Non - Utility: Prior Yr Cr]</t>
  </si>
  <si>
    <t xml:space="preserve">          AGI:[410-411 - Total Deferred Taxes - Nonutility]</t>
  </si>
  <si>
    <t xml:space="preserve">     AGJ:[Total Income Taxes - Nonutility]</t>
  </si>
  <si>
    <t>AGK:[Net Income After Tax - Nonutility]</t>
  </si>
  <si>
    <t>AGL:[]</t>
  </si>
  <si>
    <t>AGM:[Net Income Before Interest]</t>
  </si>
  <si>
    <t>AGO:[427-432 - Interest Expense]</t>
  </si>
  <si>
    <t>AGP:[427 - Interest on Long Term Debt]</t>
  </si>
  <si>
    <t>AGQ:[0427100 - Interest on Bonds]</t>
  </si>
  <si>
    <t>AGR:[0427220 - Int on LT Note Payable]</t>
  </si>
  <si>
    <t>AGS:[0427550 - Interest on Bonds]</t>
  </si>
  <si>
    <t>AGT:[427 - Total Interest on Long Term Debt]</t>
  </si>
  <si>
    <t>AGU:[428 - Amortization of Debt Discount and Expense]</t>
  </si>
  <si>
    <t>AGV:[0428025 - Amortization of Debt Discount]</t>
  </si>
  <si>
    <t>AGW:[0428100 - Amort of Debt Discount and Exp]</t>
  </si>
  <si>
    <t>AGX:[0428165 - Amort of Loss Reaquired Debt]</t>
  </si>
  <si>
    <t>AGY:[0428021 - Amort of Deferred Debt Exp]</t>
  </si>
  <si>
    <t>AGZ:[428 - Total Amortization of Debt Discount and Exp]</t>
  </si>
  <si>
    <t>AHA:[430 - Interest on Debt to Assoc. Companies]</t>
  </si>
  <si>
    <t>AHB:[0430216 - IC Moneypool - LT Interest Exp]</t>
  </si>
  <si>
    <t xml:space="preserve">     AHC:[0430216 - Interco Intererst Expense (Governance)]</t>
  </si>
  <si>
    <t>AHD:[430 - Total Interest on Debt to Assoc. Companies]</t>
  </si>
  <si>
    <t>AHE:[431 - Other Interest Expense]</t>
  </si>
  <si>
    <t>AHF:[0431000 - Int Exp - Taxes]</t>
  </si>
  <si>
    <t xml:space="preserve">     AHG:[0431002 - Misc. Interest Expense (Governance)]</t>
  </si>
  <si>
    <t>AHH:[0431003 - Other Interest - Swaps]</t>
  </si>
  <si>
    <t xml:space="preserve">     AHI:[0431130 - Interest Exp - Capital Lease]</t>
  </si>
  <si>
    <t>AHJ:[0431400 - Int/Other Notes and Acct Pay]</t>
  </si>
  <si>
    <t>AHK:[0431550 - Interest Exp - Assign from Svc]</t>
  </si>
  <si>
    <t>AHL:[0431900 - Interest Expense Other]</t>
  </si>
  <si>
    <t xml:space="preserve">     AHM:[0431900 - EVSE Debt Return]</t>
  </si>
  <si>
    <t xml:space="preserve">     AHN:[0416330 - Vision Florida Carrying Costs]</t>
  </si>
  <si>
    <t>AHO:[0431920 - CR3 Return]</t>
  </si>
  <si>
    <t>AHP:[0431921 - Other Interest - Customer Deposits]</t>
  </si>
  <si>
    <t>AHQ:[0431922 - Other Interest - Tax Deficiency]</t>
  </si>
  <si>
    <t>AHR:[431 - Total Other Interest Expense]</t>
  </si>
  <si>
    <t xml:space="preserve">     AHS:[Subtotal Interest Expense before AFUDC Debt]</t>
  </si>
  <si>
    <t>AHT:[432 - AFUDC Debt]</t>
  </si>
  <si>
    <t>AHU:[0432000 - AFUDC Debt Component]</t>
  </si>
  <si>
    <t>AHV:[0432120 - AFUDC Debt]</t>
  </si>
  <si>
    <t>AHW:[432 - Total AFUDC Debt]</t>
  </si>
  <si>
    <t xml:space="preserve">     AHX:[427-432 - total Interest Expense]</t>
  </si>
  <si>
    <t>AHZ:[Income Before Extraordinary Items]</t>
  </si>
  <si>
    <t>AIA:[Extraordinary Items]</t>
  </si>
  <si>
    <t xml:space="preserve">     AIB:[0402000 - Gas Production Maint]</t>
  </si>
  <si>
    <t>AIC:[0421090 - Intercompany Nonoper Inc (should net w 0741000 to zero)]</t>
  </si>
  <si>
    <t>AID:[0426516 - Freight - Commercial Carriers]</t>
  </si>
  <si>
    <t>AIE:[0457700 - Allocated O&amp;M Offset]</t>
  </si>
  <si>
    <t>AIG:[0591200 - Coal Purch Actg Adj Non Reg]</t>
  </si>
  <si>
    <t xml:space="preserve">     AIH:[0717000 - Liq Petro Gas Exp-Vapor Proc]</t>
  </si>
  <si>
    <t>AII:[0741000 - Intercompany Nonop Expense (should net w 0421090 to zero)]</t>
  </si>
  <si>
    <t>AIJ:[0775000 - Materials Non Reg]</t>
  </si>
  <si>
    <t xml:space="preserve">     AIK:[0776000-Operation Supplies &amp; Expenses]</t>
  </si>
  <si>
    <t>AIL:[0841000 - Operation Labor &amp; Exp]</t>
  </si>
  <si>
    <t>AIM:[0928030 - Prof Fees Consultant]</t>
  </si>
  <si>
    <t>AIN:[0928031 - Prof Fees Legal]</t>
  </si>
  <si>
    <t xml:space="preserve">     AIO:[0928032 - Professional Fees Outside Services]</t>
  </si>
  <si>
    <t>AIP:[0928053 - Travel Expense]</t>
  </si>
  <si>
    <t xml:space="preserve">     AIQ:[4181107 - Earnings of Sub]</t>
  </si>
  <si>
    <t xml:space="preserve">          AIR:[Total Extraordinary items]</t>
  </si>
  <si>
    <t>AIS:[]</t>
  </si>
  <si>
    <t>AIT:[FERC Net Income]</t>
  </si>
  <si>
    <t>AIU:[FERC Net Income (Published Dataset)]</t>
  </si>
  <si>
    <t>AIV:[Variance]</t>
  </si>
  <si>
    <t>AIW:[]</t>
  </si>
  <si>
    <t>AIX:[NOI RECAP:]</t>
  </si>
  <si>
    <t>AIY:[Total Operating Revenues]</t>
  </si>
  <si>
    <t>AIZ:[Total O&amp;M Base Recoverable]</t>
  </si>
  <si>
    <t>AJA:[Total O&amp;M Clause Recoverable]</t>
  </si>
  <si>
    <t>AJB:[Total Depr &amp; Amort]</t>
  </si>
  <si>
    <t>AJC:[Total Accretion]</t>
  </si>
  <si>
    <t>AJD:[Total Other Taxes]</t>
  </si>
  <si>
    <t>AJE:[Total Current Income Taxes]</t>
  </si>
  <si>
    <t>AJF:[Net Deferred Income Tax]</t>
  </si>
  <si>
    <t>AJG:[Net Investment Tax Credit]</t>
  </si>
  <si>
    <t>AJH:[Total:]</t>
  </si>
  <si>
    <t>AJI:[Check to NOI from Above:]</t>
  </si>
  <si>
    <t>AJJ:[Diff:]</t>
  </si>
  <si>
    <t>AJK:[]</t>
  </si>
  <si>
    <t>AJL:[Data Used for Rate Case Litigation]</t>
  </si>
  <si>
    <t>AJM:[Production Tax Credits Per Forecast]</t>
  </si>
  <si>
    <t>AJN:[Data Used for Schedule 5]</t>
  </si>
  <si>
    <t>AJO:[Earnings Before Interest]</t>
  </si>
  <si>
    <t>AJP:[AFUDC Debt]</t>
  </si>
  <si>
    <t>AJQ:[Income Taxes]</t>
  </si>
  <si>
    <t>AJR:[Interest Charges]</t>
  </si>
  <si>
    <t>AJS:[AFUDC Equity]</t>
  </si>
  <si>
    <t>AJT:[Net Income]</t>
  </si>
  <si>
    <t>AJU:[]</t>
  </si>
  <si>
    <t>AJV:[Total Revenues]</t>
  </si>
  <si>
    <t>AJW:[Revenues per Budget Export]</t>
  </si>
  <si>
    <t>AJX:[Revenues per FERC Inc Stmnt (above)]</t>
  </si>
  <si>
    <t>AJY:[Revenue Variance]</t>
  </si>
  <si>
    <t>AJZ:[417310 - Non Reg Revenue]</t>
  </si>
  <si>
    <t>AKA:[417007 - Misc Revenue-Reg]</t>
  </si>
  <si>
    <t>AKB:[417000 - Products and Svcs - Non Reg]</t>
  </si>
  <si>
    <t>AKC:[Net Variance]</t>
  </si>
  <si>
    <t>AKD:[]</t>
  </si>
  <si>
    <t>AKE:[O&amp;M By Category]</t>
  </si>
  <si>
    <t>AKF:[Total Production O&amp;M - Base]</t>
  </si>
  <si>
    <t>AKG:[Total Transmission O&amp;M - Base]</t>
  </si>
  <si>
    <t>AKH:[Total Distribution O&amp;M - Base]</t>
  </si>
  <si>
    <t>AKI:[Total Other Misc O&amp;M - Base]</t>
  </si>
  <si>
    <t>AKJ:[Customer Accounts O&amp;M - Base]</t>
  </si>
  <si>
    <t>AKK:[Customer Service &amp; Info.O&amp;M - Base]</t>
  </si>
  <si>
    <t>AKL:[Sales O&amp;M - Base]</t>
  </si>
  <si>
    <t>AKM:[Other O&amp;M - Base]</t>
  </si>
  <si>
    <t>AKN:[Total Admin &amp; General O&amp;M - Base]</t>
  </si>
  <si>
    <t>AKO:[Total O&amp;M - Base]</t>
  </si>
  <si>
    <t>AKP:[Total O&amp;M - Clause]</t>
  </si>
  <si>
    <t>AKQ:[Total O&amp;M - Base &amp; Clause]</t>
  </si>
  <si>
    <t>AKR:[Variance]</t>
  </si>
  <si>
    <t>AKS:[]</t>
  </si>
  <si>
    <t>AKT:[Base &amp; Clause O&amp;M]</t>
  </si>
  <si>
    <t>AKU:[Total Base &amp; Clause O&amp;M]</t>
  </si>
  <si>
    <t>AKV:[Depreciation and Amortization - Reconcile to Budget:]</t>
  </si>
  <si>
    <t>AKW:[Depreciation and Amortization per FERC Inc Stmnt (above)]</t>
  </si>
  <si>
    <t>AKX:[Depreciation and Amortization per Budget Export]</t>
  </si>
  <si>
    <t>AKY:[Trans. Equip. incl in O&amp;M]</t>
  </si>
  <si>
    <t>AKZ:[Unamortized Loss on Reacq. Debt]</t>
  </si>
  <si>
    <t>ALA:[Non CR3 Uprate Debt Interest Charge (incl in Interest)]</t>
  </si>
  <si>
    <t>ALB:[CR3 Debt Return Amort (incl in Interest)]</t>
  </si>
  <si>
    <t>ALC:[CR3 Equity Return Amort (incl in Other Income)]</t>
  </si>
  <si>
    <t>ALD:[Depreciation and Amortization Variance]</t>
  </si>
  <si>
    <t>ALE:[]</t>
  </si>
  <si>
    <t>ALF:[Other Taxes - Reconcile to Budget:]</t>
  </si>
  <si>
    <t>ALG:[Other Taxes per Budget Export]</t>
  </si>
  <si>
    <t>ALH:[Other Taxes per FERC Inc Stmnt (above]</t>
  </si>
  <si>
    <t>ALI:[Variance]</t>
  </si>
  <si>
    <t>ALJ:[Payroll Taxes (missing from Budget Export)]</t>
  </si>
  <si>
    <t>ALK:[Gross Receipts per Budget Export]</t>
  </si>
  <si>
    <t>ALL:[Gross Receipts per FERC Inc. Stmnt]</t>
  </si>
  <si>
    <t>ALM:[Other Taxes Variance]</t>
  </si>
  <si>
    <t>ALO:[INTEREST EXPENSE RECAP (Used for Cap Structure &amp; Int Synch):]</t>
  </si>
  <si>
    <t>ALP:[Interest on Long Term Debt:]</t>
  </si>
  <si>
    <t>ALQ:[427 - Interest on LT Debt]</t>
  </si>
  <si>
    <t>ALR:[428 - Amortization of Debt Discount and exp]</t>
  </si>
  <si>
    <t>ALS:[Total Interest on LTD]</t>
  </si>
  <si>
    <t>ALU:[Interest on Short Term Debt:]</t>
  </si>
  <si>
    <t>ALV:[430 - Interest on Debt to Associated Companies]</t>
  </si>
  <si>
    <t>ALX:[Interest on Customer Deposits:]</t>
  </si>
  <si>
    <t>ALY:[431921 - Interest Customer Deposits]</t>
  </si>
  <si>
    <t>AMA:[Subtotal Interest on Capital Debt]</t>
  </si>
  <si>
    <t>AMB:[]</t>
  </si>
  <si>
    <t>AMC:[Other Interest Expense:]</t>
  </si>
  <si>
    <t>AMD:[0431000 - Interest Exp - Taxes]</t>
  </si>
  <si>
    <t>AME:[0431003 - Other Interest - Swaps]</t>
  </si>
  <si>
    <t>AMF:[0431400 - Int/Other Notes and Acct Pay]</t>
  </si>
  <si>
    <t>AMG:[0431550 - Interest Exp - assign from Svc]</t>
  </si>
  <si>
    <t>AMH:[0431900 - Interest Expense Other]</t>
  </si>
  <si>
    <t>AMI:[0431920 - CR3 Return]</t>
  </si>
  <si>
    <t>AMJ:[0431922 - Other Interest - Tax Deficiency]</t>
  </si>
  <si>
    <t>AMK:[Subtotal Other Int Exp (431):]</t>
  </si>
  <si>
    <t>AML:[432 - AFUDC Debt - CR]</t>
  </si>
  <si>
    <t>AMM:[Total Other Interest Exp]</t>
  </si>
  <si>
    <t>AMN:[]</t>
  </si>
  <si>
    <t>AMO:[TOTAL INTEREST EXPENSE]</t>
  </si>
  <si>
    <t>AMP:[Total Interest Exp per I.S. Above]</t>
  </si>
  <si>
    <t>AMQ:[check (s/b zero)]</t>
  </si>
  <si>
    <t>AMR:[]</t>
  </si>
  <si>
    <t>AMS:[DEF Rate Case Only Depr Adjust for ITC Amort]</t>
  </si>
  <si>
    <t>AMT:[Depreciation Study - ITC Amort Adjust 12 Mth Ended]</t>
  </si>
  <si>
    <t>AMU:[HYBRID INCOME TAX CALCULATIONS:]</t>
  </si>
  <si>
    <t>AMV:[Retail EDIT (For Summary Reports)]</t>
  </si>
  <si>
    <t>AMW:[Net Deferred Income Tax (Excluding EDIT WHLS &amp; EDIT RetailL &amp; PTC)]</t>
  </si>
  <si>
    <t>AMX:[]</t>
  </si>
  <si>
    <t>AMY:[Current Income Tax Ratio]</t>
  </si>
  <si>
    <t>AMZ:[Def Income Tax Ratio (Excludes EDIT WHLS  &amp; EDIT Retail &amp; PTC)]</t>
  </si>
  <si>
    <t>ANA:[Statutory Tax Rate]</t>
  </si>
  <si>
    <t>ANB:[Divide by 12]</t>
  </si>
  <si>
    <t>ANE:[Curr Income Tax - Statutory Rate (For Forecast)]</t>
  </si>
  <si>
    <t>ANF:[Def Income Tax - Statutory Rate (For Forecast)]</t>
  </si>
  <si>
    <t>ANG:[Current Date]</t>
  </si>
  <si>
    <t>ANH:[201701]</t>
  </si>
  <si>
    <t>ANI:[If Curr Date=201701, Use Calculated Curr Inc Tax]</t>
  </si>
  <si>
    <t>ANJ:[True Up Jan &amp; Feb Hybrid Inc Tax]</t>
  </si>
  <si>
    <t>ANK:[Total After Jan &amp; Feb Tax True Up]</t>
  </si>
  <si>
    <t>ANL:[If Curr Date=201701, Use Calculated Def Inc Tax]</t>
  </si>
  <si>
    <t>ANM:[Curr Income Tax - Hybrid (For Actuals)]</t>
  </si>
  <si>
    <t>ANN:[Def Income Tax - Hybrid (For Actuals)]</t>
  </si>
  <si>
    <t>ANO:[]</t>
  </si>
  <si>
    <t>ANP:[Excess Deferred Taxes (EDIT Retail + Wholesale)]</t>
  </si>
  <si>
    <t>ANR:[Production Tax Credits (Retail + Wholesale)]</t>
  </si>
  <si>
    <t>ANT:[Curr Income Tax Adjs (diff between actuals &amp; hybrid)]</t>
  </si>
  <si>
    <t>ANU:[Def Income Tax Adjs (diff between actuals &amp; Hybrid)]</t>
  </si>
  <si>
    <t>ANW:[Above the Line ETR - Hybrid (For Actuals)]</t>
  </si>
  <si>
    <t>ANX:[Above the line ETR - Statutory Rate (For Forecast)]</t>
  </si>
  <si>
    <t>ANY:[Above the Line ETR - from I.S.]</t>
  </si>
  <si>
    <t>ANZ:[]</t>
  </si>
  <si>
    <t>AOA:[]</t>
  </si>
  <si>
    <t>AOB:[EndMethodCalls]</t>
  </si>
  <si>
    <t>AOC:[]</t>
  </si>
  <si>
    <t>AOD:[]</t>
  </si>
  <si>
    <t>AOE:[]</t>
  </si>
  <si>
    <t>AOF:[]</t>
  </si>
  <si>
    <t>DOCKET NO.: 20240025-EI</t>
  </si>
  <si>
    <t>2023m12</t>
  </si>
  <si>
    <t>ACCUMULATED PROVISION ACCOUNTS - 228.1, 228.2, AND 228.4</t>
  </si>
  <si>
    <t>Page 1 of 4</t>
  </si>
  <si>
    <t>Page 2 of 4</t>
  </si>
  <si>
    <t>Page 3 of 4</t>
  </si>
  <si>
    <t>Page 4 of 4</t>
  </si>
  <si>
    <t>Desired Balance:  Duke Energy Florida self-insures its transmission and distribution lines against loss due to storm damage and other natural disasters.  Pursuant to the 2021 Settlement Agreement approved by Order No. PSC-2021-0202-AS-EI DEF is authorized a $132M (retail) storm reserv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6" formatCode="&quot;$&quot;#,##0_);[Red]\(&quot;$&quot;#,##0\)"/>
    <numFmt numFmtId="43" formatCode="_(* #,##0.00_);_(* \(#,##0.00\);_(* &quot;-&quot;??_);_(@_)"/>
    <numFmt numFmtId="164" formatCode="0.0000_)"/>
    <numFmt numFmtId="165" formatCode="m/d/yy;@"/>
    <numFmt numFmtId="166" formatCode="#,##0;\-#,##0"/>
    <numFmt numFmtId="167" formatCode="#,##0_);[Red]\(#,##0\);&quot; &quot;"/>
    <numFmt numFmtId="168" formatCode="_(* #,##0_);_(* \(#,##0\);_(* &quot;-&quot;??_);_(@_)"/>
    <numFmt numFmtId="169" formatCode="0_);[Red]\(0\)"/>
    <numFmt numFmtId="170" formatCode="0.\ "/>
    <numFmt numFmtId="171" formatCode="0.\ \ "/>
    <numFmt numFmtId="172" formatCode="0_);\(0\)"/>
    <numFmt numFmtId="173" formatCode="#,##0.000%_);[Red]\(#,##0.000%\);&quot; &quot;"/>
    <numFmt numFmtId="174" formatCode="#,##0_);[Black]\(#,##0\);\-"/>
  </numFmts>
  <fonts count="65">
    <font>
      <sz val="10"/>
      <color rgb="FF000000"/>
      <name val="Times New Roman"/>
      <charset val="204"/>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0"/>
      <color rgb="FF000000"/>
      <name val="Times New Roman"/>
      <family val="1"/>
    </font>
    <font>
      <sz val="10"/>
      <color theme="1"/>
      <name val="Calibri"/>
      <family val="2"/>
      <scheme val="minor"/>
    </font>
    <font>
      <b/>
      <sz val="10"/>
      <color rgb="FF000000"/>
      <name val="Times New Roman"/>
      <family val="1"/>
    </font>
    <font>
      <sz val="10"/>
      <name val="Arial"/>
      <family val="2"/>
    </font>
    <font>
      <sz val="10"/>
      <color theme="1"/>
      <name val="Times New Roman"/>
      <family val="1"/>
    </font>
    <font>
      <sz val="10"/>
      <name val="Arial Narrow"/>
      <family val="2"/>
    </font>
    <font>
      <sz val="10"/>
      <color rgb="FF000000"/>
      <name val="Calibri"/>
      <family val="2"/>
      <scheme val="minor"/>
    </font>
    <font>
      <sz val="10"/>
      <name val="Calibri"/>
      <family val="2"/>
      <scheme val="minor"/>
    </font>
    <font>
      <b/>
      <sz val="10"/>
      <name val="Calibri"/>
      <family val="2"/>
      <scheme val="minor"/>
    </font>
    <font>
      <u/>
      <sz val="10"/>
      <name val="Calibri"/>
      <family val="2"/>
      <scheme val="minor"/>
    </font>
    <font>
      <b/>
      <sz val="10"/>
      <color rgb="FF000000"/>
      <name val="Calibri"/>
      <family val="2"/>
      <scheme val="minor"/>
    </font>
    <font>
      <sz val="8"/>
      <color rgb="FF000000"/>
      <name val="Microsoft Sans Serif"/>
      <family val="2"/>
    </font>
    <font>
      <i/>
      <sz val="8"/>
      <color rgb="FF000000"/>
      <name val="Arial"/>
      <family val="2"/>
    </font>
    <font>
      <sz val="8"/>
      <color theme="1"/>
      <name val="Calibri"/>
      <family val="2"/>
      <scheme val="minor"/>
    </font>
    <font>
      <b/>
      <sz val="8"/>
      <color theme="1"/>
      <name val="Calibri"/>
      <family val="2"/>
      <scheme val="minor"/>
    </font>
    <font>
      <i/>
      <sz val="8"/>
      <color theme="1"/>
      <name val="Calibri"/>
      <family val="2"/>
      <scheme val="minor"/>
    </font>
    <font>
      <b/>
      <i/>
      <sz val="8"/>
      <color theme="1"/>
      <name val="Calibri"/>
      <family val="2"/>
      <scheme val="minor"/>
    </font>
    <font>
      <sz val="11"/>
      <color rgb="FFFF0000"/>
      <name val="Calibri"/>
      <family val="2"/>
      <scheme val="minor"/>
    </font>
    <font>
      <b/>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57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i/>
      <sz val="11"/>
      <color rgb="FF7F7F7F"/>
      <name val="Calibri"/>
      <family val="2"/>
      <scheme val="minor"/>
    </font>
    <font>
      <sz val="11"/>
      <color theme="0"/>
      <name val="Calibri"/>
      <family val="2"/>
      <scheme val="minor"/>
    </font>
    <font>
      <b/>
      <sz val="8"/>
      <color rgb="FFFF0000"/>
      <name val="Calibri"/>
      <family val="2"/>
      <scheme val="minor"/>
    </font>
    <font>
      <sz val="10"/>
      <name val="Courier"/>
      <family val="3"/>
    </font>
    <font>
      <u/>
      <sz val="10"/>
      <color theme="1"/>
      <name val="Calibri"/>
      <family val="2"/>
      <scheme val="minor"/>
    </font>
    <font>
      <sz val="10"/>
      <color rgb="FF000000"/>
      <name val="Calibri"/>
      <family val="2"/>
    </font>
    <font>
      <sz val="11"/>
      <name val="Calibri"/>
      <family val="2"/>
      <scheme val="minor"/>
    </font>
    <font>
      <b/>
      <sz val="11"/>
      <name val="Calibri"/>
      <family val="2"/>
      <scheme val="minor"/>
    </font>
    <font>
      <sz val="11"/>
      <color rgb="FF0000FF"/>
      <name val="Calibri"/>
      <family val="2"/>
      <scheme val="minor"/>
    </font>
    <font>
      <sz val="11"/>
      <color rgb="FF3333FF"/>
      <name val="Calibri"/>
      <family val="2"/>
      <scheme val="minor"/>
    </font>
    <font>
      <sz val="11"/>
      <color rgb="FF240CB4"/>
      <name val="Calibri"/>
      <family val="2"/>
      <scheme val="minor"/>
    </font>
    <font>
      <sz val="11"/>
      <color theme="1"/>
      <name val="Calibri"/>
      <family val="2"/>
    </font>
    <font>
      <sz val="8"/>
      <name val="Times New Roman"/>
      <family val="1"/>
    </font>
    <font>
      <sz val="18"/>
      <name val="Calibri"/>
      <family val="2"/>
      <scheme val="minor"/>
    </font>
    <font>
      <sz val="12"/>
      <name val="Callibri"/>
    </font>
    <font>
      <b/>
      <sz val="10"/>
      <name val="Callibri"/>
    </font>
    <font>
      <sz val="11"/>
      <color rgb="FFFFFFFF"/>
      <name val="Calibri"/>
      <family val="2"/>
      <scheme val="minor"/>
    </font>
    <font>
      <sz val="10"/>
      <name val="Callibri"/>
    </font>
    <font>
      <i/>
      <sz val="10"/>
      <name val="Callibri"/>
    </font>
    <font>
      <b/>
      <i/>
      <u/>
      <sz val="10"/>
      <color rgb="FF000000"/>
      <name val="Times New Roman"/>
      <family val="1"/>
    </font>
    <font>
      <b/>
      <i/>
      <u/>
      <sz val="10"/>
      <color rgb="FF000000"/>
      <name val="Calibri"/>
      <family val="2"/>
      <scheme val="minor"/>
    </font>
    <font>
      <sz val="10"/>
      <color rgb="FF000000"/>
      <name val="Microsoft Sans Serif"/>
      <family val="2"/>
    </font>
  </fonts>
  <fills count="54">
    <fill>
      <patternFill patternType="none"/>
    </fill>
    <fill>
      <patternFill patternType="gray125"/>
    </fill>
    <fill>
      <patternFill patternType="solid">
        <fgColor rgb="FFFFFFFF"/>
        <bgColor indexed="64"/>
      </patternFill>
    </fill>
    <fill>
      <patternFill patternType="solid">
        <fgColor rgb="FFEEEEEE"/>
        <bgColor indexed="64"/>
      </patternFill>
    </fill>
    <fill>
      <patternFill patternType="solid">
        <fgColor rgb="FFFFFF00"/>
        <bgColor indexed="64"/>
      </patternFill>
    </fill>
    <fill>
      <patternFill patternType="solid">
        <fgColor theme="0" tint="-4.9989318521683403E-2"/>
        <bgColor indexed="64"/>
      </patternFill>
    </fill>
    <fill>
      <patternFill patternType="solid">
        <fgColor theme="9" tint="0.59999389629810485"/>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6" tint="0.79998168889431442"/>
        <bgColor indexed="64"/>
      </patternFill>
    </fill>
    <fill>
      <patternFill patternType="solid">
        <fgColor theme="9" tint="0.79998168889431442"/>
        <bgColor indexed="64"/>
      </patternFill>
    </fill>
    <fill>
      <patternFill patternType="solid">
        <fgColor theme="4" tint="0.79998168889431442"/>
        <bgColor indexed="64"/>
      </patternFill>
    </fill>
    <fill>
      <patternFill patternType="solid">
        <fgColor indexed="39"/>
        <bgColor indexed="64"/>
      </patternFill>
    </fill>
    <fill>
      <patternFill patternType="solid">
        <fgColor theme="7" tint="0.79998168889431442"/>
        <bgColor indexed="64"/>
      </patternFill>
    </fill>
    <fill>
      <patternFill patternType="solid">
        <fgColor indexed="58"/>
        <bgColor indexed="64"/>
      </patternFill>
    </fill>
    <fill>
      <patternFill patternType="solid">
        <fgColor indexed="29"/>
        <bgColor indexed="64"/>
      </patternFill>
    </fill>
    <fill>
      <patternFill patternType="solid">
        <fgColor rgb="FFFFFFFF"/>
      </patternFill>
    </fill>
    <fill>
      <patternFill patternType="solid">
        <fgColor rgb="FFEAFFEA"/>
      </patternFill>
    </fill>
    <fill>
      <patternFill patternType="solid">
        <fgColor indexed="63"/>
        <bgColor indexed="64"/>
      </patternFill>
    </fill>
    <fill>
      <patternFill patternType="solid">
        <fgColor indexed="57"/>
        <bgColor indexed="64"/>
      </patternFill>
    </fill>
    <fill>
      <patternFill patternType="solid">
        <fgColor indexed="54"/>
        <bgColor indexed="64"/>
      </patternFill>
    </fill>
    <fill>
      <patternFill patternType="solid">
        <fgColor indexed="53"/>
        <bgColor indexed="64"/>
      </patternFill>
    </fill>
    <fill>
      <patternFill patternType="solid">
        <fgColor indexed="52"/>
        <bgColor indexed="64"/>
      </patternFill>
    </fill>
    <fill>
      <patternFill patternType="solid">
        <fgColor indexed="51"/>
        <bgColor indexed="64"/>
      </patternFill>
    </fill>
    <fill>
      <patternFill patternType="solid">
        <fgColor indexed="50"/>
        <bgColor indexed="64"/>
      </patternFill>
    </fill>
  </fills>
  <borders count="32">
    <border>
      <left/>
      <right/>
      <top/>
      <bottom/>
      <diagonal/>
    </border>
    <border>
      <left/>
      <right/>
      <top/>
      <bottom style="thin">
        <color indexed="64"/>
      </bottom>
      <diagonal/>
    </border>
    <border>
      <left/>
      <right/>
      <top style="thin">
        <color indexed="64"/>
      </top>
      <bottom/>
      <diagonal/>
    </border>
    <border>
      <left/>
      <right/>
      <top/>
      <bottom style="medium">
        <color indexed="64"/>
      </bottom>
      <diagonal/>
    </border>
    <border>
      <left/>
      <right/>
      <top style="thin">
        <color indexed="64"/>
      </top>
      <bottom style="thin">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medium">
        <color indexed="64"/>
      </left>
      <right/>
      <top/>
      <bottom/>
      <diagonal/>
    </border>
    <border>
      <left style="medium">
        <color indexed="64"/>
      </left>
      <right/>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bottom/>
      <diagonal/>
    </border>
    <border>
      <left/>
      <right style="medium">
        <color indexed="64"/>
      </right>
      <top/>
      <bottom style="medium">
        <color indexed="64"/>
      </bottom>
      <diagonal/>
    </border>
    <border>
      <left/>
      <right/>
      <top/>
      <bottom style="thick">
        <color rgb="FFB0C4DE"/>
      </bottom>
      <diagonal/>
    </border>
    <border>
      <left style="thin">
        <color rgb="FFD0D7E5"/>
      </left>
      <right style="thin">
        <color rgb="FFD0D7E5"/>
      </right>
      <top style="thin">
        <color rgb="FFD0D7E5"/>
      </top>
      <bottom style="thin">
        <color rgb="FFD0D7E5"/>
      </bottom>
      <diagonal/>
    </border>
    <border>
      <left/>
      <right/>
      <top style="hair">
        <color rgb="FF000000"/>
      </top>
      <bottom/>
      <diagonal/>
    </border>
    <border>
      <left style="thin">
        <color rgb="FF999999"/>
      </left>
      <right/>
      <top style="thin">
        <color rgb="FF999999"/>
      </top>
      <bottom/>
      <diagonal/>
    </border>
    <border>
      <left style="thin">
        <color indexed="65"/>
      </left>
      <right/>
      <top style="thin">
        <color rgb="FF999999"/>
      </top>
      <bottom/>
      <diagonal/>
    </border>
    <border>
      <left style="thin">
        <color rgb="FF999999"/>
      </left>
      <right style="thin">
        <color rgb="FF999999"/>
      </right>
      <top style="thin">
        <color rgb="FF999999"/>
      </top>
      <bottom/>
      <diagonal/>
    </border>
    <border>
      <left style="thin">
        <color rgb="FF999999"/>
      </left>
      <right/>
      <top style="thin">
        <color indexed="9"/>
      </top>
      <bottom/>
      <diagonal/>
    </border>
    <border>
      <left style="thin">
        <color rgb="FF999999"/>
      </left>
      <right/>
      <top/>
      <bottom/>
      <diagonal/>
    </border>
    <border>
      <left style="thin">
        <color rgb="FF999999"/>
      </left>
      <right style="thin">
        <color rgb="FF999999"/>
      </right>
      <top/>
      <bottom/>
      <diagonal/>
    </border>
    <border>
      <left style="thin">
        <color rgb="FF999999"/>
      </left>
      <right/>
      <top style="thin">
        <color rgb="FF999999"/>
      </top>
      <bottom style="thin">
        <color rgb="FF999999"/>
      </bottom>
      <diagonal/>
    </border>
    <border>
      <left style="thin">
        <color indexed="9"/>
      </left>
      <right/>
      <top style="thin">
        <color rgb="FF999999"/>
      </top>
      <bottom style="thin">
        <color rgb="FF999999"/>
      </bottom>
      <diagonal/>
    </border>
    <border>
      <left style="thin">
        <color rgb="FF999999"/>
      </left>
      <right style="thin">
        <color rgb="FF999999"/>
      </right>
      <top style="thin">
        <color rgb="FF999999"/>
      </top>
      <bottom style="thin">
        <color rgb="FF999999"/>
      </bottom>
      <diagonal/>
    </border>
  </borders>
  <cellStyleXfs count="64">
    <xf numFmtId="0" fontId="0" fillId="0" borderId="0"/>
    <xf numFmtId="43" fontId="12" fillId="0" borderId="0" applyFont="0" applyFill="0" applyBorder="0" applyAlignment="0" applyProtection="0"/>
    <xf numFmtId="0" fontId="11" fillId="0" borderId="0"/>
    <xf numFmtId="0" fontId="15" fillId="0" borderId="0"/>
    <xf numFmtId="0" fontId="11" fillId="0" borderId="0"/>
    <xf numFmtId="0" fontId="10" fillId="0" borderId="0"/>
    <xf numFmtId="0" fontId="9" fillId="0" borderId="0"/>
    <xf numFmtId="0" fontId="15" fillId="0" borderId="0"/>
    <xf numFmtId="0" fontId="8" fillId="0" borderId="0"/>
    <xf numFmtId="0" fontId="7" fillId="0" borderId="0"/>
    <xf numFmtId="0" fontId="7" fillId="0" borderId="0"/>
    <xf numFmtId="0" fontId="6" fillId="0" borderId="0"/>
    <xf numFmtId="0" fontId="31" fillId="0" borderId="0" applyNumberFormat="0" applyFill="0" applyBorder="0" applyAlignment="0" applyProtection="0"/>
    <xf numFmtId="0" fontId="32" fillId="0" borderId="5" applyNumberFormat="0" applyFill="0" applyAlignment="0" applyProtection="0"/>
    <xf numFmtId="0" fontId="33" fillId="0" borderId="6" applyNumberFormat="0" applyFill="0" applyAlignment="0" applyProtection="0"/>
    <xf numFmtId="0" fontId="34" fillId="0" borderId="7" applyNumberFormat="0" applyFill="0" applyAlignment="0" applyProtection="0"/>
    <xf numFmtId="0" fontId="34" fillId="0" borderId="0" applyNumberFormat="0" applyFill="0" applyBorder="0" applyAlignment="0" applyProtection="0"/>
    <xf numFmtId="0" fontId="35" fillId="7" borderId="0" applyNumberFormat="0" applyBorder="0" applyAlignment="0" applyProtection="0"/>
    <xf numFmtId="0" fontId="36" fillId="8" borderId="0" applyNumberFormat="0" applyBorder="0" applyAlignment="0" applyProtection="0"/>
    <xf numFmtId="0" fontId="37" fillId="9" borderId="0" applyNumberFormat="0" applyBorder="0" applyAlignment="0" applyProtection="0"/>
    <xf numFmtId="0" fontId="38" fillId="10" borderId="8" applyNumberFormat="0" applyAlignment="0" applyProtection="0"/>
    <xf numFmtId="0" fontId="39" fillId="11" borderId="9" applyNumberFormat="0" applyAlignment="0" applyProtection="0"/>
    <xf numFmtId="0" fontId="40" fillId="11" borderId="8" applyNumberFormat="0" applyAlignment="0" applyProtection="0"/>
    <xf numFmtId="0" fontId="41" fillId="0" borderId="10" applyNumberFormat="0" applyFill="0" applyAlignment="0" applyProtection="0"/>
    <xf numFmtId="0" fontId="42" fillId="12" borderId="11" applyNumberFormat="0" applyAlignment="0" applyProtection="0"/>
    <xf numFmtId="0" fontId="29" fillId="0" borderId="0" applyNumberFormat="0" applyFill="0" applyBorder="0" applyAlignment="0" applyProtection="0"/>
    <xf numFmtId="0" fontId="43" fillId="0" borderId="0" applyNumberFormat="0" applyFill="0" applyBorder="0" applyAlignment="0" applyProtection="0"/>
    <xf numFmtId="0" fontId="30" fillId="0" borderId="13" applyNumberFormat="0" applyFill="0" applyAlignment="0" applyProtection="0"/>
    <xf numFmtId="0" fontId="44" fillId="14" borderId="0" applyNumberFormat="0" applyBorder="0" applyAlignment="0" applyProtection="0"/>
    <xf numFmtId="0" fontId="5" fillId="15" borderId="0" applyNumberFormat="0" applyBorder="0" applyAlignment="0" applyProtection="0"/>
    <xf numFmtId="0" fontId="5" fillId="16" borderId="0" applyNumberFormat="0" applyBorder="0" applyAlignment="0" applyProtection="0"/>
    <xf numFmtId="0" fontId="5" fillId="17" borderId="0" applyNumberFormat="0" applyBorder="0" applyAlignment="0" applyProtection="0"/>
    <xf numFmtId="0" fontId="44" fillId="18" borderId="0" applyNumberFormat="0" applyBorder="0" applyAlignment="0" applyProtection="0"/>
    <xf numFmtId="0" fontId="5" fillId="19" borderId="0" applyNumberFormat="0" applyBorder="0" applyAlignment="0" applyProtection="0"/>
    <xf numFmtId="0" fontId="5" fillId="20" borderId="0" applyNumberFormat="0" applyBorder="0" applyAlignment="0" applyProtection="0"/>
    <xf numFmtId="0" fontId="5" fillId="21" borderId="0" applyNumberFormat="0" applyBorder="0" applyAlignment="0" applyProtection="0"/>
    <xf numFmtId="0" fontId="44" fillId="22" borderId="0" applyNumberFormat="0" applyBorder="0" applyAlignment="0" applyProtection="0"/>
    <xf numFmtId="0" fontId="5" fillId="23" borderId="0" applyNumberFormat="0" applyBorder="0" applyAlignment="0" applyProtection="0"/>
    <xf numFmtId="0" fontId="5" fillId="24" borderId="0" applyNumberFormat="0" applyBorder="0" applyAlignment="0" applyProtection="0"/>
    <xf numFmtId="0" fontId="5" fillId="25" borderId="0" applyNumberFormat="0" applyBorder="0" applyAlignment="0" applyProtection="0"/>
    <xf numFmtId="0" fontId="44" fillId="26" borderId="0" applyNumberFormat="0" applyBorder="0" applyAlignment="0" applyProtection="0"/>
    <xf numFmtId="0" fontId="5" fillId="27" borderId="0" applyNumberFormat="0" applyBorder="0" applyAlignment="0" applyProtection="0"/>
    <xf numFmtId="0" fontId="5" fillId="28" borderId="0" applyNumberFormat="0" applyBorder="0" applyAlignment="0" applyProtection="0"/>
    <xf numFmtId="0" fontId="5" fillId="29" borderId="0" applyNumberFormat="0" applyBorder="0" applyAlignment="0" applyProtection="0"/>
    <xf numFmtId="0" fontId="44" fillId="30" borderId="0" applyNumberFormat="0" applyBorder="0" applyAlignment="0" applyProtection="0"/>
    <xf numFmtId="0" fontId="5" fillId="31" borderId="0" applyNumberFormat="0" applyBorder="0" applyAlignment="0" applyProtection="0"/>
    <xf numFmtId="0" fontId="5" fillId="32" borderId="0" applyNumberFormat="0" applyBorder="0" applyAlignment="0" applyProtection="0"/>
    <xf numFmtId="0" fontId="5" fillId="33" borderId="0" applyNumberFormat="0" applyBorder="0" applyAlignment="0" applyProtection="0"/>
    <xf numFmtId="0" fontId="44" fillId="34" borderId="0" applyNumberFormat="0" applyBorder="0" applyAlignment="0" applyProtection="0"/>
    <xf numFmtId="0" fontId="5" fillId="35" borderId="0" applyNumberFormat="0" applyBorder="0" applyAlignment="0" applyProtection="0"/>
    <xf numFmtId="0" fontId="5" fillId="36" borderId="0" applyNumberFormat="0" applyBorder="0" applyAlignment="0" applyProtection="0"/>
    <xf numFmtId="0" fontId="5" fillId="37" borderId="0" applyNumberFormat="0" applyBorder="0" applyAlignment="0" applyProtection="0"/>
    <xf numFmtId="0" fontId="5" fillId="0" borderId="0"/>
    <xf numFmtId="0" fontId="5" fillId="13" borderId="12" applyNumberFormat="0" applyFont="0" applyAlignment="0" applyProtection="0"/>
    <xf numFmtId="0" fontId="4" fillId="0" borderId="0"/>
    <xf numFmtId="0" fontId="46" fillId="0" borderId="0"/>
    <xf numFmtId="0" fontId="3" fillId="0" borderId="0"/>
    <xf numFmtId="0" fontId="12" fillId="0" borderId="0"/>
    <xf numFmtId="0" fontId="3" fillId="0" borderId="0"/>
    <xf numFmtId="0" fontId="15" fillId="0" borderId="0"/>
    <xf numFmtId="43" fontId="54" fillId="0" borderId="0" applyFont="0" applyFill="0" applyBorder="0" applyAlignment="0" applyProtection="0"/>
    <xf numFmtId="0" fontId="12" fillId="0" borderId="0"/>
    <xf numFmtId="0" fontId="2" fillId="0" borderId="0"/>
    <xf numFmtId="0" fontId="1" fillId="0" borderId="0"/>
  </cellStyleXfs>
  <cellXfs count="251">
    <xf numFmtId="0" fontId="0" fillId="0" borderId="0" xfId="0"/>
    <xf numFmtId="0" fontId="13" fillId="0" borderId="0" xfId="2" applyFont="1"/>
    <xf numFmtId="0" fontId="14" fillId="0" borderId="1" xfId="0" applyFont="1" applyBorder="1"/>
    <xf numFmtId="0" fontId="16" fillId="0" borderId="0" xfId="2" applyFont="1"/>
    <xf numFmtId="0" fontId="17" fillId="0" borderId="1" xfId="2" applyFont="1" applyBorder="1" applyAlignment="1">
      <alignment horizontal="fill" vertical="center"/>
    </xf>
    <xf numFmtId="0" fontId="13" fillId="0" borderId="0" xfId="2" applyFont="1" applyAlignment="1">
      <alignment vertical="center"/>
    </xf>
    <xf numFmtId="0" fontId="18" fillId="0" borderId="0" xfId="0" applyFont="1"/>
    <xf numFmtId="0" fontId="18" fillId="0" borderId="0" xfId="0" applyFont="1" applyAlignment="1">
      <alignment horizontal="centerContinuous" wrapText="1"/>
    </xf>
    <xf numFmtId="0" fontId="18" fillId="0" borderId="0" xfId="0" applyFont="1" applyAlignment="1">
      <alignment horizontal="left"/>
    </xf>
    <xf numFmtId="0" fontId="20" fillId="0" borderId="0" xfId="3" applyFont="1"/>
    <xf numFmtId="0" fontId="21" fillId="0" borderId="0" xfId="3" applyFont="1" applyAlignment="1">
      <alignment horizontal="right"/>
    </xf>
    <xf numFmtId="0" fontId="19" fillId="0" borderId="0" xfId="3" applyFont="1" applyAlignment="1">
      <alignment horizontal="center"/>
    </xf>
    <xf numFmtId="0" fontId="19" fillId="0" borderId="1" xfId="2" applyFont="1" applyBorder="1" applyAlignment="1">
      <alignment horizontal="fill" vertical="center"/>
    </xf>
    <xf numFmtId="0" fontId="19" fillId="0" borderId="2" xfId="2" applyFont="1" applyBorder="1" applyAlignment="1">
      <alignment vertical="center"/>
    </xf>
    <xf numFmtId="0" fontId="19" fillId="0" borderId="0" xfId="2" applyFont="1" applyAlignment="1">
      <alignment horizontal="center" vertical="center"/>
    </xf>
    <xf numFmtId="0" fontId="19" fillId="0" borderId="0" xfId="2" applyFont="1" applyAlignment="1">
      <alignment vertical="center"/>
    </xf>
    <xf numFmtId="0" fontId="19" fillId="0" borderId="1" xfId="2" applyFont="1" applyBorder="1" applyAlignment="1">
      <alignment horizontal="center" vertical="center"/>
    </xf>
    <xf numFmtId="0" fontId="20" fillId="0" borderId="0" xfId="2" applyFont="1" applyAlignment="1">
      <alignment horizontal="center" vertical="center"/>
    </xf>
    <xf numFmtId="0" fontId="19" fillId="0" borderId="0" xfId="0" applyFont="1" applyAlignment="1">
      <alignment horizontal="center" vertical="center"/>
    </xf>
    <xf numFmtId="0" fontId="21" fillId="0" borderId="0" xfId="0" applyFont="1" applyAlignment="1">
      <alignment vertical="center"/>
    </xf>
    <xf numFmtId="3" fontId="19" fillId="0" borderId="0" xfId="0" applyNumberFormat="1" applyFont="1" applyAlignment="1">
      <alignment vertical="center"/>
    </xf>
    <xf numFmtId="3" fontId="19" fillId="0" borderId="0" xfId="1" applyNumberFormat="1" applyFont="1" applyAlignment="1" applyProtection="1">
      <alignment vertical="center"/>
    </xf>
    <xf numFmtId="0" fontId="19" fillId="0" borderId="0" xfId="0" applyFont="1" applyAlignment="1">
      <alignment vertical="center"/>
    </xf>
    <xf numFmtId="0" fontId="13" fillId="0" borderId="0" xfId="4" applyFont="1"/>
    <xf numFmtId="164" fontId="19" fillId="0" borderId="0" xfId="0" applyNumberFormat="1" applyFont="1" applyAlignment="1">
      <alignment vertical="center"/>
    </xf>
    <xf numFmtId="0" fontId="19" fillId="0" borderId="0" xfId="0" applyFont="1" applyAlignment="1">
      <alignment horizontal="left" vertical="center"/>
    </xf>
    <xf numFmtId="37" fontId="19" fillId="0" borderId="0" xfId="0" applyNumberFormat="1" applyFont="1" applyAlignment="1">
      <alignment vertical="center"/>
    </xf>
    <xf numFmtId="14" fontId="13" fillId="0" borderId="0" xfId="2" applyNumberFormat="1" applyFont="1"/>
    <xf numFmtId="0" fontId="22" fillId="0" borderId="1" xfId="0" applyFont="1" applyBorder="1"/>
    <xf numFmtId="0" fontId="19" fillId="0" borderId="3" xfId="0" applyFont="1" applyBorder="1" applyAlignment="1">
      <alignment horizontal="center" vertical="center"/>
    </xf>
    <xf numFmtId="0" fontId="13" fillId="0" borderId="3" xfId="2" applyFont="1" applyBorder="1"/>
    <xf numFmtId="0" fontId="19" fillId="0" borderId="2" xfId="2" quotePrefix="1" applyFont="1" applyBorder="1" applyAlignment="1">
      <alignment horizontal="center" vertical="center"/>
    </xf>
    <xf numFmtId="3" fontId="19" fillId="0" borderId="0" xfId="0" applyNumberFormat="1" applyFont="1" applyAlignment="1">
      <alignment vertical="center" wrapText="1"/>
    </xf>
    <xf numFmtId="0" fontId="20" fillId="0" borderId="0" xfId="2" applyFont="1" applyAlignment="1">
      <alignment horizontal="center" vertical="center" wrapText="1"/>
    </xf>
    <xf numFmtId="6" fontId="19" fillId="0" borderId="0" xfId="3" quotePrefix="1" applyNumberFormat="1" applyFont="1" applyAlignment="1">
      <alignment horizontal="center"/>
    </xf>
    <xf numFmtId="165" fontId="19" fillId="0" borderId="0" xfId="0" applyNumberFormat="1" applyFont="1" applyAlignment="1">
      <alignment vertical="center"/>
    </xf>
    <xf numFmtId="37" fontId="13" fillId="0" borderId="0" xfId="4" applyNumberFormat="1" applyFont="1"/>
    <xf numFmtId="37" fontId="13" fillId="0" borderId="0" xfId="2" applyNumberFormat="1" applyFont="1" applyAlignment="1">
      <alignment vertical="center"/>
    </xf>
    <xf numFmtId="37" fontId="19" fillId="0" borderId="0" xfId="0" applyNumberFormat="1" applyFont="1" applyAlignment="1">
      <alignment vertical="center" wrapText="1"/>
    </xf>
    <xf numFmtId="37" fontId="19" fillId="0" borderId="0" xfId="0" quotePrefix="1" applyNumberFormat="1" applyFont="1" applyAlignment="1">
      <alignment horizontal="center" vertical="center" wrapText="1"/>
    </xf>
    <xf numFmtId="37" fontId="13" fillId="0" borderId="0" xfId="2" applyNumberFormat="1" applyFont="1" applyAlignment="1">
      <alignment vertical="center" wrapText="1"/>
    </xf>
    <xf numFmtId="166" fontId="23" fillId="2" borderId="0" xfId="11" quotePrefix="1" applyNumberFormat="1" applyFont="1" applyFill="1" applyAlignment="1">
      <alignment horizontal="left"/>
    </xf>
    <xf numFmtId="0" fontId="47" fillId="0" borderId="0" xfId="0" applyFont="1" applyAlignment="1">
      <alignment horizontal="right"/>
    </xf>
    <xf numFmtId="37" fontId="19" fillId="0" borderId="0" xfId="0" applyNumberFormat="1" applyFont="1" applyAlignment="1">
      <alignment horizontal="center" vertical="top" wrapText="1"/>
    </xf>
    <xf numFmtId="0" fontId="13" fillId="0" borderId="0" xfId="4" applyFont="1" applyAlignment="1">
      <alignment vertical="top"/>
    </xf>
    <xf numFmtId="165" fontId="19" fillId="0" borderId="0" xfId="0" applyNumberFormat="1" applyFont="1" applyAlignment="1">
      <alignment vertical="top"/>
    </xf>
    <xf numFmtId="37" fontId="19" fillId="0" borderId="0" xfId="0" applyNumberFormat="1" applyFont="1" applyAlignment="1">
      <alignment vertical="top"/>
    </xf>
    <xf numFmtId="37" fontId="19" fillId="0" borderId="0" xfId="0" applyNumberFormat="1" applyFont="1" applyAlignment="1">
      <alignment horizontal="center" vertical="center" wrapText="1"/>
    </xf>
    <xf numFmtId="0" fontId="19" fillId="0" borderId="0" xfId="0" applyFont="1" applyAlignment="1">
      <alignment vertical="top"/>
    </xf>
    <xf numFmtId="37" fontId="13" fillId="0" borderId="0" xfId="0" applyNumberFormat="1" applyFont="1" applyAlignment="1">
      <alignment vertical="top"/>
    </xf>
    <xf numFmtId="0" fontId="19" fillId="0" borderId="0" xfId="0" applyFont="1" applyAlignment="1">
      <alignment vertical="top" wrapText="1"/>
    </xf>
    <xf numFmtId="0" fontId="13" fillId="0" borderId="0" xfId="2" applyFont="1" applyAlignment="1">
      <alignment vertical="top"/>
    </xf>
    <xf numFmtId="167" fontId="25" fillId="0" borderId="0" xfId="0" applyNumberFormat="1" applyFont="1" applyAlignment="1">
      <alignment horizontal="left"/>
    </xf>
    <xf numFmtId="167" fontId="25" fillId="0" borderId="0" xfId="0" applyNumberFormat="1" applyFont="1" applyAlignment="1">
      <alignment horizontal="right"/>
    </xf>
    <xf numFmtId="169" fontId="25" fillId="4" borderId="0" xfId="0" applyNumberFormat="1" applyFont="1" applyFill="1" applyAlignment="1">
      <alignment horizontal="right"/>
    </xf>
    <xf numFmtId="49" fontId="25" fillId="0" borderId="0" xfId="0" applyNumberFormat="1" applyFont="1" applyAlignment="1">
      <alignment horizontal="right" wrapText="1"/>
    </xf>
    <xf numFmtId="49" fontId="25" fillId="0" borderId="0" xfId="0" applyNumberFormat="1" applyFont="1" applyAlignment="1">
      <alignment horizontal="left" wrapText="1"/>
    </xf>
    <xf numFmtId="167" fontId="26" fillId="0" borderId="0" xfId="0" applyNumberFormat="1" applyFont="1" applyAlignment="1">
      <alignment horizontal="left"/>
    </xf>
    <xf numFmtId="167" fontId="27" fillId="0" borderId="0" xfId="0" applyNumberFormat="1" applyFont="1" applyAlignment="1">
      <alignment horizontal="left"/>
    </xf>
    <xf numFmtId="167" fontId="28" fillId="0" borderId="0" xfId="0" applyNumberFormat="1" applyFont="1" applyAlignment="1">
      <alignment horizontal="left"/>
    </xf>
    <xf numFmtId="0" fontId="3" fillId="2" borderId="0" xfId="56" applyFill="1"/>
    <xf numFmtId="0" fontId="3" fillId="3" borderId="0" xfId="56" applyFill="1"/>
    <xf numFmtId="49" fontId="25" fillId="6" borderId="0" xfId="56" applyNumberFormat="1" applyFont="1" applyFill="1" applyAlignment="1">
      <alignment horizontal="centerContinuous" wrapText="1"/>
    </xf>
    <xf numFmtId="49" fontId="25" fillId="0" borderId="0" xfId="56" applyNumberFormat="1" applyFont="1" applyAlignment="1">
      <alignment horizontal="right" wrapText="1"/>
    </xf>
    <xf numFmtId="167" fontId="25" fillId="0" borderId="0" xfId="56" applyNumberFormat="1" applyFont="1" applyAlignment="1">
      <alignment horizontal="right"/>
    </xf>
    <xf numFmtId="167" fontId="25" fillId="0" borderId="0" xfId="56" applyNumberFormat="1" applyFont="1" applyAlignment="1">
      <alignment horizontal="left"/>
    </xf>
    <xf numFmtId="167" fontId="25" fillId="4" borderId="0" xfId="56" applyNumberFormat="1" applyFont="1" applyFill="1" applyAlignment="1">
      <alignment horizontal="right"/>
    </xf>
    <xf numFmtId="170" fontId="49" fillId="0" borderId="0" xfId="57" applyNumberFormat="1" applyFont="1"/>
    <xf numFmtId="0" fontId="49" fillId="0" borderId="0" xfId="57" applyFont="1"/>
    <xf numFmtId="0" fontId="12" fillId="0" borderId="0" xfId="57"/>
    <xf numFmtId="0" fontId="50" fillId="0" borderId="0" xfId="57" applyFont="1" applyAlignment="1">
      <alignment horizontal="center"/>
    </xf>
    <xf numFmtId="171" fontId="49" fillId="0" borderId="0" xfId="57" applyNumberFormat="1" applyFont="1"/>
    <xf numFmtId="14" fontId="52" fillId="0" borderId="0" xfId="57" applyNumberFormat="1" applyFont="1"/>
    <xf numFmtId="0" fontId="49" fillId="0" borderId="0" xfId="57" applyFont="1" applyAlignment="1">
      <alignment horizontal="right"/>
    </xf>
    <xf numFmtId="0" fontId="49" fillId="0" borderId="0" xfId="57" applyFont="1" applyAlignment="1">
      <alignment horizontal="center"/>
    </xf>
    <xf numFmtId="0" fontId="49" fillId="0" borderId="0" xfId="57" applyFont="1" applyAlignment="1">
      <alignment horizontal="left"/>
    </xf>
    <xf numFmtId="37" fontId="13" fillId="0" borderId="0" xfId="58" applyNumberFormat="1" applyFont="1"/>
    <xf numFmtId="167" fontId="27" fillId="38" borderId="0" xfId="57" applyNumberFormat="1" applyFont="1" applyFill="1" applyAlignment="1">
      <alignment horizontal="left"/>
    </xf>
    <xf numFmtId="37" fontId="13" fillId="38" borderId="0" xfId="58" applyNumberFormat="1" applyFont="1" applyFill="1"/>
    <xf numFmtId="37" fontId="12" fillId="0" borderId="0" xfId="57" applyNumberFormat="1"/>
    <xf numFmtId="0" fontId="19" fillId="0" borderId="1" xfId="58" applyFont="1" applyBorder="1" applyAlignment="1">
      <alignment horizontal="center" vertical="center"/>
    </xf>
    <xf numFmtId="0" fontId="13" fillId="4" borderId="0" xfId="2" applyFont="1" applyFill="1"/>
    <xf numFmtId="37" fontId="13" fillId="0" borderId="0" xfId="2" applyNumberFormat="1" applyFont="1"/>
    <xf numFmtId="167" fontId="25" fillId="4" borderId="0" xfId="0" applyNumberFormat="1" applyFont="1" applyFill="1" applyAlignment="1">
      <alignment horizontal="right"/>
    </xf>
    <xf numFmtId="37" fontId="19" fillId="0" borderId="0" xfId="0" applyNumberFormat="1" applyFont="1" applyAlignment="1">
      <alignment vertical="top" wrapText="1"/>
    </xf>
    <xf numFmtId="0" fontId="13" fillId="0" borderId="1" xfId="2" applyFont="1" applyBorder="1"/>
    <xf numFmtId="0" fontId="48" fillId="0" borderId="0" xfId="0" applyFont="1" applyAlignment="1">
      <alignment vertical="top" wrapText="1"/>
    </xf>
    <xf numFmtId="164" fontId="19" fillId="0" borderId="0" xfId="0" applyNumberFormat="1" applyFont="1" applyAlignment="1">
      <alignment horizontal="center" vertical="center"/>
    </xf>
    <xf numFmtId="165" fontId="19" fillId="0" borderId="0" xfId="0" applyNumberFormat="1" applyFont="1" applyAlignment="1">
      <alignment horizontal="center" vertical="top"/>
    </xf>
    <xf numFmtId="165" fontId="19" fillId="0" borderId="0" xfId="0" applyNumberFormat="1" applyFont="1" applyAlignment="1">
      <alignment horizontal="center" vertical="center"/>
    </xf>
    <xf numFmtId="14" fontId="19" fillId="0" borderId="1" xfId="3" applyNumberFormat="1" applyFont="1" applyBorder="1"/>
    <xf numFmtId="0" fontId="12" fillId="0" borderId="0" xfId="57" applyAlignment="1">
      <alignment horizontal="center" vertical="center"/>
    </xf>
    <xf numFmtId="37" fontId="19" fillId="0" borderId="0" xfId="0" applyNumberFormat="1" applyFont="1" applyAlignment="1">
      <alignment horizontal="right"/>
    </xf>
    <xf numFmtId="37" fontId="19" fillId="0" borderId="0" xfId="0" applyNumberFormat="1" applyFont="1"/>
    <xf numFmtId="0" fontId="13" fillId="0" borderId="0" xfId="4" applyFont="1" applyAlignment="1">
      <alignment horizontal="left" vertical="center"/>
    </xf>
    <xf numFmtId="37" fontId="19" fillId="39" borderId="0" xfId="0" applyNumberFormat="1" applyFont="1" applyFill="1" applyAlignment="1">
      <alignment vertical="center"/>
    </xf>
    <xf numFmtId="37" fontId="13" fillId="39" borderId="0" xfId="0" applyNumberFormat="1" applyFont="1" applyFill="1" applyAlignment="1">
      <alignment vertical="top"/>
    </xf>
    <xf numFmtId="37" fontId="13" fillId="39" borderId="0" xfId="2" applyNumberFormat="1" applyFont="1" applyFill="1" applyAlignment="1">
      <alignment vertical="center"/>
    </xf>
    <xf numFmtId="37" fontId="12" fillId="0" borderId="4" xfId="57" applyNumberFormat="1" applyBorder="1"/>
    <xf numFmtId="0" fontId="12" fillId="4" borderId="0" xfId="57" applyFill="1"/>
    <xf numFmtId="37" fontId="12" fillId="4" borderId="0" xfId="57" applyNumberFormat="1" applyFill="1"/>
    <xf numFmtId="166" fontId="23" fillId="0" borderId="0" xfId="11" quotePrefix="1" applyNumberFormat="1" applyFont="1" applyAlignment="1">
      <alignment horizontal="left"/>
    </xf>
    <xf numFmtId="0" fontId="19" fillId="5" borderId="1" xfId="58" applyFont="1" applyFill="1" applyBorder="1" applyAlignment="1">
      <alignment horizontal="center" vertical="center"/>
    </xf>
    <xf numFmtId="0" fontId="13" fillId="5" borderId="1" xfId="2" applyFont="1" applyFill="1" applyBorder="1"/>
    <xf numFmtId="0" fontId="13" fillId="5" borderId="0" xfId="2" applyFont="1" applyFill="1"/>
    <xf numFmtId="37" fontId="13" fillId="5" borderId="0" xfId="2" applyNumberFormat="1" applyFont="1" applyFill="1"/>
    <xf numFmtId="0" fontId="13" fillId="5" borderId="0" xfId="2" applyFont="1" applyFill="1" applyAlignment="1">
      <alignment vertical="top"/>
    </xf>
    <xf numFmtId="0" fontId="19" fillId="5" borderId="16" xfId="58" applyFont="1" applyFill="1" applyBorder="1" applyAlignment="1">
      <alignment horizontal="center" vertical="center"/>
    </xf>
    <xf numFmtId="0" fontId="13" fillId="5" borderId="17" xfId="2" applyFont="1" applyFill="1" applyBorder="1"/>
    <xf numFmtId="0" fontId="13" fillId="5" borderId="14" xfId="2" applyFont="1" applyFill="1" applyBorder="1"/>
    <xf numFmtId="0" fontId="13" fillId="5" borderId="18" xfId="2" applyFont="1" applyFill="1" applyBorder="1"/>
    <xf numFmtId="37" fontId="13" fillId="5" borderId="14" xfId="2" applyNumberFormat="1" applyFont="1" applyFill="1" applyBorder="1"/>
    <xf numFmtId="37" fontId="13" fillId="5" borderId="18" xfId="2" applyNumberFormat="1" applyFont="1" applyFill="1" applyBorder="1"/>
    <xf numFmtId="0" fontId="13" fillId="5" borderId="18" xfId="2" applyFont="1" applyFill="1" applyBorder="1" applyAlignment="1">
      <alignment vertical="top"/>
    </xf>
    <xf numFmtId="0" fontId="13" fillId="5" borderId="15" xfId="2" applyFont="1" applyFill="1" applyBorder="1"/>
    <xf numFmtId="0" fontId="13" fillId="5" borderId="19" xfId="2" applyFont="1" applyFill="1" applyBorder="1"/>
    <xf numFmtId="167" fontId="25" fillId="40" borderId="0" xfId="56" applyNumberFormat="1" applyFont="1" applyFill="1" applyAlignment="1">
      <alignment horizontal="right"/>
    </xf>
    <xf numFmtId="167" fontId="45" fillId="40" borderId="0" xfId="56" applyNumberFormat="1" applyFont="1" applyFill="1" applyAlignment="1">
      <alignment horizontal="right"/>
    </xf>
    <xf numFmtId="167" fontId="25" fillId="0" borderId="0" xfId="57" applyNumberFormat="1" applyFont="1" applyAlignment="1">
      <alignment horizontal="left"/>
    </xf>
    <xf numFmtId="168" fontId="19" fillId="0" borderId="0" xfId="1" applyNumberFormat="1" applyFont="1" applyBorder="1" applyAlignment="1" applyProtection="1">
      <alignment vertical="center"/>
    </xf>
    <xf numFmtId="37" fontId="13" fillId="38" borderId="1" xfId="58" applyNumberFormat="1" applyFont="1" applyFill="1" applyBorder="1"/>
    <xf numFmtId="171" fontId="50" fillId="0" borderId="0" xfId="57" applyNumberFormat="1" applyFont="1"/>
    <xf numFmtId="0" fontId="50" fillId="0" borderId="1" xfId="57" applyFont="1" applyBorder="1"/>
    <xf numFmtId="0" fontId="49" fillId="0" borderId="1" xfId="57" applyFont="1" applyBorder="1"/>
    <xf numFmtId="0" fontId="12" fillId="0" borderId="1" xfId="57" applyBorder="1"/>
    <xf numFmtId="170" fontId="49" fillId="0" borderId="0" xfId="57" applyNumberFormat="1" applyFont="1" applyAlignment="1">
      <alignment horizontal="right"/>
    </xf>
    <xf numFmtId="173" fontId="25" fillId="0" borderId="0" xfId="0" applyNumberFormat="1" applyFont="1" applyAlignment="1">
      <alignment horizontal="right"/>
    </xf>
    <xf numFmtId="167" fontId="26" fillId="41" borderId="0" xfId="0" applyNumberFormat="1" applyFont="1" applyFill="1" applyAlignment="1">
      <alignment horizontal="left"/>
    </xf>
    <xf numFmtId="166" fontId="23" fillId="2" borderId="0" xfId="0" quotePrefix="1" applyNumberFormat="1" applyFont="1" applyFill="1" applyAlignment="1">
      <alignment horizontal="left"/>
    </xf>
    <xf numFmtId="0" fontId="48" fillId="0" borderId="0" xfId="0" applyFont="1" applyAlignment="1">
      <alignment horizontal="center" vertical="top" wrapText="1"/>
    </xf>
    <xf numFmtId="0" fontId="3" fillId="42" borderId="0" xfId="56" applyFill="1"/>
    <xf numFmtId="0" fontId="53" fillId="0" borderId="0" xfId="61" applyFont="1"/>
    <xf numFmtId="14" fontId="52" fillId="0" borderId="0" xfId="61" applyNumberFormat="1" applyFont="1" applyAlignment="1">
      <alignment horizontal="center"/>
    </xf>
    <xf numFmtId="0" fontId="49" fillId="0" borderId="0" xfId="61" applyFont="1"/>
    <xf numFmtId="167" fontId="25" fillId="0" borderId="2" xfId="0" applyNumberFormat="1" applyFont="1" applyBorder="1" applyAlignment="1">
      <alignment horizontal="right"/>
    </xf>
    <xf numFmtId="167" fontId="26" fillId="0" borderId="4" xfId="0" applyNumberFormat="1" applyFont="1" applyBorder="1" applyAlignment="1">
      <alignment horizontal="right"/>
    </xf>
    <xf numFmtId="167" fontId="25" fillId="0" borderId="4" xfId="0" applyNumberFormat="1" applyFont="1" applyBorder="1" applyAlignment="1">
      <alignment horizontal="right"/>
    </xf>
    <xf numFmtId="167" fontId="25" fillId="43" borderId="0" xfId="0" applyNumberFormat="1" applyFont="1" applyFill="1" applyAlignment="1">
      <alignment horizontal="left"/>
    </xf>
    <xf numFmtId="167" fontId="26" fillId="44" borderId="0" xfId="0" applyNumberFormat="1" applyFont="1" applyFill="1" applyAlignment="1">
      <alignment horizontal="left"/>
    </xf>
    <xf numFmtId="0" fontId="11" fillId="0" borderId="0" xfId="2"/>
    <xf numFmtId="0" fontId="56" fillId="0" borderId="0" xfId="2" applyFont="1" applyAlignment="1">
      <alignment horizontal="center"/>
    </xf>
    <xf numFmtId="0" fontId="19" fillId="0" borderId="0" xfId="2" applyFont="1" applyAlignment="1">
      <alignment horizontal="center"/>
    </xf>
    <xf numFmtId="0" fontId="11" fillId="0" borderId="20" xfId="2" applyBorder="1"/>
    <xf numFmtId="0" fontId="19" fillId="0" borderId="20" xfId="2" applyFont="1" applyBorder="1" applyAlignment="1">
      <alignment horizontal="center"/>
    </xf>
    <xf numFmtId="0" fontId="57" fillId="45" borderId="21" xfId="2" applyFont="1" applyFill="1" applyBorder="1"/>
    <xf numFmtId="0" fontId="57" fillId="45" borderId="21" xfId="2" quotePrefix="1" applyFont="1" applyFill="1" applyBorder="1"/>
    <xf numFmtId="0" fontId="58" fillId="45" borderId="21" xfId="2" applyFont="1" applyFill="1" applyBorder="1"/>
    <xf numFmtId="0" fontId="58" fillId="45" borderId="0" xfId="2" applyFont="1" applyFill="1"/>
    <xf numFmtId="0" fontId="59" fillId="45" borderId="0" xfId="2" applyFont="1" applyFill="1"/>
    <xf numFmtId="0" fontId="60" fillId="45" borderId="0" xfId="2" applyFont="1" applyFill="1"/>
    <xf numFmtId="174" fontId="60" fillId="46" borderId="0" xfId="2" applyNumberFormat="1" applyFont="1" applyFill="1"/>
    <xf numFmtId="174" fontId="61" fillId="46" borderId="0" xfId="2" applyNumberFormat="1" applyFont="1" applyFill="1"/>
    <xf numFmtId="174" fontId="58" fillId="46" borderId="22" xfId="2" applyNumberFormat="1" applyFont="1" applyFill="1" applyBorder="1"/>
    <xf numFmtId="174" fontId="60" fillId="4" borderId="0" xfId="2" applyNumberFormat="1" applyFont="1" applyFill="1"/>
    <xf numFmtId="0" fontId="3" fillId="4" borderId="0" xfId="56" applyFill="1"/>
    <xf numFmtId="0" fontId="60" fillId="4" borderId="0" xfId="2" applyFont="1" applyFill="1"/>
    <xf numFmtId="0" fontId="3" fillId="0" borderId="0" xfId="56"/>
    <xf numFmtId="0" fontId="19" fillId="39" borderId="0" xfId="0" applyFont="1" applyFill="1" applyAlignment="1">
      <alignment horizontal="center" vertical="center"/>
    </xf>
    <xf numFmtId="165" fontId="19" fillId="39" borderId="0" xfId="0" applyNumberFormat="1" applyFont="1" applyFill="1" applyAlignment="1">
      <alignment horizontal="center" vertical="top"/>
    </xf>
    <xf numFmtId="37" fontId="13" fillId="39" borderId="0" xfId="58" applyNumberFormat="1" applyFont="1" applyFill="1"/>
    <xf numFmtId="37" fontId="19" fillId="39" borderId="0" xfId="0" applyNumberFormat="1" applyFont="1" applyFill="1" applyAlignment="1">
      <alignment vertical="top"/>
    </xf>
    <xf numFmtId="37" fontId="19" fillId="39" borderId="0" xfId="0" applyNumberFormat="1" applyFont="1" applyFill="1"/>
    <xf numFmtId="37" fontId="19" fillId="39" borderId="0" xfId="0" applyNumberFormat="1" applyFont="1" applyFill="1" applyAlignment="1">
      <alignment horizontal="center" vertical="top" wrapText="1"/>
    </xf>
    <xf numFmtId="37" fontId="19" fillId="39" borderId="0" xfId="0" applyNumberFormat="1" applyFont="1" applyFill="1" applyAlignment="1">
      <alignment horizontal="center" vertical="center" wrapText="1"/>
    </xf>
    <xf numFmtId="0" fontId="60" fillId="39" borderId="0" xfId="2" applyFont="1" applyFill="1"/>
    <xf numFmtId="0" fontId="13" fillId="39" borderId="0" xfId="2" applyFont="1" applyFill="1" applyAlignment="1">
      <alignment vertical="center"/>
    </xf>
    <xf numFmtId="37" fontId="13" fillId="39" borderId="0" xfId="2" applyNumberFormat="1" applyFont="1" applyFill="1" applyAlignment="1">
      <alignment vertical="center" wrapText="1"/>
    </xf>
    <xf numFmtId="0" fontId="13" fillId="39" borderId="0" xfId="4" applyFont="1" applyFill="1"/>
    <xf numFmtId="165" fontId="19" fillId="39" borderId="0" xfId="0" applyNumberFormat="1" applyFont="1" applyFill="1" applyAlignment="1">
      <alignment vertical="top"/>
    </xf>
    <xf numFmtId="37" fontId="13" fillId="39" borderId="1" xfId="58" applyNumberFormat="1" applyFont="1" applyFill="1" applyBorder="1"/>
    <xf numFmtId="37" fontId="19" fillId="39" borderId="1" xfId="0" applyNumberFormat="1" applyFont="1" applyFill="1" applyBorder="1" applyAlignment="1">
      <alignment vertical="center"/>
    </xf>
    <xf numFmtId="37" fontId="19" fillId="39" borderId="1" xfId="0" applyNumberFormat="1" applyFont="1" applyFill="1" applyBorder="1"/>
    <xf numFmtId="49" fontId="25" fillId="6" borderId="0" xfId="0" applyNumberFormat="1" applyFont="1" applyFill="1" applyAlignment="1">
      <alignment horizontal="left" wrapText="1"/>
    </xf>
    <xf numFmtId="167" fontId="25" fillId="47" borderId="0" xfId="0" applyNumberFormat="1" applyFont="1" applyFill="1" applyAlignment="1">
      <alignment horizontal="left"/>
    </xf>
    <xf numFmtId="167" fontId="25" fillId="48" borderId="0" xfId="0" applyNumberFormat="1" applyFont="1" applyFill="1" applyAlignment="1">
      <alignment horizontal="left"/>
    </xf>
    <xf numFmtId="0" fontId="0" fillId="0" borderId="23" xfId="0" applyBorder="1"/>
    <xf numFmtId="0" fontId="0" fillId="0" borderId="24" xfId="0" applyBorder="1"/>
    <xf numFmtId="0" fontId="0" fillId="0" borderId="25" xfId="0" applyBorder="1"/>
    <xf numFmtId="43" fontId="0" fillId="0" borderId="25" xfId="0" applyNumberFormat="1" applyBorder="1"/>
    <xf numFmtId="0" fontId="0" fillId="0" borderId="26" xfId="0" applyBorder="1"/>
    <xf numFmtId="0" fontId="0" fillId="0" borderId="27" xfId="0" applyBorder="1"/>
    <xf numFmtId="43" fontId="0" fillId="0" borderId="28" xfId="0" applyNumberFormat="1" applyBorder="1"/>
    <xf numFmtId="0" fontId="0" fillId="0" borderId="29" xfId="0" applyBorder="1"/>
    <xf numFmtId="0" fontId="0" fillId="0" borderId="30" xfId="0" applyBorder="1"/>
    <xf numFmtId="43" fontId="0" fillId="0" borderId="31" xfId="0" applyNumberFormat="1" applyBorder="1"/>
    <xf numFmtId="43" fontId="0" fillId="0" borderId="0" xfId="1" applyFont="1"/>
    <xf numFmtId="43" fontId="0" fillId="0" borderId="0" xfId="0" applyNumberFormat="1"/>
    <xf numFmtId="0" fontId="0" fillId="0" borderId="23" xfId="0" pivotButton="1" applyBorder="1"/>
    <xf numFmtId="0" fontId="14" fillId="6" borderId="0" xfId="0" applyFont="1" applyFill="1"/>
    <xf numFmtId="0" fontId="18" fillId="0" borderId="0" xfId="0" applyFont="1" applyAlignment="1">
      <alignment horizontal="center"/>
    </xf>
    <xf numFmtId="0" fontId="48" fillId="0" borderId="0" xfId="0" applyFont="1" applyAlignment="1">
      <alignment horizontal="left" vertical="top" wrapText="1"/>
    </xf>
    <xf numFmtId="0" fontId="14" fillId="0" borderId="0" xfId="0" applyFont="1"/>
    <xf numFmtId="0" fontId="12" fillId="0" borderId="1" xfId="0" applyFont="1" applyBorder="1" applyAlignment="1">
      <alignment horizontal="left" vertical="top"/>
    </xf>
    <xf numFmtId="0" fontId="12" fillId="0" borderId="0" xfId="0" applyFont="1" applyAlignment="1">
      <alignment horizontal="centerContinuous" wrapText="1"/>
    </xf>
    <xf numFmtId="0" fontId="62" fillId="0" borderId="0" xfId="0" applyFont="1"/>
    <xf numFmtId="0" fontId="63" fillId="0" borderId="0" xfId="0" applyFont="1"/>
    <xf numFmtId="0" fontId="12" fillId="0" borderId="0" xfId="57" applyFont="1" applyAlignment="1">
      <alignment horizontal="center"/>
    </xf>
    <xf numFmtId="166" fontId="64" fillId="0" borderId="0" xfId="11" quotePrefix="1" applyNumberFormat="1" applyFont="1" applyAlignment="1">
      <alignment horizontal="left"/>
    </xf>
    <xf numFmtId="167" fontId="13" fillId="4" borderId="0" xfId="0" applyNumberFormat="1" applyFont="1" applyFill="1" applyAlignment="1">
      <alignment horizontal="left"/>
    </xf>
    <xf numFmtId="167" fontId="13" fillId="0" borderId="0" xfId="56" applyNumberFormat="1" applyFont="1" applyAlignment="1">
      <alignment horizontal="left"/>
    </xf>
    <xf numFmtId="167" fontId="13" fillId="39" borderId="0" xfId="0" applyNumberFormat="1" applyFont="1" applyFill="1" applyAlignment="1">
      <alignment horizontal="left"/>
    </xf>
    <xf numFmtId="0" fontId="12" fillId="4" borderId="0" xfId="57" applyFont="1" applyFill="1" applyAlignment="1">
      <alignment horizontal="center"/>
    </xf>
    <xf numFmtId="166" fontId="64" fillId="0" borderId="0" xfId="0" quotePrefix="1" applyNumberFormat="1" applyFont="1" applyAlignment="1">
      <alignment horizontal="left"/>
    </xf>
    <xf numFmtId="166" fontId="64" fillId="2" borderId="0" xfId="0" quotePrefix="1" applyNumberFormat="1" applyFont="1" applyFill="1" applyAlignment="1">
      <alignment horizontal="left"/>
    </xf>
    <xf numFmtId="167" fontId="13" fillId="4" borderId="0" xfId="56" applyNumberFormat="1" applyFont="1" applyFill="1" applyAlignment="1">
      <alignment horizontal="left"/>
    </xf>
    <xf numFmtId="166" fontId="64" fillId="39" borderId="0" xfId="0" quotePrefix="1" applyNumberFormat="1" applyFont="1" applyFill="1" applyAlignment="1">
      <alignment horizontal="left"/>
    </xf>
    <xf numFmtId="166" fontId="64" fillId="39" borderId="0" xfId="56" quotePrefix="1" applyNumberFormat="1" applyFont="1" applyFill="1" applyAlignment="1">
      <alignment horizontal="left"/>
    </xf>
    <xf numFmtId="166" fontId="64" fillId="4" borderId="0" xfId="11" quotePrefix="1" applyNumberFormat="1" applyFont="1" applyFill="1" applyAlignment="1">
      <alignment horizontal="left"/>
    </xf>
    <xf numFmtId="6" fontId="19" fillId="0" borderId="1" xfId="3" quotePrefix="1" applyNumberFormat="1" applyFont="1" applyBorder="1" applyAlignment="1">
      <alignment horizontal="center"/>
    </xf>
    <xf numFmtId="172" fontId="19" fillId="0" borderId="0" xfId="59" applyNumberFormat="1" applyFont="1" applyAlignment="1">
      <alignment horizontal="center" wrapText="1"/>
    </xf>
    <xf numFmtId="0" fontId="13" fillId="0" borderId="0" xfId="2" applyFont="1" applyFill="1"/>
    <xf numFmtId="0" fontId="19" fillId="0" borderId="0" xfId="2" applyFont="1" applyFill="1" applyAlignment="1">
      <alignment horizontal="center" vertical="center"/>
    </xf>
    <xf numFmtId="0" fontId="12" fillId="0" borderId="0" xfId="57" applyFont="1" applyFill="1" applyAlignment="1">
      <alignment horizontal="center"/>
    </xf>
    <xf numFmtId="166" fontId="64" fillId="0" borderId="0" xfId="11" quotePrefix="1" applyNumberFormat="1" applyFont="1" applyFill="1" applyAlignment="1">
      <alignment horizontal="left"/>
    </xf>
    <xf numFmtId="167" fontId="13" fillId="0" borderId="0" xfId="0" applyNumberFormat="1" applyFont="1" applyFill="1" applyAlignment="1">
      <alignment horizontal="left"/>
    </xf>
    <xf numFmtId="167" fontId="13" fillId="0" borderId="0" xfId="56" applyNumberFormat="1" applyFont="1" applyFill="1" applyAlignment="1">
      <alignment horizontal="left"/>
    </xf>
    <xf numFmtId="0" fontId="0" fillId="0" borderId="20" xfId="0" applyBorder="1"/>
    <xf numFmtId="0" fontId="58" fillId="45" borderId="21" xfId="0" applyFont="1" applyFill="1" applyBorder="1"/>
    <xf numFmtId="0" fontId="60" fillId="45" borderId="0" xfId="0" applyFont="1" applyFill="1"/>
    <xf numFmtId="0" fontId="59" fillId="45" borderId="0" xfId="0" applyFont="1" applyFill="1"/>
    <xf numFmtId="0" fontId="56" fillId="0" borderId="0" xfId="0" applyFont="1" applyAlignment="1">
      <alignment horizontal="center"/>
    </xf>
    <xf numFmtId="0" fontId="19" fillId="0" borderId="0" xfId="0" applyFont="1" applyAlignment="1">
      <alignment horizontal="center"/>
    </xf>
    <xf numFmtId="0" fontId="19" fillId="0" borderId="20" xfId="0" applyFont="1" applyBorder="1" applyAlignment="1">
      <alignment horizontal="center"/>
    </xf>
    <xf numFmtId="0" fontId="57" fillId="45" borderId="21" xfId="0" applyFont="1" applyFill="1" applyBorder="1"/>
    <xf numFmtId="0" fontId="57" fillId="45" borderId="21" xfId="0" quotePrefix="1" applyFont="1" applyFill="1" applyBorder="1"/>
    <xf numFmtId="174" fontId="60" fillId="46" borderId="0" xfId="0" applyNumberFormat="1" applyFont="1" applyFill="1"/>
    <xf numFmtId="174" fontId="61" fillId="46" borderId="0" xfId="0" applyNumberFormat="1" applyFont="1" applyFill="1"/>
    <xf numFmtId="174" fontId="58" fillId="46" borderId="22" xfId="0" applyNumberFormat="1" applyFont="1" applyFill="1" applyBorder="1"/>
    <xf numFmtId="49" fontId="25" fillId="0" borderId="0" xfId="0" applyNumberFormat="1" applyFont="1" applyFill="1" applyAlignment="1">
      <alignment horizontal="left" wrapText="1"/>
    </xf>
    <xf numFmtId="167" fontId="25" fillId="0" borderId="0" xfId="56" applyNumberFormat="1" applyFont="1" applyFill="1" applyAlignment="1">
      <alignment horizontal="left"/>
    </xf>
    <xf numFmtId="167" fontId="26" fillId="48" borderId="3" xfId="0" applyNumberFormat="1" applyFont="1" applyFill="1" applyBorder="1" applyAlignment="1">
      <alignment horizontal="left"/>
    </xf>
    <xf numFmtId="167" fontId="26" fillId="48" borderId="0" xfId="0" applyNumberFormat="1" applyFont="1" applyFill="1" applyAlignment="1">
      <alignment horizontal="left"/>
    </xf>
    <xf numFmtId="167" fontId="26" fillId="49" borderId="0" xfId="0" applyNumberFormat="1" applyFont="1" applyFill="1" applyAlignment="1">
      <alignment horizontal="left"/>
    </xf>
    <xf numFmtId="167" fontId="25" fillId="0" borderId="3" xfId="0" applyNumberFormat="1" applyFont="1" applyBorder="1" applyAlignment="1">
      <alignment horizontal="left"/>
    </xf>
    <xf numFmtId="167" fontId="25" fillId="50" borderId="0" xfId="0" applyNumberFormat="1" applyFont="1" applyFill="1" applyAlignment="1">
      <alignment horizontal="left"/>
    </xf>
    <xf numFmtId="167" fontId="25" fillId="51" borderId="0" xfId="0" applyNumberFormat="1" applyFont="1" applyFill="1" applyAlignment="1">
      <alignment horizontal="left"/>
    </xf>
    <xf numFmtId="167" fontId="25" fillId="49" borderId="0" xfId="0" applyNumberFormat="1" applyFont="1" applyFill="1" applyAlignment="1">
      <alignment horizontal="left"/>
    </xf>
    <xf numFmtId="167" fontId="25" fillId="52" borderId="0" xfId="0" applyNumberFormat="1" applyFont="1" applyFill="1" applyAlignment="1">
      <alignment horizontal="left"/>
    </xf>
    <xf numFmtId="167" fontId="25" fillId="53" borderId="0" xfId="0" applyNumberFormat="1" applyFont="1" applyFill="1" applyAlignment="1">
      <alignment horizontal="left"/>
    </xf>
    <xf numFmtId="167" fontId="25" fillId="48" borderId="3" xfId="0" applyNumberFormat="1" applyFont="1" applyFill="1" applyBorder="1" applyAlignment="1">
      <alignment horizontal="left"/>
    </xf>
    <xf numFmtId="173" fontId="26" fillId="48" borderId="0" xfId="0" applyNumberFormat="1" applyFont="1" applyFill="1" applyAlignment="1">
      <alignment horizontal="left"/>
    </xf>
    <xf numFmtId="173" fontId="25" fillId="0" borderId="0" xfId="0" applyNumberFormat="1" applyFont="1" applyAlignment="1">
      <alignment horizontal="left"/>
    </xf>
    <xf numFmtId="0" fontId="12" fillId="0" borderId="0" xfId="57" applyAlignment="1">
      <alignment horizontal="center"/>
    </xf>
    <xf numFmtId="0" fontId="18" fillId="0" borderId="0" xfId="0" applyFont="1" applyAlignment="1">
      <alignment horizontal="center"/>
    </xf>
    <xf numFmtId="0" fontId="18" fillId="0" borderId="0" xfId="0" applyFont="1" applyAlignment="1"/>
    <xf numFmtId="0" fontId="18" fillId="0" borderId="2" xfId="0" applyFont="1" applyBorder="1" applyAlignment="1">
      <alignment horizontal="left" vertical="top" wrapText="1"/>
    </xf>
    <xf numFmtId="0" fontId="18" fillId="0" borderId="0" xfId="0" applyFont="1" applyAlignment="1">
      <alignment horizontal="left" vertical="top" wrapText="1"/>
    </xf>
    <xf numFmtId="37" fontId="19" fillId="0" borderId="0" xfId="0" applyNumberFormat="1" applyFont="1" applyAlignment="1">
      <alignment horizontal="left" vertical="top" wrapText="1"/>
    </xf>
    <xf numFmtId="0" fontId="48" fillId="0" borderId="0" xfId="0" applyFont="1" applyAlignment="1">
      <alignment horizontal="left" vertical="top" wrapText="1"/>
    </xf>
    <xf numFmtId="0" fontId="19" fillId="0" borderId="0" xfId="0" applyFont="1" applyAlignment="1">
      <alignment horizontal="left" vertical="top" wrapText="1"/>
    </xf>
    <xf numFmtId="0" fontId="24" fillId="2" borderId="0" xfId="56" applyFont="1" applyFill="1" applyAlignment="1">
      <alignment horizontal="right" wrapText="1"/>
    </xf>
  </cellXfs>
  <cellStyles count="64">
    <cellStyle name="20% - Accent1" xfId="29" builtinId="30" customBuiltin="1"/>
    <cellStyle name="20% - Accent2" xfId="33" builtinId="34" customBuiltin="1"/>
    <cellStyle name="20% - Accent3" xfId="37" builtinId="38" customBuiltin="1"/>
    <cellStyle name="20% - Accent4" xfId="41" builtinId="42" customBuiltin="1"/>
    <cellStyle name="20% - Accent5" xfId="45" builtinId="46" customBuiltin="1"/>
    <cellStyle name="20% - Accent6" xfId="49" builtinId="50" customBuiltin="1"/>
    <cellStyle name="40% - Accent1" xfId="30" builtinId="31" customBuiltin="1"/>
    <cellStyle name="40% - Accent2" xfId="34" builtinId="35" customBuiltin="1"/>
    <cellStyle name="40% - Accent3" xfId="38" builtinId="39" customBuiltin="1"/>
    <cellStyle name="40% - Accent4" xfId="42" builtinId="43" customBuiltin="1"/>
    <cellStyle name="40% - Accent5" xfId="46" builtinId="47" customBuiltin="1"/>
    <cellStyle name="40% - Accent6" xfId="50" builtinId="51" customBuiltin="1"/>
    <cellStyle name="60% - Accent1" xfId="31" builtinId="32" customBuiltin="1"/>
    <cellStyle name="60% - Accent2" xfId="35" builtinId="36" customBuiltin="1"/>
    <cellStyle name="60% - Accent3" xfId="39" builtinId="40" customBuiltin="1"/>
    <cellStyle name="60% - Accent4" xfId="43" builtinId="44" customBuiltin="1"/>
    <cellStyle name="60% - Accent5" xfId="47" builtinId="48" customBuiltin="1"/>
    <cellStyle name="60% - Accent6" xfId="51" builtinId="52" customBuiltin="1"/>
    <cellStyle name="Accent1" xfId="28" builtinId="29" customBuiltin="1"/>
    <cellStyle name="Accent2" xfId="32" builtinId="33" customBuiltin="1"/>
    <cellStyle name="Accent3" xfId="36" builtinId="37" customBuiltin="1"/>
    <cellStyle name="Accent4" xfId="40" builtinId="41" customBuiltin="1"/>
    <cellStyle name="Accent5" xfId="44" builtinId="45" customBuiltin="1"/>
    <cellStyle name="Accent6" xfId="48" builtinId="49" customBuiltin="1"/>
    <cellStyle name="Bad" xfId="18" builtinId="27" customBuiltin="1"/>
    <cellStyle name="Calculation" xfId="22" builtinId="22" customBuiltin="1"/>
    <cellStyle name="Check Cell" xfId="24" builtinId="23" customBuiltin="1"/>
    <cellStyle name="Comma" xfId="1" builtinId="3"/>
    <cellStyle name="Comma 19" xfId="60" xr:uid="{E14AF457-4EA9-4A37-8723-8EAEE596E332}"/>
    <cellStyle name="Explanatory Text" xfId="26" builtinId="53" customBuiltin="1"/>
    <cellStyle name="Good" xfId="17" builtinId="26" customBuiltin="1"/>
    <cellStyle name="Heading 1" xfId="13" builtinId="16" customBuiltin="1"/>
    <cellStyle name="Heading 2" xfId="14" builtinId="17" customBuiltin="1"/>
    <cellStyle name="Heading 3" xfId="15" builtinId="18" customBuiltin="1"/>
    <cellStyle name="Heading 4" xfId="16" builtinId="19" customBuiltin="1"/>
    <cellStyle name="Input" xfId="20" builtinId="20" customBuiltin="1"/>
    <cellStyle name="Linked Cell" xfId="23" builtinId="24" customBuiltin="1"/>
    <cellStyle name="Neutral" xfId="19" builtinId="28" customBuiltin="1"/>
    <cellStyle name="Normal" xfId="0" builtinId="0"/>
    <cellStyle name="Normal 10" xfId="7" xr:uid="{43AF43E0-AA5F-45A8-90C3-344A1E1250B2}"/>
    <cellStyle name="Normal 11" xfId="57" xr:uid="{87ACECD3-04ED-4984-ACC2-8DE052D0E578}"/>
    <cellStyle name="Normal 11 2" xfId="61" xr:uid="{09389C05-CDFA-43DB-9851-2748E06E230B}"/>
    <cellStyle name="Normal 12" xfId="62" xr:uid="{9D4B8DF7-3304-4267-B2A5-FEB64D4CCB93}"/>
    <cellStyle name="Normal 13" xfId="63" xr:uid="{6A4941DD-A1F9-483A-8A73-0BBBA9004BC8}"/>
    <cellStyle name="Normal 2" xfId="2" xr:uid="{766D74B0-E155-4261-88B4-7A2F20CD72D1}"/>
    <cellStyle name="Normal 2 2" xfId="4" xr:uid="{C5CBC244-B1BB-42A4-A8E3-2E079FE17F42}"/>
    <cellStyle name="Normal 2 2 2" xfId="58" xr:uid="{2A600A97-8A8E-47DB-90C9-A4E8C081D11A}"/>
    <cellStyle name="Normal 2 2 3" xfId="59" xr:uid="{F8227037-F40B-4686-8E21-5B30DFA274C4}"/>
    <cellStyle name="Normal 2 3" xfId="52" xr:uid="{3F599330-AD28-4330-A8BC-82FD31022F4D}"/>
    <cellStyle name="Normal 2 4" xfId="54" xr:uid="{091C59EB-0EED-4E8C-80DF-65CC19150D43}"/>
    <cellStyle name="Normal 3" xfId="5" xr:uid="{CA484911-1FFC-4F29-8A9A-FD9D93574F91}"/>
    <cellStyle name="Normal 4" xfId="6" xr:uid="{18E376FB-1FBD-41A9-A195-B37B27B8706A}"/>
    <cellStyle name="Normal 4 2" xfId="8" xr:uid="{057A42A2-9004-4683-B7F3-180A7A82CBB4}"/>
    <cellStyle name="Normal 4 3" xfId="10" xr:uid="{C4D5E304-1575-4288-B4E6-06F2300203AB}"/>
    <cellStyle name="Normal 5" xfId="3" xr:uid="{2EE41F8D-6E1D-47E8-9C2C-281D6F1ED1B2}"/>
    <cellStyle name="Normal 6" xfId="9" xr:uid="{B7056892-C25A-4C61-A93B-6CB321CAAF63}"/>
    <cellStyle name="Normal 7" xfId="11" xr:uid="{666C0836-74E0-41F3-83C0-D1193A17FBD3}"/>
    <cellStyle name="Normal 8" xfId="55" xr:uid="{E0DCE84F-2D6A-4963-9B04-7E05537C8C4D}"/>
    <cellStyle name="Normal 9" xfId="56" xr:uid="{913A23CA-5CAA-45DC-AC45-12E949281E69}"/>
    <cellStyle name="Note 2" xfId="53" xr:uid="{7521B205-B4E7-4977-9A26-A5C95B758321}"/>
    <cellStyle name="Output" xfId="21" builtinId="21" customBuiltin="1"/>
    <cellStyle name="Title" xfId="12" builtinId="15" customBuiltin="1"/>
    <cellStyle name="Total" xfId="27" builtinId="25" customBuiltin="1"/>
    <cellStyle name="Warning Text" xfId="25" builtinId="11" customBuiltin="1"/>
  </cellStyles>
  <dxfs count="1">
    <dxf>
      <numFmt numFmtId="35" formatCode="_(* #,##0.00_);_(* \(#,##0.00\);_(* &quot;-&quot;??_);_(@_)"/>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customXml" Target="../customXml/item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20"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pivotCacheDefinition" Target="pivotCache/pivotCacheDefinition1.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3.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activeX1.xml><?xml version="1.0" encoding="utf-8"?>
<ax:ocx xmlns:ax="http://schemas.microsoft.com/office/2006/activeX" xmlns:r="http://schemas.openxmlformats.org/officeDocument/2006/relationships" ax:classid="{5512D11C-5CC6-11CF-8D67-00AA00BDCE1D}" ax:persistence="persistStream" r:id="rId1"/>
</file>

<file path=xl/activeX/activeX2.xml><?xml version="1.0" encoding="utf-8"?>
<ax:ocx xmlns:ax="http://schemas.microsoft.com/office/2006/activeX" xmlns:r="http://schemas.openxmlformats.org/officeDocument/2006/relationships" ax:classid="{5512D11C-5CC6-11CF-8D67-00AA00BDCE1D}" ax:persistence="persistStream" r:id="rId1"/>
</file>

<file path=xl/drawings/_rels/drawing5.xml.rels><?xml version="1.0" encoding="UTF-8" standalone="yes"?>
<Relationships xmlns="http://schemas.openxmlformats.org/package/2006/relationships"><Relationship Id="rId1" Type="http://schemas.openxmlformats.org/officeDocument/2006/relationships/image" Target="../images/spacer.gif" TargetMode="External"/></Relationships>
</file>

<file path=xl/drawings/_rels/drawing6.xml.rels><?xml version="1.0" encoding="UTF-8" standalone="yes"?>
<Relationships xmlns="http://schemas.openxmlformats.org/package/2006/relationships"><Relationship Id="rId1" Type="http://schemas.openxmlformats.org/officeDocument/2006/relationships/image" Target="../images/spacer.gif" TargetMode="External"/></Relationships>
</file>

<file path=xl/drawings/_rels/vmlDrawing1.v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oneCellAnchor>
    <xdr:from>
      <xdr:col>13</xdr:col>
      <xdr:colOff>0</xdr:colOff>
      <xdr:row>0</xdr:row>
      <xdr:rowOff>0</xdr:rowOff>
    </xdr:from>
    <xdr:ext cx="184731" cy="264560"/>
    <xdr:sp macro="" textlink="">
      <xdr:nvSpPr>
        <xdr:cNvPr id="2" name="TextBox 1">
          <a:extLst>
            <a:ext uri="{FF2B5EF4-FFF2-40B4-BE49-F238E27FC236}">
              <a16:creationId xmlns:a16="http://schemas.microsoft.com/office/drawing/2014/main" id="{00000000-0008-0000-0200-000002000000}"/>
            </a:ext>
          </a:extLst>
        </xdr:cNvPr>
        <xdr:cNvSpPr txBox="1"/>
      </xdr:nvSpPr>
      <xdr:spPr>
        <a:xfrm>
          <a:off x="12030075"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3</xdr:col>
      <xdr:colOff>0</xdr:colOff>
      <xdr:row>0</xdr:row>
      <xdr:rowOff>0</xdr:rowOff>
    </xdr:from>
    <xdr:ext cx="184731" cy="264560"/>
    <xdr:sp macro="" textlink="">
      <xdr:nvSpPr>
        <xdr:cNvPr id="3" name="TextBox 2">
          <a:extLst>
            <a:ext uri="{FF2B5EF4-FFF2-40B4-BE49-F238E27FC236}">
              <a16:creationId xmlns:a16="http://schemas.microsoft.com/office/drawing/2014/main" id="{00000000-0008-0000-0200-000003000000}"/>
            </a:ext>
          </a:extLst>
        </xdr:cNvPr>
        <xdr:cNvSpPr txBox="1"/>
      </xdr:nvSpPr>
      <xdr:spPr>
        <a:xfrm>
          <a:off x="12030075"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2.xml><?xml version="1.0" encoding="utf-8"?>
<xdr:wsDr xmlns:xdr="http://schemas.openxmlformats.org/drawingml/2006/spreadsheetDrawing" xmlns:a="http://schemas.openxmlformats.org/drawingml/2006/main">
  <xdr:oneCellAnchor>
    <xdr:from>
      <xdr:col>13</xdr:col>
      <xdr:colOff>0</xdr:colOff>
      <xdr:row>0</xdr:row>
      <xdr:rowOff>0</xdr:rowOff>
    </xdr:from>
    <xdr:ext cx="184731" cy="264560"/>
    <xdr:sp macro="" textlink="">
      <xdr:nvSpPr>
        <xdr:cNvPr id="2" name="TextBox 1">
          <a:extLst>
            <a:ext uri="{FF2B5EF4-FFF2-40B4-BE49-F238E27FC236}">
              <a16:creationId xmlns:a16="http://schemas.microsoft.com/office/drawing/2014/main" id="{00000000-0008-0000-0300-000002000000}"/>
            </a:ext>
          </a:extLst>
        </xdr:cNvPr>
        <xdr:cNvSpPr txBox="1"/>
      </xdr:nvSpPr>
      <xdr:spPr>
        <a:xfrm>
          <a:off x="12030075"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3</xdr:col>
      <xdr:colOff>0</xdr:colOff>
      <xdr:row>0</xdr:row>
      <xdr:rowOff>0</xdr:rowOff>
    </xdr:from>
    <xdr:ext cx="184731" cy="264560"/>
    <xdr:sp macro="" textlink="">
      <xdr:nvSpPr>
        <xdr:cNvPr id="3" name="TextBox 2">
          <a:extLst>
            <a:ext uri="{FF2B5EF4-FFF2-40B4-BE49-F238E27FC236}">
              <a16:creationId xmlns:a16="http://schemas.microsoft.com/office/drawing/2014/main" id="{00000000-0008-0000-0300-000003000000}"/>
            </a:ext>
          </a:extLst>
        </xdr:cNvPr>
        <xdr:cNvSpPr txBox="1"/>
      </xdr:nvSpPr>
      <xdr:spPr>
        <a:xfrm>
          <a:off x="12030075"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3.xml><?xml version="1.0" encoding="utf-8"?>
<xdr:wsDr xmlns:xdr="http://schemas.openxmlformats.org/drawingml/2006/spreadsheetDrawing" xmlns:a="http://schemas.openxmlformats.org/drawingml/2006/main">
  <xdr:oneCellAnchor>
    <xdr:from>
      <xdr:col>13</xdr:col>
      <xdr:colOff>0</xdr:colOff>
      <xdr:row>0</xdr:row>
      <xdr:rowOff>0</xdr:rowOff>
    </xdr:from>
    <xdr:ext cx="184731" cy="264560"/>
    <xdr:sp macro="" textlink="">
      <xdr:nvSpPr>
        <xdr:cNvPr id="2" name="TextBox 1">
          <a:extLst>
            <a:ext uri="{FF2B5EF4-FFF2-40B4-BE49-F238E27FC236}">
              <a16:creationId xmlns:a16="http://schemas.microsoft.com/office/drawing/2014/main" id="{00000000-0008-0000-0400-000002000000}"/>
            </a:ext>
          </a:extLst>
        </xdr:cNvPr>
        <xdr:cNvSpPr txBox="1"/>
      </xdr:nvSpPr>
      <xdr:spPr>
        <a:xfrm>
          <a:off x="12030075"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3</xdr:col>
      <xdr:colOff>0</xdr:colOff>
      <xdr:row>0</xdr:row>
      <xdr:rowOff>0</xdr:rowOff>
    </xdr:from>
    <xdr:ext cx="184731" cy="264560"/>
    <xdr:sp macro="" textlink="">
      <xdr:nvSpPr>
        <xdr:cNvPr id="3" name="TextBox 2">
          <a:extLst>
            <a:ext uri="{FF2B5EF4-FFF2-40B4-BE49-F238E27FC236}">
              <a16:creationId xmlns:a16="http://schemas.microsoft.com/office/drawing/2014/main" id="{00000000-0008-0000-0400-000003000000}"/>
            </a:ext>
          </a:extLst>
        </xdr:cNvPr>
        <xdr:cNvSpPr txBox="1"/>
      </xdr:nvSpPr>
      <xdr:spPr>
        <a:xfrm>
          <a:off x="12030075"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4.xml><?xml version="1.0" encoding="utf-8"?>
<xdr:wsDr xmlns:xdr="http://schemas.openxmlformats.org/drawingml/2006/spreadsheetDrawing" xmlns:a="http://schemas.openxmlformats.org/drawingml/2006/main">
  <xdr:oneCellAnchor>
    <xdr:from>
      <xdr:col>13</xdr:col>
      <xdr:colOff>0</xdr:colOff>
      <xdr:row>0</xdr:row>
      <xdr:rowOff>0</xdr:rowOff>
    </xdr:from>
    <xdr:ext cx="184731" cy="264560"/>
    <xdr:sp macro="" textlink="">
      <xdr:nvSpPr>
        <xdr:cNvPr id="2" name="TextBox 1">
          <a:extLst>
            <a:ext uri="{FF2B5EF4-FFF2-40B4-BE49-F238E27FC236}">
              <a16:creationId xmlns:a16="http://schemas.microsoft.com/office/drawing/2014/main" id="{00000000-0008-0000-0500-000002000000}"/>
            </a:ext>
          </a:extLst>
        </xdr:cNvPr>
        <xdr:cNvSpPr txBox="1"/>
      </xdr:nvSpPr>
      <xdr:spPr>
        <a:xfrm>
          <a:off x="112014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3</xdr:col>
      <xdr:colOff>0</xdr:colOff>
      <xdr:row>0</xdr:row>
      <xdr:rowOff>0</xdr:rowOff>
    </xdr:from>
    <xdr:ext cx="184731" cy="264560"/>
    <xdr:sp macro="" textlink="">
      <xdr:nvSpPr>
        <xdr:cNvPr id="3" name="TextBox 2">
          <a:extLst>
            <a:ext uri="{FF2B5EF4-FFF2-40B4-BE49-F238E27FC236}">
              <a16:creationId xmlns:a16="http://schemas.microsoft.com/office/drawing/2014/main" id="{00000000-0008-0000-0500-000003000000}"/>
            </a:ext>
          </a:extLst>
        </xdr:cNvPr>
        <xdr:cNvSpPr txBox="1"/>
      </xdr:nvSpPr>
      <xdr:spPr>
        <a:xfrm>
          <a:off x="112014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0</xdr:col>
          <xdr:colOff>914400</xdr:colOff>
          <xdr:row>0</xdr:row>
          <xdr:rowOff>228600</xdr:rowOff>
        </xdr:to>
        <xdr:sp macro="" textlink="">
          <xdr:nvSpPr>
            <xdr:cNvPr id="15361" name="Control 1" hidden="1">
              <a:extLst>
                <a:ext uri="{63B3BB69-23CF-44E3-9099-C40C66FF867C}">
                  <a14:compatExt spid="_x0000_s15361"/>
                </a:ext>
                <a:ext uri="{FF2B5EF4-FFF2-40B4-BE49-F238E27FC236}">
                  <a16:creationId xmlns:a16="http://schemas.microsoft.com/office/drawing/2014/main" id="{00000000-0008-0000-0C00-0000013C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32460</xdr:colOff>
          <xdr:row>0</xdr:row>
          <xdr:rowOff>0</xdr:rowOff>
        </xdr:from>
        <xdr:to>
          <xdr:col>0</xdr:col>
          <xdr:colOff>1546860</xdr:colOff>
          <xdr:row>0</xdr:row>
          <xdr:rowOff>228600</xdr:rowOff>
        </xdr:to>
        <xdr:sp macro="" textlink="">
          <xdr:nvSpPr>
            <xdr:cNvPr id="15362" name="Control 2" hidden="1">
              <a:extLst>
                <a:ext uri="{63B3BB69-23CF-44E3-9099-C40C66FF867C}">
                  <a14:compatExt spid="_x0000_s15362"/>
                </a:ext>
                <a:ext uri="{FF2B5EF4-FFF2-40B4-BE49-F238E27FC236}">
                  <a16:creationId xmlns:a16="http://schemas.microsoft.com/office/drawing/2014/main" id="{00000000-0008-0000-0C00-0000023C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xdr:twoCellAnchor editAs="oneCell">
    <xdr:from>
      <xdr:col>0</xdr:col>
      <xdr:colOff>0</xdr:colOff>
      <xdr:row>940</xdr:row>
      <xdr:rowOff>0</xdr:rowOff>
    </xdr:from>
    <xdr:to>
      <xdr:col>0</xdr:col>
      <xdr:colOff>15240</xdr:colOff>
      <xdr:row>940</xdr:row>
      <xdr:rowOff>15240</xdr:rowOff>
    </xdr:to>
    <xdr:pic>
      <xdr:nvPicPr>
        <xdr:cNvPr id="5" name="Picture 8">
          <a:extLst>
            <a:ext uri="{FF2B5EF4-FFF2-40B4-BE49-F238E27FC236}">
              <a16:creationId xmlns:a16="http://schemas.microsoft.com/office/drawing/2014/main" id="{00000000-0008-0000-0C00-000005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703736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63500</xdr:colOff>
      <xdr:row>942</xdr:row>
      <xdr:rowOff>63500</xdr:rowOff>
    </xdr:from>
    <xdr:ext cx="2078646" cy="460704"/>
    <xdr:sp macro="" textlink="">
      <xdr:nvSpPr>
        <xdr:cNvPr id="6" name="Text Box 4">
          <a:extLst>
            <a:ext uri="{FF2B5EF4-FFF2-40B4-BE49-F238E27FC236}">
              <a16:creationId xmlns:a16="http://schemas.microsoft.com/office/drawing/2014/main" id="{00000000-0008-0000-0C00-000006000000}"/>
            </a:ext>
          </a:extLst>
        </xdr:cNvPr>
        <xdr:cNvSpPr txBox="1">
          <a:spLocks noChangeArrowheads="1"/>
        </xdr:cNvSpPr>
      </xdr:nvSpPr>
      <xdr:spPr bwMode="auto">
        <a:xfrm>
          <a:off x="66675" y="170811825"/>
          <a:ext cx="2078646" cy="4607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Report: WKTB_REG</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By: T95493</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Date: January 27, 2021 10:48:20 PM</a:t>
          </a:r>
        </a:p>
      </xdr:txBody>
    </xdr:sp>
    <xdr:clientData/>
  </xdr:oneCellAnchor>
  <xdr:oneCellAnchor>
    <xdr:from>
      <xdr:col>1</xdr:col>
      <xdr:colOff>0</xdr:colOff>
      <xdr:row>942</xdr:row>
      <xdr:rowOff>63500</xdr:rowOff>
    </xdr:from>
    <xdr:ext cx="908050" cy="381000"/>
    <xdr:sp macro="" textlink="">
      <xdr:nvSpPr>
        <xdr:cNvPr id="7" name="Text Box 3">
          <a:extLst>
            <a:ext uri="{FF2B5EF4-FFF2-40B4-BE49-F238E27FC236}">
              <a16:creationId xmlns:a16="http://schemas.microsoft.com/office/drawing/2014/main" id="{00000000-0008-0000-0C00-000007000000}"/>
            </a:ext>
          </a:extLst>
        </xdr:cNvPr>
        <xdr:cNvSpPr txBox="1">
          <a:spLocks noChangeArrowheads="1"/>
        </xdr:cNvSpPr>
      </xdr:nvSpPr>
      <xdr:spPr bwMode="auto">
        <a:xfrm>
          <a:off x="5181600" y="170811825"/>
          <a:ext cx="908050" cy="3810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imclthfmsvcp01</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eporting</a:t>
          </a:r>
        </a:p>
      </xdr:txBody>
    </xdr:sp>
    <xdr:clientData/>
  </xdr:oneCellAnchor>
  <xdr:oneCellAnchor>
    <xdr:from>
      <xdr:col>0</xdr:col>
      <xdr:colOff>1981200</xdr:colOff>
      <xdr:row>946</xdr:row>
      <xdr:rowOff>63500</xdr:rowOff>
    </xdr:from>
    <xdr:ext cx="711200" cy="215900"/>
    <xdr:sp macro="" textlink="">
      <xdr:nvSpPr>
        <xdr:cNvPr id="8" name="Text Box 2">
          <a:extLst>
            <a:ext uri="{FF2B5EF4-FFF2-40B4-BE49-F238E27FC236}">
              <a16:creationId xmlns:a16="http://schemas.microsoft.com/office/drawing/2014/main" id="{00000000-0008-0000-0C00-000008000000}"/>
            </a:ext>
          </a:extLst>
        </xdr:cNvPr>
        <xdr:cNvSpPr txBox="1">
          <a:spLocks noChangeArrowheads="1"/>
        </xdr:cNvSpPr>
      </xdr:nvSpPr>
      <xdr:spPr bwMode="auto">
        <a:xfrm>
          <a:off x="1981200" y="171535725"/>
          <a:ext cx="711200" cy="2159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53</xdr:row>
      <xdr:rowOff>177800</xdr:rowOff>
    </xdr:from>
    <xdr:to>
      <xdr:col>0</xdr:col>
      <xdr:colOff>3886200</xdr:colOff>
      <xdr:row>967</xdr:row>
      <xdr:rowOff>114300</xdr:rowOff>
    </xdr:to>
    <xdr:sp macro="" textlink="">
      <xdr:nvSpPr>
        <xdr:cNvPr id="9" name="ToolsXML" hidden="1">
          <a:extLst>
            <a:ext uri="{FF2B5EF4-FFF2-40B4-BE49-F238E27FC236}">
              <a16:creationId xmlns:a16="http://schemas.microsoft.com/office/drawing/2014/main" id="{00000000-0008-0000-0C00-000009000000}"/>
            </a:ext>
          </a:extLst>
        </xdr:cNvPr>
        <xdr:cNvSpPr txBox="1">
          <a:spLocks noChangeArrowheads="1"/>
        </xdr:cNvSpPr>
      </xdr:nvSpPr>
      <xdr:spPr bwMode="auto">
        <a:xfrm>
          <a:off x="457200" y="172916850"/>
          <a:ext cx="3429000" cy="2466975"/>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3424783"&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0&amp;amp;fld3=2020&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0&amp;amp;fld3=2020&amp;amp;fld4=REGULATORY.FLORIDA&amp;amp;&amp;amp;allPages=false&amp;amp;splitPages=false&amp;amp;refUsingWSPOV=false&lt;/url&gt;&lt;/edit&gt;&lt;close&gt;&lt;url method="post"&gt;/hr/common/HRClientRefTracker.jsp?removeInstanceId=3424783&lt;/url&gt;&lt;/close&gt;&lt;/ToolsActions&gt;</a:t>
          </a:r>
        </a:p>
      </xdr:txBody>
    </xdr:sp>
    <xdr:clientData/>
  </xdr:twoCellAnchor>
  <xdr:twoCellAnchor editAs="oneCell">
    <xdr:from>
      <xdr:col>0</xdr:col>
      <xdr:colOff>0</xdr:colOff>
      <xdr:row>934</xdr:row>
      <xdr:rowOff>0</xdr:rowOff>
    </xdr:from>
    <xdr:to>
      <xdr:col>0</xdr:col>
      <xdr:colOff>15875</xdr:colOff>
      <xdr:row>934</xdr:row>
      <xdr:rowOff>15875</xdr:rowOff>
    </xdr:to>
    <xdr:pic>
      <xdr:nvPicPr>
        <xdr:cNvPr id="17" name="Picture 8">
          <a:extLst>
            <a:ext uri="{FF2B5EF4-FFF2-40B4-BE49-F238E27FC236}">
              <a16:creationId xmlns:a16="http://schemas.microsoft.com/office/drawing/2014/main" id="{00000000-0008-0000-0C00-000011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721675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66675</xdr:colOff>
      <xdr:row>936</xdr:row>
      <xdr:rowOff>66675</xdr:rowOff>
    </xdr:from>
    <xdr:ext cx="2114550" cy="561975"/>
    <xdr:sp macro="" textlink="">
      <xdr:nvSpPr>
        <xdr:cNvPr id="18" name="Text Box 4">
          <a:extLst>
            <a:ext uri="{FF2B5EF4-FFF2-40B4-BE49-F238E27FC236}">
              <a16:creationId xmlns:a16="http://schemas.microsoft.com/office/drawing/2014/main" id="{00000000-0008-0000-0C00-000012000000}"/>
            </a:ext>
          </a:extLst>
        </xdr:cNvPr>
        <xdr:cNvSpPr txBox="1">
          <a:spLocks noChangeArrowheads="1"/>
        </xdr:cNvSpPr>
      </xdr:nvSpPr>
      <xdr:spPr bwMode="auto">
        <a:xfrm>
          <a:off x="66675" y="172608875"/>
          <a:ext cx="2114550" cy="5619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Report: WKTB_REG</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By: T95493</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Date: February 06, 2022 8:31:32 PM</a:t>
          </a:r>
        </a:p>
      </xdr:txBody>
    </xdr:sp>
    <xdr:clientData/>
  </xdr:oneCellAnchor>
  <xdr:oneCellAnchor>
    <xdr:from>
      <xdr:col>1</xdr:col>
      <xdr:colOff>0</xdr:colOff>
      <xdr:row>936</xdr:row>
      <xdr:rowOff>66675</xdr:rowOff>
    </xdr:from>
    <xdr:ext cx="942975" cy="400050"/>
    <xdr:sp macro="" textlink="">
      <xdr:nvSpPr>
        <xdr:cNvPr id="19" name="Text Box 3">
          <a:extLst>
            <a:ext uri="{FF2B5EF4-FFF2-40B4-BE49-F238E27FC236}">
              <a16:creationId xmlns:a16="http://schemas.microsoft.com/office/drawing/2014/main" id="{00000000-0008-0000-0C00-000013000000}"/>
            </a:ext>
          </a:extLst>
        </xdr:cNvPr>
        <xdr:cNvSpPr txBox="1">
          <a:spLocks noChangeArrowheads="1"/>
        </xdr:cNvSpPr>
      </xdr:nvSpPr>
      <xdr:spPr bwMode="auto">
        <a:xfrm>
          <a:off x="4584700" y="172608875"/>
          <a:ext cx="942975" cy="40005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imclthfmsvcp01</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eporting</a:t>
          </a:r>
        </a:p>
      </xdr:txBody>
    </xdr:sp>
    <xdr:clientData/>
  </xdr:oneCellAnchor>
  <xdr:oneCellAnchor>
    <xdr:from>
      <xdr:col>0</xdr:col>
      <xdr:colOff>1981200</xdr:colOff>
      <xdr:row>940</xdr:row>
      <xdr:rowOff>66675</xdr:rowOff>
    </xdr:from>
    <xdr:ext cx="733425" cy="238125"/>
    <xdr:sp macro="" textlink="">
      <xdr:nvSpPr>
        <xdr:cNvPr id="20" name="Text Box 2">
          <a:extLst>
            <a:ext uri="{FF2B5EF4-FFF2-40B4-BE49-F238E27FC236}">
              <a16:creationId xmlns:a16="http://schemas.microsoft.com/office/drawing/2014/main" id="{00000000-0008-0000-0C00-000014000000}"/>
            </a:ext>
          </a:extLst>
        </xdr:cNvPr>
        <xdr:cNvSpPr txBox="1">
          <a:spLocks noChangeArrowheads="1"/>
        </xdr:cNvSpPr>
      </xdr:nvSpPr>
      <xdr:spPr bwMode="auto">
        <a:xfrm>
          <a:off x="1981200" y="173345475"/>
          <a:ext cx="733425" cy="2381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47</xdr:row>
      <xdr:rowOff>152400</xdr:rowOff>
    </xdr:from>
    <xdr:to>
      <xdr:col>0</xdr:col>
      <xdr:colOff>3886200</xdr:colOff>
      <xdr:row>961</xdr:row>
      <xdr:rowOff>0</xdr:rowOff>
    </xdr:to>
    <xdr:sp macro="" textlink="">
      <xdr:nvSpPr>
        <xdr:cNvPr id="21" name="ToolsXML" hidden="1">
          <a:extLst>
            <a:ext uri="{FF2B5EF4-FFF2-40B4-BE49-F238E27FC236}">
              <a16:creationId xmlns:a16="http://schemas.microsoft.com/office/drawing/2014/main" id="{00000000-0008-0000-0C00-000015000000}"/>
            </a:ext>
          </a:extLst>
        </xdr:cNvPr>
        <xdr:cNvSpPr txBox="1">
          <a:spLocks noChangeArrowheads="1"/>
        </xdr:cNvSpPr>
      </xdr:nvSpPr>
      <xdr:spPr bwMode="auto">
        <a:xfrm>
          <a:off x="457200" y="174720250"/>
          <a:ext cx="3194050" cy="242570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94250355"&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1&amp;amp;fld3=2021&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1&amp;amp;fld3=2021&amp;amp;fld4=REGULATORY.FLORIDA&amp;amp;&amp;amp;allPages=false&amp;amp;splitPages=false&amp;amp;refUsingWSPOV=false&lt;/url&gt;&lt;/edit&gt;&lt;close&gt;&lt;url method="post"&gt;/hr/common/HRClientRefTracker.jsp?removeInstanceId=94250355&lt;/url&gt;&lt;/close&gt;&lt;/ToolsActions&gt;</a:t>
          </a:r>
        </a:p>
      </xdr:txBody>
    </xdr:sp>
    <xdr:clientData/>
  </xdr:twoCellAnchor>
</xdr:wsDr>
</file>

<file path=xl/drawings/drawing6.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0</xdr:col>
      <xdr:colOff>914400</xdr:colOff>
      <xdr:row>0</xdr:row>
      <xdr:rowOff>238760</xdr:rowOff>
    </xdr:to>
    <xdr:sp macro="" textlink="">
      <xdr:nvSpPr>
        <xdr:cNvPr id="16385" name="Control 1" hidden="1">
          <a:extLst>
            <a:ext uri="{63B3BB69-23CF-44E3-9099-C40C66FF867C}">
              <a14:compatExt xmlns:a14="http://schemas.microsoft.com/office/drawing/2010/main" spid="_x0000_s16385"/>
            </a:ext>
            <a:ext uri="{FF2B5EF4-FFF2-40B4-BE49-F238E27FC236}">
              <a16:creationId xmlns:a16="http://schemas.microsoft.com/office/drawing/2014/main" id="{00000000-0008-0000-0D00-000001400000}"/>
            </a:ext>
          </a:extLst>
        </xdr:cNvPr>
        <xdr:cNvSpPr/>
      </xdr:nvSpPr>
      <xdr:spPr bwMode="auto">
        <a:xfrm>
          <a:off x="0" y="0"/>
          <a:ext cx="0" cy="0"/>
        </a:xfrm>
        <a:prstGeom prst="rect">
          <a:avLst/>
        </a:prstGeom>
        <a:noFill/>
        <a:ln w="9525">
          <a:miter lim="800000"/>
          <a:headEnd/>
          <a:tailEnd/>
        </a:ln>
      </xdr:spPr>
    </xdr:sp>
    <xdr:clientData/>
  </xdr:twoCellAnchor>
  <xdr:twoCellAnchor editAs="oneCell">
    <xdr:from>
      <xdr:col>0</xdr:col>
      <xdr:colOff>622300</xdr:colOff>
      <xdr:row>0</xdr:row>
      <xdr:rowOff>0</xdr:rowOff>
    </xdr:from>
    <xdr:to>
      <xdr:col>0</xdr:col>
      <xdr:colOff>1543050</xdr:colOff>
      <xdr:row>0</xdr:row>
      <xdr:rowOff>238760</xdr:rowOff>
    </xdr:to>
    <xdr:sp macro="" textlink="">
      <xdr:nvSpPr>
        <xdr:cNvPr id="16386" name="Control 2" hidden="1">
          <a:extLst>
            <a:ext uri="{63B3BB69-23CF-44E3-9099-C40C66FF867C}">
              <a14:compatExt xmlns:a14="http://schemas.microsoft.com/office/drawing/2010/main" spid="_x0000_s16386"/>
            </a:ext>
            <a:ext uri="{FF2B5EF4-FFF2-40B4-BE49-F238E27FC236}">
              <a16:creationId xmlns:a16="http://schemas.microsoft.com/office/drawing/2014/main" id="{00000000-0008-0000-0D00-000002400000}"/>
            </a:ext>
          </a:extLst>
        </xdr:cNvPr>
        <xdr:cNvSpPr/>
      </xdr:nvSpPr>
      <xdr:spPr bwMode="auto">
        <a:xfrm>
          <a:off x="0" y="0"/>
          <a:ext cx="0" cy="0"/>
        </a:xfrm>
        <a:prstGeom prst="rect">
          <a:avLst/>
        </a:prstGeom>
        <a:noFill/>
        <a:ln w="9525">
          <a:miter lim="800000"/>
          <a:headEnd/>
          <a:tailEnd/>
        </a:ln>
      </xdr:spPr>
    </xdr:sp>
    <xdr:clientData/>
  </xdr:twoCellAnchor>
  <xdr:twoCellAnchor editAs="oneCell">
    <xdr:from>
      <xdr:col>0</xdr:col>
      <xdr:colOff>0</xdr:colOff>
      <xdr:row>1001</xdr:row>
      <xdr:rowOff>0</xdr:rowOff>
    </xdr:from>
    <xdr:to>
      <xdr:col>0</xdr:col>
      <xdr:colOff>19685</xdr:colOff>
      <xdr:row>1001</xdr:row>
      <xdr:rowOff>19685</xdr:rowOff>
    </xdr:to>
    <xdr:pic>
      <xdr:nvPicPr>
        <xdr:cNvPr id="5" name="Picture 8" descr="../images/spacer.gif">
          <a:extLst>
            <a:ext uri="{FF2B5EF4-FFF2-40B4-BE49-F238E27FC236}">
              <a16:creationId xmlns:a16="http://schemas.microsoft.com/office/drawing/2014/main" id="{00000000-0008-0000-0D00-000005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724787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200</xdr:colOff>
      <xdr:row>1014</xdr:row>
      <xdr:rowOff>152400</xdr:rowOff>
    </xdr:from>
    <xdr:to>
      <xdr:col>0</xdr:col>
      <xdr:colOff>3886200</xdr:colOff>
      <xdr:row>1028</xdr:row>
      <xdr:rowOff>0</xdr:rowOff>
    </xdr:to>
    <xdr:sp macro="" textlink="">
      <xdr:nvSpPr>
        <xdr:cNvPr id="9" name="ToolsXML" hidden="1">
          <a:extLst>
            <a:ext uri="{FF2B5EF4-FFF2-40B4-BE49-F238E27FC236}">
              <a16:creationId xmlns:a16="http://schemas.microsoft.com/office/drawing/2014/main" id="{00000000-0008-0000-0D00-000009000000}"/>
            </a:ext>
          </a:extLst>
        </xdr:cNvPr>
        <xdr:cNvSpPr txBox="1">
          <a:spLocks noChangeArrowheads="1"/>
        </xdr:cNvSpPr>
      </xdr:nvSpPr>
      <xdr:spPr bwMode="auto">
        <a:xfrm>
          <a:off x="457200" y="175117125"/>
          <a:ext cx="3429000" cy="251460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3311513"&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3cEntity%20Curr%20Total%3e&amp;amp;localattribute=Custom1.id.DataType&amp;amp;promptingLevel=1&amp;amp;fld0=Dec&amp;amp;fld1=Dec&amp;amp;fld2=2018&amp;amp;fld3=2019&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3cEntity%20Curr%20Total%3e&amp;amp;localattribute=Custom1.id.DataType&amp;amp;promptingLevel=1&amp;amp;fld0=Dec&amp;amp;fld1=Dec&amp;amp;fld2=2018&amp;amp;fld3=2019&amp;amp;fld4=REGULATORY.FLORIDA&amp;amp;&amp;amp;allPages=false&amp;amp;splitPages=false&amp;amp;refUsingWSPOV=false&lt;/url&gt;&lt;/edit&gt;&lt;close&gt;&lt;url method="post"&gt;/hr/common/HRClientRefTracker.jsp?removeInstanceId=3311513&lt;/url&gt;&lt;/close&gt;&lt;/ToolsActions&gt;</a:t>
          </a:r>
        </a:p>
      </xdr:txBody>
    </xdr:sp>
    <xdr:clientData/>
  </xdr:twoCellAnchor>
  <xdr:twoCellAnchor editAs="oneCell">
    <xdr:from>
      <xdr:col>0</xdr:col>
      <xdr:colOff>0</xdr:colOff>
      <xdr:row>940</xdr:row>
      <xdr:rowOff>0</xdr:rowOff>
    </xdr:from>
    <xdr:to>
      <xdr:col>0</xdr:col>
      <xdr:colOff>19050</xdr:colOff>
      <xdr:row>940</xdr:row>
      <xdr:rowOff>19050</xdr:rowOff>
    </xdr:to>
    <xdr:pic>
      <xdr:nvPicPr>
        <xdr:cNvPr id="11" name="Picture 8">
          <a:extLst>
            <a:ext uri="{FF2B5EF4-FFF2-40B4-BE49-F238E27FC236}">
              <a16:creationId xmlns:a16="http://schemas.microsoft.com/office/drawing/2014/main" id="{00000000-0008-0000-0D00-00000B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703736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1981200</xdr:colOff>
      <xdr:row>946</xdr:row>
      <xdr:rowOff>63500</xdr:rowOff>
    </xdr:from>
    <xdr:ext cx="711200" cy="215900"/>
    <xdr:sp macro="" textlink="">
      <xdr:nvSpPr>
        <xdr:cNvPr id="14" name="Text Box 2">
          <a:extLst>
            <a:ext uri="{FF2B5EF4-FFF2-40B4-BE49-F238E27FC236}">
              <a16:creationId xmlns:a16="http://schemas.microsoft.com/office/drawing/2014/main" id="{00000000-0008-0000-0D00-00000E000000}"/>
            </a:ext>
          </a:extLst>
        </xdr:cNvPr>
        <xdr:cNvSpPr txBox="1">
          <a:spLocks noChangeArrowheads="1"/>
        </xdr:cNvSpPr>
      </xdr:nvSpPr>
      <xdr:spPr bwMode="auto">
        <a:xfrm>
          <a:off x="1981200" y="171535725"/>
          <a:ext cx="711200" cy="2159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53</xdr:row>
      <xdr:rowOff>177800</xdr:rowOff>
    </xdr:from>
    <xdr:to>
      <xdr:col>0</xdr:col>
      <xdr:colOff>3886200</xdr:colOff>
      <xdr:row>967</xdr:row>
      <xdr:rowOff>114300</xdr:rowOff>
    </xdr:to>
    <xdr:sp macro="" textlink="">
      <xdr:nvSpPr>
        <xdr:cNvPr id="15" name="ToolsXML" hidden="1">
          <a:extLst>
            <a:ext uri="{FF2B5EF4-FFF2-40B4-BE49-F238E27FC236}">
              <a16:creationId xmlns:a16="http://schemas.microsoft.com/office/drawing/2014/main" id="{00000000-0008-0000-0D00-00000F000000}"/>
            </a:ext>
          </a:extLst>
        </xdr:cNvPr>
        <xdr:cNvSpPr txBox="1">
          <a:spLocks noChangeArrowheads="1"/>
        </xdr:cNvSpPr>
      </xdr:nvSpPr>
      <xdr:spPr bwMode="auto">
        <a:xfrm>
          <a:off x="457200" y="172916850"/>
          <a:ext cx="2257425" cy="2466975"/>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3424783"&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0&amp;amp;fld3=2020&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0&amp;amp;fld3=2020&amp;amp;fld4=REGULATORY.FLORIDA&amp;amp;&amp;amp;allPages=false&amp;amp;splitPages=false&amp;amp;refUsingWSPOV=false&lt;/url&gt;&lt;/edit&gt;&lt;close&gt;&lt;url method="post"&gt;/hr/common/HRClientRefTracker.jsp?removeInstanceId=3424783&lt;/url&gt;&lt;/close&gt;&lt;/ToolsActions&gt;</a:t>
          </a:r>
        </a:p>
      </xdr:txBody>
    </xdr:sp>
    <xdr:clientData/>
  </xdr:twoCellAnchor>
  <xdr:twoCellAnchor editAs="oneCell">
    <xdr:from>
      <xdr:col>0</xdr:col>
      <xdr:colOff>0</xdr:colOff>
      <xdr:row>940</xdr:row>
      <xdr:rowOff>0</xdr:rowOff>
    </xdr:from>
    <xdr:to>
      <xdr:col>0</xdr:col>
      <xdr:colOff>19050</xdr:colOff>
      <xdr:row>940</xdr:row>
      <xdr:rowOff>19050</xdr:rowOff>
    </xdr:to>
    <xdr:pic>
      <xdr:nvPicPr>
        <xdr:cNvPr id="17" name="Picture 8">
          <a:extLst>
            <a:ext uri="{FF2B5EF4-FFF2-40B4-BE49-F238E27FC236}">
              <a16:creationId xmlns:a16="http://schemas.microsoft.com/office/drawing/2014/main" id="{00000000-0008-0000-0D00-000011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1172525"/>
          <a:ext cx="11430" cy="114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1981200</xdr:colOff>
      <xdr:row>946</xdr:row>
      <xdr:rowOff>63500</xdr:rowOff>
    </xdr:from>
    <xdr:ext cx="711200" cy="215900"/>
    <xdr:sp macro="" textlink="">
      <xdr:nvSpPr>
        <xdr:cNvPr id="20" name="Text Box 2">
          <a:extLst>
            <a:ext uri="{FF2B5EF4-FFF2-40B4-BE49-F238E27FC236}">
              <a16:creationId xmlns:a16="http://schemas.microsoft.com/office/drawing/2014/main" id="{00000000-0008-0000-0D00-000014000000}"/>
            </a:ext>
          </a:extLst>
        </xdr:cNvPr>
        <xdr:cNvSpPr txBox="1">
          <a:spLocks noChangeArrowheads="1"/>
        </xdr:cNvSpPr>
      </xdr:nvSpPr>
      <xdr:spPr bwMode="auto">
        <a:xfrm>
          <a:off x="1981200" y="162260915"/>
          <a:ext cx="711200" cy="2159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53</xdr:row>
      <xdr:rowOff>177800</xdr:rowOff>
    </xdr:from>
    <xdr:to>
      <xdr:col>0</xdr:col>
      <xdr:colOff>3886200</xdr:colOff>
      <xdr:row>967</xdr:row>
      <xdr:rowOff>114300</xdr:rowOff>
    </xdr:to>
    <xdr:sp macro="" textlink="">
      <xdr:nvSpPr>
        <xdr:cNvPr id="21" name="ToolsXML" hidden="1">
          <a:extLst>
            <a:ext uri="{FF2B5EF4-FFF2-40B4-BE49-F238E27FC236}">
              <a16:creationId xmlns:a16="http://schemas.microsoft.com/office/drawing/2014/main" id="{00000000-0008-0000-0D00-000015000000}"/>
            </a:ext>
          </a:extLst>
        </xdr:cNvPr>
        <xdr:cNvSpPr txBox="1">
          <a:spLocks noChangeArrowheads="1"/>
        </xdr:cNvSpPr>
      </xdr:nvSpPr>
      <xdr:spPr bwMode="auto">
        <a:xfrm>
          <a:off x="457200" y="163575365"/>
          <a:ext cx="3429000" cy="234061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3424783"&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0&amp;amp;fld3=2020&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0&amp;amp;fld3=2020&amp;amp;fld4=REGULATORY.FLORIDA&amp;amp;&amp;amp;allPages=false&amp;amp;splitPages=false&amp;amp;refUsingWSPOV=false&lt;/url&gt;&lt;/edit&gt;&lt;close&gt;&lt;url method="post"&gt;/hr/common/HRClientRefTracker.jsp?removeInstanceId=3424783&lt;/url&gt;&lt;/close&gt;&lt;/ToolsActions&gt;</a:t>
          </a:r>
        </a:p>
      </xdr:txBody>
    </xdr:sp>
    <xdr:clientData/>
  </xdr:twoCellAnchor>
  <xdr:twoCellAnchor editAs="oneCell">
    <xdr:from>
      <xdr:col>0</xdr:col>
      <xdr:colOff>0</xdr:colOff>
      <xdr:row>934</xdr:row>
      <xdr:rowOff>0</xdr:rowOff>
    </xdr:from>
    <xdr:to>
      <xdr:col>0</xdr:col>
      <xdr:colOff>19685</xdr:colOff>
      <xdr:row>934</xdr:row>
      <xdr:rowOff>19685</xdr:rowOff>
    </xdr:to>
    <xdr:pic>
      <xdr:nvPicPr>
        <xdr:cNvPr id="23" name="Picture 8">
          <a:extLst>
            <a:ext uri="{FF2B5EF4-FFF2-40B4-BE49-F238E27FC236}">
              <a16:creationId xmlns:a16="http://schemas.microsoft.com/office/drawing/2014/main" id="{00000000-0008-0000-0D00-000017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0134300"/>
          <a:ext cx="8255" cy="825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1981200</xdr:colOff>
      <xdr:row>940</xdr:row>
      <xdr:rowOff>66675</xdr:rowOff>
    </xdr:from>
    <xdr:ext cx="733425" cy="238125"/>
    <xdr:sp macro="" textlink="">
      <xdr:nvSpPr>
        <xdr:cNvPr id="26" name="Text Box 2">
          <a:extLst>
            <a:ext uri="{FF2B5EF4-FFF2-40B4-BE49-F238E27FC236}">
              <a16:creationId xmlns:a16="http://schemas.microsoft.com/office/drawing/2014/main" id="{00000000-0008-0000-0D00-00001A000000}"/>
            </a:ext>
          </a:extLst>
        </xdr:cNvPr>
        <xdr:cNvSpPr txBox="1">
          <a:spLocks noChangeArrowheads="1"/>
        </xdr:cNvSpPr>
      </xdr:nvSpPr>
      <xdr:spPr bwMode="auto">
        <a:xfrm>
          <a:off x="1981200" y="161237295"/>
          <a:ext cx="733425" cy="2381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47</xdr:row>
      <xdr:rowOff>152400</xdr:rowOff>
    </xdr:from>
    <xdr:to>
      <xdr:col>0</xdr:col>
      <xdr:colOff>3886200</xdr:colOff>
      <xdr:row>961</xdr:row>
      <xdr:rowOff>0</xdr:rowOff>
    </xdr:to>
    <xdr:sp macro="" textlink="">
      <xdr:nvSpPr>
        <xdr:cNvPr id="27" name="ToolsXML" hidden="1">
          <a:extLst>
            <a:ext uri="{FF2B5EF4-FFF2-40B4-BE49-F238E27FC236}">
              <a16:creationId xmlns:a16="http://schemas.microsoft.com/office/drawing/2014/main" id="{00000000-0008-0000-0D00-00001B000000}"/>
            </a:ext>
          </a:extLst>
        </xdr:cNvPr>
        <xdr:cNvSpPr txBox="1">
          <a:spLocks noChangeArrowheads="1"/>
        </xdr:cNvSpPr>
      </xdr:nvSpPr>
      <xdr:spPr bwMode="auto">
        <a:xfrm>
          <a:off x="457200" y="162525075"/>
          <a:ext cx="3429000" cy="224790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94250355"&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1&amp;amp;fld3=2021&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1&amp;amp;fld3=2021&amp;amp;fld4=REGULATORY.FLORIDA&amp;amp;&amp;amp;allPages=false&amp;amp;splitPages=false&amp;amp;refUsingWSPOV=false&lt;/url&gt;&lt;/edit&gt;&lt;close&gt;&lt;url method="post"&gt;/hr/common/HRClientRefTracker.jsp?removeInstanceId=94250355&lt;/url&gt;&lt;/close&gt;&lt;/ToolsActions&gt;</a:t>
          </a:r>
        </a:p>
      </xdr:txBody>
    </xdr:sp>
    <xdr:clientData/>
  </xdr:twoCellAnchor>
  <xdr:twoCellAnchor editAs="oneCell">
    <xdr:from>
      <xdr:col>0</xdr:col>
      <xdr:colOff>0</xdr:colOff>
      <xdr:row>940</xdr:row>
      <xdr:rowOff>0</xdr:rowOff>
    </xdr:from>
    <xdr:to>
      <xdr:col>0</xdr:col>
      <xdr:colOff>19050</xdr:colOff>
      <xdr:row>940</xdr:row>
      <xdr:rowOff>19050</xdr:rowOff>
    </xdr:to>
    <xdr:pic>
      <xdr:nvPicPr>
        <xdr:cNvPr id="2" name="Picture 8">
          <a:extLst>
            <a:ext uri="{FF2B5EF4-FFF2-40B4-BE49-F238E27FC236}">
              <a16:creationId xmlns:a16="http://schemas.microsoft.com/office/drawing/2014/main" id="{00000000-0008-0000-0D00-000002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1458275"/>
          <a:ext cx="19050" cy="190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1981200</xdr:colOff>
      <xdr:row>946</xdr:row>
      <xdr:rowOff>63500</xdr:rowOff>
    </xdr:from>
    <xdr:ext cx="711200" cy="215900"/>
    <xdr:sp macro="" textlink="">
      <xdr:nvSpPr>
        <xdr:cNvPr id="10" name="Text Box 2">
          <a:extLst>
            <a:ext uri="{FF2B5EF4-FFF2-40B4-BE49-F238E27FC236}">
              <a16:creationId xmlns:a16="http://schemas.microsoft.com/office/drawing/2014/main" id="{00000000-0008-0000-0D00-00000A000000}"/>
            </a:ext>
          </a:extLst>
        </xdr:cNvPr>
        <xdr:cNvSpPr txBox="1">
          <a:spLocks noChangeArrowheads="1"/>
        </xdr:cNvSpPr>
      </xdr:nvSpPr>
      <xdr:spPr bwMode="auto">
        <a:xfrm>
          <a:off x="1981200" y="162546665"/>
          <a:ext cx="711200" cy="2159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53</xdr:row>
      <xdr:rowOff>177800</xdr:rowOff>
    </xdr:from>
    <xdr:to>
      <xdr:col>0</xdr:col>
      <xdr:colOff>3886200</xdr:colOff>
      <xdr:row>967</xdr:row>
      <xdr:rowOff>114300</xdr:rowOff>
    </xdr:to>
    <xdr:sp macro="" textlink="">
      <xdr:nvSpPr>
        <xdr:cNvPr id="16" name="ToolsXML" hidden="1">
          <a:extLst>
            <a:ext uri="{FF2B5EF4-FFF2-40B4-BE49-F238E27FC236}">
              <a16:creationId xmlns:a16="http://schemas.microsoft.com/office/drawing/2014/main" id="{00000000-0008-0000-0D00-000010000000}"/>
            </a:ext>
          </a:extLst>
        </xdr:cNvPr>
        <xdr:cNvSpPr txBox="1">
          <a:spLocks noChangeArrowheads="1"/>
        </xdr:cNvSpPr>
      </xdr:nvSpPr>
      <xdr:spPr bwMode="auto">
        <a:xfrm>
          <a:off x="457200" y="163861115"/>
          <a:ext cx="3429000" cy="234061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3424783"&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0&amp;amp;fld3=2020&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0&amp;amp;fld3=2020&amp;amp;fld4=REGULATORY.FLORIDA&amp;amp;&amp;amp;allPages=false&amp;amp;splitPages=false&amp;amp;refUsingWSPOV=false&lt;/url&gt;&lt;/edit&gt;&lt;close&gt;&lt;url method="post"&gt;/hr/common/HRClientRefTracker.jsp?removeInstanceId=3424783&lt;/url&gt;&lt;/close&gt;&lt;/ToolsActions&gt;</a:t>
          </a:r>
        </a:p>
      </xdr:txBody>
    </xdr:sp>
    <xdr:clientData/>
  </xdr:twoCellAnchor>
  <xdr:twoCellAnchor editAs="oneCell">
    <xdr:from>
      <xdr:col>0</xdr:col>
      <xdr:colOff>0</xdr:colOff>
      <xdr:row>934</xdr:row>
      <xdr:rowOff>0</xdr:rowOff>
    </xdr:from>
    <xdr:to>
      <xdr:col>0</xdr:col>
      <xdr:colOff>12065</xdr:colOff>
      <xdr:row>934</xdr:row>
      <xdr:rowOff>12065</xdr:rowOff>
    </xdr:to>
    <xdr:pic>
      <xdr:nvPicPr>
        <xdr:cNvPr id="28" name="Picture 8">
          <a:extLst>
            <a:ext uri="{FF2B5EF4-FFF2-40B4-BE49-F238E27FC236}">
              <a16:creationId xmlns:a16="http://schemas.microsoft.com/office/drawing/2014/main" id="{00000000-0008-0000-0D00-00001C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0429575"/>
          <a:ext cx="12065" cy="1206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1981200</xdr:colOff>
      <xdr:row>940</xdr:row>
      <xdr:rowOff>66675</xdr:rowOff>
    </xdr:from>
    <xdr:ext cx="733425" cy="238125"/>
    <xdr:sp macro="" textlink="">
      <xdr:nvSpPr>
        <xdr:cNvPr id="31" name="Text Box 2">
          <a:extLst>
            <a:ext uri="{FF2B5EF4-FFF2-40B4-BE49-F238E27FC236}">
              <a16:creationId xmlns:a16="http://schemas.microsoft.com/office/drawing/2014/main" id="{00000000-0008-0000-0D00-00001F000000}"/>
            </a:ext>
          </a:extLst>
        </xdr:cNvPr>
        <xdr:cNvSpPr txBox="1">
          <a:spLocks noChangeArrowheads="1"/>
        </xdr:cNvSpPr>
      </xdr:nvSpPr>
      <xdr:spPr bwMode="auto">
        <a:xfrm>
          <a:off x="1981200" y="161523045"/>
          <a:ext cx="733425" cy="2381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47</xdr:row>
      <xdr:rowOff>152400</xdr:rowOff>
    </xdr:from>
    <xdr:to>
      <xdr:col>0</xdr:col>
      <xdr:colOff>3886200</xdr:colOff>
      <xdr:row>961</xdr:row>
      <xdr:rowOff>0</xdr:rowOff>
    </xdr:to>
    <xdr:sp macro="" textlink="">
      <xdr:nvSpPr>
        <xdr:cNvPr id="32" name="ToolsXML" hidden="1">
          <a:extLst>
            <a:ext uri="{FF2B5EF4-FFF2-40B4-BE49-F238E27FC236}">
              <a16:creationId xmlns:a16="http://schemas.microsoft.com/office/drawing/2014/main" id="{00000000-0008-0000-0D00-000020000000}"/>
            </a:ext>
          </a:extLst>
        </xdr:cNvPr>
        <xdr:cNvSpPr txBox="1">
          <a:spLocks noChangeArrowheads="1"/>
        </xdr:cNvSpPr>
      </xdr:nvSpPr>
      <xdr:spPr bwMode="auto">
        <a:xfrm>
          <a:off x="457200" y="162810825"/>
          <a:ext cx="3429000" cy="224790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94250355"&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1&amp;amp;fld3=2021&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1&amp;amp;fld3=2021&amp;amp;fld4=REGULATORY.FLORIDA&amp;amp;&amp;amp;allPages=false&amp;amp;splitPages=false&amp;amp;refUsingWSPOV=false&lt;/url&gt;&lt;/edit&gt;&lt;close&gt;&lt;url method="post"&gt;/hr/common/HRClientRefTracker.jsp?removeInstanceId=94250355&lt;/url&gt;&lt;/close&gt;&lt;/ToolsActions&gt;</a:t>
          </a:r>
        </a:p>
      </xdr:txBody>
    </xdr:sp>
    <xdr:clientData/>
  </xdr:twoCellAnchor>
</xdr:wsDr>
</file>

<file path=xl/pivotCache/_rels/pivotCacheDefinition1.xml.rels><?xml version="1.0" encoding="UTF-8" standalone="yes"?>
<Relationships xmlns="http://schemas.openxmlformats.org/package/2006/relationships"><Relationship Id="rId2" Type="http://schemas.openxmlformats.org/officeDocument/2006/relationships/externalLinkPath" Target="file:///C:\Users\PKDevel\AppData\Local\Microsoft\Windows\INetCache\Content.Outlook\P0NPB6MY\2022%200228100.xls" TargetMode="External"/><Relationship Id="rId1" Type="http://schemas.openxmlformats.org/officeDocument/2006/relationships/pivotCacheRecords" Target="pivotCacheRecords1.xml"/></Relationships>
</file>

<file path=xl/pivotCache/pivotCacheDefinition1.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r:id="rId1" refreshedBy="Aquilina, Nicole M" refreshedDate="45083.557788425926" createdVersion="1" refreshedVersion="4" recordCount="19" xr:uid="{769FCDD8-36EB-472E-964E-DD7974BDDF32}">
  <cacheSource type="worksheet">
    <worksheetSource ref="B2:V21" sheet="Detail" r:id="rId2"/>
  </cacheSource>
  <cacheFields count="21">
    <cacheField name="Fiscal Year and Period JD" numFmtId="0">
      <sharedItems count="7">
        <s v="202201"/>
        <s v="202202"/>
        <s v="202203"/>
        <s v="202204"/>
        <s v="202205"/>
        <s v="202209"/>
        <s v="202212"/>
      </sharedItems>
    </cacheField>
    <cacheField name="Bus Unit ID CB" numFmtId="0">
      <sharedItems/>
    </cacheField>
    <cacheField name="Account ID CB" numFmtId="0">
      <sharedItems/>
    </cacheField>
    <cacheField name="Resource Type ID CB" numFmtId="0">
      <sharedItems/>
    </cacheField>
    <cacheField name="Oper Unit ID CB" numFmtId="0">
      <sharedItems/>
    </cacheField>
    <cacheField name="Resp Center ID CB" numFmtId="0">
      <sharedItems/>
    </cacheField>
    <cacheField name="Analysis Type Code JD" numFmtId="0">
      <sharedItems/>
    </cacheField>
    <cacheField name="Process ID CB" numFmtId="0">
      <sharedItems/>
    </cacheField>
    <cacheField name="Product ID CB" numFmtId="0">
      <sharedItems/>
    </cacheField>
    <cacheField name="Project ID CB" numFmtId="0">
      <sharedItems/>
    </cacheField>
    <cacheField name="Activity ID PRD" numFmtId="0">
      <sharedItems/>
    </cacheField>
    <cacheField name="Vendor Name JD" numFmtId="0">
      <sharedItems/>
    </cacheField>
    <cacheField name="Voucher ID JD" numFmtId="0">
      <sharedItems/>
    </cacheField>
    <cacheField name="Journal Line Descr JD" numFmtId="0">
      <sharedItems count="14">
        <s v="RETAIL UNFD STORM DAMAGE"/>
        <s v="move $29M storm cost2reg asset"/>
        <s v="move Dec irma charges to 228"/>
        <s v="Elsa to storm reserve"/>
        <s v="Fred to storm reserve"/>
        <s v="move Jan irma charges to 228"/>
        <s v="move Feb irma charges to 228"/>
        <s v="Storm Cost Amortization"/>
        <s v="move April Elsa charges to 228"/>
        <s v="move April Fred charges to 228"/>
        <s v="storm recon true up"/>
        <s v="Elsa-transmission wholesale"/>
        <s v="Fred-transmission wholesale"/>
        <s v="F2G - Net WH Storm Costs"/>
      </sharedItems>
    </cacheField>
    <cacheField name="Operator ID JD" numFmtId="0">
      <sharedItems/>
    </cacheField>
    <cacheField name="Journal ID JD" numFmtId="0">
      <sharedItems count="9">
        <s v="STRMAMORT"/>
        <s v="MOVE29M"/>
        <s v="MISCCOR4"/>
        <s v="STORMBAL"/>
        <s v="STORMREC"/>
        <s v="MISCCOR6"/>
        <s v="STORMTU"/>
        <s v="TRANSWHOLE"/>
        <s v="BSF2G1222A"/>
      </sharedItems>
    </cacheField>
    <cacheField name="Journal Descr JD" numFmtId="0">
      <sharedItems/>
    </cacheField>
    <cacheField name="Posted Date JD" numFmtId="0">
      <sharedItems containsSemiMixedTypes="0" containsNonDate="0" containsDate="1" containsString="0" minDate="2022-02-05T00:00:00" maxDate="2023-01-12T00:00:00"/>
    </cacheField>
    <cacheField name="Journal Line Num JD" numFmtId="0">
      <sharedItems containsSemiMixedTypes="0" containsString="0" containsNumber="1" containsInteger="1" minValue="1" maxValue="81"/>
    </cacheField>
    <cacheField name="Source CD JD" numFmtId="0">
      <sharedItems/>
    </cacheField>
    <cacheField name="Monetary Amount JD" numFmtId="0">
      <sharedItems containsSemiMixedTypes="0" containsString="0" containsNumber="1" minValue="-29000000" maxValue="107890461"/>
    </cacheField>
  </cacheFields>
  <extLst>
    <ext xmlns:x14="http://schemas.microsoft.com/office/spreadsheetml/2009/9/main" uri="{725AE2AE-9491-48be-B2B4-4EB974FC3084}">
      <x14:pivotCacheDefinition/>
    </ext>
  </extLst>
</pivotCacheDefinition>
</file>

<file path=xl/pivotCache/pivotCacheRecords1.xml><?xml version="1.0" encoding="utf-8"?>
<pivotCacheRecords xmlns="http://schemas.openxmlformats.org/spreadsheetml/2006/main" xmlns:r="http://schemas.openxmlformats.org/officeDocument/2006/relationships" xmlns:mc="http://schemas.openxmlformats.org/markup-compatibility/2006" xmlns:xr="http://schemas.microsoft.com/office/spreadsheetml/2014/revision" mc:Ignorable="xr" count="19">
  <r>
    <x v="0"/>
    <s v="50220"/>
    <s v="0228100"/>
    <s v="99810"/>
    <s v="X60D"/>
    <s v="W220"/>
    <s v=" "/>
    <s v=" "/>
    <s v=" "/>
    <s v=" "/>
    <s v=" "/>
    <s v=" "/>
    <s v=" "/>
    <x v="0"/>
    <s v="MBESS"/>
    <x v="0"/>
    <s v="To record the amortization of"/>
    <d v="2022-02-05T00:00:00"/>
    <n v="2"/>
    <s v="450"/>
    <n v="-12892250"/>
  </r>
  <r>
    <x v="0"/>
    <s v="50220"/>
    <s v="0228100"/>
    <s v=" "/>
    <s v=" "/>
    <s v=" "/>
    <s v=" "/>
    <s v=" "/>
    <s v=" "/>
    <s v=" "/>
    <s v=" "/>
    <s v=" "/>
    <s v=" "/>
    <x v="1"/>
    <s v="MBESS"/>
    <x v="1"/>
    <s v="Per rate settlement, need to m"/>
    <d v="2022-02-07T00:00:00"/>
    <n v="1"/>
    <s v="450"/>
    <n v="-29000000"/>
  </r>
  <r>
    <x v="0"/>
    <s v="50220"/>
    <s v="0228100"/>
    <s v=" "/>
    <s v=" "/>
    <s v=" "/>
    <s v=" "/>
    <s v=" "/>
    <s v=" "/>
    <s v=" "/>
    <s v=" "/>
    <s v=" "/>
    <s v=" "/>
    <x v="2"/>
    <s v="MBESS"/>
    <x v="2"/>
    <s v="Storm recon true up 0186295, 2"/>
    <d v="2022-02-07T00:00:00"/>
    <n v="3"/>
    <s v="450"/>
    <n v="18918"/>
  </r>
  <r>
    <x v="0"/>
    <s v="50220"/>
    <s v="0228100"/>
    <s v="99810"/>
    <s v="X60D"/>
    <s v="W220"/>
    <s v=" "/>
    <s v=" "/>
    <s v=" "/>
    <s v=" "/>
    <s v=" "/>
    <s v=" "/>
    <s v=" "/>
    <x v="3"/>
    <s v="MBESS"/>
    <x v="3"/>
    <s v="Reclassify storm balances for"/>
    <d v="2022-02-08T00:00:00"/>
    <n v="3"/>
    <s v="450"/>
    <n v="16729252.4"/>
  </r>
  <r>
    <x v="0"/>
    <s v="50220"/>
    <s v="0228100"/>
    <s v="99810"/>
    <s v="X60D"/>
    <s v="W220"/>
    <s v=" "/>
    <s v=" "/>
    <s v=" "/>
    <s v=" "/>
    <s v=" "/>
    <s v=" "/>
    <s v=" "/>
    <x v="4"/>
    <s v="MBESS"/>
    <x v="3"/>
    <s v="Reclassify storm balances for"/>
    <d v="2022-02-08T00:00:00"/>
    <n v="5"/>
    <s v="450"/>
    <n v="204169.41"/>
  </r>
  <r>
    <x v="1"/>
    <s v="50220"/>
    <s v="0228100"/>
    <s v=" "/>
    <s v=" "/>
    <s v=" "/>
    <s v=" "/>
    <s v=" "/>
    <s v=" "/>
    <s v=" "/>
    <s v=" "/>
    <s v=" "/>
    <s v=" "/>
    <x v="5"/>
    <s v="MBESS"/>
    <x v="2"/>
    <s v="Move Irma charges from 0186295"/>
    <d v="2022-03-03T00:00:00"/>
    <n v="3"/>
    <s v="450"/>
    <n v="19036"/>
  </r>
  <r>
    <x v="1"/>
    <s v="50220"/>
    <s v="0228100"/>
    <s v="99810"/>
    <s v="X60D"/>
    <s v="W220"/>
    <s v=" "/>
    <s v=" "/>
    <s v=" "/>
    <s v=" "/>
    <s v=" "/>
    <s v=" "/>
    <s v=" "/>
    <x v="3"/>
    <s v="MBESS"/>
    <x v="3"/>
    <s v="Reclassify storm balances for"/>
    <d v="2022-03-08T00:00:00"/>
    <n v="3"/>
    <s v="450"/>
    <n v="-1459081.26"/>
  </r>
  <r>
    <x v="1"/>
    <s v="50220"/>
    <s v="0228100"/>
    <s v="99810"/>
    <s v="X60D"/>
    <s v="W220"/>
    <s v=" "/>
    <s v=" "/>
    <s v=" "/>
    <s v=" "/>
    <s v=" "/>
    <s v=" "/>
    <s v=" "/>
    <x v="4"/>
    <s v="MBESS"/>
    <x v="3"/>
    <s v="Reclassify storm balances for"/>
    <d v="2022-03-08T00:00:00"/>
    <n v="5"/>
    <s v="450"/>
    <n v="643391.38"/>
  </r>
  <r>
    <x v="1"/>
    <s v="50220"/>
    <s v="0228100"/>
    <s v="99810"/>
    <s v="X60D"/>
    <s v="W220"/>
    <s v=" "/>
    <s v=" "/>
    <s v=" "/>
    <s v=" "/>
    <s v=" "/>
    <s v=" "/>
    <s v=" "/>
    <x v="0"/>
    <s v="KPODVIS"/>
    <x v="0"/>
    <s v="To record the amortization of"/>
    <d v="2022-03-09T00:00:00"/>
    <n v="2"/>
    <s v="450"/>
    <n v="-12892250"/>
  </r>
  <r>
    <x v="2"/>
    <s v="50220"/>
    <s v="0228100"/>
    <s v=" "/>
    <s v=" "/>
    <s v=" "/>
    <s v=" "/>
    <s v=" "/>
    <s v=" "/>
    <s v=" "/>
    <s v=" "/>
    <s v=" "/>
    <s v=" "/>
    <x v="6"/>
    <s v="MBESS"/>
    <x v="2"/>
    <s v="Move Irma charges from 0186295"/>
    <d v="2022-04-06T00:00:00"/>
    <n v="3"/>
    <s v="450"/>
    <n v="10725"/>
  </r>
  <r>
    <x v="2"/>
    <s v="50220"/>
    <s v="0228100"/>
    <s v="99810"/>
    <s v="X60D"/>
    <s v="W220"/>
    <s v=" "/>
    <s v=" "/>
    <s v=" "/>
    <s v=" "/>
    <s v=" "/>
    <s v=" "/>
    <s v=" "/>
    <x v="0"/>
    <s v="KPODVIS"/>
    <x v="0"/>
    <s v="To record the amortization of"/>
    <d v="2022-04-07T00:00:00"/>
    <n v="2"/>
    <s v="450"/>
    <n v="-12892250"/>
  </r>
  <r>
    <x v="3"/>
    <s v="50220"/>
    <s v="0228100"/>
    <s v="99810"/>
    <s v="X60D"/>
    <s v="W220"/>
    <s v=" "/>
    <s v=" "/>
    <s v=" "/>
    <s v=" "/>
    <s v=" "/>
    <s v=" "/>
    <s v=" "/>
    <x v="0"/>
    <s v="KPODVIS"/>
    <x v="0"/>
    <s v="To record the amortization of"/>
    <d v="2022-05-05T00:00:00"/>
    <n v="2"/>
    <s v="450"/>
    <n v="-12892250"/>
  </r>
  <r>
    <x v="4"/>
    <s v="50220"/>
    <s v="0228100"/>
    <s v="99810"/>
    <s v="X60D"/>
    <s v="W220"/>
    <s v=" "/>
    <s v=" "/>
    <s v=" "/>
    <s v=" "/>
    <s v=" "/>
    <s v=" "/>
    <s v=" "/>
    <x v="7"/>
    <s v="KPODVIS"/>
    <x v="4"/>
    <s v="To record the amortization of"/>
    <d v="2022-06-07T00:00:00"/>
    <n v="1"/>
    <s v="450"/>
    <n v="23179500"/>
  </r>
  <r>
    <x v="4"/>
    <s v="50220"/>
    <s v="0228100"/>
    <s v=" "/>
    <s v=" "/>
    <s v=" "/>
    <s v=" "/>
    <s v=" "/>
    <s v=" "/>
    <s v=" "/>
    <s v=" "/>
    <s v=" "/>
    <s v=" "/>
    <x v="8"/>
    <s v="KPODVIS"/>
    <x v="5"/>
    <s v="Move Elsa and Fred charges fro"/>
    <d v="2022-06-08T00:00:00"/>
    <n v="3"/>
    <s v="450"/>
    <n v="24024"/>
  </r>
  <r>
    <x v="4"/>
    <s v="50220"/>
    <s v="0228100"/>
    <s v=" "/>
    <s v=" "/>
    <s v=" "/>
    <s v=" "/>
    <s v=" "/>
    <s v=" "/>
    <s v=" "/>
    <s v=" "/>
    <s v=" "/>
    <s v=" "/>
    <x v="9"/>
    <s v="KPODVIS"/>
    <x v="5"/>
    <s v="Move Elsa and Fred charges fro"/>
    <d v="2022-06-08T00:00:00"/>
    <n v="5"/>
    <s v="450"/>
    <n v="-659912"/>
  </r>
  <r>
    <x v="5"/>
    <s v="50220"/>
    <s v="0228100"/>
    <s v=" "/>
    <s v=" "/>
    <s v=" "/>
    <s v=" "/>
    <s v=" "/>
    <s v=" "/>
    <s v=" "/>
    <s v=" "/>
    <s v=" "/>
    <s v=" "/>
    <x v="10"/>
    <s v="KPODVIS"/>
    <x v="6"/>
    <s v="Storm recon true up 0186295, 2"/>
    <d v="2022-10-06T00:00:00"/>
    <n v="3"/>
    <s v="450"/>
    <n v="-47710.73"/>
  </r>
  <r>
    <x v="6"/>
    <s v="50220"/>
    <s v="0228100"/>
    <s v=" "/>
    <s v=" "/>
    <s v=" "/>
    <s v=" "/>
    <s v=" "/>
    <s v=" "/>
    <s v=" "/>
    <s v=" "/>
    <s v=" "/>
    <s v=" "/>
    <x v="11"/>
    <s v="MBESS"/>
    <x v="7"/>
    <s v="Record wholesale transmission"/>
    <d v="2023-01-10T00:00:00"/>
    <n v="6"/>
    <s v="450"/>
    <n v="-618517.14"/>
  </r>
  <r>
    <x v="6"/>
    <s v="50220"/>
    <s v="0228100"/>
    <s v=" "/>
    <s v=" "/>
    <s v=" "/>
    <s v=" "/>
    <s v=" "/>
    <s v=" "/>
    <s v=" "/>
    <s v=" "/>
    <s v=" "/>
    <s v=" "/>
    <x v="12"/>
    <s v="MBESS"/>
    <x v="7"/>
    <s v="Record wholesale transmission"/>
    <d v="2023-01-10T00:00:00"/>
    <n v="8"/>
    <s v="450"/>
    <n v="-9789.9699999999993"/>
  </r>
  <r>
    <x v="6"/>
    <s v="50229"/>
    <s v="0228100"/>
    <s v=" "/>
    <s v=" "/>
    <s v=" "/>
    <s v=" "/>
    <s v=" "/>
    <s v=" "/>
    <s v=" "/>
    <s v=" "/>
    <s v=" "/>
    <s v=" "/>
    <x v="13"/>
    <s v="MBESS"/>
    <x v="8"/>
    <s v="Net storm reserve accounts 022"/>
    <d v="2023-01-11T00:00:00"/>
    <n v="81"/>
    <s v="450"/>
    <n v="107890461"/>
  </r>
</pivotCacheRecords>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pivotTable1.xml><?xml version="1.0" encoding="utf-8"?>
<pivotTableDefinition xmlns="http://schemas.openxmlformats.org/spreadsheetml/2006/main" xmlns:mc="http://schemas.openxmlformats.org/markup-compatibility/2006" xmlns:xr="http://schemas.microsoft.com/office/spreadsheetml/2014/revision" mc:Ignorable="xr" xr:uid="{49C39D7E-CEA3-4874-A97E-5AD5724645FA}" name="PivotTable1" cacheId="0" dataOnRows="1" applyNumberFormats="0" applyBorderFormats="0" applyFontFormats="0" applyPatternFormats="0" applyAlignmentFormats="0" applyWidthHeightFormats="1" dataCaption="Data" updatedVersion="7" showMemberPropertyTips="0" useAutoFormatting="1" itemPrintTitles="1" createdVersion="1" indent="0" compact="0" compactData="0" gridDropZones="1">
  <location ref="C10:E26" firstHeaderRow="2" firstDataRow="2" firstDataCol="2"/>
  <pivotFields count="21">
    <pivotField compact="0" outline="0" showAll="0" includeNewItemsInFilter="1"/>
    <pivotField compact="0" outline="0" showAll="0" includeNewItemsInFilter="1"/>
    <pivotField compact="0" outline="0" showAll="0" includeNewItemsInFilter="1"/>
    <pivotField compact="0" outline="0" showAll="0" includeNewItemsInFilter="1"/>
    <pivotField compact="0" outline="0" showAll="0" includeNewItemsInFilter="1"/>
    <pivotField compact="0" outline="0" showAll="0" includeNewItemsInFilter="1"/>
    <pivotField compact="0" outline="0" showAll="0" includeNewItemsInFilter="1"/>
    <pivotField compact="0" outline="0" showAll="0" includeNewItemsInFilter="1"/>
    <pivotField compact="0" outline="0" showAll="0" includeNewItemsInFilter="1"/>
    <pivotField compact="0" outline="0" showAll="0" includeNewItemsInFilter="1"/>
    <pivotField compact="0" outline="0" showAll="0" includeNewItemsInFilter="1"/>
    <pivotField compact="0" outline="0" showAll="0" includeNewItemsInFilter="1"/>
    <pivotField compact="0" outline="0" showAll="0" includeNewItemsInFilter="1"/>
    <pivotField axis="axisRow" compact="0" outline="0" showAll="0" includeNewItemsInFilter="1">
      <items count="15">
        <item x="3"/>
        <item x="11"/>
        <item x="13"/>
        <item x="4"/>
        <item x="12"/>
        <item x="1"/>
        <item x="8"/>
        <item x="9"/>
        <item x="2"/>
        <item x="6"/>
        <item x="5"/>
        <item x="0"/>
        <item x="7"/>
        <item x="10"/>
        <item t="default"/>
      </items>
    </pivotField>
    <pivotField compact="0" outline="0" showAll="0" includeNewItemsInFilter="1"/>
    <pivotField axis="axisRow" compact="0" outline="0" showAll="0" includeNewItemsInFilter="1" defaultSubtotal="0">
      <items count="9">
        <item x="8"/>
        <item x="2"/>
        <item x="5"/>
        <item x="1"/>
        <item x="3"/>
        <item x="4"/>
        <item x="6"/>
        <item x="0"/>
        <item x="7"/>
      </items>
    </pivotField>
    <pivotField compact="0" outline="0" showAll="0" includeNewItemsInFilter="1"/>
    <pivotField compact="0" outline="0" showAll="0" includeNewItemsInFilter="1"/>
    <pivotField compact="0" outline="0" showAll="0" includeNewItemsInFilter="1"/>
    <pivotField compact="0" outline="0" showAll="0" includeNewItemsInFilter="1"/>
    <pivotField dataField="1" compact="0" outline="0" showAll="0" includeNewItemsInFilter="1"/>
  </pivotFields>
  <rowFields count="2">
    <field x="15"/>
    <field x="13"/>
  </rowFields>
  <rowItems count="15">
    <i>
      <x/>
      <x v="2"/>
    </i>
    <i>
      <x v="1"/>
      <x v="8"/>
    </i>
    <i r="1">
      <x v="9"/>
    </i>
    <i r="1">
      <x v="10"/>
    </i>
    <i>
      <x v="2"/>
      <x v="6"/>
    </i>
    <i r="1">
      <x v="7"/>
    </i>
    <i>
      <x v="3"/>
      <x v="5"/>
    </i>
    <i>
      <x v="4"/>
      <x/>
    </i>
    <i r="1">
      <x v="3"/>
    </i>
    <i>
      <x v="5"/>
      <x v="12"/>
    </i>
    <i>
      <x v="6"/>
      <x v="13"/>
    </i>
    <i>
      <x v="7"/>
      <x v="11"/>
    </i>
    <i>
      <x v="8"/>
      <x v="1"/>
    </i>
    <i r="1">
      <x v="4"/>
    </i>
    <i t="grand">
      <x/>
    </i>
  </rowItems>
  <colItems count="1">
    <i/>
  </colItems>
  <dataFields count="1">
    <dataField name="Sum of Monetary Amount JD" fld="20" baseField="0" baseItem="0" numFmtId="43"/>
  </dataFields>
  <formats count="1">
    <format dxfId="0">
      <pivotArea outline="0" fieldPosition="0"/>
    </format>
  </formats>
  <pivotTableStyleInfo showRowHeaders="1" showColHeaders="1" showRowStripes="0" showColStripes="0" showLastColumn="1"/>
  <extLst>
    <ext xmlns:xpdl="http://schemas.microsoft.com/office/spreadsheetml/2016/pivotdefaultlayout" uri="{747A6164-185A-40DC-8AA5-F01512510D54}">
      <xpdl:pivotTableDefinition16 EnabledSubtotalsDefault="0" SubtotalsOnTopDefault="0"/>
    </ext>
  </extLst>
</pivotTableDefinition>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12.bin"/><Relationship Id="rId1" Type="http://schemas.openxmlformats.org/officeDocument/2006/relationships/pivotTable" Target="../pivotTables/pivotTable1.xml"/></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image" Target="../media/image2.emf"/><Relationship Id="rId2" Type="http://schemas.openxmlformats.org/officeDocument/2006/relationships/drawing" Target="../drawings/drawing5.xml"/><Relationship Id="rId1" Type="http://schemas.openxmlformats.org/officeDocument/2006/relationships/printerSettings" Target="../printerSettings/printerSettings13.bin"/><Relationship Id="rId6" Type="http://schemas.openxmlformats.org/officeDocument/2006/relationships/control" Target="../activeX/activeX2.xml"/><Relationship Id="rId5" Type="http://schemas.openxmlformats.org/officeDocument/2006/relationships/image" Target="../media/image1.emf"/><Relationship Id="rId4" Type="http://schemas.openxmlformats.org/officeDocument/2006/relationships/control" Target="../activeX/activeX1.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81D593-85E5-4D3E-B0B8-DA195560D34D}">
  <dimension ref="A1:T49"/>
  <sheetViews>
    <sheetView tabSelected="1" topLeftCell="A20" workbookViewId="0">
      <selection activeCell="I44" sqref="I44"/>
    </sheetView>
  </sheetViews>
  <sheetFormatPr defaultColWidth="8.77734375" defaultRowHeight="13.2"/>
  <cols>
    <col min="1" max="1" width="8.77734375" style="69"/>
    <col min="2" max="2" width="9.6640625" style="69" customWidth="1"/>
    <col min="3" max="3" width="8.77734375" style="69" customWidth="1"/>
    <col min="4" max="5" width="8" style="69" customWidth="1"/>
    <col min="6" max="6" width="41.109375" style="69" customWidth="1"/>
    <col min="7" max="7" width="10.6640625" style="69" customWidth="1"/>
    <col min="8" max="8" width="13.6640625" style="69" customWidth="1"/>
    <col min="9" max="9" width="11.44140625" style="69" customWidth="1"/>
    <col min="10" max="10" width="10.33203125" style="69" customWidth="1"/>
    <col min="11" max="11" width="10.77734375" style="69" bestFit="1" customWidth="1"/>
    <col min="12" max="16384" width="8.77734375" style="69"/>
  </cols>
  <sheetData>
    <row r="1" spans="1:12" ht="14.4">
      <c r="A1" s="67" t="s">
        <v>0</v>
      </c>
      <c r="B1" s="68"/>
      <c r="C1" s="68"/>
      <c r="D1" s="68"/>
      <c r="E1" s="68"/>
      <c r="F1" s="68"/>
      <c r="G1" s="68"/>
      <c r="I1" s="68"/>
      <c r="J1" s="68"/>
    </row>
    <row r="2" spans="1:12" ht="14.4">
      <c r="A2" s="67"/>
      <c r="B2" s="68"/>
      <c r="C2" s="68"/>
      <c r="D2" s="68"/>
      <c r="E2" s="68"/>
      <c r="F2" s="68"/>
      <c r="G2" s="68"/>
      <c r="H2" s="68"/>
      <c r="I2" s="68"/>
      <c r="J2" s="68"/>
    </row>
    <row r="3" spans="1:12" ht="14.4">
      <c r="A3" s="67" t="s">
        <v>1</v>
      </c>
      <c r="B3" s="68"/>
      <c r="C3" s="68"/>
      <c r="D3" s="68"/>
      <c r="E3" s="68"/>
      <c r="F3" s="68"/>
      <c r="G3" s="68"/>
      <c r="H3" s="68"/>
      <c r="I3" s="68"/>
      <c r="J3" s="68"/>
    </row>
    <row r="4" spans="1:12" ht="14.4">
      <c r="A4" s="67"/>
      <c r="B4" s="70" t="s">
        <v>2</v>
      </c>
      <c r="C4" s="70"/>
      <c r="D4" s="70"/>
      <c r="E4" s="70"/>
      <c r="F4" s="71" t="s">
        <v>3</v>
      </c>
      <c r="G4" s="68"/>
      <c r="H4" s="68"/>
      <c r="I4" s="68"/>
      <c r="J4" s="68"/>
    </row>
    <row r="5" spans="1:12" ht="14.4">
      <c r="A5" s="67"/>
      <c r="B5" s="68"/>
      <c r="C5" s="68"/>
      <c r="D5" s="68"/>
      <c r="E5" s="68"/>
      <c r="F5" s="68"/>
      <c r="G5" s="68"/>
      <c r="H5" s="68"/>
      <c r="I5" s="68"/>
      <c r="J5" s="68"/>
    </row>
    <row r="6" spans="1:12" ht="14.4">
      <c r="A6" s="67"/>
      <c r="B6" s="122" t="s">
        <v>4</v>
      </c>
      <c r="C6" s="123"/>
      <c r="D6" s="123"/>
      <c r="E6" s="123"/>
      <c r="F6" s="123"/>
      <c r="G6" s="123"/>
      <c r="H6" s="123"/>
      <c r="I6" s="123"/>
      <c r="J6" s="123"/>
      <c r="K6" s="124"/>
      <c r="L6" s="124"/>
    </row>
    <row r="7" spans="1:12" ht="14.4">
      <c r="A7" s="67"/>
      <c r="B7" s="68" t="s">
        <v>5</v>
      </c>
      <c r="C7" s="68"/>
      <c r="D7" s="68"/>
      <c r="E7" s="68"/>
      <c r="F7" s="68"/>
      <c r="G7" s="68"/>
      <c r="H7" s="68"/>
      <c r="I7" s="68"/>
      <c r="J7" s="68"/>
    </row>
    <row r="8" spans="1:12" ht="14.4">
      <c r="A8" s="125" t="s">
        <v>6</v>
      </c>
      <c r="B8" s="68" t="s">
        <v>7</v>
      </c>
      <c r="C8" s="68"/>
      <c r="D8" s="68"/>
      <c r="E8" s="68"/>
      <c r="F8" s="68"/>
      <c r="G8" s="68"/>
      <c r="H8" s="68"/>
      <c r="I8" s="68"/>
      <c r="J8" s="68"/>
    </row>
    <row r="9" spans="1:12" ht="14.4">
      <c r="A9" s="125" t="s">
        <v>8</v>
      </c>
      <c r="B9" s="68" t="s">
        <v>9</v>
      </c>
      <c r="C9" s="68"/>
      <c r="D9" s="68"/>
      <c r="E9" s="68"/>
      <c r="F9" s="68"/>
      <c r="G9" s="68"/>
      <c r="H9" s="68"/>
      <c r="I9" s="68"/>
      <c r="J9" s="68"/>
    </row>
    <row r="10" spans="1:12" ht="14.4">
      <c r="A10" s="125"/>
      <c r="B10" s="68"/>
      <c r="C10" s="68" t="s">
        <v>10</v>
      </c>
      <c r="D10" s="68"/>
      <c r="E10" s="68"/>
      <c r="F10" s="68"/>
      <c r="G10" s="68"/>
      <c r="H10" s="68"/>
      <c r="I10" s="68"/>
      <c r="J10" s="68"/>
    </row>
    <row r="11" spans="1:12" ht="14.4">
      <c r="A11" s="125"/>
      <c r="B11" s="68"/>
      <c r="C11" s="68" t="s">
        <v>11</v>
      </c>
      <c r="D11" s="68"/>
      <c r="E11" s="68"/>
      <c r="F11" s="68"/>
      <c r="G11" s="68"/>
      <c r="H11" s="68"/>
      <c r="I11" s="68"/>
      <c r="J11" s="68"/>
    </row>
    <row r="12" spans="1:12" ht="14.4">
      <c r="A12" s="125"/>
      <c r="B12" s="68"/>
      <c r="C12" s="68" t="s">
        <v>12</v>
      </c>
      <c r="D12" s="68"/>
      <c r="E12" s="68"/>
      <c r="F12" s="68"/>
      <c r="G12" s="68"/>
      <c r="H12" s="68"/>
      <c r="I12" s="68"/>
      <c r="J12" s="68"/>
    </row>
    <row r="13" spans="1:12" ht="14.4">
      <c r="A13" s="125" t="s">
        <v>13</v>
      </c>
      <c r="B13" s="68" t="s">
        <v>14</v>
      </c>
      <c r="C13" s="68"/>
      <c r="D13" s="68"/>
      <c r="E13" s="68"/>
      <c r="F13" s="68"/>
      <c r="G13" s="68"/>
      <c r="H13" s="68"/>
      <c r="I13" s="68"/>
      <c r="J13" s="68"/>
    </row>
    <row r="14" spans="1:12" ht="14.4">
      <c r="A14" s="125"/>
      <c r="B14" s="68" t="s">
        <v>15</v>
      </c>
      <c r="C14" s="68"/>
      <c r="D14" s="68"/>
      <c r="E14" s="68"/>
      <c r="F14" s="68"/>
      <c r="G14" s="68"/>
      <c r="H14" s="68"/>
      <c r="I14" s="68"/>
      <c r="J14" s="68"/>
    </row>
    <row r="15" spans="1:12" ht="14.4">
      <c r="A15" s="125"/>
      <c r="B15" s="68" t="s">
        <v>16</v>
      </c>
      <c r="C15" s="68"/>
      <c r="D15" s="68"/>
      <c r="E15" s="68"/>
      <c r="F15" s="68"/>
      <c r="G15" s="68"/>
      <c r="H15" s="68"/>
      <c r="I15" s="68"/>
      <c r="J15" s="68"/>
    </row>
    <row r="16" spans="1:12" ht="14.4">
      <c r="A16" s="125" t="s">
        <v>17</v>
      </c>
      <c r="B16" s="68" t="s">
        <v>18</v>
      </c>
      <c r="C16" s="68"/>
      <c r="D16" s="68"/>
      <c r="E16" s="68"/>
      <c r="F16" s="68"/>
      <c r="G16" s="68"/>
      <c r="H16" s="68"/>
      <c r="I16" s="68"/>
      <c r="J16" s="68"/>
    </row>
    <row r="17" spans="1:20" ht="14.4">
      <c r="A17" s="125"/>
      <c r="B17" s="68"/>
      <c r="C17" s="68"/>
      <c r="D17" s="68"/>
      <c r="E17" s="68"/>
      <c r="F17" s="68"/>
      <c r="G17" s="68"/>
      <c r="H17" s="68"/>
      <c r="I17" s="68"/>
      <c r="J17" s="68"/>
    </row>
    <row r="18" spans="1:20" ht="14.4">
      <c r="A18" s="67"/>
      <c r="B18" s="68"/>
      <c r="C18" s="68"/>
      <c r="D18" s="68"/>
      <c r="E18" s="68"/>
      <c r="F18" s="68"/>
      <c r="G18" s="68"/>
      <c r="H18" s="68"/>
      <c r="I18" s="68"/>
      <c r="J18" s="68"/>
    </row>
    <row r="19" spans="1:20" ht="14.4">
      <c r="A19" s="67">
        <v>1</v>
      </c>
      <c r="B19" s="72" t="s">
        <v>4374</v>
      </c>
      <c r="C19" s="72"/>
      <c r="D19" s="72"/>
      <c r="E19" s="72"/>
      <c r="F19" s="68"/>
      <c r="G19" s="68"/>
      <c r="H19" s="68"/>
      <c r="I19" s="68"/>
      <c r="J19" s="68"/>
    </row>
    <row r="20" spans="1:20" ht="14.4">
      <c r="A20" s="67"/>
      <c r="B20" s="68"/>
      <c r="C20" s="68"/>
      <c r="D20" s="68"/>
      <c r="E20" s="68"/>
      <c r="F20" s="68"/>
      <c r="G20" s="68"/>
      <c r="H20" s="68"/>
      <c r="I20" s="68"/>
      <c r="J20" s="68"/>
    </row>
    <row r="21" spans="1:20" ht="14.4">
      <c r="A21" s="67">
        <f>+A19+1</f>
        <v>2</v>
      </c>
      <c r="B21" s="121" t="s">
        <v>19</v>
      </c>
      <c r="C21" s="121"/>
      <c r="D21" s="71"/>
      <c r="E21" s="71"/>
      <c r="F21" s="68"/>
      <c r="G21" s="68"/>
      <c r="H21" s="68"/>
      <c r="I21" s="73"/>
      <c r="J21" s="68"/>
    </row>
    <row r="22" spans="1:20" ht="14.4">
      <c r="A22" s="67"/>
      <c r="B22" s="75" t="s">
        <v>20</v>
      </c>
      <c r="C22" s="75"/>
      <c r="D22" s="74"/>
      <c r="E22" s="74"/>
      <c r="F22" s="73" t="s">
        <v>21</v>
      </c>
      <c r="G22" s="131">
        <v>2027</v>
      </c>
      <c r="H22" s="132">
        <v>46752</v>
      </c>
      <c r="I22" s="133" t="s">
        <v>22</v>
      </c>
      <c r="J22" s="68"/>
    </row>
    <row r="23" spans="1:20" ht="14.4">
      <c r="A23" s="67"/>
      <c r="B23" s="75" t="s">
        <v>23</v>
      </c>
      <c r="C23" s="75"/>
      <c r="D23" s="74"/>
      <c r="E23" s="74"/>
      <c r="F23" s="73" t="s">
        <v>24</v>
      </c>
      <c r="G23" s="133">
        <f>+G22-1</f>
        <v>2026</v>
      </c>
      <c r="H23" s="132">
        <v>46387</v>
      </c>
      <c r="I23" s="133" t="s">
        <v>25</v>
      </c>
      <c r="J23" s="68"/>
    </row>
    <row r="24" spans="1:20" ht="14.4">
      <c r="A24" s="67"/>
      <c r="B24" s="75" t="s">
        <v>26</v>
      </c>
      <c r="C24" s="75"/>
      <c r="D24" s="74"/>
      <c r="E24" s="74"/>
      <c r="F24" s="73" t="s">
        <v>27</v>
      </c>
      <c r="G24" s="133">
        <f t="shared" ref="G24:G28" si="0">+G23-1</f>
        <v>2025</v>
      </c>
      <c r="H24" s="132">
        <v>46022</v>
      </c>
      <c r="I24" s="133" t="s">
        <v>28</v>
      </c>
      <c r="J24" s="68"/>
    </row>
    <row r="25" spans="1:20" ht="14.4">
      <c r="A25" s="67"/>
      <c r="B25" s="75" t="s">
        <v>29</v>
      </c>
      <c r="C25" s="75"/>
      <c r="D25" s="75"/>
      <c r="E25" s="75"/>
      <c r="F25" s="73" t="s">
        <v>30</v>
      </c>
      <c r="G25" s="133">
        <f t="shared" si="0"/>
        <v>2024</v>
      </c>
      <c r="H25" s="132">
        <v>45657</v>
      </c>
      <c r="I25" s="133" t="s">
        <v>31</v>
      </c>
      <c r="J25" s="68"/>
    </row>
    <row r="26" spans="1:20" ht="14.4">
      <c r="A26" s="67"/>
      <c r="B26" s="75" t="s">
        <v>34</v>
      </c>
      <c r="C26" s="75"/>
      <c r="D26" s="75"/>
      <c r="E26" s="75"/>
      <c r="F26" s="73" t="s">
        <v>32</v>
      </c>
      <c r="G26" s="133">
        <f t="shared" si="0"/>
        <v>2023</v>
      </c>
      <c r="H26" s="132">
        <v>45291</v>
      </c>
      <c r="I26" s="133" t="s">
        <v>33</v>
      </c>
      <c r="J26" s="68"/>
      <c r="L26"/>
    </row>
    <row r="27" spans="1:20" ht="14.4">
      <c r="A27" s="67"/>
      <c r="B27" s="75"/>
      <c r="C27" s="68"/>
      <c r="D27" s="68"/>
      <c r="E27" s="68"/>
      <c r="F27" s="73" t="s">
        <v>35</v>
      </c>
      <c r="G27" s="133">
        <f t="shared" si="0"/>
        <v>2022</v>
      </c>
      <c r="H27" s="132">
        <v>44926</v>
      </c>
      <c r="I27" s="133" t="s">
        <v>36</v>
      </c>
      <c r="J27" s="68"/>
      <c r="L27"/>
      <c r="T27"/>
    </row>
    <row r="28" spans="1:20" ht="14.4">
      <c r="F28" s="73" t="s">
        <v>37</v>
      </c>
      <c r="G28" s="133">
        <f t="shared" si="0"/>
        <v>2021</v>
      </c>
      <c r="H28" s="132">
        <v>44561</v>
      </c>
      <c r="I28" s="133" t="s">
        <v>38</v>
      </c>
      <c r="T28"/>
    </row>
    <row r="29" spans="1:20" ht="14.4">
      <c r="A29" s="67">
        <f>+A21+1</f>
        <v>3</v>
      </c>
      <c r="B29" s="72" t="s">
        <v>39</v>
      </c>
      <c r="C29" s="72"/>
      <c r="D29" s="72"/>
      <c r="E29" s="72"/>
    </row>
    <row r="31" spans="1:20" ht="14.4">
      <c r="A31" s="67">
        <f>+A29+1</f>
        <v>4</v>
      </c>
      <c r="B31" s="69" t="s">
        <v>40</v>
      </c>
      <c r="F31" s="91" t="str">
        <f>+I22</f>
        <v>Year 2027</v>
      </c>
      <c r="G31" s="91" t="str">
        <f>+I23</f>
        <v>Year 2026</v>
      </c>
      <c r="H31" s="91" t="str">
        <f>+I24</f>
        <v>Year 2025</v>
      </c>
      <c r="I31" s="242" t="str">
        <f>+I26</f>
        <v>Year 2023</v>
      </c>
    </row>
    <row r="32" spans="1:20" ht="14.4">
      <c r="A32" s="67"/>
      <c r="B32" s="58" t="s">
        <v>41</v>
      </c>
      <c r="C32" s="58"/>
      <c r="D32" s="58"/>
      <c r="E32" s="58"/>
      <c r="F32" s="78">
        <f>-VLOOKUP($B32,'REG FL  BS - 4 Results'!$A:$BA,MATCH(F$31,'REG FL  BS - 4 Results'!$4:$4,0),FALSE)/1000</f>
        <v>141046.94616773701</v>
      </c>
      <c r="G32" s="78">
        <f>-VLOOKUP($B32,'REG FL  BS - 4 Results'!$A:$BA,MATCH(G$31,'REG FL  BS - 4 Results'!$4:$4,0),FALSE)/1000</f>
        <v>141046.94616773701</v>
      </c>
      <c r="H32" s="78">
        <f>-VLOOKUP($B32,'REG FL  BS - 4 Results'!$A:$BA,MATCH(H$31,'REG FL  BS - 4 Results'!$4:$4,0),FALSE)/1000</f>
        <v>141046.94616773701</v>
      </c>
    </row>
    <row r="33" spans="1:9" ht="14.4">
      <c r="A33" s="67"/>
      <c r="B33" s="58" t="s">
        <v>42</v>
      </c>
      <c r="C33" s="58"/>
      <c r="D33" s="58"/>
      <c r="E33" s="58"/>
      <c r="F33" s="78">
        <f>-VLOOKUP($B33,'REG FL  BS - 4 Results'!$A:$BA,MATCH(F$31,'REG FL  BS - 4 Results'!$4:$4,0),FALSE)/1000</f>
        <v>14606.210640000001</v>
      </c>
      <c r="G33" s="78">
        <f>-VLOOKUP($B33,'REG FL  BS - 4 Results'!$A:$BA,MATCH(G$31,'REG FL  BS - 4 Results'!$4:$4,0),FALSE)/1000</f>
        <v>14606.210640000001</v>
      </c>
      <c r="H33" s="78">
        <f>-VLOOKUP($B33,'REG FL  BS - 4 Results'!$A:$BA,MATCH(H$31,'REG FL  BS - 4 Results'!$4:$4,0),FALSE)/1000</f>
        <v>14606.210640000001</v>
      </c>
    </row>
    <row r="34" spans="1:9" ht="14.4">
      <c r="A34" s="67"/>
      <c r="B34" s="58" t="s">
        <v>43</v>
      </c>
      <c r="C34" s="58"/>
      <c r="D34" s="58"/>
      <c r="E34" s="58"/>
      <c r="F34" s="120">
        <f>-VLOOKUP($B34,'REG FL  BS - 4 Results'!$A:$BA,MATCH(F$31,'REG FL  BS - 4 Results'!$4:$4,0),FALSE)/1000</f>
        <v>2394.2393699999898</v>
      </c>
      <c r="G34" s="120">
        <f>-VLOOKUP($B34,'REG FL  BS - 4 Results'!$A:$BA,MATCH(G$31,'REG FL  BS - 4 Results'!$4:$4,0),FALSE)/1000</f>
        <v>2394.2393699999898</v>
      </c>
      <c r="H34" s="120">
        <f>-VLOOKUP($B34,'REG FL  BS - 4 Results'!$A:$BA,MATCH(H$31,'REG FL  BS - 4 Results'!$4:$4,0),FALSE)/1000</f>
        <v>2394.2393699999898</v>
      </c>
    </row>
    <row r="35" spans="1:9" ht="16.2" customHeight="1">
      <c r="B35" s="118" t="s">
        <v>44</v>
      </c>
      <c r="C35" s="118"/>
      <c r="D35" s="118"/>
      <c r="E35" s="118"/>
      <c r="F35" s="78">
        <f>SUM(F32:F34)</f>
        <v>158047.39617773701</v>
      </c>
      <c r="G35" s="78">
        <f t="shared" ref="G35:H35" si="1">SUM(G32:G34)</f>
        <v>158047.39617773701</v>
      </c>
      <c r="H35" s="78">
        <f t="shared" si="1"/>
        <v>158047.39617773701</v>
      </c>
    </row>
    <row r="36" spans="1:9" ht="13.8">
      <c r="B36" s="77"/>
      <c r="C36" s="77"/>
      <c r="D36" s="77"/>
      <c r="E36" s="77"/>
      <c r="F36" s="78"/>
      <c r="G36" s="78"/>
      <c r="H36" s="78"/>
    </row>
    <row r="37" spans="1:9">
      <c r="B37" s="69" t="str">
        <f>+B22</f>
        <v>Projected Test Year 3 Ended</v>
      </c>
      <c r="F37" s="79">
        <f>+'Projected Test Year 3'!J18+'Projected Test Year 3'!J19+'Projected Test Year 3'!J30+'Projected Test Year 3'!J40+'Projected Test Year 3'!J44</f>
        <v>158047.39617773698</v>
      </c>
      <c r="G37" s="79">
        <f>+'Projected Test Year 3'!F18+'Projected Test Year 3'!F19+'Projected Test Year 3'!F30+'Projected Test Year 3'!F40+'Projected Test Year 3'!F44</f>
        <v>158047.39617773698</v>
      </c>
    </row>
    <row r="38" spans="1:9">
      <c r="B38" s="69" t="str">
        <f>+B23</f>
        <v>Projected Test Year 2 Ended</v>
      </c>
      <c r="G38" s="79">
        <f>+'Projected Test Year 2'!J18+'Projected Test Year 2'!J19+'Projected Test Year 2'!J30+'Projected Test Year 2'!J40+'Projected Test Year 2'!J44</f>
        <v>158047.39617773698</v>
      </c>
      <c r="H38" s="79">
        <f>+'Projected Test Year 2'!F18+'Projected Test Year 2'!F19+'Projected Test Year 2'!F30+'Projected Test Year 2'!F40+'Projected Test Year 2'!F44</f>
        <v>158047.39617773698</v>
      </c>
    </row>
    <row r="39" spans="1:9">
      <c r="B39" s="69" t="str">
        <f>+B24</f>
        <v>Projected Test Year 1 Ended</v>
      </c>
      <c r="H39" s="79">
        <f>+'Projected Test Year 1'!J18+'Projected Test Year 1'!J19+'Projected Test Year 1'!J30+'Projected Test Year 1'!J40+'Projected Test Year 1'!J44</f>
        <v>158047.39617773698</v>
      </c>
      <c r="I39" s="79">
        <f>+'Historical Year'!J18+'Historical Year'!J19+'Historical Year'!J29+'Historical Year'!J38+'Historical Year'!J42</f>
        <v>16863.140719999999</v>
      </c>
    </row>
    <row r="43" spans="1:9" ht="14.4">
      <c r="A43" s="67">
        <f>+A31+1</f>
        <v>5</v>
      </c>
      <c r="B43" s="69" t="s">
        <v>45</v>
      </c>
      <c r="I43" s="91" t="str">
        <f>+I31</f>
        <v>Year 2023</v>
      </c>
    </row>
    <row r="44" spans="1:9" ht="13.8">
      <c r="B44" s="41" t="s">
        <v>46</v>
      </c>
      <c r="C44" s="41"/>
      <c r="D44" s="41"/>
      <c r="E44" s="41"/>
      <c r="F44" s="78"/>
      <c r="G44" s="78"/>
      <c r="H44" s="78"/>
      <c r="I44" s="78">
        <f>VLOOKUP(B44,'Wk TB For End Bal'!$A:$D,4,FALSE)/1000</f>
        <v>3500.0102299999999</v>
      </c>
    </row>
    <row r="45" spans="1:9" ht="13.8">
      <c r="B45" s="101" t="s">
        <v>47</v>
      </c>
      <c r="C45" s="101"/>
      <c r="D45" s="101"/>
      <c r="E45" s="101"/>
      <c r="F45" s="78"/>
      <c r="G45" s="78"/>
      <c r="H45" s="78"/>
      <c r="I45" s="78">
        <f>VLOOKUP(B45,'Wk TB For End Bal'!$A:$D,4,FALSE)/1000</f>
        <v>12334.77966</v>
      </c>
    </row>
    <row r="46" spans="1:9" ht="13.8">
      <c r="B46" s="128" t="s">
        <v>48</v>
      </c>
      <c r="G46" s="79"/>
      <c r="H46" s="79"/>
      <c r="I46" s="78">
        <f>VLOOKUP(B46,'Wk TB For End Bal'!$A:$D,4,FALSE)/1000</f>
        <v>1028.3508299999999</v>
      </c>
    </row>
    <row r="47" spans="1:9" ht="13.8">
      <c r="G47" s="79"/>
      <c r="H47" s="79"/>
      <c r="I47" s="78"/>
    </row>
    <row r="48" spans="1:9">
      <c r="B48" s="69" t="s">
        <v>49</v>
      </c>
      <c r="I48" s="98">
        <f>SUM(I44:I47)</f>
        <v>16863.140719999999</v>
      </c>
    </row>
    <row r="49" spans="2:9">
      <c r="B49" s="99" t="s">
        <v>50</v>
      </c>
      <c r="C49" s="99"/>
      <c r="D49" s="99"/>
      <c r="E49" s="99"/>
      <c r="F49" s="99"/>
      <c r="G49" s="99"/>
      <c r="H49" s="99"/>
      <c r="I49" s="100">
        <f>+I39-I48</f>
        <v>0</v>
      </c>
    </row>
  </sheetData>
  <phoneticPr fontId="55" type="noConversion"/>
  <pageMargins left="0.7" right="0.7" top="0.75" bottom="0.75" header="0.3" footer="0.3"/>
  <pageSetup orientation="portrait" r:id="rId1"/>
  <headerFooter>
    <oddHeader xml:space="preserve">&amp;RDEF’s Response to OPC POD 1 (1-26)
Q7
Page &amp;P of &amp;N
</oddHeader>
    <oddFooter>&amp;R20240025-OPCPOD1-00004231</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F24E66-0635-4C54-983E-EABFCD1B02B8}">
  <dimension ref="A1:CN4120"/>
  <sheetViews>
    <sheetView tabSelected="1" workbookViewId="0">
      <pane xSplit="1" ySplit="3" topLeftCell="N4" activePane="bottomRight" state="frozen"/>
      <selection activeCell="I44" sqref="I44"/>
      <selection pane="topRight" activeCell="I44" sqref="I44"/>
      <selection pane="bottomLeft" activeCell="I44" sqref="I44"/>
      <selection pane="bottomRight" activeCell="I44" sqref="I44"/>
    </sheetView>
  </sheetViews>
  <sheetFormatPr defaultColWidth="10.109375" defaultRowHeight="10.199999999999999" outlineLevelRow="1" outlineLevelCol="1"/>
  <cols>
    <col min="1" max="1" width="33.77734375" style="65" customWidth="1"/>
    <col min="2" max="13" width="11.77734375" style="64" hidden="1" customWidth="1" outlineLevel="1"/>
    <col min="14" max="14" width="11.77734375" style="64" customWidth="1" collapsed="1"/>
    <col min="15" max="26" width="11.77734375" style="64" hidden="1" customWidth="1" outlineLevel="1"/>
    <col min="27" max="27" width="11.77734375" style="64" customWidth="1" collapsed="1"/>
    <col min="28" max="39" width="11.77734375" style="64" hidden="1" customWidth="1" outlineLevel="1"/>
    <col min="40" max="40" width="11.77734375" style="64" customWidth="1" collapsed="1"/>
    <col min="41" max="52" width="11.77734375" style="64" hidden="1" customWidth="1" outlineLevel="1"/>
    <col min="53" max="53" width="11.77734375" style="64" customWidth="1" collapsed="1"/>
    <col min="54" max="65" width="11.77734375" style="64" hidden="1" customWidth="1" outlineLevel="1"/>
    <col min="66" max="66" width="11.77734375" style="64" customWidth="1" collapsed="1"/>
    <col min="67" max="78" width="11.77734375" style="64" hidden="1" customWidth="1" outlineLevel="1"/>
    <col min="79" max="79" width="11.77734375" style="64" customWidth="1" collapsed="1"/>
    <col min="80" max="91" width="11.77734375" style="64" hidden="1" customWidth="1" outlineLevel="1"/>
    <col min="92" max="92" width="11.77734375" style="64" customWidth="1" collapsed="1"/>
    <col min="93" max="16384" width="10.109375" style="64"/>
  </cols>
  <sheetData>
    <row r="1" spans="1:92" s="63" customFormat="1" ht="36" customHeight="1">
      <c r="A1" s="172" t="s">
        <v>1215</v>
      </c>
      <c r="C1" s="62"/>
      <c r="D1" s="62"/>
      <c r="E1" s="62"/>
      <c r="F1" s="62"/>
      <c r="G1" s="62"/>
      <c r="H1" s="62"/>
      <c r="I1" s="62"/>
    </row>
    <row r="2" spans="1:92" s="63" customFormat="1" ht="20.399999999999999">
      <c r="A2" s="56" t="s">
        <v>1214</v>
      </c>
      <c r="B2" s="55" t="s">
        <v>123</v>
      </c>
      <c r="C2" s="55" t="s">
        <v>124</v>
      </c>
      <c r="D2" s="55" t="s">
        <v>125</v>
      </c>
      <c r="E2" s="55" t="s">
        <v>126</v>
      </c>
      <c r="F2" s="55" t="s">
        <v>127</v>
      </c>
      <c r="G2" s="55" t="s">
        <v>128</v>
      </c>
      <c r="H2" s="55" t="s">
        <v>129</v>
      </c>
      <c r="I2" s="55" t="s">
        <v>130</v>
      </c>
      <c r="J2" s="55" t="s">
        <v>131</v>
      </c>
      <c r="K2" s="55" t="s">
        <v>132</v>
      </c>
      <c r="L2" s="55" t="s">
        <v>133</v>
      </c>
      <c r="M2" s="55" t="s">
        <v>134</v>
      </c>
      <c r="N2" s="55" t="s">
        <v>36</v>
      </c>
      <c r="O2" s="55" t="s">
        <v>135</v>
      </c>
      <c r="P2" s="55" t="s">
        <v>136</v>
      </c>
      <c r="Q2" s="55" t="s">
        <v>137</v>
      </c>
      <c r="R2" s="55" t="s">
        <v>138</v>
      </c>
      <c r="S2" s="55" t="s">
        <v>139</v>
      </c>
      <c r="T2" s="55" t="s">
        <v>140</v>
      </c>
      <c r="U2" s="55" t="s">
        <v>141</v>
      </c>
      <c r="V2" s="55" t="s">
        <v>142</v>
      </c>
      <c r="W2" s="55" t="s">
        <v>143</v>
      </c>
      <c r="X2" s="55" t="s">
        <v>144</v>
      </c>
      <c r="Y2" s="55" t="s">
        <v>145</v>
      </c>
      <c r="Z2" s="55" t="s">
        <v>146</v>
      </c>
      <c r="AA2" s="55" t="s">
        <v>33</v>
      </c>
      <c r="AB2" s="55" t="s">
        <v>147</v>
      </c>
      <c r="AC2" s="55" t="s">
        <v>148</v>
      </c>
      <c r="AD2" s="55" t="s">
        <v>149</v>
      </c>
      <c r="AE2" s="55" t="s">
        <v>150</v>
      </c>
      <c r="AF2" s="55" t="s">
        <v>151</v>
      </c>
      <c r="AG2" s="55" t="s">
        <v>152</v>
      </c>
      <c r="AH2" s="55" t="s">
        <v>153</v>
      </c>
      <c r="AI2" s="55" t="s">
        <v>154</v>
      </c>
      <c r="AJ2" s="55" t="s">
        <v>155</v>
      </c>
      <c r="AK2" s="55" t="s">
        <v>156</v>
      </c>
      <c r="AL2" s="55" t="s">
        <v>157</v>
      </c>
      <c r="AM2" s="55" t="s">
        <v>158</v>
      </c>
      <c r="AN2" s="55" t="s">
        <v>31</v>
      </c>
      <c r="AO2" s="55" t="s">
        <v>159</v>
      </c>
      <c r="AP2" s="55" t="s">
        <v>160</v>
      </c>
      <c r="AQ2" s="55" t="s">
        <v>161</v>
      </c>
      <c r="AR2" s="55" t="s">
        <v>162</v>
      </c>
      <c r="AS2" s="55" t="s">
        <v>163</v>
      </c>
      <c r="AT2" s="55" t="s">
        <v>164</v>
      </c>
      <c r="AU2" s="55" t="s">
        <v>165</v>
      </c>
      <c r="AV2" s="55" t="s">
        <v>166</v>
      </c>
      <c r="AW2" s="55" t="s">
        <v>167</v>
      </c>
      <c r="AX2" s="55" t="s">
        <v>168</v>
      </c>
      <c r="AY2" s="55" t="s">
        <v>169</v>
      </c>
      <c r="AZ2" s="55" t="s">
        <v>170</v>
      </c>
      <c r="BA2" s="55" t="s">
        <v>28</v>
      </c>
      <c r="BB2" s="55" t="s">
        <v>171</v>
      </c>
      <c r="BC2" s="55" t="s">
        <v>172</v>
      </c>
      <c r="BD2" s="55" t="s">
        <v>173</v>
      </c>
      <c r="BE2" s="55" t="s">
        <v>174</v>
      </c>
      <c r="BF2" s="55" t="s">
        <v>175</v>
      </c>
      <c r="BG2" s="55" t="s">
        <v>176</v>
      </c>
      <c r="BH2" s="55" t="s">
        <v>177</v>
      </c>
      <c r="BI2" s="55" t="s">
        <v>178</v>
      </c>
      <c r="BJ2" s="55" t="s">
        <v>179</v>
      </c>
      <c r="BK2" s="55" t="s">
        <v>180</v>
      </c>
      <c r="BL2" s="55" t="s">
        <v>181</v>
      </c>
      <c r="BM2" s="55" t="s">
        <v>182</v>
      </c>
      <c r="BN2" s="55" t="s">
        <v>25</v>
      </c>
      <c r="BO2" s="55" t="s">
        <v>183</v>
      </c>
      <c r="BP2" s="55" t="s">
        <v>184</v>
      </c>
      <c r="BQ2" s="55" t="s">
        <v>185</v>
      </c>
      <c r="BR2" s="55" t="s">
        <v>186</v>
      </c>
      <c r="BS2" s="55" t="s">
        <v>187</v>
      </c>
      <c r="BT2" s="55" t="s">
        <v>188</v>
      </c>
      <c r="BU2" s="55" t="s">
        <v>189</v>
      </c>
      <c r="BV2" s="55" t="s">
        <v>190</v>
      </c>
      <c r="BW2" s="55" t="s">
        <v>191</v>
      </c>
      <c r="BX2" s="55" t="s">
        <v>192</v>
      </c>
      <c r="BY2" s="55" t="s">
        <v>193</v>
      </c>
      <c r="BZ2" s="55" t="s">
        <v>194</v>
      </c>
      <c r="CA2" s="55" t="s">
        <v>22</v>
      </c>
      <c r="CB2" s="55" t="s">
        <v>171</v>
      </c>
      <c r="CC2" s="55" t="s">
        <v>172</v>
      </c>
      <c r="CD2" s="55" t="s">
        <v>173</v>
      </c>
      <c r="CE2" s="55" t="s">
        <v>174</v>
      </c>
      <c r="CF2" s="55" t="s">
        <v>175</v>
      </c>
      <c r="CG2" s="55" t="s">
        <v>176</v>
      </c>
      <c r="CH2" s="55" t="s">
        <v>177</v>
      </c>
      <c r="CI2" s="55" t="s">
        <v>178</v>
      </c>
      <c r="CJ2" s="55" t="s">
        <v>179</v>
      </c>
      <c r="CK2" s="55" t="s">
        <v>180</v>
      </c>
      <c r="CL2" s="55" t="s">
        <v>181</v>
      </c>
      <c r="CM2" s="55" t="s">
        <v>182</v>
      </c>
      <c r="CN2" s="55" t="s">
        <v>25</v>
      </c>
    </row>
    <row r="3" spans="1:92" s="63" customFormat="1">
      <c r="A3" s="56"/>
      <c r="B3" s="55"/>
      <c r="C3" s="55"/>
      <c r="D3" s="55"/>
      <c r="E3" s="55"/>
      <c r="F3" s="55"/>
      <c r="G3" s="55"/>
      <c r="H3" s="55"/>
      <c r="I3" s="55"/>
      <c r="J3" s="55"/>
      <c r="K3" s="55"/>
      <c r="L3" s="55"/>
      <c r="M3" s="55"/>
      <c r="N3" s="55"/>
      <c r="O3" s="55"/>
      <c r="P3" s="55"/>
      <c r="Q3" s="55"/>
      <c r="R3" s="55"/>
      <c r="S3" s="55"/>
      <c r="T3" s="55"/>
      <c r="U3" s="55"/>
      <c r="V3" s="55"/>
      <c r="W3" s="55"/>
      <c r="X3" s="55"/>
      <c r="Y3" s="55"/>
      <c r="Z3" s="55"/>
      <c r="AA3" s="55"/>
      <c r="AB3" s="55"/>
      <c r="AC3" s="55"/>
      <c r="AD3" s="55"/>
      <c r="AE3" s="55"/>
      <c r="AF3" s="55"/>
      <c r="AG3" s="55"/>
      <c r="AH3" s="55"/>
      <c r="AI3" s="55"/>
      <c r="AJ3" s="55"/>
      <c r="AK3" s="55"/>
      <c r="AL3" s="55"/>
      <c r="AM3" s="55"/>
      <c r="AN3" s="55"/>
      <c r="AO3" s="55"/>
      <c r="AP3" s="55"/>
      <c r="AQ3" s="55"/>
      <c r="AR3" s="55"/>
      <c r="AS3" s="55"/>
      <c r="AT3" s="55"/>
      <c r="AU3" s="55"/>
      <c r="AV3" s="55"/>
      <c r="AW3" s="55"/>
      <c r="AX3" s="55"/>
      <c r="AY3" s="55"/>
      <c r="AZ3" s="55"/>
      <c r="BA3" s="55"/>
      <c r="BB3" s="55"/>
      <c r="BC3" s="55"/>
      <c r="BD3" s="55"/>
      <c r="BE3" s="55"/>
      <c r="BF3" s="55"/>
      <c r="BG3" s="55"/>
      <c r="BH3" s="55"/>
      <c r="BI3" s="55"/>
      <c r="BJ3" s="55"/>
      <c r="BK3" s="55"/>
      <c r="BL3" s="55"/>
      <c r="BM3" s="55"/>
      <c r="BN3" s="55"/>
      <c r="BO3" s="55"/>
      <c r="BP3" s="55"/>
      <c r="BQ3" s="55"/>
      <c r="BR3" s="55"/>
      <c r="BS3" s="55"/>
      <c r="BT3" s="55"/>
      <c r="BU3" s="55"/>
      <c r="BV3" s="55"/>
      <c r="BW3" s="55"/>
      <c r="BX3" s="55"/>
      <c r="BY3" s="55"/>
      <c r="BZ3" s="55"/>
      <c r="CA3" s="55"/>
      <c r="CB3" s="55"/>
      <c r="CC3" s="55"/>
      <c r="CD3" s="55"/>
      <c r="CE3" s="55"/>
      <c r="CF3" s="55"/>
      <c r="CG3" s="55"/>
      <c r="CH3" s="55"/>
      <c r="CI3" s="55"/>
      <c r="CJ3" s="55"/>
      <c r="CK3" s="55"/>
      <c r="CL3" s="55"/>
      <c r="CM3" s="55"/>
      <c r="CN3" s="55"/>
    </row>
    <row r="4" spans="1:92">
      <c r="A4" s="59" t="s">
        <v>195</v>
      </c>
      <c r="B4" s="53"/>
      <c r="C4" s="53"/>
      <c r="D4" s="53"/>
      <c r="E4" s="53"/>
      <c r="F4" s="53"/>
      <c r="G4" s="53"/>
      <c r="H4" s="53"/>
      <c r="I4" s="53"/>
      <c r="J4" s="53"/>
      <c r="K4" s="53"/>
      <c r="L4" s="53"/>
      <c r="M4" s="53"/>
      <c r="N4" s="53"/>
      <c r="O4" s="53"/>
      <c r="P4" s="53"/>
      <c r="Q4" s="53"/>
      <c r="R4" s="53"/>
      <c r="S4" s="53"/>
      <c r="T4" s="53"/>
      <c r="U4" s="53"/>
      <c r="V4" s="53"/>
      <c r="W4" s="53"/>
      <c r="X4" s="53"/>
      <c r="Y4" s="53"/>
      <c r="Z4" s="53"/>
      <c r="AA4" s="53"/>
      <c r="AB4" s="53"/>
      <c r="AC4" s="53"/>
      <c r="AD4" s="53"/>
      <c r="AE4" s="53"/>
      <c r="AF4" s="53"/>
      <c r="AG4" s="53"/>
      <c r="AH4" s="53"/>
      <c r="AI4" s="53"/>
      <c r="AJ4" s="53"/>
      <c r="AK4" s="53"/>
      <c r="AL4" s="53"/>
      <c r="AM4" s="53"/>
      <c r="AN4" s="53"/>
      <c r="AO4" s="53"/>
      <c r="AP4" s="53"/>
      <c r="AQ4" s="53"/>
      <c r="AR4" s="53"/>
      <c r="AS4" s="53"/>
      <c r="AT4" s="53"/>
      <c r="AU4" s="53"/>
      <c r="AV4" s="53"/>
      <c r="AW4" s="53"/>
      <c r="AX4" s="53"/>
      <c r="AY4" s="53"/>
      <c r="AZ4" s="53"/>
      <c r="BA4" s="53"/>
      <c r="BB4" s="53"/>
      <c r="BC4" s="53"/>
      <c r="BD4" s="53"/>
      <c r="BE4" s="53"/>
      <c r="BF4" s="53"/>
      <c r="BG4" s="53"/>
      <c r="BH4" s="53"/>
      <c r="BI4" s="53"/>
      <c r="BJ4" s="53"/>
      <c r="BK4" s="53"/>
      <c r="BL4" s="53"/>
      <c r="BM4" s="53"/>
      <c r="BN4" s="53"/>
      <c r="BO4" s="53"/>
      <c r="BP4" s="53"/>
      <c r="BQ4" s="53"/>
      <c r="BR4" s="53"/>
      <c r="BS4" s="53"/>
      <c r="BT4" s="53"/>
      <c r="BU4" s="53"/>
      <c r="BV4" s="53"/>
      <c r="BW4" s="53"/>
      <c r="BX4" s="53"/>
      <c r="BY4" s="53"/>
      <c r="BZ4" s="53"/>
      <c r="CA4" s="53"/>
      <c r="CB4" s="53"/>
      <c r="CC4" s="53"/>
      <c r="CD4" s="53"/>
      <c r="CE4" s="53"/>
      <c r="CF4" s="53"/>
      <c r="CG4" s="53"/>
      <c r="CH4" s="53"/>
      <c r="CI4" s="53"/>
      <c r="CJ4" s="53"/>
      <c r="CK4" s="53"/>
      <c r="CL4" s="53"/>
      <c r="CM4" s="53"/>
      <c r="CN4" s="53"/>
    </row>
    <row r="5" spans="1:92">
      <c r="A5" s="52" t="s">
        <v>196</v>
      </c>
      <c r="B5" s="53"/>
      <c r="C5" s="53"/>
      <c r="D5" s="53"/>
      <c r="E5" s="53"/>
      <c r="F5" s="53"/>
      <c r="G5" s="53"/>
      <c r="H5" s="53"/>
      <c r="I5" s="53"/>
      <c r="J5" s="53"/>
      <c r="K5" s="53"/>
      <c r="L5" s="53"/>
      <c r="M5" s="53"/>
      <c r="N5" s="53"/>
      <c r="O5" s="53"/>
      <c r="P5" s="53"/>
      <c r="Q5" s="53"/>
      <c r="R5" s="53"/>
      <c r="S5" s="53"/>
      <c r="T5" s="53"/>
      <c r="U5" s="53"/>
      <c r="V5" s="53"/>
      <c r="W5" s="53"/>
      <c r="X5" s="53"/>
      <c r="Y5" s="53"/>
      <c r="Z5" s="53"/>
      <c r="AA5" s="53"/>
      <c r="AB5" s="53"/>
      <c r="AC5" s="53"/>
      <c r="AD5" s="53"/>
      <c r="AE5" s="53"/>
      <c r="AF5" s="53"/>
      <c r="AG5" s="53"/>
      <c r="AH5" s="53"/>
      <c r="AI5" s="53"/>
      <c r="AJ5" s="53"/>
      <c r="AK5" s="53"/>
      <c r="AL5" s="53"/>
      <c r="AM5" s="53"/>
      <c r="AN5" s="53"/>
      <c r="AO5" s="53"/>
      <c r="AP5" s="53"/>
      <c r="AQ5" s="53"/>
      <c r="AR5" s="53"/>
      <c r="AS5" s="53"/>
      <c r="AT5" s="53"/>
      <c r="AU5" s="53"/>
      <c r="AV5" s="53"/>
      <c r="AW5" s="53"/>
      <c r="AX5" s="53"/>
      <c r="AY5" s="53"/>
      <c r="AZ5" s="53"/>
      <c r="BA5" s="53"/>
      <c r="BB5" s="53"/>
      <c r="BC5" s="53"/>
      <c r="BD5" s="53"/>
      <c r="BE5" s="53"/>
      <c r="BF5" s="53"/>
      <c r="BG5" s="53"/>
      <c r="BH5" s="53"/>
      <c r="BI5" s="53"/>
      <c r="BJ5" s="53"/>
      <c r="BK5" s="53"/>
      <c r="BL5" s="53"/>
      <c r="BM5" s="53"/>
      <c r="BN5" s="53"/>
      <c r="BO5" s="53"/>
      <c r="BP5" s="53"/>
      <c r="BQ5" s="53"/>
      <c r="BR5" s="53"/>
      <c r="BS5" s="53"/>
      <c r="BT5" s="53"/>
      <c r="BU5" s="53"/>
      <c r="BV5" s="53"/>
      <c r="BW5" s="53"/>
      <c r="BX5" s="53"/>
      <c r="BY5" s="53"/>
      <c r="BZ5" s="53"/>
      <c r="CA5" s="53"/>
      <c r="CB5" s="53"/>
      <c r="CC5" s="53"/>
      <c r="CD5" s="53"/>
      <c r="CE5" s="53"/>
      <c r="CF5" s="53"/>
      <c r="CG5" s="53"/>
      <c r="CH5" s="53"/>
      <c r="CI5" s="53"/>
      <c r="CJ5" s="53"/>
      <c r="CK5" s="53"/>
      <c r="CL5" s="53"/>
      <c r="CM5" s="53"/>
      <c r="CN5" s="53"/>
    </row>
    <row r="6" spans="1:92">
      <c r="A6" s="57" t="s">
        <v>1216</v>
      </c>
      <c r="B6" s="53"/>
      <c r="C6" s="53"/>
      <c r="D6" s="53"/>
      <c r="E6" s="53"/>
      <c r="F6" s="53"/>
      <c r="G6" s="53"/>
      <c r="H6" s="53"/>
      <c r="I6" s="53"/>
      <c r="J6" s="53"/>
      <c r="K6" s="53"/>
      <c r="L6" s="53"/>
      <c r="M6" s="53"/>
      <c r="N6" s="53"/>
      <c r="O6" s="53"/>
      <c r="P6" s="53"/>
      <c r="Q6" s="53"/>
      <c r="R6" s="53"/>
      <c r="S6" s="53"/>
      <c r="T6" s="53"/>
      <c r="U6" s="53"/>
      <c r="V6" s="53"/>
      <c r="W6" s="53"/>
      <c r="X6" s="53"/>
      <c r="Y6" s="53"/>
      <c r="Z6" s="53"/>
      <c r="AA6" s="53"/>
      <c r="AB6" s="53"/>
      <c r="AC6" s="53"/>
      <c r="AD6" s="53"/>
      <c r="AE6" s="53"/>
      <c r="AF6" s="53"/>
      <c r="AG6" s="53"/>
      <c r="AH6" s="53"/>
      <c r="AI6" s="53"/>
      <c r="AJ6" s="53"/>
      <c r="AK6" s="53"/>
      <c r="AL6" s="53"/>
      <c r="AM6" s="53"/>
      <c r="AN6" s="53"/>
      <c r="AO6" s="53"/>
      <c r="AP6" s="53"/>
      <c r="AQ6" s="53"/>
      <c r="AR6" s="53"/>
      <c r="AS6" s="53"/>
      <c r="AT6" s="53"/>
      <c r="AU6" s="53"/>
      <c r="AV6" s="53"/>
      <c r="AW6" s="53"/>
      <c r="AX6" s="53"/>
      <c r="AY6" s="53"/>
      <c r="AZ6" s="53"/>
      <c r="BA6" s="53"/>
      <c r="BB6" s="53"/>
      <c r="BC6" s="53"/>
      <c r="BD6" s="53"/>
      <c r="BE6" s="53"/>
      <c r="BF6" s="53"/>
      <c r="BG6" s="53"/>
      <c r="BH6" s="53"/>
      <c r="BI6" s="53"/>
      <c r="BJ6" s="53"/>
      <c r="BK6" s="53"/>
      <c r="BL6" s="53"/>
      <c r="BM6" s="53"/>
      <c r="BN6" s="53"/>
      <c r="BO6" s="53"/>
      <c r="BP6" s="53"/>
      <c r="BQ6" s="53"/>
      <c r="BR6" s="53"/>
      <c r="BS6" s="53"/>
      <c r="BT6" s="53"/>
      <c r="BU6" s="53"/>
      <c r="BV6" s="53"/>
      <c r="BW6" s="53"/>
      <c r="BX6" s="53"/>
      <c r="BY6" s="53"/>
      <c r="BZ6" s="53"/>
      <c r="CA6" s="53"/>
      <c r="CB6" s="53"/>
      <c r="CC6" s="53"/>
      <c r="CD6" s="53"/>
      <c r="CE6" s="53"/>
      <c r="CF6" s="53"/>
      <c r="CG6" s="53"/>
      <c r="CH6" s="53"/>
      <c r="CI6" s="53"/>
      <c r="CJ6" s="53"/>
      <c r="CK6" s="53"/>
      <c r="CL6" s="53"/>
      <c r="CM6" s="53"/>
      <c r="CN6" s="53"/>
    </row>
    <row r="7" spans="1:92">
      <c r="A7" s="57" t="s">
        <v>1217</v>
      </c>
      <c r="B7" s="53"/>
      <c r="C7" s="53"/>
      <c r="D7" s="53"/>
      <c r="E7" s="53"/>
      <c r="F7" s="53"/>
      <c r="G7" s="53"/>
      <c r="H7" s="53"/>
      <c r="I7" s="53"/>
      <c r="J7" s="53"/>
      <c r="K7" s="53"/>
      <c r="L7" s="53"/>
      <c r="M7" s="53"/>
      <c r="N7" s="53"/>
      <c r="O7" s="53"/>
      <c r="P7" s="53"/>
      <c r="Q7" s="53"/>
      <c r="R7" s="53"/>
      <c r="S7" s="53"/>
      <c r="T7" s="53"/>
      <c r="U7" s="53"/>
      <c r="V7" s="53"/>
      <c r="W7" s="53"/>
      <c r="X7" s="53"/>
      <c r="Y7" s="53"/>
      <c r="Z7" s="53"/>
      <c r="AA7" s="53"/>
      <c r="AB7" s="53"/>
      <c r="AC7" s="53"/>
      <c r="AD7" s="53"/>
      <c r="AE7" s="53"/>
      <c r="AF7" s="53"/>
      <c r="AG7" s="53"/>
      <c r="AH7" s="53"/>
      <c r="AI7" s="53"/>
      <c r="AJ7" s="53"/>
      <c r="AK7" s="53"/>
      <c r="AL7" s="53"/>
      <c r="AM7" s="53"/>
      <c r="AN7" s="53"/>
      <c r="AO7" s="53"/>
      <c r="AP7" s="53"/>
      <c r="AQ7" s="53"/>
      <c r="AR7" s="53"/>
      <c r="AS7" s="53"/>
      <c r="AT7" s="53"/>
      <c r="AU7" s="53"/>
      <c r="AV7" s="53"/>
      <c r="AW7" s="53"/>
      <c r="AX7" s="53"/>
      <c r="AY7" s="53"/>
      <c r="AZ7" s="53"/>
      <c r="BA7" s="53"/>
      <c r="BB7" s="53"/>
      <c r="BC7" s="53"/>
      <c r="BD7" s="53"/>
      <c r="BE7" s="53"/>
      <c r="BF7" s="53"/>
      <c r="BG7" s="53"/>
      <c r="BH7" s="53"/>
      <c r="BI7" s="53"/>
      <c r="BJ7" s="53"/>
      <c r="BK7" s="53"/>
      <c r="BL7" s="53"/>
      <c r="BM7" s="53"/>
      <c r="BN7" s="53"/>
      <c r="BO7" s="53"/>
      <c r="BP7" s="53"/>
      <c r="BQ7" s="53"/>
      <c r="BR7" s="53"/>
      <c r="BS7" s="53"/>
      <c r="BT7" s="53"/>
      <c r="BU7" s="53"/>
      <c r="BV7" s="53"/>
      <c r="BW7" s="53"/>
      <c r="BX7" s="53"/>
      <c r="BY7" s="53"/>
      <c r="BZ7" s="53"/>
      <c r="CA7" s="53"/>
      <c r="CB7" s="53"/>
      <c r="CC7" s="53"/>
      <c r="CD7" s="53"/>
      <c r="CE7" s="53"/>
      <c r="CF7" s="53"/>
      <c r="CG7" s="53"/>
      <c r="CH7" s="53"/>
      <c r="CI7" s="53"/>
      <c r="CJ7" s="53"/>
      <c r="CK7" s="53"/>
      <c r="CL7" s="53"/>
      <c r="CM7" s="53"/>
      <c r="CN7" s="53"/>
    </row>
    <row r="8" spans="1:92" outlineLevel="1">
      <c r="A8" s="52" t="s">
        <v>1218</v>
      </c>
      <c r="B8" s="53"/>
      <c r="C8" s="53"/>
      <c r="D8" s="53"/>
      <c r="E8" s="53"/>
      <c r="F8" s="53"/>
      <c r="G8" s="53"/>
      <c r="H8" s="53"/>
      <c r="I8" s="53"/>
      <c r="J8" s="53"/>
      <c r="K8" s="53"/>
      <c r="L8" s="53"/>
      <c r="M8" s="53"/>
      <c r="N8" s="53"/>
      <c r="O8" s="53"/>
      <c r="P8" s="53">
        <v>1189666.97029785</v>
      </c>
      <c r="Q8" s="53">
        <v>2233349.8897617199</v>
      </c>
      <c r="R8" s="53">
        <v>179387.54782046899</v>
      </c>
      <c r="S8" s="53">
        <v>1033052.38650028</v>
      </c>
      <c r="T8" s="53">
        <v>2076362.0680704</v>
      </c>
      <c r="U8" s="53">
        <v>2249648.3520378801</v>
      </c>
      <c r="V8" s="53">
        <v>3297603.1986955102</v>
      </c>
      <c r="W8" s="53">
        <v>39306360.304963998</v>
      </c>
      <c r="X8" s="53">
        <v>102180968.84308399</v>
      </c>
      <c r="Y8" s="53">
        <v>246095135.055491</v>
      </c>
      <c r="Z8" s="53">
        <v>67225089.708519697</v>
      </c>
      <c r="AA8" s="53"/>
      <c r="AB8" s="53">
        <v>6665560.7110996898</v>
      </c>
      <c r="AC8" s="53">
        <v>7903196.5122474199</v>
      </c>
      <c r="AD8" s="53">
        <v>8994305.0694999602</v>
      </c>
      <c r="AE8" s="53">
        <v>9640693.4855225701</v>
      </c>
      <c r="AF8" s="53">
        <v>10543825.307235699</v>
      </c>
      <c r="AG8" s="53">
        <v>11646861.093870901</v>
      </c>
      <c r="AH8" s="53">
        <v>11842252.917847799</v>
      </c>
      <c r="AI8" s="53">
        <v>12946880.624033101</v>
      </c>
      <c r="AJ8" s="53">
        <v>151497271.466793</v>
      </c>
      <c r="AK8" s="53">
        <v>253659802.23175699</v>
      </c>
      <c r="AL8" s="53">
        <v>408676434.26264501</v>
      </c>
      <c r="AM8" s="53">
        <v>209563321.543901</v>
      </c>
      <c r="AN8" s="53">
        <v>6665560.7110996898</v>
      </c>
      <c r="AO8" s="53">
        <v>16513815.966390001</v>
      </c>
      <c r="AP8" s="53">
        <v>17633676.896308299</v>
      </c>
      <c r="AQ8" s="53">
        <v>18756596.925441898</v>
      </c>
      <c r="AR8" s="53">
        <v>19415172.210011199</v>
      </c>
      <c r="AS8" s="53">
        <v>20346295.839072201</v>
      </c>
      <c r="AT8" s="53">
        <v>21479561.534265298</v>
      </c>
      <c r="AU8" s="53">
        <v>255506833.37128699</v>
      </c>
      <c r="AV8" s="53">
        <v>250489991.354716</v>
      </c>
      <c r="AW8" s="53">
        <v>304923427.575863</v>
      </c>
      <c r="AX8" s="53">
        <v>366153698.03540498</v>
      </c>
      <c r="AY8" s="53">
        <v>409915307.18762201</v>
      </c>
      <c r="AZ8" s="53">
        <v>98462732.867008597</v>
      </c>
      <c r="BA8" s="53">
        <v>16513815.966390001</v>
      </c>
      <c r="BB8" s="53">
        <v>26507151.8803395</v>
      </c>
      <c r="BC8" s="53">
        <v>27653006.958791699</v>
      </c>
      <c r="BD8" s="53">
        <v>28801921.730377302</v>
      </c>
      <c r="BE8" s="53">
        <v>29475718.909522198</v>
      </c>
      <c r="BF8" s="53">
        <v>30428569.385194398</v>
      </c>
      <c r="BG8" s="53">
        <v>31587884.503713001</v>
      </c>
      <c r="BH8" s="53">
        <v>265386909.08015499</v>
      </c>
      <c r="BI8" s="53">
        <v>289497463.94330502</v>
      </c>
      <c r="BJ8" s="53">
        <v>350417283.90998101</v>
      </c>
      <c r="BK8" s="53">
        <v>324848987.23057199</v>
      </c>
      <c r="BL8" s="53">
        <v>380933698.18080503</v>
      </c>
      <c r="BM8" s="53">
        <v>62694026.9654148</v>
      </c>
      <c r="BN8" s="53">
        <v>26507151.8803395</v>
      </c>
      <c r="BO8" s="53">
        <v>36733670.199525297</v>
      </c>
      <c r="BP8" s="53">
        <v>37906832.402995303</v>
      </c>
      <c r="BQ8" s="53">
        <v>39083127.215820402</v>
      </c>
      <c r="BR8" s="53">
        <v>39773981.380675599</v>
      </c>
      <c r="BS8" s="53">
        <v>40749765.333554</v>
      </c>
      <c r="BT8" s="53">
        <v>41936640.387849197</v>
      </c>
      <c r="BU8" s="53">
        <v>131596171.176268</v>
      </c>
      <c r="BV8" s="53">
        <v>174691975.98158801</v>
      </c>
      <c r="BW8" s="53">
        <v>254453014.22803399</v>
      </c>
      <c r="BX8" s="53">
        <v>399725826.23180801</v>
      </c>
      <c r="BY8" s="53">
        <v>452753744.02585602</v>
      </c>
      <c r="BZ8" s="53">
        <v>123534364.347709</v>
      </c>
      <c r="CA8" s="53">
        <v>36733670.199525297</v>
      </c>
      <c r="CB8" s="53">
        <v>30611641.870372999</v>
      </c>
      <c r="CC8" s="53">
        <v>31603238.0376059</v>
      </c>
      <c r="CD8" s="53">
        <v>32546244.852846898</v>
      </c>
      <c r="CE8" s="53">
        <v>33056917.571814001</v>
      </c>
      <c r="CF8" s="53">
        <v>33819913.831041798</v>
      </c>
      <c r="CG8" s="53">
        <v>34766155.657343701</v>
      </c>
      <c r="CH8" s="53">
        <v>34870152.815458603</v>
      </c>
      <c r="CI8" s="53">
        <v>35817927.357885003</v>
      </c>
      <c r="CJ8" s="53">
        <v>172548447.827959</v>
      </c>
      <c r="CK8" s="53">
        <v>224152316.94953999</v>
      </c>
      <c r="CL8" s="53">
        <v>366885777.19580299</v>
      </c>
      <c r="CM8" s="53">
        <v>167691277.99150801</v>
      </c>
      <c r="CN8" s="53">
        <v>30611641.870372999</v>
      </c>
    </row>
    <row r="9" spans="1:92" outlineLevel="1">
      <c r="A9" s="52" t="s">
        <v>699</v>
      </c>
      <c r="B9" s="53"/>
      <c r="C9" s="53"/>
      <c r="D9" s="53"/>
      <c r="E9" s="53"/>
      <c r="F9" s="53"/>
      <c r="G9" s="53"/>
      <c r="H9" s="53"/>
      <c r="I9" s="53"/>
      <c r="J9" s="53"/>
      <c r="K9" s="53"/>
      <c r="L9" s="53"/>
      <c r="M9" s="53"/>
      <c r="N9" s="53"/>
      <c r="O9" s="53"/>
      <c r="P9" s="53"/>
      <c r="Q9" s="53"/>
      <c r="R9" s="53"/>
      <c r="S9" s="53"/>
      <c r="T9" s="53"/>
      <c r="U9" s="53"/>
      <c r="V9" s="53"/>
      <c r="W9" s="53"/>
      <c r="X9" s="53"/>
      <c r="Y9" s="53"/>
      <c r="Z9" s="53"/>
      <c r="AA9" s="53"/>
      <c r="AB9" s="53"/>
      <c r="AC9" s="53"/>
      <c r="AD9" s="53"/>
      <c r="AE9" s="53"/>
      <c r="AF9" s="53"/>
      <c r="AG9" s="53"/>
      <c r="AH9" s="53"/>
      <c r="AI9" s="53"/>
      <c r="AJ9" s="53"/>
      <c r="AK9" s="53"/>
      <c r="AL9" s="53"/>
      <c r="AM9" s="53"/>
      <c r="AN9" s="53"/>
      <c r="AO9" s="53"/>
      <c r="AP9" s="53"/>
      <c r="AQ9" s="53"/>
      <c r="AR9" s="53"/>
      <c r="AS9" s="53"/>
      <c r="AT9" s="53"/>
      <c r="AU9" s="53"/>
      <c r="AV9" s="53"/>
      <c r="AW9" s="53"/>
      <c r="AX9" s="53"/>
      <c r="AY9" s="53"/>
      <c r="AZ9" s="53"/>
      <c r="BA9" s="53"/>
      <c r="BB9" s="53"/>
      <c r="BC9" s="53"/>
      <c r="BD9" s="53"/>
      <c r="BE9" s="53"/>
      <c r="BF9" s="53"/>
      <c r="BG9" s="53"/>
      <c r="BH9" s="53"/>
      <c r="BI9" s="53"/>
      <c r="BJ9" s="53"/>
      <c r="BK9" s="53"/>
      <c r="BL9" s="53"/>
      <c r="BM9" s="53"/>
      <c r="BN9" s="53"/>
      <c r="BO9" s="53"/>
      <c r="BP9" s="53"/>
      <c r="BQ9" s="53"/>
      <c r="BR9" s="53"/>
      <c r="BS9" s="53"/>
      <c r="BT9" s="53"/>
      <c r="BU9" s="53"/>
      <c r="BV9" s="53"/>
      <c r="BW9" s="53"/>
      <c r="BX9" s="53"/>
      <c r="BY9" s="53"/>
      <c r="BZ9" s="53"/>
      <c r="CA9" s="53"/>
      <c r="CB9" s="53"/>
      <c r="CC9" s="53"/>
      <c r="CD9" s="53"/>
      <c r="CE9" s="53"/>
      <c r="CF9" s="53"/>
      <c r="CG9" s="53"/>
      <c r="CH9" s="53"/>
      <c r="CI9" s="53"/>
      <c r="CJ9" s="53"/>
      <c r="CK9" s="53"/>
      <c r="CL9" s="53"/>
      <c r="CM9" s="53"/>
      <c r="CN9" s="53"/>
    </row>
    <row r="10" spans="1:92" outlineLevel="1">
      <c r="A10" s="52" t="s">
        <v>739</v>
      </c>
      <c r="B10" s="53"/>
      <c r="C10" s="53"/>
      <c r="D10" s="53"/>
      <c r="E10" s="53"/>
      <c r="F10" s="53"/>
      <c r="G10" s="53"/>
      <c r="H10" s="53"/>
      <c r="I10" s="53"/>
      <c r="J10" s="53"/>
      <c r="K10" s="53"/>
      <c r="L10" s="53"/>
      <c r="M10" s="53"/>
      <c r="N10" s="53"/>
      <c r="O10" s="53"/>
      <c r="P10" s="53"/>
      <c r="Q10" s="53"/>
      <c r="R10" s="53"/>
      <c r="S10" s="53"/>
      <c r="T10" s="53"/>
      <c r="U10" s="53"/>
      <c r="V10" s="53"/>
      <c r="W10" s="53"/>
      <c r="X10" s="53"/>
      <c r="Y10" s="53"/>
      <c r="Z10" s="53"/>
      <c r="AA10" s="53"/>
      <c r="AB10" s="53"/>
      <c r="AC10" s="53"/>
      <c r="AD10" s="53"/>
      <c r="AE10" s="53"/>
      <c r="AF10" s="53"/>
      <c r="AG10" s="53"/>
      <c r="AH10" s="53"/>
      <c r="AI10" s="53"/>
      <c r="AJ10" s="53"/>
      <c r="AK10" s="53"/>
      <c r="AL10" s="53"/>
      <c r="AM10" s="53"/>
      <c r="AN10" s="53"/>
      <c r="AO10" s="53"/>
      <c r="AP10" s="53"/>
      <c r="AQ10" s="53"/>
      <c r="AR10" s="53"/>
      <c r="AS10" s="53"/>
      <c r="AT10" s="53"/>
      <c r="AU10" s="53"/>
      <c r="AV10" s="53"/>
      <c r="AW10" s="53"/>
      <c r="AX10" s="53"/>
      <c r="AY10" s="53"/>
      <c r="AZ10" s="53"/>
      <c r="BA10" s="53"/>
      <c r="BB10" s="53"/>
      <c r="BC10" s="53"/>
      <c r="BD10" s="53"/>
      <c r="BE10" s="53"/>
      <c r="BF10" s="53"/>
      <c r="BG10" s="53"/>
      <c r="BH10" s="53"/>
      <c r="BI10" s="53"/>
      <c r="BJ10" s="53"/>
      <c r="BK10" s="53"/>
      <c r="BL10" s="53"/>
      <c r="BM10" s="53"/>
      <c r="BN10" s="53"/>
      <c r="BO10" s="53"/>
      <c r="BP10" s="53"/>
      <c r="BQ10" s="53"/>
      <c r="BR10" s="53"/>
      <c r="BS10" s="53"/>
      <c r="BT10" s="53"/>
      <c r="BU10" s="53"/>
      <c r="BV10" s="53"/>
      <c r="BW10" s="53"/>
      <c r="BX10" s="53"/>
      <c r="BY10" s="53"/>
      <c r="BZ10" s="53"/>
      <c r="CA10" s="53"/>
      <c r="CB10" s="53"/>
      <c r="CC10" s="53"/>
      <c r="CD10" s="53"/>
      <c r="CE10" s="53"/>
      <c r="CF10" s="53"/>
      <c r="CG10" s="53"/>
      <c r="CH10" s="53"/>
      <c r="CI10" s="53"/>
      <c r="CJ10" s="53"/>
      <c r="CK10" s="53"/>
      <c r="CL10" s="53"/>
      <c r="CM10" s="53"/>
      <c r="CN10" s="53"/>
    </row>
    <row r="11" spans="1:92" outlineLevel="1">
      <c r="A11" s="52" t="s">
        <v>1219</v>
      </c>
      <c r="B11" s="53"/>
      <c r="C11" s="53"/>
      <c r="D11" s="53"/>
      <c r="E11" s="53"/>
      <c r="F11" s="53"/>
      <c r="G11" s="53"/>
      <c r="H11" s="53"/>
      <c r="I11" s="53"/>
      <c r="J11" s="53"/>
      <c r="K11" s="53"/>
      <c r="L11" s="53"/>
      <c r="M11" s="53"/>
      <c r="N11" s="53"/>
      <c r="O11" s="53"/>
      <c r="P11" s="53"/>
      <c r="Q11" s="53"/>
      <c r="R11" s="53"/>
      <c r="S11" s="53"/>
      <c r="T11" s="53"/>
      <c r="U11" s="53"/>
      <c r="V11" s="53"/>
      <c r="W11" s="53"/>
      <c r="X11" s="53"/>
      <c r="Y11" s="53"/>
      <c r="Z11" s="53"/>
      <c r="AA11" s="53"/>
      <c r="AB11" s="53"/>
      <c r="AC11" s="53"/>
      <c r="AD11" s="53"/>
      <c r="AE11" s="53"/>
      <c r="AF11" s="53"/>
      <c r="AG11" s="53"/>
      <c r="AH11" s="53"/>
      <c r="AI11" s="53"/>
      <c r="AJ11" s="53"/>
      <c r="AK11" s="53"/>
      <c r="AL11" s="53"/>
      <c r="AM11" s="53"/>
      <c r="AN11" s="53"/>
      <c r="AO11" s="53"/>
      <c r="AP11" s="53"/>
      <c r="AQ11" s="53"/>
      <c r="AR11" s="53"/>
      <c r="AS11" s="53"/>
      <c r="AT11" s="53"/>
      <c r="AU11" s="53"/>
      <c r="AV11" s="53"/>
      <c r="AW11" s="53"/>
      <c r="AX11" s="53"/>
      <c r="AY11" s="53"/>
      <c r="AZ11" s="53"/>
      <c r="BA11" s="53"/>
      <c r="BB11" s="53"/>
      <c r="BC11" s="53"/>
      <c r="BD11" s="53"/>
      <c r="BE11" s="53"/>
      <c r="BF11" s="53"/>
      <c r="BG11" s="53"/>
      <c r="BH11" s="53"/>
      <c r="BI11" s="53"/>
      <c r="BJ11" s="53"/>
      <c r="BK11" s="53"/>
      <c r="BL11" s="53"/>
      <c r="BM11" s="53"/>
      <c r="BN11" s="53"/>
      <c r="BO11" s="53"/>
      <c r="BP11" s="53"/>
      <c r="BQ11" s="53"/>
      <c r="BR11" s="53"/>
      <c r="BS11" s="53"/>
      <c r="BT11" s="53"/>
      <c r="BU11" s="53"/>
      <c r="BV11" s="53"/>
      <c r="BW11" s="53"/>
      <c r="BX11" s="53"/>
      <c r="BY11" s="53"/>
      <c r="BZ11" s="53"/>
      <c r="CA11" s="53"/>
      <c r="CB11" s="53"/>
      <c r="CC11" s="53"/>
      <c r="CD11" s="53"/>
      <c r="CE11" s="53"/>
      <c r="CF11" s="53"/>
      <c r="CG11" s="53"/>
      <c r="CH11" s="53"/>
      <c r="CI11" s="53"/>
      <c r="CJ11" s="53"/>
      <c r="CK11" s="53"/>
      <c r="CL11" s="53"/>
      <c r="CM11" s="53"/>
      <c r="CN11" s="53"/>
    </row>
    <row r="12" spans="1:92" outlineLevel="1">
      <c r="A12" s="52" t="s">
        <v>649</v>
      </c>
      <c r="B12" s="53"/>
      <c r="C12" s="53"/>
      <c r="D12" s="53"/>
      <c r="E12" s="53"/>
      <c r="F12" s="53"/>
      <c r="G12" s="53"/>
      <c r="H12" s="53"/>
      <c r="I12" s="53"/>
      <c r="J12" s="53"/>
      <c r="K12" s="53"/>
      <c r="L12" s="53"/>
      <c r="M12" s="53"/>
      <c r="N12" s="53"/>
      <c r="O12" s="53"/>
      <c r="P12" s="53"/>
      <c r="Q12" s="53"/>
      <c r="R12" s="53"/>
      <c r="S12" s="53"/>
      <c r="T12" s="53"/>
      <c r="U12" s="53"/>
      <c r="V12" s="53">
        <v>34957002.304019198</v>
      </c>
      <c r="W12" s="53">
        <v>97623944.7103073</v>
      </c>
      <c r="X12" s="53">
        <v>240481624.42002299</v>
      </c>
      <c r="Y12" s="53">
        <v>60551123.303601101</v>
      </c>
      <c r="Z12" s="53"/>
      <c r="AA12" s="53">
        <v>433613694.73795098</v>
      </c>
      <c r="AB12" s="53"/>
      <c r="AC12" s="53"/>
      <c r="AD12" s="53"/>
      <c r="AE12" s="53"/>
      <c r="AF12" s="53"/>
      <c r="AG12" s="53"/>
      <c r="AH12" s="53"/>
      <c r="AI12" s="53">
        <v>137442028.716232</v>
      </c>
      <c r="AJ12" s="53">
        <v>239377237.91134599</v>
      </c>
      <c r="AK12" s="53">
        <v>393280992.26323497</v>
      </c>
      <c r="AL12" s="53">
        <v>193048441.87334099</v>
      </c>
      <c r="AM12" s="53"/>
      <c r="AN12" s="53">
        <v>963148700.76415598</v>
      </c>
      <c r="AO12" s="53"/>
      <c r="AP12" s="53"/>
      <c r="AQ12" s="53"/>
      <c r="AR12" s="53"/>
      <c r="AS12" s="53"/>
      <c r="AT12" s="53">
        <v>233794140.86158001</v>
      </c>
      <c r="AU12" s="53">
        <v>227643124.22132599</v>
      </c>
      <c r="AV12" s="53">
        <v>280939309.93058503</v>
      </c>
      <c r="AW12" s="53">
        <v>341934612.80359203</v>
      </c>
      <c r="AX12" s="53">
        <v>384555249.98042399</v>
      </c>
      <c r="AY12" s="53">
        <v>71955812.614500195</v>
      </c>
      <c r="AZ12" s="53"/>
      <c r="BA12" s="53">
        <v>1540822250.4119999</v>
      </c>
      <c r="BB12" s="53"/>
      <c r="BC12" s="53"/>
      <c r="BD12" s="53"/>
      <c r="BE12" s="53"/>
      <c r="BF12" s="53"/>
      <c r="BG12" s="53">
        <v>233559606.438665</v>
      </c>
      <c r="BH12" s="53">
        <v>256509907.93695101</v>
      </c>
      <c r="BI12" s="53">
        <v>316266376.39893699</v>
      </c>
      <c r="BJ12" s="53">
        <v>290456805.72593403</v>
      </c>
      <c r="BK12" s="53">
        <v>345374414.50259</v>
      </c>
      <c r="BL12" s="53">
        <v>25961727.997004099</v>
      </c>
      <c r="BM12" s="53"/>
      <c r="BN12" s="53">
        <v>1468128839.0000801</v>
      </c>
      <c r="BO12" s="53"/>
      <c r="BP12" s="53"/>
      <c r="BQ12" s="53"/>
      <c r="BR12" s="53"/>
      <c r="BS12" s="53"/>
      <c r="BT12" s="53">
        <v>89413364.099600807</v>
      </c>
      <c r="BU12" s="53">
        <v>131321263.992834</v>
      </c>
      <c r="BV12" s="53">
        <v>209891225.351459</v>
      </c>
      <c r="BW12" s="53">
        <v>354915954.59222502</v>
      </c>
      <c r="BX12" s="53">
        <v>406748952.61554003</v>
      </c>
      <c r="BY12" s="53">
        <v>76328665.770742998</v>
      </c>
      <c r="BZ12" s="53"/>
      <c r="CA12" s="53">
        <v>1268619426.4224</v>
      </c>
      <c r="CB12" s="53"/>
      <c r="CC12" s="53"/>
      <c r="CD12" s="53"/>
      <c r="CE12" s="53"/>
      <c r="CF12" s="53"/>
      <c r="CG12" s="53"/>
      <c r="CH12" s="53"/>
      <c r="CI12" s="53">
        <v>135781289.63455999</v>
      </c>
      <c r="CJ12" s="53">
        <v>187269772.34568301</v>
      </c>
      <c r="CK12" s="53">
        <v>329052477.29803097</v>
      </c>
      <c r="CL12" s="53">
        <v>128905879.141932</v>
      </c>
      <c r="CM12" s="53">
        <v>7838809.6437666602</v>
      </c>
      <c r="CN12" s="53">
        <v>788848228.06397402</v>
      </c>
    </row>
    <row r="13" spans="1:92" outlineLevel="1">
      <c r="A13" s="52" t="s">
        <v>1220</v>
      </c>
      <c r="B13" s="53"/>
      <c r="C13" s="53"/>
      <c r="D13" s="53"/>
      <c r="E13" s="53"/>
      <c r="F13" s="53"/>
      <c r="G13" s="53"/>
      <c r="H13" s="53"/>
      <c r="I13" s="53"/>
      <c r="J13" s="53"/>
      <c r="K13" s="53"/>
      <c r="L13" s="53"/>
      <c r="M13" s="53"/>
      <c r="N13" s="53"/>
      <c r="O13" s="53"/>
      <c r="P13" s="53"/>
      <c r="Q13" s="53"/>
      <c r="R13" s="53"/>
      <c r="S13" s="53"/>
      <c r="T13" s="53"/>
      <c r="U13" s="53"/>
      <c r="V13" s="53"/>
      <c r="W13" s="53"/>
      <c r="X13" s="53"/>
      <c r="Y13" s="53"/>
      <c r="Z13" s="53"/>
      <c r="AA13" s="53"/>
      <c r="AB13" s="53"/>
      <c r="AC13" s="53"/>
      <c r="AD13" s="53"/>
      <c r="AE13" s="53"/>
      <c r="AF13" s="53"/>
      <c r="AG13" s="53"/>
      <c r="AH13" s="53"/>
      <c r="AI13" s="53"/>
      <c r="AJ13" s="53"/>
      <c r="AK13" s="53"/>
      <c r="AL13" s="53"/>
      <c r="AM13" s="53"/>
      <c r="AN13" s="53"/>
      <c r="AO13" s="53"/>
      <c r="AP13" s="53"/>
      <c r="AQ13" s="53"/>
      <c r="AR13" s="53"/>
      <c r="AS13" s="53"/>
      <c r="AT13" s="53"/>
      <c r="AU13" s="53"/>
      <c r="AV13" s="53"/>
      <c r="AW13" s="53"/>
      <c r="AX13" s="53"/>
      <c r="AY13" s="53"/>
      <c r="AZ13" s="53"/>
      <c r="BA13" s="53"/>
      <c r="BB13" s="53"/>
      <c r="BC13" s="53"/>
      <c r="BD13" s="53"/>
      <c r="BE13" s="53"/>
      <c r="BF13" s="53"/>
      <c r="BG13" s="53"/>
      <c r="BH13" s="53"/>
      <c r="BI13" s="53"/>
      <c r="BJ13" s="53"/>
      <c r="BK13" s="53"/>
      <c r="BL13" s="53"/>
      <c r="BM13" s="53"/>
      <c r="BN13" s="53"/>
      <c r="BO13" s="53"/>
      <c r="BP13" s="53"/>
      <c r="BQ13" s="53"/>
      <c r="BR13" s="53"/>
      <c r="BS13" s="53"/>
      <c r="BT13" s="53"/>
      <c r="BU13" s="53"/>
      <c r="BV13" s="53"/>
      <c r="BW13" s="53"/>
      <c r="BX13" s="53"/>
      <c r="BY13" s="53"/>
      <c r="BZ13" s="53"/>
      <c r="CA13" s="53"/>
      <c r="CB13" s="53"/>
      <c r="CC13" s="53"/>
      <c r="CD13" s="53"/>
      <c r="CE13" s="53"/>
      <c r="CF13" s="53"/>
      <c r="CG13" s="53"/>
      <c r="CH13" s="53"/>
      <c r="CI13" s="53"/>
      <c r="CJ13" s="53"/>
      <c r="CK13" s="53"/>
      <c r="CL13" s="53"/>
      <c r="CM13" s="53"/>
      <c r="CN13" s="53"/>
    </row>
    <row r="14" spans="1:92" outlineLevel="1">
      <c r="A14" s="52" t="s">
        <v>1221</v>
      </c>
      <c r="B14" s="53"/>
      <c r="C14" s="53"/>
      <c r="D14" s="53"/>
      <c r="E14" s="53"/>
      <c r="F14" s="53"/>
      <c r="G14" s="53"/>
      <c r="H14" s="53"/>
      <c r="I14" s="53"/>
      <c r="J14" s="53"/>
      <c r="K14" s="53"/>
      <c r="L14" s="53"/>
      <c r="M14" s="53"/>
      <c r="N14" s="53"/>
      <c r="O14" s="53">
        <v>1189666.97029785</v>
      </c>
      <c r="P14" s="53">
        <v>2233349.8897617199</v>
      </c>
      <c r="Q14" s="53">
        <v>179387.54782046899</v>
      </c>
      <c r="R14" s="53">
        <v>1033052.38650028</v>
      </c>
      <c r="S14" s="53">
        <v>2076362.0680704</v>
      </c>
      <c r="T14" s="53">
        <v>2249648.3520378801</v>
      </c>
      <c r="U14" s="53">
        <v>3297603.1986955102</v>
      </c>
      <c r="V14" s="53">
        <v>4349358.0009448398</v>
      </c>
      <c r="W14" s="53">
        <v>4557024.1327773901</v>
      </c>
      <c r="X14" s="53">
        <v>5613510.6354678497</v>
      </c>
      <c r="Y14" s="53">
        <v>6673966.4049185701</v>
      </c>
      <c r="Z14" s="53">
        <v>6665560.7110996898</v>
      </c>
      <c r="AA14" s="53">
        <v>40118490.298392497</v>
      </c>
      <c r="AB14" s="53">
        <v>7903196.5122474199</v>
      </c>
      <c r="AC14" s="53">
        <v>8994305.0694999602</v>
      </c>
      <c r="AD14" s="53">
        <v>9640693.4855225701</v>
      </c>
      <c r="AE14" s="53">
        <v>10543825.307235699</v>
      </c>
      <c r="AF14" s="53">
        <v>11646861.093870901</v>
      </c>
      <c r="AG14" s="53">
        <v>11842252.917847799</v>
      </c>
      <c r="AH14" s="53">
        <v>12946880.624033101</v>
      </c>
      <c r="AI14" s="53">
        <v>14055242.750561099</v>
      </c>
      <c r="AJ14" s="53">
        <v>14282564.3204113</v>
      </c>
      <c r="AK14" s="53">
        <v>15395441.999409299</v>
      </c>
      <c r="AL14" s="53">
        <v>16514879.670560701</v>
      </c>
      <c r="AM14" s="53">
        <v>16513815.966390001</v>
      </c>
      <c r="AN14" s="53">
        <v>150279959.71759</v>
      </c>
      <c r="AO14" s="53">
        <v>17633676.896308299</v>
      </c>
      <c r="AP14" s="53">
        <v>18756596.925441898</v>
      </c>
      <c r="AQ14" s="53">
        <v>19415172.210011199</v>
      </c>
      <c r="AR14" s="53">
        <v>20346295.839072201</v>
      </c>
      <c r="AS14" s="53">
        <v>21479561.534265298</v>
      </c>
      <c r="AT14" s="53">
        <v>21712692.5097069</v>
      </c>
      <c r="AU14" s="53">
        <v>22846867.133390199</v>
      </c>
      <c r="AV14" s="53">
        <v>23984117.645277999</v>
      </c>
      <c r="AW14" s="53">
        <v>24219085.231812298</v>
      </c>
      <c r="AX14" s="53">
        <v>25360057.2071984</v>
      </c>
      <c r="AY14" s="53">
        <v>26506920.252508398</v>
      </c>
      <c r="AZ14" s="53">
        <v>26507151.8803395</v>
      </c>
      <c r="BA14" s="53">
        <v>268768195.265333</v>
      </c>
      <c r="BB14" s="53">
        <v>27653006.958791699</v>
      </c>
      <c r="BC14" s="53">
        <v>28801921.730377302</v>
      </c>
      <c r="BD14" s="53">
        <v>29475718.909522198</v>
      </c>
      <c r="BE14" s="53">
        <v>30428569.385194398</v>
      </c>
      <c r="BF14" s="53">
        <v>31587884.503713001</v>
      </c>
      <c r="BG14" s="53">
        <v>31827302.641490199</v>
      </c>
      <c r="BH14" s="53">
        <v>32987556.006354</v>
      </c>
      <c r="BI14" s="53">
        <v>34150907.511043899</v>
      </c>
      <c r="BJ14" s="53">
        <v>34392181.504638001</v>
      </c>
      <c r="BK14" s="53">
        <v>35559283.678215101</v>
      </c>
      <c r="BL14" s="53">
        <v>36732298.968410604</v>
      </c>
      <c r="BM14" s="53">
        <v>36733670.199525297</v>
      </c>
      <c r="BN14" s="53">
        <v>390330301.99727601</v>
      </c>
      <c r="BO14" s="53">
        <v>37906832.402995303</v>
      </c>
      <c r="BP14" s="53">
        <v>39083127.215820402</v>
      </c>
      <c r="BQ14" s="53">
        <v>39773981.380675599</v>
      </c>
      <c r="BR14" s="53">
        <v>40749765.333554</v>
      </c>
      <c r="BS14" s="53">
        <v>41936640.387849197</v>
      </c>
      <c r="BT14" s="53">
        <v>42182807.076667197</v>
      </c>
      <c r="BU14" s="53">
        <v>43370711.988754399</v>
      </c>
      <c r="BV14" s="53">
        <v>44561788.876574799</v>
      </c>
      <c r="BW14" s="53">
        <v>44809871.6395832</v>
      </c>
      <c r="BX14" s="53">
        <v>46004791.4103164</v>
      </c>
      <c r="BY14" s="53">
        <v>47205698.576966099</v>
      </c>
      <c r="BZ14" s="53">
        <v>47208420.346398003</v>
      </c>
      <c r="CA14" s="53">
        <v>514794436.63615501</v>
      </c>
      <c r="CB14" s="53">
        <v>31603238.0376059</v>
      </c>
      <c r="CC14" s="53">
        <v>32546244.852846898</v>
      </c>
      <c r="CD14" s="53">
        <v>33056917.571814001</v>
      </c>
      <c r="CE14" s="53">
        <v>33819913.831041798</v>
      </c>
      <c r="CF14" s="53">
        <v>34766155.657343701</v>
      </c>
      <c r="CG14" s="53">
        <v>34870152.815458603</v>
      </c>
      <c r="CH14" s="53">
        <v>35817927.357885003</v>
      </c>
      <c r="CI14" s="53">
        <v>36767158.1933994</v>
      </c>
      <c r="CJ14" s="53">
        <v>36882544.603856601</v>
      </c>
      <c r="CK14" s="53">
        <v>37833299.897772402</v>
      </c>
      <c r="CL14" s="53">
        <v>38785398.849575698</v>
      </c>
      <c r="CM14" s="53">
        <v>38694636.710088797</v>
      </c>
      <c r="CN14" s="53">
        <v>425443588.37868899</v>
      </c>
    </row>
    <row r="15" spans="1:92" outlineLevel="1">
      <c r="A15" s="52" t="s">
        <v>672</v>
      </c>
      <c r="B15" s="53"/>
      <c r="C15" s="53"/>
      <c r="D15" s="53"/>
      <c r="E15" s="53"/>
      <c r="F15" s="53"/>
      <c r="G15" s="53"/>
      <c r="H15" s="53"/>
      <c r="I15" s="53"/>
      <c r="J15" s="53"/>
      <c r="K15" s="53"/>
      <c r="L15" s="53"/>
      <c r="M15" s="53"/>
      <c r="N15" s="53"/>
      <c r="O15" s="53"/>
      <c r="P15" s="53"/>
      <c r="Q15" s="53"/>
      <c r="R15" s="53"/>
      <c r="S15" s="53"/>
      <c r="T15" s="53"/>
      <c r="U15" s="53"/>
      <c r="V15" s="53"/>
      <c r="W15" s="53"/>
      <c r="X15" s="53"/>
      <c r="Y15" s="53"/>
      <c r="Z15" s="53"/>
      <c r="AA15" s="53"/>
      <c r="AB15" s="53"/>
      <c r="AC15" s="53"/>
      <c r="AD15" s="53"/>
      <c r="AE15" s="53"/>
      <c r="AF15" s="53"/>
      <c r="AG15" s="53"/>
      <c r="AH15" s="53"/>
      <c r="AI15" s="53"/>
      <c r="AJ15" s="53"/>
      <c r="AK15" s="53"/>
      <c r="AL15" s="53"/>
      <c r="AM15" s="53"/>
      <c r="AN15" s="53"/>
      <c r="AO15" s="53"/>
      <c r="AP15" s="53"/>
      <c r="AQ15" s="53"/>
      <c r="AR15" s="53"/>
      <c r="AS15" s="53"/>
      <c r="AT15" s="53"/>
      <c r="AU15" s="53"/>
      <c r="AV15" s="53"/>
      <c r="AW15" s="53"/>
      <c r="AX15" s="53"/>
      <c r="AY15" s="53"/>
      <c r="AZ15" s="53"/>
      <c r="BA15" s="53"/>
      <c r="BB15" s="53"/>
      <c r="BC15" s="53"/>
      <c r="BD15" s="53"/>
      <c r="BE15" s="53"/>
      <c r="BF15" s="53"/>
      <c r="BG15" s="53"/>
      <c r="BH15" s="53"/>
      <c r="BI15" s="53"/>
      <c r="BJ15" s="53"/>
      <c r="BK15" s="53"/>
      <c r="BL15" s="53"/>
      <c r="BM15" s="53"/>
      <c r="BN15" s="53"/>
      <c r="BO15" s="53"/>
      <c r="BP15" s="53"/>
      <c r="BQ15" s="53"/>
      <c r="BR15" s="53"/>
      <c r="BS15" s="53"/>
      <c r="BT15" s="53"/>
      <c r="BU15" s="53"/>
      <c r="BV15" s="53"/>
      <c r="BW15" s="53"/>
      <c r="BX15" s="53"/>
      <c r="BY15" s="53"/>
      <c r="BZ15" s="53"/>
      <c r="CA15" s="53"/>
      <c r="CB15" s="53"/>
      <c r="CC15" s="53"/>
      <c r="CD15" s="53"/>
      <c r="CE15" s="53"/>
      <c r="CF15" s="53"/>
      <c r="CG15" s="53"/>
      <c r="CH15" s="53"/>
      <c r="CI15" s="53"/>
      <c r="CJ15" s="53"/>
      <c r="CK15" s="53"/>
      <c r="CL15" s="53"/>
      <c r="CM15" s="53"/>
      <c r="CN15" s="53"/>
    </row>
    <row r="16" spans="1:92" outlineLevel="1">
      <c r="A16" s="52" t="s">
        <v>745</v>
      </c>
      <c r="B16" s="53"/>
      <c r="C16" s="53"/>
      <c r="D16" s="53"/>
      <c r="E16" s="53"/>
      <c r="F16" s="53"/>
      <c r="G16" s="53"/>
      <c r="H16" s="53"/>
      <c r="I16" s="53"/>
      <c r="J16" s="53"/>
      <c r="K16" s="53"/>
      <c r="L16" s="53"/>
      <c r="M16" s="53"/>
      <c r="N16" s="53"/>
      <c r="O16" s="53"/>
      <c r="P16" s="53"/>
      <c r="Q16" s="53"/>
      <c r="R16" s="53"/>
      <c r="S16" s="53"/>
      <c r="T16" s="53"/>
      <c r="U16" s="53"/>
      <c r="V16" s="53"/>
      <c r="W16" s="53"/>
      <c r="X16" s="53"/>
      <c r="Y16" s="53"/>
      <c r="Z16" s="53"/>
      <c r="AA16" s="53"/>
      <c r="AB16" s="53"/>
      <c r="AC16" s="53"/>
      <c r="AD16" s="53"/>
      <c r="AE16" s="53"/>
      <c r="AF16" s="53"/>
      <c r="AG16" s="53"/>
      <c r="AH16" s="53"/>
      <c r="AI16" s="53"/>
      <c r="AJ16" s="53"/>
      <c r="AK16" s="53"/>
      <c r="AL16" s="53"/>
      <c r="AM16" s="53"/>
      <c r="AN16" s="53"/>
      <c r="AO16" s="53"/>
      <c r="AP16" s="53"/>
      <c r="AQ16" s="53"/>
      <c r="AR16" s="53"/>
      <c r="AS16" s="53"/>
      <c r="AT16" s="53"/>
      <c r="AU16" s="53"/>
      <c r="AV16" s="53"/>
      <c r="AW16" s="53"/>
      <c r="AX16" s="53"/>
      <c r="AY16" s="53"/>
      <c r="AZ16" s="53"/>
      <c r="BA16" s="53"/>
      <c r="BB16" s="53"/>
      <c r="BC16" s="53"/>
      <c r="BD16" s="53"/>
      <c r="BE16" s="53"/>
      <c r="BF16" s="53"/>
      <c r="BG16" s="53"/>
      <c r="BH16" s="53"/>
      <c r="BI16" s="53"/>
      <c r="BJ16" s="53"/>
      <c r="BK16" s="53"/>
      <c r="BL16" s="53"/>
      <c r="BM16" s="53"/>
      <c r="BN16" s="53"/>
      <c r="BO16" s="53"/>
      <c r="BP16" s="53"/>
      <c r="BQ16" s="53"/>
      <c r="BR16" s="53"/>
      <c r="BS16" s="53"/>
      <c r="BT16" s="53"/>
      <c r="BU16" s="53"/>
      <c r="BV16" s="53"/>
      <c r="BW16" s="53"/>
      <c r="BX16" s="53"/>
      <c r="BY16" s="53"/>
      <c r="BZ16" s="53"/>
      <c r="CA16" s="53"/>
      <c r="CB16" s="53"/>
      <c r="CC16" s="53"/>
      <c r="CD16" s="53"/>
      <c r="CE16" s="53"/>
      <c r="CF16" s="53"/>
      <c r="CG16" s="53"/>
      <c r="CH16" s="53"/>
      <c r="CI16" s="53"/>
      <c r="CJ16" s="53"/>
      <c r="CK16" s="53"/>
      <c r="CL16" s="53"/>
      <c r="CM16" s="53"/>
      <c r="CN16" s="53"/>
    </row>
    <row r="17" spans="1:92" outlineLevel="1">
      <c r="A17" s="52" t="s">
        <v>1222</v>
      </c>
      <c r="B17" s="53"/>
      <c r="C17" s="53"/>
      <c r="D17" s="53"/>
      <c r="E17" s="53"/>
      <c r="F17" s="53"/>
      <c r="G17" s="53"/>
      <c r="H17" s="53"/>
      <c r="I17" s="53"/>
      <c r="J17" s="53"/>
      <c r="K17" s="53"/>
      <c r="L17" s="53"/>
      <c r="M17" s="53"/>
      <c r="N17" s="53"/>
      <c r="O17" s="53"/>
      <c r="P17" s="53"/>
      <c r="Q17" s="53"/>
      <c r="R17" s="53"/>
      <c r="S17" s="53"/>
      <c r="T17" s="53"/>
      <c r="U17" s="53"/>
      <c r="V17" s="53"/>
      <c r="W17" s="53"/>
      <c r="X17" s="53"/>
      <c r="Y17" s="53"/>
      <c r="Z17" s="53"/>
      <c r="AA17" s="53"/>
      <c r="AB17" s="53"/>
      <c r="AC17" s="53"/>
      <c r="AD17" s="53"/>
      <c r="AE17" s="53"/>
      <c r="AF17" s="53"/>
      <c r="AG17" s="53"/>
      <c r="AH17" s="53"/>
      <c r="AI17" s="53"/>
      <c r="AJ17" s="53"/>
      <c r="AK17" s="53"/>
      <c r="AL17" s="53"/>
      <c r="AM17" s="53"/>
      <c r="AN17" s="53"/>
      <c r="AO17" s="53"/>
      <c r="AP17" s="53"/>
      <c r="AQ17" s="53"/>
      <c r="AR17" s="53"/>
      <c r="AS17" s="53"/>
      <c r="AT17" s="53"/>
      <c r="AU17" s="53"/>
      <c r="AV17" s="53"/>
      <c r="AW17" s="53"/>
      <c r="AX17" s="53"/>
      <c r="AY17" s="53"/>
      <c r="AZ17" s="53"/>
      <c r="BA17" s="53"/>
      <c r="BB17" s="53"/>
      <c r="BC17" s="53"/>
      <c r="BD17" s="53"/>
      <c r="BE17" s="53"/>
      <c r="BF17" s="53"/>
      <c r="BG17" s="53"/>
      <c r="BH17" s="53"/>
      <c r="BI17" s="53"/>
      <c r="BJ17" s="53"/>
      <c r="BK17" s="53"/>
      <c r="BL17" s="53"/>
      <c r="BM17" s="53"/>
      <c r="BN17" s="53"/>
      <c r="BO17" s="53"/>
      <c r="BP17" s="53"/>
      <c r="BQ17" s="53"/>
      <c r="BR17" s="53"/>
      <c r="BS17" s="53"/>
      <c r="BT17" s="53"/>
      <c r="BU17" s="53"/>
      <c r="BV17" s="53"/>
      <c r="BW17" s="53"/>
      <c r="BX17" s="53"/>
      <c r="BY17" s="53"/>
      <c r="BZ17" s="53"/>
      <c r="CA17" s="53"/>
      <c r="CB17" s="53"/>
      <c r="CC17" s="53"/>
      <c r="CD17" s="53"/>
      <c r="CE17" s="53"/>
      <c r="CF17" s="53"/>
      <c r="CG17" s="53"/>
      <c r="CH17" s="53"/>
      <c r="CI17" s="53"/>
      <c r="CJ17" s="53"/>
      <c r="CK17" s="53"/>
      <c r="CL17" s="53"/>
      <c r="CM17" s="53"/>
      <c r="CN17" s="53"/>
    </row>
    <row r="18" spans="1:92" outlineLevel="1">
      <c r="A18" s="52" t="s">
        <v>649</v>
      </c>
      <c r="B18" s="53"/>
      <c r="C18" s="53"/>
      <c r="D18" s="53"/>
      <c r="E18" s="53"/>
      <c r="F18" s="53"/>
      <c r="G18" s="53"/>
      <c r="H18" s="53"/>
      <c r="I18" s="53"/>
      <c r="J18" s="53"/>
      <c r="K18" s="53"/>
      <c r="L18" s="53"/>
      <c r="M18" s="53"/>
      <c r="N18" s="53"/>
      <c r="O18" s="53"/>
      <c r="P18" s="53">
        <v>-1189666.97029785</v>
      </c>
      <c r="Q18" s="53">
        <v>-2233349.8897617199</v>
      </c>
      <c r="R18" s="53">
        <v>-179387.54782046899</v>
      </c>
      <c r="S18" s="53">
        <v>-1033052.38650028</v>
      </c>
      <c r="T18" s="53">
        <v>-2076362.0680704</v>
      </c>
      <c r="U18" s="53">
        <v>-2249648.3520378801</v>
      </c>
      <c r="V18" s="53">
        <v>-3297603.1986955102</v>
      </c>
      <c r="W18" s="53">
        <v>-4349358.0009448398</v>
      </c>
      <c r="X18" s="53">
        <v>-4557024.1327773901</v>
      </c>
      <c r="Y18" s="53">
        <v>-5613510.6354678497</v>
      </c>
      <c r="Z18" s="53">
        <v>-6673966.4049185701</v>
      </c>
      <c r="AA18" s="53">
        <v>-33452929.587292701</v>
      </c>
      <c r="AB18" s="53">
        <v>-6665560.7110996898</v>
      </c>
      <c r="AC18" s="53">
        <v>-7903196.5122474199</v>
      </c>
      <c r="AD18" s="53">
        <v>-8994305.0694999602</v>
      </c>
      <c r="AE18" s="53">
        <v>-9640693.4855225701</v>
      </c>
      <c r="AF18" s="53">
        <v>-10543825.307235699</v>
      </c>
      <c r="AG18" s="53">
        <v>-11646861.093870901</v>
      </c>
      <c r="AH18" s="53">
        <v>-11842252.917847799</v>
      </c>
      <c r="AI18" s="53">
        <v>-12946880.624033101</v>
      </c>
      <c r="AJ18" s="53">
        <v>-14055242.750561099</v>
      </c>
      <c r="AK18" s="53">
        <v>-14282564.3204113</v>
      </c>
      <c r="AL18" s="53">
        <v>-15395441.999409299</v>
      </c>
      <c r="AM18" s="53">
        <v>-16514879.670560701</v>
      </c>
      <c r="AN18" s="53">
        <v>-140431704.4623</v>
      </c>
      <c r="AO18" s="53">
        <v>-16513815.966390001</v>
      </c>
      <c r="AP18" s="53">
        <v>-17633676.896308299</v>
      </c>
      <c r="AQ18" s="53">
        <v>-18756596.925441898</v>
      </c>
      <c r="AR18" s="53">
        <v>-19415172.210011199</v>
      </c>
      <c r="AS18" s="53">
        <v>-20346295.839072201</v>
      </c>
      <c r="AT18" s="53">
        <v>-21479561.534265298</v>
      </c>
      <c r="AU18" s="53">
        <v>-21712692.5097069</v>
      </c>
      <c r="AV18" s="53">
        <v>-22846867.133390199</v>
      </c>
      <c r="AW18" s="53">
        <v>-23984117.645277999</v>
      </c>
      <c r="AX18" s="53">
        <v>-24219085.231812298</v>
      </c>
      <c r="AY18" s="53">
        <v>-25360057.2071984</v>
      </c>
      <c r="AZ18" s="53">
        <v>-26506920.252508398</v>
      </c>
      <c r="BA18" s="53">
        <v>-258774859.351383</v>
      </c>
      <c r="BB18" s="53">
        <v>-26507151.8803395</v>
      </c>
      <c r="BC18" s="53">
        <v>-27653006.958791699</v>
      </c>
      <c r="BD18" s="53">
        <v>-28801921.730377302</v>
      </c>
      <c r="BE18" s="53">
        <v>-29475718.909522198</v>
      </c>
      <c r="BF18" s="53">
        <v>-30428569.385194398</v>
      </c>
      <c r="BG18" s="53">
        <v>-31587884.503713001</v>
      </c>
      <c r="BH18" s="53">
        <v>-31827302.641490199</v>
      </c>
      <c r="BI18" s="53">
        <v>-32987556.006354</v>
      </c>
      <c r="BJ18" s="53">
        <v>-34150907.511043899</v>
      </c>
      <c r="BK18" s="53">
        <v>-34392181.504638001</v>
      </c>
      <c r="BL18" s="53">
        <v>-35559283.678215101</v>
      </c>
      <c r="BM18" s="53">
        <v>-36732298.968410604</v>
      </c>
      <c r="BN18" s="53">
        <v>-380103783.67808998</v>
      </c>
      <c r="BO18" s="53">
        <v>-36733670.199525297</v>
      </c>
      <c r="BP18" s="53">
        <v>-37906832.402995303</v>
      </c>
      <c r="BQ18" s="53">
        <v>-39083127.215820402</v>
      </c>
      <c r="BR18" s="53">
        <v>-39773981.380675599</v>
      </c>
      <c r="BS18" s="53">
        <v>-40749765.333554</v>
      </c>
      <c r="BT18" s="53">
        <v>-41936640.387849197</v>
      </c>
      <c r="BU18" s="53">
        <v>-42182807.076667197</v>
      </c>
      <c r="BV18" s="53">
        <v>-43370711.988754399</v>
      </c>
      <c r="BW18" s="53">
        <v>-44561788.876574799</v>
      </c>
      <c r="BX18" s="53">
        <v>-44809871.6395832</v>
      </c>
      <c r="BY18" s="53">
        <v>-46004791.4103164</v>
      </c>
      <c r="BZ18" s="53">
        <v>-47205698.576966099</v>
      </c>
      <c r="CA18" s="53">
        <v>-504319686.48928201</v>
      </c>
      <c r="CB18" s="53">
        <v>-30611641.870372999</v>
      </c>
      <c r="CC18" s="53">
        <v>-31603238.0376059</v>
      </c>
      <c r="CD18" s="53">
        <v>-32546244.852846898</v>
      </c>
      <c r="CE18" s="53">
        <v>-33056917.571814001</v>
      </c>
      <c r="CF18" s="53">
        <v>-33819913.831041798</v>
      </c>
      <c r="CG18" s="53">
        <v>-34766155.657343701</v>
      </c>
      <c r="CH18" s="53">
        <v>-34870152.815458603</v>
      </c>
      <c r="CI18" s="53">
        <v>-35817927.357885003</v>
      </c>
      <c r="CJ18" s="53">
        <v>-36767158.1933994</v>
      </c>
      <c r="CK18" s="53">
        <v>-36882544.603856601</v>
      </c>
      <c r="CL18" s="53">
        <v>-37833299.897772402</v>
      </c>
      <c r="CM18" s="53">
        <v>-38785398.849575698</v>
      </c>
      <c r="CN18" s="53">
        <v>-417360593.53897297</v>
      </c>
    </row>
    <row r="19" spans="1:92" outlineLevel="1">
      <c r="A19" s="52" t="s">
        <v>1223</v>
      </c>
      <c r="B19" s="53"/>
      <c r="C19" s="53"/>
      <c r="D19" s="53"/>
      <c r="E19" s="53"/>
      <c r="F19" s="53"/>
      <c r="G19" s="53"/>
      <c r="H19" s="53"/>
      <c r="I19" s="53"/>
      <c r="J19" s="53"/>
      <c r="K19" s="53"/>
      <c r="L19" s="53"/>
      <c r="M19" s="53"/>
      <c r="N19" s="53"/>
      <c r="O19" s="53"/>
      <c r="P19" s="53"/>
      <c r="Q19" s="53"/>
      <c r="R19" s="53"/>
      <c r="S19" s="53"/>
      <c r="T19" s="53"/>
      <c r="U19" s="53"/>
      <c r="V19" s="53"/>
      <c r="W19" s="53"/>
      <c r="X19" s="53"/>
      <c r="Y19" s="53"/>
      <c r="Z19" s="53"/>
      <c r="AA19" s="53"/>
      <c r="AB19" s="53"/>
      <c r="AC19" s="53"/>
      <c r="AD19" s="53"/>
      <c r="AE19" s="53"/>
      <c r="AF19" s="53"/>
      <c r="AG19" s="53"/>
      <c r="AH19" s="53"/>
      <c r="AI19" s="53"/>
      <c r="AJ19" s="53"/>
      <c r="AK19" s="53"/>
      <c r="AL19" s="53"/>
      <c r="AM19" s="53"/>
      <c r="AN19" s="53"/>
      <c r="AO19" s="53"/>
      <c r="AP19" s="53"/>
      <c r="AQ19" s="53"/>
      <c r="AR19" s="53"/>
      <c r="AS19" s="53"/>
      <c r="AT19" s="53"/>
      <c r="AU19" s="53"/>
      <c r="AV19" s="53"/>
      <c r="AW19" s="53"/>
      <c r="AX19" s="53"/>
      <c r="AY19" s="53"/>
      <c r="AZ19" s="53"/>
      <c r="BA19" s="53"/>
      <c r="BB19" s="53"/>
      <c r="BC19" s="53"/>
      <c r="BD19" s="53"/>
      <c r="BE19" s="53"/>
      <c r="BF19" s="53"/>
      <c r="BG19" s="53"/>
      <c r="BH19" s="53"/>
      <c r="BI19" s="53"/>
      <c r="BJ19" s="53"/>
      <c r="BK19" s="53"/>
      <c r="BL19" s="53"/>
      <c r="BM19" s="53"/>
      <c r="BN19" s="53"/>
      <c r="BO19" s="53"/>
      <c r="BP19" s="53"/>
      <c r="BQ19" s="53"/>
      <c r="BR19" s="53"/>
      <c r="BS19" s="53"/>
      <c r="BT19" s="53"/>
      <c r="BU19" s="53"/>
      <c r="BV19" s="53"/>
      <c r="BW19" s="53"/>
      <c r="BX19" s="53"/>
      <c r="BY19" s="53"/>
      <c r="BZ19" s="53"/>
      <c r="CA19" s="53"/>
      <c r="CB19" s="53"/>
      <c r="CC19" s="53"/>
      <c r="CD19" s="53"/>
      <c r="CE19" s="53"/>
      <c r="CF19" s="53"/>
      <c r="CG19" s="53"/>
      <c r="CH19" s="53"/>
      <c r="CI19" s="53"/>
      <c r="CJ19" s="53"/>
      <c r="CK19" s="53"/>
      <c r="CL19" s="53"/>
      <c r="CM19" s="53"/>
      <c r="CN19" s="53"/>
    </row>
    <row r="20" spans="1:92" outlineLevel="1">
      <c r="A20" s="52" t="s">
        <v>649</v>
      </c>
      <c r="B20" s="53"/>
      <c r="C20" s="53"/>
      <c r="D20" s="53"/>
      <c r="E20" s="53"/>
      <c r="F20" s="53"/>
      <c r="G20" s="53"/>
      <c r="H20" s="53"/>
      <c r="I20" s="53"/>
      <c r="J20" s="53"/>
      <c r="K20" s="53"/>
      <c r="L20" s="53"/>
      <c r="M20" s="53"/>
      <c r="N20" s="53"/>
      <c r="O20" s="53"/>
      <c r="P20" s="53"/>
      <c r="Q20" s="53"/>
      <c r="R20" s="53"/>
      <c r="S20" s="53"/>
      <c r="T20" s="53"/>
      <c r="U20" s="53"/>
      <c r="V20" s="53"/>
      <c r="W20" s="53">
        <v>-34957002.304019198</v>
      </c>
      <c r="X20" s="53">
        <v>-97623944.7103073</v>
      </c>
      <c r="Y20" s="53">
        <v>-240481624.42002299</v>
      </c>
      <c r="Z20" s="53">
        <v>-60551123.303601101</v>
      </c>
      <c r="AA20" s="53">
        <v>-433613694.73795098</v>
      </c>
      <c r="AB20" s="53"/>
      <c r="AC20" s="53"/>
      <c r="AD20" s="53"/>
      <c r="AE20" s="53"/>
      <c r="AF20" s="53"/>
      <c r="AG20" s="53"/>
      <c r="AH20" s="53"/>
      <c r="AI20" s="53"/>
      <c r="AJ20" s="53">
        <v>-137442028.716232</v>
      </c>
      <c r="AK20" s="53">
        <v>-239377237.91134599</v>
      </c>
      <c r="AL20" s="53">
        <v>-393280992.26323497</v>
      </c>
      <c r="AM20" s="53">
        <v>-193048441.87334099</v>
      </c>
      <c r="AN20" s="53">
        <v>-963148700.76415598</v>
      </c>
      <c r="AO20" s="53"/>
      <c r="AP20" s="53"/>
      <c r="AQ20" s="53"/>
      <c r="AR20" s="53"/>
      <c r="AS20" s="53"/>
      <c r="AT20" s="53"/>
      <c r="AU20" s="53">
        <v>-233794140.86158001</v>
      </c>
      <c r="AV20" s="53">
        <v>-227643124.22132599</v>
      </c>
      <c r="AW20" s="53">
        <v>-280939309.93058503</v>
      </c>
      <c r="AX20" s="53">
        <v>-341934612.80359203</v>
      </c>
      <c r="AY20" s="53">
        <v>-384555249.98042399</v>
      </c>
      <c r="AZ20" s="53">
        <v>-71955812.614500105</v>
      </c>
      <c r="BA20" s="53">
        <v>-1540822250.4119999</v>
      </c>
      <c r="BB20" s="53"/>
      <c r="BC20" s="53"/>
      <c r="BD20" s="53"/>
      <c r="BE20" s="53"/>
      <c r="BF20" s="53"/>
      <c r="BG20" s="53"/>
      <c r="BH20" s="53">
        <v>-233559606.438665</v>
      </c>
      <c r="BI20" s="53">
        <v>-256509907.93695101</v>
      </c>
      <c r="BJ20" s="53">
        <v>-316266376.39893699</v>
      </c>
      <c r="BK20" s="53">
        <v>-290456805.72593403</v>
      </c>
      <c r="BL20" s="53">
        <v>-345374414.50259</v>
      </c>
      <c r="BM20" s="53">
        <v>-25961727.997004099</v>
      </c>
      <c r="BN20" s="53">
        <v>-1468128839.0000801</v>
      </c>
      <c r="BO20" s="53"/>
      <c r="BP20" s="53"/>
      <c r="BQ20" s="53"/>
      <c r="BR20" s="53"/>
      <c r="BS20" s="53"/>
      <c r="BT20" s="53"/>
      <c r="BU20" s="53">
        <v>-89413364.099600807</v>
      </c>
      <c r="BV20" s="53">
        <v>-131321263.992834</v>
      </c>
      <c r="BW20" s="53">
        <v>-209891225.351459</v>
      </c>
      <c r="BX20" s="53">
        <v>-354915954.59222502</v>
      </c>
      <c r="BY20" s="53">
        <v>-406748952.61554003</v>
      </c>
      <c r="BZ20" s="53">
        <v>-76328665.770742998</v>
      </c>
      <c r="CA20" s="53">
        <v>-1268619426.4224</v>
      </c>
      <c r="CB20" s="53"/>
      <c r="CC20" s="53"/>
      <c r="CD20" s="53"/>
      <c r="CE20" s="53"/>
      <c r="CF20" s="53"/>
      <c r="CG20" s="53"/>
      <c r="CH20" s="53"/>
      <c r="CI20" s="53"/>
      <c r="CJ20" s="53">
        <v>-135781289.63455999</v>
      </c>
      <c r="CK20" s="53">
        <v>-187269772.34568301</v>
      </c>
      <c r="CL20" s="53">
        <v>-329052477.29803097</v>
      </c>
      <c r="CM20" s="53">
        <v>-128905879.141932</v>
      </c>
      <c r="CN20" s="53">
        <v>-781009418.42020798</v>
      </c>
    </row>
    <row r="21" spans="1:92">
      <c r="A21" s="52" t="s">
        <v>1224</v>
      </c>
      <c r="B21" s="53">
        <v>0</v>
      </c>
      <c r="C21" s="53">
        <v>0</v>
      </c>
      <c r="D21" s="53">
        <v>0</v>
      </c>
      <c r="E21" s="53">
        <v>0</v>
      </c>
      <c r="F21" s="53">
        <v>0</v>
      </c>
      <c r="G21" s="53">
        <v>0</v>
      </c>
      <c r="H21" s="53">
        <v>0</v>
      </c>
      <c r="I21" s="53">
        <v>0</v>
      </c>
      <c r="J21" s="53">
        <v>0</v>
      </c>
      <c r="K21" s="53">
        <v>0</v>
      </c>
      <c r="L21" s="53">
        <v>0</v>
      </c>
      <c r="M21" s="53">
        <v>0</v>
      </c>
      <c r="N21" s="53">
        <v>0</v>
      </c>
      <c r="O21" s="53">
        <v>1189666.97029785</v>
      </c>
      <c r="P21" s="53">
        <v>2233349.8897617199</v>
      </c>
      <c r="Q21" s="53">
        <v>179387.54782046899</v>
      </c>
      <c r="R21" s="53">
        <v>1033052.38650028</v>
      </c>
      <c r="S21" s="53">
        <v>2076362.0680704</v>
      </c>
      <c r="T21" s="53">
        <v>2249648.3520378801</v>
      </c>
      <c r="U21" s="53">
        <v>3297603.1986955102</v>
      </c>
      <c r="V21" s="53">
        <v>39306360.304963998</v>
      </c>
      <c r="W21" s="53">
        <v>102180968.84308399</v>
      </c>
      <c r="X21" s="53">
        <v>246095135.055491</v>
      </c>
      <c r="Y21" s="53">
        <v>67225089.708519697</v>
      </c>
      <c r="Z21" s="53">
        <v>6665560.7110996898</v>
      </c>
      <c r="AA21" s="53">
        <v>6665560.7110996898</v>
      </c>
      <c r="AB21" s="53">
        <v>7903196.5122474199</v>
      </c>
      <c r="AC21" s="53">
        <v>8994305.0694999602</v>
      </c>
      <c r="AD21" s="53">
        <v>9640693.4855225701</v>
      </c>
      <c r="AE21" s="53">
        <v>10543825.307235699</v>
      </c>
      <c r="AF21" s="53">
        <v>11646861.093870901</v>
      </c>
      <c r="AG21" s="53">
        <v>11842252.917847799</v>
      </c>
      <c r="AH21" s="53">
        <v>12946880.624033101</v>
      </c>
      <c r="AI21" s="53">
        <v>151497271.466793</v>
      </c>
      <c r="AJ21" s="53">
        <v>253659802.23175699</v>
      </c>
      <c r="AK21" s="53">
        <v>408676434.26264501</v>
      </c>
      <c r="AL21" s="53">
        <v>209563321.543901</v>
      </c>
      <c r="AM21" s="53">
        <v>16513815.966390001</v>
      </c>
      <c r="AN21" s="53">
        <v>16513815.966390001</v>
      </c>
      <c r="AO21" s="53">
        <v>17633676.896308299</v>
      </c>
      <c r="AP21" s="53">
        <v>18756596.925441898</v>
      </c>
      <c r="AQ21" s="53">
        <v>19415172.210011199</v>
      </c>
      <c r="AR21" s="53">
        <v>20346295.839072201</v>
      </c>
      <c r="AS21" s="53">
        <v>21479561.534265298</v>
      </c>
      <c r="AT21" s="53">
        <v>255506833.37128699</v>
      </c>
      <c r="AU21" s="53">
        <v>250489991.354716</v>
      </c>
      <c r="AV21" s="53">
        <v>304923427.575863</v>
      </c>
      <c r="AW21" s="53">
        <v>366153698.03540498</v>
      </c>
      <c r="AX21" s="53">
        <v>409915307.18762201</v>
      </c>
      <c r="AY21" s="53">
        <v>98462732.867008597</v>
      </c>
      <c r="AZ21" s="53">
        <v>26507151.8803395</v>
      </c>
      <c r="BA21" s="53">
        <v>26507151.8803395</v>
      </c>
      <c r="BB21" s="53">
        <v>27653006.958791699</v>
      </c>
      <c r="BC21" s="53">
        <v>28801921.730377302</v>
      </c>
      <c r="BD21" s="53">
        <v>29475718.909522198</v>
      </c>
      <c r="BE21" s="53">
        <v>30428569.385194398</v>
      </c>
      <c r="BF21" s="53">
        <v>31587884.503713001</v>
      </c>
      <c r="BG21" s="53">
        <v>265386909.08015499</v>
      </c>
      <c r="BH21" s="53">
        <v>289497463.94330502</v>
      </c>
      <c r="BI21" s="53">
        <v>350417283.90998101</v>
      </c>
      <c r="BJ21" s="53">
        <v>324848987.23057199</v>
      </c>
      <c r="BK21" s="53">
        <v>380933698.18080503</v>
      </c>
      <c r="BL21" s="53">
        <v>62694026.9654148</v>
      </c>
      <c r="BM21" s="53">
        <v>36733670.199525297</v>
      </c>
      <c r="BN21" s="53">
        <v>36733670.199525297</v>
      </c>
      <c r="BO21" s="53">
        <v>37906832.402995303</v>
      </c>
      <c r="BP21" s="53">
        <v>39083127.215820402</v>
      </c>
      <c r="BQ21" s="53">
        <v>39773981.380675599</v>
      </c>
      <c r="BR21" s="53">
        <v>40749765.333554</v>
      </c>
      <c r="BS21" s="53">
        <v>41936640.387849197</v>
      </c>
      <c r="BT21" s="53">
        <v>131596171.176268</v>
      </c>
      <c r="BU21" s="53">
        <v>174691975.98158801</v>
      </c>
      <c r="BV21" s="53">
        <v>254453014.22803399</v>
      </c>
      <c r="BW21" s="53">
        <v>399725826.23180801</v>
      </c>
      <c r="BX21" s="53">
        <v>452753744.02585602</v>
      </c>
      <c r="BY21" s="53">
        <v>123534364.347709</v>
      </c>
      <c r="BZ21" s="53">
        <v>47208420.346398003</v>
      </c>
      <c r="CA21" s="53">
        <v>47208420.346398003</v>
      </c>
      <c r="CB21" s="53">
        <v>31603238.0376059</v>
      </c>
      <c r="CC21" s="53">
        <v>32546244.852846898</v>
      </c>
      <c r="CD21" s="53">
        <v>33056917.571814001</v>
      </c>
      <c r="CE21" s="53">
        <v>33819913.831041798</v>
      </c>
      <c r="CF21" s="53">
        <v>34766155.657343701</v>
      </c>
      <c r="CG21" s="53">
        <v>34870152.815458603</v>
      </c>
      <c r="CH21" s="53">
        <v>35817927.357885003</v>
      </c>
      <c r="CI21" s="53">
        <v>172548447.827959</v>
      </c>
      <c r="CJ21" s="53">
        <v>224152316.94953999</v>
      </c>
      <c r="CK21" s="53">
        <v>366885777.19580299</v>
      </c>
      <c r="CL21" s="53">
        <v>167691277.99150801</v>
      </c>
      <c r="CM21" s="53">
        <v>46533446.353855498</v>
      </c>
      <c r="CN21" s="53">
        <v>46533446.353855498</v>
      </c>
    </row>
    <row r="22" spans="1:92" outlineLevel="1">
      <c r="A22" s="52" t="s">
        <v>1218</v>
      </c>
      <c r="B22" s="53">
        <v>22991564.399999999</v>
      </c>
      <c r="C22" s="53">
        <v>34302451.090000004</v>
      </c>
      <c r="D22" s="53">
        <v>37866581.869999997</v>
      </c>
      <c r="E22" s="53">
        <v>12588353.9099999</v>
      </c>
      <c r="F22" s="53">
        <v>16039955.51</v>
      </c>
      <c r="G22" s="53">
        <v>32420786.439999901</v>
      </c>
      <c r="H22" s="53">
        <v>44359930.909999996</v>
      </c>
      <c r="I22" s="53">
        <v>28158787.2999999</v>
      </c>
      <c r="J22" s="53">
        <v>40371437.859999999</v>
      </c>
      <c r="K22" s="53">
        <v>25430191.949999999</v>
      </c>
      <c r="L22" s="53">
        <v>29146212</v>
      </c>
      <c r="M22" s="53">
        <v>39996699.909999996</v>
      </c>
      <c r="N22" s="53">
        <v>22991564.399999999</v>
      </c>
      <c r="O22" s="53">
        <v>44989931.859999999</v>
      </c>
      <c r="P22" s="53"/>
      <c r="Q22" s="53"/>
      <c r="R22" s="53"/>
      <c r="S22" s="53"/>
      <c r="T22" s="53"/>
      <c r="U22" s="53"/>
      <c r="V22" s="53"/>
      <c r="W22" s="53"/>
      <c r="X22" s="53"/>
      <c r="Y22" s="53"/>
      <c r="Z22" s="53"/>
      <c r="AA22" s="53">
        <v>44989931.859999999</v>
      </c>
      <c r="AB22" s="53"/>
      <c r="AC22" s="53"/>
      <c r="AD22" s="53"/>
      <c r="AE22" s="53"/>
      <c r="AF22" s="53"/>
      <c r="AG22" s="53"/>
      <c r="AH22" s="53"/>
      <c r="AI22" s="53"/>
      <c r="AJ22" s="53"/>
      <c r="AK22" s="53"/>
      <c r="AL22" s="53"/>
      <c r="AM22" s="53"/>
      <c r="AN22" s="53"/>
      <c r="AO22" s="53"/>
      <c r="AP22" s="53"/>
      <c r="AQ22" s="53"/>
      <c r="AR22" s="53"/>
      <c r="AS22" s="53"/>
      <c r="AT22" s="53"/>
      <c r="AU22" s="53"/>
      <c r="AV22" s="53"/>
      <c r="AW22" s="53"/>
      <c r="AX22" s="53"/>
      <c r="AY22" s="53"/>
      <c r="AZ22" s="53"/>
      <c r="BA22" s="53"/>
      <c r="BB22" s="53"/>
      <c r="BC22" s="53"/>
      <c r="BD22" s="53"/>
      <c r="BE22" s="53"/>
      <c r="BF22" s="53"/>
      <c r="BG22" s="53"/>
      <c r="BH22" s="53"/>
      <c r="BI22" s="53"/>
      <c r="BJ22" s="53"/>
      <c r="BK22" s="53"/>
      <c r="BL22" s="53"/>
      <c r="BM22" s="53"/>
      <c r="BN22" s="53"/>
      <c r="BO22" s="53"/>
      <c r="BP22" s="53"/>
      <c r="BQ22" s="53"/>
      <c r="BR22" s="53"/>
      <c r="BS22" s="53"/>
      <c r="BT22" s="53"/>
      <c r="BU22" s="53"/>
      <c r="BV22" s="53"/>
      <c r="BW22" s="53"/>
      <c r="BX22" s="53"/>
      <c r="BY22" s="53"/>
      <c r="BZ22" s="53"/>
      <c r="CA22" s="53"/>
      <c r="CB22" s="53"/>
      <c r="CC22" s="53"/>
      <c r="CD22" s="53"/>
      <c r="CE22" s="53"/>
      <c r="CF22" s="53"/>
      <c r="CG22" s="53"/>
      <c r="CH22" s="53"/>
      <c r="CI22" s="53"/>
      <c r="CJ22" s="53"/>
      <c r="CK22" s="53"/>
      <c r="CL22" s="53"/>
      <c r="CM22" s="53"/>
      <c r="CN22" s="53"/>
    </row>
    <row r="23" spans="1:92" outlineLevel="1">
      <c r="A23" s="52" t="s">
        <v>672</v>
      </c>
      <c r="B23" s="53"/>
      <c r="C23" s="53"/>
      <c r="D23" s="53"/>
      <c r="E23" s="53"/>
      <c r="F23" s="53"/>
      <c r="G23" s="53"/>
      <c r="H23" s="53"/>
      <c r="I23" s="53"/>
      <c r="J23" s="53"/>
      <c r="K23" s="53"/>
      <c r="L23" s="53"/>
      <c r="M23" s="53"/>
      <c r="N23" s="53"/>
      <c r="O23" s="53"/>
      <c r="P23" s="53"/>
      <c r="Q23" s="53"/>
      <c r="R23" s="53"/>
      <c r="S23" s="53"/>
      <c r="T23" s="53"/>
      <c r="U23" s="53"/>
      <c r="V23" s="53"/>
      <c r="W23" s="53"/>
      <c r="X23" s="53"/>
      <c r="Y23" s="53"/>
      <c r="Z23" s="53"/>
      <c r="AA23" s="53"/>
      <c r="AB23" s="53"/>
      <c r="AC23" s="53"/>
      <c r="AD23" s="53"/>
      <c r="AE23" s="53"/>
      <c r="AF23" s="53"/>
      <c r="AG23" s="53"/>
      <c r="AH23" s="53"/>
      <c r="AI23" s="53"/>
      <c r="AJ23" s="53"/>
      <c r="AK23" s="53"/>
      <c r="AL23" s="53"/>
      <c r="AM23" s="53"/>
      <c r="AN23" s="53"/>
      <c r="AO23" s="53"/>
      <c r="AP23" s="53"/>
      <c r="AQ23" s="53"/>
      <c r="AR23" s="53"/>
      <c r="AS23" s="53"/>
      <c r="AT23" s="53"/>
      <c r="AU23" s="53"/>
      <c r="AV23" s="53"/>
      <c r="AW23" s="53"/>
      <c r="AX23" s="53"/>
      <c r="AY23" s="53"/>
      <c r="AZ23" s="53"/>
      <c r="BA23" s="53"/>
      <c r="BB23" s="53"/>
      <c r="BC23" s="53"/>
      <c r="BD23" s="53"/>
      <c r="BE23" s="53"/>
      <c r="BF23" s="53"/>
      <c r="BG23" s="53"/>
      <c r="BH23" s="53"/>
      <c r="BI23" s="53"/>
      <c r="BJ23" s="53"/>
      <c r="BK23" s="53"/>
      <c r="BL23" s="53"/>
      <c r="BM23" s="53"/>
      <c r="BN23" s="53"/>
      <c r="BO23" s="53"/>
      <c r="BP23" s="53"/>
      <c r="BQ23" s="53"/>
      <c r="BR23" s="53"/>
      <c r="BS23" s="53"/>
      <c r="BT23" s="53"/>
      <c r="BU23" s="53"/>
      <c r="BV23" s="53"/>
      <c r="BW23" s="53"/>
      <c r="BX23" s="53"/>
      <c r="BY23" s="53"/>
      <c r="BZ23" s="53"/>
      <c r="CA23" s="53"/>
      <c r="CB23" s="53"/>
      <c r="CC23" s="53"/>
      <c r="CD23" s="53"/>
      <c r="CE23" s="53"/>
      <c r="CF23" s="53"/>
      <c r="CG23" s="53"/>
      <c r="CH23" s="53"/>
      <c r="CI23" s="53"/>
      <c r="CJ23" s="53"/>
      <c r="CK23" s="53"/>
      <c r="CL23" s="53"/>
      <c r="CM23" s="53"/>
      <c r="CN23" s="53"/>
    </row>
    <row r="24" spans="1:92" outlineLevel="1">
      <c r="A24" s="52" t="s">
        <v>745</v>
      </c>
      <c r="B24" s="53"/>
      <c r="C24" s="53"/>
      <c r="D24" s="53"/>
      <c r="E24" s="53"/>
      <c r="F24" s="53"/>
      <c r="G24" s="53"/>
      <c r="H24" s="53"/>
      <c r="I24" s="53"/>
      <c r="J24" s="53"/>
      <c r="K24" s="53"/>
      <c r="L24" s="53"/>
      <c r="M24" s="53"/>
      <c r="N24" s="53"/>
      <c r="O24" s="53"/>
      <c r="P24" s="53"/>
      <c r="Q24" s="53"/>
      <c r="R24" s="53"/>
      <c r="S24" s="53"/>
      <c r="T24" s="53"/>
      <c r="U24" s="53"/>
      <c r="V24" s="53"/>
      <c r="W24" s="53"/>
      <c r="X24" s="53"/>
      <c r="Y24" s="53"/>
      <c r="Z24" s="53"/>
      <c r="AA24" s="53"/>
      <c r="AB24" s="53"/>
      <c r="AC24" s="53"/>
      <c r="AD24" s="53"/>
      <c r="AE24" s="53"/>
      <c r="AF24" s="53"/>
      <c r="AG24" s="53"/>
      <c r="AH24" s="53"/>
      <c r="AI24" s="53"/>
      <c r="AJ24" s="53"/>
      <c r="AK24" s="53"/>
      <c r="AL24" s="53"/>
      <c r="AM24" s="53"/>
      <c r="AN24" s="53"/>
      <c r="AO24" s="53"/>
      <c r="AP24" s="53"/>
      <c r="AQ24" s="53"/>
      <c r="AR24" s="53"/>
      <c r="AS24" s="53"/>
      <c r="AT24" s="53"/>
      <c r="AU24" s="53"/>
      <c r="AV24" s="53"/>
      <c r="AW24" s="53"/>
      <c r="AX24" s="53"/>
      <c r="AY24" s="53"/>
      <c r="AZ24" s="53"/>
      <c r="BA24" s="53"/>
      <c r="BB24" s="53"/>
      <c r="BC24" s="53"/>
      <c r="BD24" s="53"/>
      <c r="BE24" s="53"/>
      <c r="BF24" s="53"/>
      <c r="BG24" s="53"/>
      <c r="BH24" s="53"/>
      <c r="BI24" s="53"/>
      <c r="BJ24" s="53"/>
      <c r="BK24" s="53"/>
      <c r="BL24" s="53"/>
      <c r="BM24" s="53"/>
      <c r="BN24" s="53"/>
      <c r="BO24" s="53"/>
      <c r="BP24" s="53"/>
      <c r="BQ24" s="53"/>
      <c r="BR24" s="53"/>
      <c r="BS24" s="53"/>
      <c r="BT24" s="53"/>
      <c r="BU24" s="53"/>
      <c r="BV24" s="53"/>
      <c r="BW24" s="53"/>
      <c r="BX24" s="53"/>
      <c r="BY24" s="53"/>
      <c r="BZ24" s="53"/>
      <c r="CA24" s="53"/>
      <c r="CB24" s="53"/>
      <c r="CC24" s="53"/>
      <c r="CD24" s="53"/>
      <c r="CE24" s="53"/>
      <c r="CF24" s="53"/>
      <c r="CG24" s="53"/>
      <c r="CH24" s="53"/>
      <c r="CI24" s="53"/>
      <c r="CJ24" s="53"/>
      <c r="CK24" s="53"/>
      <c r="CL24" s="53"/>
      <c r="CM24" s="53"/>
      <c r="CN24" s="53"/>
    </row>
    <row r="25" spans="1:92" outlineLevel="1">
      <c r="A25" s="52" t="s">
        <v>1225</v>
      </c>
      <c r="B25" s="53"/>
      <c r="C25" s="53"/>
      <c r="D25" s="53"/>
      <c r="E25" s="53"/>
      <c r="F25" s="53"/>
      <c r="G25" s="53"/>
      <c r="H25" s="53"/>
      <c r="I25" s="53"/>
      <c r="J25" s="53"/>
      <c r="K25" s="53"/>
      <c r="L25" s="53"/>
      <c r="M25" s="53"/>
      <c r="N25" s="53"/>
      <c r="O25" s="53"/>
      <c r="P25" s="53"/>
      <c r="Q25" s="53"/>
      <c r="R25" s="53"/>
      <c r="S25" s="53"/>
      <c r="T25" s="53"/>
      <c r="U25" s="53"/>
      <c r="V25" s="53"/>
      <c r="W25" s="53"/>
      <c r="X25" s="53"/>
      <c r="Y25" s="53"/>
      <c r="Z25" s="53"/>
      <c r="AA25" s="53"/>
      <c r="AB25" s="53"/>
      <c r="AC25" s="53"/>
      <c r="AD25" s="53"/>
      <c r="AE25" s="53"/>
      <c r="AF25" s="53"/>
      <c r="AG25" s="53"/>
      <c r="AH25" s="53"/>
      <c r="AI25" s="53"/>
      <c r="AJ25" s="53"/>
      <c r="AK25" s="53"/>
      <c r="AL25" s="53"/>
      <c r="AM25" s="53"/>
      <c r="AN25" s="53"/>
      <c r="AO25" s="53"/>
      <c r="AP25" s="53"/>
      <c r="AQ25" s="53"/>
      <c r="AR25" s="53"/>
      <c r="AS25" s="53"/>
      <c r="AT25" s="53"/>
      <c r="AU25" s="53"/>
      <c r="AV25" s="53"/>
      <c r="AW25" s="53"/>
      <c r="AX25" s="53"/>
      <c r="AY25" s="53"/>
      <c r="AZ25" s="53"/>
      <c r="BA25" s="53"/>
      <c r="BB25" s="53"/>
      <c r="BC25" s="53"/>
      <c r="BD25" s="53"/>
      <c r="BE25" s="53"/>
      <c r="BF25" s="53"/>
      <c r="BG25" s="53"/>
      <c r="BH25" s="53"/>
      <c r="BI25" s="53"/>
      <c r="BJ25" s="53"/>
      <c r="BK25" s="53"/>
      <c r="BL25" s="53"/>
      <c r="BM25" s="53"/>
      <c r="BN25" s="53"/>
      <c r="BO25" s="53"/>
      <c r="BP25" s="53"/>
      <c r="BQ25" s="53"/>
      <c r="BR25" s="53"/>
      <c r="BS25" s="53"/>
      <c r="BT25" s="53"/>
      <c r="BU25" s="53"/>
      <c r="BV25" s="53"/>
      <c r="BW25" s="53"/>
      <c r="BX25" s="53"/>
      <c r="BY25" s="53"/>
      <c r="BZ25" s="53"/>
      <c r="CA25" s="53"/>
      <c r="CB25" s="53"/>
      <c r="CC25" s="53"/>
      <c r="CD25" s="53"/>
      <c r="CE25" s="53"/>
      <c r="CF25" s="53"/>
      <c r="CG25" s="53"/>
      <c r="CH25" s="53"/>
      <c r="CI25" s="53"/>
      <c r="CJ25" s="53"/>
      <c r="CK25" s="53"/>
      <c r="CL25" s="53"/>
      <c r="CM25" s="53"/>
      <c r="CN25" s="53"/>
    </row>
    <row r="26" spans="1:92" outlineLevel="1">
      <c r="A26" s="52" t="s">
        <v>649</v>
      </c>
      <c r="B26" s="53">
        <v>-22991564.399999999</v>
      </c>
      <c r="C26" s="53">
        <v>-34302451.090000004</v>
      </c>
      <c r="D26" s="53">
        <v>-37866581.869999997</v>
      </c>
      <c r="E26" s="53">
        <v>-12588353.9099999</v>
      </c>
      <c r="F26" s="53">
        <v>-16039955.51</v>
      </c>
      <c r="G26" s="53">
        <v>-32420786.439999901</v>
      </c>
      <c r="H26" s="53">
        <v>-44359930.909999996</v>
      </c>
      <c r="I26" s="53">
        <v>-28158787.2999999</v>
      </c>
      <c r="J26" s="53">
        <v>-40371437.859999999</v>
      </c>
      <c r="K26" s="53">
        <v>-25430191.949999999</v>
      </c>
      <c r="L26" s="53">
        <v>-29146212</v>
      </c>
      <c r="M26" s="53">
        <v>-39996699.909999996</v>
      </c>
      <c r="N26" s="53">
        <v>-363672953.14999998</v>
      </c>
      <c r="O26" s="53">
        <v>-44989931.859999999</v>
      </c>
      <c r="P26" s="53"/>
      <c r="Q26" s="53"/>
      <c r="R26" s="53"/>
      <c r="S26" s="53"/>
      <c r="T26" s="53"/>
      <c r="U26" s="53"/>
      <c r="V26" s="53"/>
      <c r="W26" s="53"/>
      <c r="X26" s="53"/>
      <c r="Y26" s="53"/>
      <c r="Z26" s="53"/>
      <c r="AA26" s="53">
        <v>-44989931.859999999</v>
      </c>
      <c r="AB26" s="53"/>
      <c r="AC26" s="53"/>
      <c r="AD26" s="53"/>
      <c r="AE26" s="53"/>
      <c r="AF26" s="53"/>
      <c r="AG26" s="53"/>
      <c r="AH26" s="53"/>
      <c r="AI26" s="53"/>
      <c r="AJ26" s="53"/>
      <c r="AK26" s="53"/>
      <c r="AL26" s="53"/>
      <c r="AM26" s="53"/>
      <c r="AN26" s="53"/>
      <c r="AO26" s="53"/>
      <c r="AP26" s="53"/>
      <c r="AQ26" s="53"/>
      <c r="AR26" s="53"/>
      <c r="AS26" s="53"/>
      <c r="AT26" s="53"/>
      <c r="AU26" s="53"/>
      <c r="AV26" s="53"/>
      <c r="AW26" s="53"/>
      <c r="AX26" s="53"/>
      <c r="AY26" s="53"/>
      <c r="AZ26" s="53"/>
      <c r="BA26" s="53"/>
      <c r="BB26" s="53"/>
      <c r="BC26" s="53"/>
      <c r="BD26" s="53"/>
      <c r="BE26" s="53"/>
      <c r="BF26" s="53"/>
      <c r="BG26" s="53"/>
      <c r="BH26" s="53"/>
      <c r="BI26" s="53"/>
      <c r="BJ26" s="53"/>
      <c r="BK26" s="53"/>
      <c r="BL26" s="53"/>
      <c r="BM26" s="53"/>
      <c r="BN26" s="53"/>
      <c r="BO26" s="53"/>
      <c r="BP26" s="53"/>
      <c r="BQ26" s="53"/>
      <c r="BR26" s="53"/>
      <c r="BS26" s="53"/>
      <c r="BT26" s="53"/>
      <c r="BU26" s="53"/>
      <c r="BV26" s="53"/>
      <c r="BW26" s="53"/>
      <c r="BX26" s="53"/>
      <c r="BY26" s="53"/>
      <c r="BZ26" s="53"/>
      <c r="CA26" s="53"/>
      <c r="CB26" s="53"/>
      <c r="CC26" s="53"/>
      <c r="CD26" s="53"/>
      <c r="CE26" s="53"/>
      <c r="CF26" s="53"/>
      <c r="CG26" s="53"/>
      <c r="CH26" s="53"/>
      <c r="CI26" s="53"/>
      <c r="CJ26" s="53"/>
      <c r="CK26" s="53"/>
      <c r="CL26" s="53"/>
      <c r="CM26" s="53"/>
      <c r="CN26" s="53"/>
    </row>
    <row r="27" spans="1:92">
      <c r="A27" s="52" t="s">
        <v>1226</v>
      </c>
      <c r="B27" s="53">
        <v>34302451.090000004</v>
      </c>
      <c r="C27" s="53">
        <v>37866581.869999997</v>
      </c>
      <c r="D27" s="53">
        <v>12588353.9099999</v>
      </c>
      <c r="E27" s="53">
        <v>16039955.51</v>
      </c>
      <c r="F27" s="53">
        <v>32420786.439999901</v>
      </c>
      <c r="G27" s="53">
        <v>44359930.909999996</v>
      </c>
      <c r="H27" s="53">
        <v>28158787.2999999</v>
      </c>
      <c r="I27" s="53">
        <v>40371437.859999999</v>
      </c>
      <c r="J27" s="53">
        <v>25430191.949999999</v>
      </c>
      <c r="K27" s="53">
        <v>29146212</v>
      </c>
      <c r="L27" s="53">
        <v>39996699.909999996</v>
      </c>
      <c r="M27" s="53">
        <v>44989931.859999999</v>
      </c>
      <c r="N27" s="53">
        <v>44989931.859999999</v>
      </c>
      <c r="O27" s="53">
        <v>0</v>
      </c>
      <c r="P27" s="53">
        <v>0</v>
      </c>
      <c r="Q27" s="53">
        <v>0</v>
      </c>
      <c r="R27" s="53">
        <v>0</v>
      </c>
      <c r="S27" s="53">
        <v>0</v>
      </c>
      <c r="T27" s="53">
        <v>0</v>
      </c>
      <c r="U27" s="53">
        <v>0</v>
      </c>
      <c r="V27" s="53">
        <v>0</v>
      </c>
      <c r="W27" s="53">
        <v>0</v>
      </c>
      <c r="X27" s="53">
        <v>0</v>
      </c>
      <c r="Y27" s="53">
        <v>0</v>
      </c>
      <c r="Z27" s="53">
        <v>0</v>
      </c>
      <c r="AA27" s="53">
        <v>0</v>
      </c>
      <c r="AB27" s="53">
        <v>0</v>
      </c>
      <c r="AC27" s="53">
        <v>0</v>
      </c>
      <c r="AD27" s="53">
        <v>0</v>
      </c>
      <c r="AE27" s="53">
        <v>0</v>
      </c>
      <c r="AF27" s="53">
        <v>0</v>
      </c>
      <c r="AG27" s="53">
        <v>0</v>
      </c>
      <c r="AH27" s="53">
        <v>0</v>
      </c>
      <c r="AI27" s="53">
        <v>0</v>
      </c>
      <c r="AJ27" s="53">
        <v>0</v>
      </c>
      <c r="AK27" s="53">
        <v>0</v>
      </c>
      <c r="AL27" s="53">
        <v>0</v>
      </c>
      <c r="AM27" s="53">
        <v>0</v>
      </c>
      <c r="AN27" s="53">
        <v>0</v>
      </c>
      <c r="AO27" s="53">
        <v>0</v>
      </c>
      <c r="AP27" s="53">
        <v>0</v>
      </c>
      <c r="AQ27" s="53">
        <v>0</v>
      </c>
      <c r="AR27" s="53">
        <v>0</v>
      </c>
      <c r="AS27" s="53">
        <v>0</v>
      </c>
      <c r="AT27" s="53">
        <v>0</v>
      </c>
      <c r="AU27" s="53">
        <v>0</v>
      </c>
      <c r="AV27" s="53">
        <v>0</v>
      </c>
      <c r="AW27" s="53">
        <v>0</v>
      </c>
      <c r="AX27" s="53">
        <v>0</v>
      </c>
      <c r="AY27" s="53">
        <v>0</v>
      </c>
      <c r="AZ27" s="53">
        <v>0</v>
      </c>
      <c r="BA27" s="53">
        <v>0</v>
      </c>
      <c r="BB27" s="53">
        <v>0</v>
      </c>
      <c r="BC27" s="53">
        <v>0</v>
      </c>
      <c r="BD27" s="53">
        <v>0</v>
      </c>
      <c r="BE27" s="53">
        <v>0</v>
      </c>
      <c r="BF27" s="53">
        <v>0</v>
      </c>
      <c r="BG27" s="53">
        <v>0</v>
      </c>
      <c r="BH27" s="53">
        <v>0</v>
      </c>
      <c r="BI27" s="53">
        <v>0</v>
      </c>
      <c r="BJ27" s="53">
        <v>0</v>
      </c>
      <c r="BK27" s="53">
        <v>0</v>
      </c>
      <c r="BL27" s="53">
        <v>0</v>
      </c>
      <c r="BM27" s="53">
        <v>0</v>
      </c>
      <c r="BN27" s="53">
        <v>0</v>
      </c>
      <c r="BO27" s="53">
        <v>0</v>
      </c>
      <c r="BP27" s="53">
        <v>0</v>
      </c>
      <c r="BQ27" s="53">
        <v>0</v>
      </c>
      <c r="BR27" s="53">
        <v>0</v>
      </c>
      <c r="BS27" s="53">
        <v>0</v>
      </c>
      <c r="BT27" s="53">
        <v>0</v>
      </c>
      <c r="BU27" s="53">
        <v>0</v>
      </c>
      <c r="BV27" s="53">
        <v>0</v>
      </c>
      <c r="BW27" s="53">
        <v>0</v>
      </c>
      <c r="BX27" s="53">
        <v>0</v>
      </c>
      <c r="BY27" s="53">
        <v>0</v>
      </c>
      <c r="BZ27" s="53">
        <v>0</v>
      </c>
      <c r="CA27" s="53">
        <v>0</v>
      </c>
      <c r="CB27" s="53">
        <v>0</v>
      </c>
      <c r="CC27" s="53">
        <v>0</v>
      </c>
      <c r="CD27" s="53">
        <v>0</v>
      </c>
      <c r="CE27" s="53">
        <v>0</v>
      </c>
      <c r="CF27" s="53">
        <v>0</v>
      </c>
      <c r="CG27" s="53">
        <v>0</v>
      </c>
      <c r="CH27" s="53">
        <v>0</v>
      </c>
      <c r="CI27" s="53">
        <v>0</v>
      </c>
      <c r="CJ27" s="53">
        <v>0</v>
      </c>
      <c r="CK27" s="53">
        <v>0</v>
      </c>
      <c r="CL27" s="53">
        <v>0</v>
      </c>
      <c r="CM27" s="53">
        <v>0</v>
      </c>
      <c r="CN27" s="53">
        <v>0</v>
      </c>
    </row>
    <row r="28" spans="1:92" outlineLevel="1">
      <c r="A28" s="52" t="s">
        <v>1218</v>
      </c>
      <c r="B28" s="53"/>
      <c r="C28" s="53"/>
      <c r="D28" s="53"/>
      <c r="E28" s="53"/>
      <c r="F28" s="53"/>
      <c r="G28" s="53"/>
      <c r="H28" s="53"/>
      <c r="I28" s="53"/>
      <c r="J28" s="53"/>
      <c r="K28" s="53"/>
      <c r="L28" s="53"/>
      <c r="M28" s="53"/>
      <c r="N28" s="53"/>
      <c r="O28" s="53"/>
      <c r="P28" s="53">
        <v>3999999.9999999902</v>
      </c>
      <c r="Q28" s="53">
        <v>4000000.0000000498</v>
      </c>
      <c r="R28" s="53">
        <v>4000000.0000000498</v>
      </c>
      <c r="S28" s="53">
        <v>4000000.0000000498</v>
      </c>
      <c r="T28" s="53">
        <v>4000000.00000004</v>
      </c>
      <c r="U28" s="53">
        <v>4000000.0000000601</v>
      </c>
      <c r="V28" s="53">
        <v>4000000.0000000498</v>
      </c>
      <c r="W28" s="53">
        <v>4000000.0000000298</v>
      </c>
      <c r="X28" s="53">
        <v>4000000.00000002</v>
      </c>
      <c r="Y28" s="53">
        <v>4000000</v>
      </c>
      <c r="Z28" s="53">
        <v>4000000</v>
      </c>
      <c r="AA28" s="53"/>
      <c r="AB28" s="53">
        <v>4000000.0000000698</v>
      </c>
      <c r="AC28" s="53">
        <v>4000000.0000000698</v>
      </c>
      <c r="AD28" s="53">
        <v>4000000.0000000801</v>
      </c>
      <c r="AE28" s="53">
        <v>4000000.0000000801</v>
      </c>
      <c r="AF28" s="53">
        <v>4000000.0000000498</v>
      </c>
      <c r="AG28" s="53">
        <v>4000000.0000000498</v>
      </c>
      <c r="AH28" s="53">
        <v>4000000.0000000601</v>
      </c>
      <c r="AI28" s="53">
        <v>4000000.0000000601</v>
      </c>
      <c r="AJ28" s="53">
        <v>4000000.0000001001</v>
      </c>
      <c r="AK28" s="53">
        <v>4000000.0000000899</v>
      </c>
      <c r="AL28" s="53">
        <v>4000000.0000001001</v>
      </c>
      <c r="AM28" s="53">
        <v>4000000.0000001099</v>
      </c>
      <c r="AN28" s="53">
        <v>4000000.0000000698</v>
      </c>
      <c r="AO28" s="53">
        <v>4000000.0000001001</v>
      </c>
      <c r="AP28" s="53">
        <v>4000000.0000001099</v>
      </c>
      <c r="AQ28" s="53">
        <v>4000000.0000001201</v>
      </c>
      <c r="AR28" s="53">
        <v>4000000.0000001099</v>
      </c>
      <c r="AS28" s="53">
        <v>4000000.0000000899</v>
      </c>
      <c r="AT28" s="53">
        <v>4000000.0000000899</v>
      </c>
      <c r="AU28" s="53">
        <v>4000000.0000000601</v>
      </c>
      <c r="AV28" s="53">
        <v>4000000.0000000698</v>
      </c>
      <c r="AW28" s="53">
        <v>4000000.0000000801</v>
      </c>
      <c r="AX28" s="53">
        <v>4000000.0000000601</v>
      </c>
      <c r="AY28" s="53">
        <v>4000000.0000000698</v>
      </c>
      <c r="AZ28" s="53">
        <v>4000000.0000001001</v>
      </c>
      <c r="BA28" s="53">
        <v>4000000.0000001001</v>
      </c>
      <c r="BB28" s="53">
        <v>4000000.0000001402</v>
      </c>
      <c r="BC28" s="53">
        <v>4000000.0000001299</v>
      </c>
      <c r="BD28" s="53">
        <v>4000000.0000001201</v>
      </c>
      <c r="BE28" s="53">
        <v>4000000.0000001299</v>
      </c>
      <c r="BF28" s="53">
        <v>4000000.0000001499</v>
      </c>
      <c r="BG28" s="53">
        <v>4000000.0000001499</v>
      </c>
      <c r="BH28" s="53">
        <v>4000000.0000000899</v>
      </c>
      <c r="BI28" s="53">
        <v>4000000.0000001001</v>
      </c>
      <c r="BJ28" s="53">
        <v>4000000.0000001001</v>
      </c>
      <c r="BK28" s="53">
        <v>4000000.0000001099</v>
      </c>
      <c r="BL28" s="53">
        <v>4000000.0000001201</v>
      </c>
      <c r="BM28" s="53">
        <v>4000000.0000001099</v>
      </c>
      <c r="BN28" s="53">
        <v>4000000.0000001402</v>
      </c>
      <c r="BO28" s="53">
        <v>4000000.0000000601</v>
      </c>
      <c r="BP28" s="53">
        <v>4000000.0000001099</v>
      </c>
      <c r="BQ28" s="53">
        <v>4000000.0000001499</v>
      </c>
      <c r="BR28" s="53">
        <v>4000000.0000001299</v>
      </c>
      <c r="BS28" s="53">
        <v>4000000.0000000801</v>
      </c>
      <c r="BT28" s="53">
        <v>4000000.0000001402</v>
      </c>
      <c r="BU28" s="53">
        <v>4000000.0000001402</v>
      </c>
      <c r="BV28" s="53">
        <v>4000000.0000001499</v>
      </c>
      <c r="BW28" s="53">
        <v>4000000.0000001499</v>
      </c>
      <c r="BX28" s="53">
        <v>4000000.0000001201</v>
      </c>
      <c r="BY28" s="53">
        <v>4000000.0000001099</v>
      </c>
      <c r="BZ28" s="53">
        <v>4000000.0000001499</v>
      </c>
      <c r="CA28" s="53">
        <v>4000000.0000000601</v>
      </c>
      <c r="CB28" s="53">
        <v>4000000.0000000801</v>
      </c>
      <c r="CC28" s="53">
        <v>4000000.0000000698</v>
      </c>
      <c r="CD28" s="53">
        <v>4000000.0000000601</v>
      </c>
      <c r="CE28" s="53">
        <v>4000000.0000000498</v>
      </c>
      <c r="CF28" s="53">
        <v>4000000.0000000498</v>
      </c>
      <c r="CG28" s="53">
        <v>4000000.0000000298</v>
      </c>
      <c r="CH28" s="53">
        <v>3999999.9999999902</v>
      </c>
      <c r="CI28" s="53">
        <v>4000000</v>
      </c>
      <c r="CJ28" s="53">
        <v>3999999.9999999902</v>
      </c>
      <c r="CK28" s="53">
        <v>3999999.9999999502</v>
      </c>
      <c r="CL28" s="53">
        <v>3999999.9999999399</v>
      </c>
      <c r="CM28" s="53">
        <v>3999999.9999999502</v>
      </c>
      <c r="CN28" s="53">
        <v>4000000.0000000801</v>
      </c>
    </row>
    <row r="29" spans="1:92" outlineLevel="1">
      <c r="A29" s="52" t="s">
        <v>699</v>
      </c>
      <c r="B29" s="53"/>
      <c r="C29" s="53"/>
      <c r="D29" s="53"/>
      <c r="E29" s="53"/>
      <c r="F29" s="53"/>
      <c r="G29" s="53"/>
      <c r="H29" s="53"/>
      <c r="I29" s="53"/>
      <c r="J29" s="53"/>
      <c r="K29" s="53"/>
      <c r="L29" s="53"/>
      <c r="M29" s="53"/>
      <c r="N29" s="53"/>
      <c r="O29" s="53"/>
      <c r="P29" s="53"/>
      <c r="Q29" s="53"/>
      <c r="R29" s="53"/>
      <c r="S29" s="53"/>
      <c r="T29" s="53"/>
      <c r="U29" s="53"/>
      <c r="V29" s="53"/>
      <c r="W29" s="53"/>
      <c r="X29" s="53"/>
      <c r="Y29" s="53"/>
      <c r="Z29" s="53"/>
      <c r="AA29" s="53"/>
      <c r="AB29" s="53"/>
      <c r="AC29" s="53"/>
      <c r="AD29" s="53"/>
      <c r="AE29" s="53"/>
      <c r="AF29" s="53"/>
      <c r="AG29" s="53"/>
      <c r="AH29" s="53"/>
      <c r="AI29" s="53"/>
      <c r="AJ29" s="53"/>
      <c r="AK29" s="53"/>
      <c r="AL29" s="53"/>
      <c r="AM29" s="53"/>
      <c r="AN29" s="53"/>
      <c r="AO29" s="53"/>
      <c r="AP29" s="53"/>
      <c r="AQ29" s="53"/>
      <c r="AR29" s="53"/>
      <c r="AS29" s="53"/>
      <c r="AT29" s="53"/>
      <c r="AU29" s="53"/>
      <c r="AV29" s="53"/>
      <c r="AW29" s="53"/>
      <c r="AX29" s="53"/>
      <c r="AY29" s="53"/>
      <c r="AZ29" s="53"/>
      <c r="BA29" s="53"/>
      <c r="BB29" s="53"/>
      <c r="BC29" s="53"/>
      <c r="BD29" s="53"/>
      <c r="BE29" s="53"/>
      <c r="BF29" s="53"/>
      <c r="BG29" s="53"/>
      <c r="BH29" s="53"/>
      <c r="BI29" s="53"/>
      <c r="BJ29" s="53"/>
      <c r="BK29" s="53"/>
      <c r="BL29" s="53"/>
      <c r="BM29" s="53"/>
      <c r="BN29" s="53"/>
      <c r="BO29" s="53"/>
      <c r="BP29" s="53"/>
      <c r="BQ29" s="53"/>
      <c r="BR29" s="53"/>
      <c r="BS29" s="53"/>
      <c r="BT29" s="53"/>
      <c r="BU29" s="53"/>
      <c r="BV29" s="53"/>
      <c r="BW29" s="53"/>
      <c r="BX29" s="53"/>
      <c r="BY29" s="53"/>
      <c r="BZ29" s="53"/>
      <c r="CA29" s="53"/>
      <c r="CB29" s="53"/>
      <c r="CC29" s="53"/>
      <c r="CD29" s="53"/>
      <c r="CE29" s="53"/>
      <c r="CF29" s="53"/>
      <c r="CG29" s="53"/>
      <c r="CH29" s="53"/>
      <c r="CI29" s="53"/>
      <c r="CJ29" s="53"/>
      <c r="CK29" s="53"/>
      <c r="CL29" s="53"/>
      <c r="CM29" s="53"/>
      <c r="CN29" s="53"/>
    </row>
    <row r="30" spans="1:92" outlineLevel="1">
      <c r="A30" s="52" t="s">
        <v>1227</v>
      </c>
      <c r="B30" s="53"/>
      <c r="C30" s="53"/>
      <c r="D30" s="53"/>
      <c r="E30" s="53"/>
      <c r="F30" s="53"/>
      <c r="G30" s="53"/>
      <c r="H30" s="53"/>
      <c r="I30" s="53"/>
      <c r="J30" s="53"/>
      <c r="K30" s="53"/>
      <c r="L30" s="53"/>
      <c r="M30" s="53"/>
      <c r="N30" s="53"/>
      <c r="O30" s="53"/>
      <c r="P30" s="53"/>
      <c r="Q30" s="53"/>
      <c r="R30" s="53"/>
      <c r="S30" s="53"/>
      <c r="T30" s="53"/>
      <c r="U30" s="53"/>
      <c r="V30" s="53"/>
      <c r="W30" s="53"/>
      <c r="X30" s="53"/>
      <c r="Y30" s="53"/>
      <c r="Z30" s="53"/>
      <c r="AA30" s="53"/>
      <c r="AB30" s="53"/>
      <c r="AC30" s="53"/>
      <c r="AD30" s="53"/>
      <c r="AE30" s="53"/>
      <c r="AF30" s="53"/>
      <c r="AG30" s="53"/>
      <c r="AH30" s="53"/>
      <c r="AI30" s="53"/>
      <c r="AJ30" s="53"/>
      <c r="AK30" s="53"/>
      <c r="AL30" s="53"/>
      <c r="AM30" s="53"/>
      <c r="AN30" s="53"/>
      <c r="AO30" s="53"/>
      <c r="AP30" s="53"/>
      <c r="AQ30" s="53"/>
      <c r="AR30" s="53"/>
      <c r="AS30" s="53"/>
      <c r="AT30" s="53"/>
      <c r="AU30" s="53"/>
      <c r="AV30" s="53"/>
      <c r="AW30" s="53"/>
      <c r="AX30" s="53"/>
      <c r="AY30" s="53"/>
      <c r="AZ30" s="53"/>
      <c r="BA30" s="53"/>
      <c r="BB30" s="53"/>
      <c r="BC30" s="53"/>
      <c r="BD30" s="53"/>
      <c r="BE30" s="53"/>
      <c r="BF30" s="53"/>
      <c r="BG30" s="53"/>
      <c r="BH30" s="53"/>
      <c r="BI30" s="53"/>
      <c r="BJ30" s="53"/>
      <c r="BK30" s="53"/>
      <c r="BL30" s="53"/>
      <c r="BM30" s="53"/>
      <c r="BN30" s="53"/>
      <c r="BO30" s="53"/>
      <c r="BP30" s="53"/>
      <c r="BQ30" s="53"/>
      <c r="BR30" s="53"/>
      <c r="BS30" s="53"/>
      <c r="BT30" s="53"/>
      <c r="BU30" s="53"/>
      <c r="BV30" s="53"/>
      <c r="BW30" s="53"/>
      <c r="BX30" s="53"/>
      <c r="BY30" s="53"/>
      <c r="BZ30" s="53"/>
      <c r="CA30" s="53"/>
      <c r="CB30" s="53"/>
      <c r="CC30" s="53"/>
      <c r="CD30" s="53"/>
      <c r="CE30" s="53"/>
      <c r="CF30" s="53"/>
      <c r="CG30" s="53"/>
      <c r="CH30" s="53"/>
      <c r="CI30" s="53"/>
      <c r="CJ30" s="53"/>
      <c r="CK30" s="53"/>
      <c r="CL30" s="53"/>
      <c r="CM30" s="53"/>
      <c r="CN30" s="53"/>
    </row>
    <row r="31" spans="1:92" outlineLevel="1">
      <c r="A31" s="52" t="s">
        <v>1228</v>
      </c>
      <c r="B31" s="53"/>
      <c r="C31" s="53"/>
      <c r="D31" s="53"/>
      <c r="E31" s="53"/>
      <c r="F31" s="53"/>
      <c r="G31" s="53"/>
      <c r="H31" s="53"/>
      <c r="I31" s="53"/>
      <c r="J31" s="53"/>
      <c r="K31" s="53"/>
      <c r="L31" s="53"/>
      <c r="M31" s="53"/>
      <c r="N31" s="53"/>
      <c r="O31" s="53"/>
      <c r="P31" s="53"/>
      <c r="Q31" s="53"/>
      <c r="R31" s="53"/>
      <c r="S31" s="53"/>
      <c r="T31" s="53"/>
      <c r="U31" s="53"/>
      <c r="V31" s="53"/>
      <c r="W31" s="53"/>
      <c r="X31" s="53"/>
      <c r="Y31" s="53"/>
      <c r="Z31" s="53"/>
      <c r="AA31" s="53"/>
      <c r="AB31" s="53"/>
      <c r="AC31" s="53"/>
      <c r="AD31" s="53"/>
      <c r="AE31" s="53"/>
      <c r="AF31" s="53"/>
      <c r="AG31" s="53"/>
      <c r="AH31" s="53"/>
      <c r="AI31" s="53"/>
      <c r="AJ31" s="53"/>
      <c r="AK31" s="53"/>
      <c r="AL31" s="53"/>
      <c r="AM31" s="53"/>
      <c r="AN31" s="53"/>
      <c r="AO31" s="53"/>
      <c r="AP31" s="53"/>
      <c r="AQ31" s="53"/>
      <c r="AR31" s="53"/>
      <c r="AS31" s="53"/>
      <c r="AT31" s="53"/>
      <c r="AU31" s="53"/>
      <c r="AV31" s="53"/>
      <c r="AW31" s="53"/>
      <c r="AX31" s="53"/>
      <c r="AY31" s="53"/>
      <c r="AZ31" s="53"/>
      <c r="BA31" s="53"/>
      <c r="BB31" s="53"/>
      <c r="BC31" s="53"/>
      <c r="BD31" s="53"/>
      <c r="BE31" s="53"/>
      <c r="BF31" s="53"/>
      <c r="BG31" s="53"/>
      <c r="BH31" s="53"/>
      <c r="BI31" s="53"/>
      <c r="BJ31" s="53"/>
      <c r="BK31" s="53"/>
      <c r="BL31" s="53"/>
      <c r="BM31" s="53"/>
      <c r="BN31" s="53"/>
      <c r="BO31" s="53"/>
      <c r="BP31" s="53"/>
      <c r="BQ31" s="53"/>
      <c r="BR31" s="53"/>
      <c r="BS31" s="53"/>
      <c r="BT31" s="53"/>
      <c r="BU31" s="53"/>
      <c r="BV31" s="53"/>
      <c r="BW31" s="53"/>
      <c r="BX31" s="53"/>
      <c r="BY31" s="53"/>
      <c r="BZ31" s="53"/>
      <c r="CA31" s="53"/>
      <c r="CB31" s="53"/>
      <c r="CC31" s="53"/>
      <c r="CD31" s="53"/>
      <c r="CE31" s="53"/>
      <c r="CF31" s="53"/>
      <c r="CG31" s="53"/>
      <c r="CH31" s="53"/>
      <c r="CI31" s="53"/>
      <c r="CJ31" s="53"/>
      <c r="CK31" s="53"/>
      <c r="CL31" s="53"/>
      <c r="CM31" s="53"/>
      <c r="CN31" s="53"/>
    </row>
    <row r="32" spans="1:92" outlineLevel="1">
      <c r="A32" s="52" t="s">
        <v>649</v>
      </c>
      <c r="B32" s="53"/>
      <c r="C32" s="53"/>
      <c r="D32" s="53"/>
      <c r="E32" s="53"/>
      <c r="F32" s="53"/>
      <c r="G32" s="53"/>
      <c r="H32" s="53"/>
      <c r="I32" s="53"/>
      <c r="J32" s="53"/>
      <c r="K32" s="53"/>
      <c r="L32" s="53"/>
      <c r="M32" s="53"/>
      <c r="N32" s="53"/>
      <c r="O32" s="53">
        <v>4000000</v>
      </c>
      <c r="P32" s="53"/>
      <c r="Q32" s="53"/>
      <c r="R32" s="53"/>
      <c r="S32" s="53"/>
      <c r="T32" s="53"/>
      <c r="U32" s="53"/>
      <c r="V32" s="53"/>
      <c r="W32" s="53"/>
      <c r="X32" s="53"/>
      <c r="Y32" s="53"/>
      <c r="Z32" s="53"/>
      <c r="AA32" s="53">
        <v>4000000</v>
      </c>
      <c r="AB32" s="53"/>
      <c r="AC32" s="53"/>
      <c r="AD32" s="53"/>
      <c r="AE32" s="53"/>
      <c r="AF32" s="53"/>
      <c r="AG32" s="53"/>
      <c r="AH32" s="53"/>
      <c r="AI32" s="53"/>
      <c r="AJ32" s="53"/>
      <c r="AK32" s="53"/>
      <c r="AL32" s="53"/>
      <c r="AM32" s="53"/>
      <c r="AN32" s="53"/>
      <c r="AO32" s="53"/>
      <c r="AP32" s="53"/>
      <c r="AQ32" s="53"/>
      <c r="AR32" s="53"/>
      <c r="AS32" s="53"/>
      <c r="AT32" s="53"/>
      <c r="AU32" s="53"/>
      <c r="AV32" s="53"/>
      <c r="AW32" s="53"/>
      <c r="AX32" s="53"/>
      <c r="AY32" s="53"/>
      <c r="AZ32" s="53"/>
      <c r="BA32" s="53"/>
      <c r="BB32" s="53"/>
      <c r="BC32" s="53"/>
      <c r="BD32" s="53"/>
      <c r="BE32" s="53"/>
      <c r="BF32" s="53"/>
      <c r="BG32" s="53"/>
      <c r="BH32" s="53"/>
      <c r="BI32" s="53"/>
      <c r="BJ32" s="53"/>
      <c r="BK32" s="53"/>
      <c r="BL32" s="53"/>
      <c r="BM32" s="53"/>
      <c r="BN32" s="53"/>
      <c r="BO32" s="53"/>
      <c r="BP32" s="53"/>
      <c r="BQ32" s="53"/>
      <c r="BR32" s="53"/>
      <c r="BS32" s="53"/>
      <c r="BT32" s="53"/>
      <c r="BU32" s="53"/>
      <c r="BV32" s="53"/>
      <c r="BW32" s="53"/>
      <c r="BX32" s="53"/>
      <c r="BY32" s="53"/>
      <c r="BZ32" s="53"/>
      <c r="CA32" s="53"/>
      <c r="CB32" s="53"/>
      <c r="CC32" s="53"/>
      <c r="CD32" s="53"/>
      <c r="CE32" s="53"/>
      <c r="CF32" s="53"/>
      <c r="CG32" s="53"/>
      <c r="CH32" s="53"/>
      <c r="CI32" s="53"/>
      <c r="CJ32" s="53"/>
      <c r="CK32" s="53"/>
      <c r="CL32" s="53"/>
      <c r="CM32" s="53"/>
      <c r="CN32" s="53"/>
    </row>
    <row r="33" spans="1:92" outlineLevel="1">
      <c r="A33" s="52" t="s">
        <v>1229</v>
      </c>
      <c r="B33" s="53"/>
      <c r="C33" s="53"/>
      <c r="D33" s="53"/>
      <c r="E33" s="53"/>
      <c r="F33" s="53"/>
      <c r="G33" s="53"/>
      <c r="H33" s="53"/>
      <c r="I33" s="53"/>
      <c r="J33" s="53"/>
      <c r="K33" s="53"/>
      <c r="L33" s="53"/>
      <c r="M33" s="53"/>
      <c r="N33" s="53"/>
      <c r="O33" s="53"/>
      <c r="P33" s="53"/>
      <c r="Q33" s="53"/>
      <c r="R33" s="53"/>
      <c r="S33" s="53"/>
      <c r="T33" s="53"/>
      <c r="U33" s="53"/>
      <c r="V33" s="53"/>
      <c r="W33" s="53"/>
      <c r="X33" s="53"/>
      <c r="Y33" s="53"/>
      <c r="Z33" s="53"/>
      <c r="AA33" s="53"/>
      <c r="AB33" s="53"/>
      <c r="AC33" s="53"/>
      <c r="AD33" s="53"/>
      <c r="AE33" s="53"/>
      <c r="AF33" s="53"/>
      <c r="AG33" s="53"/>
      <c r="AH33" s="53"/>
      <c r="AI33" s="53"/>
      <c r="AJ33" s="53"/>
      <c r="AK33" s="53"/>
      <c r="AL33" s="53"/>
      <c r="AM33" s="53"/>
      <c r="AN33" s="53"/>
      <c r="AO33" s="53"/>
      <c r="AP33" s="53"/>
      <c r="AQ33" s="53"/>
      <c r="AR33" s="53"/>
      <c r="AS33" s="53"/>
      <c r="AT33" s="53"/>
      <c r="AU33" s="53"/>
      <c r="AV33" s="53"/>
      <c r="AW33" s="53"/>
      <c r="AX33" s="53"/>
      <c r="AY33" s="53"/>
      <c r="AZ33" s="53"/>
      <c r="BA33" s="53"/>
      <c r="BB33" s="53"/>
      <c r="BC33" s="53"/>
      <c r="BD33" s="53"/>
      <c r="BE33" s="53"/>
      <c r="BF33" s="53"/>
      <c r="BG33" s="53"/>
      <c r="BH33" s="53"/>
      <c r="BI33" s="53"/>
      <c r="BJ33" s="53"/>
      <c r="BK33" s="53"/>
      <c r="BL33" s="53"/>
      <c r="BM33" s="53"/>
      <c r="BN33" s="53"/>
      <c r="BO33" s="53"/>
      <c r="BP33" s="53"/>
      <c r="BQ33" s="53"/>
      <c r="BR33" s="53"/>
      <c r="BS33" s="53"/>
      <c r="BT33" s="53"/>
      <c r="BU33" s="53"/>
      <c r="BV33" s="53"/>
      <c r="BW33" s="53"/>
      <c r="BX33" s="53"/>
      <c r="BY33" s="53"/>
      <c r="BZ33" s="53"/>
      <c r="CA33" s="53"/>
      <c r="CB33" s="53"/>
      <c r="CC33" s="53"/>
      <c r="CD33" s="53"/>
      <c r="CE33" s="53"/>
      <c r="CF33" s="53"/>
      <c r="CG33" s="53"/>
      <c r="CH33" s="53"/>
      <c r="CI33" s="53"/>
      <c r="CJ33" s="53"/>
      <c r="CK33" s="53"/>
      <c r="CL33" s="53"/>
      <c r="CM33" s="53"/>
      <c r="CN33" s="53"/>
    </row>
    <row r="34" spans="1:92" outlineLevel="1">
      <c r="A34" s="52" t="s">
        <v>1230</v>
      </c>
      <c r="B34" s="53"/>
      <c r="C34" s="53"/>
      <c r="D34" s="53"/>
      <c r="E34" s="53"/>
      <c r="F34" s="53"/>
      <c r="G34" s="53"/>
      <c r="H34" s="53"/>
      <c r="I34" s="53"/>
      <c r="J34" s="53"/>
      <c r="K34" s="53"/>
      <c r="L34" s="53"/>
      <c r="M34" s="53"/>
      <c r="N34" s="53"/>
      <c r="O34" s="53"/>
      <c r="P34" s="53"/>
      <c r="Q34" s="53"/>
      <c r="R34" s="53"/>
      <c r="S34" s="53"/>
      <c r="T34" s="53"/>
      <c r="U34" s="53"/>
      <c r="V34" s="53"/>
      <c r="W34" s="53"/>
      <c r="X34" s="53"/>
      <c r="Y34" s="53"/>
      <c r="Z34" s="53"/>
      <c r="AA34" s="53"/>
      <c r="AB34" s="53"/>
      <c r="AC34" s="53"/>
      <c r="AD34" s="53"/>
      <c r="AE34" s="53"/>
      <c r="AF34" s="53"/>
      <c r="AG34" s="53"/>
      <c r="AH34" s="53"/>
      <c r="AI34" s="53"/>
      <c r="AJ34" s="53"/>
      <c r="AK34" s="53"/>
      <c r="AL34" s="53"/>
      <c r="AM34" s="53"/>
      <c r="AN34" s="53"/>
      <c r="AO34" s="53"/>
      <c r="AP34" s="53"/>
      <c r="AQ34" s="53"/>
      <c r="AR34" s="53"/>
      <c r="AS34" s="53"/>
      <c r="AT34" s="53"/>
      <c r="AU34" s="53"/>
      <c r="AV34" s="53"/>
      <c r="AW34" s="53"/>
      <c r="AX34" s="53"/>
      <c r="AY34" s="53"/>
      <c r="AZ34" s="53"/>
      <c r="BA34" s="53"/>
      <c r="BB34" s="53"/>
      <c r="BC34" s="53"/>
      <c r="BD34" s="53"/>
      <c r="BE34" s="53"/>
      <c r="BF34" s="53"/>
      <c r="BG34" s="53"/>
      <c r="BH34" s="53"/>
      <c r="BI34" s="53"/>
      <c r="BJ34" s="53"/>
      <c r="BK34" s="53"/>
      <c r="BL34" s="53"/>
      <c r="BM34" s="53"/>
      <c r="BN34" s="53"/>
      <c r="BO34" s="53"/>
      <c r="BP34" s="53"/>
      <c r="BQ34" s="53"/>
      <c r="BR34" s="53"/>
      <c r="BS34" s="53"/>
      <c r="BT34" s="53"/>
      <c r="BU34" s="53"/>
      <c r="BV34" s="53"/>
      <c r="BW34" s="53"/>
      <c r="BX34" s="53"/>
      <c r="BY34" s="53"/>
      <c r="BZ34" s="53"/>
      <c r="CA34" s="53"/>
      <c r="CB34" s="53"/>
      <c r="CC34" s="53"/>
      <c r="CD34" s="53"/>
      <c r="CE34" s="53"/>
      <c r="CF34" s="53"/>
      <c r="CG34" s="53"/>
      <c r="CH34" s="53"/>
      <c r="CI34" s="53"/>
      <c r="CJ34" s="53"/>
      <c r="CK34" s="53"/>
      <c r="CL34" s="53"/>
      <c r="CM34" s="53"/>
      <c r="CN34" s="53"/>
    </row>
    <row r="35" spans="1:92" outlineLevel="1">
      <c r="A35" s="52" t="s">
        <v>649</v>
      </c>
      <c r="B35" s="53"/>
      <c r="C35" s="53"/>
      <c r="D35" s="53"/>
      <c r="E35" s="53"/>
      <c r="F35" s="53"/>
      <c r="G35" s="53"/>
      <c r="H35" s="53"/>
      <c r="I35" s="53"/>
      <c r="J35" s="53"/>
      <c r="K35" s="53"/>
      <c r="L35" s="53"/>
      <c r="M35" s="53"/>
      <c r="N35" s="53"/>
      <c r="O35" s="53">
        <v>-9.0949470177292803E-10</v>
      </c>
      <c r="P35" s="53">
        <v>5.8207660913467401E-8</v>
      </c>
      <c r="Q35" s="53">
        <v>-3.6379788070917101E-9</v>
      </c>
      <c r="R35" s="53">
        <v>5.4569682106375603E-9</v>
      </c>
      <c r="S35" s="53">
        <v>-1.6370904631912698E-8</v>
      </c>
      <c r="T35" s="53">
        <v>2.0008883439004401E-8</v>
      </c>
      <c r="U35" s="53">
        <v>-7.2759576141834201E-9</v>
      </c>
      <c r="V35" s="53">
        <v>-2.0008883439004401E-8</v>
      </c>
      <c r="W35" s="53">
        <v>-9.0949470177292807E-9</v>
      </c>
      <c r="X35" s="53">
        <v>-2.5465851649641901E-8</v>
      </c>
      <c r="Y35" s="53"/>
      <c r="Z35" s="53">
        <v>7.2759576141834206E-8</v>
      </c>
      <c r="AA35" s="53">
        <v>7.3669070843607095E-8</v>
      </c>
      <c r="AB35" s="53">
        <v>1.8189894035458501E-9</v>
      </c>
      <c r="AC35" s="53">
        <v>5.4569682106375603E-9</v>
      </c>
      <c r="AD35" s="53">
        <v>3.6379788070917101E-9</v>
      </c>
      <c r="AE35" s="53">
        <v>-2.7284841053187801E-8</v>
      </c>
      <c r="AF35" s="53">
        <v>-3.6379788070917101E-9</v>
      </c>
      <c r="AG35" s="53">
        <v>1.4551915228366801E-8</v>
      </c>
      <c r="AH35" s="53">
        <v>-5.4569682106375603E-9</v>
      </c>
      <c r="AI35" s="53">
        <v>4.5474735088646399E-8</v>
      </c>
      <c r="AJ35" s="53">
        <v>-9.0949470177292807E-9</v>
      </c>
      <c r="AK35" s="53">
        <v>1.8189894035458501E-9</v>
      </c>
      <c r="AL35" s="53">
        <v>1.2732925824820899E-8</v>
      </c>
      <c r="AM35" s="53">
        <v>-9.0949470177292807E-9</v>
      </c>
      <c r="AN35" s="53">
        <v>3.0922819860279501E-8</v>
      </c>
      <c r="AO35" s="53">
        <v>7.2759576141834201E-9</v>
      </c>
      <c r="AP35" s="53">
        <v>9.0949470177292807E-9</v>
      </c>
      <c r="AQ35" s="53">
        <v>-1.0913936421275101E-8</v>
      </c>
      <c r="AR35" s="53">
        <v>-1.6370904631912698E-8</v>
      </c>
      <c r="AS35" s="53">
        <v>5.4569682106375603E-9</v>
      </c>
      <c r="AT35" s="53">
        <v>-3.45607986673712E-8</v>
      </c>
      <c r="AU35" s="53">
        <v>5.4569682106375603E-9</v>
      </c>
      <c r="AV35" s="53">
        <v>1.8189894035458499E-8</v>
      </c>
      <c r="AW35" s="53">
        <v>-2.7284841053187801E-8</v>
      </c>
      <c r="AX35" s="53">
        <v>1.8189894035458499E-8</v>
      </c>
      <c r="AY35" s="53">
        <v>2.91038304567337E-8</v>
      </c>
      <c r="AZ35" s="53">
        <v>3.45607986673712E-8</v>
      </c>
      <c r="BA35" s="53">
        <v>3.81987774744629E-8</v>
      </c>
      <c r="BB35" s="53">
        <v>-9.0949470177292807E-9</v>
      </c>
      <c r="BC35" s="53">
        <v>-7.2759576141834201E-9</v>
      </c>
      <c r="BD35" s="53">
        <v>7.2759576141834201E-9</v>
      </c>
      <c r="BE35" s="53">
        <v>2.5465851649641901E-8</v>
      </c>
      <c r="BF35" s="53"/>
      <c r="BG35" s="53">
        <v>-6.3664629124104897E-8</v>
      </c>
      <c r="BH35" s="53">
        <v>5.4569682106375603E-9</v>
      </c>
      <c r="BI35" s="53"/>
      <c r="BJ35" s="53">
        <v>9.0949470177292807E-9</v>
      </c>
      <c r="BK35" s="53">
        <v>1.2732925824820899E-8</v>
      </c>
      <c r="BL35" s="53">
        <v>-3.6379788070917101E-9</v>
      </c>
      <c r="BM35" s="53">
        <v>-5.6388671509921498E-8</v>
      </c>
      <c r="BN35" s="53">
        <v>-8.0035533756017606E-8</v>
      </c>
      <c r="BO35" s="53">
        <v>5.6388671509921498E-8</v>
      </c>
      <c r="BP35" s="53">
        <v>3.2741809263825397E-8</v>
      </c>
      <c r="BQ35" s="53">
        <v>-1.8189894035458499E-8</v>
      </c>
      <c r="BR35" s="53">
        <v>-5.0931703299283902E-8</v>
      </c>
      <c r="BS35" s="53">
        <v>6.3664629124104897E-8</v>
      </c>
      <c r="BT35" s="53">
        <v>-5.4569682106375603E-9</v>
      </c>
      <c r="BU35" s="53">
        <v>1.4551915228366801E-8</v>
      </c>
      <c r="BV35" s="53">
        <v>-3.6379788070917101E-9</v>
      </c>
      <c r="BW35" s="53">
        <v>-2.3646862246096101E-8</v>
      </c>
      <c r="BX35" s="53">
        <v>-1.2732925824820899E-8</v>
      </c>
      <c r="BY35" s="53">
        <v>4.3655745685100502E-8</v>
      </c>
      <c r="BZ35" s="53">
        <v>2.0008883439004401E-8</v>
      </c>
      <c r="CA35" s="53">
        <v>1.1641532182693399E-7</v>
      </c>
      <c r="CB35" s="53">
        <v>-5.4569682106375603E-9</v>
      </c>
      <c r="CC35" s="53">
        <v>-9.0949470177292807E-9</v>
      </c>
      <c r="CD35" s="53">
        <v>-1.2732925824820899E-8</v>
      </c>
      <c r="CE35" s="53"/>
      <c r="CF35" s="53">
        <v>-2.1827872842550202E-8</v>
      </c>
      <c r="CG35" s="53">
        <v>-4.0017766878008803E-8</v>
      </c>
      <c r="CH35" s="53">
        <v>1.0913936421275101E-8</v>
      </c>
      <c r="CI35" s="53">
        <v>-1.4551915228366801E-8</v>
      </c>
      <c r="CJ35" s="53">
        <v>-3.2741809263825397E-8</v>
      </c>
      <c r="CK35" s="53">
        <v>-9.0949470177292807E-9</v>
      </c>
      <c r="CL35" s="53">
        <v>5.4569682106375603E-9</v>
      </c>
      <c r="CM35" s="53">
        <v>-9.0949470177292807E-9</v>
      </c>
      <c r="CN35" s="53">
        <v>-1.3824319466948501E-7</v>
      </c>
    </row>
    <row r="36" spans="1:92">
      <c r="A36" s="52" t="s">
        <v>1231</v>
      </c>
      <c r="B36" s="53">
        <v>0</v>
      </c>
      <c r="C36" s="53">
        <v>0</v>
      </c>
      <c r="D36" s="53">
        <v>0</v>
      </c>
      <c r="E36" s="53">
        <v>0</v>
      </c>
      <c r="F36" s="53">
        <v>0</v>
      </c>
      <c r="G36" s="53">
        <v>0</v>
      </c>
      <c r="H36" s="53">
        <v>0</v>
      </c>
      <c r="I36" s="53">
        <v>0</v>
      </c>
      <c r="J36" s="53">
        <v>0</v>
      </c>
      <c r="K36" s="53">
        <v>0</v>
      </c>
      <c r="L36" s="53">
        <v>0</v>
      </c>
      <c r="M36" s="53">
        <v>0</v>
      </c>
      <c r="N36" s="53">
        <v>0</v>
      </c>
      <c r="O36" s="53">
        <v>3999999.9999999902</v>
      </c>
      <c r="P36" s="53">
        <v>4000000.0000000498</v>
      </c>
      <c r="Q36" s="53">
        <v>4000000.0000000498</v>
      </c>
      <c r="R36" s="53">
        <v>4000000.0000000498</v>
      </c>
      <c r="S36" s="53">
        <v>4000000.00000004</v>
      </c>
      <c r="T36" s="53">
        <v>4000000.0000000601</v>
      </c>
      <c r="U36" s="53">
        <v>4000000.0000000498</v>
      </c>
      <c r="V36" s="53">
        <v>4000000.0000000298</v>
      </c>
      <c r="W36" s="53">
        <v>4000000.00000002</v>
      </c>
      <c r="X36" s="53">
        <v>4000000</v>
      </c>
      <c r="Y36" s="53">
        <v>4000000</v>
      </c>
      <c r="Z36" s="53">
        <v>4000000.0000000698</v>
      </c>
      <c r="AA36" s="53">
        <v>4000000.0000000698</v>
      </c>
      <c r="AB36" s="53">
        <v>4000000.0000000698</v>
      </c>
      <c r="AC36" s="53">
        <v>4000000.0000000801</v>
      </c>
      <c r="AD36" s="53">
        <v>4000000.0000000801</v>
      </c>
      <c r="AE36" s="53">
        <v>4000000.0000000498</v>
      </c>
      <c r="AF36" s="53">
        <v>4000000.0000000498</v>
      </c>
      <c r="AG36" s="53">
        <v>4000000.0000000601</v>
      </c>
      <c r="AH36" s="53">
        <v>4000000.0000000601</v>
      </c>
      <c r="AI36" s="53">
        <v>4000000.0000001001</v>
      </c>
      <c r="AJ36" s="53">
        <v>4000000.0000000899</v>
      </c>
      <c r="AK36" s="53">
        <v>4000000.0000001001</v>
      </c>
      <c r="AL36" s="53">
        <v>4000000.0000001099</v>
      </c>
      <c r="AM36" s="53">
        <v>4000000.0000001001</v>
      </c>
      <c r="AN36" s="53">
        <v>4000000.0000001001</v>
      </c>
      <c r="AO36" s="53">
        <v>4000000.0000001099</v>
      </c>
      <c r="AP36" s="53">
        <v>4000000.0000001201</v>
      </c>
      <c r="AQ36" s="53">
        <v>4000000.0000001099</v>
      </c>
      <c r="AR36" s="53">
        <v>4000000.0000000899</v>
      </c>
      <c r="AS36" s="53">
        <v>4000000.0000000899</v>
      </c>
      <c r="AT36" s="53">
        <v>4000000.0000000601</v>
      </c>
      <c r="AU36" s="53">
        <v>4000000.0000000698</v>
      </c>
      <c r="AV36" s="53">
        <v>4000000.0000000801</v>
      </c>
      <c r="AW36" s="53">
        <v>4000000.0000000601</v>
      </c>
      <c r="AX36" s="53">
        <v>4000000.0000000698</v>
      </c>
      <c r="AY36" s="53">
        <v>4000000.0000001001</v>
      </c>
      <c r="AZ36" s="53">
        <v>4000000.0000001402</v>
      </c>
      <c r="BA36" s="53">
        <v>4000000.0000001402</v>
      </c>
      <c r="BB36" s="53">
        <v>4000000.0000001299</v>
      </c>
      <c r="BC36" s="53">
        <v>4000000.0000001201</v>
      </c>
      <c r="BD36" s="53">
        <v>4000000.0000001299</v>
      </c>
      <c r="BE36" s="53">
        <v>4000000.0000001499</v>
      </c>
      <c r="BF36" s="53">
        <v>4000000.0000001499</v>
      </c>
      <c r="BG36" s="53">
        <v>4000000.0000000899</v>
      </c>
      <c r="BH36" s="53">
        <v>4000000.0000001001</v>
      </c>
      <c r="BI36" s="53">
        <v>4000000.0000001001</v>
      </c>
      <c r="BJ36" s="53">
        <v>4000000.0000001099</v>
      </c>
      <c r="BK36" s="53">
        <v>4000000.0000001201</v>
      </c>
      <c r="BL36" s="53">
        <v>4000000.0000001099</v>
      </c>
      <c r="BM36" s="53">
        <v>4000000.0000000601</v>
      </c>
      <c r="BN36" s="53">
        <v>4000000.0000000601</v>
      </c>
      <c r="BO36" s="53">
        <v>4000000.0000001099</v>
      </c>
      <c r="BP36" s="53">
        <v>4000000.0000001499</v>
      </c>
      <c r="BQ36" s="53">
        <v>4000000.0000001299</v>
      </c>
      <c r="BR36" s="53">
        <v>4000000.0000000801</v>
      </c>
      <c r="BS36" s="53">
        <v>4000000.0000001402</v>
      </c>
      <c r="BT36" s="53">
        <v>4000000.0000001402</v>
      </c>
      <c r="BU36" s="53">
        <v>4000000.0000001499</v>
      </c>
      <c r="BV36" s="53">
        <v>4000000.0000001499</v>
      </c>
      <c r="BW36" s="53">
        <v>4000000.0000001201</v>
      </c>
      <c r="BX36" s="53">
        <v>4000000.0000001099</v>
      </c>
      <c r="BY36" s="53">
        <v>4000000.0000001499</v>
      </c>
      <c r="BZ36" s="53">
        <v>4000000.00000017</v>
      </c>
      <c r="CA36" s="53">
        <v>4000000.00000017</v>
      </c>
      <c r="CB36" s="53">
        <v>4000000.0000000698</v>
      </c>
      <c r="CC36" s="53">
        <v>4000000.0000000601</v>
      </c>
      <c r="CD36" s="53">
        <v>4000000.0000000498</v>
      </c>
      <c r="CE36" s="53">
        <v>4000000.0000000498</v>
      </c>
      <c r="CF36" s="53">
        <v>4000000.0000000298</v>
      </c>
      <c r="CG36" s="53">
        <v>3999999.9999999902</v>
      </c>
      <c r="CH36" s="53">
        <v>4000000</v>
      </c>
      <c r="CI36" s="53">
        <v>3999999.9999999902</v>
      </c>
      <c r="CJ36" s="53">
        <v>3999999.9999999502</v>
      </c>
      <c r="CK36" s="53">
        <v>3999999.9999999399</v>
      </c>
      <c r="CL36" s="53">
        <v>3999999.9999999502</v>
      </c>
      <c r="CM36" s="53">
        <v>3999999.9999999399</v>
      </c>
      <c r="CN36" s="53">
        <v>3999999.9999999399</v>
      </c>
    </row>
    <row r="37" spans="1:92" outlineLevel="1">
      <c r="A37" s="52" t="s">
        <v>1218</v>
      </c>
      <c r="B37" s="53">
        <v>22991564.399999999</v>
      </c>
      <c r="C37" s="53">
        <v>34302451.090000004</v>
      </c>
      <c r="D37" s="53">
        <v>37866581.869999997</v>
      </c>
      <c r="E37" s="53">
        <v>12588353.9099999</v>
      </c>
      <c r="F37" s="53">
        <v>16039955.51</v>
      </c>
      <c r="G37" s="53">
        <v>32420786.439999901</v>
      </c>
      <c r="H37" s="53">
        <v>44359930.909999996</v>
      </c>
      <c r="I37" s="53">
        <v>28158787.2999999</v>
      </c>
      <c r="J37" s="53">
        <v>40371437.859999999</v>
      </c>
      <c r="K37" s="53">
        <v>25430191.949999999</v>
      </c>
      <c r="L37" s="53">
        <v>29146212</v>
      </c>
      <c r="M37" s="53">
        <v>39996699.909999996</v>
      </c>
      <c r="N37" s="53">
        <v>22991564.399999999</v>
      </c>
      <c r="O37" s="53">
        <v>44989931.859999999</v>
      </c>
      <c r="P37" s="53">
        <v>5189666.9702978497</v>
      </c>
      <c r="Q37" s="53">
        <v>6233349.8897617701</v>
      </c>
      <c r="R37" s="53">
        <v>4179387.5478205201</v>
      </c>
      <c r="S37" s="53">
        <v>5033052.38650034</v>
      </c>
      <c r="T37" s="53">
        <v>6076362.0680704499</v>
      </c>
      <c r="U37" s="53">
        <v>6249648.3520379504</v>
      </c>
      <c r="V37" s="53">
        <v>7297603.19869556</v>
      </c>
      <c r="W37" s="53">
        <v>43306360.304964103</v>
      </c>
      <c r="X37" s="53">
        <v>106180968.84308399</v>
      </c>
      <c r="Y37" s="53">
        <v>250095135.055491</v>
      </c>
      <c r="Z37" s="53">
        <v>71225089.708519697</v>
      </c>
      <c r="AA37" s="53">
        <v>44989931.859999999</v>
      </c>
      <c r="AB37" s="53">
        <v>10665560.711099699</v>
      </c>
      <c r="AC37" s="53">
        <v>11903196.512247499</v>
      </c>
      <c r="AD37" s="53">
        <v>12994305.069499999</v>
      </c>
      <c r="AE37" s="53">
        <v>13640693.4855226</v>
      </c>
      <c r="AF37" s="53">
        <v>14543825.3072358</v>
      </c>
      <c r="AG37" s="53">
        <v>15646861.093870999</v>
      </c>
      <c r="AH37" s="53">
        <v>15842252.9178479</v>
      </c>
      <c r="AI37" s="53">
        <v>16946880.624033201</v>
      </c>
      <c r="AJ37" s="53">
        <v>155497271.466793</v>
      </c>
      <c r="AK37" s="53">
        <v>257659802.23175699</v>
      </c>
      <c r="AL37" s="53">
        <v>412676434.26264501</v>
      </c>
      <c r="AM37" s="53">
        <v>213563321.54390201</v>
      </c>
      <c r="AN37" s="53">
        <v>10665560.711099699</v>
      </c>
      <c r="AO37" s="53">
        <v>20513815.9663902</v>
      </c>
      <c r="AP37" s="53">
        <v>21633676.8963084</v>
      </c>
      <c r="AQ37" s="53">
        <v>22756596.925441999</v>
      </c>
      <c r="AR37" s="53">
        <v>23415172.2100113</v>
      </c>
      <c r="AS37" s="53">
        <v>24346295.839072298</v>
      </c>
      <c r="AT37" s="53">
        <v>25479561.534265399</v>
      </c>
      <c r="AU37" s="53">
        <v>259506833.37128699</v>
      </c>
      <c r="AV37" s="53">
        <v>254489991.354716</v>
      </c>
      <c r="AW37" s="53">
        <v>308923427.575863</v>
      </c>
      <c r="AX37" s="53">
        <v>370153698.03540498</v>
      </c>
      <c r="AY37" s="53">
        <v>413915307.18762201</v>
      </c>
      <c r="AZ37" s="53">
        <v>102462732.867008</v>
      </c>
      <c r="BA37" s="53">
        <v>20513815.9663902</v>
      </c>
      <c r="BB37" s="53">
        <v>30507151.880339701</v>
      </c>
      <c r="BC37" s="53">
        <v>31653006.9587918</v>
      </c>
      <c r="BD37" s="53">
        <v>32801921.730377398</v>
      </c>
      <c r="BE37" s="53">
        <v>33475718.909522299</v>
      </c>
      <c r="BF37" s="53">
        <v>34428569.3851946</v>
      </c>
      <c r="BG37" s="53">
        <v>35587884.503713101</v>
      </c>
      <c r="BH37" s="53">
        <v>269386909.08015501</v>
      </c>
      <c r="BI37" s="53">
        <v>293497463.94330603</v>
      </c>
      <c r="BJ37" s="53">
        <v>354417283.90998101</v>
      </c>
      <c r="BK37" s="53">
        <v>328848987.23057199</v>
      </c>
      <c r="BL37" s="53">
        <v>384933698.18080503</v>
      </c>
      <c r="BM37" s="53">
        <v>66694026.965414897</v>
      </c>
      <c r="BN37" s="53">
        <v>30507151.880339701</v>
      </c>
      <c r="BO37" s="53">
        <v>40733670.199525401</v>
      </c>
      <c r="BP37" s="53">
        <v>41906832.402995497</v>
      </c>
      <c r="BQ37" s="53">
        <v>43083127.215820603</v>
      </c>
      <c r="BR37" s="53">
        <v>43773981.3806758</v>
      </c>
      <c r="BS37" s="53">
        <v>44749765.333554097</v>
      </c>
      <c r="BT37" s="53">
        <v>45936640.387849301</v>
      </c>
      <c r="BU37" s="53">
        <v>135596171.17626801</v>
      </c>
      <c r="BV37" s="53">
        <v>178691975.98158801</v>
      </c>
      <c r="BW37" s="53">
        <v>258453014.22803399</v>
      </c>
      <c r="BX37" s="53">
        <v>403725826.23180801</v>
      </c>
      <c r="BY37" s="53">
        <v>456753744.02585602</v>
      </c>
      <c r="BZ37" s="53">
        <v>127534364.347709</v>
      </c>
      <c r="CA37" s="53">
        <v>40733670.199525401</v>
      </c>
      <c r="CB37" s="53">
        <v>34611641.8703731</v>
      </c>
      <c r="CC37" s="53">
        <v>35603238.037606001</v>
      </c>
      <c r="CD37" s="53">
        <v>36546244.852847002</v>
      </c>
      <c r="CE37" s="53">
        <v>37056917.571814001</v>
      </c>
      <c r="CF37" s="53">
        <v>37819913.831041798</v>
      </c>
      <c r="CG37" s="53">
        <v>38766155.657343797</v>
      </c>
      <c r="CH37" s="53">
        <v>38870152.815458499</v>
      </c>
      <c r="CI37" s="53">
        <v>39817927.357885003</v>
      </c>
      <c r="CJ37" s="53">
        <v>176548447.827959</v>
      </c>
      <c r="CK37" s="53">
        <v>228152316.94953999</v>
      </c>
      <c r="CL37" s="53">
        <v>370885777.19580299</v>
      </c>
      <c r="CM37" s="53">
        <v>171691277.99150801</v>
      </c>
      <c r="CN37" s="53">
        <v>34611641.8703731</v>
      </c>
    </row>
    <row r="38" spans="1:92" outlineLevel="1">
      <c r="A38" s="52" t="s">
        <v>699</v>
      </c>
      <c r="B38" s="53"/>
      <c r="C38" s="53"/>
      <c r="D38" s="53"/>
      <c r="E38" s="53"/>
      <c r="F38" s="53"/>
      <c r="G38" s="53"/>
      <c r="H38" s="53"/>
      <c r="I38" s="53"/>
      <c r="J38" s="53"/>
      <c r="K38" s="53"/>
      <c r="L38" s="53"/>
      <c r="M38" s="53"/>
      <c r="N38" s="53"/>
      <c r="O38" s="53"/>
      <c r="P38" s="53"/>
      <c r="Q38" s="53"/>
      <c r="R38" s="53"/>
      <c r="S38" s="53"/>
      <c r="T38" s="53"/>
      <c r="U38" s="53"/>
      <c r="V38" s="53"/>
      <c r="W38" s="53"/>
      <c r="X38" s="53"/>
      <c r="Y38" s="53"/>
      <c r="Z38" s="53"/>
      <c r="AA38" s="53"/>
      <c r="AB38" s="53"/>
      <c r="AC38" s="53"/>
      <c r="AD38" s="53"/>
      <c r="AE38" s="53"/>
      <c r="AF38" s="53"/>
      <c r="AG38" s="53"/>
      <c r="AH38" s="53"/>
      <c r="AI38" s="53"/>
      <c r="AJ38" s="53"/>
      <c r="AK38" s="53"/>
      <c r="AL38" s="53"/>
      <c r="AM38" s="53"/>
      <c r="AN38" s="53"/>
      <c r="AO38" s="53"/>
      <c r="AP38" s="53"/>
      <c r="AQ38" s="53"/>
      <c r="AR38" s="53"/>
      <c r="AS38" s="53"/>
      <c r="AT38" s="53"/>
      <c r="AU38" s="53"/>
      <c r="AV38" s="53"/>
      <c r="AW38" s="53"/>
      <c r="AX38" s="53"/>
      <c r="AY38" s="53"/>
      <c r="AZ38" s="53"/>
      <c r="BA38" s="53"/>
      <c r="BB38" s="53"/>
      <c r="BC38" s="53"/>
      <c r="BD38" s="53"/>
      <c r="BE38" s="53"/>
      <c r="BF38" s="53"/>
      <c r="BG38" s="53"/>
      <c r="BH38" s="53"/>
      <c r="BI38" s="53"/>
      <c r="BJ38" s="53"/>
      <c r="BK38" s="53"/>
      <c r="BL38" s="53"/>
      <c r="BM38" s="53"/>
      <c r="BN38" s="53"/>
      <c r="BO38" s="53"/>
      <c r="BP38" s="53"/>
      <c r="BQ38" s="53"/>
      <c r="BR38" s="53"/>
      <c r="BS38" s="53"/>
      <c r="BT38" s="53"/>
      <c r="BU38" s="53"/>
      <c r="BV38" s="53"/>
      <c r="BW38" s="53"/>
      <c r="BX38" s="53"/>
      <c r="BY38" s="53"/>
      <c r="BZ38" s="53"/>
      <c r="CA38" s="53"/>
      <c r="CB38" s="53"/>
      <c r="CC38" s="53"/>
      <c r="CD38" s="53"/>
      <c r="CE38" s="53"/>
      <c r="CF38" s="53"/>
      <c r="CG38" s="53"/>
      <c r="CH38" s="53"/>
      <c r="CI38" s="53"/>
      <c r="CJ38" s="53"/>
      <c r="CK38" s="53"/>
      <c r="CL38" s="53"/>
      <c r="CM38" s="53"/>
      <c r="CN38" s="53"/>
    </row>
    <row r="39" spans="1:92" outlineLevel="1">
      <c r="A39" s="52" t="s">
        <v>739</v>
      </c>
      <c r="B39" s="53"/>
      <c r="C39" s="53"/>
      <c r="D39" s="53"/>
      <c r="E39" s="53"/>
      <c r="F39" s="53"/>
      <c r="G39" s="53"/>
      <c r="H39" s="53"/>
      <c r="I39" s="53"/>
      <c r="J39" s="53"/>
      <c r="K39" s="53"/>
      <c r="L39" s="53"/>
      <c r="M39" s="53"/>
      <c r="N39" s="53"/>
      <c r="O39" s="53"/>
      <c r="P39" s="53"/>
      <c r="Q39" s="53"/>
      <c r="R39" s="53"/>
      <c r="S39" s="53"/>
      <c r="T39" s="53"/>
      <c r="U39" s="53"/>
      <c r="V39" s="53"/>
      <c r="W39" s="53"/>
      <c r="X39" s="53"/>
      <c r="Y39" s="53"/>
      <c r="Z39" s="53"/>
      <c r="AA39" s="53"/>
      <c r="AB39" s="53"/>
      <c r="AC39" s="53"/>
      <c r="AD39" s="53"/>
      <c r="AE39" s="53"/>
      <c r="AF39" s="53"/>
      <c r="AG39" s="53"/>
      <c r="AH39" s="53"/>
      <c r="AI39" s="53"/>
      <c r="AJ39" s="53"/>
      <c r="AK39" s="53"/>
      <c r="AL39" s="53"/>
      <c r="AM39" s="53"/>
      <c r="AN39" s="53"/>
      <c r="AO39" s="53"/>
      <c r="AP39" s="53"/>
      <c r="AQ39" s="53"/>
      <c r="AR39" s="53"/>
      <c r="AS39" s="53"/>
      <c r="AT39" s="53"/>
      <c r="AU39" s="53"/>
      <c r="AV39" s="53"/>
      <c r="AW39" s="53"/>
      <c r="AX39" s="53"/>
      <c r="AY39" s="53"/>
      <c r="AZ39" s="53"/>
      <c r="BA39" s="53"/>
      <c r="BB39" s="53"/>
      <c r="BC39" s="53"/>
      <c r="BD39" s="53"/>
      <c r="BE39" s="53"/>
      <c r="BF39" s="53"/>
      <c r="BG39" s="53"/>
      <c r="BH39" s="53"/>
      <c r="BI39" s="53"/>
      <c r="BJ39" s="53"/>
      <c r="BK39" s="53"/>
      <c r="BL39" s="53"/>
      <c r="BM39" s="53"/>
      <c r="BN39" s="53"/>
      <c r="BO39" s="53"/>
      <c r="BP39" s="53"/>
      <c r="BQ39" s="53"/>
      <c r="BR39" s="53"/>
      <c r="BS39" s="53"/>
      <c r="BT39" s="53"/>
      <c r="BU39" s="53"/>
      <c r="BV39" s="53"/>
      <c r="BW39" s="53"/>
      <c r="BX39" s="53"/>
      <c r="BY39" s="53"/>
      <c r="BZ39" s="53"/>
      <c r="CA39" s="53"/>
      <c r="CB39" s="53"/>
      <c r="CC39" s="53"/>
      <c r="CD39" s="53"/>
      <c r="CE39" s="53"/>
      <c r="CF39" s="53"/>
      <c r="CG39" s="53"/>
      <c r="CH39" s="53"/>
      <c r="CI39" s="53"/>
      <c r="CJ39" s="53"/>
      <c r="CK39" s="53"/>
      <c r="CL39" s="53"/>
      <c r="CM39" s="53"/>
      <c r="CN39" s="53"/>
    </row>
    <row r="40" spans="1:92" outlineLevel="1">
      <c r="A40" s="52" t="s">
        <v>1219</v>
      </c>
      <c r="B40" s="53"/>
      <c r="C40" s="53"/>
      <c r="D40" s="53"/>
      <c r="E40" s="53"/>
      <c r="F40" s="53"/>
      <c r="G40" s="53"/>
      <c r="H40" s="53"/>
      <c r="I40" s="53"/>
      <c r="J40" s="53"/>
      <c r="K40" s="53"/>
      <c r="L40" s="53"/>
      <c r="M40" s="53"/>
      <c r="N40" s="53"/>
      <c r="O40" s="53"/>
      <c r="P40" s="53"/>
      <c r="Q40" s="53"/>
      <c r="R40" s="53"/>
      <c r="S40" s="53"/>
      <c r="T40" s="53"/>
      <c r="U40" s="53"/>
      <c r="V40" s="53"/>
      <c r="W40" s="53"/>
      <c r="X40" s="53"/>
      <c r="Y40" s="53"/>
      <c r="Z40" s="53"/>
      <c r="AA40" s="53"/>
      <c r="AB40" s="53"/>
      <c r="AC40" s="53"/>
      <c r="AD40" s="53"/>
      <c r="AE40" s="53"/>
      <c r="AF40" s="53"/>
      <c r="AG40" s="53"/>
      <c r="AH40" s="53"/>
      <c r="AI40" s="53"/>
      <c r="AJ40" s="53"/>
      <c r="AK40" s="53"/>
      <c r="AL40" s="53"/>
      <c r="AM40" s="53"/>
      <c r="AN40" s="53"/>
      <c r="AO40" s="53"/>
      <c r="AP40" s="53"/>
      <c r="AQ40" s="53"/>
      <c r="AR40" s="53"/>
      <c r="AS40" s="53"/>
      <c r="AT40" s="53"/>
      <c r="AU40" s="53"/>
      <c r="AV40" s="53"/>
      <c r="AW40" s="53"/>
      <c r="AX40" s="53"/>
      <c r="AY40" s="53"/>
      <c r="AZ40" s="53"/>
      <c r="BA40" s="53"/>
      <c r="BB40" s="53"/>
      <c r="BC40" s="53"/>
      <c r="BD40" s="53"/>
      <c r="BE40" s="53"/>
      <c r="BF40" s="53"/>
      <c r="BG40" s="53"/>
      <c r="BH40" s="53"/>
      <c r="BI40" s="53"/>
      <c r="BJ40" s="53"/>
      <c r="BK40" s="53"/>
      <c r="BL40" s="53"/>
      <c r="BM40" s="53"/>
      <c r="BN40" s="53"/>
      <c r="BO40" s="53"/>
      <c r="BP40" s="53"/>
      <c r="BQ40" s="53"/>
      <c r="BR40" s="53"/>
      <c r="BS40" s="53"/>
      <c r="BT40" s="53"/>
      <c r="BU40" s="53"/>
      <c r="BV40" s="53"/>
      <c r="BW40" s="53"/>
      <c r="BX40" s="53"/>
      <c r="BY40" s="53"/>
      <c r="BZ40" s="53"/>
      <c r="CA40" s="53"/>
      <c r="CB40" s="53"/>
      <c r="CC40" s="53"/>
      <c r="CD40" s="53"/>
      <c r="CE40" s="53"/>
      <c r="CF40" s="53"/>
      <c r="CG40" s="53"/>
      <c r="CH40" s="53"/>
      <c r="CI40" s="53"/>
      <c r="CJ40" s="53"/>
      <c r="CK40" s="53"/>
      <c r="CL40" s="53"/>
      <c r="CM40" s="53"/>
      <c r="CN40" s="53"/>
    </row>
    <row r="41" spans="1:92" outlineLevel="1">
      <c r="A41" s="52" t="s">
        <v>649</v>
      </c>
      <c r="B41" s="53"/>
      <c r="C41" s="53"/>
      <c r="D41" s="53"/>
      <c r="E41" s="53"/>
      <c r="F41" s="53"/>
      <c r="G41" s="53"/>
      <c r="H41" s="53"/>
      <c r="I41" s="53"/>
      <c r="J41" s="53"/>
      <c r="K41" s="53"/>
      <c r="L41" s="53"/>
      <c r="M41" s="53"/>
      <c r="N41" s="53"/>
      <c r="O41" s="53"/>
      <c r="P41" s="53"/>
      <c r="Q41" s="53"/>
      <c r="R41" s="53"/>
      <c r="S41" s="53"/>
      <c r="T41" s="53"/>
      <c r="U41" s="53"/>
      <c r="V41" s="53">
        <v>34957002.304019198</v>
      </c>
      <c r="W41" s="53">
        <v>97623944.7103073</v>
      </c>
      <c r="X41" s="53">
        <v>240481624.42002299</v>
      </c>
      <c r="Y41" s="53">
        <v>60551123.303601101</v>
      </c>
      <c r="Z41" s="53"/>
      <c r="AA41" s="53">
        <v>433613694.73795098</v>
      </c>
      <c r="AB41" s="53"/>
      <c r="AC41" s="53"/>
      <c r="AD41" s="53"/>
      <c r="AE41" s="53"/>
      <c r="AF41" s="53"/>
      <c r="AG41" s="53"/>
      <c r="AH41" s="53"/>
      <c r="AI41" s="53">
        <v>137442028.716232</v>
      </c>
      <c r="AJ41" s="53">
        <v>239377237.91134599</v>
      </c>
      <c r="AK41" s="53">
        <v>393280992.26323497</v>
      </c>
      <c r="AL41" s="53">
        <v>193048441.87334099</v>
      </c>
      <c r="AM41" s="53"/>
      <c r="AN41" s="53">
        <v>963148700.76415598</v>
      </c>
      <c r="AO41" s="53"/>
      <c r="AP41" s="53"/>
      <c r="AQ41" s="53"/>
      <c r="AR41" s="53"/>
      <c r="AS41" s="53"/>
      <c r="AT41" s="53">
        <v>233794140.86158001</v>
      </c>
      <c r="AU41" s="53">
        <v>227643124.22132599</v>
      </c>
      <c r="AV41" s="53">
        <v>280939309.93058503</v>
      </c>
      <c r="AW41" s="53">
        <v>341934612.80359203</v>
      </c>
      <c r="AX41" s="53">
        <v>384555249.98042399</v>
      </c>
      <c r="AY41" s="53">
        <v>71955812.614500195</v>
      </c>
      <c r="AZ41" s="53"/>
      <c r="BA41" s="53">
        <v>1540822250.4119999</v>
      </c>
      <c r="BB41" s="53"/>
      <c r="BC41" s="53"/>
      <c r="BD41" s="53"/>
      <c r="BE41" s="53"/>
      <c r="BF41" s="53"/>
      <c r="BG41" s="53">
        <v>233559606.438665</v>
      </c>
      <c r="BH41" s="53">
        <v>256509907.93695101</v>
      </c>
      <c r="BI41" s="53">
        <v>316266376.39893699</v>
      </c>
      <c r="BJ41" s="53">
        <v>290456805.72593403</v>
      </c>
      <c r="BK41" s="53">
        <v>345374414.50259</v>
      </c>
      <c r="BL41" s="53">
        <v>25961727.997004099</v>
      </c>
      <c r="BM41" s="53"/>
      <c r="BN41" s="53">
        <v>1468128839.0000801</v>
      </c>
      <c r="BO41" s="53"/>
      <c r="BP41" s="53"/>
      <c r="BQ41" s="53"/>
      <c r="BR41" s="53"/>
      <c r="BS41" s="53"/>
      <c r="BT41" s="53">
        <v>89413364.099600807</v>
      </c>
      <c r="BU41" s="53">
        <v>131321263.992834</v>
      </c>
      <c r="BV41" s="53">
        <v>209891225.351459</v>
      </c>
      <c r="BW41" s="53">
        <v>354915954.59222502</v>
      </c>
      <c r="BX41" s="53">
        <v>406748952.61554003</v>
      </c>
      <c r="BY41" s="53">
        <v>76328665.770742998</v>
      </c>
      <c r="BZ41" s="53"/>
      <c r="CA41" s="53">
        <v>1268619426.4224</v>
      </c>
      <c r="CB41" s="53"/>
      <c r="CC41" s="53"/>
      <c r="CD41" s="53"/>
      <c r="CE41" s="53"/>
      <c r="CF41" s="53"/>
      <c r="CG41" s="53"/>
      <c r="CH41" s="53"/>
      <c r="CI41" s="53">
        <v>135781289.63455999</v>
      </c>
      <c r="CJ41" s="53">
        <v>187269772.34568301</v>
      </c>
      <c r="CK41" s="53">
        <v>329052477.29803097</v>
      </c>
      <c r="CL41" s="53">
        <v>128905879.141932</v>
      </c>
      <c r="CM41" s="53">
        <v>7838809.6437666602</v>
      </c>
      <c r="CN41" s="53">
        <v>788848228.06397402</v>
      </c>
    </row>
    <row r="42" spans="1:92" outlineLevel="1">
      <c r="A42" s="52" t="s">
        <v>1220</v>
      </c>
      <c r="B42" s="53"/>
      <c r="C42" s="53"/>
      <c r="D42" s="53"/>
      <c r="E42" s="53"/>
      <c r="F42" s="53"/>
      <c r="G42" s="53"/>
      <c r="H42" s="53"/>
      <c r="I42" s="53"/>
      <c r="J42" s="53"/>
      <c r="K42" s="53"/>
      <c r="L42" s="53"/>
      <c r="M42" s="53"/>
      <c r="N42" s="53"/>
      <c r="O42" s="53"/>
      <c r="P42" s="53"/>
      <c r="Q42" s="53"/>
      <c r="R42" s="53"/>
      <c r="S42" s="53"/>
      <c r="T42" s="53"/>
      <c r="U42" s="53"/>
      <c r="V42" s="53"/>
      <c r="W42" s="53"/>
      <c r="X42" s="53"/>
      <c r="Y42" s="53"/>
      <c r="Z42" s="53"/>
      <c r="AA42" s="53"/>
      <c r="AB42" s="53"/>
      <c r="AC42" s="53"/>
      <c r="AD42" s="53"/>
      <c r="AE42" s="53"/>
      <c r="AF42" s="53"/>
      <c r="AG42" s="53"/>
      <c r="AH42" s="53"/>
      <c r="AI42" s="53"/>
      <c r="AJ42" s="53"/>
      <c r="AK42" s="53"/>
      <c r="AL42" s="53"/>
      <c r="AM42" s="53"/>
      <c r="AN42" s="53"/>
      <c r="AO42" s="53"/>
      <c r="AP42" s="53"/>
      <c r="AQ42" s="53"/>
      <c r="AR42" s="53"/>
      <c r="AS42" s="53"/>
      <c r="AT42" s="53"/>
      <c r="AU42" s="53"/>
      <c r="AV42" s="53"/>
      <c r="AW42" s="53"/>
      <c r="AX42" s="53"/>
      <c r="AY42" s="53"/>
      <c r="AZ42" s="53"/>
      <c r="BA42" s="53"/>
      <c r="BB42" s="53"/>
      <c r="BC42" s="53"/>
      <c r="BD42" s="53"/>
      <c r="BE42" s="53"/>
      <c r="BF42" s="53"/>
      <c r="BG42" s="53"/>
      <c r="BH42" s="53"/>
      <c r="BI42" s="53"/>
      <c r="BJ42" s="53"/>
      <c r="BK42" s="53"/>
      <c r="BL42" s="53"/>
      <c r="BM42" s="53"/>
      <c r="BN42" s="53"/>
      <c r="BO42" s="53"/>
      <c r="BP42" s="53"/>
      <c r="BQ42" s="53"/>
      <c r="BR42" s="53"/>
      <c r="BS42" s="53"/>
      <c r="BT42" s="53"/>
      <c r="BU42" s="53"/>
      <c r="BV42" s="53"/>
      <c r="BW42" s="53"/>
      <c r="BX42" s="53"/>
      <c r="BY42" s="53"/>
      <c r="BZ42" s="53"/>
      <c r="CA42" s="53"/>
      <c r="CB42" s="53"/>
      <c r="CC42" s="53"/>
      <c r="CD42" s="53"/>
      <c r="CE42" s="53"/>
      <c r="CF42" s="53"/>
      <c r="CG42" s="53"/>
      <c r="CH42" s="53"/>
      <c r="CI42" s="53"/>
      <c r="CJ42" s="53"/>
      <c r="CK42" s="53"/>
      <c r="CL42" s="53"/>
      <c r="CM42" s="53"/>
      <c r="CN42" s="53"/>
    </row>
    <row r="43" spans="1:92" outlineLevel="1">
      <c r="A43" s="52" t="s">
        <v>1221</v>
      </c>
      <c r="B43" s="53"/>
      <c r="C43" s="53"/>
      <c r="D43" s="53"/>
      <c r="E43" s="53"/>
      <c r="F43" s="53"/>
      <c r="G43" s="53"/>
      <c r="H43" s="53"/>
      <c r="I43" s="53"/>
      <c r="J43" s="53"/>
      <c r="K43" s="53"/>
      <c r="L43" s="53"/>
      <c r="M43" s="53"/>
      <c r="N43" s="53"/>
      <c r="O43" s="53">
        <v>1189666.97029785</v>
      </c>
      <c r="P43" s="53">
        <v>2233349.8897617199</v>
      </c>
      <c r="Q43" s="53">
        <v>179387.54782046899</v>
      </c>
      <c r="R43" s="53">
        <v>1033052.38650028</v>
      </c>
      <c r="S43" s="53">
        <v>2076362.0680704</v>
      </c>
      <c r="T43" s="53">
        <v>2249648.3520378801</v>
      </c>
      <c r="U43" s="53">
        <v>3297603.1986955102</v>
      </c>
      <c r="V43" s="53">
        <v>4349358.0009448398</v>
      </c>
      <c r="W43" s="53">
        <v>4557024.1327773901</v>
      </c>
      <c r="X43" s="53">
        <v>5613510.6354678497</v>
      </c>
      <c r="Y43" s="53">
        <v>6673966.4049185701</v>
      </c>
      <c r="Z43" s="53">
        <v>6665560.7110996898</v>
      </c>
      <c r="AA43" s="53">
        <v>40118490.298392497</v>
      </c>
      <c r="AB43" s="53">
        <v>7903196.5122474199</v>
      </c>
      <c r="AC43" s="53">
        <v>8994305.0694999602</v>
      </c>
      <c r="AD43" s="53">
        <v>9640693.4855225701</v>
      </c>
      <c r="AE43" s="53">
        <v>10543825.307235699</v>
      </c>
      <c r="AF43" s="53">
        <v>11646861.093870901</v>
      </c>
      <c r="AG43" s="53">
        <v>11842252.917847799</v>
      </c>
      <c r="AH43" s="53">
        <v>12946880.624033101</v>
      </c>
      <c r="AI43" s="53">
        <v>14055242.750561099</v>
      </c>
      <c r="AJ43" s="53">
        <v>14282564.3204113</v>
      </c>
      <c r="AK43" s="53">
        <v>15395441.999409299</v>
      </c>
      <c r="AL43" s="53">
        <v>16514879.670560701</v>
      </c>
      <c r="AM43" s="53">
        <v>16513815.966390001</v>
      </c>
      <c r="AN43" s="53">
        <v>150279959.71759</v>
      </c>
      <c r="AO43" s="53">
        <v>17633676.896308299</v>
      </c>
      <c r="AP43" s="53">
        <v>18756596.925441898</v>
      </c>
      <c r="AQ43" s="53">
        <v>19415172.210011199</v>
      </c>
      <c r="AR43" s="53">
        <v>20346295.839072201</v>
      </c>
      <c r="AS43" s="53">
        <v>21479561.534265298</v>
      </c>
      <c r="AT43" s="53">
        <v>21712692.5097069</v>
      </c>
      <c r="AU43" s="53">
        <v>22846867.133390199</v>
      </c>
      <c r="AV43" s="53">
        <v>23984117.645277999</v>
      </c>
      <c r="AW43" s="53">
        <v>24219085.231812298</v>
      </c>
      <c r="AX43" s="53">
        <v>25360057.2071984</v>
      </c>
      <c r="AY43" s="53">
        <v>26506920.252508398</v>
      </c>
      <c r="AZ43" s="53">
        <v>26507151.8803395</v>
      </c>
      <c r="BA43" s="53">
        <v>268768195.265333</v>
      </c>
      <c r="BB43" s="53">
        <v>27653006.958791699</v>
      </c>
      <c r="BC43" s="53">
        <v>28801921.730377302</v>
      </c>
      <c r="BD43" s="53">
        <v>29475718.909522198</v>
      </c>
      <c r="BE43" s="53">
        <v>30428569.385194398</v>
      </c>
      <c r="BF43" s="53">
        <v>31587884.503713001</v>
      </c>
      <c r="BG43" s="53">
        <v>31827302.641490199</v>
      </c>
      <c r="BH43" s="53">
        <v>32987556.006354</v>
      </c>
      <c r="BI43" s="53">
        <v>34150907.511043899</v>
      </c>
      <c r="BJ43" s="53">
        <v>34392181.504638001</v>
      </c>
      <c r="BK43" s="53">
        <v>35559283.678215101</v>
      </c>
      <c r="BL43" s="53">
        <v>36732298.968410604</v>
      </c>
      <c r="BM43" s="53">
        <v>36733670.199525297</v>
      </c>
      <c r="BN43" s="53">
        <v>390330301.99727601</v>
      </c>
      <c r="BO43" s="53">
        <v>37906832.402995303</v>
      </c>
      <c r="BP43" s="53">
        <v>39083127.215820402</v>
      </c>
      <c r="BQ43" s="53">
        <v>39773981.380675599</v>
      </c>
      <c r="BR43" s="53">
        <v>40749765.333554</v>
      </c>
      <c r="BS43" s="53">
        <v>41936640.387849197</v>
      </c>
      <c r="BT43" s="53">
        <v>42182807.076667197</v>
      </c>
      <c r="BU43" s="53">
        <v>43370711.988754399</v>
      </c>
      <c r="BV43" s="53">
        <v>44561788.876574799</v>
      </c>
      <c r="BW43" s="53">
        <v>44809871.6395832</v>
      </c>
      <c r="BX43" s="53">
        <v>46004791.4103164</v>
      </c>
      <c r="BY43" s="53">
        <v>47205698.576966099</v>
      </c>
      <c r="BZ43" s="53">
        <v>47208420.346398003</v>
      </c>
      <c r="CA43" s="53">
        <v>514794436.63615501</v>
      </c>
      <c r="CB43" s="53">
        <v>31603238.0376059</v>
      </c>
      <c r="CC43" s="53">
        <v>32546244.852846898</v>
      </c>
      <c r="CD43" s="53">
        <v>33056917.571814001</v>
      </c>
      <c r="CE43" s="53">
        <v>33819913.831041798</v>
      </c>
      <c r="CF43" s="53">
        <v>34766155.657343701</v>
      </c>
      <c r="CG43" s="53">
        <v>34870152.815458603</v>
      </c>
      <c r="CH43" s="53">
        <v>35817927.357885003</v>
      </c>
      <c r="CI43" s="53">
        <v>36767158.1933994</v>
      </c>
      <c r="CJ43" s="53">
        <v>36882544.603856601</v>
      </c>
      <c r="CK43" s="53">
        <v>37833299.897772402</v>
      </c>
      <c r="CL43" s="53">
        <v>38785398.849575698</v>
      </c>
      <c r="CM43" s="53">
        <v>38694636.710088797</v>
      </c>
      <c r="CN43" s="53">
        <v>425443588.37868899</v>
      </c>
    </row>
    <row r="44" spans="1:92" outlineLevel="1">
      <c r="A44" s="52" t="s">
        <v>1227</v>
      </c>
      <c r="B44" s="53"/>
      <c r="C44" s="53"/>
      <c r="D44" s="53"/>
      <c r="E44" s="53"/>
      <c r="F44" s="53"/>
      <c r="G44" s="53"/>
      <c r="H44" s="53"/>
      <c r="I44" s="53"/>
      <c r="J44" s="53"/>
      <c r="K44" s="53"/>
      <c r="L44" s="53"/>
      <c r="M44" s="53"/>
      <c r="N44" s="53"/>
      <c r="O44" s="53"/>
      <c r="P44" s="53"/>
      <c r="Q44" s="53"/>
      <c r="R44" s="53"/>
      <c r="S44" s="53"/>
      <c r="T44" s="53"/>
      <c r="U44" s="53"/>
      <c r="V44" s="53"/>
      <c r="W44" s="53"/>
      <c r="X44" s="53"/>
      <c r="Y44" s="53"/>
      <c r="Z44" s="53"/>
      <c r="AA44" s="53"/>
      <c r="AB44" s="53"/>
      <c r="AC44" s="53"/>
      <c r="AD44" s="53"/>
      <c r="AE44" s="53"/>
      <c r="AF44" s="53"/>
      <c r="AG44" s="53"/>
      <c r="AH44" s="53"/>
      <c r="AI44" s="53"/>
      <c r="AJ44" s="53"/>
      <c r="AK44" s="53"/>
      <c r="AL44" s="53"/>
      <c r="AM44" s="53"/>
      <c r="AN44" s="53"/>
      <c r="AO44" s="53"/>
      <c r="AP44" s="53"/>
      <c r="AQ44" s="53"/>
      <c r="AR44" s="53"/>
      <c r="AS44" s="53"/>
      <c r="AT44" s="53"/>
      <c r="AU44" s="53"/>
      <c r="AV44" s="53"/>
      <c r="AW44" s="53"/>
      <c r="AX44" s="53"/>
      <c r="AY44" s="53"/>
      <c r="AZ44" s="53"/>
      <c r="BA44" s="53"/>
      <c r="BB44" s="53"/>
      <c r="BC44" s="53"/>
      <c r="BD44" s="53"/>
      <c r="BE44" s="53"/>
      <c r="BF44" s="53"/>
      <c r="BG44" s="53"/>
      <c r="BH44" s="53"/>
      <c r="BI44" s="53"/>
      <c r="BJ44" s="53"/>
      <c r="BK44" s="53"/>
      <c r="BL44" s="53"/>
      <c r="BM44" s="53"/>
      <c r="BN44" s="53"/>
      <c r="BO44" s="53"/>
      <c r="BP44" s="53"/>
      <c r="BQ44" s="53"/>
      <c r="BR44" s="53"/>
      <c r="BS44" s="53"/>
      <c r="BT44" s="53"/>
      <c r="BU44" s="53"/>
      <c r="BV44" s="53"/>
      <c r="BW44" s="53"/>
      <c r="BX44" s="53"/>
      <c r="BY44" s="53"/>
      <c r="BZ44" s="53"/>
      <c r="CA44" s="53"/>
      <c r="CB44" s="53"/>
      <c r="CC44" s="53"/>
      <c r="CD44" s="53"/>
      <c r="CE44" s="53"/>
      <c r="CF44" s="53"/>
      <c r="CG44" s="53"/>
      <c r="CH44" s="53"/>
      <c r="CI44" s="53"/>
      <c r="CJ44" s="53"/>
      <c r="CK44" s="53"/>
      <c r="CL44" s="53"/>
      <c r="CM44" s="53"/>
      <c r="CN44" s="53"/>
    </row>
    <row r="45" spans="1:92" outlineLevel="1">
      <c r="A45" s="52" t="s">
        <v>1228</v>
      </c>
      <c r="B45" s="53"/>
      <c r="C45" s="53"/>
      <c r="D45" s="53"/>
      <c r="E45" s="53"/>
      <c r="F45" s="53"/>
      <c r="G45" s="53"/>
      <c r="H45" s="53"/>
      <c r="I45" s="53"/>
      <c r="J45" s="53"/>
      <c r="K45" s="53"/>
      <c r="L45" s="53"/>
      <c r="M45" s="53"/>
      <c r="N45" s="53"/>
      <c r="O45" s="53"/>
      <c r="P45" s="53"/>
      <c r="Q45" s="53"/>
      <c r="R45" s="53"/>
      <c r="S45" s="53"/>
      <c r="T45" s="53"/>
      <c r="U45" s="53"/>
      <c r="V45" s="53"/>
      <c r="W45" s="53"/>
      <c r="X45" s="53"/>
      <c r="Y45" s="53"/>
      <c r="Z45" s="53"/>
      <c r="AA45" s="53"/>
      <c r="AB45" s="53"/>
      <c r="AC45" s="53"/>
      <c r="AD45" s="53"/>
      <c r="AE45" s="53"/>
      <c r="AF45" s="53"/>
      <c r="AG45" s="53"/>
      <c r="AH45" s="53"/>
      <c r="AI45" s="53"/>
      <c r="AJ45" s="53"/>
      <c r="AK45" s="53"/>
      <c r="AL45" s="53"/>
      <c r="AM45" s="53"/>
      <c r="AN45" s="53"/>
      <c r="AO45" s="53"/>
      <c r="AP45" s="53"/>
      <c r="AQ45" s="53"/>
      <c r="AR45" s="53"/>
      <c r="AS45" s="53"/>
      <c r="AT45" s="53"/>
      <c r="AU45" s="53"/>
      <c r="AV45" s="53"/>
      <c r="AW45" s="53"/>
      <c r="AX45" s="53"/>
      <c r="AY45" s="53"/>
      <c r="AZ45" s="53"/>
      <c r="BA45" s="53"/>
      <c r="BB45" s="53"/>
      <c r="BC45" s="53"/>
      <c r="BD45" s="53"/>
      <c r="BE45" s="53"/>
      <c r="BF45" s="53"/>
      <c r="BG45" s="53"/>
      <c r="BH45" s="53"/>
      <c r="BI45" s="53"/>
      <c r="BJ45" s="53"/>
      <c r="BK45" s="53"/>
      <c r="BL45" s="53"/>
      <c r="BM45" s="53"/>
      <c r="BN45" s="53"/>
      <c r="BO45" s="53"/>
      <c r="BP45" s="53"/>
      <c r="BQ45" s="53"/>
      <c r="BR45" s="53"/>
      <c r="BS45" s="53"/>
      <c r="BT45" s="53"/>
      <c r="BU45" s="53"/>
      <c r="BV45" s="53"/>
      <c r="BW45" s="53"/>
      <c r="BX45" s="53"/>
      <c r="BY45" s="53"/>
      <c r="BZ45" s="53"/>
      <c r="CA45" s="53"/>
      <c r="CB45" s="53"/>
      <c r="CC45" s="53"/>
      <c r="CD45" s="53"/>
      <c r="CE45" s="53"/>
      <c r="CF45" s="53"/>
      <c r="CG45" s="53"/>
      <c r="CH45" s="53"/>
      <c r="CI45" s="53"/>
      <c r="CJ45" s="53"/>
      <c r="CK45" s="53"/>
      <c r="CL45" s="53"/>
      <c r="CM45" s="53"/>
      <c r="CN45" s="53"/>
    </row>
    <row r="46" spans="1:92" outlineLevel="1">
      <c r="A46" s="52" t="s">
        <v>649</v>
      </c>
      <c r="B46" s="53"/>
      <c r="C46" s="53"/>
      <c r="D46" s="53"/>
      <c r="E46" s="53"/>
      <c r="F46" s="53"/>
      <c r="G46" s="53"/>
      <c r="H46" s="53"/>
      <c r="I46" s="53"/>
      <c r="J46" s="53"/>
      <c r="K46" s="53"/>
      <c r="L46" s="53"/>
      <c r="M46" s="53"/>
      <c r="N46" s="53"/>
      <c r="O46" s="53">
        <v>4000000</v>
      </c>
      <c r="P46" s="53"/>
      <c r="Q46" s="53"/>
      <c r="R46" s="53"/>
      <c r="S46" s="53"/>
      <c r="T46" s="53"/>
      <c r="U46" s="53"/>
      <c r="V46" s="53"/>
      <c r="W46" s="53"/>
      <c r="X46" s="53"/>
      <c r="Y46" s="53"/>
      <c r="Z46" s="53"/>
      <c r="AA46" s="53">
        <v>4000000</v>
      </c>
      <c r="AB46" s="53"/>
      <c r="AC46" s="53"/>
      <c r="AD46" s="53"/>
      <c r="AE46" s="53"/>
      <c r="AF46" s="53"/>
      <c r="AG46" s="53"/>
      <c r="AH46" s="53"/>
      <c r="AI46" s="53"/>
      <c r="AJ46" s="53"/>
      <c r="AK46" s="53"/>
      <c r="AL46" s="53"/>
      <c r="AM46" s="53"/>
      <c r="AN46" s="53"/>
      <c r="AO46" s="53"/>
      <c r="AP46" s="53"/>
      <c r="AQ46" s="53"/>
      <c r="AR46" s="53"/>
      <c r="AS46" s="53"/>
      <c r="AT46" s="53"/>
      <c r="AU46" s="53"/>
      <c r="AV46" s="53"/>
      <c r="AW46" s="53"/>
      <c r="AX46" s="53"/>
      <c r="AY46" s="53"/>
      <c r="AZ46" s="53"/>
      <c r="BA46" s="53"/>
      <c r="BB46" s="53"/>
      <c r="BC46" s="53"/>
      <c r="BD46" s="53"/>
      <c r="BE46" s="53"/>
      <c r="BF46" s="53"/>
      <c r="BG46" s="53"/>
      <c r="BH46" s="53"/>
      <c r="BI46" s="53"/>
      <c r="BJ46" s="53"/>
      <c r="BK46" s="53"/>
      <c r="BL46" s="53"/>
      <c r="BM46" s="53"/>
      <c r="BN46" s="53"/>
      <c r="BO46" s="53"/>
      <c r="BP46" s="53"/>
      <c r="BQ46" s="53"/>
      <c r="BR46" s="53"/>
      <c r="BS46" s="53"/>
      <c r="BT46" s="53"/>
      <c r="BU46" s="53"/>
      <c r="BV46" s="53"/>
      <c r="BW46" s="53"/>
      <c r="BX46" s="53"/>
      <c r="BY46" s="53"/>
      <c r="BZ46" s="53"/>
      <c r="CA46" s="53"/>
      <c r="CB46" s="53"/>
      <c r="CC46" s="53"/>
      <c r="CD46" s="53"/>
      <c r="CE46" s="53"/>
      <c r="CF46" s="53"/>
      <c r="CG46" s="53"/>
      <c r="CH46" s="53"/>
      <c r="CI46" s="53"/>
      <c r="CJ46" s="53"/>
      <c r="CK46" s="53"/>
      <c r="CL46" s="53"/>
      <c r="CM46" s="53"/>
      <c r="CN46" s="53"/>
    </row>
    <row r="47" spans="1:92" outlineLevel="1">
      <c r="A47" s="52" t="s">
        <v>1229</v>
      </c>
      <c r="B47" s="53"/>
      <c r="C47" s="53"/>
      <c r="D47" s="53"/>
      <c r="E47" s="53"/>
      <c r="F47" s="53"/>
      <c r="G47" s="53"/>
      <c r="H47" s="53"/>
      <c r="I47" s="53"/>
      <c r="J47" s="53"/>
      <c r="K47" s="53"/>
      <c r="L47" s="53"/>
      <c r="M47" s="53"/>
      <c r="N47" s="53"/>
      <c r="O47" s="53"/>
      <c r="P47" s="53"/>
      <c r="Q47" s="53"/>
      <c r="R47" s="53"/>
      <c r="S47" s="53"/>
      <c r="T47" s="53"/>
      <c r="U47" s="53"/>
      <c r="V47" s="53"/>
      <c r="W47" s="53"/>
      <c r="X47" s="53"/>
      <c r="Y47" s="53"/>
      <c r="Z47" s="53"/>
      <c r="AA47" s="53"/>
      <c r="AB47" s="53"/>
      <c r="AC47" s="53"/>
      <c r="AD47" s="53"/>
      <c r="AE47" s="53"/>
      <c r="AF47" s="53"/>
      <c r="AG47" s="53"/>
      <c r="AH47" s="53"/>
      <c r="AI47" s="53"/>
      <c r="AJ47" s="53"/>
      <c r="AK47" s="53"/>
      <c r="AL47" s="53"/>
      <c r="AM47" s="53"/>
      <c r="AN47" s="53"/>
      <c r="AO47" s="53"/>
      <c r="AP47" s="53"/>
      <c r="AQ47" s="53"/>
      <c r="AR47" s="53"/>
      <c r="AS47" s="53"/>
      <c r="AT47" s="53"/>
      <c r="AU47" s="53"/>
      <c r="AV47" s="53"/>
      <c r="AW47" s="53"/>
      <c r="AX47" s="53"/>
      <c r="AY47" s="53"/>
      <c r="AZ47" s="53"/>
      <c r="BA47" s="53"/>
      <c r="BB47" s="53"/>
      <c r="BC47" s="53"/>
      <c r="BD47" s="53"/>
      <c r="BE47" s="53"/>
      <c r="BF47" s="53"/>
      <c r="BG47" s="53"/>
      <c r="BH47" s="53"/>
      <c r="BI47" s="53"/>
      <c r="BJ47" s="53"/>
      <c r="BK47" s="53"/>
      <c r="BL47" s="53"/>
      <c r="BM47" s="53"/>
      <c r="BN47" s="53"/>
      <c r="BO47" s="53"/>
      <c r="BP47" s="53"/>
      <c r="BQ47" s="53"/>
      <c r="BR47" s="53"/>
      <c r="BS47" s="53"/>
      <c r="BT47" s="53"/>
      <c r="BU47" s="53"/>
      <c r="BV47" s="53"/>
      <c r="BW47" s="53"/>
      <c r="BX47" s="53"/>
      <c r="BY47" s="53"/>
      <c r="BZ47" s="53"/>
      <c r="CA47" s="53"/>
      <c r="CB47" s="53"/>
      <c r="CC47" s="53"/>
      <c r="CD47" s="53"/>
      <c r="CE47" s="53"/>
      <c r="CF47" s="53"/>
      <c r="CG47" s="53"/>
      <c r="CH47" s="53"/>
      <c r="CI47" s="53"/>
      <c r="CJ47" s="53"/>
      <c r="CK47" s="53"/>
      <c r="CL47" s="53"/>
      <c r="CM47" s="53"/>
      <c r="CN47" s="53"/>
    </row>
    <row r="48" spans="1:92" outlineLevel="1">
      <c r="A48" s="52" t="s">
        <v>1230</v>
      </c>
      <c r="B48" s="53"/>
      <c r="C48" s="53"/>
      <c r="D48" s="53"/>
      <c r="E48" s="53"/>
      <c r="F48" s="53"/>
      <c r="G48" s="53"/>
      <c r="H48" s="53"/>
      <c r="I48" s="53"/>
      <c r="J48" s="53"/>
      <c r="K48" s="53"/>
      <c r="L48" s="53"/>
      <c r="M48" s="53"/>
      <c r="N48" s="53"/>
      <c r="O48" s="53"/>
      <c r="P48" s="53"/>
      <c r="Q48" s="53"/>
      <c r="R48" s="53"/>
      <c r="S48" s="53"/>
      <c r="T48" s="53"/>
      <c r="U48" s="53"/>
      <c r="V48" s="53"/>
      <c r="W48" s="53"/>
      <c r="X48" s="53"/>
      <c r="Y48" s="53"/>
      <c r="Z48" s="53"/>
      <c r="AA48" s="53"/>
      <c r="AB48" s="53"/>
      <c r="AC48" s="53"/>
      <c r="AD48" s="53"/>
      <c r="AE48" s="53"/>
      <c r="AF48" s="53"/>
      <c r="AG48" s="53"/>
      <c r="AH48" s="53"/>
      <c r="AI48" s="53"/>
      <c r="AJ48" s="53"/>
      <c r="AK48" s="53"/>
      <c r="AL48" s="53"/>
      <c r="AM48" s="53"/>
      <c r="AN48" s="53"/>
      <c r="AO48" s="53"/>
      <c r="AP48" s="53"/>
      <c r="AQ48" s="53"/>
      <c r="AR48" s="53"/>
      <c r="AS48" s="53"/>
      <c r="AT48" s="53"/>
      <c r="AU48" s="53"/>
      <c r="AV48" s="53"/>
      <c r="AW48" s="53"/>
      <c r="AX48" s="53"/>
      <c r="AY48" s="53"/>
      <c r="AZ48" s="53"/>
      <c r="BA48" s="53"/>
      <c r="BB48" s="53"/>
      <c r="BC48" s="53"/>
      <c r="BD48" s="53"/>
      <c r="BE48" s="53"/>
      <c r="BF48" s="53"/>
      <c r="BG48" s="53"/>
      <c r="BH48" s="53"/>
      <c r="BI48" s="53"/>
      <c r="BJ48" s="53"/>
      <c r="BK48" s="53"/>
      <c r="BL48" s="53"/>
      <c r="BM48" s="53"/>
      <c r="BN48" s="53"/>
      <c r="BO48" s="53"/>
      <c r="BP48" s="53"/>
      <c r="BQ48" s="53"/>
      <c r="BR48" s="53"/>
      <c r="BS48" s="53"/>
      <c r="BT48" s="53"/>
      <c r="BU48" s="53"/>
      <c r="BV48" s="53"/>
      <c r="BW48" s="53"/>
      <c r="BX48" s="53"/>
      <c r="BY48" s="53"/>
      <c r="BZ48" s="53"/>
      <c r="CA48" s="53"/>
      <c r="CB48" s="53"/>
      <c r="CC48" s="53"/>
      <c r="CD48" s="53"/>
      <c r="CE48" s="53"/>
      <c r="CF48" s="53"/>
      <c r="CG48" s="53"/>
      <c r="CH48" s="53"/>
      <c r="CI48" s="53"/>
      <c r="CJ48" s="53"/>
      <c r="CK48" s="53"/>
      <c r="CL48" s="53"/>
      <c r="CM48" s="53"/>
      <c r="CN48" s="53"/>
    </row>
    <row r="49" spans="1:92" outlineLevel="1">
      <c r="A49" s="52" t="s">
        <v>649</v>
      </c>
      <c r="B49" s="53"/>
      <c r="C49" s="53"/>
      <c r="D49" s="53"/>
      <c r="E49" s="53"/>
      <c r="F49" s="53"/>
      <c r="G49" s="53"/>
      <c r="H49" s="53"/>
      <c r="I49" s="53"/>
      <c r="J49" s="53"/>
      <c r="K49" s="53"/>
      <c r="L49" s="53"/>
      <c r="M49" s="53"/>
      <c r="N49" s="53"/>
      <c r="O49" s="53">
        <v>-9.0949470177292803E-10</v>
      </c>
      <c r="P49" s="53">
        <v>5.8207660913467401E-8</v>
      </c>
      <c r="Q49" s="53">
        <v>-3.6379788070917101E-9</v>
      </c>
      <c r="R49" s="53">
        <v>5.4569682106375603E-9</v>
      </c>
      <c r="S49" s="53">
        <v>-1.6370904631912698E-8</v>
      </c>
      <c r="T49" s="53">
        <v>2.0008883439004401E-8</v>
      </c>
      <c r="U49" s="53">
        <v>-7.2759576141834201E-9</v>
      </c>
      <c r="V49" s="53">
        <v>-2.0008883439004401E-8</v>
      </c>
      <c r="W49" s="53">
        <v>-9.0949470177292807E-9</v>
      </c>
      <c r="X49" s="53">
        <v>-2.5465851649641901E-8</v>
      </c>
      <c r="Y49" s="53"/>
      <c r="Z49" s="53">
        <v>7.2759576141834206E-8</v>
      </c>
      <c r="AA49" s="53">
        <v>7.3669070843607095E-8</v>
      </c>
      <c r="AB49" s="53">
        <v>1.8189894035458501E-9</v>
      </c>
      <c r="AC49" s="53">
        <v>5.4569682106375603E-9</v>
      </c>
      <c r="AD49" s="53">
        <v>3.6379788070917101E-9</v>
      </c>
      <c r="AE49" s="53">
        <v>-2.7284841053187801E-8</v>
      </c>
      <c r="AF49" s="53">
        <v>-3.6379788070917101E-9</v>
      </c>
      <c r="AG49" s="53">
        <v>1.4551915228366801E-8</v>
      </c>
      <c r="AH49" s="53">
        <v>-5.4569682106375603E-9</v>
      </c>
      <c r="AI49" s="53">
        <v>4.5474735088646399E-8</v>
      </c>
      <c r="AJ49" s="53">
        <v>-9.0949470177292807E-9</v>
      </c>
      <c r="AK49" s="53">
        <v>1.8189894035458501E-9</v>
      </c>
      <c r="AL49" s="53">
        <v>1.2732925824820899E-8</v>
      </c>
      <c r="AM49" s="53">
        <v>-9.0949470177292807E-9</v>
      </c>
      <c r="AN49" s="53">
        <v>3.0922819860279501E-8</v>
      </c>
      <c r="AO49" s="53">
        <v>7.2759576141834201E-9</v>
      </c>
      <c r="AP49" s="53">
        <v>9.0949470177292807E-9</v>
      </c>
      <c r="AQ49" s="53">
        <v>-1.0913936421275101E-8</v>
      </c>
      <c r="AR49" s="53">
        <v>-1.6370904631912698E-8</v>
      </c>
      <c r="AS49" s="53">
        <v>5.4569682106375603E-9</v>
      </c>
      <c r="AT49" s="53">
        <v>-3.45607986673712E-8</v>
      </c>
      <c r="AU49" s="53">
        <v>5.4569682106375603E-9</v>
      </c>
      <c r="AV49" s="53">
        <v>1.8189894035458499E-8</v>
      </c>
      <c r="AW49" s="53">
        <v>-2.7284841053187801E-8</v>
      </c>
      <c r="AX49" s="53">
        <v>1.8189894035458499E-8</v>
      </c>
      <c r="AY49" s="53">
        <v>2.91038304567337E-8</v>
      </c>
      <c r="AZ49" s="53">
        <v>3.45607986673712E-8</v>
      </c>
      <c r="BA49" s="53">
        <v>3.81987774744629E-8</v>
      </c>
      <c r="BB49" s="53">
        <v>-9.0949470177292807E-9</v>
      </c>
      <c r="BC49" s="53">
        <v>-7.2759576141834201E-9</v>
      </c>
      <c r="BD49" s="53">
        <v>7.2759576141834201E-9</v>
      </c>
      <c r="BE49" s="53">
        <v>2.5465851649641901E-8</v>
      </c>
      <c r="BF49" s="53"/>
      <c r="BG49" s="53">
        <v>-6.3664629124104897E-8</v>
      </c>
      <c r="BH49" s="53">
        <v>5.4569682106375603E-9</v>
      </c>
      <c r="BI49" s="53"/>
      <c r="BJ49" s="53">
        <v>9.0949470177292807E-9</v>
      </c>
      <c r="BK49" s="53">
        <v>1.2732925824820899E-8</v>
      </c>
      <c r="BL49" s="53">
        <v>-3.6379788070917101E-9</v>
      </c>
      <c r="BM49" s="53">
        <v>-5.6388671509921498E-8</v>
      </c>
      <c r="BN49" s="53">
        <v>-8.0035533756017606E-8</v>
      </c>
      <c r="BO49" s="53">
        <v>5.6388671509921498E-8</v>
      </c>
      <c r="BP49" s="53">
        <v>3.2741809263825397E-8</v>
      </c>
      <c r="BQ49" s="53">
        <v>-1.8189894035458499E-8</v>
      </c>
      <c r="BR49" s="53">
        <v>-5.0931703299283902E-8</v>
      </c>
      <c r="BS49" s="53">
        <v>6.3664629124104897E-8</v>
      </c>
      <c r="BT49" s="53">
        <v>-5.4569682106375603E-9</v>
      </c>
      <c r="BU49" s="53">
        <v>1.4551915228366801E-8</v>
      </c>
      <c r="BV49" s="53">
        <v>-3.6379788070917101E-9</v>
      </c>
      <c r="BW49" s="53">
        <v>-2.3646862246096101E-8</v>
      </c>
      <c r="BX49" s="53">
        <v>-1.2732925824820899E-8</v>
      </c>
      <c r="BY49" s="53">
        <v>4.3655745685100502E-8</v>
      </c>
      <c r="BZ49" s="53">
        <v>2.0008883439004401E-8</v>
      </c>
      <c r="CA49" s="53">
        <v>1.1641532182693399E-7</v>
      </c>
      <c r="CB49" s="53">
        <v>-5.4569682106375603E-9</v>
      </c>
      <c r="CC49" s="53">
        <v>-9.0949470177292807E-9</v>
      </c>
      <c r="CD49" s="53">
        <v>-1.2732925824820899E-8</v>
      </c>
      <c r="CE49" s="53"/>
      <c r="CF49" s="53">
        <v>-2.1827872842550202E-8</v>
      </c>
      <c r="CG49" s="53">
        <v>-4.0017766878008803E-8</v>
      </c>
      <c r="CH49" s="53">
        <v>1.0913936421275101E-8</v>
      </c>
      <c r="CI49" s="53">
        <v>-1.4551915228366801E-8</v>
      </c>
      <c r="CJ49" s="53">
        <v>-3.2741809263825397E-8</v>
      </c>
      <c r="CK49" s="53">
        <v>-9.0949470177292807E-9</v>
      </c>
      <c r="CL49" s="53">
        <v>5.4569682106375603E-9</v>
      </c>
      <c r="CM49" s="53">
        <v>-9.0949470177292807E-9</v>
      </c>
      <c r="CN49" s="53">
        <v>-1.3824319466948501E-7</v>
      </c>
    </row>
    <row r="50" spans="1:92" outlineLevel="1">
      <c r="A50" s="52" t="s">
        <v>672</v>
      </c>
      <c r="B50" s="53"/>
      <c r="C50" s="53"/>
      <c r="D50" s="53"/>
      <c r="E50" s="53"/>
      <c r="F50" s="53"/>
      <c r="G50" s="53"/>
      <c r="H50" s="53"/>
      <c r="I50" s="53"/>
      <c r="J50" s="53"/>
      <c r="K50" s="53"/>
      <c r="L50" s="53"/>
      <c r="M50" s="53"/>
      <c r="N50" s="53"/>
      <c r="O50" s="53"/>
      <c r="P50" s="53"/>
      <c r="Q50" s="53"/>
      <c r="R50" s="53"/>
      <c r="S50" s="53"/>
      <c r="T50" s="53"/>
      <c r="U50" s="53"/>
      <c r="V50" s="53"/>
      <c r="W50" s="53"/>
      <c r="X50" s="53"/>
      <c r="Y50" s="53"/>
      <c r="Z50" s="53"/>
      <c r="AA50" s="53"/>
      <c r="AB50" s="53"/>
      <c r="AC50" s="53"/>
      <c r="AD50" s="53"/>
      <c r="AE50" s="53"/>
      <c r="AF50" s="53"/>
      <c r="AG50" s="53"/>
      <c r="AH50" s="53"/>
      <c r="AI50" s="53"/>
      <c r="AJ50" s="53"/>
      <c r="AK50" s="53"/>
      <c r="AL50" s="53"/>
      <c r="AM50" s="53"/>
      <c r="AN50" s="53"/>
      <c r="AO50" s="53"/>
      <c r="AP50" s="53"/>
      <c r="AQ50" s="53"/>
      <c r="AR50" s="53"/>
      <c r="AS50" s="53"/>
      <c r="AT50" s="53"/>
      <c r="AU50" s="53"/>
      <c r="AV50" s="53"/>
      <c r="AW50" s="53"/>
      <c r="AX50" s="53"/>
      <c r="AY50" s="53"/>
      <c r="AZ50" s="53"/>
      <c r="BA50" s="53"/>
      <c r="BB50" s="53"/>
      <c r="BC50" s="53"/>
      <c r="BD50" s="53"/>
      <c r="BE50" s="53"/>
      <c r="BF50" s="53"/>
      <c r="BG50" s="53"/>
      <c r="BH50" s="53"/>
      <c r="BI50" s="53"/>
      <c r="BJ50" s="53"/>
      <c r="BK50" s="53"/>
      <c r="BL50" s="53"/>
      <c r="BM50" s="53"/>
      <c r="BN50" s="53"/>
      <c r="BO50" s="53"/>
      <c r="BP50" s="53"/>
      <c r="BQ50" s="53"/>
      <c r="BR50" s="53"/>
      <c r="BS50" s="53"/>
      <c r="BT50" s="53"/>
      <c r="BU50" s="53"/>
      <c r="BV50" s="53"/>
      <c r="BW50" s="53"/>
      <c r="BX50" s="53"/>
      <c r="BY50" s="53"/>
      <c r="BZ50" s="53"/>
      <c r="CA50" s="53"/>
      <c r="CB50" s="53"/>
      <c r="CC50" s="53"/>
      <c r="CD50" s="53"/>
      <c r="CE50" s="53"/>
      <c r="CF50" s="53"/>
      <c r="CG50" s="53"/>
      <c r="CH50" s="53"/>
      <c r="CI50" s="53"/>
      <c r="CJ50" s="53"/>
      <c r="CK50" s="53"/>
      <c r="CL50" s="53"/>
      <c r="CM50" s="53"/>
      <c r="CN50" s="53"/>
    </row>
    <row r="51" spans="1:92" outlineLevel="1">
      <c r="A51" s="52" t="s">
        <v>745</v>
      </c>
      <c r="B51" s="53"/>
      <c r="C51" s="53"/>
      <c r="D51" s="53"/>
      <c r="E51" s="53"/>
      <c r="F51" s="53"/>
      <c r="G51" s="53"/>
      <c r="H51" s="53"/>
      <c r="I51" s="53"/>
      <c r="J51" s="53"/>
      <c r="K51" s="53"/>
      <c r="L51" s="53"/>
      <c r="M51" s="53"/>
      <c r="N51" s="53"/>
      <c r="O51" s="53"/>
      <c r="P51" s="53"/>
      <c r="Q51" s="53"/>
      <c r="R51" s="53"/>
      <c r="S51" s="53"/>
      <c r="T51" s="53"/>
      <c r="U51" s="53"/>
      <c r="V51" s="53"/>
      <c r="W51" s="53"/>
      <c r="X51" s="53"/>
      <c r="Y51" s="53"/>
      <c r="Z51" s="53"/>
      <c r="AA51" s="53"/>
      <c r="AB51" s="53"/>
      <c r="AC51" s="53"/>
      <c r="AD51" s="53"/>
      <c r="AE51" s="53"/>
      <c r="AF51" s="53"/>
      <c r="AG51" s="53"/>
      <c r="AH51" s="53"/>
      <c r="AI51" s="53"/>
      <c r="AJ51" s="53"/>
      <c r="AK51" s="53"/>
      <c r="AL51" s="53"/>
      <c r="AM51" s="53"/>
      <c r="AN51" s="53"/>
      <c r="AO51" s="53"/>
      <c r="AP51" s="53"/>
      <c r="AQ51" s="53"/>
      <c r="AR51" s="53"/>
      <c r="AS51" s="53"/>
      <c r="AT51" s="53"/>
      <c r="AU51" s="53"/>
      <c r="AV51" s="53"/>
      <c r="AW51" s="53"/>
      <c r="AX51" s="53"/>
      <c r="AY51" s="53"/>
      <c r="AZ51" s="53"/>
      <c r="BA51" s="53"/>
      <c r="BB51" s="53"/>
      <c r="BC51" s="53"/>
      <c r="BD51" s="53"/>
      <c r="BE51" s="53"/>
      <c r="BF51" s="53"/>
      <c r="BG51" s="53"/>
      <c r="BH51" s="53"/>
      <c r="BI51" s="53"/>
      <c r="BJ51" s="53"/>
      <c r="BK51" s="53"/>
      <c r="BL51" s="53"/>
      <c r="BM51" s="53"/>
      <c r="BN51" s="53"/>
      <c r="BO51" s="53"/>
      <c r="BP51" s="53"/>
      <c r="BQ51" s="53"/>
      <c r="BR51" s="53"/>
      <c r="BS51" s="53"/>
      <c r="BT51" s="53"/>
      <c r="BU51" s="53"/>
      <c r="BV51" s="53"/>
      <c r="BW51" s="53"/>
      <c r="BX51" s="53"/>
      <c r="BY51" s="53"/>
      <c r="BZ51" s="53"/>
      <c r="CA51" s="53"/>
      <c r="CB51" s="53"/>
      <c r="CC51" s="53"/>
      <c r="CD51" s="53"/>
      <c r="CE51" s="53"/>
      <c r="CF51" s="53"/>
      <c r="CG51" s="53"/>
      <c r="CH51" s="53"/>
      <c r="CI51" s="53"/>
      <c r="CJ51" s="53"/>
      <c r="CK51" s="53"/>
      <c r="CL51" s="53"/>
      <c r="CM51" s="53"/>
      <c r="CN51" s="53"/>
    </row>
    <row r="52" spans="1:92" outlineLevel="1">
      <c r="A52" s="52" t="s">
        <v>1225</v>
      </c>
      <c r="B52" s="53"/>
      <c r="C52" s="53"/>
      <c r="D52" s="53"/>
      <c r="E52" s="53"/>
      <c r="F52" s="53"/>
      <c r="G52" s="53"/>
      <c r="H52" s="53"/>
      <c r="I52" s="53"/>
      <c r="J52" s="53"/>
      <c r="K52" s="53"/>
      <c r="L52" s="53"/>
      <c r="M52" s="53"/>
      <c r="N52" s="53"/>
      <c r="O52" s="53"/>
      <c r="P52" s="53"/>
      <c r="Q52" s="53"/>
      <c r="R52" s="53"/>
      <c r="S52" s="53"/>
      <c r="T52" s="53"/>
      <c r="U52" s="53"/>
      <c r="V52" s="53"/>
      <c r="W52" s="53"/>
      <c r="X52" s="53"/>
      <c r="Y52" s="53"/>
      <c r="Z52" s="53"/>
      <c r="AA52" s="53"/>
      <c r="AB52" s="53"/>
      <c r="AC52" s="53"/>
      <c r="AD52" s="53"/>
      <c r="AE52" s="53"/>
      <c r="AF52" s="53"/>
      <c r="AG52" s="53"/>
      <c r="AH52" s="53"/>
      <c r="AI52" s="53"/>
      <c r="AJ52" s="53"/>
      <c r="AK52" s="53"/>
      <c r="AL52" s="53"/>
      <c r="AM52" s="53"/>
      <c r="AN52" s="53"/>
      <c r="AO52" s="53"/>
      <c r="AP52" s="53"/>
      <c r="AQ52" s="53"/>
      <c r="AR52" s="53"/>
      <c r="AS52" s="53"/>
      <c r="AT52" s="53"/>
      <c r="AU52" s="53"/>
      <c r="AV52" s="53"/>
      <c r="AW52" s="53"/>
      <c r="AX52" s="53"/>
      <c r="AY52" s="53"/>
      <c r="AZ52" s="53"/>
      <c r="BA52" s="53"/>
      <c r="BB52" s="53"/>
      <c r="BC52" s="53"/>
      <c r="BD52" s="53"/>
      <c r="BE52" s="53"/>
      <c r="BF52" s="53"/>
      <c r="BG52" s="53"/>
      <c r="BH52" s="53"/>
      <c r="BI52" s="53"/>
      <c r="BJ52" s="53"/>
      <c r="BK52" s="53"/>
      <c r="BL52" s="53"/>
      <c r="BM52" s="53"/>
      <c r="BN52" s="53"/>
      <c r="BO52" s="53"/>
      <c r="BP52" s="53"/>
      <c r="BQ52" s="53"/>
      <c r="BR52" s="53"/>
      <c r="BS52" s="53"/>
      <c r="BT52" s="53"/>
      <c r="BU52" s="53"/>
      <c r="BV52" s="53"/>
      <c r="BW52" s="53"/>
      <c r="BX52" s="53"/>
      <c r="BY52" s="53"/>
      <c r="BZ52" s="53"/>
      <c r="CA52" s="53"/>
      <c r="CB52" s="53"/>
      <c r="CC52" s="53"/>
      <c r="CD52" s="53"/>
      <c r="CE52" s="53"/>
      <c r="CF52" s="53"/>
      <c r="CG52" s="53"/>
      <c r="CH52" s="53"/>
      <c r="CI52" s="53"/>
      <c r="CJ52" s="53"/>
      <c r="CK52" s="53"/>
      <c r="CL52" s="53"/>
      <c r="CM52" s="53"/>
      <c r="CN52" s="53"/>
    </row>
    <row r="53" spans="1:92" outlineLevel="1">
      <c r="A53" s="52" t="s">
        <v>649</v>
      </c>
      <c r="B53" s="53">
        <v>-22991564.399999999</v>
      </c>
      <c r="C53" s="53">
        <v>-34302451.090000004</v>
      </c>
      <c r="D53" s="53">
        <v>-37866581.869999997</v>
      </c>
      <c r="E53" s="53">
        <v>-12588353.9099999</v>
      </c>
      <c r="F53" s="53">
        <v>-16039955.51</v>
      </c>
      <c r="G53" s="53">
        <v>-32420786.439999901</v>
      </c>
      <c r="H53" s="53">
        <v>-44359930.909999996</v>
      </c>
      <c r="I53" s="53">
        <v>-28158787.2999999</v>
      </c>
      <c r="J53" s="53">
        <v>-40371437.859999999</v>
      </c>
      <c r="K53" s="53">
        <v>-25430191.949999999</v>
      </c>
      <c r="L53" s="53">
        <v>-29146212</v>
      </c>
      <c r="M53" s="53">
        <v>-39996699.909999996</v>
      </c>
      <c r="N53" s="53">
        <v>-363672953.14999998</v>
      </c>
      <c r="O53" s="53">
        <v>-44989931.859999999</v>
      </c>
      <c r="P53" s="53"/>
      <c r="Q53" s="53"/>
      <c r="R53" s="53"/>
      <c r="S53" s="53"/>
      <c r="T53" s="53"/>
      <c r="U53" s="53"/>
      <c r="V53" s="53"/>
      <c r="W53" s="53"/>
      <c r="X53" s="53"/>
      <c r="Y53" s="53"/>
      <c r="Z53" s="53"/>
      <c r="AA53" s="53">
        <v>-44989931.859999999</v>
      </c>
      <c r="AB53" s="53"/>
      <c r="AC53" s="53"/>
      <c r="AD53" s="53"/>
      <c r="AE53" s="53"/>
      <c r="AF53" s="53"/>
      <c r="AG53" s="53"/>
      <c r="AH53" s="53"/>
      <c r="AI53" s="53"/>
      <c r="AJ53" s="53"/>
      <c r="AK53" s="53"/>
      <c r="AL53" s="53"/>
      <c r="AM53" s="53"/>
      <c r="AN53" s="53"/>
      <c r="AO53" s="53"/>
      <c r="AP53" s="53"/>
      <c r="AQ53" s="53"/>
      <c r="AR53" s="53"/>
      <c r="AS53" s="53"/>
      <c r="AT53" s="53"/>
      <c r="AU53" s="53"/>
      <c r="AV53" s="53"/>
      <c r="AW53" s="53"/>
      <c r="AX53" s="53"/>
      <c r="AY53" s="53"/>
      <c r="AZ53" s="53"/>
      <c r="BA53" s="53"/>
      <c r="BB53" s="53"/>
      <c r="BC53" s="53"/>
      <c r="BD53" s="53"/>
      <c r="BE53" s="53"/>
      <c r="BF53" s="53"/>
      <c r="BG53" s="53"/>
      <c r="BH53" s="53"/>
      <c r="BI53" s="53"/>
      <c r="BJ53" s="53"/>
      <c r="BK53" s="53"/>
      <c r="BL53" s="53"/>
      <c r="BM53" s="53"/>
      <c r="BN53" s="53"/>
      <c r="BO53" s="53"/>
      <c r="BP53" s="53"/>
      <c r="BQ53" s="53"/>
      <c r="BR53" s="53"/>
      <c r="BS53" s="53"/>
      <c r="BT53" s="53"/>
      <c r="BU53" s="53"/>
      <c r="BV53" s="53"/>
      <c r="BW53" s="53"/>
      <c r="BX53" s="53"/>
      <c r="BY53" s="53"/>
      <c r="BZ53" s="53"/>
      <c r="CA53" s="53"/>
      <c r="CB53" s="53"/>
      <c r="CC53" s="53"/>
      <c r="CD53" s="53"/>
      <c r="CE53" s="53"/>
      <c r="CF53" s="53"/>
      <c r="CG53" s="53"/>
      <c r="CH53" s="53"/>
      <c r="CI53" s="53"/>
      <c r="CJ53" s="53"/>
      <c r="CK53" s="53"/>
      <c r="CL53" s="53"/>
      <c r="CM53" s="53"/>
      <c r="CN53" s="53"/>
    </row>
    <row r="54" spans="1:92" outlineLevel="1">
      <c r="A54" s="52" t="s">
        <v>1222</v>
      </c>
      <c r="B54" s="53"/>
      <c r="C54" s="53"/>
      <c r="D54" s="53"/>
      <c r="E54" s="53"/>
      <c r="F54" s="53"/>
      <c r="G54" s="53"/>
      <c r="H54" s="53"/>
      <c r="I54" s="53"/>
      <c r="J54" s="53"/>
      <c r="K54" s="53"/>
      <c r="L54" s="53"/>
      <c r="M54" s="53"/>
      <c r="N54" s="53"/>
      <c r="O54" s="53"/>
      <c r="P54" s="53"/>
      <c r="Q54" s="53"/>
      <c r="R54" s="53"/>
      <c r="S54" s="53"/>
      <c r="T54" s="53"/>
      <c r="U54" s="53"/>
      <c r="V54" s="53"/>
      <c r="W54" s="53"/>
      <c r="X54" s="53"/>
      <c r="Y54" s="53"/>
      <c r="Z54" s="53"/>
      <c r="AA54" s="53"/>
      <c r="AB54" s="53"/>
      <c r="AC54" s="53"/>
      <c r="AD54" s="53"/>
      <c r="AE54" s="53"/>
      <c r="AF54" s="53"/>
      <c r="AG54" s="53"/>
      <c r="AH54" s="53"/>
      <c r="AI54" s="53"/>
      <c r="AJ54" s="53"/>
      <c r="AK54" s="53"/>
      <c r="AL54" s="53"/>
      <c r="AM54" s="53"/>
      <c r="AN54" s="53"/>
      <c r="AO54" s="53"/>
      <c r="AP54" s="53"/>
      <c r="AQ54" s="53"/>
      <c r="AR54" s="53"/>
      <c r="AS54" s="53"/>
      <c r="AT54" s="53"/>
      <c r="AU54" s="53"/>
      <c r="AV54" s="53"/>
      <c r="AW54" s="53"/>
      <c r="AX54" s="53"/>
      <c r="AY54" s="53"/>
      <c r="AZ54" s="53"/>
      <c r="BA54" s="53"/>
      <c r="BB54" s="53"/>
      <c r="BC54" s="53"/>
      <c r="BD54" s="53"/>
      <c r="BE54" s="53"/>
      <c r="BF54" s="53"/>
      <c r="BG54" s="53"/>
      <c r="BH54" s="53"/>
      <c r="BI54" s="53"/>
      <c r="BJ54" s="53"/>
      <c r="BK54" s="53"/>
      <c r="BL54" s="53"/>
      <c r="BM54" s="53"/>
      <c r="BN54" s="53"/>
      <c r="BO54" s="53"/>
      <c r="BP54" s="53"/>
      <c r="BQ54" s="53"/>
      <c r="BR54" s="53"/>
      <c r="BS54" s="53"/>
      <c r="BT54" s="53"/>
      <c r="BU54" s="53"/>
      <c r="BV54" s="53"/>
      <c r="BW54" s="53"/>
      <c r="BX54" s="53"/>
      <c r="BY54" s="53"/>
      <c r="BZ54" s="53"/>
      <c r="CA54" s="53"/>
      <c r="CB54" s="53"/>
      <c r="CC54" s="53"/>
      <c r="CD54" s="53"/>
      <c r="CE54" s="53"/>
      <c r="CF54" s="53"/>
      <c r="CG54" s="53"/>
      <c r="CH54" s="53"/>
      <c r="CI54" s="53"/>
      <c r="CJ54" s="53"/>
      <c r="CK54" s="53"/>
      <c r="CL54" s="53"/>
      <c r="CM54" s="53"/>
      <c r="CN54" s="53"/>
    </row>
    <row r="55" spans="1:92" outlineLevel="1">
      <c r="A55" s="52" t="s">
        <v>649</v>
      </c>
      <c r="B55" s="53"/>
      <c r="C55" s="53"/>
      <c r="D55" s="53"/>
      <c r="E55" s="53"/>
      <c r="F55" s="53"/>
      <c r="G55" s="53"/>
      <c r="H55" s="53"/>
      <c r="I55" s="53"/>
      <c r="J55" s="53"/>
      <c r="K55" s="53"/>
      <c r="L55" s="53"/>
      <c r="M55" s="53"/>
      <c r="N55" s="53"/>
      <c r="O55" s="53"/>
      <c r="P55" s="53">
        <v>-1189666.97029785</v>
      </c>
      <c r="Q55" s="53">
        <v>-2233349.8897617199</v>
      </c>
      <c r="R55" s="53">
        <v>-179387.54782046899</v>
      </c>
      <c r="S55" s="53">
        <v>-1033052.38650028</v>
      </c>
      <c r="T55" s="53">
        <v>-2076362.0680704</v>
      </c>
      <c r="U55" s="53">
        <v>-2249648.3520378801</v>
      </c>
      <c r="V55" s="53">
        <v>-3297603.1986955102</v>
      </c>
      <c r="W55" s="53">
        <v>-4349358.0009448398</v>
      </c>
      <c r="X55" s="53">
        <v>-4557024.1327773901</v>
      </c>
      <c r="Y55" s="53">
        <v>-5613510.6354678497</v>
      </c>
      <c r="Z55" s="53">
        <v>-6673966.4049185701</v>
      </c>
      <c r="AA55" s="53">
        <v>-33452929.587292701</v>
      </c>
      <c r="AB55" s="53">
        <v>-6665560.7110996898</v>
      </c>
      <c r="AC55" s="53">
        <v>-7903196.5122474199</v>
      </c>
      <c r="AD55" s="53">
        <v>-8994305.0694999602</v>
      </c>
      <c r="AE55" s="53">
        <v>-9640693.4855225701</v>
      </c>
      <c r="AF55" s="53">
        <v>-10543825.307235699</v>
      </c>
      <c r="AG55" s="53">
        <v>-11646861.093870901</v>
      </c>
      <c r="AH55" s="53">
        <v>-11842252.917847799</v>
      </c>
      <c r="AI55" s="53">
        <v>-12946880.624033101</v>
      </c>
      <c r="AJ55" s="53">
        <v>-14055242.750561099</v>
      </c>
      <c r="AK55" s="53">
        <v>-14282564.3204113</v>
      </c>
      <c r="AL55" s="53">
        <v>-15395441.999409299</v>
      </c>
      <c r="AM55" s="53">
        <v>-16514879.670560701</v>
      </c>
      <c r="AN55" s="53">
        <v>-140431704.4623</v>
      </c>
      <c r="AO55" s="53">
        <v>-16513815.966390001</v>
      </c>
      <c r="AP55" s="53">
        <v>-17633676.896308299</v>
      </c>
      <c r="AQ55" s="53">
        <v>-18756596.925441898</v>
      </c>
      <c r="AR55" s="53">
        <v>-19415172.210011199</v>
      </c>
      <c r="AS55" s="53">
        <v>-20346295.839072201</v>
      </c>
      <c r="AT55" s="53">
        <v>-21479561.534265298</v>
      </c>
      <c r="AU55" s="53">
        <v>-21712692.5097069</v>
      </c>
      <c r="AV55" s="53">
        <v>-22846867.133390199</v>
      </c>
      <c r="AW55" s="53">
        <v>-23984117.645277999</v>
      </c>
      <c r="AX55" s="53">
        <v>-24219085.231812298</v>
      </c>
      <c r="AY55" s="53">
        <v>-25360057.2071984</v>
      </c>
      <c r="AZ55" s="53">
        <v>-26506920.252508398</v>
      </c>
      <c r="BA55" s="53">
        <v>-258774859.351383</v>
      </c>
      <c r="BB55" s="53">
        <v>-26507151.8803395</v>
      </c>
      <c r="BC55" s="53">
        <v>-27653006.958791699</v>
      </c>
      <c r="BD55" s="53">
        <v>-28801921.730377302</v>
      </c>
      <c r="BE55" s="53">
        <v>-29475718.909522198</v>
      </c>
      <c r="BF55" s="53">
        <v>-30428569.385194398</v>
      </c>
      <c r="BG55" s="53">
        <v>-31587884.503713001</v>
      </c>
      <c r="BH55" s="53">
        <v>-31827302.641490199</v>
      </c>
      <c r="BI55" s="53">
        <v>-32987556.006354</v>
      </c>
      <c r="BJ55" s="53">
        <v>-34150907.511043899</v>
      </c>
      <c r="BK55" s="53">
        <v>-34392181.504638001</v>
      </c>
      <c r="BL55" s="53">
        <v>-35559283.678215101</v>
      </c>
      <c r="BM55" s="53">
        <v>-36732298.968410604</v>
      </c>
      <c r="BN55" s="53">
        <v>-380103783.67808998</v>
      </c>
      <c r="BO55" s="53">
        <v>-36733670.199525297</v>
      </c>
      <c r="BP55" s="53">
        <v>-37906832.402995303</v>
      </c>
      <c r="BQ55" s="53">
        <v>-39083127.215820402</v>
      </c>
      <c r="BR55" s="53">
        <v>-39773981.380675599</v>
      </c>
      <c r="BS55" s="53">
        <v>-40749765.333554</v>
      </c>
      <c r="BT55" s="53">
        <v>-41936640.387849197</v>
      </c>
      <c r="BU55" s="53">
        <v>-42182807.076667197</v>
      </c>
      <c r="BV55" s="53">
        <v>-43370711.988754399</v>
      </c>
      <c r="BW55" s="53">
        <v>-44561788.876574799</v>
      </c>
      <c r="BX55" s="53">
        <v>-44809871.6395832</v>
      </c>
      <c r="BY55" s="53">
        <v>-46004791.4103164</v>
      </c>
      <c r="BZ55" s="53">
        <v>-47205698.576966099</v>
      </c>
      <c r="CA55" s="53">
        <v>-504319686.48928201</v>
      </c>
      <c r="CB55" s="53">
        <v>-30611641.870372999</v>
      </c>
      <c r="CC55" s="53">
        <v>-31603238.0376059</v>
      </c>
      <c r="CD55" s="53">
        <v>-32546244.852846898</v>
      </c>
      <c r="CE55" s="53">
        <v>-33056917.571814001</v>
      </c>
      <c r="CF55" s="53">
        <v>-33819913.831041798</v>
      </c>
      <c r="CG55" s="53">
        <v>-34766155.657343701</v>
      </c>
      <c r="CH55" s="53">
        <v>-34870152.815458603</v>
      </c>
      <c r="CI55" s="53">
        <v>-35817927.357885003</v>
      </c>
      <c r="CJ55" s="53">
        <v>-36767158.1933994</v>
      </c>
      <c r="CK55" s="53">
        <v>-36882544.603856601</v>
      </c>
      <c r="CL55" s="53">
        <v>-37833299.897772402</v>
      </c>
      <c r="CM55" s="53">
        <v>-38785398.849575698</v>
      </c>
      <c r="CN55" s="53">
        <v>-417360593.53897297</v>
      </c>
    </row>
    <row r="56" spans="1:92" outlineLevel="1">
      <c r="A56" s="52" t="s">
        <v>1223</v>
      </c>
      <c r="B56" s="53"/>
      <c r="C56" s="53"/>
      <c r="D56" s="53"/>
      <c r="E56" s="53"/>
      <c r="F56" s="53"/>
      <c r="G56" s="53"/>
      <c r="H56" s="53"/>
      <c r="I56" s="53"/>
      <c r="J56" s="53"/>
      <c r="K56" s="53"/>
      <c r="L56" s="53"/>
      <c r="M56" s="53"/>
      <c r="N56" s="53"/>
      <c r="O56" s="53"/>
      <c r="P56" s="53"/>
      <c r="Q56" s="53"/>
      <c r="R56" s="53"/>
      <c r="S56" s="53"/>
      <c r="T56" s="53"/>
      <c r="U56" s="53"/>
      <c r="V56" s="53"/>
      <c r="W56" s="53"/>
      <c r="X56" s="53"/>
      <c r="Y56" s="53"/>
      <c r="Z56" s="53"/>
      <c r="AA56" s="53"/>
      <c r="AB56" s="53"/>
      <c r="AC56" s="53"/>
      <c r="AD56" s="53"/>
      <c r="AE56" s="53"/>
      <c r="AF56" s="53"/>
      <c r="AG56" s="53"/>
      <c r="AH56" s="53"/>
      <c r="AI56" s="53"/>
      <c r="AJ56" s="53"/>
      <c r="AK56" s="53"/>
      <c r="AL56" s="53"/>
      <c r="AM56" s="53"/>
      <c r="AN56" s="53"/>
      <c r="AO56" s="53"/>
      <c r="AP56" s="53"/>
      <c r="AQ56" s="53"/>
      <c r="AR56" s="53"/>
      <c r="AS56" s="53"/>
      <c r="AT56" s="53"/>
      <c r="AU56" s="53"/>
      <c r="AV56" s="53"/>
      <c r="AW56" s="53"/>
      <c r="AX56" s="53"/>
      <c r="AY56" s="53"/>
      <c r="AZ56" s="53"/>
      <c r="BA56" s="53"/>
      <c r="BB56" s="53"/>
      <c r="BC56" s="53"/>
      <c r="BD56" s="53"/>
      <c r="BE56" s="53"/>
      <c r="BF56" s="53"/>
      <c r="BG56" s="53"/>
      <c r="BH56" s="53"/>
      <c r="BI56" s="53"/>
      <c r="BJ56" s="53"/>
      <c r="BK56" s="53"/>
      <c r="BL56" s="53"/>
      <c r="BM56" s="53"/>
      <c r="BN56" s="53"/>
      <c r="BO56" s="53"/>
      <c r="BP56" s="53"/>
      <c r="BQ56" s="53"/>
      <c r="BR56" s="53"/>
      <c r="BS56" s="53"/>
      <c r="BT56" s="53"/>
      <c r="BU56" s="53"/>
      <c r="BV56" s="53"/>
      <c r="BW56" s="53"/>
      <c r="BX56" s="53"/>
      <c r="BY56" s="53"/>
      <c r="BZ56" s="53"/>
      <c r="CA56" s="53"/>
      <c r="CB56" s="53"/>
      <c r="CC56" s="53"/>
      <c r="CD56" s="53"/>
      <c r="CE56" s="53"/>
      <c r="CF56" s="53"/>
      <c r="CG56" s="53"/>
      <c r="CH56" s="53"/>
      <c r="CI56" s="53"/>
      <c r="CJ56" s="53"/>
      <c r="CK56" s="53"/>
      <c r="CL56" s="53"/>
      <c r="CM56" s="53"/>
      <c r="CN56" s="53"/>
    </row>
    <row r="57" spans="1:92" outlineLevel="1">
      <c r="A57" s="52" t="s">
        <v>649</v>
      </c>
      <c r="B57" s="53"/>
      <c r="C57" s="53"/>
      <c r="D57" s="53"/>
      <c r="E57" s="53"/>
      <c r="F57" s="53"/>
      <c r="G57" s="53"/>
      <c r="H57" s="53"/>
      <c r="I57" s="53"/>
      <c r="J57" s="53"/>
      <c r="K57" s="53"/>
      <c r="L57" s="53"/>
      <c r="M57" s="53"/>
      <c r="N57" s="53"/>
      <c r="O57" s="53"/>
      <c r="P57" s="53"/>
      <c r="Q57" s="53"/>
      <c r="R57" s="53"/>
      <c r="S57" s="53"/>
      <c r="T57" s="53"/>
      <c r="U57" s="53"/>
      <c r="V57" s="53"/>
      <c r="W57" s="53">
        <v>-34957002.304019198</v>
      </c>
      <c r="X57" s="53">
        <v>-97623944.7103073</v>
      </c>
      <c r="Y57" s="53">
        <v>-240481624.42002299</v>
      </c>
      <c r="Z57" s="53">
        <v>-60551123.303601101</v>
      </c>
      <c r="AA57" s="53">
        <v>-433613694.73795098</v>
      </c>
      <c r="AB57" s="53"/>
      <c r="AC57" s="53"/>
      <c r="AD57" s="53"/>
      <c r="AE57" s="53"/>
      <c r="AF57" s="53"/>
      <c r="AG57" s="53"/>
      <c r="AH57" s="53"/>
      <c r="AI57" s="53"/>
      <c r="AJ57" s="53">
        <v>-137442028.716232</v>
      </c>
      <c r="AK57" s="53">
        <v>-239377237.91134599</v>
      </c>
      <c r="AL57" s="53">
        <v>-393280992.26323497</v>
      </c>
      <c r="AM57" s="53">
        <v>-193048441.87334099</v>
      </c>
      <c r="AN57" s="53">
        <v>-963148700.76415598</v>
      </c>
      <c r="AO57" s="53"/>
      <c r="AP57" s="53"/>
      <c r="AQ57" s="53"/>
      <c r="AR57" s="53"/>
      <c r="AS57" s="53"/>
      <c r="AT57" s="53"/>
      <c r="AU57" s="53">
        <v>-233794140.86158001</v>
      </c>
      <c r="AV57" s="53">
        <v>-227643124.22132599</v>
      </c>
      <c r="AW57" s="53">
        <v>-280939309.93058503</v>
      </c>
      <c r="AX57" s="53">
        <v>-341934612.80359203</v>
      </c>
      <c r="AY57" s="53">
        <v>-384555249.98042399</v>
      </c>
      <c r="AZ57" s="53">
        <v>-71955812.614500105</v>
      </c>
      <c r="BA57" s="53">
        <v>-1540822250.4119999</v>
      </c>
      <c r="BB57" s="53"/>
      <c r="BC57" s="53"/>
      <c r="BD57" s="53"/>
      <c r="BE57" s="53"/>
      <c r="BF57" s="53"/>
      <c r="BG57" s="53"/>
      <c r="BH57" s="53">
        <v>-233559606.438665</v>
      </c>
      <c r="BI57" s="53">
        <v>-256509907.93695101</v>
      </c>
      <c r="BJ57" s="53">
        <v>-316266376.39893699</v>
      </c>
      <c r="BK57" s="53">
        <v>-290456805.72593403</v>
      </c>
      <c r="BL57" s="53">
        <v>-345374414.50259</v>
      </c>
      <c r="BM57" s="53">
        <v>-25961727.997004099</v>
      </c>
      <c r="BN57" s="53">
        <v>-1468128839.0000801</v>
      </c>
      <c r="BO57" s="53"/>
      <c r="BP57" s="53"/>
      <c r="BQ57" s="53"/>
      <c r="BR57" s="53"/>
      <c r="BS57" s="53"/>
      <c r="BT57" s="53"/>
      <c r="BU57" s="53">
        <v>-89413364.099600807</v>
      </c>
      <c r="BV57" s="53">
        <v>-131321263.992834</v>
      </c>
      <c r="BW57" s="53">
        <v>-209891225.351459</v>
      </c>
      <c r="BX57" s="53">
        <v>-354915954.59222502</v>
      </c>
      <c r="BY57" s="53">
        <v>-406748952.61554003</v>
      </c>
      <c r="BZ57" s="53">
        <v>-76328665.770742998</v>
      </c>
      <c r="CA57" s="53">
        <v>-1268619426.4224</v>
      </c>
      <c r="CB57" s="53"/>
      <c r="CC57" s="53"/>
      <c r="CD57" s="53"/>
      <c r="CE57" s="53"/>
      <c r="CF57" s="53"/>
      <c r="CG57" s="53"/>
      <c r="CH57" s="53"/>
      <c r="CI57" s="53"/>
      <c r="CJ57" s="53">
        <v>-135781289.63455999</v>
      </c>
      <c r="CK57" s="53">
        <v>-187269772.34568301</v>
      </c>
      <c r="CL57" s="53">
        <v>-329052477.29803097</v>
      </c>
      <c r="CM57" s="53">
        <v>-128905879.141932</v>
      </c>
      <c r="CN57" s="53">
        <v>-781009418.42020798</v>
      </c>
    </row>
    <row r="58" spans="1:92">
      <c r="A58" s="59" t="s">
        <v>1232</v>
      </c>
      <c r="B58" s="53">
        <v>34302451.090000004</v>
      </c>
      <c r="C58" s="53">
        <v>37866581.869999997</v>
      </c>
      <c r="D58" s="53">
        <v>12588353.9099999</v>
      </c>
      <c r="E58" s="53">
        <v>16039955.51</v>
      </c>
      <c r="F58" s="53">
        <v>32420786.439999901</v>
      </c>
      <c r="G58" s="53">
        <v>44359930.909999996</v>
      </c>
      <c r="H58" s="53">
        <v>28158787.2999999</v>
      </c>
      <c r="I58" s="53">
        <v>40371437.859999999</v>
      </c>
      <c r="J58" s="53">
        <v>25430191.949999999</v>
      </c>
      <c r="K58" s="53">
        <v>29146212</v>
      </c>
      <c r="L58" s="53">
        <v>39996699.909999996</v>
      </c>
      <c r="M58" s="53">
        <v>44989931.859999999</v>
      </c>
      <c r="N58" s="53">
        <v>44989931.859999999</v>
      </c>
      <c r="O58" s="53">
        <v>5189666.9702978497</v>
      </c>
      <c r="P58" s="53">
        <v>6233349.8897617701</v>
      </c>
      <c r="Q58" s="53">
        <v>4179387.5478205201</v>
      </c>
      <c r="R58" s="53">
        <v>5033052.38650034</v>
      </c>
      <c r="S58" s="53">
        <v>6076362.0680704499</v>
      </c>
      <c r="T58" s="53">
        <v>6249648.3520379504</v>
      </c>
      <c r="U58" s="53">
        <v>7297603.19869556</v>
      </c>
      <c r="V58" s="53">
        <v>43306360.304964103</v>
      </c>
      <c r="W58" s="53">
        <v>106180968.84308399</v>
      </c>
      <c r="X58" s="53">
        <v>250095135.055491</v>
      </c>
      <c r="Y58" s="53">
        <v>71225089.708519697</v>
      </c>
      <c r="Z58" s="53">
        <v>10665560.711099699</v>
      </c>
      <c r="AA58" s="53">
        <v>10665560.711099699</v>
      </c>
      <c r="AB58" s="53">
        <v>11903196.512247499</v>
      </c>
      <c r="AC58" s="53">
        <v>12994305.069499999</v>
      </c>
      <c r="AD58" s="53">
        <v>13640693.4855226</v>
      </c>
      <c r="AE58" s="53">
        <v>14543825.3072358</v>
      </c>
      <c r="AF58" s="53">
        <v>15646861.093870999</v>
      </c>
      <c r="AG58" s="53">
        <v>15842252.9178479</v>
      </c>
      <c r="AH58" s="53">
        <v>16946880.624033201</v>
      </c>
      <c r="AI58" s="53">
        <v>155497271.466793</v>
      </c>
      <c r="AJ58" s="53">
        <v>257659802.23175699</v>
      </c>
      <c r="AK58" s="53">
        <v>412676434.26264501</v>
      </c>
      <c r="AL58" s="53">
        <v>213563321.54390201</v>
      </c>
      <c r="AM58" s="53">
        <v>20513815.9663902</v>
      </c>
      <c r="AN58" s="53">
        <v>20513815.9663902</v>
      </c>
      <c r="AO58" s="53">
        <v>21633676.8963084</v>
      </c>
      <c r="AP58" s="53">
        <v>22756596.925441999</v>
      </c>
      <c r="AQ58" s="53">
        <v>23415172.2100113</v>
      </c>
      <c r="AR58" s="53">
        <v>24346295.839072298</v>
      </c>
      <c r="AS58" s="53">
        <v>25479561.534265399</v>
      </c>
      <c r="AT58" s="53">
        <v>259506833.37128699</v>
      </c>
      <c r="AU58" s="53">
        <v>254489991.354716</v>
      </c>
      <c r="AV58" s="53">
        <v>308923427.575863</v>
      </c>
      <c r="AW58" s="53">
        <v>370153698.03540498</v>
      </c>
      <c r="AX58" s="53">
        <v>413915307.18762201</v>
      </c>
      <c r="AY58" s="53">
        <v>102462732.867008</v>
      </c>
      <c r="AZ58" s="53">
        <v>30507151.880339701</v>
      </c>
      <c r="BA58" s="53">
        <v>30507151.880339701</v>
      </c>
      <c r="BB58" s="53">
        <v>31653006.9587918</v>
      </c>
      <c r="BC58" s="53">
        <v>32801921.730377398</v>
      </c>
      <c r="BD58" s="53">
        <v>33475718.909522299</v>
      </c>
      <c r="BE58" s="53">
        <v>34428569.3851946</v>
      </c>
      <c r="BF58" s="53">
        <v>35587884.503713101</v>
      </c>
      <c r="BG58" s="53">
        <v>269386909.08015501</v>
      </c>
      <c r="BH58" s="53">
        <v>293497463.94330603</v>
      </c>
      <c r="BI58" s="53">
        <v>354417283.90998101</v>
      </c>
      <c r="BJ58" s="53">
        <v>328848987.23057199</v>
      </c>
      <c r="BK58" s="53">
        <v>384933698.18080503</v>
      </c>
      <c r="BL58" s="53">
        <v>66694026.965414897</v>
      </c>
      <c r="BM58" s="53">
        <v>40733670.199525401</v>
      </c>
      <c r="BN58" s="53">
        <v>40733670.199525401</v>
      </c>
      <c r="BO58" s="53">
        <v>41906832.402995497</v>
      </c>
      <c r="BP58" s="53">
        <v>43083127.215820603</v>
      </c>
      <c r="BQ58" s="53">
        <v>43773981.3806758</v>
      </c>
      <c r="BR58" s="53">
        <v>44749765.333554097</v>
      </c>
      <c r="BS58" s="53">
        <v>45936640.387849301</v>
      </c>
      <c r="BT58" s="53">
        <v>135596171.17626801</v>
      </c>
      <c r="BU58" s="53">
        <v>178691975.98158801</v>
      </c>
      <c r="BV58" s="53">
        <v>258453014.22803399</v>
      </c>
      <c r="BW58" s="53">
        <v>403725826.23180801</v>
      </c>
      <c r="BX58" s="53">
        <v>456753744.02585602</v>
      </c>
      <c r="BY58" s="53">
        <v>127534364.347709</v>
      </c>
      <c r="BZ58" s="53">
        <v>51208420.346398197</v>
      </c>
      <c r="CA58" s="53">
        <v>51208420.346398197</v>
      </c>
      <c r="CB58" s="53">
        <v>35603238.037606001</v>
      </c>
      <c r="CC58" s="53">
        <v>36546244.852847002</v>
      </c>
      <c r="CD58" s="53">
        <v>37056917.571814001</v>
      </c>
      <c r="CE58" s="53">
        <v>37819913.831041798</v>
      </c>
      <c r="CF58" s="53">
        <v>38766155.657343797</v>
      </c>
      <c r="CG58" s="53">
        <v>38870152.815458499</v>
      </c>
      <c r="CH58" s="53">
        <v>39817927.357885003</v>
      </c>
      <c r="CI58" s="53">
        <v>176548447.827959</v>
      </c>
      <c r="CJ58" s="53">
        <v>228152316.94953999</v>
      </c>
      <c r="CK58" s="53">
        <v>370885777.19580299</v>
      </c>
      <c r="CL58" s="53">
        <v>171691277.99150801</v>
      </c>
      <c r="CM58" s="53">
        <v>50533446.353855401</v>
      </c>
      <c r="CN58" s="53">
        <v>50533446.353855401</v>
      </c>
    </row>
    <row r="59" spans="1:92">
      <c r="A59" s="52" t="s">
        <v>1233</v>
      </c>
      <c r="B59" s="53"/>
      <c r="C59" s="53"/>
      <c r="D59" s="53"/>
      <c r="E59" s="53"/>
      <c r="F59" s="53"/>
      <c r="G59" s="53"/>
      <c r="H59" s="53"/>
      <c r="I59" s="53"/>
      <c r="J59" s="53"/>
      <c r="K59" s="53"/>
      <c r="L59" s="53"/>
      <c r="M59" s="53"/>
      <c r="N59" s="53"/>
      <c r="O59" s="53"/>
      <c r="P59" s="53"/>
      <c r="Q59" s="53"/>
      <c r="R59" s="53"/>
      <c r="S59" s="53"/>
      <c r="T59" s="53"/>
      <c r="U59" s="53"/>
      <c r="V59" s="53"/>
      <c r="W59" s="53"/>
      <c r="X59" s="53"/>
      <c r="Y59" s="53"/>
      <c r="Z59" s="53"/>
      <c r="AA59" s="53"/>
      <c r="AB59" s="53"/>
      <c r="AC59" s="53"/>
      <c r="AD59" s="53"/>
      <c r="AE59" s="53"/>
      <c r="AF59" s="53"/>
      <c r="AG59" s="53"/>
      <c r="AH59" s="53"/>
      <c r="AI59" s="53"/>
      <c r="AJ59" s="53"/>
      <c r="AK59" s="53"/>
      <c r="AL59" s="53"/>
      <c r="AM59" s="53"/>
      <c r="AN59" s="53"/>
      <c r="AO59" s="53"/>
      <c r="AP59" s="53"/>
      <c r="AQ59" s="53"/>
      <c r="AR59" s="53"/>
      <c r="AS59" s="53"/>
      <c r="AT59" s="53"/>
      <c r="AU59" s="53"/>
      <c r="AV59" s="53"/>
      <c r="AW59" s="53"/>
      <c r="AX59" s="53"/>
      <c r="AY59" s="53"/>
      <c r="AZ59" s="53"/>
      <c r="BA59" s="53"/>
      <c r="BB59" s="53"/>
      <c r="BC59" s="53"/>
      <c r="BD59" s="53"/>
      <c r="BE59" s="53"/>
      <c r="BF59" s="53"/>
      <c r="BG59" s="53"/>
      <c r="BH59" s="53"/>
      <c r="BI59" s="53"/>
      <c r="BJ59" s="53"/>
      <c r="BK59" s="53"/>
      <c r="BL59" s="53"/>
      <c r="BM59" s="53"/>
      <c r="BN59" s="53"/>
      <c r="BO59" s="53"/>
      <c r="BP59" s="53"/>
      <c r="BQ59" s="53"/>
      <c r="BR59" s="53"/>
      <c r="BS59" s="53"/>
      <c r="BT59" s="53"/>
      <c r="BU59" s="53"/>
      <c r="BV59" s="53"/>
      <c r="BW59" s="53"/>
      <c r="BX59" s="53"/>
      <c r="BY59" s="53"/>
      <c r="BZ59" s="53"/>
      <c r="CA59" s="53"/>
      <c r="CB59" s="53"/>
      <c r="CC59" s="53"/>
      <c r="CD59" s="53"/>
      <c r="CE59" s="53"/>
      <c r="CF59" s="53"/>
      <c r="CG59" s="53"/>
      <c r="CH59" s="53"/>
      <c r="CI59" s="53"/>
      <c r="CJ59" s="53"/>
      <c r="CK59" s="53"/>
      <c r="CL59" s="53"/>
      <c r="CM59" s="53"/>
      <c r="CN59" s="53"/>
    </row>
    <row r="60" spans="1:92">
      <c r="A60" s="52" t="s">
        <v>1234</v>
      </c>
      <c r="B60" s="53">
        <v>0</v>
      </c>
      <c r="C60" s="53">
        <v>0</v>
      </c>
      <c r="D60" s="53">
        <v>0</v>
      </c>
      <c r="E60" s="53">
        <v>0</v>
      </c>
      <c r="F60" s="53">
        <v>0</v>
      </c>
      <c r="G60" s="53">
        <v>0</v>
      </c>
      <c r="H60" s="53">
        <v>0</v>
      </c>
      <c r="I60" s="53">
        <v>0</v>
      </c>
      <c r="J60" s="53">
        <v>0</v>
      </c>
      <c r="K60" s="53">
        <v>0</v>
      </c>
      <c r="L60" s="53">
        <v>0</v>
      </c>
      <c r="M60" s="53">
        <v>0</v>
      </c>
      <c r="N60" s="53">
        <v>0</v>
      </c>
      <c r="O60" s="53">
        <v>0</v>
      </c>
      <c r="P60" s="53">
        <v>0</v>
      </c>
      <c r="Q60" s="53">
        <v>0</v>
      </c>
      <c r="R60" s="53">
        <v>0</v>
      </c>
      <c r="S60" s="53">
        <v>0</v>
      </c>
      <c r="T60" s="53">
        <v>0</v>
      </c>
      <c r="U60" s="53">
        <v>0</v>
      </c>
      <c r="V60" s="53">
        <v>0</v>
      </c>
      <c r="W60" s="53">
        <v>0</v>
      </c>
      <c r="X60" s="53">
        <v>0</v>
      </c>
      <c r="Y60" s="53">
        <v>0</v>
      </c>
      <c r="Z60" s="53">
        <v>0</v>
      </c>
      <c r="AA60" s="53">
        <v>0</v>
      </c>
      <c r="AB60" s="53">
        <v>0</v>
      </c>
      <c r="AC60" s="53">
        <v>0</v>
      </c>
      <c r="AD60" s="53">
        <v>0</v>
      </c>
      <c r="AE60" s="53">
        <v>0</v>
      </c>
      <c r="AF60" s="53">
        <v>0</v>
      </c>
      <c r="AG60" s="53">
        <v>0</v>
      </c>
      <c r="AH60" s="53">
        <v>0</v>
      </c>
      <c r="AI60" s="53">
        <v>0</v>
      </c>
      <c r="AJ60" s="53">
        <v>0</v>
      </c>
      <c r="AK60" s="53">
        <v>0</v>
      </c>
      <c r="AL60" s="53">
        <v>0</v>
      </c>
      <c r="AM60" s="53">
        <v>0</v>
      </c>
      <c r="AN60" s="53">
        <v>0</v>
      </c>
      <c r="AO60" s="53">
        <v>0</v>
      </c>
      <c r="AP60" s="53">
        <v>0</v>
      </c>
      <c r="AQ60" s="53">
        <v>0</v>
      </c>
      <c r="AR60" s="53">
        <v>0</v>
      </c>
      <c r="AS60" s="53">
        <v>0</v>
      </c>
      <c r="AT60" s="53">
        <v>0</v>
      </c>
      <c r="AU60" s="53">
        <v>0</v>
      </c>
      <c r="AV60" s="53">
        <v>0</v>
      </c>
      <c r="AW60" s="53">
        <v>0</v>
      </c>
      <c r="AX60" s="53">
        <v>0</v>
      </c>
      <c r="AY60" s="53">
        <v>0</v>
      </c>
      <c r="AZ60" s="53">
        <v>0</v>
      </c>
      <c r="BA60" s="53">
        <v>0</v>
      </c>
      <c r="BB60" s="53">
        <v>0</v>
      </c>
      <c r="BC60" s="53">
        <v>0</v>
      </c>
      <c r="BD60" s="53">
        <v>0</v>
      </c>
      <c r="BE60" s="53">
        <v>0</v>
      </c>
      <c r="BF60" s="53">
        <v>0</v>
      </c>
      <c r="BG60" s="53">
        <v>0</v>
      </c>
      <c r="BH60" s="53">
        <v>0</v>
      </c>
      <c r="BI60" s="53">
        <v>0</v>
      </c>
      <c r="BJ60" s="53">
        <v>0</v>
      </c>
      <c r="BK60" s="53">
        <v>0</v>
      </c>
      <c r="BL60" s="53">
        <v>0</v>
      </c>
      <c r="BM60" s="53">
        <v>0</v>
      </c>
      <c r="BN60" s="53">
        <v>0</v>
      </c>
      <c r="BO60" s="53">
        <v>0</v>
      </c>
      <c r="BP60" s="53">
        <v>0</v>
      </c>
      <c r="BQ60" s="53">
        <v>0</v>
      </c>
      <c r="BR60" s="53">
        <v>0</v>
      </c>
      <c r="BS60" s="53">
        <v>0</v>
      </c>
      <c r="BT60" s="53">
        <v>0</v>
      </c>
      <c r="BU60" s="53">
        <v>0</v>
      </c>
      <c r="BV60" s="53">
        <v>0</v>
      </c>
      <c r="BW60" s="53">
        <v>0</v>
      </c>
      <c r="BX60" s="53">
        <v>0</v>
      </c>
      <c r="BY60" s="53">
        <v>0</v>
      </c>
      <c r="BZ60" s="53">
        <v>0</v>
      </c>
      <c r="CA60" s="53">
        <v>0</v>
      </c>
      <c r="CB60" s="53">
        <v>0</v>
      </c>
      <c r="CC60" s="53">
        <v>0</v>
      </c>
      <c r="CD60" s="53">
        <v>0</v>
      </c>
      <c r="CE60" s="53">
        <v>0</v>
      </c>
      <c r="CF60" s="53">
        <v>0</v>
      </c>
      <c r="CG60" s="53">
        <v>0</v>
      </c>
      <c r="CH60" s="53">
        <v>0</v>
      </c>
      <c r="CI60" s="53">
        <v>0</v>
      </c>
      <c r="CJ60" s="53">
        <v>0</v>
      </c>
      <c r="CK60" s="53">
        <v>0</v>
      </c>
      <c r="CL60" s="53">
        <v>0</v>
      </c>
      <c r="CM60" s="53">
        <v>0</v>
      </c>
      <c r="CN60" s="53">
        <v>0</v>
      </c>
    </row>
    <row r="61" spans="1:92">
      <c r="A61" s="59" t="s">
        <v>1235</v>
      </c>
      <c r="B61" s="53">
        <v>0</v>
      </c>
      <c r="C61" s="53">
        <v>0</v>
      </c>
      <c r="D61" s="53">
        <v>0</v>
      </c>
      <c r="E61" s="53">
        <v>0</v>
      </c>
      <c r="F61" s="53">
        <v>0</v>
      </c>
      <c r="G61" s="53">
        <v>0</v>
      </c>
      <c r="H61" s="53">
        <v>0</v>
      </c>
      <c r="I61" s="53">
        <v>0</v>
      </c>
      <c r="J61" s="53">
        <v>0</v>
      </c>
      <c r="K61" s="53">
        <v>0</v>
      </c>
      <c r="L61" s="53">
        <v>0</v>
      </c>
      <c r="M61" s="53">
        <v>0</v>
      </c>
      <c r="N61" s="53">
        <v>0</v>
      </c>
      <c r="O61" s="53">
        <v>0</v>
      </c>
      <c r="P61" s="53">
        <v>0</v>
      </c>
      <c r="Q61" s="53">
        <v>0</v>
      </c>
      <c r="R61" s="53">
        <v>0</v>
      </c>
      <c r="S61" s="53">
        <v>0</v>
      </c>
      <c r="T61" s="53">
        <v>0</v>
      </c>
      <c r="U61" s="53">
        <v>0</v>
      </c>
      <c r="V61" s="53">
        <v>0</v>
      </c>
      <c r="W61" s="53">
        <v>0</v>
      </c>
      <c r="X61" s="53">
        <v>0</v>
      </c>
      <c r="Y61" s="53">
        <v>0</v>
      </c>
      <c r="Z61" s="53">
        <v>0</v>
      </c>
      <c r="AA61" s="53">
        <v>0</v>
      </c>
      <c r="AB61" s="53">
        <v>0</v>
      </c>
      <c r="AC61" s="53">
        <v>0</v>
      </c>
      <c r="AD61" s="53">
        <v>0</v>
      </c>
      <c r="AE61" s="53">
        <v>0</v>
      </c>
      <c r="AF61" s="53">
        <v>0</v>
      </c>
      <c r="AG61" s="53">
        <v>0</v>
      </c>
      <c r="AH61" s="53">
        <v>0</v>
      </c>
      <c r="AI61" s="53">
        <v>0</v>
      </c>
      <c r="AJ61" s="53">
        <v>0</v>
      </c>
      <c r="AK61" s="53">
        <v>0</v>
      </c>
      <c r="AL61" s="53">
        <v>0</v>
      </c>
      <c r="AM61" s="53">
        <v>0</v>
      </c>
      <c r="AN61" s="53">
        <v>0</v>
      </c>
      <c r="AO61" s="53">
        <v>0</v>
      </c>
      <c r="AP61" s="53">
        <v>0</v>
      </c>
      <c r="AQ61" s="53">
        <v>0</v>
      </c>
      <c r="AR61" s="53">
        <v>0</v>
      </c>
      <c r="AS61" s="53">
        <v>0</v>
      </c>
      <c r="AT61" s="53">
        <v>0</v>
      </c>
      <c r="AU61" s="53">
        <v>0</v>
      </c>
      <c r="AV61" s="53">
        <v>0</v>
      </c>
      <c r="AW61" s="53">
        <v>0</v>
      </c>
      <c r="AX61" s="53">
        <v>0</v>
      </c>
      <c r="AY61" s="53">
        <v>0</v>
      </c>
      <c r="AZ61" s="53">
        <v>0</v>
      </c>
      <c r="BA61" s="53">
        <v>0</v>
      </c>
      <c r="BB61" s="53">
        <v>0</v>
      </c>
      <c r="BC61" s="53">
        <v>0</v>
      </c>
      <c r="BD61" s="53">
        <v>0</v>
      </c>
      <c r="BE61" s="53">
        <v>0</v>
      </c>
      <c r="BF61" s="53">
        <v>0</v>
      </c>
      <c r="BG61" s="53">
        <v>0</v>
      </c>
      <c r="BH61" s="53">
        <v>0</v>
      </c>
      <c r="BI61" s="53">
        <v>0</v>
      </c>
      <c r="BJ61" s="53">
        <v>0</v>
      </c>
      <c r="BK61" s="53">
        <v>0</v>
      </c>
      <c r="BL61" s="53">
        <v>0</v>
      </c>
      <c r="BM61" s="53">
        <v>0</v>
      </c>
      <c r="BN61" s="53">
        <v>0</v>
      </c>
      <c r="BO61" s="53">
        <v>0</v>
      </c>
      <c r="BP61" s="53">
        <v>0</v>
      </c>
      <c r="BQ61" s="53">
        <v>0</v>
      </c>
      <c r="BR61" s="53">
        <v>0</v>
      </c>
      <c r="BS61" s="53">
        <v>0</v>
      </c>
      <c r="BT61" s="53">
        <v>0</v>
      </c>
      <c r="BU61" s="53">
        <v>0</v>
      </c>
      <c r="BV61" s="53">
        <v>0</v>
      </c>
      <c r="BW61" s="53">
        <v>0</v>
      </c>
      <c r="BX61" s="53">
        <v>0</v>
      </c>
      <c r="BY61" s="53">
        <v>0</v>
      </c>
      <c r="BZ61" s="53">
        <v>0</v>
      </c>
      <c r="CA61" s="53">
        <v>0</v>
      </c>
      <c r="CB61" s="53">
        <v>0</v>
      </c>
      <c r="CC61" s="53">
        <v>0</v>
      </c>
      <c r="CD61" s="53">
        <v>0</v>
      </c>
      <c r="CE61" s="53">
        <v>0</v>
      </c>
      <c r="CF61" s="53">
        <v>0</v>
      </c>
      <c r="CG61" s="53">
        <v>0</v>
      </c>
      <c r="CH61" s="53">
        <v>0</v>
      </c>
      <c r="CI61" s="53">
        <v>0</v>
      </c>
      <c r="CJ61" s="53">
        <v>0</v>
      </c>
      <c r="CK61" s="53">
        <v>0</v>
      </c>
      <c r="CL61" s="53">
        <v>0</v>
      </c>
      <c r="CM61" s="53">
        <v>0</v>
      </c>
      <c r="CN61" s="53">
        <v>0</v>
      </c>
    </row>
    <row r="62" spans="1:92">
      <c r="A62" s="52" t="s">
        <v>206</v>
      </c>
      <c r="B62" s="53"/>
      <c r="C62" s="53"/>
      <c r="D62" s="53"/>
      <c r="E62" s="53"/>
      <c r="F62" s="53"/>
      <c r="G62" s="53"/>
      <c r="H62" s="53"/>
      <c r="I62" s="53"/>
      <c r="J62" s="53"/>
      <c r="K62" s="53"/>
      <c r="L62" s="53"/>
      <c r="M62" s="53"/>
      <c r="N62" s="53"/>
      <c r="O62" s="53"/>
      <c r="P62" s="53"/>
      <c r="Q62" s="53"/>
      <c r="R62" s="53"/>
      <c r="S62" s="53"/>
      <c r="T62" s="53"/>
      <c r="U62" s="53"/>
      <c r="V62" s="53"/>
      <c r="W62" s="53"/>
      <c r="X62" s="53"/>
      <c r="Y62" s="53"/>
      <c r="Z62" s="53"/>
      <c r="AA62" s="53"/>
      <c r="AB62" s="53"/>
      <c r="AC62" s="53"/>
      <c r="AD62" s="53"/>
      <c r="AE62" s="53"/>
      <c r="AF62" s="53"/>
      <c r="AG62" s="53"/>
      <c r="AH62" s="53"/>
      <c r="AI62" s="53"/>
      <c r="AJ62" s="53"/>
      <c r="AK62" s="53"/>
      <c r="AL62" s="53"/>
      <c r="AM62" s="53"/>
      <c r="AN62" s="53"/>
      <c r="AO62" s="53"/>
      <c r="AP62" s="53"/>
      <c r="AQ62" s="53"/>
      <c r="AR62" s="53"/>
      <c r="AS62" s="53"/>
      <c r="AT62" s="53"/>
      <c r="AU62" s="53"/>
      <c r="AV62" s="53"/>
      <c r="AW62" s="53"/>
      <c r="AX62" s="53"/>
      <c r="AY62" s="53"/>
      <c r="AZ62" s="53"/>
      <c r="BA62" s="53"/>
      <c r="BB62" s="53"/>
      <c r="BC62" s="53"/>
      <c r="BD62" s="53"/>
      <c r="BE62" s="53"/>
      <c r="BF62" s="53"/>
      <c r="BG62" s="53"/>
      <c r="BH62" s="53"/>
      <c r="BI62" s="53"/>
      <c r="BJ62" s="53"/>
      <c r="BK62" s="53"/>
      <c r="BL62" s="53"/>
      <c r="BM62" s="53"/>
      <c r="BN62" s="53"/>
      <c r="BO62" s="53"/>
      <c r="BP62" s="53"/>
      <c r="BQ62" s="53"/>
      <c r="BR62" s="53"/>
      <c r="BS62" s="53"/>
      <c r="BT62" s="53"/>
      <c r="BU62" s="53"/>
      <c r="BV62" s="53"/>
      <c r="BW62" s="53"/>
      <c r="BX62" s="53"/>
      <c r="BY62" s="53"/>
      <c r="BZ62" s="53"/>
      <c r="CA62" s="53"/>
      <c r="CB62" s="53"/>
      <c r="CC62" s="53"/>
      <c r="CD62" s="53"/>
      <c r="CE62" s="53"/>
      <c r="CF62" s="53"/>
      <c r="CG62" s="53"/>
      <c r="CH62" s="53"/>
      <c r="CI62" s="53"/>
      <c r="CJ62" s="53"/>
      <c r="CK62" s="53"/>
      <c r="CL62" s="53"/>
      <c r="CM62" s="53"/>
      <c r="CN62" s="53"/>
    </row>
    <row r="63" spans="1:92" outlineLevel="1">
      <c r="A63" s="52" t="s">
        <v>1218</v>
      </c>
      <c r="B63" s="53">
        <v>121273491.7</v>
      </c>
      <c r="C63" s="53">
        <v>134156529.67999899</v>
      </c>
      <c r="D63" s="53">
        <v>128418757.58999901</v>
      </c>
      <c r="E63" s="53">
        <v>100841998.19</v>
      </c>
      <c r="F63" s="53">
        <v>289856356.39999998</v>
      </c>
      <c r="G63" s="53">
        <v>307128384.49000001</v>
      </c>
      <c r="H63" s="53">
        <v>130445418.59999999</v>
      </c>
      <c r="I63" s="53">
        <v>133434522.94</v>
      </c>
      <c r="J63" s="53">
        <v>101157851.949999</v>
      </c>
      <c r="K63" s="53">
        <v>163528906.02999899</v>
      </c>
      <c r="L63" s="53">
        <v>127673961.129999</v>
      </c>
      <c r="M63" s="53">
        <v>135929736.799999</v>
      </c>
      <c r="N63" s="53">
        <v>121273491.7</v>
      </c>
      <c r="O63" s="53">
        <v>132083150.53</v>
      </c>
      <c r="P63" s="53">
        <v>353831165.42639798</v>
      </c>
      <c r="Q63" s="53">
        <v>210330695.10337201</v>
      </c>
      <c r="R63" s="53">
        <v>199280398.14154801</v>
      </c>
      <c r="S63" s="53">
        <v>242351489.91606</v>
      </c>
      <c r="T63" s="53">
        <v>332952630.35175699</v>
      </c>
      <c r="U63" s="53">
        <v>382626743.07523102</v>
      </c>
      <c r="V63" s="53">
        <v>385731014.22905201</v>
      </c>
      <c r="W63" s="53">
        <v>481041830.03965801</v>
      </c>
      <c r="X63" s="53">
        <v>369993955.06067598</v>
      </c>
      <c r="Y63" s="53">
        <v>249294500.293226</v>
      </c>
      <c r="Z63" s="53">
        <v>225220099.952894</v>
      </c>
      <c r="AA63" s="53">
        <v>132083150.53</v>
      </c>
      <c r="AB63" s="53">
        <v>229951254.804768</v>
      </c>
      <c r="AC63" s="53">
        <v>390712255.76106101</v>
      </c>
      <c r="AD63" s="53">
        <v>251738532.66149801</v>
      </c>
      <c r="AE63" s="53">
        <v>231695003.573378</v>
      </c>
      <c r="AF63" s="53">
        <v>214198150.67895499</v>
      </c>
      <c r="AG63" s="53">
        <v>296802125.64737898</v>
      </c>
      <c r="AH63" s="53">
        <v>344184804.32270098</v>
      </c>
      <c r="AI63" s="53">
        <v>349259915.71918899</v>
      </c>
      <c r="AJ63" s="53">
        <v>442845894.70248097</v>
      </c>
      <c r="AK63" s="53">
        <v>334097227.22650099</v>
      </c>
      <c r="AL63" s="53">
        <v>217827281.934762</v>
      </c>
      <c r="AM63" s="53">
        <v>187298867.01398799</v>
      </c>
      <c r="AN63" s="53">
        <v>229951254.804768</v>
      </c>
      <c r="AO63" s="53">
        <v>193530545.162402</v>
      </c>
      <c r="AP63" s="53">
        <v>293899737.09461403</v>
      </c>
      <c r="AQ63" s="53">
        <v>162185350.783759</v>
      </c>
      <c r="AR63" s="53">
        <v>146715504.32049099</v>
      </c>
      <c r="AS63" s="53">
        <v>156169241.586294</v>
      </c>
      <c r="AT63" s="53">
        <v>230739372.69924599</v>
      </c>
      <c r="AU63" s="53">
        <v>271837651.53648901</v>
      </c>
      <c r="AV63" s="53">
        <v>277025562.73659199</v>
      </c>
      <c r="AW63" s="53">
        <v>356248012.679075</v>
      </c>
      <c r="AX63" s="53">
        <v>264805687.42281899</v>
      </c>
      <c r="AY63" s="53">
        <v>163526952.98529199</v>
      </c>
      <c r="AZ63" s="53">
        <v>138935036.24364299</v>
      </c>
      <c r="BA63" s="53">
        <v>193530545.162402</v>
      </c>
      <c r="BB63" s="53">
        <v>145200596.28899199</v>
      </c>
      <c r="BC63" s="53">
        <v>289755098.72399497</v>
      </c>
      <c r="BD63" s="53">
        <v>165549543.94359499</v>
      </c>
      <c r="BE63" s="53">
        <v>150923871.328603</v>
      </c>
      <c r="BF63" s="53">
        <v>160080420.01962799</v>
      </c>
      <c r="BG63" s="53">
        <v>234182483.34928399</v>
      </c>
      <c r="BH63" s="53">
        <v>276939522.20779699</v>
      </c>
      <c r="BI63" s="53">
        <v>282254621.83412701</v>
      </c>
      <c r="BJ63" s="53">
        <v>360642535.07184798</v>
      </c>
      <c r="BK63" s="53">
        <v>270229337.42611301</v>
      </c>
      <c r="BL63" s="53">
        <v>170335184.88947701</v>
      </c>
      <c r="BM63" s="53">
        <v>144543077.103284</v>
      </c>
      <c r="BN63" s="53">
        <v>145200596.28899199</v>
      </c>
      <c r="BO63" s="53">
        <v>151392912.920587</v>
      </c>
      <c r="BP63" s="53">
        <v>295370324.37289101</v>
      </c>
      <c r="BQ63" s="53">
        <v>171658140.31739599</v>
      </c>
      <c r="BR63" s="53">
        <v>156347334.17093101</v>
      </c>
      <c r="BS63" s="53">
        <v>165381736.571336</v>
      </c>
      <c r="BT63" s="53">
        <v>240138218.226789</v>
      </c>
      <c r="BU63" s="53">
        <v>284031027.31972599</v>
      </c>
      <c r="BV63" s="53">
        <v>289775776.328309</v>
      </c>
      <c r="BW63" s="53">
        <v>367881446.89359498</v>
      </c>
      <c r="BX63" s="53">
        <v>278341361.54001302</v>
      </c>
      <c r="BY63" s="53">
        <v>178616213.978535</v>
      </c>
      <c r="BZ63" s="53">
        <v>153135260.72340399</v>
      </c>
      <c r="CA63" s="53">
        <v>151392912.920587</v>
      </c>
      <c r="CB63" s="53">
        <v>211101516.180935</v>
      </c>
      <c r="CC63" s="53">
        <v>240280826.524205</v>
      </c>
      <c r="CD63" s="53">
        <v>220420820.641763</v>
      </c>
      <c r="CE63" s="53">
        <v>223858552.860239</v>
      </c>
      <c r="CF63" s="53">
        <v>226231554.450297</v>
      </c>
      <c r="CG63" s="53">
        <v>298163241.64593101</v>
      </c>
      <c r="CH63" s="53">
        <v>345435621.58503097</v>
      </c>
      <c r="CI63" s="53">
        <v>356420022.42049301</v>
      </c>
      <c r="CJ63" s="53">
        <v>343023773.48575902</v>
      </c>
      <c r="CK63" s="53">
        <v>335180269.98687798</v>
      </c>
      <c r="CL63" s="53">
        <v>242355810.96165699</v>
      </c>
      <c r="CM63" s="53">
        <v>233037100.946989</v>
      </c>
      <c r="CN63" s="53">
        <v>211101516.180935</v>
      </c>
    </row>
    <row r="64" spans="1:92" outlineLevel="1">
      <c r="A64" s="52" t="s">
        <v>699</v>
      </c>
      <c r="B64" s="53"/>
      <c r="C64" s="53"/>
      <c r="D64" s="53"/>
      <c r="E64" s="53"/>
      <c r="F64" s="53"/>
      <c r="G64" s="53"/>
      <c r="H64" s="53"/>
      <c r="I64" s="53"/>
      <c r="J64" s="53"/>
      <c r="K64" s="53"/>
      <c r="L64" s="53"/>
      <c r="M64" s="53"/>
      <c r="N64" s="53"/>
      <c r="O64" s="53"/>
      <c r="P64" s="53"/>
      <c r="Q64" s="53"/>
      <c r="R64" s="53"/>
      <c r="S64" s="53"/>
      <c r="T64" s="53"/>
      <c r="U64" s="53"/>
      <c r="V64" s="53"/>
      <c r="W64" s="53"/>
      <c r="X64" s="53"/>
      <c r="Y64" s="53"/>
      <c r="Z64" s="53"/>
      <c r="AA64" s="53"/>
      <c r="AB64" s="53"/>
      <c r="AC64" s="53"/>
      <c r="AD64" s="53"/>
      <c r="AE64" s="53"/>
      <c r="AF64" s="53"/>
      <c r="AG64" s="53"/>
      <c r="AH64" s="53"/>
      <c r="AI64" s="53"/>
      <c r="AJ64" s="53"/>
      <c r="AK64" s="53"/>
      <c r="AL64" s="53"/>
      <c r="AM64" s="53"/>
      <c r="AN64" s="53"/>
      <c r="AO64" s="53"/>
      <c r="AP64" s="53"/>
      <c r="AQ64" s="53"/>
      <c r="AR64" s="53"/>
      <c r="AS64" s="53"/>
      <c r="AT64" s="53"/>
      <c r="AU64" s="53"/>
      <c r="AV64" s="53"/>
      <c r="AW64" s="53"/>
      <c r="AX64" s="53"/>
      <c r="AY64" s="53"/>
      <c r="AZ64" s="53"/>
      <c r="BA64" s="53"/>
      <c r="BB64" s="53"/>
      <c r="BC64" s="53"/>
      <c r="BD64" s="53"/>
      <c r="BE64" s="53"/>
      <c r="BF64" s="53"/>
      <c r="BG64" s="53"/>
      <c r="BH64" s="53"/>
      <c r="BI64" s="53"/>
      <c r="BJ64" s="53"/>
      <c r="BK64" s="53"/>
      <c r="BL64" s="53"/>
      <c r="BM64" s="53"/>
      <c r="BN64" s="53"/>
      <c r="BO64" s="53"/>
      <c r="BP64" s="53"/>
      <c r="BQ64" s="53"/>
      <c r="BR64" s="53"/>
      <c r="BS64" s="53"/>
      <c r="BT64" s="53"/>
      <c r="BU64" s="53"/>
      <c r="BV64" s="53"/>
      <c r="BW64" s="53"/>
      <c r="BX64" s="53"/>
      <c r="BY64" s="53"/>
      <c r="BZ64" s="53"/>
      <c r="CA64" s="53"/>
      <c r="CB64" s="53"/>
      <c r="CC64" s="53"/>
      <c r="CD64" s="53"/>
      <c r="CE64" s="53"/>
      <c r="CF64" s="53"/>
      <c r="CG64" s="53"/>
      <c r="CH64" s="53"/>
      <c r="CI64" s="53"/>
      <c r="CJ64" s="53"/>
      <c r="CK64" s="53"/>
      <c r="CL64" s="53"/>
      <c r="CM64" s="53"/>
      <c r="CN64" s="53"/>
    </row>
    <row r="65" spans="1:92" outlineLevel="1">
      <c r="A65" s="52" t="s">
        <v>778</v>
      </c>
      <c r="B65" s="53"/>
      <c r="C65" s="53"/>
      <c r="D65" s="53"/>
      <c r="E65" s="53"/>
      <c r="F65" s="53"/>
      <c r="G65" s="53"/>
      <c r="H65" s="53"/>
      <c r="I65" s="53"/>
      <c r="J65" s="53"/>
      <c r="K65" s="53"/>
      <c r="L65" s="53"/>
      <c r="M65" s="53"/>
      <c r="N65" s="53"/>
      <c r="O65" s="53"/>
      <c r="P65" s="53"/>
      <c r="Q65" s="53"/>
      <c r="R65" s="53"/>
      <c r="S65" s="53"/>
      <c r="T65" s="53"/>
      <c r="U65" s="53"/>
      <c r="V65" s="53"/>
      <c r="W65" s="53"/>
      <c r="X65" s="53"/>
      <c r="Y65" s="53"/>
      <c r="Z65" s="53"/>
      <c r="AA65" s="53"/>
      <c r="AB65" s="53"/>
      <c r="AC65" s="53"/>
      <c r="AD65" s="53"/>
      <c r="AE65" s="53"/>
      <c r="AF65" s="53"/>
      <c r="AG65" s="53"/>
      <c r="AH65" s="53"/>
      <c r="AI65" s="53"/>
      <c r="AJ65" s="53"/>
      <c r="AK65" s="53"/>
      <c r="AL65" s="53"/>
      <c r="AM65" s="53"/>
      <c r="AN65" s="53"/>
      <c r="AO65" s="53"/>
      <c r="AP65" s="53"/>
      <c r="AQ65" s="53"/>
      <c r="AR65" s="53"/>
      <c r="AS65" s="53"/>
      <c r="AT65" s="53"/>
      <c r="AU65" s="53"/>
      <c r="AV65" s="53"/>
      <c r="AW65" s="53"/>
      <c r="AX65" s="53"/>
      <c r="AY65" s="53"/>
      <c r="AZ65" s="53"/>
      <c r="BA65" s="53"/>
      <c r="BB65" s="53"/>
      <c r="BC65" s="53"/>
      <c r="BD65" s="53"/>
      <c r="BE65" s="53"/>
      <c r="BF65" s="53"/>
      <c r="BG65" s="53"/>
      <c r="BH65" s="53"/>
      <c r="BI65" s="53"/>
      <c r="BJ65" s="53"/>
      <c r="BK65" s="53"/>
      <c r="BL65" s="53"/>
      <c r="BM65" s="53"/>
      <c r="BN65" s="53"/>
      <c r="BO65" s="53"/>
      <c r="BP65" s="53"/>
      <c r="BQ65" s="53"/>
      <c r="BR65" s="53"/>
      <c r="BS65" s="53"/>
      <c r="BT65" s="53"/>
      <c r="BU65" s="53"/>
      <c r="BV65" s="53"/>
      <c r="BW65" s="53"/>
      <c r="BX65" s="53"/>
      <c r="BY65" s="53"/>
      <c r="BZ65" s="53"/>
      <c r="CA65" s="53"/>
      <c r="CB65" s="53"/>
      <c r="CC65" s="53"/>
      <c r="CD65" s="53"/>
      <c r="CE65" s="53"/>
      <c r="CF65" s="53"/>
      <c r="CG65" s="53"/>
      <c r="CH65" s="53"/>
      <c r="CI65" s="53"/>
      <c r="CJ65" s="53"/>
      <c r="CK65" s="53"/>
      <c r="CL65" s="53"/>
      <c r="CM65" s="53"/>
      <c r="CN65" s="53"/>
    </row>
    <row r="66" spans="1:92" outlineLevel="1">
      <c r="A66" s="52" t="s">
        <v>1236</v>
      </c>
      <c r="B66" s="53"/>
      <c r="C66" s="53"/>
      <c r="D66" s="53"/>
      <c r="E66" s="53"/>
      <c r="F66" s="53"/>
      <c r="G66" s="53"/>
      <c r="H66" s="53"/>
      <c r="I66" s="53"/>
      <c r="J66" s="53"/>
      <c r="K66" s="53"/>
      <c r="L66" s="53"/>
      <c r="M66" s="53"/>
      <c r="N66" s="53"/>
      <c r="O66" s="53"/>
      <c r="P66" s="53"/>
      <c r="Q66" s="53"/>
      <c r="R66" s="53"/>
      <c r="S66" s="53"/>
      <c r="T66" s="53"/>
      <c r="U66" s="53"/>
      <c r="V66" s="53"/>
      <c r="W66" s="53"/>
      <c r="X66" s="53"/>
      <c r="Y66" s="53"/>
      <c r="Z66" s="53"/>
      <c r="AA66" s="53"/>
      <c r="AB66" s="53"/>
      <c r="AC66" s="53"/>
      <c r="AD66" s="53"/>
      <c r="AE66" s="53"/>
      <c r="AF66" s="53"/>
      <c r="AG66" s="53"/>
      <c r="AH66" s="53"/>
      <c r="AI66" s="53"/>
      <c r="AJ66" s="53"/>
      <c r="AK66" s="53"/>
      <c r="AL66" s="53"/>
      <c r="AM66" s="53"/>
      <c r="AN66" s="53"/>
      <c r="AO66" s="53"/>
      <c r="AP66" s="53"/>
      <c r="AQ66" s="53"/>
      <c r="AR66" s="53"/>
      <c r="AS66" s="53"/>
      <c r="AT66" s="53"/>
      <c r="AU66" s="53"/>
      <c r="AV66" s="53"/>
      <c r="AW66" s="53"/>
      <c r="AX66" s="53"/>
      <c r="AY66" s="53"/>
      <c r="AZ66" s="53"/>
      <c r="BA66" s="53"/>
      <c r="BB66" s="53"/>
      <c r="BC66" s="53"/>
      <c r="BD66" s="53"/>
      <c r="BE66" s="53"/>
      <c r="BF66" s="53"/>
      <c r="BG66" s="53"/>
      <c r="BH66" s="53"/>
      <c r="BI66" s="53"/>
      <c r="BJ66" s="53"/>
      <c r="BK66" s="53"/>
      <c r="BL66" s="53"/>
      <c r="BM66" s="53"/>
      <c r="BN66" s="53"/>
      <c r="BO66" s="53"/>
      <c r="BP66" s="53"/>
      <c r="BQ66" s="53"/>
      <c r="BR66" s="53"/>
      <c r="BS66" s="53"/>
      <c r="BT66" s="53"/>
      <c r="BU66" s="53"/>
      <c r="BV66" s="53"/>
      <c r="BW66" s="53"/>
      <c r="BX66" s="53"/>
      <c r="BY66" s="53"/>
      <c r="BZ66" s="53"/>
      <c r="CA66" s="53"/>
      <c r="CB66" s="53"/>
      <c r="CC66" s="53"/>
      <c r="CD66" s="53"/>
      <c r="CE66" s="53"/>
      <c r="CF66" s="53"/>
      <c r="CG66" s="53"/>
      <c r="CH66" s="53"/>
      <c r="CI66" s="53"/>
      <c r="CJ66" s="53"/>
      <c r="CK66" s="53"/>
      <c r="CL66" s="53"/>
      <c r="CM66" s="53"/>
      <c r="CN66" s="53"/>
    </row>
    <row r="67" spans="1:92" outlineLevel="1">
      <c r="A67" s="52" t="s">
        <v>780</v>
      </c>
      <c r="B67" s="53"/>
      <c r="C67" s="53"/>
      <c r="D67" s="53"/>
      <c r="E67" s="53"/>
      <c r="F67" s="53"/>
      <c r="G67" s="53"/>
      <c r="H67" s="53"/>
      <c r="I67" s="53"/>
      <c r="J67" s="53"/>
      <c r="K67" s="53"/>
      <c r="L67" s="53"/>
      <c r="M67" s="53"/>
      <c r="N67" s="53"/>
      <c r="O67" s="53"/>
      <c r="P67" s="53"/>
      <c r="Q67" s="53"/>
      <c r="R67" s="53"/>
      <c r="S67" s="53"/>
      <c r="T67" s="53"/>
      <c r="U67" s="53"/>
      <c r="V67" s="53"/>
      <c r="W67" s="53"/>
      <c r="X67" s="53"/>
      <c r="Y67" s="53"/>
      <c r="Z67" s="53"/>
      <c r="AA67" s="53"/>
      <c r="AB67" s="53"/>
      <c r="AC67" s="53"/>
      <c r="AD67" s="53"/>
      <c r="AE67" s="53"/>
      <c r="AF67" s="53"/>
      <c r="AG67" s="53"/>
      <c r="AH67" s="53"/>
      <c r="AI67" s="53"/>
      <c r="AJ67" s="53"/>
      <c r="AK67" s="53"/>
      <c r="AL67" s="53"/>
      <c r="AM67" s="53"/>
      <c r="AN67" s="53"/>
      <c r="AO67" s="53"/>
      <c r="AP67" s="53"/>
      <c r="AQ67" s="53"/>
      <c r="AR67" s="53"/>
      <c r="AS67" s="53"/>
      <c r="AT67" s="53"/>
      <c r="AU67" s="53"/>
      <c r="AV67" s="53"/>
      <c r="AW67" s="53"/>
      <c r="AX67" s="53"/>
      <c r="AY67" s="53"/>
      <c r="AZ67" s="53"/>
      <c r="BA67" s="53"/>
      <c r="BB67" s="53"/>
      <c r="BC67" s="53"/>
      <c r="BD67" s="53"/>
      <c r="BE67" s="53"/>
      <c r="BF67" s="53"/>
      <c r="BG67" s="53"/>
      <c r="BH67" s="53"/>
      <c r="BI67" s="53"/>
      <c r="BJ67" s="53"/>
      <c r="BK67" s="53"/>
      <c r="BL67" s="53"/>
      <c r="BM67" s="53"/>
      <c r="BN67" s="53"/>
      <c r="BO67" s="53"/>
      <c r="BP67" s="53"/>
      <c r="BQ67" s="53"/>
      <c r="BR67" s="53"/>
      <c r="BS67" s="53"/>
      <c r="BT67" s="53"/>
      <c r="BU67" s="53"/>
      <c r="BV67" s="53"/>
      <c r="BW67" s="53"/>
      <c r="BX67" s="53"/>
      <c r="BY67" s="53"/>
      <c r="BZ67" s="53"/>
      <c r="CA67" s="53"/>
      <c r="CB67" s="53">
        <v>21254161.065839998</v>
      </c>
      <c r="CC67" s="53">
        <v>21286116.458955899</v>
      </c>
      <c r="CD67" s="53">
        <v>21318066.0187613</v>
      </c>
      <c r="CE67" s="53">
        <v>21350010.125275701</v>
      </c>
      <c r="CF67" s="53">
        <v>21381949.1337623</v>
      </c>
      <c r="CG67" s="53">
        <v>21413883.376339801</v>
      </c>
      <c r="CH67" s="53">
        <v>21445813.163490798</v>
      </c>
      <c r="CI67" s="53">
        <v>21476143.382071599</v>
      </c>
      <c r="CJ67" s="53">
        <v>21506469.706827801</v>
      </c>
      <c r="CK67" s="53">
        <v>21536792.391428601</v>
      </c>
      <c r="CL67" s="53">
        <v>21567111.673017301</v>
      </c>
      <c r="CM67" s="53">
        <v>21597427.7732885</v>
      </c>
      <c r="CN67" s="53">
        <v>257133944.26905999</v>
      </c>
    </row>
    <row r="68" spans="1:92" outlineLevel="1">
      <c r="A68" s="52" t="s">
        <v>781</v>
      </c>
      <c r="B68" s="53"/>
      <c r="C68" s="53"/>
      <c r="D68" s="53"/>
      <c r="E68" s="53"/>
      <c r="F68" s="53"/>
      <c r="G68" s="53"/>
      <c r="H68" s="53"/>
      <c r="I68" s="53"/>
      <c r="J68" s="53"/>
      <c r="K68" s="53"/>
      <c r="L68" s="53"/>
      <c r="M68" s="53"/>
      <c r="N68" s="53"/>
      <c r="O68" s="53"/>
      <c r="P68" s="53"/>
      <c r="Q68" s="53"/>
      <c r="R68" s="53"/>
      <c r="S68" s="53"/>
      <c r="T68" s="53"/>
      <c r="U68" s="53"/>
      <c r="V68" s="53"/>
      <c r="W68" s="53"/>
      <c r="X68" s="53"/>
      <c r="Y68" s="53"/>
      <c r="Z68" s="53"/>
      <c r="AA68" s="53"/>
      <c r="AB68" s="53"/>
      <c r="AC68" s="53"/>
      <c r="AD68" s="53"/>
      <c r="AE68" s="53"/>
      <c r="AF68" s="53"/>
      <c r="AG68" s="53"/>
      <c r="AH68" s="53"/>
      <c r="AI68" s="53"/>
      <c r="AJ68" s="53"/>
      <c r="AK68" s="53"/>
      <c r="AL68" s="53"/>
      <c r="AM68" s="53"/>
      <c r="AN68" s="53"/>
      <c r="AO68" s="53"/>
      <c r="AP68" s="53"/>
      <c r="AQ68" s="53"/>
      <c r="AR68" s="53"/>
      <c r="AS68" s="53"/>
      <c r="AT68" s="53"/>
      <c r="AU68" s="53"/>
      <c r="AV68" s="53"/>
      <c r="AW68" s="53"/>
      <c r="AX68" s="53"/>
      <c r="AY68" s="53"/>
      <c r="AZ68" s="53"/>
      <c r="BA68" s="53"/>
      <c r="BB68" s="53"/>
      <c r="BC68" s="53"/>
      <c r="BD68" s="53"/>
      <c r="BE68" s="53"/>
      <c r="BF68" s="53"/>
      <c r="BG68" s="53"/>
      <c r="BH68" s="53"/>
      <c r="BI68" s="53"/>
      <c r="BJ68" s="53"/>
      <c r="BK68" s="53"/>
      <c r="BL68" s="53"/>
      <c r="BM68" s="53"/>
      <c r="BN68" s="53"/>
      <c r="BO68" s="53"/>
      <c r="BP68" s="53"/>
      <c r="BQ68" s="53"/>
      <c r="BR68" s="53"/>
      <c r="BS68" s="53"/>
      <c r="BT68" s="53"/>
      <c r="BU68" s="53"/>
      <c r="BV68" s="53"/>
      <c r="BW68" s="53"/>
      <c r="BX68" s="53"/>
      <c r="BY68" s="53"/>
      <c r="BZ68" s="53"/>
      <c r="CA68" s="53"/>
      <c r="CB68" s="53">
        <v>1833.3333333333301</v>
      </c>
      <c r="CC68" s="53">
        <v>1833.3333333333301</v>
      </c>
      <c r="CD68" s="53">
        <v>1833.3333333333301</v>
      </c>
      <c r="CE68" s="53">
        <v>1833.3333333333301</v>
      </c>
      <c r="CF68" s="53">
        <v>1833.3333333333301</v>
      </c>
      <c r="CG68" s="53">
        <v>1833.3333333333301</v>
      </c>
      <c r="CH68" s="53">
        <v>1833.3333333333301</v>
      </c>
      <c r="CI68" s="53">
        <v>1833.3333333333301</v>
      </c>
      <c r="CJ68" s="53">
        <v>1833.3333333333301</v>
      </c>
      <c r="CK68" s="53">
        <v>1833.3333333333301</v>
      </c>
      <c r="CL68" s="53">
        <v>1833.3333333333301</v>
      </c>
      <c r="CM68" s="53">
        <v>1833.3333333333301</v>
      </c>
      <c r="CN68" s="53">
        <v>21999.999999999902</v>
      </c>
    </row>
    <row r="69" spans="1:92" outlineLevel="1">
      <c r="A69" s="52" t="s">
        <v>783</v>
      </c>
      <c r="B69" s="53"/>
      <c r="C69" s="53"/>
      <c r="D69" s="53"/>
      <c r="E69" s="53"/>
      <c r="F69" s="53"/>
      <c r="G69" s="53"/>
      <c r="H69" s="53"/>
      <c r="I69" s="53"/>
      <c r="J69" s="53"/>
      <c r="K69" s="53"/>
      <c r="L69" s="53"/>
      <c r="M69" s="53"/>
      <c r="N69" s="53"/>
      <c r="O69" s="53"/>
      <c r="P69" s="53"/>
      <c r="Q69" s="53"/>
      <c r="R69" s="53"/>
      <c r="S69" s="53"/>
      <c r="T69" s="53"/>
      <c r="U69" s="53"/>
      <c r="V69" s="53"/>
      <c r="W69" s="53"/>
      <c r="X69" s="53"/>
      <c r="Y69" s="53"/>
      <c r="Z69" s="53"/>
      <c r="AA69" s="53"/>
      <c r="AB69" s="53"/>
      <c r="AC69" s="53"/>
      <c r="AD69" s="53"/>
      <c r="AE69" s="53"/>
      <c r="AF69" s="53"/>
      <c r="AG69" s="53"/>
      <c r="AH69" s="53"/>
      <c r="AI69" s="53"/>
      <c r="AJ69" s="53"/>
      <c r="AK69" s="53"/>
      <c r="AL69" s="53"/>
      <c r="AM69" s="53"/>
      <c r="AN69" s="53"/>
      <c r="AO69" s="53"/>
      <c r="AP69" s="53"/>
      <c r="AQ69" s="53"/>
      <c r="AR69" s="53"/>
      <c r="AS69" s="53"/>
      <c r="AT69" s="53"/>
      <c r="AU69" s="53"/>
      <c r="AV69" s="53"/>
      <c r="AW69" s="53"/>
      <c r="AX69" s="53"/>
      <c r="AY69" s="53"/>
      <c r="AZ69" s="53"/>
      <c r="BA69" s="53"/>
      <c r="BB69" s="53"/>
      <c r="BC69" s="53"/>
      <c r="BD69" s="53"/>
      <c r="BE69" s="53"/>
      <c r="BF69" s="53"/>
      <c r="BG69" s="53"/>
      <c r="BH69" s="53"/>
      <c r="BI69" s="53"/>
      <c r="BJ69" s="53"/>
      <c r="BK69" s="53"/>
      <c r="BL69" s="53"/>
      <c r="BM69" s="53"/>
      <c r="BN69" s="53"/>
      <c r="BO69" s="53"/>
      <c r="BP69" s="53"/>
      <c r="BQ69" s="53"/>
      <c r="BR69" s="53"/>
      <c r="BS69" s="53"/>
      <c r="BT69" s="53"/>
      <c r="BU69" s="53"/>
      <c r="BV69" s="53"/>
      <c r="BW69" s="53"/>
      <c r="BX69" s="53"/>
      <c r="BY69" s="53"/>
      <c r="BZ69" s="53"/>
      <c r="CA69" s="53"/>
      <c r="CB69" s="53"/>
      <c r="CC69" s="53"/>
      <c r="CD69" s="53"/>
      <c r="CE69" s="53"/>
      <c r="CF69" s="53"/>
      <c r="CG69" s="53"/>
      <c r="CH69" s="53"/>
      <c r="CI69" s="53"/>
      <c r="CJ69" s="53"/>
      <c r="CK69" s="53"/>
      <c r="CL69" s="53"/>
      <c r="CM69" s="53"/>
      <c r="CN69" s="53"/>
    </row>
    <row r="70" spans="1:92" outlineLevel="1">
      <c r="A70" s="52" t="s">
        <v>784</v>
      </c>
      <c r="B70" s="53">
        <v>19633063.4219588</v>
      </c>
      <c r="C70" s="53">
        <v>19671834.001220699</v>
      </c>
      <c r="D70" s="53">
        <v>19710456.593030401</v>
      </c>
      <c r="E70" s="53">
        <v>19748940.838256299</v>
      </c>
      <c r="F70" s="53">
        <v>19787295.749697499</v>
      </c>
      <c r="G70" s="53">
        <v>19825529.753001101</v>
      </c>
      <c r="H70" s="53">
        <v>19863650.7249121</v>
      </c>
      <c r="I70" s="53">
        <v>19900216.294918001</v>
      </c>
      <c r="J70" s="53">
        <v>19936683.081023201</v>
      </c>
      <c r="K70" s="53">
        <v>19973057.518655799</v>
      </c>
      <c r="L70" s="53">
        <v>20009345.623997901</v>
      </c>
      <c r="M70" s="53">
        <v>20045553.021298598</v>
      </c>
      <c r="N70" s="53">
        <v>238105626.62197</v>
      </c>
      <c r="O70" s="53">
        <v>21684526.050000001</v>
      </c>
      <c r="P70" s="53">
        <v>21724926.300000001</v>
      </c>
      <c r="Q70" s="53">
        <v>21765376.349999901</v>
      </c>
      <c r="R70" s="53">
        <v>21805851.2999999</v>
      </c>
      <c r="S70" s="53">
        <v>21846376.050000001</v>
      </c>
      <c r="T70" s="53">
        <v>21886938.149999999</v>
      </c>
      <c r="U70" s="53">
        <v>21927537.600000001</v>
      </c>
      <c r="V70" s="53">
        <v>21963754.649999999</v>
      </c>
      <c r="W70" s="53">
        <v>22000009.0499999</v>
      </c>
      <c r="X70" s="53">
        <v>22036288.349999901</v>
      </c>
      <c r="Y70" s="53">
        <v>22072605</v>
      </c>
      <c r="Z70" s="53">
        <v>22108959</v>
      </c>
      <c r="AA70" s="53">
        <v>262823147.84999901</v>
      </c>
      <c r="AB70" s="53">
        <v>22145337.899999999</v>
      </c>
      <c r="AC70" s="53">
        <v>22181754.149999999</v>
      </c>
      <c r="AD70" s="53">
        <v>22218195.300000001</v>
      </c>
      <c r="AE70" s="53">
        <v>22254661.349999901</v>
      </c>
      <c r="AF70" s="53">
        <v>22291152.2999999</v>
      </c>
      <c r="AG70" s="53">
        <v>22327680.600000001</v>
      </c>
      <c r="AH70" s="53">
        <v>22364233.7999999</v>
      </c>
      <c r="AI70" s="53">
        <v>22400351.25</v>
      </c>
      <c r="AJ70" s="53">
        <v>22436493.599999901</v>
      </c>
      <c r="AK70" s="53">
        <v>22472660.850000001</v>
      </c>
      <c r="AL70" s="53">
        <v>22508853</v>
      </c>
      <c r="AM70" s="53">
        <v>22545070.0499999</v>
      </c>
      <c r="AN70" s="53">
        <v>268146444.14999899</v>
      </c>
      <c r="AO70" s="53">
        <v>22581311.999999899</v>
      </c>
      <c r="AP70" s="53">
        <v>22617566.399999999</v>
      </c>
      <c r="AQ70" s="53">
        <v>22653845.699999999</v>
      </c>
      <c r="AR70" s="53">
        <v>22690137.449999999</v>
      </c>
      <c r="AS70" s="53">
        <v>22726454.099999901</v>
      </c>
      <c r="AT70" s="53">
        <v>22762795.649999999</v>
      </c>
      <c r="AU70" s="53">
        <v>22799137.199999899</v>
      </c>
      <c r="AV70" s="53">
        <v>22836213.300000001</v>
      </c>
      <c r="AW70" s="53">
        <v>22873289.399999999</v>
      </c>
      <c r="AX70" s="53">
        <v>22910390.399999999</v>
      </c>
      <c r="AY70" s="53">
        <v>22947503.849999901</v>
      </c>
      <c r="AZ70" s="53">
        <v>22984629.75</v>
      </c>
      <c r="BA70" s="53">
        <v>273383275.19999999</v>
      </c>
      <c r="BB70" s="53">
        <v>23021780.550000001</v>
      </c>
      <c r="BC70" s="53">
        <v>23058931.349999901</v>
      </c>
      <c r="BD70" s="53">
        <v>23096107.0499999</v>
      </c>
      <c r="BE70" s="53">
        <v>23133295.199999899</v>
      </c>
      <c r="BF70" s="53">
        <v>23170495.7999999</v>
      </c>
      <c r="BG70" s="53">
        <v>23207708.849999901</v>
      </c>
      <c r="BH70" s="53">
        <v>23244934.349999901</v>
      </c>
      <c r="BI70" s="53">
        <v>23282595.599999901</v>
      </c>
      <c r="BJ70" s="53">
        <v>23320269.300000001</v>
      </c>
      <c r="BK70" s="53">
        <v>23357955.449999999</v>
      </c>
      <c r="BL70" s="53">
        <v>23395654.0499999</v>
      </c>
      <c r="BM70" s="53">
        <v>23433352.649999999</v>
      </c>
      <c r="BN70" s="53">
        <v>278723080.19999999</v>
      </c>
      <c r="BO70" s="53">
        <v>23471076.149999999</v>
      </c>
      <c r="BP70" s="53">
        <v>23508799.649999999</v>
      </c>
      <c r="BQ70" s="53">
        <v>23546535.599999901</v>
      </c>
      <c r="BR70" s="53">
        <v>23584284</v>
      </c>
      <c r="BS70" s="53">
        <v>23622032.399999999</v>
      </c>
      <c r="BT70" s="53">
        <v>23659805.699999899</v>
      </c>
      <c r="BU70" s="53">
        <v>23697566.550000001</v>
      </c>
      <c r="BV70" s="53">
        <v>23736136.649999999</v>
      </c>
      <c r="BW70" s="53">
        <v>23774719.199999999</v>
      </c>
      <c r="BX70" s="53">
        <v>23813289.300000001</v>
      </c>
      <c r="BY70" s="53">
        <v>23851884.2999999</v>
      </c>
      <c r="BZ70" s="53">
        <v>23890479.300000001</v>
      </c>
      <c r="CA70" s="53">
        <v>284156608.80000001</v>
      </c>
      <c r="CB70" s="53">
        <v>39172191.647821598</v>
      </c>
      <c r="CC70" s="53">
        <v>37120436.172720999</v>
      </c>
      <c r="CD70" s="53">
        <v>41729687.256265096</v>
      </c>
      <c r="CE70" s="53">
        <v>44963751.630124196</v>
      </c>
      <c r="CF70" s="53">
        <v>52001613.339596398</v>
      </c>
      <c r="CG70" s="53">
        <v>52781799.537151396</v>
      </c>
      <c r="CH70" s="53">
        <v>55214035.1206761</v>
      </c>
      <c r="CI70" s="53">
        <v>55382146.911830097</v>
      </c>
      <c r="CJ70" s="53">
        <v>52001064.229654297</v>
      </c>
      <c r="CK70" s="53">
        <v>48849395.438257702</v>
      </c>
      <c r="CL70" s="53">
        <v>41225124.776690401</v>
      </c>
      <c r="CM70" s="53">
        <v>40502668.778627299</v>
      </c>
      <c r="CN70" s="53">
        <v>560943914.83941603</v>
      </c>
    </row>
    <row r="71" spans="1:92" outlineLevel="1">
      <c r="A71" s="52" t="s">
        <v>1237</v>
      </c>
      <c r="B71" s="53">
        <v>264</v>
      </c>
      <c r="C71" s="53">
        <v>264</v>
      </c>
      <c r="D71" s="53">
        <v>264</v>
      </c>
      <c r="E71" s="53">
        <v>264</v>
      </c>
      <c r="F71" s="53">
        <v>264</v>
      </c>
      <c r="G71" s="53">
        <v>264</v>
      </c>
      <c r="H71" s="53">
        <v>264</v>
      </c>
      <c r="I71" s="53">
        <v>264</v>
      </c>
      <c r="J71" s="53">
        <v>264</v>
      </c>
      <c r="K71" s="53">
        <v>264</v>
      </c>
      <c r="L71" s="53">
        <v>264</v>
      </c>
      <c r="M71" s="53">
        <v>264</v>
      </c>
      <c r="N71" s="53">
        <v>3168</v>
      </c>
      <c r="O71" s="53"/>
      <c r="P71" s="53"/>
      <c r="Q71" s="53"/>
      <c r="R71" s="53"/>
      <c r="S71" s="53"/>
      <c r="T71" s="53"/>
      <c r="U71" s="53"/>
      <c r="V71" s="53"/>
      <c r="W71" s="53"/>
      <c r="X71" s="53"/>
      <c r="Y71" s="53"/>
      <c r="Z71" s="53"/>
      <c r="AA71" s="53"/>
      <c r="AB71" s="53"/>
      <c r="AC71" s="53"/>
      <c r="AD71" s="53"/>
      <c r="AE71" s="53"/>
      <c r="AF71" s="53"/>
      <c r="AG71" s="53"/>
      <c r="AH71" s="53"/>
      <c r="AI71" s="53"/>
      <c r="AJ71" s="53"/>
      <c r="AK71" s="53"/>
      <c r="AL71" s="53"/>
      <c r="AM71" s="53"/>
      <c r="AN71" s="53"/>
      <c r="AO71" s="53"/>
      <c r="AP71" s="53"/>
      <c r="AQ71" s="53"/>
      <c r="AR71" s="53"/>
      <c r="AS71" s="53"/>
      <c r="AT71" s="53"/>
      <c r="AU71" s="53"/>
      <c r="AV71" s="53"/>
      <c r="AW71" s="53"/>
      <c r="AX71" s="53"/>
      <c r="AY71" s="53"/>
      <c r="AZ71" s="53"/>
      <c r="BA71" s="53"/>
      <c r="BB71" s="53"/>
      <c r="BC71" s="53"/>
      <c r="BD71" s="53"/>
      <c r="BE71" s="53"/>
      <c r="BF71" s="53"/>
      <c r="BG71" s="53"/>
      <c r="BH71" s="53"/>
      <c r="BI71" s="53"/>
      <c r="BJ71" s="53"/>
      <c r="BK71" s="53"/>
      <c r="BL71" s="53"/>
      <c r="BM71" s="53"/>
      <c r="BN71" s="53"/>
      <c r="BO71" s="53"/>
      <c r="BP71" s="53"/>
      <c r="BQ71" s="53"/>
      <c r="BR71" s="53"/>
      <c r="BS71" s="53"/>
      <c r="BT71" s="53"/>
      <c r="BU71" s="53"/>
      <c r="BV71" s="53"/>
      <c r="BW71" s="53"/>
      <c r="BX71" s="53"/>
      <c r="BY71" s="53"/>
      <c r="BZ71" s="53"/>
      <c r="CA71" s="53"/>
      <c r="CB71" s="53">
        <v>8714024.7677525897</v>
      </c>
      <c r="CC71" s="53">
        <v>9096889.2812252697</v>
      </c>
      <c r="CD71" s="53">
        <v>9131906.6828210391</v>
      </c>
      <c r="CE71" s="53">
        <v>9392303.5764389206</v>
      </c>
      <c r="CF71" s="53">
        <v>10438544.7236438</v>
      </c>
      <c r="CG71" s="53">
        <v>9598753.8507946208</v>
      </c>
      <c r="CH71" s="53">
        <v>9576201.1355389096</v>
      </c>
      <c r="CI71" s="53">
        <v>10155789.5646096</v>
      </c>
      <c r="CJ71" s="53">
        <v>10092406.7807064</v>
      </c>
      <c r="CK71" s="53">
        <v>9908738.9421077594</v>
      </c>
      <c r="CL71" s="53">
        <v>10260016.739757899</v>
      </c>
      <c r="CM71" s="53">
        <v>9321967.4213715401</v>
      </c>
      <c r="CN71" s="53">
        <v>115687543.466768</v>
      </c>
    </row>
    <row r="72" spans="1:92" outlineLevel="1">
      <c r="A72" s="52" t="s">
        <v>1238</v>
      </c>
      <c r="B72" s="53"/>
      <c r="C72" s="53"/>
      <c r="D72" s="53"/>
      <c r="E72" s="53"/>
      <c r="F72" s="53"/>
      <c r="G72" s="53"/>
      <c r="H72" s="53"/>
      <c r="I72" s="53"/>
      <c r="J72" s="53"/>
      <c r="K72" s="53"/>
      <c r="L72" s="53"/>
      <c r="M72" s="53"/>
      <c r="N72" s="53"/>
      <c r="O72" s="53"/>
      <c r="P72" s="53"/>
      <c r="Q72" s="53"/>
      <c r="R72" s="53"/>
      <c r="S72" s="53"/>
      <c r="T72" s="53"/>
      <c r="U72" s="53"/>
      <c r="V72" s="53"/>
      <c r="W72" s="53"/>
      <c r="X72" s="53"/>
      <c r="Y72" s="53"/>
      <c r="Z72" s="53"/>
      <c r="AA72" s="53"/>
      <c r="AB72" s="53"/>
      <c r="AC72" s="53"/>
      <c r="AD72" s="53"/>
      <c r="AE72" s="53"/>
      <c r="AF72" s="53"/>
      <c r="AG72" s="53"/>
      <c r="AH72" s="53"/>
      <c r="AI72" s="53"/>
      <c r="AJ72" s="53"/>
      <c r="AK72" s="53"/>
      <c r="AL72" s="53"/>
      <c r="AM72" s="53"/>
      <c r="AN72" s="53"/>
      <c r="AO72" s="53"/>
      <c r="AP72" s="53"/>
      <c r="AQ72" s="53"/>
      <c r="AR72" s="53"/>
      <c r="AS72" s="53"/>
      <c r="AT72" s="53"/>
      <c r="AU72" s="53"/>
      <c r="AV72" s="53"/>
      <c r="AW72" s="53"/>
      <c r="AX72" s="53"/>
      <c r="AY72" s="53"/>
      <c r="AZ72" s="53"/>
      <c r="BA72" s="53"/>
      <c r="BB72" s="53"/>
      <c r="BC72" s="53"/>
      <c r="BD72" s="53"/>
      <c r="BE72" s="53"/>
      <c r="BF72" s="53"/>
      <c r="BG72" s="53"/>
      <c r="BH72" s="53"/>
      <c r="BI72" s="53"/>
      <c r="BJ72" s="53"/>
      <c r="BK72" s="53"/>
      <c r="BL72" s="53"/>
      <c r="BM72" s="53"/>
      <c r="BN72" s="53"/>
      <c r="BO72" s="53"/>
      <c r="BP72" s="53"/>
      <c r="BQ72" s="53"/>
      <c r="BR72" s="53"/>
      <c r="BS72" s="53"/>
      <c r="BT72" s="53"/>
      <c r="BU72" s="53"/>
      <c r="BV72" s="53"/>
      <c r="BW72" s="53"/>
      <c r="BX72" s="53"/>
      <c r="BY72" s="53"/>
      <c r="BZ72" s="53"/>
      <c r="CA72" s="53"/>
      <c r="CB72" s="53">
        <v>51369.702245102497</v>
      </c>
      <c r="CC72" s="53">
        <v>51386.970557654196</v>
      </c>
      <c r="CD72" s="53">
        <v>51420.180703288999</v>
      </c>
      <c r="CE72" s="53">
        <v>52201.291449996403</v>
      </c>
      <c r="CF72" s="53">
        <v>51986.809637269398</v>
      </c>
      <c r="CG72" s="53">
        <v>51912.416886563602</v>
      </c>
      <c r="CH72" s="53">
        <v>51822.556415999999</v>
      </c>
      <c r="CI72" s="53">
        <v>51893.282426558901</v>
      </c>
      <c r="CJ72" s="53">
        <v>51873.712049761598</v>
      </c>
      <c r="CK72" s="53">
        <v>52040.534968280801</v>
      </c>
      <c r="CL72" s="53">
        <v>52020.477776157</v>
      </c>
      <c r="CM72" s="53">
        <v>52039.5775398853</v>
      </c>
      <c r="CN72" s="53">
        <v>621967.51265651896</v>
      </c>
    </row>
    <row r="73" spans="1:92" outlineLevel="1">
      <c r="A73" s="52" t="s">
        <v>780</v>
      </c>
      <c r="B73" s="53">
        <v>39107667.477253601</v>
      </c>
      <c r="C73" s="53">
        <v>36571037.167533599</v>
      </c>
      <c r="D73" s="53">
        <v>42581301.258990698</v>
      </c>
      <c r="E73" s="53">
        <v>46220726.7595919</v>
      </c>
      <c r="F73" s="53">
        <v>50441460.504455097</v>
      </c>
      <c r="G73" s="53">
        <v>52085261.270516798</v>
      </c>
      <c r="H73" s="53">
        <v>53881843.917446397</v>
      </c>
      <c r="I73" s="53">
        <v>54518539.787086703</v>
      </c>
      <c r="J73" s="53">
        <v>51309619.382675096</v>
      </c>
      <c r="K73" s="53">
        <v>46900520.297747202</v>
      </c>
      <c r="L73" s="53">
        <v>41105802.075970203</v>
      </c>
      <c r="M73" s="53">
        <v>41584817.127659202</v>
      </c>
      <c r="N73" s="53">
        <v>556308597.02692604</v>
      </c>
      <c r="O73" s="53">
        <v>61331077.062976703</v>
      </c>
      <c r="P73" s="53">
        <v>41856726.057133399</v>
      </c>
      <c r="Q73" s="53">
        <v>43901774.5312353</v>
      </c>
      <c r="R73" s="53">
        <v>46821548.479000598</v>
      </c>
      <c r="S73" s="53">
        <v>52091451.478800498</v>
      </c>
      <c r="T73" s="53">
        <v>52630952.219517797</v>
      </c>
      <c r="U73" s="53">
        <v>53440187.7779973</v>
      </c>
      <c r="V73" s="53">
        <v>68830074.002495304</v>
      </c>
      <c r="W73" s="53">
        <v>51007770.034564801</v>
      </c>
      <c r="X73" s="53">
        <v>49871022.227465302</v>
      </c>
      <c r="Y73" s="53">
        <v>41859094.434105098</v>
      </c>
      <c r="Z73" s="53">
        <v>42605203.793972202</v>
      </c>
      <c r="AA73" s="53">
        <v>606246882.09926498</v>
      </c>
      <c r="AB73" s="53">
        <v>62332248.786107197</v>
      </c>
      <c r="AC73" s="53">
        <v>42429449.692544401</v>
      </c>
      <c r="AD73" s="53">
        <v>43617121.049468599</v>
      </c>
      <c r="AE73" s="53">
        <v>46898675.6699486</v>
      </c>
      <c r="AF73" s="53">
        <v>52719199.802644797</v>
      </c>
      <c r="AG73" s="53">
        <v>53304188.121933997</v>
      </c>
      <c r="AH73" s="53">
        <v>53845010.810602903</v>
      </c>
      <c r="AI73" s="53">
        <v>69781549.557688907</v>
      </c>
      <c r="AJ73" s="53">
        <v>51662683.0305527</v>
      </c>
      <c r="AK73" s="53">
        <v>50203833.960028902</v>
      </c>
      <c r="AL73" s="53">
        <v>41692272.444522098</v>
      </c>
      <c r="AM73" s="53">
        <v>42357873.836391501</v>
      </c>
      <c r="AN73" s="53">
        <v>610844106.76243496</v>
      </c>
      <c r="AO73" s="53">
        <v>62106095.501059003</v>
      </c>
      <c r="AP73" s="53">
        <v>40704573.739441797</v>
      </c>
      <c r="AQ73" s="53">
        <v>44027119.660199396</v>
      </c>
      <c r="AR73" s="53">
        <v>47154684.014280498</v>
      </c>
      <c r="AS73" s="53">
        <v>53213615.410996698</v>
      </c>
      <c r="AT73" s="53">
        <v>53641638.088626601</v>
      </c>
      <c r="AU73" s="53">
        <v>54740933.295161799</v>
      </c>
      <c r="AV73" s="53">
        <v>70278544.551941007</v>
      </c>
      <c r="AW73" s="53">
        <v>52567111.2226739</v>
      </c>
      <c r="AX73" s="53">
        <v>49956476.044554703</v>
      </c>
      <c r="AY73" s="53">
        <v>41988447.637226097</v>
      </c>
      <c r="AZ73" s="53">
        <v>42586162.239042498</v>
      </c>
      <c r="BA73" s="53">
        <v>612965401.40520406</v>
      </c>
      <c r="BB73" s="53">
        <v>62261204.096663304</v>
      </c>
      <c r="BC73" s="53">
        <v>41497062.1514742</v>
      </c>
      <c r="BD73" s="53">
        <v>44303225.756131798</v>
      </c>
      <c r="BE73" s="53">
        <v>47481940.345740303</v>
      </c>
      <c r="BF73" s="53">
        <v>53420122.003189102</v>
      </c>
      <c r="BG73" s="53">
        <v>54371746.992490798</v>
      </c>
      <c r="BH73" s="53">
        <v>55274830.818062097</v>
      </c>
      <c r="BI73" s="53">
        <v>70810504.317031905</v>
      </c>
      <c r="BJ73" s="53">
        <v>53064284.721224897</v>
      </c>
      <c r="BK73" s="53">
        <v>50987667.560934298</v>
      </c>
      <c r="BL73" s="53">
        <v>42075037.076170601</v>
      </c>
      <c r="BM73" s="53">
        <v>42965977.809386797</v>
      </c>
      <c r="BN73" s="53">
        <v>618513603.64849997</v>
      </c>
      <c r="BO73" s="53">
        <v>62307788.660534099</v>
      </c>
      <c r="BP73" s="53">
        <v>41563706.540650398</v>
      </c>
      <c r="BQ73" s="53">
        <v>44238666.140722103</v>
      </c>
      <c r="BR73" s="53">
        <v>47362785.528558001</v>
      </c>
      <c r="BS73" s="53">
        <v>53743622.363571197</v>
      </c>
      <c r="BT73" s="53">
        <v>54844429.119674698</v>
      </c>
      <c r="BU73" s="53">
        <v>55728680.575092301</v>
      </c>
      <c r="BV73" s="53">
        <v>71199807.579191104</v>
      </c>
      <c r="BW73" s="53">
        <v>53516231.692938998</v>
      </c>
      <c r="BX73" s="53">
        <v>51365776.435137004</v>
      </c>
      <c r="BY73" s="53">
        <v>42452180.869305402</v>
      </c>
      <c r="BZ73" s="53">
        <v>43508646.115505598</v>
      </c>
      <c r="CA73" s="53">
        <v>621832321.62088096</v>
      </c>
      <c r="CB73" s="53">
        <v>10150638.584728301</v>
      </c>
      <c r="CC73" s="53">
        <v>10582833.755070001</v>
      </c>
      <c r="CD73" s="53">
        <v>10861946.3800245</v>
      </c>
      <c r="CE73" s="53">
        <v>11545671.1524942</v>
      </c>
      <c r="CF73" s="53">
        <v>12964757.1547729</v>
      </c>
      <c r="CG73" s="53">
        <v>12939176.5556027</v>
      </c>
      <c r="CH73" s="53">
        <v>12926718.042371299</v>
      </c>
      <c r="CI73" s="53">
        <v>11484898.8053078</v>
      </c>
      <c r="CJ73" s="53">
        <v>13319820.4179636</v>
      </c>
      <c r="CK73" s="53">
        <v>12365817.783599099</v>
      </c>
      <c r="CL73" s="53">
        <v>11031067.952532001</v>
      </c>
      <c r="CM73" s="53">
        <v>10620230.8340613</v>
      </c>
      <c r="CN73" s="53">
        <v>140793577.41852799</v>
      </c>
    </row>
    <row r="74" spans="1:92" outlineLevel="1">
      <c r="A74" s="52" t="s">
        <v>781</v>
      </c>
      <c r="B74" s="53">
        <v>8452307.3193124793</v>
      </c>
      <c r="C74" s="53">
        <v>8801183.84708854</v>
      </c>
      <c r="D74" s="53">
        <v>8786189.2319162302</v>
      </c>
      <c r="E74" s="53">
        <v>9381689.8129414208</v>
      </c>
      <c r="F74" s="53">
        <v>10254858.515009601</v>
      </c>
      <c r="G74" s="53">
        <v>9563161.3446843494</v>
      </c>
      <c r="H74" s="53">
        <v>9349952.2888405602</v>
      </c>
      <c r="I74" s="53">
        <v>9311600.1280743703</v>
      </c>
      <c r="J74" s="53">
        <v>9886950.0461840108</v>
      </c>
      <c r="K74" s="53">
        <v>9580838.6310133301</v>
      </c>
      <c r="L74" s="53">
        <v>10102657.1534326</v>
      </c>
      <c r="M74" s="53">
        <v>9066900.4305566102</v>
      </c>
      <c r="N74" s="53">
        <v>112538288.749054</v>
      </c>
      <c r="O74" s="53">
        <v>6342460.1619707895</v>
      </c>
      <c r="P74" s="53">
        <v>7887568.2790794</v>
      </c>
      <c r="Q74" s="53">
        <v>9233248.3387012798</v>
      </c>
      <c r="R74" s="53">
        <v>9597845.2252100296</v>
      </c>
      <c r="S74" s="53">
        <v>11429913.002699699</v>
      </c>
      <c r="T74" s="53">
        <v>8950604.9518423397</v>
      </c>
      <c r="U74" s="53">
        <v>8553099.1184630301</v>
      </c>
      <c r="V74" s="53">
        <v>9376823.2215604093</v>
      </c>
      <c r="W74" s="53">
        <v>8359286.4945969498</v>
      </c>
      <c r="X74" s="53">
        <v>8043770.4267395101</v>
      </c>
      <c r="Y74" s="53">
        <v>6874870.0506600104</v>
      </c>
      <c r="Z74" s="53">
        <v>7817483.5694952896</v>
      </c>
      <c r="AA74" s="53">
        <v>102466972.84101801</v>
      </c>
      <c r="AB74" s="53">
        <v>6352083.5668110503</v>
      </c>
      <c r="AC74" s="53">
        <v>8011307.64856649</v>
      </c>
      <c r="AD74" s="53">
        <v>9273631.3762093596</v>
      </c>
      <c r="AE74" s="53">
        <v>9651035.8841494992</v>
      </c>
      <c r="AF74" s="53">
        <v>11498923.738285599</v>
      </c>
      <c r="AG74" s="53">
        <v>9003610.5221597906</v>
      </c>
      <c r="AH74" s="53">
        <v>8606256.1616158802</v>
      </c>
      <c r="AI74" s="53">
        <v>9430459.5523391608</v>
      </c>
      <c r="AJ74" s="53">
        <v>8413520.33938591</v>
      </c>
      <c r="AK74" s="53">
        <v>8100944.7556614</v>
      </c>
      <c r="AL74" s="53">
        <v>6923774.4053272204</v>
      </c>
      <c r="AM74" s="53">
        <v>7879786.7739721099</v>
      </c>
      <c r="AN74" s="53">
        <v>103145334.724483</v>
      </c>
      <c r="AO74" s="53">
        <v>6392972.9059367198</v>
      </c>
      <c r="AP74" s="53">
        <v>7957658.1914534504</v>
      </c>
      <c r="AQ74" s="53">
        <v>9315285.9850679804</v>
      </c>
      <c r="AR74" s="53">
        <v>9683514.2653106004</v>
      </c>
      <c r="AS74" s="53">
        <v>11532245.066421499</v>
      </c>
      <c r="AT74" s="53">
        <v>9036513.5518300496</v>
      </c>
      <c r="AU74" s="53">
        <v>8638235.27631904</v>
      </c>
      <c r="AV74" s="53">
        <v>9465076.5778064802</v>
      </c>
      <c r="AW74" s="53">
        <v>8443631.42382944</v>
      </c>
      <c r="AX74" s="53">
        <v>8131560.4586299397</v>
      </c>
      <c r="AY74" s="53">
        <v>6953227.0406462401</v>
      </c>
      <c r="AZ74" s="53">
        <v>7909904.0158085199</v>
      </c>
      <c r="BA74" s="53">
        <v>103459824.75906</v>
      </c>
      <c r="BB74" s="53">
        <v>6420024.1589201</v>
      </c>
      <c r="BC74" s="53">
        <v>7988764.8163330602</v>
      </c>
      <c r="BD74" s="53">
        <v>9348774.7533477601</v>
      </c>
      <c r="BE74" s="53">
        <v>9711357.9891951308</v>
      </c>
      <c r="BF74" s="53">
        <v>11562140.1427336</v>
      </c>
      <c r="BG74" s="53">
        <v>9066981.5677652899</v>
      </c>
      <c r="BH74" s="53">
        <v>8669160.6599481292</v>
      </c>
      <c r="BI74" s="53">
        <v>9500226.2131369896</v>
      </c>
      <c r="BJ74" s="53">
        <v>8475866.0380552094</v>
      </c>
      <c r="BK74" s="53">
        <v>8166365.6044459902</v>
      </c>
      <c r="BL74" s="53">
        <v>6988568.8277475797</v>
      </c>
      <c r="BM74" s="53">
        <v>7947478.6651883302</v>
      </c>
      <c r="BN74" s="53">
        <v>103845709.43681701</v>
      </c>
      <c r="BO74" s="53">
        <v>6454123.3739470001</v>
      </c>
      <c r="BP74" s="53">
        <v>8028121.9687939603</v>
      </c>
      <c r="BQ74" s="53">
        <v>9392001.7571884897</v>
      </c>
      <c r="BR74" s="53">
        <v>9748972.7893825993</v>
      </c>
      <c r="BS74" s="53">
        <v>11604838.721409701</v>
      </c>
      <c r="BT74" s="53">
        <v>9112415.1272931695</v>
      </c>
      <c r="BU74" s="53">
        <v>8716125.4834362194</v>
      </c>
      <c r="BV74" s="53">
        <v>9553850.7735320292</v>
      </c>
      <c r="BW74" s="53">
        <v>8525570.6822361406</v>
      </c>
      <c r="BX74" s="53">
        <v>8220901.2911817897</v>
      </c>
      <c r="BY74" s="53">
        <v>7044636.7617054097</v>
      </c>
      <c r="BZ74" s="53">
        <v>8005864.8407333698</v>
      </c>
      <c r="CA74" s="53">
        <v>104407423.570839</v>
      </c>
      <c r="CB74" s="53">
        <v>112181831.205708</v>
      </c>
      <c r="CC74" s="53">
        <v>91195534.152794406</v>
      </c>
      <c r="CD74" s="53">
        <v>93475742.682261899</v>
      </c>
      <c r="CE74" s="53">
        <v>97183198.435618296</v>
      </c>
      <c r="CF74" s="53">
        <v>130246819.12672099</v>
      </c>
      <c r="CG74" s="53">
        <v>153372695.028072</v>
      </c>
      <c r="CH74" s="53">
        <v>167890860.018843</v>
      </c>
      <c r="CI74" s="53">
        <v>167924277.673401</v>
      </c>
      <c r="CJ74" s="53">
        <v>152327655.21601999</v>
      </c>
      <c r="CK74" s="53">
        <v>122153566.006594</v>
      </c>
      <c r="CL74" s="53">
        <v>93520098.873069599</v>
      </c>
      <c r="CM74" s="53">
        <v>105924116.61503799</v>
      </c>
      <c r="CN74" s="53">
        <v>1487396395.0341401</v>
      </c>
    </row>
    <row r="75" spans="1:92" outlineLevel="1">
      <c r="A75" s="52" t="s">
        <v>782</v>
      </c>
      <c r="B75" s="53">
        <v>51975.957290147897</v>
      </c>
      <c r="C75" s="53">
        <v>52002.937381220203</v>
      </c>
      <c r="D75" s="53">
        <v>52040.821293660003</v>
      </c>
      <c r="E75" s="53">
        <v>52832.645060548602</v>
      </c>
      <c r="F75" s="53">
        <v>52615.103811900597</v>
      </c>
      <c r="G75" s="53">
        <v>52538.351249880499</v>
      </c>
      <c r="H75" s="53">
        <v>52445.384067409999</v>
      </c>
      <c r="I75" s="53">
        <v>52514.6158933673</v>
      </c>
      <c r="J75" s="53">
        <v>52492.292265635202</v>
      </c>
      <c r="K75" s="53">
        <v>52658.483575490201</v>
      </c>
      <c r="L75" s="53">
        <v>52635.5217442094</v>
      </c>
      <c r="M75" s="53">
        <v>52652.160491747098</v>
      </c>
      <c r="N75" s="53">
        <v>629404.27412521699</v>
      </c>
      <c r="O75" s="53">
        <v>109916.681822069</v>
      </c>
      <c r="P75" s="53">
        <v>104737.971034631</v>
      </c>
      <c r="Q75" s="53">
        <v>95564.618198824202</v>
      </c>
      <c r="R75" s="53">
        <v>107274.708884308</v>
      </c>
      <c r="S75" s="53">
        <v>105434.604504977</v>
      </c>
      <c r="T75" s="53">
        <v>107457.58543676299</v>
      </c>
      <c r="U75" s="53">
        <v>107619.53865286701</v>
      </c>
      <c r="V75" s="53">
        <v>104251.434151647</v>
      </c>
      <c r="W75" s="53">
        <v>104772.687650594</v>
      </c>
      <c r="X75" s="53">
        <v>105784.18835151799</v>
      </c>
      <c r="Y75" s="53">
        <v>106259.27906255799</v>
      </c>
      <c r="Z75" s="53">
        <v>111085.062183139</v>
      </c>
      <c r="AA75" s="53">
        <v>1270158.3599338899</v>
      </c>
      <c r="AB75" s="53">
        <v>104046.989750472</v>
      </c>
      <c r="AC75" s="53">
        <v>99575.484167338</v>
      </c>
      <c r="AD75" s="53">
        <v>91225.362387633999</v>
      </c>
      <c r="AE75" s="53">
        <v>102796.122826035</v>
      </c>
      <c r="AF75" s="53">
        <v>101396.08101554299</v>
      </c>
      <c r="AG75" s="53">
        <v>103690.407587649</v>
      </c>
      <c r="AH75" s="53">
        <v>104174.631192639</v>
      </c>
      <c r="AI75" s="53">
        <v>101212.967610126</v>
      </c>
      <c r="AJ75" s="53">
        <v>102001.00737838099</v>
      </c>
      <c r="AK75" s="53">
        <v>103252.39119885099</v>
      </c>
      <c r="AL75" s="53">
        <v>103967.40724283901</v>
      </c>
      <c r="AM75" s="53">
        <v>108935.39794087299</v>
      </c>
      <c r="AN75" s="53">
        <v>1226274.2502983799</v>
      </c>
      <c r="AO75" s="53">
        <v>102249.29682169</v>
      </c>
      <c r="AP75" s="53">
        <v>98048.171250691405</v>
      </c>
      <c r="AQ75" s="53">
        <v>89991.652402099498</v>
      </c>
      <c r="AR75" s="53">
        <v>101580.19631832901</v>
      </c>
      <c r="AS75" s="53">
        <v>100357.143605188</v>
      </c>
      <c r="AT75" s="53">
        <v>102780.957581651</v>
      </c>
      <c r="AU75" s="53">
        <v>103404.653111259</v>
      </c>
      <c r="AV75" s="53">
        <v>100595.093659365</v>
      </c>
      <c r="AW75" s="53">
        <v>101500.367931803</v>
      </c>
      <c r="AX75" s="53">
        <v>102861.02883818701</v>
      </c>
      <c r="AY75" s="53">
        <v>103681.296360786</v>
      </c>
      <c r="AZ75" s="53">
        <v>108740.908767539</v>
      </c>
      <c r="BA75" s="53">
        <v>1215790.7666485901</v>
      </c>
      <c r="BB75" s="53">
        <v>102159.013247832</v>
      </c>
      <c r="BC75" s="53">
        <v>98043.739585673393</v>
      </c>
      <c r="BD75" s="53">
        <v>90057.129663700602</v>
      </c>
      <c r="BE75" s="53">
        <v>101727.64463753899</v>
      </c>
      <c r="BF75" s="53">
        <v>100570.131965833</v>
      </c>
      <c r="BG75" s="53">
        <v>103063.390219497</v>
      </c>
      <c r="BH75" s="53">
        <v>103748.378133223</v>
      </c>
      <c r="BI75" s="53">
        <v>100983.282383956</v>
      </c>
      <c r="BJ75" s="53">
        <v>101942.550729073</v>
      </c>
      <c r="BK75" s="53">
        <v>103356.049337622</v>
      </c>
      <c r="BL75" s="53">
        <v>104224.52328140401</v>
      </c>
      <c r="BM75" s="53">
        <v>109353.437888152</v>
      </c>
      <c r="BN75" s="53">
        <v>1219229.2710734999</v>
      </c>
      <c r="BO75" s="53">
        <v>102771.261855672</v>
      </c>
      <c r="BP75" s="53">
        <v>98664.172688188803</v>
      </c>
      <c r="BQ75" s="53">
        <v>90654.933362838201</v>
      </c>
      <c r="BR75" s="53">
        <v>102432.305585152</v>
      </c>
      <c r="BS75" s="53">
        <v>101292.88898034699</v>
      </c>
      <c r="BT75" s="53">
        <v>103829.087086471</v>
      </c>
      <c r="BU75" s="53">
        <v>104542.17874087799</v>
      </c>
      <c r="BV75" s="53">
        <v>101776.62757056599</v>
      </c>
      <c r="BW75" s="53">
        <v>102762.196461877</v>
      </c>
      <c r="BX75" s="53">
        <v>104205.199886653</v>
      </c>
      <c r="BY75" s="53">
        <v>105096.92695454801</v>
      </c>
      <c r="BZ75" s="53">
        <v>110284.30331086399</v>
      </c>
      <c r="CA75" s="53">
        <v>1228312.08248405</v>
      </c>
      <c r="CB75" s="53">
        <v>41555.513633333299</v>
      </c>
      <c r="CC75" s="53">
        <v>37572.114540000002</v>
      </c>
      <c r="CD75" s="53">
        <v>41572.117769999997</v>
      </c>
      <c r="CE75" s="53">
        <v>36491.42138</v>
      </c>
      <c r="CF75" s="53">
        <v>37708.576426666601</v>
      </c>
      <c r="CG75" s="53">
        <v>36498.845446666601</v>
      </c>
      <c r="CH75" s="53">
        <v>37741.3846466666</v>
      </c>
      <c r="CI75" s="53">
        <v>37746.846913333298</v>
      </c>
      <c r="CJ75" s="53">
        <v>36532.449926666603</v>
      </c>
      <c r="CK75" s="53">
        <v>37747.196960000001</v>
      </c>
      <c r="CL75" s="53">
        <v>36509.116046666597</v>
      </c>
      <c r="CM75" s="53">
        <v>41555.513633333299</v>
      </c>
      <c r="CN75" s="53">
        <v>459231.09732333297</v>
      </c>
    </row>
    <row r="76" spans="1:92" outlineLevel="1">
      <c r="A76" s="52" t="s">
        <v>783</v>
      </c>
      <c r="B76" s="53">
        <v>10029345.186494799</v>
      </c>
      <c r="C76" s="53">
        <v>10442445.934711</v>
      </c>
      <c r="D76" s="53">
        <v>10706871.962675801</v>
      </c>
      <c r="E76" s="53">
        <v>11386492.6930496</v>
      </c>
      <c r="F76" s="53">
        <v>12803809.2461992</v>
      </c>
      <c r="G76" s="53">
        <v>12783658.523254501</v>
      </c>
      <c r="H76" s="53">
        <v>11914334.9410333</v>
      </c>
      <c r="I76" s="53">
        <v>12187960.1881049</v>
      </c>
      <c r="J76" s="53">
        <v>13158298.227984101</v>
      </c>
      <c r="K76" s="53">
        <v>12195270.8311038</v>
      </c>
      <c r="L76" s="53">
        <v>10860062.628333701</v>
      </c>
      <c r="M76" s="53">
        <v>10467459.974524399</v>
      </c>
      <c r="N76" s="53">
        <v>138936010.33746901</v>
      </c>
      <c r="O76" s="53">
        <v>13034523.0217543</v>
      </c>
      <c r="P76" s="53">
        <v>11991894.411763901</v>
      </c>
      <c r="Q76" s="53">
        <v>10939280.2067835</v>
      </c>
      <c r="R76" s="53">
        <v>11924575.341799401</v>
      </c>
      <c r="S76" s="53">
        <v>13196228.726736501</v>
      </c>
      <c r="T76" s="53">
        <v>13060683.803981099</v>
      </c>
      <c r="U76" s="53">
        <v>12885865.5470418</v>
      </c>
      <c r="V76" s="53">
        <v>12700375.311114101</v>
      </c>
      <c r="W76" s="53">
        <v>13239819.5134289</v>
      </c>
      <c r="X76" s="53">
        <v>12747301.749209199</v>
      </c>
      <c r="Y76" s="53">
        <v>11266063.7853406</v>
      </c>
      <c r="Z76" s="53">
        <v>11351729.545450799</v>
      </c>
      <c r="AA76" s="53">
        <v>148338340.96440399</v>
      </c>
      <c r="AB76" s="53">
        <v>13007114.942901</v>
      </c>
      <c r="AC76" s="53">
        <v>11980897.809355</v>
      </c>
      <c r="AD76" s="53">
        <v>10920252.1638902</v>
      </c>
      <c r="AE76" s="53">
        <v>11905662.20954</v>
      </c>
      <c r="AF76" s="53">
        <v>13175915.637733201</v>
      </c>
      <c r="AG76" s="53">
        <v>13039125.6608436</v>
      </c>
      <c r="AH76" s="53">
        <v>12864103.455070101</v>
      </c>
      <c r="AI76" s="53">
        <v>12675362.1061993</v>
      </c>
      <c r="AJ76" s="53">
        <v>13217251.655345</v>
      </c>
      <c r="AK76" s="53">
        <v>12724818.6958513</v>
      </c>
      <c r="AL76" s="53">
        <v>11242752.509873901</v>
      </c>
      <c r="AM76" s="53">
        <v>11322953.6302593</v>
      </c>
      <c r="AN76" s="53">
        <v>148076210.47686201</v>
      </c>
      <c r="AO76" s="53">
        <v>12965989.0622792</v>
      </c>
      <c r="AP76" s="53">
        <v>11929032.511912899</v>
      </c>
      <c r="AQ76" s="53">
        <v>10892427.515756801</v>
      </c>
      <c r="AR76" s="53">
        <v>11878239.232015001</v>
      </c>
      <c r="AS76" s="53">
        <v>13146559.098180501</v>
      </c>
      <c r="AT76" s="53">
        <v>13008039.061742701</v>
      </c>
      <c r="AU76" s="53">
        <v>12832871.158976801</v>
      </c>
      <c r="AV76" s="53">
        <v>12639534.9285657</v>
      </c>
      <c r="AW76" s="53">
        <v>13185575.670933601</v>
      </c>
      <c r="AX76" s="53">
        <v>12693790.163988</v>
      </c>
      <c r="AY76" s="53">
        <v>11210657.084261701</v>
      </c>
      <c r="AZ76" s="53">
        <v>11282473.956916999</v>
      </c>
      <c r="BA76" s="53">
        <v>147665189.44553</v>
      </c>
      <c r="BB76" s="53">
        <v>12937231.2730406</v>
      </c>
      <c r="BC76" s="53">
        <v>11902503.7373595</v>
      </c>
      <c r="BD76" s="53">
        <v>10872593.526396001</v>
      </c>
      <c r="BE76" s="53">
        <v>11858700.505127801</v>
      </c>
      <c r="BF76" s="53">
        <v>13125695.8834479</v>
      </c>
      <c r="BG76" s="53">
        <v>12985913.6718072</v>
      </c>
      <c r="BH76" s="53">
        <v>12810541.4564339</v>
      </c>
      <c r="BI76" s="53">
        <v>12613940.963985501</v>
      </c>
      <c r="BJ76" s="53">
        <v>13162775.918973699</v>
      </c>
      <c r="BK76" s="53">
        <v>12671393.6648883</v>
      </c>
      <c r="BL76" s="53">
        <v>11187540.477930499</v>
      </c>
      <c r="BM76" s="53">
        <v>11253574.223629201</v>
      </c>
      <c r="BN76" s="53">
        <v>147382405.30302</v>
      </c>
      <c r="BO76" s="53">
        <v>12908608.604975199</v>
      </c>
      <c r="BP76" s="53">
        <v>11875866.861144099</v>
      </c>
      <c r="BQ76" s="53">
        <v>10852367.8020989</v>
      </c>
      <c r="BR76" s="53">
        <v>11838470.4776682</v>
      </c>
      <c r="BS76" s="53">
        <v>13103889.3291796</v>
      </c>
      <c r="BT76" s="53">
        <v>12962683.7403809</v>
      </c>
      <c r="BU76" s="53">
        <v>12787002.2080596</v>
      </c>
      <c r="BV76" s="53">
        <v>12586922.657857301</v>
      </c>
      <c r="BW76" s="53">
        <v>13138254.040399799</v>
      </c>
      <c r="BX76" s="53">
        <v>12646886.6454744</v>
      </c>
      <c r="BY76" s="53">
        <v>11162096.3263418</v>
      </c>
      <c r="BZ76" s="53">
        <v>11222272.3210048</v>
      </c>
      <c r="CA76" s="53">
        <v>147085321.01458499</v>
      </c>
      <c r="CB76" s="53"/>
      <c r="CC76" s="53"/>
      <c r="CD76" s="53"/>
      <c r="CE76" s="53"/>
      <c r="CF76" s="53"/>
      <c r="CG76" s="53"/>
      <c r="CH76" s="53"/>
      <c r="CI76" s="53"/>
      <c r="CJ76" s="53"/>
      <c r="CK76" s="53"/>
      <c r="CL76" s="53"/>
      <c r="CM76" s="53"/>
      <c r="CN76" s="53"/>
    </row>
    <row r="77" spans="1:92" outlineLevel="1">
      <c r="A77" s="52" t="s">
        <v>784</v>
      </c>
      <c r="B77" s="53">
        <v>109552498.395897</v>
      </c>
      <c r="C77" s="53">
        <v>92376945.300985307</v>
      </c>
      <c r="D77" s="53">
        <v>95052974.169056907</v>
      </c>
      <c r="E77" s="53">
        <v>100620043.712165</v>
      </c>
      <c r="F77" s="53">
        <v>126723115.238986</v>
      </c>
      <c r="G77" s="53">
        <v>144842102.326736</v>
      </c>
      <c r="H77" s="53">
        <v>159179912.70311099</v>
      </c>
      <c r="I77" s="53">
        <v>157661844.851659</v>
      </c>
      <c r="J77" s="53">
        <v>144654083.79613501</v>
      </c>
      <c r="K77" s="53">
        <v>118375388.139221</v>
      </c>
      <c r="L77" s="53">
        <v>96252678.900735602</v>
      </c>
      <c r="M77" s="53">
        <v>102791362.72603799</v>
      </c>
      <c r="N77" s="53">
        <v>1448082950.26072</v>
      </c>
      <c r="O77" s="53">
        <v>173681206.54411301</v>
      </c>
      <c r="P77" s="53">
        <v>95163750.975846097</v>
      </c>
      <c r="Q77" s="53">
        <v>87133565.558913007</v>
      </c>
      <c r="R77" s="53">
        <v>92900077.535376206</v>
      </c>
      <c r="S77" s="53">
        <v>120265421.867227</v>
      </c>
      <c r="T77" s="53">
        <v>138904761.29661199</v>
      </c>
      <c r="U77" s="53">
        <v>150167709.44933099</v>
      </c>
      <c r="V77" s="53">
        <v>196334347.103066</v>
      </c>
      <c r="W77" s="53">
        <v>135942585.190043</v>
      </c>
      <c r="X77" s="53">
        <v>110999450.204715</v>
      </c>
      <c r="Y77" s="53">
        <v>83997744.320044398</v>
      </c>
      <c r="Z77" s="53">
        <v>108391298.68720201</v>
      </c>
      <c r="AA77" s="53">
        <v>1493881918.7324901</v>
      </c>
      <c r="AB77" s="53">
        <v>175797451.67682099</v>
      </c>
      <c r="AC77" s="53">
        <v>99121506.506805897</v>
      </c>
      <c r="AD77" s="53">
        <v>88124869.430296794</v>
      </c>
      <c r="AE77" s="53">
        <v>93940792.484493196</v>
      </c>
      <c r="AF77" s="53">
        <v>123317023.725749</v>
      </c>
      <c r="AG77" s="53">
        <v>143654921.88358101</v>
      </c>
      <c r="AH77" s="53">
        <v>155731526.92646801</v>
      </c>
      <c r="AI77" s="53">
        <v>202013809.82769001</v>
      </c>
      <c r="AJ77" s="53">
        <v>140700950.09371701</v>
      </c>
      <c r="AK77" s="53">
        <v>114023013.908866</v>
      </c>
      <c r="AL77" s="53">
        <v>85531486.944405794</v>
      </c>
      <c r="AM77" s="53">
        <v>110686384.190411</v>
      </c>
      <c r="AN77" s="53">
        <v>1532643737.5992999</v>
      </c>
      <c r="AO77" s="53">
        <v>175620991.796929</v>
      </c>
      <c r="AP77" s="53">
        <v>95330975.882419497</v>
      </c>
      <c r="AQ77" s="53">
        <v>87051551.457707003</v>
      </c>
      <c r="AR77" s="53">
        <v>92834784.225863993</v>
      </c>
      <c r="AS77" s="53">
        <v>122734605.745831</v>
      </c>
      <c r="AT77" s="53">
        <v>143818283.63089699</v>
      </c>
      <c r="AU77" s="53">
        <v>156163729.655224</v>
      </c>
      <c r="AV77" s="53">
        <v>202591456.65912399</v>
      </c>
      <c r="AW77" s="53">
        <v>141127042.26656201</v>
      </c>
      <c r="AX77" s="53">
        <v>114020839.860753</v>
      </c>
      <c r="AY77" s="53">
        <v>85291968.040361404</v>
      </c>
      <c r="AZ77" s="53">
        <v>110693471.703696</v>
      </c>
      <c r="BA77" s="53">
        <v>1527279700.92537</v>
      </c>
      <c r="BB77" s="53">
        <v>175171755.688243</v>
      </c>
      <c r="BC77" s="53">
        <v>94397556.367549807</v>
      </c>
      <c r="BD77" s="53">
        <v>85830652.272796303</v>
      </c>
      <c r="BE77" s="53">
        <v>91588779.904353604</v>
      </c>
      <c r="BF77" s="53">
        <v>121963029.283962</v>
      </c>
      <c r="BG77" s="53">
        <v>143784251.68116701</v>
      </c>
      <c r="BH77" s="53">
        <v>156384960.76070601</v>
      </c>
      <c r="BI77" s="53">
        <v>202953059.15665001</v>
      </c>
      <c r="BJ77" s="53">
        <v>141355654.978333</v>
      </c>
      <c r="BK77" s="53">
        <v>113854471.6195</v>
      </c>
      <c r="BL77" s="53">
        <v>84915458.767824605</v>
      </c>
      <c r="BM77" s="53">
        <v>110522965.36604699</v>
      </c>
      <c r="BN77" s="53">
        <v>1522722595.8471301</v>
      </c>
      <c r="BO77" s="53">
        <v>174659065.962648</v>
      </c>
      <c r="BP77" s="53">
        <v>93643381.094991595</v>
      </c>
      <c r="BQ77" s="53">
        <v>84810921.976891294</v>
      </c>
      <c r="BR77" s="53">
        <v>90623250.639151096</v>
      </c>
      <c r="BS77" s="53">
        <v>121303499.636777</v>
      </c>
      <c r="BT77" s="53">
        <v>143746306.86556301</v>
      </c>
      <c r="BU77" s="53">
        <v>156596142.95674199</v>
      </c>
      <c r="BV77" s="53">
        <v>203372771.017775</v>
      </c>
      <c r="BW77" s="53">
        <v>141844839.37200299</v>
      </c>
      <c r="BX77" s="53">
        <v>114247488.54085501</v>
      </c>
      <c r="BY77" s="53">
        <v>85261719.333995998</v>
      </c>
      <c r="BZ77" s="53">
        <v>111070537.54646599</v>
      </c>
      <c r="CA77" s="53">
        <v>1521179924.9438601</v>
      </c>
      <c r="CB77" s="53"/>
      <c r="CC77" s="53"/>
      <c r="CD77" s="53"/>
      <c r="CE77" s="53"/>
      <c r="CF77" s="53"/>
      <c r="CG77" s="53"/>
      <c r="CH77" s="53"/>
      <c r="CI77" s="53"/>
      <c r="CJ77" s="53"/>
      <c r="CK77" s="53"/>
      <c r="CL77" s="53"/>
      <c r="CM77" s="53"/>
      <c r="CN77" s="53"/>
    </row>
    <row r="78" spans="1:92" outlineLevel="1">
      <c r="A78" s="52" t="s">
        <v>1237</v>
      </c>
      <c r="B78" s="53">
        <v>55789.210486666598</v>
      </c>
      <c r="C78" s="53">
        <v>50413.194539999997</v>
      </c>
      <c r="D78" s="53">
        <v>55789.027770000001</v>
      </c>
      <c r="E78" s="53">
        <v>41705.121379999997</v>
      </c>
      <c r="F78" s="53">
        <v>43096.066426666599</v>
      </c>
      <c r="G78" s="53">
        <v>41712.545446666598</v>
      </c>
      <c r="H78" s="53">
        <v>43128.874646666598</v>
      </c>
      <c r="I78" s="53">
        <v>43134.336913333304</v>
      </c>
      <c r="J78" s="53">
        <v>41746.1499266666</v>
      </c>
      <c r="K78" s="53">
        <v>43134.686959999999</v>
      </c>
      <c r="L78" s="53">
        <v>41722.816046666601</v>
      </c>
      <c r="M78" s="53">
        <v>55772.423633333303</v>
      </c>
      <c r="N78" s="53">
        <v>557144.45417666598</v>
      </c>
      <c r="O78" s="53">
        <v>74775.113633333298</v>
      </c>
      <c r="P78" s="53">
        <v>67576.914539999998</v>
      </c>
      <c r="Q78" s="53">
        <v>74791.717770000003</v>
      </c>
      <c r="R78" s="53">
        <v>61846.221380000003</v>
      </c>
      <c r="S78" s="53">
        <v>63908.5364266666</v>
      </c>
      <c r="T78" s="53">
        <v>61853.645446666596</v>
      </c>
      <c r="U78" s="53">
        <v>63941.344646666599</v>
      </c>
      <c r="V78" s="53">
        <v>63946.806913333297</v>
      </c>
      <c r="W78" s="53">
        <v>61887.249926666598</v>
      </c>
      <c r="X78" s="53">
        <v>63947.15696</v>
      </c>
      <c r="Y78" s="53">
        <v>61863.9160466666</v>
      </c>
      <c r="Z78" s="53">
        <v>74775.113633333298</v>
      </c>
      <c r="AA78" s="53">
        <v>795113.73732333304</v>
      </c>
      <c r="AB78" s="53">
        <v>45818.633633333302</v>
      </c>
      <c r="AC78" s="53">
        <v>42897.954539999999</v>
      </c>
      <c r="AD78" s="53">
        <v>45835.23777</v>
      </c>
      <c r="AE78" s="53">
        <v>40829.42138</v>
      </c>
      <c r="AF78" s="53">
        <v>42191.1764266666</v>
      </c>
      <c r="AG78" s="53">
        <v>40836.845446666601</v>
      </c>
      <c r="AH78" s="53">
        <v>42223.984646666599</v>
      </c>
      <c r="AI78" s="53">
        <v>42229.446913333297</v>
      </c>
      <c r="AJ78" s="53">
        <v>40870.449926666603</v>
      </c>
      <c r="AK78" s="53">
        <v>42229.79696</v>
      </c>
      <c r="AL78" s="53">
        <v>40847.116046666597</v>
      </c>
      <c r="AM78" s="53">
        <v>45818.633633333302</v>
      </c>
      <c r="AN78" s="53">
        <v>512628.69732333301</v>
      </c>
      <c r="AO78" s="53">
        <v>46142.273633333301</v>
      </c>
      <c r="AP78" s="53">
        <v>41714.99454</v>
      </c>
      <c r="AQ78" s="53">
        <v>46158.877769999999</v>
      </c>
      <c r="AR78" s="53">
        <v>41038.221379999901</v>
      </c>
      <c r="AS78" s="53">
        <v>42406.936426666602</v>
      </c>
      <c r="AT78" s="53">
        <v>41045.645446666596</v>
      </c>
      <c r="AU78" s="53">
        <v>42439.744646666601</v>
      </c>
      <c r="AV78" s="53">
        <v>42445.206913333299</v>
      </c>
      <c r="AW78" s="53">
        <v>41079.249926666598</v>
      </c>
      <c r="AX78" s="53">
        <v>42445.5569599999</v>
      </c>
      <c r="AY78" s="53">
        <v>41055.9160466666</v>
      </c>
      <c r="AZ78" s="53">
        <v>46142.273633333301</v>
      </c>
      <c r="BA78" s="53">
        <v>514114.89732333302</v>
      </c>
      <c r="BB78" s="53">
        <v>47314.073633333297</v>
      </c>
      <c r="BC78" s="53">
        <v>42773.394540000001</v>
      </c>
      <c r="BD78" s="53">
        <v>47330.677770000002</v>
      </c>
      <c r="BE78" s="53">
        <v>42064.221380000003</v>
      </c>
      <c r="BF78" s="53">
        <v>43467.136426666599</v>
      </c>
      <c r="BG78" s="53">
        <v>42071.645446666596</v>
      </c>
      <c r="BH78" s="53">
        <v>43499.944646666598</v>
      </c>
      <c r="BI78" s="53">
        <v>43505.406913333303</v>
      </c>
      <c r="BJ78" s="53">
        <v>42105.249926666598</v>
      </c>
      <c r="BK78" s="53">
        <v>43505.756959999999</v>
      </c>
      <c r="BL78" s="53">
        <v>42081.9160466666</v>
      </c>
      <c r="BM78" s="53">
        <v>47314.073633333297</v>
      </c>
      <c r="BN78" s="53">
        <v>527033.49732333305</v>
      </c>
      <c r="BO78" s="53">
        <v>48590.033633333303</v>
      </c>
      <c r="BP78" s="53">
        <v>43925.874539999997</v>
      </c>
      <c r="BQ78" s="53">
        <v>48606.637770000001</v>
      </c>
      <c r="BR78" s="53">
        <v>43187.42138</v>
      </c>
      <c r="BS78" s="53">
        <v>44627.776426666598</v>
      </c>
      <c r="BT78" s="53">
        <v>43194.845446666601</v>
      </c>
      <c r="BU78" s="53">
        <v>44660.584646666597</v>
      </c>
      <c r="BV78" s="53">
        <v>44666.046913333303</v>
      </c>
      <c r="BW78" s="53">
        <v>43228.449926666603</v>
      </c>
      <c r="BX78" s="53">
        <v>44666.396959999998</v>
      </c>
      <c r="BY78" s="53">
        <v>43205.116046666597</v>
      </c>
      <c r="BZ78" s="53">
        <v>44635.673633333303</v>
      </c>
      <c r="CA78" s="53">
        <v>537194.85732333304</v>
      </c>
      <c r="CB78" s="53">
        <v>770852.59805555502</v>
      </c>
      <c r="CC78" s="53">
        <v>770852.59805555502</v>
      </c>
      <c r="CD78" s="53">
        <v>770852.59805555502</v>
      </c>
      <c r="CE78" s="53">
        <v>560852.59805555502</v>
      </c>
      <c r="CF78" s="53">
        <v>560852.59805555502</v>
      </c>
      <c r="CG78" s="53">
        <v>560852.59805555502</v>
      </c>
      <c r="CH78" s="53">
        <v>560852.59805555502</v>
      </c>
      <c r="CI78" s="53">
        <v>560852.59805555502</v>
      </c>
      <c r="CJ78" s="53">
        <v>560852.59805555502</v>
      </c>
      <c r="CK78" s="53">
        <v>560852.59805555502</v>
      </c>
      <c r="CL78" s="53">
        <v>560852.59805555502</v>
      </c>
      <c r="CM78" s="53">
        <v>770852.59805555502</v>
      </c>
      <c r="CN78" s="53">
        <v>7570231.1766666602</v>
      </c>
    </row>
    <row r="79" spans="1:92" outlineLevel="1">
      <c r="A79" s="52" t="s">
        <v>1239</v>
      </c>
      <c r="B79" s="53"/>
      <c r="C79" s="53"/>
      <c r="D79" s="53"/>
      <c r="E79" s="53"/>
      <c r="F79" s="53"/>
      <c r="G79" s="53"/>
      <c r="H79" s="53"/>
      <c r="I79" s="53"/>
      <c r="J79" s="53"/>
      <c r="K79" s="53"/>
      <c r="L79" s="53"/>
      <c r="M79" s="53"/>
      <c r="N79" s="53"/>
      <c r="O79" s="53"/>
      <c r="P79" s="53"/>
      <c r="Q79" s="53"/>
      <c r="R79" s="53"/>
      <c r="S79" s="53"/>
      <c r="T79" s="53"/>
      <c r="U79" s="53"/>
      <c r="V79" s="53"/>
      <c r="W79" s="53"/>
      <c r="X79" s="53"/>
      <c r="Y79" s="53"/>
      <c r="Z79" s="53"/>
      <c r="AA79" s="53"/>
      <c r="AB79" s="53"/>
      <c r="AC79" s="53"/>
      <c r="AD79" s="53"/>
      <c r="AE79" s="53"/>
      <c r="AF79" s="53"/>
      <c r="AG79" s="53"/>
      <c r="AH79" s="53"/>
      <c r="AI79" s="53"/>
      <c r="AJ79" s="53"/>
      <c r="AK79" s="53"/>
      <c r="AL79" s="53"/>
      <c r="AM79" s="53"/>
      <c r="AN79" s="53"/>
      <c r="AO79" s="53"/>
      <c r="AP79" s="53"/>
      <c r="AQ79" s="53"/>
      <c r="AR79" s="53"/>
      <c r="AS79" s="53"/>
      <c r="AT79" s="53"/>
      <c r="AU79" s="53"/>
      <c r="AV79" s="53"/>
      <c r="AW79" s="53"/>
      <c r="AX79" s="53"/>
      <c r="AY79" s="53"/>
      <c r="AZ79" s="53"/>
      <c r="BA79" s="53"/>
      <c r="BB79" s="53"/>
      <c r="BC79" s="53"/>
      <c r="BD79" s="53"/>
      <c r="BE79" s="53"/>
      <c r="BF79" s="53"/>
      <c r="BG79" s="53"/>
      <c r="BH79" s="53"/>
      <c r="BI79" s="53"/>
      <c r="BJ79" s="53"/>
      <c r="BK79" s="53"/>
      <c r="BL79" s="53"/>
      <c r="BM79" s="53"/>
      <c r="BN79" s="53"/>
      <c r="BO79" s="53"/>
      <c r="BP79" s="53"/>
      <c r="BQ79" s="53"/>
      <c r="BR79" s="53"/>
      <c r="BS79" s="53"/>
      <c r="BT79" s="53"/>
      <c r="BU79" s="53"/>
      <c r="BV79" s="53"/>
      <c r="BW79" s="53"/>
      <c r="BX79" s="53"/>
      <c r="BY79" s="53"/>
      <c r="BZ79" s="53"/>
      <c r="CA79" s="53"/>
      <c r="CB79" s="53">
        <v>42291.683333333298</v>
      </c>
      <c r="CC79" s="53">
        <v>42291.683333333298</v>
      </c>
      <c r="CD79" s="53">
        <v>39785.033333333296</v>
      </c>
      <c r="CE79" s="53">
        <v>39785.033333333296</v>
      </c>
      <c r="CF79" s="53">
        <v>39785.033333333296</v>
      </c>
      <c r="CG79" s="53">
        <v>44798.333333333299</v>
      </c>
      <c r="CH79" s="53">
        <v>39785.033333333296</v>
      </c>
      <c r="CI79" s="53">
        <v>39785.033333333296</v>
      </c>
      <c r="CJ79" s="53">
        <v>39785.033333333296</v>
      </c>
      <c r="CK79" s="53">
        <v>42291.683333333298</v>
      </c>
      <c r="CL79" s="53">
        <v>32262.5333333333</v>
      </c>
      <c r="CM79" s="53">
        <v>39785.033333333296</v>
      </c>
      <c r="CN79" s="53">
        <v>482431.15</v>
      </c>
    </row>
    <row r="80" spans="1:92" outlineLevel="1">
      <c r="A80" s="52" t="s">
        <v>1237</v>
      </c>
      <c r="B80" s="53">
        <v>7819358.3600000003</v>
      </c>
      <c r="C80" s="53">
        <v>7819358.3600000003</v>
      </c>
      <c r="D80" s="53">
        <v>7819358.3600000003</v>
      </c>
      <c r="E80" s="53">
        <v>7126358.3600000003</v>
      </c>
      <c r="F80" s="53">
        <v>7126358.3600000003</v>
      </c>
      <c r="G80" s="53">
        <v>7246358.3600000003</v>
      </c>
      <c r="H80" s="53">
        <v>7246358.3600000003</v>
      </c>
      <c r="I80" s="53">
        <v>7246358.3600000003</v>
      </c>
      <c r="J80" s="53">
        <v>7246358.3600000003</v>
      </c>
      <c r="K80" s="53">
        <v>7246358.3600000003</v>
      </c>
      <c r="L80" s="53">
        <v>7246358.3600000003</v>
      </c>
      <c r="M80" s="53">
        <v>7939358.3600000003</v>
      </c>
      <c r="N80" s="53">
        <v>89128300.319999993</v>
      </c>
      <c r="O80" s="53">
        <v>4111108.36</v>
      </c>
      <c r="P80" s="53">
        <v>4111108.36</v>
      </c>
      <c r="Q80" s="53">
        <v>4111108.36</v>
      </c>
      <c r="R80" s="53">
        <v>3517108.36</v>
      </c>
      <c r="S80" s="53">
        <v>3517108.36</v>
      </c>
      <c r="T80" s="53">
        <v>3565108.36</v>
      </c>
      <c r="U80" s="53">
        <v>3565108.36</v>
      </c>
      <c r="V80" s="53">
        <v>3565108.36</v>
      </c>
      <c r="W80" s="53">
        <v>3565108.36</v>
      </c>
      <c r="X80" s="53">
        <v>3565108.36</v>
      </c>
      <c r="Y80" s="53">
        <v>3565108.36</v>
      </c>
      <c r="Z80" s="53">
        <v>4159108.36</v>
      </c>
      <c r="AA80" s="53">
        <v>44917300.319999903</v>
      </c>
      <c r="AB80" s="53">
        <v>3185608.36</v>
      </c>
      <c r="AC80" s="53">
        <v>3185608.36</v>
      </c>
      <c r="AD80" s="53">
        <v>3185608.36</v>
      </c>
      <c r="AE80" s="53">
        <v>2987608.36</v>
      </c>
      <c r="AF80" s="53">
        <v>2987608.36</v>
      </c>
      <c r="AG80" s="53">
        <v>3037608.36</v>
      </c>
      <c r="AH80" s="53">
        <v>3037608.36</v>
      </c>
      <c r="AI80" s="53">
        <v>3037608.36</v>
      </c>
      <c r="AJ80" s="53">
        <v>3037608.36</v>
      </c>
      <c r="AK80" s="53">
        <v>3037608.36</v>
      </c>
      <c r="AL80" s="53">
        <v>3037608.36</v>
      </c>
      <c r="AM80" s="53">
        <v>3235608.36</v>
      </c>
      <c r="AN80" s="53">
        <v>36993300.319999903</v>
      </c>
      <c r="AO80" s="53">
        <v>727608.36</v>
      </c>
      <c r="AP80" s="53">
        <v>727608.36</v>
      </c>
      <c r="AQ80" s="53">
        <v>727608.36</v>
      </c>
      <c r="AR80" s="53">
        <v>523608.359999999</v>
      </c>
      <c r="AS80" s="53">
        <v>523608.359999999</v>
      </c>
      <c r="AT80" s="53">
        <v>523608.359999999</v>
      </c>
      <c r="AU80" s="53">
        <v>523608.359999999</v>
      </c>
      <c r="AV80" s="53">
        <v>523608.359999999</v>
      </c>
      <c r="AW80" s="53">
        <v>523608.359999999</v>
      </c>
      <c r="AX80" s="53">
        <v>523608.359999999</v>
      </c>
      <c r="AY80" s="53">
        <v>523608.359999999</v>
      </c>
      <c r="AZ80" s="53">
        <v>727608.36</v>
      </c>
      <c r="BA80" s="53">
        <v>7099300.3200000003</v>
      </c>
      <c r="BB80" s="53">
        <v>747608.36</v>
      </c>
      <c r="BC80" s="53">
        <v>747608.36</v>
      </c>
      <c r="BD80" s="53">
        <v>747608.36</v>
      </c>
      <c r="BE80" s="53">
        <v>537608.36</v>
      </c>
      <c r="BF80" s="53">
        <v>537608.36</v>
      </c>
      <c r="BG80" s="53">
        <v>537608.36</v>
      </c>
      <c r="BH80" s="53">
        <v>537608.36</v>
      </c>
      <c r="BI80" s="53">
        <v>537608.36</v>
      </c>
      <c r="BJ80" s="53">
        <v>537608.36</v>
      </c>
      <c r="BK80" s="53">
        <v>537608.36</v>
      </c>
      <c r="BL80" s="53">
        <v>537608.36</v>
      </c>
      <c r="BM80" s="53">
        <v>747608.36</v>
      </c>
      <c r="BN80" s="53">
        <v>7291300.3200000003</v>
      </c>
      <c r="BO80" s="53">
        <v>768608.36</v>
      </c>
      <c r="BP80" s="53">
        <v>768608.36</v>
      </c>
      <c r="BQ80" s="53">
        <v>768608.36</v>
      </c>
      <c r="BR80" s="53">
        <v>552108.36</v>
      </c>
      <c r="BS80" s="53">
        <v>552108.36</v>
      </c>
      <c r="BT80" s="53">
        <v>552108.36</v>
      </c>
      <c r="BU80" s="53">
        <v>552108.36</v>
      </c>
      <c r="BV80" s="53">
        <v>552108.36</v>
      </c>
      <c r="BW80" s="53">
        <v>552108.36</v>
      </c>
      <c r="BX80" s="53">
        <v>552108.36</v>
      </c>
      <c r="BY80" s="53">
        <v>552108.36</v>
      </c>
      <c r="BZ80" s="53">
        <v>552108.36</v>
      </c>
      <c r="CA80" s="53">
        <v>7274800.3200000003</v>
      </c>
      <c r="CB80" s="53"/>
      <c r="CC80" s="53"/>
      <c r="CD80" s="53"/>
      <c r="CE80" s="53"/>
      <c r="CF80" s="53"/>
      <c r="CG80" s="53"/>
      <c r="CH80" s="53"/>
      <c r="CI80" s="53"/>
      <c r="CJ80" s="53"/>
      <c r="CK80" s="53"/>
      <c r="CL80" s="53"/>
      <c r="CM80" s="53"/>
      <c r="CN80" s="53"/>
    </row>
    <row r="81" spans="1:92" outlineLevel="1">
      <c r="A81" s="52" t="s">
        <v>1240</v>
      </c>
      <c r="B81" s="53">
        <v>737083.35</v>
      </c>
      <c r="C81" s="53">
        <v>662833.35</v>
      </c>
      <c r="D81" s="53">
        <v>685076.7</v>
      </c>
      <c r="E81" s="53">
        <v>759326.7</v>
      </c>
      <c r="F81" s="53">
        <v>751076.7</v>
      </c>
      <c r="G81" s="53">
        <v>987090</v>
      </c>
      <c r="H81" s="53">
        <v>1048076.7</v>
      </c>
      <c r="I81" s="53">
        <v>990326.7</v>
      </c>
      <c r="J81" s="53">
        <v>990326.7</v>
      </c>
      <c r="K81" s="53">
        <v>943333.35</v>
      </c>
      <c r="L81" s="53">
        <v>842554.2</v>
      </c>
      <c r="M81" s="53">
        <v>833576.7</v>
      </c>
      <c r="N81" s="53">
        <v>10230681.15</v>
      </c>
      <c r="O81" s="53">
        <v>27583.35</v>
      </c>
      <c r="P81" s="53">
        <v>27583.35</v>
      </c>
      <c r="Q81" s="53">
        <v>25076.699999999899</v>
      </c>
      <c r="R81" s="53">
        <v>25076.699999999899</v>
      </c>
      <c r="S81" s="53">
        <v>25076.699999999899</v>
      </c>
      <c r="T81" s="53">
        <v>30090</v>
      </c>
      <c r="U81" s="53">
        <v>25076.699999999899</v>
      </c>
      <c r="V81" s="53">
        <v>25076.699999999899</v>
      </c>
      <c r="W81" s="53">
        <v>25076.699999999899</v>
      </c>
      <c r="X81" s="53">
        <v>27583.35</v>
      </c>
      <c r="Y81" s="53">
        <v>17554.199999999899</v>
      </c>
      <c r="Z81" s="53">
        <v>25076.699999999899</v>
      </c>
      <c r="AA81" s="53">
        <v>305931.14999999898</v>
      </c>
      <c r="AB81" s="53">
        <v>27583.35</v>
      </c>
      <c r="AC81" s="53">
        <v>27583.35</v>
      </c>
      <c r="AD81" s="53">
        <v>25076.699999999899</v>
      </c>
      <c r="AE81" s="53">
        <v>25076.699999999899</v>
      </c>
      <c r="AF81" s="53">
        <v>25076.699999999899</v>
      </c>
      <c r="AG81" s="53">
        <v>30090</v>
      </c>
      <c r="AH81" s="53">
        <v>25076.699999999899</v>
      </c>
      <c r="AI81" s="53">
        <v>25076.699999999899</v>
      </c>
      <c r="AJ81" s="53">
        <v>25076.699999999899</v>
      </c>
      <c r="AK81" s="53">
        <v>27583.35</v>
      </c>
      <c r="AL81" s="53">
        <v>17554.199999999899</v>
      </c>
      <c r="AM81" s="53">
        <v>25076.699999999899</v>
      </c>
      <c r="AN81" s="53">
        <v>305931.14999999898</v>
      </c>
      <c r="AO81" s="53">
        <v>27583.35</v>
      </c>
      <c r="AP81" s="53">
        <v>27583.35</v>
      </c>
      <c r="AQ81" s="53">
        <v>25076.699999999899</v>
      </c>
      <c r="AR81" s="53">
        <v>25076.699999999899</v>
      </c>
      <c r="AS81" s="53">
        <v>25076.699999999899</v>
      </c>
      <c r="AT81" s="53">
        <v>30090</v>
      </c>
      <c r="AU81" s="53">
        <v>25076.699999999899</v>
      </c>
      <c r="AV81" s="53">
        <v>25076.699999999899</v>
      </c>
      <c r="AW81" s="53">
        <v>25076.699999999899</v>
      </c>
      <c r="AX81" s="53">
        <v>27583.35</v>
      </c>
      <c r="AY81" s="53">
        <v>17554.199999999899</v>
      </c>
      <c r="AZ81" s="53">
        <v>25076.699999999899</v>
      </c>
      <c r="BA81" s="53">
        <v>305931.14999999898</v>
      </c>
      <c r="BB81" s="53">
        <v>27583.35</v>
      </c>
      <c r="BC81" s="53">
        <v>27583.35</v>
      </c>
      <c r="BD81" s="53">
        <v>25076.699999999899</v>
      </c>
      <c r="BE81" s="53">
        <v>25076.699999999899</v>
      </c>
      <c r="BF81" s="53">
        <v>25076.699999999899</v>
      </c>
      <c r="BG81" s="53">
        <v>30090</v>
      </c>
      <c r="BH81" s="53">
        <v>25076.699999999899</v>
      </c>
      <c r="BI81" s="53">
        <v>25076.699999999899</v>
      </c>
      <c r="BJ81" s="53">
        <v>25076.699999999899</v>
      </c>
      <c r="BK81" s="53">
        <v>27583.35</v>
      </c>
      <c r="BL81" s="53">
        <v>17554.199999999899</v>
      </c>
      <c r="BM81" s="53">
        <v>25076.699999999899</v>
      </c>
      <c r="BN81" s="53">
        <v>305931.14999999898</v>
      </c>
      <c r="BO81" s="53">
        <v>27583.35</v>
      </c>
      <c r="BP81" s="53">
        <v>27583.35</v>
      </c>
      <c r="BQ81" s="53">
        <v>25076.699999999899</v>
      </c>
      <c r="BR81" s="53">
        <v>25076.699999999899</v>
      </c>
      <c r="BS81" s="53">
        <v>25076.699999999899</v>
      </c>
      <c r="BT81" s="53">
        <v>30090</v>
      </c>
      <c r="BU81" s="53">
        <v>25076.699999999899</v>
      </c>
      <c r="BV81" s="53">
        <v>25076.699999999899</v>
      </c>
      <c r="BW81" s="53">
        <v>25076.699999999899</v>
      </c>
      <c r="BX81" s="53">
        <v>27583.35</v>
      </c>
      <c r="BY81" s="53">
        <v>17554.199999999899</v>
      </c>
      <c r="BZ81" s="53">
        <v>25076.699999999899</v>
      </c>
      <c r="CA81" s="53">
        <v>305931.14999999898</v>
      </c>
      <c r="CB81" s="53">
        <v>982890.61780731997</v>
      </c>
      <c r="CC81" s="53">
        <v>903189.76795237104</v>
      </c>
      <c r="CD81" s="53">
        <v>1026025.89011202</v>
      </c>
      <c r="CE81" s="53">
        <v>1087003.14428808</v>
      </c>
      <c r="CF81" s="53">
        <v>1250090.9124895099</v>
      </c>
      <c r="CG81" s="53">
        <v>1304779.83067694</v>
      </c>
      <c r="CH81" s="53">
        <v>1376264.33078181</v>
      </c>
      <c r="CI81" s="53">
        <v>1378815.3928620699</v>
      </c>
      <c r="CJ81" s="53">
        <v>1301513.2795216299</v>
      </c>
      <c r="CK81" s="53">
        <v>1202219.52143859</v>
      </c>
      <c r="CL81" s="53">
        <v>1010153.1734196401</v>
      </c>
      <c r="CM81" s="53">
        <v>998070.84101133398</v>
      </c>
      <c r="CN81" s="53">
        <v>13821016.702361301</v>
      </c>
    </row>
    <row r="82" spans="1:92" outlineLevel="1">
      <c r="A82" s="52" t="s">
        <v>1241</v>
      </c>
      <c r="B82" s="53"/>
      <c r="C82" s="53"/>
      <c r="D82" s="53"/>
      <c r="E82" s="53"/>
      <c r="F82" s="53"/>
      <c r="G82" s="53"/>
      <c r="H82" s="53"/>
      <c r="I82" s="53"/>
      <c r="J82" s="53"/>
      <c r="K82" s="53"/>
      <c r="L82" s="53"/>
      <c r="M82" s="53"/>
      <c r="N82" s="53"/>
      <c r="O82" s="53"/>
      <c r="P82" s="53"/>
      <c r="Q82" s="53"/>
      <c r="R82" s="53"/>
      <c r="S82" s="53"/>
      <c r="T82" s="53"/>
      <c r="U82" s="53"/>
      <c r="V82" s="53"/>
      <c r="W82" s="53"/>
      <c r="X82" s="53"/>
      <c r="Y82" s="53"/>
      <c r="Z82" s="53"/>
      <c r="AA82" s="53"/>
      <c r="AB82" s="53"/>
      <c r="AC82" s="53"/>
      <c r="AD82" s="53"/>
      <c r="AE82" s="53"/>
      <c r="AF82" s="53"/>
      <c r="AG82" s="53"/>
      <c r="AH82" s="53"/>
      <c r="AI82" s="53"/>
      <c r="AJ82" s="53"/>
      <c r="AK82" s="53"/>
      <c r="AL82" s="53"/>
      <c r="AM82" s="53"/>
      <c r="AN82" s="53"/>
      <c r="AO82" s="53"/>
      <c r="AP82" s="53"/>
      <c r="AQ82" s="53"/>
      <c r="AR82" s="53"/>
      <c r="AS82" s="53"/>
      <c r="AT82" s="53"/>
      <c r="AU82" s="53"/>
      <c r="AV82" s="53"/>
      <c r="AW82" s="53"/>
      <c r="AX82" s="53"/>
      <c r="AY82" s="53"/>
      <c r="AZ82" s="53"/>
      <c r="BA82" s="53"/>
      <c r="BB82" s="53"/>
      <c r="BC82" s="53"/>
      <c r="BD82" s="53"/>
      <c r="BE82" s="53"/>
      <c r="BF82" s="53"/>
      <c r="BG82" s="53"/>
      <c r="BH82" s="53"/>
      <c r="BI82" s="53"/>
      <c r="BJ82" s="53"/>
      <c r="BK82" s="53"/>
      <c r="BL82" s="53"/>
      <c r="BM82" s="53"/>
      <c r="BN82" s="53"/>
      <c r="BO82" s="53"/>
      <c r="BP82" s="53"/>
      <c r="BQ82" s="53"/>
      <c r="BR82" s="53"/>
      <c r="BS82" s="53"/>
      <c r="BT82" s="53"/>
      <c r="BU82" s="53"/>
      <c r="BV82" s="53"/>
      <c r="BW82" s="53"/>
      <c r="BX82" s="53"/>
      <c r="BY82" s="53"/>
      <c r="BZ82" s="53"/>
      <c r="CA82" s="53"/>
      <c r="CB82" s="53">
        <v>329125.53873148101</v>
      </c>
      <c r="CC82" s="53">
        <v>335445.08085522801</v>
      </c>
      <c r="CD82" s="53">
        <v>358036.23444055498</v>
      </c>
      <c r="CE82" s="53">
        <v>354757.030219757</v>
      </c>
      <c r="CF82" s="53">
        <v>364352.69779009698</v>
      </c>
      <c r="CG82" s="53">
        <v>371515.41141280503</v>
      </c>
      <c r="CH82" s="53">
        <v>367879.12125121203</v>
      </c>
      <c r="CI82" s="53">
        <v>375512.95421963901</v>
      </c>
      <c r="CJ82" s="53">
        <v>365241.77031699498</v>
      </c>
      <c r="CK82" s="53">
        <v>357475.21890978498</v>
      </c>
      <c r="CL82" s="53">
        <v>352981.44702563202</v>
      </c>
      <c r="CM82" s="53">
        <v>340382.13706166903</v>
      </c>
      <c r="CN82" s="53">
        <v>4272704.64223486</v>
      </c>
    </row>
    <row r="83" spans="1:92" outlineLevel="1">
      <c r="A83" s="52" t="s">
        <v>780</v>
      </c>
      <c r="B83" s="53">
        <v>8499866.9882796891</v>
      </c>
      <c r="C83" s="53">
        <v>7707723.2453585602</v>
      </c>
      <c r="D83" s="53">
        <v>9068908.4072299004</v>
      </c>
      <c r="E83" s="53">
        <v>9678942.8805502206</v>
      </c>
      <c r="F83" s="53">
        <v>10503531.205987001</v>
      </c>
      <c r="G83" s="53">
        <v>11152976.4639298</v>
      </c>
      <c r="H83" s="53">
        <v>11633696.064086899</v>
      </c>
      <c r="I83" s="53">
        <v>11757187.600413101</v>
      </c>
      <c r="J83" s="53">
        <v>11123925.247803001</v>
      </c>
      <c r="K83" s="53">
        <v>9998276.4327296</v>
      </c>
      <c r="L83" s="53">
        <v>8724715.5645796694</v>
      </c>
      <c r="M83" s="53">
        <v>8876370.4738698006</v>
      </c>
      <c r="N83" s="53">
        <v>118726120.574817</v>
      </c>
      <c r="O83" s="53">
        <v>12750878.592865899</v>
      </c>
      <c r="P83" s="53">
        <v>8137487.00657418</v>
      </c>
      <c r="Q83" s="53">
        <v>9012100.0382941402</v>
      </c>
      <c r="R83" s="53">
        <v>9958754.6199181899</v>
      </c>
      <c r="S83" s="53">
        <v>11077442.4959276</v>
      </c>
      <c r="T83" s="53">
        <v>11536139.9375732</v>
      </c>
      <c r="U83" s="53">
        <v>11884664.167230001</v>
      </c>
      <c r="V83" s="53">
        <v>15038905.889511401</v>
      </c>
      <c r="W83" s="53">
        <v>11280444.9260248</v>
      </c>
      <c r="X83" s="53">
        <v>10493802.996429101</v>
      </c>
      <c r="Y83" s="53">
        <v>8708445.8053802494</v>
      </c>
      <c r="Z83" s="53">
        <v>8646055.8352993503</v>
      </c>
      <c r="AA83" s="53">
        <v>128525122.311028</v>
      </c>
      <c r="AB83" s="53">
        <v>9537167.4697818309</v>
      </c>
      <c r="AC83" s="53">
        <v>6070710.8215751601</v>
      </c>
      <c r="AD83" s="53">
        <v>6589432.59515939</v>
      </c>
      <c r="AE83" s="53">
        <v>7341197.9162341002</v>
      </c>
      <c r="AF83" s="53">
        <v>8250664.9160381798</v>
      </c>
      <c r="AG83" s="53">
        <v>8598599.3858520109</v>
      </c>
      <c r="AH83" s="53">
        <v>8812751.0388922598</v>
      </c>
      <c r="AI83" s="53">
        <v>11220848.7543745</v>
      </c>
      <c r="AJ83" s="53">
        <v>8408411.2264985908</v>
      </c>
      <c r="AK83" s="53">
        <v>7774431.0361056495</v>
      </c>
      <c r="AL83" s="53">
        <v>6383420.9728642097</v>
      </c>
      <c r="AM83" s="53">
        <v>6326108.4903511396</v>
      </c>
      <c r="AN83" s="53">
        <v>95313744.623727098</v>
      </c>
      <c r="AO83" s="53">
        <v>4070734.1334211398</v>
      </c>
      <c r="AP83" s="53">
        <v>2494866.1836953298</v>
      </c>
      <c r="AQ83" s="53">
        <v>2849332.92087432</v>
      </c>
      <c r="AR83" s="53">
        <v>3162008.92205877</v>
      </c>
      <c r="AS83" s="53">
        <v>3567588.9075255101</v>
      </c>
      <c r="AT83" s="53">
        <v>3706809.8869021898</v>
      </c>
      <c r="AU83" s="53">
        <v>3838045.58952682</v>
      </c>
      <c r="AV83" s="53">
        <v>4841052.10329556</v>
      </c>
      <c r="AW83" s="53">
        <v>3665076.0995859499</v>
      </c>
      <c r="AX83" s="53">
        <v>3314022.2885029698</v>
      </c>
      <c r="AY83" s="53">
        <v>2753972.7346345801</v>
      </c>
      <c r="AZ83" s="53">
        <v>2724600.83925121</v>
      </c>
      <c r="BA83" s="53">
        <v>40988110.609274402</v>
      </c>
      <c r="BB83" s="53">
        <v>1434073.3791890801</v>
      </c>
      <c r="BC83" s="53">
        <v>893792.57633799396</v>
      </c>
      <c r="BD83" s="53">
        <v>1007566.26283278</v>
      </c>
      <c r="BE83" s="53">
        <v>1118876.25353429</v>
      </c>
      <c r="BF83" s="53">
        <v>1258555.1772898701</v>
      </c>
      <c r="BG83" s="53">
        <v>1320343.44880503</v>
      </c>
      <c r="BH83" s="53">
        <v>1361885.8266743</v>
      </c>
      <c r="BI83" s="53">
        <v>1714075.83447683</v>
      </c>
      <c r="BJ83" s="53">
        <v>1300129.3014352601</v>
      </c>
      <c r="BK83" s="53">
        <v>1188622.9781327001</v>
      </c>
      <c r="BL83" s="53">
        <v>969772.06916228903</v>
      </c>
      <c r="BM83" s="53">
        <v>965993.99835209304</v>
      </c>
      <c r="BN83" s="53">
        <v>14533687.106222499</v>
      </c>
      <c r="BO83" s="53">
        <v>671890.729643845</v>
      </c>
      <c r="BP83" s="53">
        <v>419117.807916302</v>
      </c>
      <c r="BQ83" s="53">
        <v>471023.68373440998</v>
      </c>
      <c r="BR83" s="53">
        <v>522508.412795379</v>
      </c>
      <c r="BS83" s="53">
        <v>592784.40830163599</v>
      </c>
      <c r="BT83" s="53">
        <v>623517.43239772797</v>
      </c>
      <c r="BU83" s="53">
        <v>642827.56476915302</v>
      </c>
      <c r="BV83" s="53">
        <v>806888.66910537297</v>
      </c>
      <c r="BW83" s="53">
        <v>613864.06254983402</v>
      </c>
      <c r="BX83" s="53">
        <v>560602.82966537401</v>
      </c>
      <c r="BY83" s="53">
        <v>458086.63637888402</v>
      </c>
      <c r="BZ83" s="53">
        <v>457960.21427526698</v>
      </c>
      <c r="CA83" s="53">
        <v>6841072.45153319</v>
      </c>
      <c r="CB83" s="53">
        <v>2103.5286968594901</v>
      </c>
      <c r="CC83" s="53">
        <v>2102.7930149733002</v>
      </c>
      <c r="CD83" s="53">
        <v>2102.0596723021299</v>
      </c>
      <c r="CE83" s="53">
        <v>2101.3286540173499</v>
      </c>
      <c r="CF83" s="53">
        <v>2100.5999454308399</v>
      </c>
      <c r="CG83" s="53">
        <v>2099.8735319932798</v>
      </c>
      <c r="CH83" s="53">
        <v>2099.1493992924002</v>
      </c>
      <c r="CI83" s="53">
        <v>2098.4275330512501</v>
      </c>
      <c r="CJ83" s="53">
        <v>2097.7079191265402</v>
      </c>
      <c r="CK83" s="53">
        <v>2096.9905435069099</v>
      </c>
      <c r="CL83" s="53">
        <v>2096.2753923113701</v>
      </c>
      <c r="CM83" s="53">
        <v>2095.5624517876699</v>
      </c>
      <c r="CN83" s="53">
        <v>25194.2967546525</v>
      </c>
    </row>
    <row r="84" spans="1:92" outlineLevel="1">
      <c r="A84" s="52" t="s">
        <v>781</v>
      </c>
      <c r="B84" s="53">
        <v>2765291.8212414901</v>
      </c>
      <c r="C84" s="53">
        <v>2811204.9477438</v>
      </c>
      <c r="D84" s="53">
        <v>2983932.2996969698</v>
      </c>
      <c r="E84" s="53">
        <v>3069466.2036232301</v>
      </c>
      <c r="F84" s="53">
        <v>3100520.4701357</v>
      </c>
      <c r="G84" s="53">
        <v>3206168.6200406998</v>
      </c>
      <c r="H84" s="53">
        <v>3111316.3611510401</v>
      </c>
      <c r="I84" s="53">
        <v>2982348.86740583</v>
      </c>
      <c r="J84" s="53">
        <v>3099352.1883883299</v>
      </c>
      <c r="K84" s="53">
        <v>2994015.0327380998</v>
      </c>
      <c r="L84" s="53">
        <v>3010664.2221141201</v>
      </c>
      <c r="M84" s="53">
        <v>2867747.5881998902</v>
      </c>
      <c r="N84" s="53">
        <v>36002028.6224792</v>
      </c>
      <c r="O84" s="53">
        <v>2338912.8668769398</v>
      </c>
      <c r="P84" s="53">
        <v>2579472.5621086298</v>
      </c>
      <c r="Q84" s="53">
        <v>2958292.9820308201</v>
      </c>
      <c r="R84" s="53">
        <v>3718341.3291522199</v>
      </c>
      <c r="S84" s="53">
        <v>4179536.0546719902</v>
      </c>
      <c r="T84" s="53">
        <v>3242281.1585826799</v>
      </c>
      <c r="U84" s="53">
        <v>3138127.2021142701</v>
      </c>
      <c r="V84" s="53">
        <v>3105819.5395731302</v>
      </c>
      <c r="W84" s="53">
        <v>3028890.3091358398</v>
      </c>
      <c r="X84" s="53">
        <v>2711375.0677694799</v>
      </c>
      <c r="Y84" s="53">
        <v>2273687.62406789</v>
      </c>
      <c r="Z84" s="53">
        <v>2519665.3206971399</v>
      </c>
      <c r="AA84" s="53">
        <v>35794402.016781002</v>
      </c>
      <c r="AB84" s="53">
        <v>1723929.86083943</v>
      </c>
      <c r="AC84" s="53">
        <v>1928138.7596985099</v>
      </c>
      <c r="AD84" s="53">
        <v>2186671.7278799899</v>
      </c>
      <c r="AE84" s="53">
        <v>2751671.18697719</v>
      </c>
      <c r="AF84" s="53">
        <v>3094492.5341046602</v>
      </c>
      <c r="AG84" s="53">
        <v>2400280.9459891501</v>
      </c>
      <c r="AH84" s="53">
        <v>2323851.6569812698</v>
      </c>
      <c r="AI84" s="53">
        <v>2298796.0407759999</v>
      </c>
      <c r="AJ84" s="53">
        <v>2243567.7007030998</v>
      </c>
      <c r="AK84" s="53">
        <v>2009614.22379621</v>
      </c>
      <c r="AL84" s="53">
        <v>1685218.84772679</v>
      </c>
      <c r="AM84" s="53">
        <v>1869121.1059614599</v>
      </c>
      <c r="AN84" s="53">
        <v>26515354.591433801</v>
      </c>
      <c r="AO84" s="53">
        <v>743255.53459041705</v>
      </c>
      <c r="AP84" s="53">
        <v>820449.87771843595</v>
      </c>
      <c r="AQ84" s="53">
        <v>940939.82907905302</v>
      </c>
      <c r="AR84" s="53">
        <v>1182735.1426418</v>
      </c>
      <c r="AS84" s="53">
        <v>1329468.3628366301</v>
      </c>
      <c r="AT84" s="53">
        <v>1031996.39550617</v>
      </c>
      <c r="AU84" s="53">
        <v>999196.85887072096</v>
      </c>
      <c r="AV84" s="53">
        <v>988379.23892096896</v>
      </c>
      <c r="AW84" s="53">
        <v>964545.22694070404</v>
      </c>
      <c r="AX84" s="53">
        <v>864137.43488796102</v>
      </c>
      <c r="AY84" s="53">
        <v>724989.48502139596</v>
      </c>
      <c r="AZ84" s="53">
        <v>803759.44239073002</v>
      </c>
      <c r="BA84" s="53">
        <v>11393852.829405</v>
      </c>
      <c r="BB84" s="53">
        <v>262293.36025462497</v>
      </c>
      <c r="BC84" s="53">
        <v>289442.13730398502</v>
      </c>
      <c r="BD84" s="53">
        <v>331845.32396860601</v>
      </c>
      <c r="BE84" s="53">
        <v>416821.214733692</v>
      </c>
      <c r="BF84" s="53">
        <v>468400.898866984</v>
      </c>
      <c r="BG84" s="53">
        <v>363877.62851325801</v>
      </c>
      <c r="BH84" s="53">
        <v>352385.82449658599</v>
      </c>
      <c r="BI84" s="53">
        <v>348617.17198826198</v>
      </c>
      <c r="BJ84" s="53">
        <v>340245.78935660998</v>
      </c>
      <c r="BK84" s="53">
        <v>304967.17012562102</v>
      </c>
      <c r="BL84" s="53">
        <v>256064.21537544299</v>
      </c>
      <c r="BM84" s="53">
        <v>283791.63609479298</v>
      </c>
      <c r="BN84" s="53">
        <v>4018752.3710784698</v>
      </c>
      <c r="BO84" s="53">
        <v>123449.78835485999</v>
      </c>
      <c r="BP84" s="53">
        <v>136175.360801287</v>
      </c>
      <c r="BQ84" s="53">
        <v>156077.975666585</v>
      </c>
      <c r="BR84" s="53">
        <v>195898.522990664</v>
      </c>
      <c r="BS84" s="53">
        <v>220100.51167525901</v>
      </c>
      <c r="BT84" s="53">
        <v>171209.78084122899</v>
      </c>
      <c r="BU84" s="53">
        <v>165869.79364217</v>
      </c>
      <c r="BV84" s="53">
        <v>164132.934693933</v>
      </c>
      <c r="BW84" s="53">
        <v>160226.58886647</v>
      </c>
      <c r="BX84" s="53">
        <v>143729.580002306</v>
      </c>
      <c r="BY84" s="53">
        <v>120843.05636025401</v>
      </c>
      <c r="BZ84" s="53">
        <v>133838.458860157</v>
      </c>
      <c r="CA84" s="53">
        <v>1891552.3527551801</v>
      </c>
      <c r="CB84" s="53">
        <v>288548.96546152502</v>
      </c>
      <c r="CC84" s="53">
        <v>286681.67712398898</v>
      </c>
      <c r="CD84" s="53">
        <v>296179.38778249198</v>
      </c>
      <c r="CE84" s="53">
        <v>314405.29076600203</v>
      </c>
      <c r="CF84" s="53">
        <v>345063.528404137</v>
      </c>
      <c r="CG84" s="53">
        <v>350086.41157760698</v>
      </c>
      <c r="CH84" s="53">
        <v>354301.620122083</v>
      </c>
      <c r="CI84" s="53">
        <v>319624.58480409899</v>
      </c>
      <c r="CJ84" s="53">
        <v>360114.32943743002</v>
      </c>
      <c r="CK84" s="53">
        <v>333053.55778646201</v>
      </c>
      <c r="CL84" s="53">
        <v>297184.00432870898</v>
      </c>
      <c r="CM84" s="53">
        <v>290180.74995236198</v>
      </c>
      <c r="CN84" s="53">
        <v>3835424.1075468999</v>
      </c>
    </row>
    <row r="85" spans="1:92" outlineLevel="1">
      <c r="A85" s="52" t="s">
        <v>782</v>
      </c>
      <c r="B85" s="53">
        <v>18436.003694606399</v>
      </c>
      <c r="C85" s="53">
        <v>18432.926134015401</v>
      </c>
      <c r="D85" s="53">
        <v>18428.0117555541</v>
      </c>
      <c r="E85" s="53">
        <v>18422.051250081899</v>
      </c>
      <c r="F85" s="53">
        <v>18415.4998853793</v>
      </c>
      <c r="G85" s="53">
        <v>18408.619761851602</v>
      </c>
      <c r="H85" s="53">
        <v>18401.561736847201</v>
      </c>
      <c r="I85" s="53">
        <v>18394.412604418299</v>
      </c>
      <c r="J85" s="53">
        <v>18387.222265868299</v>
      </c>
      <c r="K85" s="53">
        <v>18380.0193770976</v>
      </c>
      <c r="L85" s="53">
        <v>18372.8203598045</v>
      </c>
      <c r="M85" s="53">
        <v>18365.634590967002</v>
      </c>
      <c r="N85" s="53">
        <v>220844.78341649199</v>
      </c>
      <c r="O85" s="53">
        <v>28346.662758662798</v>
      </c>
      <c r="P85" s="53">
        <v>28153.897568024098</v>
      </c>
      <c r="Q85" s="53">
        <v>27976.185389463499</v>
      </c>
      <c r="R85" s="53">
        <v>27812.5515675225</v>
      </c>
      <c r="S85" s="53">
        <v>27662.1297417938</v>
      </c>
      <c r="T85" s="53">
        <v>27523.728666717299</v>
      </c>
      <c r="U85" s="53">
        <v>27396.806867038398</v>
      </c>
      <c r="V85" s="53">
        <v>27280.389687298801</v>
      </c>
      <c r="W85" s="53">
        <v>27173.827357193</v>
      </c>
      <c r="X85" s="53">
        <v>27076.4701064154</v>
      </c>
      <c r="Y85" s="53">
        <v>26987.559869609599</v>
      </c>
      <c r="Z85" s="53">
        <v>26906.555171520999</v>
      </c>
      <c r="AA85" s="53">
        <v>330296.76475125999</v>
      </c>
      <c r="AB85" s="53">
        <v>19747.628193240998</v>
      </c>
      <c r="AC85" s="53">
        <v>19698.533289105701</v>
      </c>
      <c r="AD85" s="53">
        <v>19654.140656632699</v>
      </c>
      <c r="AE85" s="53">
        <v>19614.051798223401</v>
      </c>
      <c r="AF85" s="53">
        <v>19578.107314838599</v>
      </c>
      <c r="AG85" s="53">
        <v>19545.908708879801</v>
      </c>
      <c r="AH85" s="53">
        <v>19517.216881787699</v>
      </c>
      <c r="AI85" s="53">
        <v>19491.792735003299</v>
      </c>
      <c r="AJ85" s="53">
        <v>19469.476869487298</v>
      </c>
      <c r="AK85" s="53">
        <v>19449.950487160699</v>
      </c>
      <c r="AL85" s="53">
        <v>19433.054188984301</v>
      </c>
      <c r="AM85" s="53">
        <v>19418.628575918501</v>
      </c>
      <c r="AN85" s="53">
        <v>234618.48969926301</v>
      </c>
      <c r="AO85" s="53">
        <v>8313.3803482007806</v>
      </c>
      <c r="AP85" s="53">
        <v>8309.0784696247392</v>
      </c>
      <c r="AQ85" s="53">
        <v>8305.6301383852096</v>
      </c>
      <c r="AR85" s="53">
        <v>8302.9329288018198</v>
      </c>
      <c r="AS85" s="53">
        <v>8300.9868408745697</v>
      </c>
      <c r="AT85" s="53">
        <v>8299.6894489230599</v>
      </c>
      <c r="AU85" s="53">
        <v>8299.0407529473105</v>
      </c>
      <c r="AV85" s="53">
        <v>8298.9724691603897</v>
      </c>
      <c r="AW85" s="53">
        <v>8299.4504556688407</v>
      </c>
      <c r="AX85" s="53">
        <v>8300.4405705791996</v>
      </c>
      <c r="AY85" s="53">
        <v>8301.8745301045492</v>
      </c>
      <c r="AZ85" s="53">
        <v>8303.7523342448803</v>
      </c>
      <c r="BA85" s="53">
        <v>99635.229287515394</v>
      </c>
      <c r="BB85" s="53">
        <v>2918.8337314681298</v>
      </c>
      <c r="BC85" s="53">
        <v>2919.7695627368498</v>
      </c>
      <c r="BD85" s="53">
        <v>2920.8133745365799</v>
      </c>
      <c r="BE85" s="53">
        <v>2921.9771647040898</v>
      </c>
      <c r="BF85" s="53">
        <v>2923.2489354026102</v>
      </c>
      <c r="BG85" s="53">
        <v>2924.61668879535</v>
      </c>
      <c r="BH85" s="53">
        <v>2926.0684270455499</v>
      </c>
      <c r="BI85" s="53">
        <v>2927.6041501531899</v>
      </c>
      <c r="BJ85" s="53">
        <v>2929.2238581182901</v>
      </c>
      <c r="BK85" s="53">
        <v>2930.9035552672799</v>
      </c>
      <c r="BL85" s="53">
        <v>2932.6552394369301</v>
      </c>
      <c r="BM85" s="53">
        <v>2934.4669127904799</v>
      </c>
      <c r="BN85" s="53">
        <v>35110.181600455297</v>
      </c>
      <c r="BO85" s="53">
        <v>1374.69644089142</v>
      </c>
      <c r="BP85" s="53">
        <v>1375.5951629147401</v>
      </c>
      <c r="BQ85" s="53">
        <v>1376.510735976</v>
      </c>
      <c r="BR85" s="53">
        <v>1377.4543941004799</v>
      </c>
      <c r="BS85" s="53">
        <v>1378.40928625025</v>
      </c>
      <c r="BT85" s="53">
        <v>1379.38664645061</v>
      </c>
      <c r="BU85" s="53">
        <v>1380.3752406762601</v>
      </c>
      <c r="BV85" s="53">
        <v>1381.3806859398501</v>
      </c>
      <c r="BW85" s="53">
        <v>1382.39736522872</v>
      </c>
      <c r="BX85" s="53">
        <v>1383.43089555554</v>
      </c>
      <c r="BY85" s="53">
        <v>1384.470042895</v>
      </c>
      <c r="BZ85" s="53">
        <v>1385.5204242597499</v>
      </c>
      <c r="CA85" s="53">
        <v>16559.6273211386</v>
      </c>
      <c r="CB85" s="53">
        <v>1967217.15784434</v>
      </c>
      <c r="CC85" s="53">
        <v>1608386.2076145301</v>
      </c>
      <c r="CD85" s="53">
        <v>1662474.6567446601</v>
      </c>
      <c r="CE85" s="53">
        <v>1714201.9497177301</v>
      </c>
      <c r="CF85" s="53">
        <v>2268943.4818608998</v>
      </c>
      <c r="CG85" s="53">
        <v>2617636.4447136102</v>
      </c>
      <c r="CH85" s="53">
        <v>2836763.9256125502</v>
      </c>
      <c r="CI85" s="53">
        <v>2843923.4666057499</v>
      </c>
      <c r="CJ85" s="53">
        <v>2572887.1230964698</v>
      </c>
      <c r="CK85" s="53">
        <v>2098479.29797517</v>
      </c>
      <c r="CL85" s="53">
        <v>1633385.0203865201</v>
      </c>
      <c r="CM85" s="53">
        <v>1876296.6947107301</v>
      </c>
      <c r="CN85" s="53">
        <v>25700595.426883001</v>
      </c>
    </row>
    <row r="86" spans="1:92" outlineLevel="1">
      <c r="A86" s="52" t="s">
        <v>783</v>
      </c>
      <c r="B86" s="53">
        <v>2469571.6589054</v>
      </c>
      <c r="C86" s="53">
        <v>2450321.6364451498</v>
      </c>
      <c r="D86" s="53">
        <v>2528905.9755147202</v>
      </c>
      <c r="E86" s="53">
        <v>2685860.9852694101</v>
      </c>
      <c r="F86" s="53">
        <v>2951866.8556601899</v>
      </c>
      <c r="G86" s="53">
        <v>2996033.5575824599</v>
      </c>
      <c r="H86" s="53">
        <v>2828639.2547917101</v>
      </c>
      <c r="I86" s="53">
        <v>2938102.3988088402</v>
      </c>
      <c r="J86" s="53">
        <v>3081517.6208808501</v>
      </c>
      <c r="K86" s="53">
        <v>2845152.7063988401</v>
      </c>
      <c r="L86" s="53">
        <v>2534329.6054760301</v>
      </c>
      <c r="M86" s="53">
        <v>2477415.48715265</v>
      </c>
      <c r="N86" s="53">
        <v>32787717.742886301</v>
      </c>
      <c r="O86" s="53">
        <v>2820616.94232025</v>
      </c>
      <c r="P86" s="53">
        <v>2486762.9017363498</v>
      </c>
      <c r="Q86" s="53">
        <v>2582634.3444153098</v>
      </c>
      <c r="R86" s="53">
        <v>2790841.7595448899</v>
      </c>
      <c r="S86" s="53">
        <v>3060143.3944711098</v>
      </c>
      <c r="T86" s="53">
        <v>3069449.72967197</v>
      </c>
      <c r="U86" s="53">
        <v>3154266.5218480099</v>
      </c>
      <c r="V86" s="53">
        <v>3019526.9024431501</v>
      </c>
      <c r="W86" s="53">
        <v>3190443.7831486398</v>
      </c>
      <c r="X86" s="53">
        <v>2950598.8352530198</v>
      </c>
      <c r="Y86" s="53">
        <v>2588414.15957799</v>
      </c>
      <c r="Z86" s="53">
        <v>2501998.6075652102</v>
      </c>
      <c r="AA86" s="53">
        <v>34215697.881995901</v>
      </c>
      <c r="AB86" s="53">
        <v>2071462.32627589</v>
      </c>
      <c r="AC86" s="53">
        <v>1828449.80346228</v>
      </c>
      <c r="AD86" s="53">
        <v>1897378.33157262</v>
      </c>
      <c r="AE86" s="53">
        <v>2050656.6072591101</v>
      </c>
      <c r="AF86" s="53">
        <v>2248639.53903826</v>
      </c>
      <c r="AG86" s="53">
        <v>2255226.54494244</v>
      </c>
      <c r="AH86" s="53">
        <v>2317455.5314267701</v>
      </c>
      <c r="AI86" s="53">
        <v>2217837.9859602</v>
      </c>
      <c r="AJ86" s="53">
        <v>2343998.2609701399</v>
      </c>
      <c r="AK86" s="53">
        <v>2167657.1758689499</v>
      </c>
      <c r="AL86" s="53">
        <v>1900996.45066845</v>
      </c>
      <c r="AM86" s="53">
        <v>1836673.0405059101</v>
      </c>
      <c r="AN86" s="53">
        <v>25136431.597950999</v>
      </c>
      <c r="AO86" s="53">
        <v>884572.86036747205</v>
      </c>
      <c r="AP86" s="53">
        <v>779885.41611133004</v>
      </c>
      <c r="AQ86" s="53">
        <v>810732.99241385504</v>
      </c>
      <c r="AR86" s="53">
        <v>876442.34400064696</v>
      </c>
      <c r="AS86" s="53">
        <v>961131.99356765603</v>
      </c>
      <c r="AT86" s="53">
        <v>963796.700068473</v>
      </c>
      <c r="AU86" s="53">
        <v>990347.51907897496</v>
      </c>
      <c r="AV86" s="53">
        <v>947397.93893660198</v>
      </c>
      <c r="AW86" s="53">
        <v>1001721.78845971</v>
      </c>
      <c r="AX86" s="53">
        <v>926322.48952227796</v>
      </c>
      <c r="AY86" s="53">
        <v>812029.155257195</v>
      </c>
      <c r="AZ86" s="53">
        <v>783986.09650920797</v>
      </c>
      <c r="BA86" s="53">
        <v>10738367.2942934</v>
      </c>
      <c r="BB86" s="53">
        <v>310159.18600016</v>
      </c>
      <c r="BC86" s="53">
        <v>273450.832551628</v>
      </c>
      <c r="BD86" s="53">
        <v>284381.713703232</v>
      </c>
      <c r="BE86" s="53">
        <v>307484.85618440103</v>
      </c>
      <c r="BF86" s="53">
        <v>337216.34756788099</v>
      </c>
      <c r="BG86" s="53">
        <v>338112.68195792701</v>
      </c>
      <c r="BH86" s="53">
        <v>347413.44102211401</v>
      </c>
      <c r="BI86" s="53">
        <v>332251.90666135598</v>
      </c>
      <c r="BJ86" s="53">
        <v>351407.36491379101</v>
      </c>
      <c r="BK86" s="53">
        <v>324945.57200052898</v>
      </c>
      <c r="BL86" s="53">
        <v>284767.56413402798</v>
      </c>
      <c r="BM86" s="53">
        <v>274795.646080454</v>
      </c>
      <c r="BN86" s="53">
        <v>3766387.1127774999</v>
      </c>
      <c r="BO86" s="53">
        <v>144885.589289861</v>
      </c>
      <c r="BP86" s="53">
        <v>127734.642196468</v>
      </c>
      <c r="BQ86" s="53">
        <v>132890.969933049</v>
      </c>
      <c r="BR86" s="53">
        <v>143709.23518250301</v>
      </c>
      <c r="BS86" s="53">
        <v>157611.88071390701</v>
      </c>
      <c r="BT86" s="53">
        <v>158010.63805864</v>
      </c>
      <c r="BU86" s="53">
        <v>162349.26356230499</v>
      </c>
      <c r="BV86" s="53">
        <v>155216.79213877901</v>
      </c>
      <c r="BW86" s="53">
        <v>164211.46614773301</v>
      </c>
      <c r="BX86" s="53">
        <v>151835.14831359201</v>
      </c>
      <c r="BY86" s="53">
        <v>133016.07203869501</v>
      </c>
      <c r="BZ86" s="53">
        <v>128292.90023229001</v>
      </c>
      <c r="CA86" s="53">
        <v>1759764.59780782</v>
      </c>
      <c r="CB86" s="53"/>
      <c r="CC86" s="53"/>
      <c r="CD86" s="53"/>
      <c r="CE86" s="53"/>
      <c r="CF86" s="53"/>
      <c r="CG86" s="53"/>
      <c r="CH86" s="53"/>
      <c r="CI86" s="53"/>
      <c r="CJ86" s="53"/>
      <c r="CK86" s="53"/>
      <c r="CL86" s="53"/>
      <c r="CM86" s="53"/>
      <c r="CN86" s="53"/>
    </row>
    <row r="87" spans="1:92" outlineLevel="1">
      <c r="A87" s="52" t="s">
        <v>784</v>
      </c>
      <c r="B87" s="53">
        <v>16640829.152827401</v>
      </c>
      <c r="C87" s="53">
        <v>14112477.5051479</v>
      </c>
      <c r="D87" s="53">
        <v>14643494.0914202</v>
      </c>
      <c r="E87" s="53">
        <v>15373692.672384201</v>
      </c>
      <c r="F87" s="53">
        <v>19122086.996733598</v>
      </c>
      <c r="G87" s="53">
        <v>21413072.939019501</v>
      </c>
      <c r="H87" s="53">
        <v>23297391.657836799</v>
      </c>
      <c r="I87" s="53">
        <v>23128843.469170898</v>
      </c>
      <c r="J87" s="53">
        <v>21163893.731008101</v>
      </c>
      <c r="K87" s="53">
        <v>17615008.3044894</v>
      </c>
      <c r="L87" s="53">
        <v>14561943.2289919</v>
      </c>
      <c r="M87" s="53">
        <v>15771978.7496479</v>
      </c>
      <c r="N87" s="53">
        <v>216844712.498678</v>
      </c>
      <c r="O87" s="53">
        <v>23890600.699361399</v>
      </c>
      <c r="P87" s="53">
        <v>13132645.857476</v>
      </c>
      <c r="Q87" s="53">
        <v>14017846.5587746</v>
      </c>
      <c r="R87" s="53">
        <v>14883413.164417099</v>
      </c>
      <c r="S87" s="53">
        <v>19146124.5634997</v>
      </c>
      <c r="T87" s="53">
        <v>21883083.0494956</v>
      </c>
      <c r="U87" s="53">
        <v>23535265.829724099</v>
      </c>
      <c r="V87" s="53">
        <v>30807698.007134501</v>
      </c>
      <c r="W87" s="53">
        <v>21301905.472753599</v>
      </c>
      <c r="X87" s="53">
        <v>17545591.813265301</v>
      </c>
      <c r="Y87" s="53">
        <v>13390007.264600201</v>
      </c>
      <c r="Z87" s="53">
        <v>14994829.439725401</v>
      </c>
      <c r="AA87" s="53">
        <v>228529011.72022799</v>
      </c>
      <c r="AB87" s="53">
        <v>17796471.8473433</v>
      </c>
      <c r="AC87" s="53">
        <v>10066898.029633099</v>
      </c>
      <c r="AD87" s="53">
        <v>10433773.3085788</v>
      </c>
      <c r="AE87" s="53">
        <v>11076123.1399485</v>
      </c>
      <c r="AF87" s="53">
        <v>14448083.0643078</v>
      </c>
      <c r="AG87" s="53">
        <v>16655550.084052799</v>
      </c>
      <c r="AH87" s="53">
        <v>17962475.4578471</v>
      </c>
      <c r="AI87" s="53">
        <v>23328731.218899701</v>
      </c>
      <c r="AJ87" s="53">
        <v>16225834.9132393</v>
      </c>
      <c r="AK87" s="53">
        <v>13264375.400407299</v>
      </c>
      <c r="AL87" s="53">
        <v>10034282.0785136</v>
      </c>
      <c r="AM87" s="53">
        <v>11269078.5275399</v>
      </c>
      <c r="AN87" s="53">
        <v>172561677.07031101</v>
      </c>
      <c r="AO87" s="53">
        <v>7616047.7915966203</v>
      </c>
      <c r="AP87" s="53">
        <v>4147569.8892950001</v>
      </c>
      <c r="AQ87" s="53">
        <v>4415209.5907584596</v>
      </c>
      <c r="AR87" s="53">
        <v>4688956.31681275</v>
      </c>
      <c r="AS87" s="53">
        <v>6160076.7882909998</v>
      </c>
      <c r="AT87" s="53">
        <v>7143062.8352920702</v>
      </c>
      <c r="AU87" s="53">
        <v>7716168.7555169798</v>
      </c>
      <c r="AV87" s="53">
        <v>10022200.480316199</v>
      </c>
      <c r="AW87" s="53">
        <v>6971916.2463786304</v>
      </c>
      <c r="AX87" s="53">
        <v>5682120.2771463497</v>
      </c>
      <c r="AY87" s="53">
        <v>4286475.2202229304</v>
      </c>
      <c r="AZ87" s="53">
        <v>4827787.1215050304</v>
      </c>
      <c r="BA87" s="53">
        <v>73677591.313132107</v>
      </c>
      <c r="BB87" s="53">
        <v>2669516.8382770899</v>
      </c>
      <c r="BC87" s="53">
        <v>1443230.7472713101</v>
      </c>
      <c r="BD87" s="53">
        <v>1529792.64425271</v>
      </c>
      <c r="BE87" s="53">
        <v>1625635.1257496299</v>
      </c>
      <c r="BF87" s="53">
        <v>2151110.1193840601</v>
      </c>
      <c r="BG87" s="53">
        <v>2509556.84280614</v>
      </c>
      <c r="BH87" s="53">
        <v>2715387.88884207</v>
      </c>
      <c r="BI87" s="53">
        <v>3528197.65830279</v>
      </c>
      <c r="BJ87" s="53">
        <v>2453976.8162113801</v>
      </c>
      <c r="BK87" s="53">
        <v>1993846.06522792</v>
      </c>
      <c r="BL87" s="53">
        <v>1499665.11406314</v>
      </c>
      <c r="BM87" s="53">
        <v>1693924.22361356</v>
      </c>
      <c r="BN87" s="53">
        <v>25813840.084001798</v>
      </c>
      <c r="BO87" s="53">
        <v>1246126.60198928</v>
      </c>
      <c r="BP87" s="53">
        <v>670277.37300989998</v>
      </c>
      <c r="BQ87" s="53">
        <v>707692.17245729605</v>
      </c>
      <c r="BR87" s="53">
        <v>753048.39887353196</v>
      </c>
      <c r="BS87" s="53">
        <v>1001636.68766654</v>
      </c>
      <c r="BT87" s="53">
        <v>1174586.1171542299</v>
      </c>
      <c r="BU87" s="53">
        <v>1272976.55270881</v>
      </c>
      <c r="BV87" s="53">
        <v>1655207.9506409799</v>
      </c>
      <c r="BW87" s="53">
        <v>1152851.2113354299</v>
      </c>
      <c r="BX87" s="53">
        <v>936678.70660769904</v>
      </c>
      <c r="BY87" s="53">
        <v>704959.33674402605</v>
      </c>
      <c r="BZ87" s="53">
        <v>796971.47201173101</v>
      </c>
      <c r="CA87" s="53">
        <v>12073012.5811994</v>
      </c>
      <c r="CB87" s="53">
        <v>2361916.9078309098</v>
      </c>
      <c r="CC87" s="53">
        <v>2170393.2719040099</v>
      </c>
      <c r="CD87" s="53">
        <v>2465572.3168200199</v>
      </c>
      <c r="CE87" s="53">
        <v>2612102.56649605</v>
      </c>
      <c r="CF87" s="53">
        <v>3004007.5762668098</v>
      </c>
      <c r="CG87" s="53">
        <v>3135426.7578091398</v>
      </c>
      <c r="CH87" s="53">
        <v>3307206.2482087901</v>
      </c>
      <c r="CI87" s="53">
        <v>3313336.5302067399</v>
      </c>
      <c r="CJ87" s="53">
        <v>3127577.1331772199</v>
      </c>
      <c r="CK87" s="53">
        <v>2888971.1257441598</v>
      </c>
      <c r="CL87" s="53">
        <v>2427429.6819736599</v>
      </c>
      <c r="CM87" s="53">
        <v>2398395.4591576001</v>
      </c>
      <c r="CN87" s="53">
        <v>33212335.575595099</v>
      </c>
    </row>
    <row r="88" spans="1:92" outlineLevel="1">
      <c r="A88" s="52" t="s">
        <v>1242</v>
      </c>
      <c r="B88" s="53"/>
      <c r="C88" s="53"/>
      <c r="D88" s="53"/>
      <c r="E88" s="53"/>
      <c r="F88" s="53"/>
      <c r="G88" s="53"/>
      <c r="H88" s="53"/>
      <c r="I88" s="53"/>
      <c r="J88" s="53"/>
      <c r="K88" s="53"/>
      <c r="L88" s="53"/>
      <c r="M88" s="53"/>
      <c r="N88" s="53"/>
      <c r="O88" s="53"/>
      <c r="P88" s="53"/>
      <c r="Q88" s="53"/>
      <c r="R88" s="53"/>
      <c r="S88" s="53"/>
      <c r="T88" s="53"/>
      <c r="U88" s="53"/>
      <c r="V88" s="53"/>
      <c r="W88" s="53"/>
      <c r="X88" s="53"/>
      <c r="Y88" s="53"/>
      <c r="Z88" s="53"/>
      <c r="AA88" s="53"/>
      <c r="AB88" s="53"/>
      <c r="AC88" s="53"/>
      <c r="AD88" s="53"/>
      <c r="AE88" s="53"/>
      <c r="AF88" s="53"/>
      <c r="AG88" s="53"/>
      <c r="AH88" s="53"/>
      <c r="AI88" s="53"/>
      <c r="AJ88" s="53"/>
      <c r="AK88" s="53"/>
      <c r="AL88" s="53"/>
      <c r="AM88" s="53"/>
      <c r="AN88" s="53"/>
      <c r="AO88" s="53"/>
      <c r="AP88" s="53"/>
      <c r="AQ88" s="53"/>
      <c r="AR88" s="53"/>
      <c r="AS88" s="53"/>
      <c r="AT88" s="53"/>
      <c r="AU88" s="53"/>
      <c r="AV88" s="53"/>
      <c r="AW88" s="53"/>
      <c r="AX88" s="53"/>
      <c r="AY88" s="53"/>
      <c r="AZ88" s="53"/>
      <c r="BA88" s="53"/>
      <c r="BB88" s="53"/>
      <c r="BC88" s="53"/>
      <c r="BD88" s="53"/>
      <c r="BE88" s="53"/>
      <c r="BF88" s="53"/>
      <c r="BG88" s="53"/>
      <c r="BH88" s="53"/>
      <c r="BI88" s="53"/>
      <c r="BJ88" s="53"/>
      <c r="BK88" s="53"/>
      <c r="BL88" s="53"/>
      <c r="BM88" s="53"/>
      <c r="BN88" s="53"/>
      <c r="BO88" s="53"/>
      <c r="BP88" s="53"/>
      <c r="BQ88" s="53"/>
      <c r="BR88" s="53"/>
      <c r="BS88" s="53"/>
      <c r="BT88" s="53"/>
      <c r="BU88" s="53"/>
      <c r="BV88" s="53"/>
      <c r="BW88" s="53"/>
      <c r="BX88" s="53"/>
      <c r="BY88" s="53"/>
      <c r="BZ88" s="53"/>
      <c r="CA88" s="53"/>
      <c r="CB88" s="53">
        <v>790898.96743854601</v>
      </c>
      <c r="CC88" s="53">
        <v>806085.024891334</v>
      </c>
      <c r="CD88" s="53">
        <v>860372.27380172</v>
      </c>
      <c r="CE88" s="53">
        <v>852492.24345753796</v>
      </c>
      <c r="CF88" s="53">
        <v>875550.93286376202</v>
      </c>
      <c r="CG88" s="53">
        <v>892763.15781018196</v>
      </c>
      <c r="CH88" s="53">
        <v>884025.03877756104</v>
      </c>
      <c r="CI88" s="53">
        <v>902369.37825239205</v>
      </c>
      <c r="CJ88" s="53">
        <v>877687.40196370496</v>
      </c>
      <c r="CK88" s="53">
        <v>859024.13592790696</v>
      </c>
      <c r="CL88" s="53">
        <v>848225.46148659999</v>
      </c>
      <c r="CM88" s="53">
        <v>817948.92542882904</v>
      </c>
      <c r="CN88" s="53">
        <v>10267442.9421</v>
      </c>
    </row>
    <row r="89" spans="1:92" outlineLevel="1">
      <c r="A89" s="52" t="s">
        <v>780</v>
      </c>
      <c r="B89" s="53">
        <v>2306391.2893626802</v>
      </c>
      <c r="C89" s="53">
        <v>2091447.52246425</v>
      </c>
      <c r="D89" s="53">
        <v>2460797.4905141899</v>
      </c>
      <c r="E89" s="53">
        <v>2626326.9273179602</v>
      </c>
      <c r="F89" s="53">
        <v>2850074.3499211799</v>
      </c>
      <c r="G89" s="53">
        <v>3026297.6823453698</v>
      </c>
      <c r="H89" s="53">
        <v>3156738.2527633798</v>
      </c>
      <c r="I89" s="53">
        <v>3190246.98932188</v>
      </c>
      <c r="J89" s="53">
        <v>3018414.7975999401</v>
      </c>
      <c r="K89" s="53">
        <v>2712976.29773321</v>
      </c>
      <c r="L89" s="53">
        <v>2367402.6908962498</v>
      </c>
      <c r="M89" s="53">
        <v>2408553.4009318501</v>
      </c>
      <c r="N89" s="53">
        <v>32215667.691172201</v>
      </c>
      <c r="O89" s="53">
        <v>3364777.5673652599</v>
      </c>
      <c r="P89" s="53">
        <v>2147368.3977954602</v>
      </c>
      <c r="Q89" s="53">
        <v>2378166.47871383</v>
      </c>
      <c r="R89" s="53">
        <v>2627975.3116576499</v>
      </c>
      <c r="S89" s="53">
        <v>2923181.3119866201</v>
      </c>
      <c r="T89" s="53">
        <v>3044225.1169774602</v>
      </c>
      <c r="U89" s="53">
        <v>3136195.7604975598</v>
      </c>
      <c r="V89" s="53">
        <v>3968555.79842608</v>
      </c>
      <c r="W89" s="53">
        <v>2976750.7988213398</v>
      </c>
      <c r="X89" s="53">
        <v>2769167.0547698801</v>
      </c>
      <c r="Y89" s="53">
        <v>2298036.3964059502</v>
      </c>
      <c r="Z89" s="53">
        <v>2281572.5605825698</v>
      </c>
      <c r="AA89" s="53">
        <v>33915972.5539997</v>
      </c>
      <c r="AB89" s="53">
        <v>3604994.9481107499</v>
      </c>
      <c r="AC89" s="53">
        <v>2294694.0915697599</v>
      </c>
      <c r="AD89" s="53">
        <v>2490767.9656179198</v>
      </c>
      <c r="AE89" s="53">
        <v>2774930.97242535</v>
      </c>
      <c r="AF89" s="53">
        <v>3118704.3149985299</v>
      </c>
      <c r="AG89" s="53">
        <v>3250221.56159472</v>
      </c>
      <c r="AH89" s="53">
        <v>3331169.66592295</v>
      </c>
      <c r="AI89" s="53">
        <v>4241416.8778311796</v>
      </c>
      <c r="AJ89" s="53">
        <v>3178331.5213042502</v>
      </c>
      <c r="AK89" s="53">
        <v>2938690.6225981801</v>
      </c>
      <c r="AL89" s="53">
        <v>2412896.74651861</v>
      </c>
      <c r="AM89" s="53">
        <v>2391232.9547714302</v>
      </c>
      <c r="AN89" s="53">
        <v>36028052.243263699</v>
      </c>
      <c r="AO89" s="53">
        <v>3589144.54636853</v>
      </c>
      <c r="AP89" s="53">
        <v>2199710.1907522199</v>
      </c>
      <c r="AQ89" s="53">
        <v>2512241.6199531201</v>
      </c>
      <c r="AR89" s="53">
        <v>2787926.3804040202</v>
      </c>
      <c r="AS89" s="53">
        <v>3145524.0876585599</v>
      </c>
      <c r="AT89" s="53">
        <v>3268274.4816888198</v>
      </c>
      <c r="AU89" s="53">
        <v>3383984.2998508299</v>
      </c>
      <c r="AV89" s="53">
        <v>4268329.7866536602</v>
      </c>
      <c r="AW89" s="53">
        <v>3231478.02428434</v>
      </c>
      <c r="AX89" s="53">
        <v>2921955.75379613</v>
      </c>
      <c r="AY89" s="53">
        <v>2428163.0530005302</v>
      </c>
      <c r="AZ89" s="53">
        <v>2402266.0096966699</v>
      </c>
      <c r="BA89" s="53">
        <v>36138998.234107397</v>
      </c>
      <c r="BB89" s="53">
        <v>3649478.8322803499</v>
      </c>
      <c r="BC89" s="53">
        <v>2274553.8234865498</v>
      </c>
      <c r="BD89" s="53">
        <v>2564088.98016593</v>
      </c>
      <c r="BE89" s="53">
        <v>2847354.4397871098</v>
      </c>
      <c r="BF89" s="53">
        <v>3202814.1275263201</v>
      </c>
      <c r="BG89" s="53">
        <v>3360055.0276434901</v>
      </c>
      <c r="BH89" s="53">
        <v>3465773.4872959801</v>
      </c>
      <c r="BI89" s="53">
        <v>4362038.62760753</v>
      </c>
      <c r="BJ89" s="53">
        <v>3308613.3761847098</v>
      </c>
      <c r="BK89" s="53">
        <v>3024848.28266613</v>
      </c>
      <c r="BL89" s="53">
        <v>2467909.0274625602</v>
      </c>
      <c r="BM89" s="53">
        <v>2458294.4640456801</v>
      </c>
      <c r="BN89" s="53">
        <v>36985822.496152401</v>
      </c>
      <c r="BO89" s="53">
        <v>3875205.2944118599</v>
      </c>
      <c r="BP89" s="53">
        <v>2417309.06018078</v>
      </c>
      <c r="BQ89" s="53">
        <v>2716682.0324616199</v>
      </c>
      <c r="BR89" s="53">
        <v>3013625.9934895998</v>
      </c>
      <c r="BS89" s="53">
        <v>3418950.6956182802</v>
      </c>
      <c r="BT89" s="53">
        <v>3596206.8660577699</v>
      </c>
      <c r="BU89" s="53">
        <v>3707580.2247007801</v>
      </c>
      <c r="BV89" s="53">
        <v>4653821.0821505999</v>
      </c>
      <c r="BW89" s="53">
        <v>3540529.9705552799</v>
      </c>
      <c r="BX89" s="53">
        <v>3233339.8240709398</v>
      </c>
      <c r="BY89" s="53">
        <v>2642066.1578940898</v>
      </c>
      <c r="BZ89" s="53">
        <v>2641337.0042033801</v>
      </c>
      <c r="CA89" s="53">
        <v>39456654.205794998</v>
      </c>
      <c r="CB89" s="53">
        <v>5054.8452749540302</v>
      </c>
      <c r="CC89" s="53">
        <v>5053.0774083630704</v>
      </c>
      <c r="CD89" s="53">
        <v>5051.31516297902</v>
      </c>
      <c r="CE89" s="53">
        <v>5049.5585031681603</v>
      </c>
      <c r="CF89" s="53">
        <v>5047.8073936345399</v>
      </c>
      <c r="CG89" s="53">
        <v>5046.06179941563</v>
      </c>
      <c r="CH89" s="53">
        <v>5044.3216858783499</v>
      </c>
      <c r="CI89" s="53">
        <v>5042.5870187147102</v>
      </c>
      <c r="CJ89" s="53">
        <v>5040.85776393793</v>
      </c>
      <c r="CK89" s="53">
        <v>5039.1338878783099</v>
      </c>
      <c r="CL89" s="53">
        <v>5037.4153571793804</v>
      </c>
      <c r="CM89" s="53">
        <v>5035.7021387940304</v>
      </c>
      <c r="CN89" s="53">
        <v>60542.683394897198</v>
      </c>
    </row>
    <row r="90" spans="1:92" outlineLevel="1">
      <c r="A90" s="52" t="s">
        <v>781</v>
      </c>
      <c r="B90" s="53">
        <v>750346.44399159902</v>
      </c>
      <c r="C90" s="53">
        <v>762804.71365374303</v>
      </c>
      <c r="D90" s="53">
        <v>809673.31295403803</v>
      </c>
      <c r="E90" s="53">
        <v>832882.45860687096</v>
      </c>
      <c r="F90" s="53">
        <v>841308.85985299305</v>
      </c>
      <c r="G90" s="53">
        <v>869975.89346824505</v>
      </c>
      <c r="H90" s="53">
        <v>844238.26439932699</v>
      </c>
      <c r="I90" s="53">
        <v>809243.65747253096</v>
      </c>
      <c r="J90" s="53">
        <v>840991.85314578505</v>
      </c>
      <c r="K90" s="53">
        <v>812409.20607931598</v>
      </c>
      <c r="L90" s="53">
        <v>816926.87034450495</v>
      </c>
      <c r="M90" s="53">
        <v>778147.24237863999</v>
      </c>
      <c r="N90" s="53">
        <v>9768948.7763475906</v>
      </c>
      <c r="O90" s="53">
        <v>617206.21753019199</v>
      </c>
      <c r="P90" s="53">
        <v>680686.53853181296</v>
      </c>
      <c r="Q90" s="53">
        <v>780651.92066063499</v>
      </c>
      <c r="R90" s="53">
        <v>981217.99223612295</v>
      </c>
      <c r="S90" s="53">
        <v>1102920.7953264299</v>
      </c>
      <c r="T90" s="53">
        <v>855592.40722391405</v>
      </c>
      <c r="U90" s="53">
        <v>828107.64264672203</v>
      </c>
      <c r="V90" s="53">
        <v>819582.10478823795</v>
      </c>
      <c r="W90" s="53">
        <v>799281.56259698095</v>
      </c>
      <c r="X90" s="53">
        <v>715493.75506159698</v>
      </c>
      <c r="Y90" s="53">
        <v>599994.19310133101</v>
      </c>
      <c r="Z90" s="53">
        <v>664904.24848789396</v>
      </c>
      <c r="AA90" s="53">
        <v>9445639.3781918809</v>
      </c>
      <c r="AB90" s="53">
        <v>651635.66215175099</v>
      </c>
      <c r="AC90" s="53">
        <v>728825.462066537</v>
      </c>
      <c r="AD90" s="53">
        <v>826549.45057437499</v>
      </c>
      <c r="AE90" s="53">
        <v>1040116.0259946201</v>
      </c>
      <c r="AF90" s="53">
        <v>1169700.5413567401</v>
      </c>
      <c r="AG90" s="53">
        <v>907292.51759016805</v>
      </c>
      <c r="AH90" s="53">
        <v>878402.68194094696</v>
      </c>
      <c r="AI90" s="53">
        <v>868931.80181558302</v>
      </c>
      <c r="AJ90" s="53">
        <v>848055.80403257301</v>
      </c>
      <c r="AK90" s="53">
        <v>759622.72313989198</v>
      </c>
      <c r="AL90" s="53">
        <v>637003.11982202297</v>
      </c>
      <c r="AM90" s="53">
        <v>706517.12531502999</v>
      </c>
      <c r="AN90" s="53">
        <v>10022652.915800201</v>
      </c>
      <c r="AO90" s="53">
        <v>655324.43561757996</v>
      </c>
      <c r="AP90" s="53">
        <v>723386.27571018797</v>
      </c>
      <c r="AQ90" s="53">
        <v>829621.62236858602</v>
      </c>
      <c r="AR90" s="53">
        <v>1042811.25906978</v>
      </c>
      <c r="AS90" s="53">
        <v>1172185.15571155</v>
      </c>
      <c r="AT90" s="53">
        <v>909905.71071515104</v>
      </c>
      <c r="AU90" s="53">
        <v>880986.53442406096</v>
      </c>
      <c r="AV90" s="53">
        <v>871448.69668403803</v>
      </c>
      <c r="AW90" s="53">
        <v>850434.37560255895</v>
      </c>
      <c r="AX90" s="53">
        <v>761905.36156053003</v>
      </c>
      <c r="AY90" s="53">
        <v>639219.35725932999</v>
      </c>
      <c r="AZ90" s="53">
        <v>708670.408014204</v>
      </c>
      <c r="BA90" s="53">
        <v>10045899.192737499</v>
      </c>
      <c r="BB90" s="53">
        <v>667493.08646829205</v>
      </c>
      <c r="BC90" s="53">
        <v>736582.21998248203</v>
      </c>
      <c r="BD90" s="53">
        <v>844491.29520795797</v>
      </c>
      <c r="BE90" s="53">
        <v>1060740.83940959</v>
      </c>
      <c r="BF90" s="53">
        <v>1192002.5782800301</v>
      </c>
      <c r="BG90" s="53">
        <v>926008.19600348501</v>
      </c>
      <c r="BH90" s="53">
        <v>896763.46131126594</v>
      </c>
      <c r="BI90" s="53">
        <v>887172.86591012403</v>
      </c>
      <c r="BJ90" s="53">
        <v>865869.08595403295</v>
      </c>
      <c r="BK90" s="53">
        <v>776090.85285666306</v>
      </c>
      <c r="BL90" s="53">
        <v>651640.946187553</v>
      </c>
      <c r="BM90" s="53">
        <v>722202.63184287003</v>
      </c>
      <c r="BN90" s="53">
        <v>10227058.059414299</v>
      </c>
      <c r="BO90" s="53">
        <v>712010.52837916999</v>
      </c>
      <c r="BP90" s="53">
        <v>785406.697641626</v>
      </c>
      <c r="BQ90" s="53">
        <v>900197.26565485599</v>
      </c>
      <c r="BR90" s="53">
        <v>1129866.7476232201</v>
      </c>
      <c r="BS90" s="53">
        <v>1269454.4373291801</v>
      </c>
      <c r="BT90" s="53">
        <v>987471.65260446002</v>
      </c>
      <c r="BU90" s="53">
        <v>956672.67629345902</v>
      </c>
      <c r="BV90" s="53">
        <v>946655.14711066301</v>
      </c>
      <c r="BW90" s="53">
        <v>924124.85853172897</v>
      </c>
      <c r="BX90" s="53">
        <v>828976.50587287406</v>
      </c>
      <c r="BY90" s="53">
        <v>696975.90863978595</v>
      </c>
      <c r="BZ90" s="53">
        <v>771928.35306081595</v>
      </c>
      <c r="CA90" s="53">
        <v>10909740.778741799</v>
      </c>
      <c r="CB90" s="53">
        <v>693392.19228796999</v>
      </c>
      <c r="CC90" s="53">
        <v>688905.03998809296</v>
      </c>
      <c r="CD90" s="53">
        <v>711728.33587024198</v>
      </c>
      <c r="CE90" s="53">
        <v>755525.75100202195</v>
      </c>
      <c r="CF90" s="53">
        <v>829198.45529881294</v>
      </c>
      <c r="CG90" s="53">
        <v>841268.60072348302</v>
      </c>
      <c r="CH90" s="53">
        <v>851397.87874369696</v>
      </c>
      <c r="CI90" s="53">
        <v>768067.877879804</v>
      </c>
      <c r="CJ90" s="53">
        <v>865366.001099827</v>
      </c>
      <c r="CK90" s="53">
        <v>800338.12012975605</v>
      </c>
      <c r="CL90" s="53">
        <v>714142.46086381504</v>
      </c>
      <c r="CM90" s="53">
        <v>697313.42147565202</v>
      </c>
      <c r="CN90" s="53">
        <v>9216644.1353631709</v>
      </c>
    </row>
    <row r="91" spans="1:92" outlineLevel="1">
      <c r="A91" s="52" t="s">
        <v>782</v>
      </c>
      <c r="B91" s="53">
        <v>5002.5063204552998</v>
      </c>
      <c r="C91" s="53">
        <v>5001.6712416300397</v>
      </c>
      <c r="D91" s="53">
        <v>5000.3377525658598</v>
      </c>
      <c r="E91" s="53">
        <v>4998.7204027978796</v>
      </c>
      <c r="F91" s="53">
        <v>4996.9427266878602</v>
      </c>
      <c r="G91" s="53">
        <v>4995.0758437123995</v>
      </c>
      <c r="H91" s="53">
        <v>4993.1606881678799</v>
      </c>
      <c r="I91" s="53">
        <v>4991.2208111341297</v>
      </c>
      <c r="J91" s="53">
        <v>4989.2697530502601</v>
      </c>
      <c r="K91" s="53">
        <v>4987.3152895343201</v>
      </c>
      <c r="L91" s="53">
        <v>4985.3618765221399</v>
      </c>
      <c r="M91" s="53">
        <v>4983.4120584041602</v>
      </c>
      <c r="N91" s="53">
        <v>59924.994764662297</v>
      </c>
      <c r="O91" s="53">
        <v>7480.2857124983702</v>
      </c>
      <c r="P91" s="53">
        <v>7429.4176892083897</v>
      </c>
      <c r="Q91" s="53">
        <v>7382.5219441416102</v>
      </c>
      <c r="R91" s="53">
        <v>7339.34127942747</v>
      </c>
      <c r="S91" s="53">
        <v>7299.6470747365802</v>
      </c>
      <c r="T91" s="53">
        <v>7263.1249771160101</v>
      </c>
      <c r="U91" s="53">
        <v>7229.63209885991</v>
      </c>
      <c r="V91" s="53">
        <v>7198.9112420976999</v>
      </c>
      <c r="W91" s="53">
        <v>7170.7909415823297</v>
      </c>
      <c r="X91" s="53">
        <v>7145.0997320667702</v>
      </c>
      <c r="Y91" s="53">
        <v>7121.6375707628004</v>
      </c>
      <c r="Z91" s="53">
        <v>7100.2615699645303</v>
      </c>
      <c r="AA91" s="53">
        <v>87160.671832462496</v>
      </c>
      <c r="AB91" s="53">
        <v>7464.49090879097</v>
      </c>
      <c r="AC91" s="53">
        <v>7445.9333148358901</v>
      </c>
      <c r="AD91" s="53">
        <v>7429.1531527693596</v>
      </c>
      <c r="AE91" s="53">
        <v>7413.9997927703198</v>
      </c>
      <c r="AF91" s="53">
        <v>7400.4129829103404</v>
      </c>
      <c r="AG91" s="53">
        <v>7388.2420933683698</v>
      </c>
      <c r="AH91" s="53">
        <v>7377.3967462517603</v>
      </c>
      <c r="AI91" s="53">
        <v>7367.7865636678798</v>
      </c>
      <c r="AJ91" s="53">
        <v>7359.3512936882998</v>
      </c>
      <c r="AK91" s="53">
        <v>7351.9704324561599</v>
      </c>
      <c r="AL91" s="53">
        <v>7345.5837280430496</v>
      </c>
      <c r="AM91" s="53">
        <v>7340.1309285205298</v>
      </c>
      <c r="AN91" s="53">
        <v>88684.451938072903</v>
      </c>
      <c r="AO91" s="53">
        <v>7329.8630568033996</v>
      </c>
      <c r="AP91" s="53">
        <v>7326.0701134363599</v>
      </c>
      <c r="AQ91" s="53">
        <v>7323.0297381976998</v>
      </c>
      <c r="AR91" s="53">
        <v>7320.6516229120198</v>
      </c>
      <c r="AS91" s="53">
        <v>7318.9357675793099</v>
      </c>
      <c r="AT91" s="53">
        <v>7317.7918640241696</v>
      </c>
      <c r="AU91" s="53">
        <v>7317.2199122466</v>
      </c>
      <c r="AV91" s="53">
        <v>7317.1597067963303</v>
      </c>
      <c r="AW91" s="53">
        <v>7317.5811449482198</v>
      </c>
      <c r="AX91" s="53">
        <v>7318.4541239771497</v>
      </c>
      <c r="AY91" s="53">
        <v>7319.7184384328302</v>
      </c>
      <c r="AZ91" s="53">
        <v>7321.3740883152605</v>
      </c>
      <c r="BA91" s="53">
        <v>87847.849577669404</v>
      </c>
      <c r="BB91" s="53">
        <v>7427.9476019296999</v>
      </c>
      <c r="BC91" s="53">
        <v>7430.3291372509402</v>
      </c>
      <c r="BD91" s="53">
        <v>7432.9854651092401</v>
      </c>
      <c r="BE91" s="53">
        <v>7435.9471180087303</v>
      </c>
      <c r="BF91" s="53">
        <v>7439.18356344528</v>
      </c>
      <c r="BG91" s="53">
        <v>7442.6642689147802</v>
      </c>
      <c r="BH91" s="53">
        <v>7446.3587019131101</v>
      </c>
      <c r="BI91" s="53">
        <v>7450.2668624402704</v>
      </c>
      <c r="BJ91" s="53">
        <v>7454.3887504962504</v>
      </c>
      <c r="BK91" s="53">
        <v>7458.6633010728301</v>
      </c>
      <c r="BL91" s="53">
        <v>7463.1210466741204</v>
      </c>
      <c r="BM91" s="53">
        <v>7467.7314547960004</v>
      </c>
      <c r="BN91" s="53">
        <v>89349.5872720513</v>
      </c>
      <c r="BO91" s="53">
        <v>7928.7162196380496</v>
      </c>
      <c r="BP91" s="53">
        <v>7933.8996999114097</v>
      </c>
      <c r="BQ91" s="53">
        <v>7939.1803704398999</v>
      </c>
      <c r="BR91" s="53">
        <v>7944.6230247269305</v>
      </c>
      <c r="BS91" s="53">
        <v>7950.1304725173804</v>
      </c>
      <c r="BT91" s="53">
        <v>7955.7675073146602</v>
      </c>
      <c r="BU91" s="53">
        <v>7961.4693356153603</v>
      </c>
      <c r="BV91" s="53">
        <v>7967.2683541711804</v>
      </c>
      <c r="BW91" s="53">
        <v>7973.1321662304199</v>
      </c>
      <c r="BX91" s="53">
        <v>7979.0931685447904</v>
      </c>
      <c r="BY91" s="53">
        <v>7985.0865676108597</v>
      </c>
      <c r="BZ91" s="53">
        <v>7991.1447601803602</v>
      </c>
      <c r="CA91" s="53">
        <v>95509.511646901301</v>
      </c>
      <c r="CB91" s="53">
        <v>4727284.3817077596</v>
      </c>
      <c r="CC91" s="53">
        <v>3865002.3809989402</v>
      </c>
      <c r="CD91" s="53">
        <v>3994978.6166087501</v>
      </c>
      <c r="CE91" s="53">
        <v>4119280.9200959802</v>
      </c>
      <c r="CF91" s="53">
        <v>5452342.1789041497</v>
      </c>
      <c r="CG91" s="53">
        <v>6290262.2787426999</v>
      </c>
      <c r="CH91" s="53">
        <v>6816832.4715279397</v>
      </c>
      <c r="CI91" s="53">
        <v>6834037.0725463703</v>
      </c>
      <c r="CJ91" s="53">
        <v>6182728.2587545002</v>
      </c>
      <c r="CK91" s="53">
        <v>5042711.4114465397</v>
      </c>
      <c r="CL91" s="53">
        <v>3925075.3102670698</v>
      </c>
      <c r="CM91" s="53">
        <v>4508799.6640266003</v>
      </c>
      <c r="CN91" s="53">
        <v>61759334.945627302</v>
      </c>
    </row>
    <row r="92" spans="1:92" outlineLevel="1">
      <c r="A92" s="52" t="s">
        <v>783</v>
      </c>
      <c r="B92" s="53">
        <v>670104.434623532</v>
      </c>
      <c r="C92" s="53">
        <v>664881.04887130903</v>
      </c>
      <c r="D92" s="53">
        <v>686204.46903309599</v>
      </c>
      <c r="E92" s="53">
        <v>728793.33163756004</v>
      </c>
      <c r="F92" s="53">
        <v>800972.53435150697</v>
      </c>
      <c r="G92" s="53">
        <v>812956.92148766702</v>
      </c>
      <c r="H92" s="53">
        <v>767535.41520081798</v>
      </c>
      <c r="I92" s="53">
        <v>797237.62609605701</v>
      </c>
      <c r="J92" s="53">
        <v>836152.54316534498</v>
      </c>
      <c r="K92" s="53">
        <v>772016.24778284703</v>
      </c>
      <c r="L92" s="53">
        <v>687676.14063886902</v>
      </c>
      <c r="M92" s="53">
        <v>672232.81347577204</v>
      </c>
      <c r="N92" s="53">
        <v>8896763.5263643805</v>
      </c>
      <c r="O92" s="53">
        <v>744321.14967823296</v>
      </c>
      <c r="P92" s="53">
        <v>656221.76277328201</v>
      </c>
      <c r="Q92" s="53">
        <v>681520.88842393295</v>
      </c>
      <c r="R92" s="53">
        <v>736463.897620106</v>
      </c>
      <c r="S92" s="53">
        <v>807528.81235951104</v>
      </c>
      <c r="T92" s="53">
        <v>809984.62336031196</v>
      </c>
      <c r="U92" s="53">
        <v>832366.58218544698</v>
      </c>
      <c r="V92" s="53">
        <v>796810.69123198197</v>
      </c>
      <c r="W92" s="53">
        <v>841913.25274516596</v>
      </c>
      <c r="X92" s="53">
        <v>778621.54351529398</v>
      </c>
      <c r="Y92" s="53">
        <v>683046.10037393903</v>
      </c>
      <c r="Z92" s="53">
        <v>660242.25130844896</v>
      </c>
      <c r="AA92" s="53">
        <v>9029041.5555756502</v>
      </c>
      <c r="AB92" s="53">
        <v>783000.95338445297</v>
      </c>
      <c r="AC92" s="53">
        <v>691143.60476952395</v>
      </c>
      <c r="AD92" s="53">
        <v>717198.19554878597</v>
      </c>
      <c r="AE92" s="53">
        <v>775136.51017477305</v>
      </c>
      <c r="AF92" s="53">
        <v>849972.93001718295</v>
      </c>
      <c r="AG92" s="53">
        <v>852462.78070744302</v>
      </c>
      <c r="AH92" s="53">
        <v>875984.98293497704</v>
      </c>
      <c r="AI92" s="53">
        <v>838330.11850189802</v>
      </c>
      <c r="AJ92" s="53">
        <v>886017.98342658696</v>
      </c>
      <c r="AK92" s="53">
        <v>819362.05828441295</v>
      </c>
      <c r="AL92" s="53">
        <v>718565.82394615398</v>
      </c>
      <c r="AM92" s="53">
        <v>694251.94150507206</v>
      </c>
      <c r="AN92" s="53">
        <v>9501427.8832012601</v>
      </c>
      <c r="AO92" s="53">
        <v>779923.16707387206</v>
      </c>
      <c r="AP92" s="53">
        <v>687620.80653886695</v>
      </c>
      <c r="AQ92" s="53">
        <v>714818.94982852601</v>
      </c>
      <c r="AR92" s="53">
        <v>772754.53421289299</v>
      </c>
      <c r="AS92" s="53">
        <v>847424.94596534001</v>
      </c>
      <c r="AT92" s="53">
        <v>849774.40345669398</v>
      </c>
      <c r="AU92" s="53">
        <v>873184.11878808402</v>
      </c>
      <c r="AV92" s="53">
        <v>835315.703341541</v>
      </c>
      <c r="AW92" s="53">
        <v>883212.75135871198</v>
      </c>
      <c r="AX92" s="53">
        <v>816733.59214281302</v>
      </c>
      <c r="AY92" s="53">
        <v>715961.76968555897</v>
      </c>
      <c r="AZ92" s="53">
        <v>691236.35454668396</v>
      </c>
      <c r="BA92" s="53">
        <v>9467961.0969395898</v>
      </c>
      <c r="BB92" s="53">
        <v>789303.67188389297</v>
      </c>
      <c r="BC92" s="53">
        <v>695887.00240074797</v>
      </c>
      <c r="BD92" s="53">
        <v>723704.28146042302</v>
      </c>
      <c r="BE92" s="53">
        <v>782497.94618339301</v>
      </c>
      <c r="BF92" s="53">
        <v>858159.65919663501</v>
      </c>
      <c r="BG92" s="53">
        <v>860440.68151431403</v>
      </c>
      <c r="BH92" s="53">
        <v>884109.57030442695</v>
      </c>
      <c r="BI92" s="53">
        <v>845525.98070752295</v>
      </c>
      <c r="BJ92" s="53">
        <v>894273.44400289597</v>
      </c>
      <c r="BK92" s="53">
        <v>826932.57114202296</v>
      </c>
      <c r="BL92" s="53">
        <v>724686.206792871</v>
      </c>
      <c r="BM92" s="53">
        <v>699309.32972237305</v>
      </c>
      <c r="BN92" s="53">
        <v>9584830.3453115206</v>
      </c>
      <c r="BO92" s="53">
        <v>835643.91935824498</v>
      </c>
      <c r="BP92" s="53">
        <v>736723.904468733</v>
      </c>
      <c r="BQ92" s="53">
        <v>766463.60418912105</v>
      </c>
      <c r="BR92" s="53">
        <v>828859.164838186</v>
      </c>
      <c r="BS92" s="53">
        <v>909044.23540491995</v>
      </c>
      <c r="BT92" s="53">
        <v>911344.11320545897</v>
      </c>
      <c r="BU92" s="53">
        <v>936367.62339912797</v>
      </c>
      <c r="BV92" s="53">
        <v>895230.29287316196</v>
      </c>
      <c r="BW92" s="53">
        <v>947108.08609630005</v>
      </c>
      <c r="BX92" s="53">
        <v>875726.28206157498</v>
      </c>
      <c r="BY92" s="53">
        <v>767185.14464317297</v>
      </c>
      <c r="BZ92" s="53">
        <v>739943.72043078695</v>
      </c>
      <c r="CA92" s="53">
        <v>10149640.0909687</v>
      </c>
      <c r="CB92" s="53"/>
      <c r="CC92" s="53"/>
      <c r="CD92" s="53"/>
      <c r="CE92" s="53"/>
      <c r="CF92" s="53"/>
      <c r="CG92" s="53"/>
      <c r="CH92" s="53"/>
      <c r="CI92" s="53"/>
      <c r="CJ92" s="53"/>
      <c r="CK92" s="53"/>
      <c r="CL92" s="53"/>
      <c r="CM92" s="53"/>
      <c r="CN92" s="53"/>
    </row>
    <row r="93" spans="1:92" outlineLevel="1">
      <c r="A93" s="52" t="s">
        <v>784</v>
      </c>
      <c r="B93" s="53">
        <v>4515395.7654603003</v>
      </c>
      <c r="C93" s="53">
        <v>3829341.71017983</v>
      </c>
      <c r="D93" s="53">
        <v>3973430.08600668</v>
      </c>
      <c r="E93" s="53">
        <v>4171565.3802368799</v>
      </c>
      <c r="F93" s="53">
        <v>5188671.1809155196</v>
      </c>
      <c r="G93" s="53">
        <v>5810317.3818062404</v>
      </c>
      <c r="H93" s="53">
        <v>6321616.7098375997</v>
      </c>
      <c r="I93" s="53">
        <v>6275882.1030828198</v>
      </c>
      <c r="J93" s="53">
        <v>5742703.9996627104</v>
      </c>
      <c r="K93" s="53">
        <v>4779733.8207228202</v>
      </c>
      <c r="L93" s="53">
        <v>3951301.7163505401</v>
      </c>
      <c r="M93" s="53">
        <v>4279638.0760263698</v>
      </c>
      <c r="N93" s="53">
        <v>58839597.930288397</v>
      </c>
      <c r="O93" s="53">
        <v>6304393.5928515298</v>
      </c>
      <c r="P93" s="53">
        <v>3465520.5803709002</v>
      </c>
      <c r="Q93" s="53">
        <v>3699112.5984151899</v>
      </c>
      <c r="R93" s="53">
        <v>3927523.4546957798</v>
      </c>
      <c r="S93" s="53">
        <v>5052393.0538628604</v>
      </c>
      <c r="T93" s="53">
        <v>5774637.9132595798</v>
      </c>
      <c r="U93" s="53">
        <v>6210625.71720671</v>
      </c>
      <c r="V93" s="53">
        <v>8129718.3093380798</v>
      </c>
      <c r="W93" s="53">
        <v>5621273.3228406003</v>
      </c>
      <c r="X93" s="53">
        <v>4630034.9665672099</v>
      </c>
      <c r="Y93" s="53">
        <v>3533434.63688786</v>
      </c>
      <c r="Z93" s="53">
        <v>3956924.6430975399</v>
      </c>
      <c r="AA93" s="53">
        <v>60305592.789393902</v>
      </c>
      <c r="AB93" s="53">
        <v>6726964.9303259701</v>
      </c>
      <c r="AC93" s="53">
        <v>3805230.0806251601</v>
      </c>
      <c r="AD93" s="53">
        <v>3943906.8451232798</v>
      </c>
      <c r="AE93" s="53">
        <v>4186711.4204172101</v>
      </c>
      <c r="AF93" s="53">
        <v>5461293.0539119104</v>
      </c>
      <c r="AG93" s="53">
        <v>6295703.00629206</v>
      </c>
      <c r="AH93" s="53">
        <v>6789713.3489869898</v>
      </c>
      <c r="AI93" s="53">
        <v>8818127.4426012598</v>
      </c>
      <c r="AJ93" s="53">
        <v>6133273.12081319</v>
      </c>
      <c r="AK93" s="53">
        <v>5013858.3032983998</v>
      </c>
      <c r="AL93" s="53">
        <v>3792901.4369910802</v>
      </c>
      <c r="AM93" s="53">
        <v>4259647.4572102698</v>
      </c>
      <c r="AN93" s="53">
        <v>65227330.446596801</v>
      </c>
      <c r="AO93" s="53">
        <v>6715028.6656323802</v>
      </c>
      <c r="AP93" s="53">
        <v>3656890.2219941299</v>
      </c>
      <c r="AQ93" s="53">
        <v>3892866.7174897902</v>
      </c>
      <c r="AR93" s="53">
        <v>4134227.7439536401</v>
      </c>
      <c r="AS93" s="53">
        <v>5431306.8073853301</v>
      </c>
      <c r="AT93" s="53">
        <v>6298000.3555550296</v>
      </c>
      <c r="AU93" s="53">
        <v>6803304.7848418504</v>
      </c>
      <c r="AV93" s="53">
        <v>8836520.6416239794</v>
      </c>
      <c r="AW93" s="53">
        <v>6147101.3220895296</v>
      </c>
      <c r="AX93" s="53">
        <v>5009895.1039551999</v>
      </c>
      <c r="AY93" s="53">
        <v>3779362.3104727999</v>
      </c>
      <c r="AZ93" s="53">
        <v>4256634.12304834</v>
      </c>
      <c r="BA93" s="53">
        <v>64961138.798041999</v>
      </c>
      <c r="BB93" s="53">
        <v>6793477.4712972799</v>
      </c>
      <c r="BC93" s="53">
        <v>3672782.8148104302</v>
      </c>
      <c r="BD93" s="53">
        <v>3893068.4817086598</v>
      </c>
      <c r="BE93" s="53">
        <v>4136971.69651765</v>
      </c>
      <c r="BF93" s="53">
        <v>5474218.3771902304</v>
      </c>
      <c r="BG93" s="53">
        <v>6386405.8207426798</v>
      </c>
      <c r="BH93" s="53">
        <v>6910211.6848184802</v>
      </c>
      <c r="BI93" s="53">
        <v>8978677.7001313996</v>
      </c>
      <c r="BJ93" s="53">
        <v>6244963.8739785301</v>
      </c>
      <c r="BK93" s="53">
        <v>5074007.4500158001</v>
      </c>
      <c r="BL93" s="53">
        <v>3816398.9156381199</v>
      </c>
      <c r="BM93" s="53">
        <v>4310756.1211827798</v>
      </c>
      <c r="BN93" s="53">
        <v>65691940.408032</v>
      </c>
      <c r="BO93" s="53">
        <v>7187175.22430484</v>
      </c>
      <c r="BP93" s="53">
        <v>3865900.0787066901</v>
      </c>
      <c r="BQ93" s="53">
        <v>4081694.13942362</v>
      </c>
      <c r="BR93" s="53">
        <v>4343291.2726894803</v>
      </c>
      <c r="BS93" s="53">
        <v>5777052.1661759699</v>
      </c>
      <c r="BT93" s="53">
        <v>6774557.4378612796</v>
      </c>
      <c r="BU93" s="53">
        <v>7342035.33264142</v>
      </c>
      <c r="BV93" s="53">
        <v>9546597.8777183294</v>
      </c>
      <c r="BW93" s="53">
        <v>6649198.9258496501</v>
      </c>
      <c r="BX93" s="53">
        <v>5402399.71004376</v>
      </c>
      <c r="BY93" s="53">
        <v>4065932.2023145398</v>
      </c>
      <c r="BZ93" s="53">
        <v>4596622.5333577404</v>
      </c>
      <c r="CA93" s="53">
        <v>69632456.901087299</v>
      </c>
      <c r="CB93" s="53">
        <v>232464.62502714299</v>
      </c>
      <c r="CC93" s="53">
        <v>213614.48255940099</v>
      </c>
      <c r="CD93" s="53">
        <v>242666.59940769701</v>
      </c>
      <c r="CE93" s="53">
        <v>257088.40206855099</v>
      </c>
      <c r="CF93" s="53">
        <v>295660.48343202402</v>
      </c>
      <c r="CG93" s="53">
        <v>308595.02429471299</v>
      </c>
      <c r="CH93" s="53">
        <v>325501.90814431402</v>
      </c>
      <c r="CI93" s="53">
        <v>326105.262860663</v>
      </c>
      <c r="CJ93" s="53">
        <v>307822.448409162</v>
      </c>
      <c r="CK93" s="53">
        <v>284338.36399313301</v>
      </c>
      <c r="CL93" s="53">
        <v>238912.524369024</v>
      </c>
      <c r="CM93" s="53">
        <v>236054.91761007701</v>
      </c>
      <c r="CN93" s="53">
        <v>3268825.0421759002</v>
      </c>
    </row>
    <row r="94" spans="1:92" outlineLevel="1">
      <c r="A94" s="52" t="s">
        <v>1243</v>
      </c>
      <c r="B94" s="53"/>
      <c r="C94" s="53"/>
      <c r="D94" s="53"/>
      <c r="E94" s="53"/>
      <c r="F94" s="53"/>
      <c r="G94" s="53"/>
      <c r="H94" s="53"/>
      <c r="I94" s="53"/>
      <c r="J94" s="53"/>
      <c r="K94" s="53"/>
      <c r="L94" s="53"/>
      <c r="M94" s="53"/>
      <c r="N94" s="53"/>
      <c r="O94" s="53"/>
      <c r="P94" s="53"/>
      <c r="Q94" s="53"/>
      <c r="R94" s="53"/>
      <c r="S94" s="53"/>
      <c r="T94" s="53"/>
      <c r="U94" s="53"/>
      <c r="V94" s="53"/>
      <c r="W94" s="53"/>
      <c r="X94" s="53"/>
      <c r="Y94" s="53"/>
      <c r="Z94" s="53"/>
      <c r="AA94" s="53"/>
      <c r="AB94" s="53"/>
      <c r="AC94" s="53"/>
      <c r="AD94" s="53"/>
      <c r="AE94" s="53"/>
      <c r="AF94" s="53"/>
      <c r="AG94" s="53"/>
      <c r="AH94" s="53"/>
      <c r="AI94" s="53"/>
      <c r="AJ94" s="53"/>
      <c r="AK94" s="53"/>
      <c r="AL94" s="53"/>
      <c r="AM94" s="53"/>
      <c r="AN94" s="53"/>
      <c r="AO94" s="53"/>
      <c r="AP94" s="53"/>
      <c r="AQ94" s="53"/>
      <c r="AR94" s="53"/>
      <c r="AS94" s="53"/>
      <c r="AT94" s="53"/>
      <c r="AU94" s="53"/>
      <c r="AV94" s="53"/>
      <c r="AW94" s="53"/>
      <c r="AX94" s="53"/>
      <c r="AY94" s="53"/>
      <c r="AZ94" s="53"/>
      <c r="BA94" s="53"/>
      <c r="BB94" s="53"/>
      <c r="BC94" s="53"/>
      <c r="BD94" s="53"/>
      <c r="BE94" s="53"/>
      <c r="BF94" s="53"/>
      <c r="BG94" s="53"/>
      <c r="BH94" s="53"/>
      <c r="BI94" s="53"/>
      <c r="BJ94" s="53"/>
      <c r="BK94" s="53"/>
      <c r="BL94" s="53"/>
      <c r="BM94" s="53"/>
      <c r="BN94" s="53"/>
      <c r="BO94" s="53"/>
      <c r="BP94" s="53"/>
      <c r="BQ94" s="53"/>
      <c r="BR94" s="53"/>
      <c r="BS94" s="53"/>
      <c r="BT94" s="53"/>
      <c r="BU94" s="53"/>
      <c r="BV94" s="53"/>
      <c r="BW94" s="53"/>
      <c r="BX94" s="53"/>
      <c r="BY94" s="53"/>
      <c r="BZ94" s="53"/>
      <c r="CA94" s="53"/>
      <c r="CB94" s="53">
        <v>77841.8712742957</v>
      </c>
      <c r="CC94" s="53">
        <v>79336.513672467496</v>
      </c>
      <c r="CD94" s="53">
        <v>84679.574183981196</v>
      </c>
      <c r="CE94" s="53">
        <v>83904.005706915195</v>
      </c>
      <c r="CF94" s="53">
        <v>86173.488417616507</v>
      </c>
      <c r="CG94" s="53">
        <v>87867.550306409597</v>
      </c>
      <c r="CH94" s="53">
        <v>87007.527010236096</v>
      </c>
      <c r="CI94" s="53">
        <v>88813.013893897703</v>
      </c>
      <c r="CJ94" s="53">
        <v>86383.764014761196</v>
      </c>
      <c r="CK94" s="53">
        <v>84546.887735833196</v>
      </c>
      <c r="CL94" s="53">
        <v>83484.060421093396</v>
      </c>
      <c r="CM94" s="53">
        <v>80504.182687691602</v>
      </c>
      <c r="CN94" s="53">
        <v>1010542.43932519</v>
      </c>
    </row>
    <row r="95" spans="1:92" outlineLevel="1">
      <c r="A95" s="52" t="s">
        <v>780</v>
      </c>
      <c r="B95" s="53">
        <v>224908.54613512801</v>
      </c>
      <c r="C95" s="53">
        <v>203948.230191821</v>
      </c>
      <c r="D95" s="53">
        <v>239965.520368164</v>
      </c>
      <c r="E95" s="53">
        <v>256107.180781906</v>
      </c>
      <c r="F95" s="53">
        <v>277925.98826321401</v>
      </c>
      <c r="G95" s="53">
        <v>295110.46761561598</v>
      </c>
      <c r="H95" s="53">
        <v>307830.42505954899</v>
      </c>
      <c r="I95" s="53">
        <v>311098.04112147097</v>
      </c>
      <c r="J95" s="53">
        <v>294341.76537691802</v>
      </c>
      <c r="K95" s="53">
        <v>264556.82417654502</v>
      </c>
      <c r="L95" s="53">
        <v>230858.094106398</v>
      </c>
      <c r="M95" s="53">
        <v>234870.91986116901</v>
      </c>
      <c r="N95" s="53">
        <v>3141522.0030578999</v>
      </c>
      <c r="O95" s="53">
        <v>259032.45499999999</v>
      </c>
      <c r="P95" s="53">
        <v>165311.99960000001</v>
      </c>
      <c r="Q95" s="53">
        <v>183079.65059999999</v>
      </c>
      <c r="R95" s="53">
        <v>202310.81639999899</v>
      </c>
      <c r="S95" s="53">
        <v>225036.81640000001</v>
      </c>
      <c r="T95" s="53">
        <v>234355.19579999999</v>
      </c>
      <c r="U95" s="53">
        <v>241435.42060000001</v>
      </c>
      <c r="V95" s="53">
        <v>305513.43459999998</v>
      </c>
      <c r="W95" s="53">
        <v>229160.78460000001</v>
      </c>
      <c r="X95" s="53">
        <v>213180.25520000001</v>
      </c>
      <c r="Y95" s="53">
        <v>176910.954</v>
      </c>
      <c r="Z95" s="53">
        <v>175643.5098</v>
      </c>
      <c r="AA95" s="53">
        <v>2610971.2925999998</v>
      </c>
      <c r="AB95" s="53">
        <v>267439.850593874</v>
      </c>
      <c r="AC95" s="53">
        <v>170233.981972618</v>
      </c>
      <c r="AD95" s="53">
        <v>184779.90182426199</v>
      </c>
      <c r="AE95" s="53">
        <v>205860.79463514101</v>
      </c>
      <c r="AF95" s="53">
        <v>231363.93477799001</v>
      </c>
      <c r="AG95" s="53">
        <v>241120.6621206</v>
      </c>
      <c r="AH95" s="53">
        <v>247125.87134807499</v>
      </c>
      <c r="AI95" s="53">
        <v>314653.394093649</v>
      </c>
      <c r="AJ95" s="53">
        <v>235787.433666411</v>
      </c>
      <c r="AK95" s="53">
        <v>218009.45420496399</v>
      </c>
      <c r="AL95" s="53">
        <v>179002.954144377</v>
      </c>
      <c r="AM95" s="53">
        <v>177395.80592044001</v>
      </c>
      <c r="AN95" s="53">
        <v>2672774.0393023998</v>
      </c>
      <c r="AO95" s="53">
        <v>322422.06695938401</v>
      </c>
      <c r="AP95" s="53">
        <v>197605.61249380399</v>
      </c>
      <c r="AQ95" s="53">
        <v>225681.112962204</v>
      </c>
      <c r="AR95" s="53">
        <v>250446.58260140201</v>
      </c>
      <c r="AS95" s="53">
        <v>282570.50250025402</v>
      </c>
      <c r="AT95" s="53">
        <v>293597.48546290997</v>
      </c>
      <c r="AU95" s="53">
        <v>303991.99542407499</v>
      </c>
      <c r="AV95" s="53">
        <v>383435.02037821501</v>
      </c>
      <c r="AW95" s="53">
        <v>290291.965247755</v>
      </c>
      <c r="AX95" s="53">
        <v>262486.785230209</v>
      </c>
      <c r="AY95" s="53">
        <v>218128.11948601101</v>
      </c>
      <c r="AZ95" s="53">
        <v>215801.72161534999</v>
      </c>
      <c r="BA95" s="53">
        <v>3246458.9703615699</v>
      </c>
      <c r="BB95" s="53">
        <v>322567.005416459</v>
      </c>
      <c r="BC95" s="53">
        <v>201041.31280634599</v>
      </c>
      <c r="BD95" s="53">
        <v>226632.49794400501</v>
      </c>
      <c r="BE95" s="53">
        <v>251669.52247466301</v>
      </c>
      <c r="BF95" s="53">
        <v>283087.58853004599</v>
      </c>
      <c r="BG95" s="53">
        <v>296985.66236764402</v>
      </c>
      <c r="BH95" s="53">
        <v>306329.81492052699</v>
      </c>
      <c r="BI95" s="53">
        <v>385548.12955007498</v>
      </c>
      <c r="BJ95" s="53">
        <v>292438.88179230102</v>
      </c>
      <c r="BK95" s="53">
        <v>267357.69604918198</v>
      </c>
      <c r="BL95" s="53">
        <v>218131.426763592</v>
      </c>
      <c r="BM95" s="53">
        <v>217281.622977272</v>
      </c>
      <c r="BN95" s="53">
        <v>3269071.1615921101</v>
      </c>
      <c r="BO95" s="53">
        <v>321755.78060660802</v>
      </c>
      <c r="BP95" s="53">
        <v>200707.60244559901</v>
      </c>
      <c r="BQ95" s="53">
        <v>225564.346042549</v>
      </c>
      <c r="BR95" s="53">
        <v>250219.410411591</v>
      </c>
      <c r="BS95" s="53">
        <v>283873.25737567799</v>
      </c>
      <c r="BT95" s="53">
        <v>298590.72216892103</v>
      </c>
      <c r="BU95" s="53">
        <v>307837.97985631099</v>
      </c>
      <c r="BV95" s="53">
        <v>386403.74414489401</v>
      </c>
      <c r="BW95" s="53">
        <v>293967.90566936898</v>
      </c>
      <c r="BX95" s="53">
        <v>268462.10717160802</v>
      </c>
      <c r="BY95" s="53">
        <v>219369.03840252801</v>
      </c>
      <c r="BZ95" s="53">
        <v>219308.497244806</v>
      </c>
      <c r="CA95" s="53">
        <v>3276060.3915404598</v>
      </c>
      <c r="CB95" s="53">
        <v>497.50806538387201</v>
      </c>
      <c r="CC95" s="53">
        <v>497.33406838897298</v>
      </c>
      <c r="CD95" s="53">
        <v>497.16062464459202</v>
      </c>
      <c r="CE95" s="53">
        <v>496.98773064358897</v>
      </c>
      <c r="CF95" s="53">
        <v>496.81538291206402</v>
      </c>
      <c r="CG95" s="53">
        <v>496.643578008936</v>
      </c>
      <c r="CH95" s="53">
        <v>496.472312525544</v>
      </c>
      <c r="CI95" s="53">
        <v>496.30158308523102</v>
      </c>
      <c r="CJ95" s="53">
        <v>496.13138634294597</v>
      </c>
      <c r="CK95" s="53">
        <v>495.96171898484999</v>
      </c>
      <c r="CL95" s="53">
        <v>495.79257772793301</v>
      </c>
      <c r="CM95" s="53">
        <v>495.62395931963101</v>
      </c>
      <c r="CN95" s="53">
        <v>5958.7329879681602</v>
      </c>
    </row>
    <row r="96" spans="1:92" outlineLevel="1">
      <c r="A96" s="52" t="s">
        <v>781</v>
      </c>
      <c r="B96" s="53">
        <v>73170.293607225001</v>
      </c>
      <c r="C96" s="53">
        <v>74385.166092217201</v>
      </c>
      <c r="D96" s="53">
        <v>78955.5738008466</v>
      </c>
      <c r="E96" s="53">
        <v>81218.821685059607</v>
      </c>
      <c r="F96" s="53">
        <v>82040.525123742002</v>
      </c>
      <c r="G96" s="53">
        <v>84836.000844687296</v>
      </c>
      <c r="H96" s="53">
        <v>82326.1870236096</v>
      </c>
      <c r="I96" s="53">
        <v>78913.675797619595</v>
      </c>
      <c r="J96" s="53">
        <v>82009.612104792395</v>
      </c>
      <c r="K96" s="53">
        <v>79222.3653674058</v>
      </c>
      <c r="L96" s="53">
        <v>79662.906964357098</v>
      </c>
      <c r="M96" s="53">
        <v>75881.298099595006</v>
      </c>
      <c r="N96" s="53">
        <v>952622.42651115695</v>
      </c>
      <c r="O96" s="53">
        <v>47514.713400000001</v>
      </c>
      <c r="P96" s="53">
        <v>52401.652600000001</v>
      </c>
      <c r="Q96" s="53">
        <v>60097.340599999901</v>
      </c>
      <c r="R96" s="53">
        <v>75537.624800000005</v>
      </c>
      <c r="S96" s="53">
        <v>84906.736199999999</v>
      </c>
      <c r="T96" s="53">
        <v>65866.523799999995</v>
      </c>
      <c r="U96" s="53">
        <v>63750.649599999997</v>
      </c>
      <c r="V96" s="53">
        <v>63094.323600000003</v>
      </c>
      <c r="W96" s="53">
        <v>61531.516199999998</v>
      </c>
      <c r="X96" s="53">
        <v>55081.235000000001</v>
      </c>
      <c r="Y96" s="53">
        <v>46189.6709999999</v>
      </c>
      <c r="Z96" s="53">
        <v>51186.676200000002</v>
      </c>
      <c r="AA96" s="53">
        <v>727158.66299999994</v>
      </c>
      <c r="AB96" s="53">
        <v>48342.188168345398</v>
      </c>
      <c r="AC96" s="53">
        <v>54068.584142187203</v>
      </c>
      <c r="AD96" s="53">
        <v>61318.327695827997</v>
      </c>
      <c r="AE96" s="53">
        <v>77161.959613306899</v>
      </c>
      <c r="AF96" s="53">
        <v>86775.305519904301</v>
      </c>
      <c r="AG96" s="53">
        <v>67308.326042569606</v>
      </c>
      <c r="AH96" s="53">
        <v>65165.107136324397</v>
      </c>
      <c r="AI96" s="53">
        <v>64462.501223645602</v>
      </c>
      <c r="AJ96" s="53">
        <v>62913.796216163697</v>
      </c>
      <c r="AK96" s="53">
        <v>56353.307149767301</v>
      </c>
      <c r="AL96" s="53">
        <v>47256.659619540696</v>
      </c>
      <c r="AM96" s="53">
        <v>52413.619757022803</v>
      </c>
      <c r="AN96" s="53">
        <v>743539.68228460604</v>
      </c>
      <c r="AO96" s="53">
        <v>58869.476091341698</v>
      </c>
      <c r="AP96" s="53">
        <v>64983.645883115998</v>
      </c>
      <c r="AQ96" s="53">
        <v>74527.039750716998</v>
      </c>
      <c r="AR96" s="53">
        <v>93678.412015472597</v>
      </c>
      <c r="AS96" s="53">
        <v>105300.401218452</v>
      </c>
      <c r="AT96" s="53">
        <v>81739.165474335503</v>
      </c>
      <c r="AU96" s="53">
        <v>79141.281640436893</v>
      </c>
      <c r="AV96" s="53">
        <v>78284.473195212006</v>
      </c>
      <c r="AW96" s="53">
        <v>76396.702794408906</v>
      </c>
      <c r="AX96" s="53">
        <v>68443.914233082294</v>
      </c>
      <c r="AY96" s="53">
        <v>57422.715565058701</v>
      </c>
      <c r="AZ96" s="53">
        <v>63661.681716350802</v>
      </c>
      <c r="BA96" s="53">
        <v>902448.90957798494</v>
      </c>
      <c r="BB96" s="53">
        <v>58997.8065179599</v>
      </c>
      <c r="BC96" s="53">
        <v>65104.397603614998</v>
      </c>
      <c r="BD96" s="53">
        <v>74642.172407200196</v>
      </c>
      <c r="BE96" s="53">
        <v>93755.851675264697</v>
      </c>
      <c r="BF96" s="53">
        <v>105357.70168702</v>
      </c>
      <c r="BG96" s="53">
        <v>81847.218329884403</v>
      </c>
      <c r="BH96" s="53">
        <v>79262.359798735299</v>
      </c>
      <c r="BI96" s="53">
        <v>78414.674476835702</v>
      </c>
      <c r="BJ96" s="53">
        <v>76531.694243136502</v>
      </c>
      <c r="BK96" s="53">
        <v>68596.452765463793</v>
      </c>
      <c r="BL96" s="53">
        <v>57596.681136831299</v>
      </c>
      <c r="BM96" s="53">
        <v>63833.426898348996</v>
      </c>
      <c r="BN96" s="53">
        <v>903940.437540296</v>
      </c>
      <c r="BO96" s="53">
        <v>59117.772080132701</v>
      </c>
      <c r="BP96" s="53">
        <v>65211.808380256101</v>
      </c>
      <c r="BQ96" s="53">
        <v>74742.794743903301</v>
      </c>
      <c r="BR96" s="53">
        <v>93812.1027774182</v>
      </c>
      <c r="BS96" s="53">
        <v>105401.97806200699</v>
      </c>
      <c r="BT96" s="53">
        <v>81989.130451698293</v>
      </c>
      <c r="BU96" s="53">
        <v>79431.911436973998</v>
      </c>
      <c r="BV96" s="53">
        <v>78600.162490251605</v>
      </c>
      <c r="BW96" s="53">
        <v>76729.487251584695</v>
      </c>
      <c r="BX96" s="53">
        <v>68829.381281113994</v>
      </c>
      <c r="BY96" s="53">
        <v>57869.457360562999</v>
      </c>
      <c r="BZ96" s="53">
        <v>64092.710177088098</v>
      </c>
      <c r="CA96" s="53">
        <v>905828.69649299199</v>
      </c>
      <c r="CB96" s="53">
        <v>68245.057835248401</v>
      </c>
      <c r="CC96" s="53">
        <v>67803.423257261296</v>
      </c>
      <c r="CD96" s="53">
        <v>70049.738062636694</v>
      </c>
      <c r="CE96" s="53">
        <v>74360.367980230803</v>
      </c>
      <c r="CF96" s="53">
        <v>81611.384102900993</v>
      </c>
      <c r="CG96" s="53">
        <v>82799.352155827</v>
      </c>
      <c r="CH96" s="53">
        <v>83796.296124921704</v>
      </c>
      <c r="CI96" s="53">
        <v>75594.789399553396</v>
      </c>
      <c r="CJ96" s="53">
        <v>85171.066894835501</v>
      </c>
      <c r="CK96" s="53">
        <v>78770.891716827304</v>
      </c>
      <c r="CL96" s="53">
        <v>70287.341112743597</v>
      </c>
      <c r="CM96" s="53">
        <v>68630.993119312698</v>
      </c>
      <c r="CN96" s="53">
        <v>907120.70176229998</v>
      </c>
    </row>
    <row r="97" spans="1:92" outlineLevel="1">
      <c r="A97" s="52" t="s">
        <v>782</v>
      </c>
      <c r="B97" s="53">
        <v>487.82113804994799</v>
      </c>
      <c r="C97" s="53">
        <v>487.73970504880702</v>
      </c>
      <c r="D97" s="53">
        <v>487.609669400435</v>
      </c>
      <c r="E97" s="53">
        <v>487.45195297712701</v>
      </c>
      <c r="F97" s="53">
        <v>487.278602274994</v>
      </c>
      <c r="G97" s="53">
        <v>487.096552534453</v>
      </c>
      <c r="H97" s="53">
        <v>486.90979547760497</v>
      </c>
      <c r="I97" s="53">
        <v>486.72062769616502</v>
      </c>
      <c r="J97" s="53">
        <v>486.53036959074598</v>
      </c>
      <c r="K97" s="53">
        <v>486.33977940343902</v>
      </c>
      <c r="L97" s="53">
        <v>486.14929165637</v>
      </c>
      <c r="M97" s="53">
        <v>485.95915446665401</v>
      </c>
      <c r="N97" s="53">
        <v>5843.6066385767399</v>
      </c>
      <c r="O97" s="53">
        <v>575.85879999999997</v>
      </c>
      <c r="P97" s="53">
        <v>571.94279999999901</v>
      </c>
      <c r="Q97" s="53">
        <v>568.33259999999996</v>
      </c>
      <c r="R97" s="53">
        <v>565.00839999999903</v>
      </c>
      <c r="S97" s="53">
        <v>561.95259999999996</v>
      </c>
      <c r="T97" s="53">
        <v>559.14099999999996</v>
      </c>
      <c r="U97" s="53">
        <v>556.56259999999997</v>
      </c>
      <c r="V97" s="53">
        <v>554.19759999999997</v>
      </c>
      <c r="W97" s="53">
        <v>552.03279999999995</v>
      </c>
      <c r="X97" s="53">
        <v>550.05499999999995</v>
      </c>
      <c r="Y97" s="53">
        <v>548.24879999999996</v>
      </c>
      <c r="Z97" s="53">
        <v>546.60319999999899</v>
      </c>
      <c r="AA97" s="53">
        <v>6709.9361999999901</v>
      </c>
      <c r="AB97" s="53">
        <v>553.76009180056701</v>
      </c>
      <c r="AC97" s="53">
        <v>552.38337970355599</v>
      </c>
      <c r="AD97" s="53">
        <v>551.13852801843302</v>
      </c>
      <c r="AE97" s="53">
        <v>550.01436213402303</v>
      </c>
      <c r="AF97" s="53">
        <v>549.00641220585305</v>
      </c>
      <c r="AG97" s="53">
        <v>548.10350362274801</v>
      </c>
      <c r="AH97" s="53">
        <v>547.29893161800101</v>
      </c>
      <c r="AI97" s="53">
        <v>546.58599142490596</v>
      </c>
      <c r="AJ97" s="53">
        <v>545.96021319899205</v>
      </c>
      <c r="AK97" s="53">
        <v>545.41265725131598</v>
      </c>
      <c r="AL97" s="53">
        <v>544.93885373741</v>
      </c>
      <c r="AM97" s="53">
        <v>544.53433281280104</v>
      </c>
      <c r="AN97" s="53">
        <v>6579.1372575286096</v>
      </c>
      <c r="AO97" s="53">
        <v>658.46041216003903</v>
      </c>
      <c r="AP97" s="53">
        <v>658.11968232192305</v>
      </c>
      <c r="AQ97" s="53">
        <v>657.84655761041597</v>
      </c>
      <c r="AR97" s="53">
        <v>657.63292541032797</v>
      </c>
      <c r="AS97" s="53">
        <v>657.47878572165598</v>
      </c>
      <c r="AT97" s="53">
        <v>657.37602592920803</v>
      </c>
      <c r="AU97" s="53">
        <v>657.32464603298399</v>
      </c>
      <c r="AV97" s="53">
        <v>657.31923762285498</v>
      </c>
      <c r="AW97" s="53">
        <v>657.35709649375701</v>
      </c>
      <c r="AX97" s="53">
        <v>657.43551844062495</v>
      </c>
      <c r="AY97" s="53">
        <v>657.54909505333103</v>
      </c>
      <c r="AZ97" s="53">
        <v>657.69782633187401</v>
      </c>
      <c r="BA97" s="53">
        <v>7891.5978091289999</v>
      </c>
      <c r="BB97" s="53">
        <v>656.53506280174804</v>
      </c>
      <c r="BC97" s="53">
        <v>656.74555990343504</v>
      </c>
      <c r="BD97" s="53">
        <v>656.98034513224002</v>
      </c>
      <c r="BE97" s="53">
        <v>657.24211716895502</v>
      </c>
      <c r="BF97" s="53">
        <v>657.52817733278596</v>
      </c>
      <c r="BG97" s="53">
        <v>657.835826942945</v>
      </c>
      <c r="BH97" s="53">
        <v>658.16236731864001</v>
      </c>
      <c r="BI97" s="53">
        <v>658.50779845986995</v>
      </c>
      <c r="BJ97" s="53">
        <v>658.87212036663698</v>
      </c>
      <c r="BK97" s="53">
        <v>659.24993567735805</v>
      </c>
      <c r="BL97" s="53">
        <v>659.64394307282498</v>
      </c>
      <c r="BM97" s="53">
        <v>660.05144387224595</v>
      </c>
      <c r="BN97" s="53">
        <v>7897.3546980496803</v>
      </c>
      <c r="BO97" s="53">
        <v>658.31616202028897</v>
      </c>
      <c r="BP97" s="53">
        <v>658.74654302333397</v>
      </c>
      <c r="BQ97" s="53">
        <v>659.18499367018705</v>
      </c>
      <c r="BR97" s="53">
        <v>659.63689372338399</v>
      </c>
      <c r="BS97" s="53">
        <v>660.09417353911897</v>
      </c>
      <c r="BT97" s="53">
        <v>660.56221287993105</v>
      </c>
      <c r="BU97" s="53">
        <v>661.03563198328004</v>
      </c>
      <c r="BV97" s="53">
        <v>661.517120730437</v>
      </c>
      <c r="BW97" s="53">
        <v>662.003989240132</v>
      </c>
      <c r="BX97" s="53">
        <v>662.49892739363395</v>
      </c>
      <c r="BY97" s="53">
        <v>662.99655542840503</v>
      </c>
      <c r="BZ97" s="53">
        <v>663.49956322571302</v>
      </c>
      <c r="CA97" s="53">
        <v>7930.0927668578497</v>
      </c>
      <c r="CB97" s="53">
        <v>465268.861722817</v>
      </c>
      <c r="CC97" s="53">
        <v>380401.32836555102</v>
      </c>
      <c r="CD97" s="53">
        <v>393193.85157976701</v>
      </c>
      <c r="CE97" s="53">
        <v>405427.93495262502</v>
      </c>
      <c r="CF97" s="53">
        <v>536630.51224889501</v>
      </c>
      <c r="CG97" s="53">
        <v>619100.29819515802</v>
      </c>
      <c r="CH97" s="53">
        <v>670926.39843198098</v>
      </c>
      <c r="CI97" s="53">
        <v>672619.70995840698</v>
      </c>
      <c r="CJ97" s="53">
        <v>608516.58309860399</v>
      </c>
      <c r="CK97" s="53">
        <v>496313.82606874401</v>
      </c>
      <c r="CL97" s="53">
        <v>386313.82720507297</v>
      </c>
      <c r="CM97" s="53">
        <v>443765.15522005298</v>
      </c>
      <c r="CN97" s="53">
        <v>6078478.2870476795</v>
      </c>
    </row>
    <row r="98" spans="1:92" outlineLevel="1">
      <c r="A98" s="52" t="s">
        <v>783</v>
      </c>
      <c r="B98" s="53">
        <v>65345.466246330798</v>
      </c>
      <c r="C98" s="53">
        <v>64836.105973920101</v>
      </c>
      <c r="D98" s="53">
        <v>66915.466683152306</v>
      </c>
      <c r="E98" s="53">
        <v>71068.534384238403</v>
      </c>
      <c r="F98" s="53">
        <v>78107.114359136001</v>
      </c>
      <c r="G98" s="53">
        <v>79275.776025326704</v>
      </c>
      <c r="H98" s="53">
        <v>74846.482093564802</v>
      </c>
      <c r="I98" s="53">
        <v>77742.903485831295</v>
      </c>
      <c r="J98" s="53">
        <v>81537.705114414101</v>
      </c>
      <c r="K98" s="53">
        <v>75283.432036164304</v>
      </c>
      <c r="L98" s="53">
        <v>67058.977249971198</v>
      </c>
      <c r="M98" s="53">
        <v>65553.015847948598</v>
      </c>
      <c r="N98" s="53">
        <v>867570.97949999897</v>
      </c>
      <c r="O98" s="53">
        <v>57300.469599999997</v>
      </c>
      <c r="P98" s="53">
        <v>50518.2677999999</v>
      </c>
      <c r="Q98" s="53">
        <v>52465.883800000003</v>
      </c>
      <c r="R98" s="53">
        <v>56695.590600000003</v>
      </c>
      <c r="S98" s="53">
        <v>62166.418599999997</v>
      </c>
      <c r="T98" s="53">
        <v>62355.475599999998</v>
      </c>
      <c r="U98" s="53">
        <v>64078.517800000001</v>
      </c>
      <c r="V98" s="53">
        <v>61341.299800000001</v>
      </c>
      <c r="W98" s="53">
        <v>64813.454199999898</v>
      </c>
      <c r="X98" s="53">
        <v>59941.034999999902</v>
      </c>
      <c r="Y98" s="53">
        <v>52583.3</v>
      </c>
      <c r="Z98" s="53">
        <v>50827.779199999997</v>
      </c>
      <c r="AA98" s="53">
        <v>695087.49199999997</v>
      </c>
      <c r="AB98" s="53">
        <v>58087.642563200003</v>
      </c>
      <c r="AC98" s="53">
        <v>51273.121060915997</v>
      </c>
      <c r="AD98" s="53">
        <v>53206.004730820197</v>
      </c>
      <c r="AE98" s="53">
        <v>57504.211643802199</v>
      </c>
      <c r="AF98" s="53">
        <v>63056.019962458398</v>
      </c>
      <c r="AG98" s="53">
        <v>63240.731815370396</v>
      </c>
      <c r="AH98" s="53">
        <v>64985.7479221662</v>
      </c>
      <c r="AI98" s="53">
        <v>62192.287331217798</v>
      </c>
      <c r="AJ98" s="53">
        <v>65730.055248835401</v>
      </c>
      <c r="AK98" s="53">
        <v>60785.124418748797</v>
      </c>
      <c r="AL98" s="53">
        <v>53307.463495541</v>
      </c>
      <c r="AM98" s="53">
        <v>51503.715867321</v>
      </c>
      <c r="AN98" s="53">
        <v>704872.12606039701</v>
      </c>
      <c r="AO98" s="53">
        <v>70062.499949158198</v>
      </c>
      <c r="AP98" s="53">
        <v>61770.741987212103</v>
      </c>
      <c r="AQ98" s="53">
        <v>64214.021009167896</v>
      </c>
      <c r="AR98" s="53">
        <v>69418.523259323207</v>
      </c>
      <c r="AS98" s="53">
        <v>76126.358005709</v>
      </c>
      <c r="AT98" s="53">
        <v>76337.415802576594</v>
      </c>
      <c r="AU98" s="53">
        <v>78440.370617175606</v>
      </c>
      <c r="AV98" s="53">
        <v>75038.553659676705</v>
      </c>
      <c r="AW98" s="53">
        <v>79341.268421770699</v>
      </c>
      <c r="AX98" s="53">
        <v>73369.274915463204</v>
      </c>
      <c r="AY98" s="53">
        <v>64316.683450233402</v>
      </c>
      <c r="AZ98" s="53">
        <v>62095.535944883901</v>
      </c>
      <c r="BA98" s="53">
        <v>850531.24702235102</v>
      </c>
      <c r="BB98" s="53">
        <v>69764.296082987697</v>
      </c>
      <c r="BC98" s="53">
        <v>61507.463610190804</v>
      </c>
      <c r="BD98" s="53">
        <v>63966.1534170054</v>
      </c>
      <c r="BE98" s="53">
        <v>69162.757436023006</v>
      </c>
      <c r="BF98" s="53">
        <v>75850.280042123704</v>
      </c>
      <c r="BG98" s="53">
        <v>76051.893086647702</v>
      </c>
      <c r="BH98" s="53">
        <v>78143.918531768999</v>
      </c>
      <c r="BI98" s="53">
        <v>74733.625301841006</v>
      </c>
      <c r="BJ98" s="53">
        <v>79042.274284197803</v>
      </c>
      <c r="BK98" s="53">
        <v>73090.206961946897</v>
      </c>
      <c r="BL98" s="53">
        <v>64052.942991239601</v>
      </c>
      <c r="BM98" s="53">
        <v>61809.953342677298</v>
      </c>
      <c r="BN98" s="53">
        <v>847175.76508865005</v>
      </c>
      <c r="BO98" s="53">
        <v>69382.972295687097</v>
      </c>
      <c r="BP98" s="53">
        <v>61169.707657994499</v>
      </c>
      <c r="BQ98" s="53">
        <v>63638.975624865299</v>
      </c>
      <c r="BR98" s="53">
        <v>68819.638531157601</v>
      </c>
      <c r="BS98" s="53">
        <v>75477.352900612997</v>
      </c>
      <c r="BT98" s="53">
        <v>75668.310261782797</v>
      </c>
      <c r="BU98" s="53">
        <v>77745.996073033093</v>
      </c>
      <c r="BV98" s="53">
        <v>74330.390217379099</v>
      </c>
      <c r="BW98" s="53">
        <v>78637.769720273893</v>
      </c>
      <c r="BX98" s="53">
        <v>72710.984857696298</v>
      </c>
      <c r="BY98" s="53">
        <v>63698.884660489202</v>
      </c>
      <c r="BZ98" s="53">
        <v>61437.046887679702</v>
      </c>
      <c r="CA98" s="53">
        <v>842718.02968865202</v>
      </c>
      <c r="CB98" s="53"/>
      <c r="CC98" s="53"/>
      <c r="CD98" s="53"/>
      <c r="CE98" s="53"/>
      <c r="CF98" s="53"/>
      <c r="CG98" s="53"/>
      <c r="CH98" s="53"/>
      <c r="CI98" s="53"/>
      <c r="CJ98" s="53"/>
      <c r="CK98" s="53"/>
      <c r="CL98" s="53"/>
      <c r="CM98" s="53"/>
      <c r="CN98" s="53"/>
    </row>
    <row r="99" spans="1:92" outlineLevel="1">
      <c r="A99" s="52" t="s">
        <v>784</v>
      </c>
      <c r="B99" s="53">
        <v>440320.38341378397</v>
      </c>
      <c r="C99" s="53">
        <v>373419.58437986398</v>
      </c>
      <c r="D99" s="53">
        <v>387470.412299502</v>
      </c>
      <c r="E99" s="53">
        <v>406791.64420360199</v>
      </c>
      <c r="F99" s="53">
        <v>505975.068955197</v>
      </c>
      <c r="G99" s="53">
        <v>566595.11374013498</v>
      </c>
      <c r="H99" s="53">
        <v>616454.64496442105</v>
      </c>
      <c r="I99" s="53">
        <v>611994.81893198704</v>
      </c>
      <c r="J99" s="53">
        <v>560001.77134098695</v>
      </c>
      <c r="K99" s="53">
        <v>466097.40051035403</v>
      </c>
      <c r="L99" s="53">
        <v>385312.55666127801</v>
      </c>
      <c r="M99" s="53">
        <v>417330.39059889998</v>
      </c>
      <c r="N99" s="53">
        <v>5737763.7900000103</v>
      </c>
      <c r="O99" s="53">
        <v>485334.47366071498</v>
      </c>
      <c r="P99" s="53">
        <v>266788.00776998</v>
      </c>
      <c r="Q99" s="53">
        <v>284770.74591269699</v>
      </c>
      <c r="R99" s="53">
        <v>302354.61993303598</v>
      </c>
      <c r="S99" s="53">
        <v>388951.05253326701</v>
      </c>
      <c r="T99" s="53">
        <v>444552.01137678302</v>
      </c>
      <c r="U99" s="53">
        <v>478115.89158741903</v>
      </c>
      <c r="V99" s="53">
        <v>625854.41384027502</v>
      </c>
      <c r="W99" s="53">
        <v>432745.46382023598</v>
      </c>
      <c r="X99" s="53">
        <v>356436.43602416897</v>
      </c>
      <c r="Y99" s="53">
        <v>272016.27158130001</v>
      </c>
      <c r="Z99" s="53">
        <v>304618.02720414102</v>
      </c>
      <c r="AA99" s="53">
        <v>4642537.4152440196</v>
      </c>
      <c r="AB99" s="53">
        <v>499046.05188404798</v>
      </c>
      <c r="AC99" s="53">
        <v>282294.47721446399</v>
      </c>
      <c r="AD99" s="53">
        <v>292582.33994715801</v>
      </c>
      <c r="AE99" s="53">
        <v>310595.01965261699</v>
      </c>
      <c r="AF99" s="53">
        <v>405151.02501128201</v>
      </c>
      <c r="AG99" s="53">
        <v>467052.49122985097</v>
      </c>
      <c r="AH99" s="53">
        <v>503701.10076851299</v>
      </c>
      <c r="AI99" s="53">
        <v>654180.85731380398</v>
      </c>
      <c r="AJ99" s="53">
        <v>455002.48147124797</v>
      </c>
      <c r="AK99" s="53">
        <v>371957.66841107502</v>
      </c>
      <c r="AL99" s="53">
        <v>281379.865499612</v>
      </c>
      <c r="AM99" s="53">
        <v>316005.846314959</v>
      </c>
      <c r="AN99" s="53">
        <v>4838949.2247186303</v>
      </c>
      <c r="AO99" s="53">
        <v>603228.26068827801</v>
      </c>
      <c r="AP99" s="53">
        <v>328507.83488557802</v>
      </c>
      <c r="AQ99" s="53">
        <v>349706.20916351699</v>
      </c>
      <c r="AR99" s="53">
        <v>371388.28967895702</v>
      </c>
      <c r="AS99" s="53">
        <v>487908.23119664402</v>
      </c>
      <c r="AT99" s="53">
        <v>565765.53719563805</v>
      </c>
      <c r="AU99" s="53">
        <v>611158.33105768298</v>
      </c>
      <c r="AV99" s="53">
        <v>793807.330185225</v>
      </c>
      <c r="AW99" s="53">
        <v>552209.88970260299</v>
      </c>
      <c r="AX99" s="53">
        <v>450051.73622814502</v>
      </c>
      <c r="AY99" s="53">
        <v>339509.81694619998</v>
      </c>
      <c r="AZ99" s="53">
        <v>382384.36889695801</v>
      </c>
      <c r="BA99" s="53">
        <v>5835625.8358254302</v>
      </c>
      <c r="BB99" s="53">
        <v>600456.06098536798</v>
      </c>
      <c r="BC99" s="53">
        <v>324626.77783999301</v>
      </c>
      <c r="BD99" s="53">
        <v>344097.19845978601</v>
      </c>
      <c r="BE99" s="53">
        <v>365655.10665108397</v>
      </c>
      <c r="BF99" s="53">
        <v>483850.51950627402</v>
      </c>
      <c r="BG99" s="53">
        <v>564476.16102050501</v>
      </c>
      <c r="BH99" s="53">
        <v>610773.86454463704</v>
      </c>
      <c r="BI99" s="53">
        <v>793599.66489276395</v>
      </c>
      <c r="BJ99" s="53">
        <v>551974.51152347901</v>
      </c>
      <c r="BK99" s="53">
        <v>448477.01927612303</v>
      </c>
      <c r="BL99" s="53">
        <v>337320.59460194199</v>
      </c>
      <c r="BM99" s="53">
        <v>381015.41534952499</v>
      </c>
      <c r="BN99" s="53">
        <v>5806322.89465148</v>
      </c>
      <c r="BO99" s="53">
        <v>596746.49443408404</v>
      </c>
      <c r="BP99" s="53">
        <v>320983.17458564602</v>
      </c>
      <c r="BQ99" s="53">
        <v>338900.41539773101</v>
      </c>
      <c r="BR99" s="53">
        <v>360620.65559759497</v>
      </c>
      <c r="BS99" s="53">
        <v>479664.89208029403</v>
      </c>
      <c r="BT99" s="53">
        <v>562487.10741250799</v>
      </c>
      <c r="BU99" s="53">
        <v>609604.42872585298</v>
      </c>
      <c r="BV99" s="53">
        <v>792647.82609377697</v>
      </c>
      <c r="BW99" s="53">
        <v>552078.67151721497</v>
      </c>
      <c r="BX99" s="53">
        <v>448557.74179516401</v>
      </c>
      <c r="BY99" s="53">
        <v>337591.711988981</v>
      </c>
      <c r="BZ99" s="53">
        <v>381654.585760188</v>
      </c>
      <c r="CA99" s="53">
        <v>5781537.7053890396</v>
      </c>
      <c r="CB99" s="53">
        <v>8477205.3861828409</v>
      </c>
      <c r="CC99" s="53">
        <v>7789803.8977232501</v>
      </c>
      <c r="CD99" s="53">
        <v>8849237.1831000391</v>
      </c>
      <c r="CE99" s="53">
        <v>9375151.9676862396</v>
      </c>
      <c r="CF99" s="53">
        <v>10781746.437070699</v>
      </c>
      <c r="CG99" s="53">
        <v>11253425.770888399</v>
      </c>
      <c r="CH99" s="53">
        <v>11869963.133580299</v>
      </c>
      <c r="CI99" s="53">
        <v>11891965.4569472</v>
      </c>
      <c r="CJ99" s="53">
        <v>11225252.5189045</v>
      </c>
      <c r="CK99" s="53">
        <v>10368866.7058893</v>
      </c>
      <c r="CL99" s="53">
        <v>8712338.6544131301</v>
      </c>
      <c r="CM99" s="53">
        <v>8608131.3178959806</v>
      </c>
      <c r="CN99" s="53">
        <v>119203088.430282</v>
      </c>
    </row>
    <row r="100" spans="1:92" outlineLevel="1">
      <c r="A100" s="52" t="s">
        <v>1244</v>
      </c>
      <c r="B100" s="53"/>
      <c r="C100" s="53"/>
      <c r="D100" s="53"/>
      <c r="E100" s="53"/>
      <c r="F100" s="53"/>
      <c r="G100" s="53"/>
      <c r="H100" s="53"/>
      <c r="I100" s="53"/>
      <c r="J100" s="53"/>
      <c r="K100" s="53"/>
      <c r="L100" s="53"/>
      <c r="M100" s="53"/>
      <c r="N100" s="53"/>
      <c r="O100" s="53"/>
      <c r="P100" s="53"/>
      <c r="Q100" s="53"/>
      <c r="R100" s="53"/>
      <c r="S100" s="53"/>
      <c r="T100" s="53"/>
      <c r="U100" s="53"/>
      <c r="V100" s="53"/>
      <c r="W100" s="53"/>
      <c r="X100" s="53"/>
      <c r="Y100" s="53"/>
      <c r="Z100" s="53"/>
      <c r="AA100" s="53"/>
      <c r="AB100" s="53"/>
      <c r="AC100" s="53"/>
      <c r="AD100" s="53"/>
      <c r="AE100" s="53"/>
      <c r="AF100" s="53"/>
      <c r="AG100" s="53"/>
      <c r="AH100" s="53"/>
      <c r="AI100" s="53"/>
      <c r="AJ100" s="53"/>
      <c r="AK100" s="53"/>
      <c r="AL100" s="53"/>
      <c r="AM100" s="53"/>
      <c r="AN100" s="53"/>
      <c r="AO100" s="53"/>
      <c r="AP100" s="53"/>
      <c r="AQ100" s="53"/>
      <c r="AR100" s="53"/>
      <c r="AS100" s="53"/>
      <c r="AT100" s="53"/>
      <c r="AU100" s="53"/>
      <c r="AV100" s="53"/>
      <c r="AW100" s="53"/>
      <c r="AX100" s="53"/>
      <c r="AY100" s="53"/>
      <c r="AZ100" s="53"/>
      <c r="BA100" s="53"/>
      <c r="BB100" s="53"/>
      <c r="BC100" s="53"/>
      <c r="BD100" s="53"/>
      <c r="BE100" s="53"/>
      <c r="BF100" s="53"/>
      <c r="BG100" s="53"/>
      <c r="BH100" s="53"/>
      <c r="BI100" s="53"/>
      <c r="BJ100" s="53"/>
      <c r="BK100" s="53"/>
      <c r="BL100" s="53"/>
      <c r="BM100" s="53"/>
      <c r="BN100" s="53"/>
      <c r="BO100" s="53"/>
      <c r="BP100" s="53"/>
      <c r="BQ100" s="53"/>
      <c r="BR100" s="53"/>
      <c r="BS100" s="53"/>
      <c r="BT100" s="53"/>
      <c r="BU100" s="53"/>
      <c r="BV100" s="53"/>
      <c r="BW100" s="53"/>
      <c r="BX100" s="53"/>
      <c r="BY100" s="53"/>
      <c r="BZ100" s="53"/>
      <c r="CA100" s="53"/>
      <c r="CB100" s="53">
        <v>2838632.02996998</v>
      </c>
      <c r="CC100" s="53">
        <v>2893136.6264724401</v>
      </c>
      <c r="CD100" s="53">
        <v>3087980.1272485899</v>
      </c>
      <c r="CE100" s="53">
        <v>3059697.7454867698</v>
      </c>
      <c r="CF100" s="53">
        <v>3142458.17003205</v>
      </c>
      <c r="CG100" s="53">
        <v>3204234.92667417</v>
      </c>
      <c r="CH100" s="53">
        <v>3172872.7608490898</v>
      </c>
      <c r="CI100" s="53">
        <v>3238712.8134294399</v>
      </c>
      <c r="CJ100" s="53">
        <v>3150126.2159744799</v>
      </c>
      <c r="CK100" s="53">
        <v>3083141.4974020799</v>
      </c>
      <c r="CL100" s="53">
        <v>3044383.7490520198</v>
      </c>
      <c r="CM100" s="53">
        <v>2935717.6000893102</v>
      </c>
      <c r="CN100" s="53">
        <v>36851094.262680396</v>
      </c>
    </row>
    <row r="101" spans="1:92" outlineLevel="1">
      <c r="A101" s="52" t="s">
        <v>780</v>
      </c>
      <c r="B101" s="53">
        <v>2019225.08639929</v>
      </c>
      <c r="C101" s="53">
        <v>1831043.72780319</v>
      </c>
      <c r="D101" s="53">
        <v>2154406.3439329499</v>
      </c>
      <c r="E101" s="53">
        <v>2299325.8954736101</v>
      </c>
      <c r="F101" s="53">
        <v>2495214.77643727</v>
      </c>
      <c r="G101" s="53">
        <v>2649496.7386008301</v>
      </c>
      <c r="H101" s="53">
        <v>2763696.2993115601</v>
      </c>
      <c r="I101" s="53">
        <v>2793032.9005138502</v>
      </c>
      <c r="J101" s="53">
        <v>2642595.3430290599</v>
      </c>
      <c r="K101" s="53">
        <v>2375186.64957467</v>
      </c>
      <c r="L101" s="53">
        <v>2072640.0264838899</v>
      </c>
      <c r="M101" s="53">
        <v>2108667.10758251</v>
      </c>
      <c r="N101" s="53">
        <v>28204530.895142701</v>
      </c>
      <c r="O101" s="53">
        <v>4190838.4244271698</v>
      </c>
      <c r="P101" s="53">
        <v>2674552.4221764798</v>
      </c>
      <c r="Q101" s="53">
        <v>2962011.9782487499</v>
      </c>
      <c r="R101" s="53">
        <v>3273149.4709662902</v>
      </c>
      <c r="S101" s="53">
        <v>3640829.2431150498</v>
      </c>
      <c r="T101" s="53">
        <v>3791589.5887362598</v>
      </c>
      <c r="U101" s="53">
        <v>3906139.24293083</v>
      </c>
      <c r="V101" s="53">
        <v>4942845.6403287305</v>
      </c>
      <c r="W101" s="53">
        <v>3707550.1657642</v>
      </c>
      <c r="X101" s="53">
        <v>3449004.1212069402</v>
      </c>
      <c r="Y101" s="53">
        <v>2862209.7710700701</v>
      </c>
      <c r="Z101" s="53">
        <v>2841704.0245829001</v>
      </c>
      <c r="AA101" s="53">
        <v>42242424.0935537</v>
      </c>
      <c r="AB101" s="53">
        <v>4354573.6951265801</v>
      </c>
      <c r="AC101" s="53">
        <v>2771824.8356349901</v>
      </c>
      <c r="AD101" s="53">
        <v>3008667.9232180002</v>
      </c>
      <c r="AE101" s="53">
        <v>3351916.3250556099</v>
      </c>
      <c r="AF101" s="53">
        <v>3767169.70992913</v>
      </c>
      <c r="AG101" s="53">
        <v>3926033.05113392</v>
      </c>
      <c r="AH101" s="53">
        <v>4023812.5184706999</v>
      </c>
      <c r="AI101" s="53">
        <v>5123325.45041396</v>
      </c>
      <c r="AJ101" s="53">
        <v>3839195.07135962</v>
      </c>
      <c r="AK101" s="53">
        <v>3549726.1625810298</v>
      </c>
      <c r="AL101" s="53">
        <v>2914605.1111535798</v>
      </c>
      <c r="AM101" s="53">
        <v>2888436.81437736</v>
      </c>
      <c r="AN101" s="53">
        <v>43519286.668454498</v>
      </c>
      <c r="AO101" s="53">
        <v>7678165.5326198097</v>
      </c>
      <c r="AP101" s="53">
        <v>4705783.9967674501</v>
      </c>
      <c r="AQ101" s="53">
        <v>5374374.5248304</v>
      </c>
      <c r="AR101" s="53">
        <v>5964139.91271492</v>
      </c>
      <c r="AS101" s="53">
        <v>6729139.5818320904</v>
      </c>
      <c r="AT101" s="53">
        <v>6991736.3740154197</v>
      </c>
      <c r="AU101" s="53">
        <v>7239271.4415278602</v>
      </c>
      <c r="AV101" s="53">
        <v>9131129.2221144792</v>
      </c>
      <c r="AW101" s="53">
        <v>6913018.64968987</v>
      </c>
      <c r="AX101" s="53">
        <v>6250865.5382345598</v>
      </c>
      <c r="AY101" s="53">
        <v>5194507.3875593198</v>
      </c>
      <c r="AZ101" s="53">
        <v>5139106.50227213</v>
      </c>
      <c r="BA101" s="53">
        <v>77311238.664178297</v>
      </c>
      <c r="BB101" s="53">
        <v>10187346.445666401</v>
      </c>
      <c r="BC101" s="53">
        <v>6349308.72984243</v>
      </c>
      <c r="BD101" s="53">
        <v>7157532.3378829602</v>
      </c>
      <c r="BE101" s="53">
        <v>7948254.3850221597</v>
      </c>
      <c r="BF101" s="53">
        <v>8940503.1835184209</v>
      </c>
      <c r="BG101" s="53">
        <v>9379433.67155228</v>
      </c>
      <c r="BH101" s="53">
        <v>9674541.7194894105</v>
      </c>
      <c r="BI101" s="53">
        <v>12176423.196582999</v>
      </c>
      <c r="BJ101" s="53">
        <v>9235836.7501199692</v>
      </c>
      <c r="BK101" s="53">
        <v>8443719.9987386893</v>
      </c>
      <c r="BL101" s="53">
        <v>6889050.5780627802</v>
      </c>
      <c r="BM101" s="53">
        <v>6862211.9819363505</v>
      </c>
      <c r="BN101" s="53">
        <v>103244162.978415</v>
      </c>
      <c r="BO101" s="53">
        <v>12013588.488771999</v>
      </c>
      <c r="BP101" s="53">
        <v>7493940.08649542</v>
      </c>
      <c r="BQ101" s="53">
        <v>8422031.2250033095</v>
      </c>
      <c r="BR101" s="53">
        <v>9342592.1452622693</v>
      </c>
      <c r="BS101" s="53">
        <v>10599146.0064808</v>
      </c>
      <c r="BT101" s="53">
        <v>11148660.813303201</v>
      </c>
      <c r="BU101" s="53">
        <v>11493931.2177587</v>
      </c>
      <c r="BV101" s="53">
        <v>14427388.2630041</v>
      </c>
      <c r="BW101" s="53">
        <v>10976055.942055801</v>
      </c>
      <c r="BX101" s="53">
        <v>10023730.651576299</v>
      </c>
      <c r="BY101" s="53">
        <v>8190713.3092591297</v>
      </c>
      <c r="BZ101" s="53">
        <v>8188452.8477558903</v>
      </c>
      <c r="CA101" s="53">
        <v>122320230.996727</v>
      </c>
      <c r="CB101" s="53">
        <v>18142.450925809098</v>
      </c>
      <c r="CC101" s="53">
        <v>18136.105838842999</v>
      </c>
      <c r="CD101" s="53">
        <v>18129.780927068201</v>
      </c>
      <c r="CE101" s="53">
        <v>18123.476062590998</v>
      </c>
      <c r="CF101" s="53">
        <v>18117.191118729901</v>
      </c>
      <c r="CG101" s="53">
        <v>18110.925970000299</v>
      </c>
      <c r="CH101" s="53">
        <v>18104.680492099698</v>
      </c>
      <c r="CI101" s="53">
        <v>18098.4545618927</v>
      </c>
      <c r="CJ101" s="53">
        <v>18092.248057396599</v>
      </c>
      <c r="CK101" s="53">
        <v>18086.060857766901</v>
      </c>
      <c r="CL101" s="53">
        <v>18079.892843283</v>
      </c>
      <c r="CM101" s="53">
        <v>18073.743895334799</v>
      </c>
      <c r="CN101" s="53">
        <v>217295.01155081499</v>
      </c>
    </row>
    <row r="102" spans="1:92" outlineLevel="1">
      <c r="A102" s="52" t="s">
        <v>781</v>
      </c>
      <c r="B102" s="53">
        <v>656921.646463988</v>
      </c>
      <c r="C102" s="53">
        <v>667828.75088766101</v>
      </c>
      <c r="D102" s="53">
        <v>708861.79324609903</v>
      </c>
      <c r="E102" s="53">
        <v>729181.19410068903</v>
      </c>
      <c r="F102" s="53">
        <v>736558.43354080897</v>
      </c>
      <c r="G102" s="53">
        <v>761656.16682463698</v>
      </c>
      <c r="H102" s="53">
        <v>739123.10119952401</v>
      </c>
      <c r="I102" s="53">
        <v>708485.63368862495</v>
      </c>
      <c r="J102" s="53">
        <v>736280.89698458696</v>
      </c>
      <c r="K102" s="53">
        <v>711257.04337462096</v>
      </c>
      <c r="L102" s="53">
        <v>715212.21830884495</v>
      </c>
      <c r="M102" s="53">
        <v>681260.99850019603</v>
      </c>
      <c r="N102" s="53">
        <v>8552627.8771202806</v>
      </c>
      <c r="O102" s="53">
        <v>768731.80483258294</v>
      </c>
      <c r="P102" s="53">
        <v>847796.69489510194</v>
      </c>
      <c r="Q102" s="53">
        <v>972303.81495001202</v>
      </c>
      <c r="R102" s="53">
        <v>1222109.33182794</v>
      </c>
      <c r="S102" s="53">
        <v>1373690.4611418699</v>
      </c>
      <c r="T102" s="53">
        <v>1065642.3683452599</v>
      </c>
      <c r="U102" s="53">
        <v>1031410.02900919</v>
      </c>
      <c r="V102" s="53">
        <v>1020791.45142689</v>
      </c>
      <c r="W102" s="53">
        <v>995507.07807723596</v>
      </c>
      <c r="X102" s="53">
        <v>891149.16547002899</v>
      </c>
      <c r="Y102" s="53">
        <v>747294.18766636599</v>
      </c>
      <c r="Z102" s="53">
        <v>828139.81528944697</v>
      </c>
      <c r="AA102" s="53">
        <v>11764566.2029319</v>
      </c>
      <c r="AB102" s="53">
        <v>787128.84596398298</v>
      </c>
      <c r="AC102" s="53">
        <v>880368.552837127</v>
      </c>
      <c r="AD102" s="53">
        <v>998412.07740908104</v>
      </c>
      <c r="AE102" s="53">
        <v>1256385.08565717</v>
      </c>
      <c r="AF102" s="53">
        <v>1412913.82703233</v>
      </c>
      <c r="AG102" s="53">
        <v>1095943.87447167</v>
      </c>
      <c r="AH102" s="53">
        <v>1061047.0382249099</v>
      </c>
      <c r="AI102" s="53">
        <v>1049606.8986249301</v>
      </c>
      <c r="AJ102" s="53">
        <v>1024390.20009583</v>
      </c>
      <c r="AK102" s="53">
        <v>917569.42132163304</v>
      </c>
      <c r="AL102" s="53">
        <v>769453.79098082602</v>
      </c>
      <c r="AM102" s="53">
        <v>853421.69221779401</v>
      </c>
      <c r="AN102" s="53">
        <v>12106641.3048373</v>
      </c>
      <c r="AO102" s="53">
        <v>1401918.87767057</v>
      </c>
      <c r="AP102" s="53">
        <v>1547521.8390265</v>
      </c>
      <c r="AQ102" s="53">
        <v>1774788.4109130299</v>
      </c>
      <c r="AR102" s="53">
        <v>2230859.5719608902</v>
      </c>
      <c r="AS102" s="53">
        <v>2507625.8546174699</v>
      </c>
      <c r="AT102" s="53">
        <v>1946538.1167263801</v>
      </c>
      <c r="AU102" s="53">
        <v>1884672.0592964401</v>
      </c>
      <c r="AV102" s="53">
        <v>1864268.0058945599</v>
      </c>
      <c r="AW102" s="53">
        <v>1819312.6039221201</v>
      </c>
      <c r="AX102" s="53">
        <v>1629924.7385205701</v>
      </c>
      <c r="AY102" s="53">
        <v>1367465.69364498</v>
      </c>
      <c r="AZ102" s="53">
        <v>1516040.55799528</v>
      </c>
      <c r="BA102" s="53">
        <v>21490936.3301888</v>
      </c>
      <c r="BB102" s="53">
        <v>1863275.1783056001</v>
      </c>
      <c r="BC102" s="53">
        <v>2056134.2058780801</v>
      </c>
      <c r="BD102" s="53">
        <v>2357357.2529142299</v>
      </c>
      <c r="BE102" s="53">
        <v>2961007.5621072901</v>
      </c>
      <c r="BF102" s="53">
        <v>3327418.4581250502</v>
      </c>
      <c r="BG102" s="53">
        <v>2584907.80129271</v>
      </c>
      <c r="BH102" s="53">
        <v>2503272.5164443599</v>
      </c>
      <c r="BI102" s="53">
        <v>2476500.82589297</v>
      </c>
      <c r="BJ102" s="53">
        <v>2417032.3382022702</v>
      </c>
      <c r="BK102" s="53">
        <v>2166420.6739413701</v>
      </c>
      <c r="BL102" s="53">
        <v>1819024.6832714099</v>
      </c>
      <c r="BM102" s="53">
        <v>2015994.2700525899</v>
      </c>
      <c r="BN102" s="53">
        <v>28548345.766427901</v>
      </c>
      <c r="BO102" s="53">
        <v>2207315.7001398802</v>
      </c>
      <c r="BP102" s="53">
        <v>2434852.3871491901</v>
      </c>
      <c r="BQ102" s="53">
        <v>2790716.5392992599</v>
      </c>
      <c r="BR102" s="53">
        <v>3502718.72632564</v>
      </c>
      <c r="BS102" s="53">
        <v>3935456.8485211302</v>
      </c>
      <c r="BT102" s="53">
        <v>3061277.3201524299</v>
      </c>
      <c r="BU102" s="53">
        <v>2965796.9006223101</v>
      </c>
      <c r="BV102" s="53">
        <v>2934741.39152453</v>
      </c>
      <c r="BW102" s="53">
        <v>2864894.8685774999</v>
      </c>
      <c r="BX102" s="53">
        <v>2569923.8754596901</v>
      </c>
      <c r="BY102" s="53">
        <v>2160706.6250298298</v>
      </c>
      <c r="BZ102" s="53">
        <v>2393067.9465836301</v>
      </c>
      <c r="CA102" s="53">
        <v>33821469.129385002</v>
      </c>
      <c r="CB102" s="53">
        <v>2488668.42339464</v>
      </c>
      <c r="CC102" s="53">
        <v>2472563.4912020499</v>
      </c>
      <c r="CD102" s="53">
        <v>2554479.0599255399</v>
      </c>
      <c r="CE102" s="53">
        <v>2711673.27883521</v>
      </c>
      <c r="CF102" s="53">
        <v>2976093.5230905199</v>
      </c>
      <c r="CG102" s="53">
        <v>3019414.73454668</v>
      </c>
      <c r="CH102" s="53">
        <v>3055769.9381977501</v>
      </c>
      <c r="CI102" s="53">
        <v>2756688.4887987799</v>
      </c>
      <c r="CJ102" s="53">
        <v>3105903.21836509</v>
      </c>
      <c r="CK102" s="53">
        <v>2872510.29036501</v>
      </c>
      <c r="CL102" s="53">
        <v>2563143.6464444799</v>
      </c>
      <c r="CM102" s="53">
        <v>2502742.1891059</v>
      </c>
      <c r="CN102" s="53">
        <v>33079650.282271702</v>
      </c>
    </row>
    <row r="103" spans="1:92" outlineLevel="1">
      <c r="A103" s="52" t="s">
        <v>782</v>
      </c>
      <c r="B103" s="53">
        <v>4379.6498468070304</v>
      </c>
      <c r="C103" s="53">
        <v>4378.9187427134302</v>
      </c>
      <c r="D103" s="53">
        <v>4377.7512848829801</v>
      </c>
      <c r="E103" s="53">
        <v>4376.3353095278699</v>
      </c>
      <c r="F103" s="53">
        <v>4374.7789698844599</v>
      </c>
      <c r="G103" s="53">
        <v>4373.14453042278</v>
      </c>
      <c r="H103" s="53">
        <v>4371.4678287556799</v>
      </c>
      <c r="I103" s="53">
        <v>4369.7694836443698</v>
      </c>
      <c r="J103" s="53">
        <v>4368.0613496229898</v>
      </c>
      <c r="K103" s="53">
        <v>4366.3502341760804</v>
      </c>
      <c r="L103" s="53">
        <v>4364.6400384358903</v>
      </c>
      <c r="M103" s="53">
        <v>4362.9329899936301</v>
      </c>
      <c r="N103" s="53">
        <v>52463.800608867197</v>
      </c>
      <c r="O103" s="53">
        <v>9316.7135604089599</v>
      </c>
      <c r="P103" s="53">
        <v>9253.3573169990104</v>
      </c>
      <c r="Q103" s="53">
        <v>9194.94855551826</v>
      </c>
      <c r="R103" s="53">
        <v>9141.1669354101505</v>
      </c>
      <c r="S103" s="53">
        <v>9091.7277095132904</v>
      </c>
      <c r="T103" s="53">
        <v>9046.2393504807496</v>
      </c>
      <c r="U103" s="53">
        <v>9004.5238913366702</v>
      </c>
      <c r="V103" s="53">
        <v>8966.2609915244793</v>
      </c>
      <c r="W103" s="53">
        <v>8931.2370906731394</v>
      </c>
      <c r="X103" s="53">
        <v>8899.2386284116001</v>
      </c>
      <c r="Y103" s="53">
        <v>8870.0164509736405</v>
      </c>
      <c r="Z103" s="53">
        <v>8843.39259138339</v>
      </c>
      <c r="AA103" s="53">
        <v>108558.82307263299</v>
      </c>
      <c r="AB103" s="53">
        <v>9016.5662440018605</v>
      </c>
      <c r="AC103" s="53">
        <v>8994.1500099585901</v>
      </c>
      <c r="AD103" s="53">
        <v>8973.8807853447906</v>
      </c>
      <c r="AE103" s="53">
        <v>8955.5766202088107</v>
      </c>
      <c r="AF103" s="53">
        <v>8939.1647345699894</v>
      </c>
      <c r="AG103" s="53">
        <v>8924.4631784766807</v>
      </c>
      <c r="AH103" s="53">
        <v>8911.3627819578796</v>
      </c>
      <c r="AI103" s="53">
        <v>8899.7543750426194</v>
      </c>
      <c r="AJ103" s="53">
        <v>8889.5651777502208</v>
      </c>
      <c r="AK103" s="53">
        <v>8880.6496301193802</v>
      </c>
      <c r="AL103" s="53">
        <v>8872.9349521694203</v>
      </c>
      <c r="AM103" s="53">
        <v>8866.3483639196893</v>
      </c>
      <c r="AN103" s="53">
        <v>107124.416853519</v>
      </c>
      <c r="AO103" s="53">
        <v>15680.589386825999</v>
      </c>
      <c r="AP103" s="53">
        <v>15672.475239666001</v>
      </c>
      <c r="AQ103" s="53">
        <v>15665.971042339201</v>
      </c>
      <c r="AR103" s="53">
        <v>15660.8836008659</v>
      </c>
      <c r="AS103" s="53">
        <v>15657.2129152458</v>
      </c>
      <c r="AT103" s="53">
        <v>15654.7657914991</v>
      </c>
      <c r="AU103" s="53">
        <v>15653.5422296258</v>
      </c>
      <c r="AV103" s="53">
        <v>15653.4134336391</v>
      </c>
      <c r="AW103" s="53">
        <v>15654.315005545801</v>
      </c>
      <c r="AX103" s="53">
        <v>15656.1825473525</v>
      </c>
      <c r="AY103" s="53">
        <v>15658.8872630725</v>
      </c>
      <c r="AZ103" s="53">
        <v>15662.429152705899</v>
      </c>
      <c r="BA103" s="53">
        <v>187930.66760838401</v>
      </c>
      <c r="BB103" s="53">
        <v>20734.762161596798</v>
      </c>
      <c r="BC103" s="53">
        <v>20741.410104085298</v>
      </c>
      <c r="BD103" s="53">
        <v>20748.825116860899</v>
      </c>
      <c r="BE103" s="53">
        <v>20757.092429955599</v>
      </c>
      <c r="BF103" s="53">
        <v>20766.1268133374</v>
      </c>
      <c r="BG103" s="53">
        <v>20775.8430369745</v>
      </c>
      <c r="BH103" s="53">
        <v>20786.1558708349</v>
      </c>
      <c r="BI103" s="53">
        <v>20797.0653149186</v>
      </c>
      <c r="BJ103" s="53">
        <v>20808.571369225599</v>
      </c>
      <c r="BK103" s="53">
        <v>20820.5035736922</v>
      </c>
      <c r="BL103" s="53">
        <v>20832.9471583501</v>
      </c>
      <c r="BM103" s="53">
        <v>20845.816893167601</v>
      </c>
      <c r="BN103" s="53">
        <v>249415.11984299999</v>
      </c>
      <c r="BO103" s="53">
        <v>24579.945233957002</v>
      </c>
      <c r="BP103" s="53">
        <v>24596.0146275021</v>
      </c>
      <c r="BQ103" s="53">
        <v>24612.3853221762</v>
      </c>
      <c r="BR103" s="53">
        <v>24629.258185398499</v>
      </c>
      <c r="BS103" s="53">
        <v>24646.331916040101</v>
      </c>
      <c r="BT103" s="53">
        <v>24663.807381520401</v>
      </c>
      <c r="BU103" s="53">
        <v>24681.483714419999</v>
      </c>
      <c r="BV103" s="53">
        <v>24699.461348448502</v>
      </c>
      <c r="BW103" s="53">
        <v>24717.639849896401</v>
      </c>
      <c r="BX103" s="53">
        <v>24736.1196524732</v>
      </c>
      <c r="BY103" s="53">
        <v>24754.6998887597</v>
      </c>
      <c r="BZ103" s="53">
        <v>24773.480992465498</v>
      </c>
      <c r="CA103" s="53">
        <v>296090.62811305799</v>
      </c>
      <c r="CB103" s="53">
        <v>16966795.271148399</v>
      </c>
      <c r="CC103" s="53">
        <v>13871960.903105199</v>
      </c>
      <c r="CD103" s="53">
        <v>14338461.329489499</v>
      </c>
      <c r="CE103" s="53">
        <v>14784597.3273915</v>
      </c>
      <c r="CF103" s="53">
        <v>19569115.379577499</v>
      </c>
      <c r="CG103" s="53">
        <v>22576511.939546</v>
      </c>
      <c r="CH103" s="53">
        <v>24466436.034539599</v>
      </c>
      <c r="CI103" s="53">
        <v>24528185.427982301</v>
      </c>
      <c r="CJ103" s="53">
        <v>22190559.3387498</v>
      </c>
      <c r="CK103" s="53">
        <v>18098901.022448901</v>
      </c>
      <c r="CL103" s="53">
        <v>14087569.910292201</v>
      </c>
      <c r="CM103" s="53">
        <v>16182627.200127499</v>
      </c>
      <c r="CN103" s="53">
        <v>221661721.08439901</v>
      </c>
    </row>
    <row r="104" spans="1:92" outlineLevel="1">
      <c r="A104" s="52" t="s">
        <v>783</v>
      </c>
      <c r="B104" s="53">
        <v>586670.48004380101</v>
      </c>
      <c r="C104" s="53">
        <v>582097.45221653103</v>
      </c>
      <c r="D104" s="53">
        <v>600765.91715441702</v>
      </c>
      <c r="E104" s="53">
        <v>638052.08805211796</v>
      </c>
      <c r="F104" s="53">
        <v>701244.33886770799</v>
      </c>
      <c r="G104" s="53">
        <v>711736.56334933196</v>
      </c>
      <c r="H104" s="53">
        <v>671970.43806978699</v>
      </c>
      <c r="I104" s="53">
        <v>697974.45986686996</v>
      </c>
      <c r="J104" s="53">
        <v>732044.12408380699</v>
      </c>
      <c r="K104" s="53">
        <v>675893.36719257699</v>
      </c>
      <c r="L104" s="53">
        <v>602054.35257256299</v>
      </c>
      <c r="M104" s="53">
        <v>588533.85682276497</v>
      </c>
      <c r="N104" s="53">
        <v>7789037.4382922798</v>
      </c>
      <c r="O104" s="53">
        <v>927053.75369816599</v>
      </c>
      <c r="P104" s="53">
        <v>817325.75878085301</v>
      </c>
      <c r="Q104" s="53">
        <v>848835.87966060499</v>
      </c>
      <c r="R104" s="53">
        <v>917267.52766201505</v>
      </c>
      <c r="S104" s="53">
        <v>1005779.04717732</v>
      </c>
      <c r="T104" s="53">
        <v>1008837.76559161</v>
      </c>
      <c r="U104" s="53">
        <v>1036714.54828539</v>
      </c>
      <c r="V104" s="53">
        <v>992429.60194369103</v>
      </c>
      <c r="W104" s="53">
        <v>1048604.9490640501</v>
      </c>
      <c r="X104" s="53">
        <v>969774.97540968005</v>
      </c>
      <c r="Y104" s="53">
        <v>850735.53475444403</v>
      </c>
      <c r="Z104" s="53">
        <v>822333.28676771501</v>
      </c>
      <c r="AA104" s="53">
        <v>11245692.628795501</v>
      </c>
      <c r="AB104" s="53">
        <v>945808.63605754497</v>
      </c>
      <c r="AC104" s="53">
        <v>834851.58903248096</v>
      </c>
      <c r="AD104" s="53">
        <v>866323.654119318</v>
      </c>
      <c r="AE104" s="53">
        <v>936308.95630192198</v>
      </c>
      <c r="AF104" s="53">
        <v>1026705.94991046</v>
      </c>
      <c r="AG104" s="53">
        <v>1029713.50983126</v>
      </c>
      <c r="AH104" s="53">
        <v>1058126.6323309599</v>
      </c>
      <c r="AI104" s="53">
        <v>1012642.2739576499</v>
      </c>
      <c r="AJ104" s="53">
        <v>1070245.7727605</v>
      </c>
      <c r="AK104" s="53">
        <v>989730.22629613394</v>
      </c>
      <c r="AL104" s="53">
        <v>867975.65051032905</v>
      </c>
      <c r="AM104" s="53">
        <v>838606.23545474804</v>
      </c>
      <c r="AN104" s="53">
        <v>11477039.0865633</v>
      </c>
      <c r="AO104" s="53">
        <v>1668469.77104259</v>
      </c>
      <c r="AP104" s="53">
        <v>1471009.6815746401</v>
      </c>
      <c r="AQ104" s="53">
        <v>1529193.9769297</v>
      </c>
      <c r="AR104" s="53">
        <v>1653134.0973080599</v>
      </c>
      <c r="AS104" s="53">
        <v>1812874.60773254</v>
      </c>
      <c r="AT104" s="53">
        <v>1817900.74231626</v>
      </c>
      <c r="AU104" s="53">
        <v>1867980.5502102601</v>
      </c>
      <c r="AV104" s="53">
        <v>1786969.6133421001</v>
      </c>
      <c r="AW104" s="53">
        <v>1889434.5484954501</v>
      </c>
      <c r="AX104" s="53">
        <v>1747217.37603704</v>
      </c>
      <c r="AY104" s="53">
        <v>1531638.78234863</v>
      </c>
      <c r="AZ104" s="53">
        <v>1478744.3313599899</v>
      </c>
      <c r="BA104" s="53">
        <v>20254568.078697301</v>
      </c>
      <c r="BB104" s="53">
        <v>2203303.62932768</v>
      </c>
      <c r="BC104" s="53">
        <v>1942535.44308491</v>
      </c>
      <c r="BD104" s="53">
        <v>2020186.0534816899</v>
      </c>
      <c r="BE104" s="53">
        <v>2184305.76998625</v>
      </c>
      <c r="BF104" s="53">
        <v>2395511.8403765499</v>
      </c>
      <c r="BG104" s="53">
        <v>2401879.2056000298</v>
      </c>
      <c r="BH104" s="53">
        <v>2467949.7820220799</v>
      </c>
      <c r="BI104" s="53">
        <v>2360245.5282353899</v>
      </c>
      <c r="BJ104" s="53">
        <v>2496321.7516524899</v>
      </c>
      <c r="BK104" s="53">
        <v>2308342.9104768001</v>
      </c>
      <c r="BL104" s="53">
        <v>2022927.0513077199</v>
      </c>
      <c r="BM104" s="53">
        <v>1952088.7069009601</v>
      </c>
      <c r="BN104" s="53">
        <v>26755597.672452599</v>
      </c>
      <c r="BO104" s="53">
        <v>2590593.6350755799</v>
      </c>
      <c r="BP104" s="53">
        <v>2283930.0490458398</v>
      </c>
      <c r="BQ104" s="53">
        <v>2376126.5875713201</v>
      </c>
      <c r="BR104" s="53">
        <v>2569560.1045633098</v>
      </c>
      <c r="BS104" s="53">
        <v>2818143.17759973</v>
      </c>
      <c r="BT104" s="53">
        <v>2825273.0670819702</v>
      </c>
      <c r="BU104" s="53">
        <v>2902848.8678904702</v>
      </c>
      <c r="BV104" s="53">
        <v>2775318.34423583</v>
      </c>
      <c r="BW104" s="53">
        <v>2936145.55521924</v>
      </c>
      <c r="BX104" s="53">
        <v>2714853.6354089598</v>
      </c>
      <c r="BY104" s="53">
        <v>2378363.4471527901</v>
      </c>
      <c r="BZ104" s="53">
        <v>2293911.8541474901</v>
      </c>
      <c r="CA104" s="53">
        <v>31465068.3249925</v>
      </c>
      <c r="CB104" s="53"/>
      <c r="CC104" s="53"/>
      <c r="CD104" s="53"/>
      <c r="CE104" s="53"/>
      <c r="CF104" s="53"/>
      <c r="CG104" s="53"/>
      <c r="CH104" s="53"/>
      <c r="CI104" s="53"/>
      <c r="CJ104" s="53"/>
      <c r="CK104" s="53"/>
      <c r="CL104" s="53"/>
      <c r="CM104" s="53"/>
      <c r="CN104" s="53"/>
    </row>
    <row r="105" spans="1:92" outlineLevel="1">
      <c r="A105" s="52" t="s">
        <v>784</v>
      </c>
      <c r="B105" s="53">
        <v>3953188.8828620999</v>
      </c>
      <c r="C105" s="53">
        <v>3352554.6516120001</v>
      </c>
      <c r="D105" s="53">
        <v>3478702.7447261098</v>
      </c>
      <c r="E105" s="53">
        <v>3652168.4348091199</v>
      </c>
      <c r="F105" s="53">
        <v>4542635.5284565501</v>
      </c>
      <c r="G105" s="53">
        <v>5086881.2553168004</v>
      </c>
      <c r="H105" s="53">
        <v>5534519.2751886602</v>
      </c>
      <c r="I105" s="53">
        <v>5494479.03323068</v>
      </c>
      <c r="J105" s="53">
        <v>5027686.33985289</v>
      </c>
      <c r="K105" s="53">
        <v>4184614.5021565501</v>
      </c>
      <c r="L105" s="53">
        <v>3459329.5536562102</v>
      </c>
      <c r="M105" s="53">
        <v>3746785.1199741201</v>
      </c>
      <c r="N105" s="53">
        <v>51513545.321841799</v>
      </c>
      <c r="O105" s="53">
        <v>7852137.1421062499</v>
      </c>
      <c r="P105" s="53">
        <v>4316314.0855797697</v>
      </c>
      <c r="Q105" s="53">
        <v>4607253.4969555</v>
      </c>
      <c r="R105" s="53">
        <v>4891739.75909096</v>
      </c>
      <c r="S105" s="53">
        <v>6292767.5073681697</v>
      </c>
      <c r="T105" s="53">
        <v>7192325.1892671501</v>
      </c>
      <c r="U105" s="53">
        <v>7735349.0310463803</v>
      </c>
      <c r="V105" s="53">
        <v>10125583.3969499</v>
      </c>
      <c r="W105" s="53">
        <v>7001309.2288933704</v>
      </c>
      <c r="X105" s="53">
        <v>5766719.5099392803</v>
      </c>
      <c r="Y105" s="53">
        <v>4400901.2037211005</v>
      </c>
      <c r="Z105" s="53">
        <v>4928359.0088366196</v>
      </c>
      <c r="AA105" s="53">
        <v>75110758.559754506</v>
      </c>
      <c r="AB105" s="53">
        <v>8125688.0953433504</v>
      </c>
      <c r="AC105" s="53">
        <v>4596443.2825844903</v>
      </c>
      <c r="AD105" s="53">
        <v>4763954.8046534099</v>
      </c>
      <c r="AE105" s="53">
        <v>5057245.2064015204</v>
      </c>
      <c r="AF105" s="53">
        <v>6596847.8226038497</v>
      </c>
      <c r="AG105" s="53">
        <v>7604754.8188371202</v>
      </c>
      <c r="AH105" s="53">
        <v>8201483.6560154296</v>
      </c>
      <c r="AI105" s="53">
        <v>10651661.4737418</v>
      </c>
      <c r="AJ105" s="53">
        <v>7408551.2410819298</v>
      </c>
      <c r="AK105" s="53">
        <v>6056378.9389156299</v>
      </c>
      <c r="AL105" s="53">
        <v>4581551.1709343297</v>
      </c>
      <c r="AM105" s="53">
        <v>5145346.6744527603</v>
      </c>
      <c r="AN105" s="53">
        <v>78789907.185565695</v>
      </c>
      <c r="AO105" s="53">
        <v>14365289.8301851</v>
      </c>
      <c r="AP105" s="53">
        <v>7823092.1313824002</v>
      </c>
      <c r="AQ105" s="53">
        <v>8327910.6391954701</v>
      </c>
      <c r="AR105" s="53">
        <v>8844248.13699493</v>
      </c>
      <c r="AS105" s="53">
        <v>11619056.3480491</v>
      </c>
      <c r="AT105" s="53">
        <v>13473151.785814</v>
      </c>
      <c r="AU105" s="53">
        <v>14554136.6841112</v>
      </c>
      <c r="AV105" s="53">
        <v>18903743.591895401</v>
      </c>
      <c r="AW105" s="53">
        <v>13150337.3260752</v>
      </c>
      <c r="AX105" s="53">
        <v>10717541.021898899</v>
      </c>
      <c r="AY105" s="53">
        <v>8085093.5515860897</v>
      </c>
      <c r="AZ105" s="53">
        <v>9106108.9867867194</v>
      </c>
      <c r="BA105" s="53">
        <v>138969710.03397399</v>
      </c>
      <c r="BB105" s="53">
        <v>18963668.992619298</v>
      </c>
      <c r="BC105" s="53">
        <v>10252398.403633</v>
      </c>
      <c r="BD105" s="53">
        <v>10867315.357214799</v>
      </c>
      <c r="BE105" s="53">
        <v>11548159.571597699</v>
      </c>
      <c r="BF105" s="53">
        <v>15281020.0279541</v>
      </c>
      <c r="BG105" s="53">
        <v>17827347.856645498</v>
      </c>
      <c r="BH105" s="53">
        <v>19289526.993132699</v>
      </c>
      <c r="BI105" s="53">
        <v>25063551.416207101</v>
      </c>
      <c r="BJ105" s="53">
        <v>17432519.394868799</v>
      </c>
      <c r="BK105" s="53">
        <v>14163850.2747267</v>
      </c>
      <c r="BL105" s="53">
        <v>10653295.9129887</v>
      </c>
      <c r="BM105" s="53">
        <v>12033270.520937899</v>
      </c>
      <c r="BN105" s="53">
        <v>183375924.722527</v>
      </c>
      <c r="BO105" s="53">
        <v>22281081.641276099</v>
      </c>
      <c r="BP105" s="53">
        <v>11984741.2345524</v>
      </c>
      <c r="BQ105" s="53">
        <v>12653727.997011799</v>
      </c>
      <c r="BR105" s="53">
        <v>13464709.627696101</v>
      </c>
      <c r="BS105" s="53">
        <v>17909535.6580691</v>
      </c>
      <c r="BT105" s="53">
        <v>21001918.3678803</v>
      </c>
      <c r="BU105" s="53">
        <v>22761166.042885799</v>
      </c>
      <c r="BV105" s="53">
        <v>29595567.1138447</v>
      </c>
      <c r="BW105" s="53">
        <v>20613292.356493399</v>
      </c>
      <c r="BX105" s="53">
        <v>16748069.3376213</v>
      </c>
      <c r="BY105" s="53">
        <v>12604864.1532079</v>
      </c>
      <c r="BZ105" s="53">
        <v>14250066.0890426</v>
      </c>
      <c r="CA105" s="53">
        <v>215868739.619582</v>
      </c>
      <c r="CB105" s="53">
        <v>68761.545873078401</v>
      </c>
      <c r="CC105" s="53">
        <v>65016.100453266801</v>
      </c>
      <c r="CD105" s="53">
        <v>73142.370998875893</v>
      </c>
      <c r="CE105" s="53">
        <v>77346.687494002501</v>
      </c>
      <c r="CF105" s="53">
        <v>87582.950099330395</v>
      </c>
      <c r="CG105" s="53">
        <v>89471.3545275387</v>
      </c>
      <c r="CH105" s="53">
        <v>94022.713903270895</v>
      </c>
      <c r="CI105" s="53">
        <v>94367.351581825395</v>
      </c>
      <c r="CJ105" s="53">
        <v>89249.055088425695</v>
      </c>
      <c r="CK105" s="53">
        <v>84054.711216104202</v>
      </c>
      <c r="CL105" s="53">
        <v>72131.523667972302</v>
      </c>
      <c r="CM105" s="53">
        <v>70623.614631129894</v>
      </c>
      <c r="CN105" s="53">
        <v>965769.979534821</v>
      </c>
    </row>
    <row r="106" spans="1:92" outlineLevel="1">
      <c r="A106" s="52" t="s">
        <v>1245</v>
      </c>
      <c r="B106" s="53"/>
      <c r="C106" s="53"/>
      <c r="D106" s="53"/>
      <c r="E106" s="53"/>
      <c r="F106" s="53"/>
      <c r="G106" s="53"/>
      <c r="H106" s="53"/>
      <c r="I106" s="53"/>
      <c r="J106" s="53"/>
      <c r="K106" s="53"/>
      <c r="L106" s="53"/>
      <c r="M106" s="53"/>
      <c r="N106" s="53"/>
      <c r="O106" s="53"/>
      <c r="P106" s="53"/>
      <c r="Q106" s="53"/>
      <c r="R106" s="53"/>
      <c r="S106" s="53"/>
      <c r="T106" s="53"/>
      <c r="U106" s="53"/>
      <c r="V106" s="53"/>
      <c r="W106" s="53"/>
      <c r="X106" s="53"/>
      <c r="Y106" s="53"/>
      <c r="Z106" s="53"/>
      <c r="AA106" s="53"/>
      <c r="AB106" s="53"/>
      <c r="AC106" s="53"/>
      <c r="AD106" s="53"/>
      <c r="AE106" s="53"/>
      <c r="AF106" s="53"/>
      <c r="AG106" s="53"/>
      <c r="AH106" s="53"/>
      <c r="AI106" s="53"/>
      <c r="AJ106" s="53"/>
      <c r="AK106" s="53"/>
      <c r="AL106" s="53"/>
      <c r="AM106" s="53"/>
      <c r="AN106" s="53"/>
      <c r="AO106" s="53"/>
      <c r="AP106" s="53"/>
      <c r="AQ106" s="53"/>
      <c r="AR106" s="53"/>
      <c r="AS106" s="53"/>
      <c r="AT106" s="53"/>
      <c r="AU106" s="53"/>
      <c r="AV106" s="53"/>
      <c r="AW106" s="53"/>
      <c r="AX106" s="53"/>
      <c r="AY106" s="53"/>
      <c r="AZ106" s="53"/>
      <c r="BA106" s="53"/>
      <c r="BB106" s="53"/>
      <c r="BC106" s="53"/>
      <c r="BD106" s="53"/>
      <c r="BE106" s="53"/>
      <c r="BF106" s="53"/>
      <c r="BG106" s="53"/>
      <c r="BH106" s="53"/>
      <c r="BI106" s="53"/>
      <c r="BJ106" s="53"/>
      <c r="BK106" s="53"/>
      <c r="BL106" s="53"/>
      <c r="BM106" s="53"/>
      <c r="BN106" s="53"/>
      <c r="BO106" s="53"/>
      <c r="BP106" s="53"/>
      <c r="BQ106" s="53"/>
      <c r="BR106" s="53"/>
      <c r="BS106" s="53"/>
      <c r="BT106" s="53"/>
      <c r="BU106" s="53"/>
      <c r="BV106" s="53"/>
      <c r="BW106" s="53"/>
      <c r="BX106" s="53"/>
      <c r="BY106" s="53"/>
      <c r="BZ106" s="53"/>
      <c r="CA106" s="53"/>
      <c r="CB106" s="53">
        <v>19017.8751848508</v>
      </c>
      <c r="CC106" s="53">
        <v>19828.291627307299</v>
      </c>
      <c r="CD106" s="53">
        <v>20564.442966587401</v>
      </c>
      <c r="CE106" s="53">
        <v>20463.276442836799</v>
      </c>
      <c r="CF106" s="53">
        <v>21307.351650427099</v>
      </c>
      <c r="CG106" s="53">
        <v>20685.311817943501</v>
      </c>
      <c r="CH106" s="53">
        <v>20551.845540085</v>
      </c>
      <c r="CI106" s="53">
        <v>21325.464958454799</v>
      </c>
      <c r="CJ106" s="53">
        <v>21019.216811334401</v>
      </c>
      <c r="CK106" s="53">
        <v>20825.659916605498</v>
      </c>
      <c r="CL106" s="53">
        <v>21371.974168319699</v>
      </c>
      <c r="CM106" s="53">
        <v>19983.897189165498</v>
      </c>
      <c r="CN106" s="53">
        <v>246944.60827391801</v>
      </c>
    </row>
    <row r="107" spans="1:92" outlineLevel="1">
      <c r="A107" s="52" t="s">
        <v>780</v>
      </c>
      <c r="B107" s="53">
        <v>71299.921544151701</v>
      </c>
      <c r="C107" s="53">
        <v>65498.4569072206</v>
      </c>
      <c r="D107" s="53">
        <v>76724.371965783794</v>
      </c>
      <c r="E107" s="53">
        <v>82475.320919290098</v>
      </c>
      <c r="F107" s="53">
        <v>89717.125867791401</v>
      </c>
      <c r="G107" s="53">
        <v>94141.749660555404</v>
      </c>
      <c r="H107" s="53">
        <v>97858.184666191504</v>
      </c>
      <c r="I107" s="53">
        <v>98946.223399039998</v>
      </c>
      <c r="J107" s="53">
        <v>93409.436966637106</v>
      </c>
      <c r="K107" s="53">
        <v>84553.139213164905</v>
      </c>
      <c r="L107" s="53">
        <v>73919.453841734401</v>
      </c>
      <c r="M107" s="53">
        <v>75025.098564408807</v>
      </c>
      <c r="N107" s="53">
        <v>1003568.4835159699</v>
      </c>
      <c r="O107" s="53">
        <v>129226.411501058</v>
      </c>
      <c r="P107" s="53">
        <v>84831.041346170401</v>
      </c>
      <c r="Q107" s="53">
        <v>92062.596392355495</v>
      </c>
      <c r="R107" s="53">
        <v>108746.090016199</v>
      </c>
      <c r="S107" s="53">
        <v>119285.362421818</v>
      </c>
      <c r="T107" s="53">
        <v>122670.46545162299</v>
      </c>
      <c r="U107" s="53">
        <v>125317.69230423401</v>
      </c>
      <c r="V107" s="53">
        <v>157432.287582308</v>
      </c>
      <c r="W107" s="53">
        <v>119560.340225016</v>
      </c>
      <c r="X107" s="53">
        <v>114351.792705763</v>
      </c>
      <c r="Y107" s="53">
        <v>97110.045132888394</v>
      </c>
      <c r="Z107" s="53">
        <v>96407.181082631607</v>
      </c>
      <c r="AA107" s="53">
        <v>1367001.30616206</v>
      </c>
      <c r="AB107" s="53">
        <v>132310.90729119099</v>
      </c>
      <c r="AC107" s="53">
        <v>89373.943301946696</v>
      </c>
      <c r="AD107" s="53">
        <v>95370.127093186602</v>
      </c>
      <c r="AE107" s="53">
        <v>95769.142020030398</v>
      </c>
      <c r="AF107" s="53">
        <v>107438.801065163</v>
      </c>
      <c r="AG107" s="53">
        <v>110571.51629022601</v>
      </c>
      <c r="AH107" s="53">
        <v>112670.653129461</v>
      </c>
      <c r="AI107" s="53">
        <v>144206.539966318</v>
      </c>
      <c r="AJ107" s="53">
        <v>107577.177803357</v>
      </c>
      <c r="AK107" s="53">
        <v>101447.410280296</v>
      </c>
      <c r="AL107" s="53">
        <v>83800.203360422704</v>
      </c>
      <c r="AM107" s="53">
        <v>83736.597487684296</v>
      </c>
      <c r="AN107" s="53">
        <v>1264273.0190892799</v>
      </c>
      <c r="AO107" s="53">
        <v>104474.905691305</v>
      </c>
      <c r="AP107" s="53">
        <v>66623.992679354196</v>
      </c>
      <c r="AQ107" s="53">
        <v>74179.3454397553</v>
      </c>
      <c r="AR107" s="53">
        <v>80869.430978758595</v>
      </c>
      <c r="AS107" s="53">
        <v>90907.091369440299</v>
      </c>
      <c r="AT107" s="53">
        <v>92869.269744917896</v>
      </c>
      <c r="AU107" s="53">
        <v>95459.805627606402</v>
      </c>
      <c r="AV107" s="53">
        <v>121074.695783191</v>
      </c>
      <c r="AW107" s="53">
        <v>91268.311063585395</v>
      </c>
      <c r="AX107" s="53">
        <v>84585.175677602805</v>
      </c>
      <c r="AY107" s="53">
        <v>70893.828282771705</v>
      </c>
      <c r="AZ107" s="53">
        <v>70787.775658121202</v>
      </c>
      <c r="BA107" s="53">
        <v>1043993.62799641</v>
      </c>
      <c r="BB107" s="53">
        <v>103339.19693509099</v>
      </c>
      <c r="BC107" s="53">
        <v>67077.639843838901</v>
      </c>
      <c r="BD107" s="53">
        <v>73704.515614839795</v>
      </c>
      <c r="BE107" s="53">
        <v>80376.709470828704</v>
      </c>
      <c r="BF107" s="53">
        <v>90050.685002611295</v>
      </c>
      <c r="BG107" s="53">
        <v>92841.991329041804</v>
      </c>
      <c r="BH107" s="53">
        <v>95054.957967926501</v>
      </c>
      <c r="BI107" s="53">
        <v>120295.23351749701</v>
      </c>
      <c r="BJ107" s="53">
        <v>90861.9547995186</v>
      </c>
      <c r="BK107" s="53">
        <v>85178.436755565897</v>
      </c>
      <c r="BL107" s="53">
        <v>70128.559120544902</v>
      </c>
      <c r="BM107" s="53">
        <v>70496.568998236602</v>
      </c>
      <c r="BN107" s="53">
        <v>1039406.44935554</v>
      </c>
      <c r="BO107" s="53">
        <v>102676.163495935</v>
      </c>
      <c r="BP107" s="53">
        <v>66714.8125025263</v>
      </c>
      <c r="BQ107" s="53">
        <v>73077.407435378598</v>
      </c>
      <c r="BR107" s="53">
        <v>79600.398070072406</v>
      </c>
      <c r="BS107" s="53">
        <v>89937.178273993602</v>
      </c>
      <c r="BT107" s="53">
        <v>92950.424925089406</v>
      </c>
      <c r="BU107" s="53">
        <v>95115.288122310507</v>
      </c>
      <c r="BV107" s="53">
        <v>120062.447533151</v>
      </c>
      <c r="BW107" s="53">
        <v>90943.101048742203</v>
      </c>
      <c r="BX107" s="53">
        <v>85171.3360498767</v>
      </c>
      <c r="BY107" s="53">
        <v>70224.086090970799</v>
      </c>
      <c r="BZ107" s="53">
        <v>70855.6950409243</v>
      </c>
      <c r="CA107" s="53">
        <v>1037328.33858897</v>
      </c>
      <c r="CB107" s="53">
        <v>117.91450892712101</v>
      </c>
      <c r="CC107" s="53">
        <v>119.460886262231</v>
      </c>
      <c r="CD107" s="53">
        <v>118.932199958504</v>
      </c>
      <c r="CE107" s="53">
        <v>118.354693769766</v>
      </c>
      <c r="CF107" s="53">
        <v>115.99417620561201</v>
      </c>
      <c r="CG107" s="53">
        <v>115.053799849846</v>
      </c>
      <c r="CH107" s="53">
        <v>115.00259165993199</v>
      </c>
      <c r="CI107" s="53">
        <v>115.177455109194</v>
      </c>
      <c r="CJ107" s="53">
        <v>115.66456706947901</v>
      </c>
      <c r="CK107" s="53">
        <v>117.05853219553499</v>
      </c>
      <c r="CL107" s="53">
        <v>119.24805807258301</v>
      </c>
      <c r="CM107" s="53">
        <v>118.49646551767501</v>
      </c>
      <c r="CN107" s="53">
        <v>1406.3579345974799</v>
      </c>
    </row>
    <row r="108" spans="1:92" outlineLevel="1">
      <c r="A108" s="52" t="s">
        <v>781</v>
      </c>
      <c r="B108" s="53">
        <v>19780.076269337798</v>
      </c>
      <c r="C108" s="53">
        <v>20265.897043381301</v>
      </c>
      <c r="D108" s="53">
        <v>21091.597281148901</v>
      </c>
      <c r="E108" s="53">
        <v>21955.566994042601</v>
      </c>
      <c r="F108" s="53">
        <v>22765.117132495801</v>
      </c>
      <c r="G108" s="53">
        <v>22754.986201977099</v>
      </c>
      <c r="H108" s="53">
        <v>22134.412977637501</v>
      </c>
      <c r="I108" s="53">
        <v>21480.502343489701</v>
      </c>
      <c r="J108" s="53">
        <v>22481.759811315598</v>
      </c>
      <c r="K108" s="53">
        <v>21740.255550334299</v>
      </c>
      <c r="L108" s="53">
        <v>22214.8024203481</v>
      </c>
      <c r="M108" s="53">
        <v>20740.458476679501</v>
      </c>
      <c r="N108" s="53">
        <v>259405.43250218799</v>
      </c>
      <c r="O108" s="53">
        <v>19769.0412218075</v>
      </c>
      <c r="P108" s="53">
        <v>22555.203975910699</v>
      </c>
      <c r="Q108" s="53">
        <v>26012.149992667699</v>
      </c>
      <c r="R108" s="53">
        <v>33741.413689425201</v>
      </c>
      <c r="S108" s="53">
        <v>37921.720826504599</v>
      </c>
      <c r="T108" s="53">
        <v>29432.651423156301</v>
      </c>
      <c r="U108" s="53">
        <v>28303.290813495201</v>
      </c>
      <c r="V108" s="53">
        <v>28367.749729611998</v>
      </c>
      <c r="W108" s="53">
        <v>27490.014436618701</v>
      </c>
      <c r="X108" s="53">
        <v>25317.675165750501</v>
      </c>
      <c r="Y108" s="53">
        <v>21745.1337321961</v>
      </c>
      <c r="Z108" s="53">
        <v>24042.0369964126</v>
      </c>
      <c r="AA108" s="53">
        <v>324698.08200355701</v>
      </c>
      <c r="AB108" s="53">
        <v>19699.049771848098</v>
      </c>
      <c r="AC108" s="53">
        <v>23533.336915390199</v>
      </c>
      <c r="AD108" s="53">
        <v>26971.162037018701</v>
      </c>
      <c r="AE108" s="53">
        <v>29449.481056638298</v>
      </c>
      <c r="AF108" s="53">
        <v>33555.7905770012</v>
      </c>
      <c r="AG108" s="53">
        <v>26065.160134719899</v>
      </c>
      <c r="AH108" s="53">
        <v>25140.430127390398</v>
      </c>
      <c r="AI108" s="53">
        <v>25541.9272072114</v>
      </c>
      <c r="AJ108" s="53">
        <v>24319.139971100401</v>
      </c>
      <c r="AK108" s="53">
        <v>22237.766449122399</v>
      </c>
      <c r="AL108" s="53">
        <v>18779.625503203501</v>
      </c>
      <c r="AM108" s="53">
        <v>20953.387741324001</v>
      </c>
      <c r="AN108" s="53">
        <v>296246.25749196898</v>
      </c>
      <c r="AO108" s="53">
        <v>15076.718266608999</v>
      </c>
      <c r="AP108" s="53">
        <v>17479.853406683898</v>
      </c>
      <c r="AQ108" s="53">
        <v>20203.309363465902</v>
      </c>
      <c r="AR108" s="53">
        <v>23778.369181656501</v>
      </c>
      <c r="AS108" s="53">
        <v>27132.000892375901</v>
      </c>
      <c r="AT108" s="53">
        <v>21061.1875886239</v>
      </c>
      <c r="AU108" s="53">
        <v>20290.438198461899</v>
      </c>
      <c r="AV108" s="53">
        <v>20734.223022184899</v>
      </c>
      <c r="AW108" s="53">
        <v>19642.652876627599</v>
      </c>
      <c r="AX108" s="53">
        <v>18072.304619364499</v>
      </c>
      <c r="AY108" s="53">
        <v>15314.0055564331</v>
      </c>
      <c r="AZ108" s="53">
        <v>17093.2645266787</v>
      </c>
      <c r="BA108" s="53">
        <v>235878.32749916599</v>
      </c>
      <c r="BB108" s="53">
        <v>14882.926090212201</v>
      </c>
      <c r="BC108" s="53">
        <v>17270.579507727201</v>
      </c>
      <c r="BD108" s="53">
        <v>19961.641130816199</v>
      </c>
      <c r="BE108" s="53">
        <v>23447.019772148498</v>
      </c>
      <c r="BF108" s="53">
        <v>26747.324014105801</v>
      </c>
      <c r="BG108" s="53">
        <v>20774.331174843101</v>
      </c>
      <c r="BH108" s="53">
        <v>20015.782276692498</v>
      </c>
      <c r="BI108" s="53">
        <v>20465.869280765401</v>
      </c>
      <c r="BJ108" s="53">
        <v>19383.650098525501</v>
      </c>
      <c r="BK108" s="53">
        <v>17851.892746159599</v>
      </c>
      <c r="BL108" s="53">
        <v>15147.965916401299</v>
      </c>
      <c r="BM108" s="53">
        <v>16900.731172876</v>
      </c>
      <c r="BN108" s="53">
        <v>232849.71318127401</v>
      </c>
      <c r="BO108" s="53">
        <v>14827.510912830699</v>
      </c>
      <c r="BP108" s="53">
        <v>17204.822940343602</v>
      </c>
      <c r="BQ108" s="53">
        <v>19883.394700720801</v>
      </c>
      <c r="BR108" s="53">
        <v>23324.468401631399</v>
      </c>
      <c r="BS108" s="53">
        <v>26604.487810733601</v>
      </c>
      <c r="BT108" s="53">
        <v>20689.276285886299</v>
      </c>
      <c r="BU108" s="53">
        <v>19941.016680853601</v>
      </c>
      <c r="BV108" s="53">
        <v>20401.708444268199</v>
      </c>
      <c r="BW108" s="53">
        <v>19319.316928116201</v>
      </c>
      <c r="BX108" s="53">
        <v>17810.081688227801</v>
      </c>
      <c r="BY108" s="53">
        <v>15131.6172195167</v>
      </c>
      <c r="BZ108" s="53">
        <v>16872.6741701709</v>
      </c>
      <c r="CA108" s="53">
        <v>232010.37618329999</v>
      </c>
      <c r="CB108" s="53">
        <v>19049.572225510499</v>
      </c>
      <c r="CC108" s="53">
        <v>19618.091666282799</v>
      </c>
      <c r="CD108" s="53">
        <v>20114.6164682335</v>
      </c>
      <c r="CE108" s="53">
        <v>21145.2332215346</v>
      </c>
      <c r="CF108" s="53">
        <v>23036.678019160801</v>
      </c>
      <c r="CG108" s="53">
        <v>23017.527690247502</v>
      </c>
      <c r="CH108" s="53">
        <v>23161.200433248701</v>
      </c>
      <c r="CI108" s="53">
        <v>20768.915840400801</v>
      </c>
      <c r="CJ108" s="53">
        <v>23833.097428649598</v>
      </c>
      <c r="CK108" s="53">
        <v>22325.900403346201</v>
      </c>
      <c r="CL108" s="53">
        <v>20298.692792106998</v>
      </c>
      <c r="CM108" s="53">
        <v>19564.332968389401</v>
      </c>
      <c r="CN108" s="53">
        <v>255933.85915711199</v>
      </c>
    </row>
    <row r="109" spans="1:92" outlineLevel="1">
      <c r="A109" s="52" t="s">
        <v>782</v>
      </c>
      <c r="B109" s="53">
        <v>128.69429860862201</v>
      </c>
      <c r="C109" s="53">
        <v>128.699754818705</v>
      </c>
      <c r="D109" s="53">
        <v>128.704539523802</v>
      </c>
      <c r="E109" s="53">
        <v>129.27387045112201</v>
      </c>
      <c r="F109" s="53">
        <v>129.077734699302</v>
      </c>
      <c r="G109" s="53">
        <v>128.98637367557399</v>
      </c>
      <c r="H109" s="53">
        <v>128.881899174148</v>
      </c>
      <c r="I109" s="53">
        <v>128.89952818293401</v>
      </c>
      <c r="J109" s="53">
        <v>128.84778486883999</v>
      </c>
      <c r="K109" s="53">
        <v>128.93840845912499</v>
      </c>
      <c r="L109" s="53">
        <v>128.88614086932199</v>
      </c>
      <c r="M109" s="53">
        <v>128.86385677611401</v>
      </c>
      <c r="N109" s="53">
        <v>1546.7541901076099</v>
      </c>
      <c r="O109" s="53">
        <v>265.022666240077</v>
      </c>
      <c r="P109" s="53">
        <v>260.68352769371501</v>
      </c>
      <c r="Q109" s="53">
        <v>252.53980644236</v>
      </c>
      <c r="R109" s="53">
        <v>282.01653506164899</v>
      </c>
      <c r="S109" s="53">
        <v>275.55513360549497</v>
      </c>
      <c r="T109" s="53">
        <v>275.75762334840698</v>
      </c>
      <c r="U109" s="53">
        <v>274.108832702678</v>
      </c>
      <c r="V109" s="53">
        <v>266.96171567300001</v>
      </c>
      <c r="W109" s="53">
        <v>271.14019492002302</v>
      </c>
      <c r="X109" s="53">
        <v>274.03457266523498</v>
      </c>
      <c r="Y109" s="53">
        <v>279.045145792092</v>
      </c>
      <c r="Z109" s="53">
        <v>279.93647248111898</v>
      </c>
      <c r="AA109" s="53">
        <v>3256.8022266258499</v>
      </c>
      <c r="AB109" s="53">
        <v>251.474190506262</v>
      </c>
      <c r="AC109" s="53">
        <v>255.65078207274701</v>
      </c>
      <c r="AD109" s="53">
        <v>249.343588885234</v>
      </c>
      <c r="AE109" s="53">
        <v>236.51979601335299</v>
      </c>
      <c r="AF109" s="53">
        <v>234.70234518371799</v>
      </c>
      <c r="AG109" s="53">
        <v>235.96925453928901</v>
      </c>
      <c r="AH109" s="53">
        <v>236.02927716103</v>
      </c>
      <c r="AI109" s="53">
        <v>233.20328230098599</v>
      </c>
      <c r="AJ109" s="53">
        <v>233.644337290767</v>
      </c>
      <c r="AK109" s="53">
        <v>234.65197276565499</v>
      </c>
      <c r="AL109" s="53">
        <v>235.45525762601699</v>
      </c>
      <c r="AM109" s="53">
        <v>238.83857193822899</v>
      </c>
      <c r="AN109" s="53">
        <v>2875.48265628329</v>
      </c>
      <c r="AO109" s="53">
        <v>192.68833821254799</v>
      </c>
      <c r="AP109" s="53">
        <v>190.871783953125</v>
      </c>
      <c r="AQ109" s="53">
        <v>184.59154176896101</v>
      </c>
      <c r="AR109" s="53">
        <v>193.384364161874</v>
      </c>
      <c r="AS109" s="53">
        <v>191.67621087453</v>
      </c>
      <c r="AT109" s="53">
        <v>192.94467141696401</v>
      </c>
      <c r="AU109" s="53">
        <v>193.27654084379401</v>
      </c>
      <c r="AV109" s="53">
        <v>190.627819185108</v>
      </c>
      <c r="AW109" s="53">
        <v>191.553821972641</v>
      </c>
      <c r="AX109" s="53">
        <v>192.997897732501</v>
      </c>
      <c r="AY109" s="53">
        <v>194.289866806867</v>
      </c>
      <c r="AZ109" s="53">
        <v>197.78221755595499</v>
      </c>
      <c r="BA109" s="53">
        <v>2306.6850744848698</v>
      </c>
      <c r="BB109" s="53">
        <v>189.675351856726</v>
      </c>
      <c r="BC109" s="53">
        <v>188.08167333732899</v>
      </c>
      <c r="BD109" s="53">
        <v>181.96758212744101</v>
      </c>
      <c r="BE109" s="53">
        <v>190.90393781887599</v>
      </c>
      <c r="BF109" s="53">
        <v>189.270387909981</v>
      </c>
      <c r="BG109" s="53">
        <v>190.62103982314301</v>
      </c>
      <c r="BH109" s="53">
        <v>191.05786496380099</v>
      </c>
      <c r="BI109" s="53">
        <v>188.47471016400601</v>
      </c>
      <c r="BJ109" s="53">
        <v>189.53430782618099</v>
      </c>
      <c r="BK109" s="53">
        <v>191.08485607450399</v>
      </c>
      <c r="BL109" s="53">
        <v>192.54263536893501</v>
      </c>
      <c r="BM109" s="53">
        <v>196.09196141281899</v>
      </c>
      <c r="BN109" s="53">
        <v>2279.3063086837401</v>
      </c>
      <c r="BO109" s="53">
        <v>189.310606662352</v>
      </c>
      <c r="BP109" s="53">
        <v>187.744168894468</v>
      </c>
      <c r="BQ109" s="53">
        <v>181.66958876352399</v>
      </c>
      <c r="BR109" s="53">
        <v>190.72341518642901</v>
      </c>
      <c r="BS109" s="53">
        <v>189.112640898086</v>
      </c>
      <c r="BT109" s="53">
        <v>190.50615915634401</v>
      </c>
      <c r="BU109" s="53">
        <v>190.987525503217</v>
      </c>
      <c r="BV109" s="53">
        <v>188.43870763753</v>
      </c>
      <c r="BW109" s="53">
        <v>189.513952077532</v>
      </c>
      <c r="BX109" s="53">
        <v>191.09634465818499</v>
      </c>
      <c r="BY109" s="53">
        <v>192.563856563136</v>
      </c>
      <c r="BZ109" s="53">
        <v>196.17366446096401</v>
      </c>
      <c r="CA109" s="53">
        <v>2277.8406304617702</v>
      </c>
      <c r="CB109" s="53">
        <v>178256.77431815799</v>
      </c>
      <c r="CC109" s="53">
        <v>149554.99315754499</v>
      </c>
      <c r="CD109" s="53">
        <v>152532.43778443101</v>
      </c>
      <c r="CE109" s="53">
        <v>156266.079843663</v>
      </c>
      <c r="CF109" s="53">
        <v>200504.01027674699</v>
      </c>
      <c r="CG109" s="53">
        <v>230052.681750213</v>
      </c>
      <c r="CH109" s="53">
        <v>249910.01832603</v>
      </c>
      <c r="CI109" s="53">
        <v>250567.662698253</v>
      </c>
      <c r="CJ109" s="53">
        <v>229116.627166408</v>
      </c>
      <c r="CK109" s="53">
        <v>189685.47736611601</v>
      </c>
      <c r="CL109" s="53">
        <v>151544.02258516001</v>
      </c>
      <c r="CM109" s="53">
        <v>170221.009110799</v>
      </c>
      <c r="CN109" s="53">
        <v>2308211.7943835198</v>
      </c>
    </row>
    <row r="110" spans="1:92" outlineLevel="1">
      <c r="A110" s="52" t="s">
        <v>783</v>
      </c>
      <c r="B110" s="53">
        <v>19744.821997835399</v>
      </c>
      <c r="C110" s="53">
        <v>19965.665479962499</v>
      </c>
      <c r="D110" s="53">
        <v>20552.2266835839</v>
      </c>
      <c r="E110" s="53">
        <v>21839.310550207199</v>
      </c>
      <c r="F110" s="53">
        <v>24223.175562889599</v>
      </c>
      <c r="G110" s="53">
        <v>24424.103819207801</v>
      </c>
      <c r="H110" s="53">
        <v>22941.187917534698</v>
      </c>
      <c r="I110" s="53">
        <v>23685.9904374986</v>
      </c>
      <c r="J110" s="53">
        <v>25128.5274349713</v>
      </c>
      <c r="K110" s="53">
        <v>23236.360664965501</v>
      </c>
      <c r="L110" s="53">
        <v>20695.6434385789</v>
      </c>
      <c r="M110" s="53">
        <v>20117.434286909302</v>
      </c>
      <c r="N110" s="53">
        <v>266554.44827414502</v>
      </c>
      <c r="O110" s="53">
        <v>28239.7624625996</v>
      </c>
      <c r="P110" s="53">
        <v>25364.1886580504</v>
      </c>
      <c r="Q110" s="53">
        <v>25173.344634008099</v>
      </c>
      <c r="R110" s="53">
        <v>29541.959311853399</v>
      </c>
      <c r="S110" s="53">
        <v>32041.177615450699</v>
      </c>
      <c r="T110" s="53">
        <v>31935.600676394901</v>
      </c>
      <c r="U110" s="53">
        <v>32269.567168749501</v>
      </c>
      <c r="V110" s="53">
        <v>30773.5910156711</v>
      </c>
      <c r="W110" s="53">
        <v>32913.687848732901</v>
      </c>
      <c r="X110" s="53">
        <v>31164.2609725933</v>
      </c>
      <c r="Y110" s="53">
        <v>27932.1066343518</v>
      </c>
      <c r="Z110" s="53">
        <v>27139.889234485399</v>
      </c>
      <c r="AA110" s="53">
        <v>354489.136232941</v>
      </c>
      <c r="AB110" s="53">
        <v>28362.600171120401</v>
      </c>
      <c r="AC110" s="53">
        <v>26296.751770300099</v>
      </c>
      <c r="AD110" s="53">
        <v>26116.279844226399</v>
      </c>
      <c r="AE110" s="53">
        <v>25874.626443675799</v>
      </c>
      <c r="AF110" s="53">
        <v>28413.7544778507</v>
      </c>
      <c r="AG110" s="53">
        <v>28329.240256734502</v>
      </c>
      <c r="AH110" s="53">
        <v>28682.465886943501</v>
      </c>
      <c r="AI110" s="53">
        <v>27694.6928470721</v>
      </c>
      <c r="AJ110" s="53">
        <v>29131.5231953439</v>
      </c>
      <c r="AK110" s="53">
        <v>27354.360699951299</v>
      </c>
      <c r="AL110" s="53">
        <v>24093.7127370942</v>
      </c>
      <c r="AM110" s="53">
        <v>23604.1159366391</v>
      </c>
      <c r="AN110" s="53">
        <v>323954.12426695199</v>
      </c>
      <c r="AO110" s="53">
        <v>22337.335169018199</v>
      </c>
      <c r="AP110" s="53">
        <v>20243.941518822099</v>
      </c>
      <c r="AQ110" s="53">
        <v>19860.0808342409</v>
      </c>
      <c r="AR110" s="53">
        <v>21523.247893059401</v>
      </c>
      <c r="AS110" s="53">
        <v>23609.048468127199</v>
      </c>
      <c r="AT110" s="53">
        <v>23463.373437049999</v>
      </c>
      <c r="AU110" s="53">
        <v>23673.438156649401</v>
      </c>
      <c r="AV110" s="53">
        <v>22875.6769958484</v>
      </c>
      <c r="AW110" s="53">
        <v>24074.992845514698</v>
      </c>
      <c r="AX110" s="53">
        <v>22699.108047220099</v>
      </c>
      <c r="AY110" s="53">
        <v>20029.045800420299</v>
      </c>
      <c r="AZ110" s="53">
        <v>19651.140846413698</v>
      </c>
      <c r="BA110" s="53">
        <v>264040.43001238402</v>
      </c>
      <c r="BB110" s="53">
        <v>21984.6005608329</v>
      </c>
      <c r="BC110" s="53">
        <v>19939.302229144301</v>
      </c>
      <c r="BD110" s="53">
        <v>19555.721423789098</v>
      </c>
      <c r="BE110" s="53">
        <v>21195.995325249602</v>
      </c>
      <c r="BF110" s="53">
        <v>23245.6134334985</v>
      </c>
      <c r="BG110" s="53">
        <v>23091.259453349099</v>
      </c>
      <c r="BH110" s="53">
        <v>23289.663693135801</v>
      </c>
      <c r="BI110" s="53">
        <v>22499.138224782899</v>
      </c>
      <c r="BJ110" s="53">
        <v>23688.4629449803</v>
      </c>
      <c r="BK110" s="53">
        <v>22342.061328658601</v>
      </c>
      <c r="BL110" s="53">
        <v>19718.0125772666</v>
      </c>
      <c r="BM110" s="53">
        <v>19336.747556218201</v>
      </c>
      <c r="BN110" s="53">
        <v>259886.57875090599</v>
      </c>
      <c r="BO110" s="53">
        <v>21776.003933135999</v>
      </c>
      <c r="BP110" s="53">
        <v>19751.063222674798</v>
      </c>
      <c r="BQ110" s="53">
        <v>19372.4643760576</v>
      </c>
      <c r="BR110" s="53">
        <v>21001.4877254653</v>
      </c>
      <c r="BS110" s="53">
        <v>23031.571759485101</v>
      </c>
      <c r="BT110" s="53">
        <v>22872.673698965798</v>
      </c>
      <c r="BU110" s="53">
        <v>23064.835756166402</v>
      </c>
      <c r="BV110" s="53">
        <v>22278.718713679798</v>
      </c>
      <c r="BW110" s="53">
        <v>23458.898651238698</v>
      </c>
      <c r="BX110" s="53">
        <v>22125.8197210006</v>
      </c>
      <c r="BY110" s="53">
        <v>19518.479413632798</v>
      </c>
      <c r="BZ110" s="53">
        <v>19134.167845781802</v>
      </c>
      <c r="CA110" s="53">
        <v>257386.184817284</v>
      </c>
      <c r="CB110" s="53"/>
      <c r="CC110" s="53"/>
      <c r="CD110" s="53"/>
      <c r="CE110" s="53"/>
      <c r="CF110" s="53"/>
      <c r="CG110" s="53"/>
      <c r="CH110" s="53"/>
      <c r="CI110" s="53"/>
      <c r="CJ110" s="53"/>
      <c r="CK110" s="53"/>
      <c r="CL110" s="53"/>
      <c r="CM110" s="53"/>
      <c r="CN110" s="53"/>
    </row>
    <row r="111" spans="1:92" outlineLevel="1">
      <c r="A111" s="52" t="s">
        <v>784</v>
      </c>
      <c r="B111" s="53">
        <v>178460.95583545201</v>
      </c>
      <c r="C111" s="53">
        <v>153229.87349176401</v>
      </c>
      <c r="D111" s="53">
        <v>157860.23984611701</v>
      </c>
      <c r="E111" s="53">
        <v>165643.383976301</v>
      </c>
      <c r="F111" s="53">
        <v>203605.62738618901</v>
      </c>
      <c r="G111" s="53">
        <v>228456.01775235799</v>
      </c>
      <c r="H111" s="53">
        <v>248473.17548268</v>
      </c>
      <c r="I111" s="53">
        <v>246534.782318026</v>
      </c>
      <c r="J111" s="53">
        <v>227188.284655086</v>
      </c>
      <c r="K111" s="53">
        <v>190118.247202194</v>
      </c>
      <c r="L111" s="53">
        <v>158597.47719629601</v>
      </c>
      <c r="M111" s="53">
        <v>169442.87408777801</v>
      </c>
      <c r="N111" s="53">
        <v>2327610.93923024</v>
      </c>
      <c r="O111" s="53">
        <v>295063.69077066</v>
      </c>
      <c r="P111" s="53">
        <v>166724.13096293301</v>
      </c>
      <c r="Q111" s="53">
        <v>166117.68199132601</v>
      </c>
      <c r="R111" s="53">
        <v>192023.83087412699</v>
      </c>
      <c r="S111" s="53">
        <v>240948.384821527</v>
      </c>
      <c r="T111" s="53">
        <v>274159.70928266097</v>
      </c>
      <c r="U111" s="53">
        <v>293557.29091346799</v>
      </c>
      <c r="V111" s="53">
        <v>375528.54126708</v>
      </c>
      <c r="W111" s="53">
        <v>267617.05436504399</v>
      </c>
      <c r="X111" s="53">
        <v>224121.28943299499</v>
      </c>
      <c r="Y111" s="53">
        <v>176160.340384685</v>
      </c>
      <c r="Z111" s="53">
        <v>206426.15009415601</v>
      </c>
      <c r="AA111" s="53">
        <v>2878448.0951606599</v>
      </c>
      <c r="AB111" s="53">
        <v>305675.07770690101</v>
      </c>
      <c r="AC111" s="53">
        <v>183707.98752442701</v>
      </c>
      <c r="AD111" s="53">
        <v>178294.00856410401</v>
      </c>
      <c r="AE111" s="53">
        <v>172306.75645249299</v>
      </c>
      <c r="AF111" s="53">
        <v>221745.52720613201</v>
      </c>
      <c r="AG111" s="53">
        <v>254631.396619387</v>
      </c>
      <c r="AH111" s="53">
        <v>274178.91070475499</v>
      </c>
      <c r="AI111" s="53">
        <v>352320.82936455298</v>
      </c>
      <c r="AJ111" s="53">
        <v>248212.26681332599</v>
      </c>
      <c r="AK111" s="53">
        <v>204406.17483731499</v>
      </c>
      <c r="AL111" s="53">
        <v>156428.71116922601</v>
      </c>
      <c r="AM111" s="53">
        <v>186019.58970125901</v>
      </c>
      <c r="AN111" s="53">
        <v>2737927.2366638798</v>
      </c>
      <c r="AO111" s="53">
        <v>251120.68290902601</v>
      </c>
      <c r="AP111" s="53">
        <v>142608.33855309599</v>
      </c>
      <c r="AQ111" s="53">
        <v>139885.47767891499</v>
      </c>
      <c r="AR111" s="53">
        <v>148010.66125631699</v>
      </c>
      <c r="AS111" s="53">
        <v>190903.93678850899</v>
      </c>
      <c r="AT111" s="53">
        <v>220115.78816025899</v>
      </c>
      <c r="AU111" s="53">
        <v>237377.85063577499</v>
      </c>
      <c r="AV111" s="53">
        <v>304147.63884673099</v>
      </c>
      <c r="AW111" s="53">
        <v>215319.83184251099</v>
      </c>
      <c r="AX111" s="53">
        <v>177117.566728556</v>
      </c>
      <c r="AY111" s="53">
        <v>136245.48191276999</v>
      </c>
      <c r="AZ111" s="53">
        <v>163087.40085546899</v>
      </c>
      <c r="BA111" s="53">
        <v>2325940.65616793</v>
      </c>
      <c r="BB111" s="53">
        <v>248253.506269896</v>
      </c>
      <c r="BC111" s="53">
        <v>140291.27839880501</v>
      </c>
      <c r="BD111" s="53">
        <v>136981.02100343999</v>
      </c>
      <c r="BE111" s="53">
        <v>144973.398102537</v>
      </c>
      <c r="BF111" s="53">
        <v>188039.366085961</v>
      </c>
      <c r="BG111" s="53">
        <v>217944.57381524899</v>
      </c>
      <c r="BH111" s="53">
        <v>235372.012724398</v>
      </c>
      <c r="BI111" s="53">
        <v>301520.64425906597</v>
      </c>
      <c r="BJ111" s="53">
        <v>213588.34611180701</v>
      </c>
      <c r="BK111" s="53">
        <v>175266.536611369</v>
      </c>
      <c r="BL111" s="53">
        <v>134614.38457530999</v>
      </c>
      <c r="BM111" s="53">
        <v>161574.87937299599</v>
      </c>
      <c r="BN111" s="53">
        <v>2298419.9473308302</v>
      </c>
      <c r="BO111" s="53">
        <v>246466.913307649</v>
      </c>
      <c r="BP111" s="53">
        <v>138787.48493600401</v>
      </c>
      <c r="BQ111" s="53">
        <v>134992.54856687001</v>
      </c>
      <c r="BR111" s="53">
        <v>143022.28653981999</v>
      </c>
      <c r="BS111" s="53">
        <v>186252.760270381</v>
      </c>
      <c r="BT111" s="53">
        <v>216851.79121109299</v>
      </c>
      <c r="BU111" s="53">
        <v>234526.15537782799</v>
      </c>
      <c r="BV111" s="53">
        <v>300568.82230329397</v>
      </c>
      <c r="BW111" s="53">
        <v>213263.08110983999</v>
      </c>
      <c r="BX111" s="53">
        <v>175041.584834257</v>
      </c>
      <c r="BY111" s="53">
        <v>134571.090129552</v>
      </c>
      <c r="BZ111" s="53">
        <v>161664.16481393599</v>
      </c>
      <c r="CA111" s="53">
        <v>2286008.6834005299</v>
      </c>
      <c r="CB111" s="53"/>
      <c r="CC111" s="53"/>
      <c r="CD111" s="53"/>
      <c r="CE111" s="53"/>
      <c r="CF111" s="53"/>
      <c r="CG111" s="53"/>
      <c r="CH111" s="53"/>
      <c r="CI111" s="53"/>
      <c r="CJ111" s="53"/>
      <c r="CK111" s="53"/>
      <c r="CL111" s="53"/>
      <c r="CM111" s="53"/>
      <c r="CN111" s="53"/>
    </row>
    <row r="112" spans="1:92" outlineLevel="1">
      <c r="A112" s="52" t="s">
        <v>675</v>
      </c>
      <c r="B112" s="53"/>
      <c r="C112" s="53"/>
      <c r="D112" s="53"/>
      <c r="E112" s="53"/>
      <c r="F112" s="53"/>
      <c r="G112" s="53"/>
      <c r="H112" s="53"/>
      <c r="I112" s="53"/>
      <c r="J112" s="53"/>
      <c r="K112" s="53"/>
      <c r="L112" s="53"/>
      <c r="M112" s="53"/>
      <c r="N112" s="53"/>
      <c r="O112" s="53"/>
      <c r="P112" s="53"/>
      <c r="Q112" s="53"/>
      <c r="R112" s="53"/>
      <c r="S112" s="53"/>
      <c r="T112" s="53"/>
      <c r="U112" s="53"/>
      <c r="V112" s="53"/>
      <c r="W112" s="53"/>
      <c r="X112" s="53"/>
      <c r="Y112" s="53"/>
      <c r="Z112" s="53"/>
      <c r="AA112" s="53"/>
      <c r="AB112" s="53"/>
      <c r="AC112" s="53"/>
      <c r="AD112" s="53"/>
      <c r="AE112" s="53"/>
      <c r="AF112" s="53"/>
      <c r="AG112" s="53"/>
      <c r="AH112" s="53"/>
      <c r="AI112" s="53"/>
      <c r="AJ112" s="53"/>
      <c r="AK112" s="53"/>
      <c r="AL112" s="53"/>
      <c r="AM112" s="53"/>
      <c r="AN112" s="53"/>
      <c r="AO112" s="53"/>
      <c r="AP112" s="53"/>
      <c r="AQ112" s="53"/>
      <c r="AR112" s="53"/>
      <c r="AS112" s="53"/>
      <c r="AT112" s="53"/>
      <c r="AU112" s="53"/>
      <c r="AV112" s="53"/>
      <c r="AW112" s="53"/>
      <c r="AX112" s="53"/>
      <c r="AY112" s="53"/>
      <c r="AZ112" s="53"/>
      <c r="BA112" s="53"/>
      <c r="BB112" s="53"/>
      <c r="BC112" s="53"/>
      <c r="BD112" s="53"/>
      <c r="BE112" s="53"/>
      <c r="BF112" s="53"/>
      <c r="BG112" s="53"/>
      <c r="BH112" s="53"/>
      <c r="BI112" s="53"/>
      <c r="BJ112" s="53"/>
      <c r="BK112" s="53"/>
      <c r="BL112" s="53"/>
      <c r="BM112" s="53"/>
      <c r="BN112" s="53"/>
      <c r="BO112" s="53"/>
      <c r="BP112" s="53"/>
      <c r="BQ112" s="53"/>
      <c r="BR112" s="53"/>
      <c r="BS112" s="53"/>
      <c r="BT112" s="53"/>
      <c r="BU112" s="53"/>
      <c r="BV112" s="53"/>
      <c r="BW112" s="53"/>
      <c r="BX112" s="53"/>
      <c r="BY112" s="53"/>
      <c r="BZ112" s="53"/>
      <c r="CA112" s="53"/>
      <c r="CB112" s="53">
        <v>99707176.843383506</v>
      </c>
      <c r="CC112" s="53">
        <v>87583282.197764203</v>
      </c>
      <c r="CD112" s="53">
        <v>93421022.556293994</v>
      </c>
      <c r="CE112" s="53">
        <v>96986310.956328705</v>
      </c>
      <c r="CF112" s="53">
        <v>118159611.06574599</v>
      </c>
      <c r="CG112" s="53">
        <v>129766421.422316</v>
      </c>
      <c r="CH112" s="53">
        <v>137899384.73157299</v>
      </c>
      <c r="CI112" s="53">
        <v>137415263.77950099</v>
      </c>
      <c r="CJ112" s="53">
        <v>128530131.25942899</v>
      </c>
      <c r="CK112" s="53">
        <v>111533853.49240699</v>
      </c>
      <c r="CL112" s="53">
        <v>92051937.552933693</v>
      </c>
      <c r="CM112" s="53">
        <v>97951497.289581195</v>
      </c>
      <c r="CN112" s="53">
        <v>1331005893.14726</v>
      </c>
    </row>
    <row r="113" spans="1:92" outlineLevel="1">
      <c r="A113" s="52" t="s">
        <v>1246</v>
      </c>
      <c r="B113" s="53"/>
      <c r="C113" s="53"/>
      <c r="D113" s="53"/>
      <c r="E113" s="53"/>
      <c r="F113" s="53"/>
      <c r="G113" s="53"/>
      <c r="H113" s="53"/>
      <c r="I113" s="53"/>
      <c r="J113" s="53"/>
      <c r="K113" s="53"/>
      <c r="L113" s="53"/>
      <c r="M113" s="53"/>
      <c r="N113" s="53"/>
      <c r="O113" s="53"/>
      <c r="P113" s="53"/>
      <c r="Q113" s="53"/>
      <c r="R113" s="53"/>
      <c r="S113" s="53"/>
      <c r="T113" s="53"/>
      <c r="U113" s="53"/>
      <c r="V113" s="53"/>
      <c r="W113" s="53"/>
      <c r="X113" s="53"/>
      <c r="Y113" s="53"/>
      <c r="Z113" s="53"/>
      <c r="AA113" s="53"/>
      <c r="AB113" s="53"/>
      <c r="AC113" s="53"/>
      <c r="AD113" s="53"/>
      <c r="AE113" s="53"/>
      <c r="AF113" s="53"/>
      <c r="AG113" s="53"/>
      <c r="AH113" s="53"/>
      <c r="AI113" s="53"/>
      <c r="AJ113" s="53"/>
      <c r="AK113" s="53"/>
      <c r="AL113" s="53"/>
      <c r="AM113" s="53"/>
      <c r="AN113" s="53"/>
      <c r="AO113" s="53"/>
      <c r="AP113" s="53"/>
      <c r="AQ113" s="53"/>
      <c r="AR113" s="53"/>
      <c r="AS113" s="53"/>
      <c r="AT113" s="53"/>
      <c r="AU113" s="53"/>
      <c r="AV113" s="53"/>
      <c r="AW113" s="53"/>
      <c r="AX113" s="53"/>
      <c r="AY113" s="53"/>
      <c r="AZ113" s="53"/>
      <c r="BA113" s="53"/>
      <c r="BB113" s="53"/>
      <c r="BC113" s="53"/>
      <c r="BD113" s="53"/>
      <c r="BE113" s="53"/>
      <c r="BF113" s="53"/>
      <c r="BG113" s="53"/>
      <c r="BH113" s="53"/>
      <c r="BI113" s="53"/>
      <c r="BJ113" s="53"/>
      <c r="BK113" s="53"/>
      <c r="BL113" s="53"/>
      <c r="BM113" s="53"/>
      <c r="BN113" s="53"/>
      <c r="BO113" s="53"/>
      <c r="BP113" s="53"/>
      <c r="BQ113" s="53"/>
      <c r="BR113" s="53"/>
      <c r="BS113" s="53"/>
      <c r="BT113" s="53"/>
      <c r="BU113" s="53"/>
      <c r="BV113" s="53"/>
      <c r="BW113" s="53"/>
      <c r="BX113" s="53"/>
      <c r="BY113" s="53"/>
      <c r="BZ113" s="53"/>
      <c r="CA113" s="53"/>
      <c r="CB113" s="53"/>
      <c r="CC113" s="53"/>
      <c r="CD113" s="53"/>
      <c r="CE113" s="53"/>
      <c r="CF113" s="53"/>
      <c r="CG113" s="53"/>
      <c r="CH113" s="53"/>
      <c r="CI113" s="53"/>
      <c r="CJ113" s="53"/>
      <c r="CK113" s="53"/>
      <c r="CL113" s="53"/>
      <c r="CM113" s="53"/>
      <c r="CN113" s="53"/>
    </row>
    <row r="114" spans="1:92" outlineLevel="1">
      <c r="A114" s="52" t="s">
        <v>649</v>
      </c>
      <c r="B114" s="53">
        <v>148467618.28847301</v>
      </c>
      <c r="C114" s="53">
        <v>132377996.58886001</v>
      </c>
      <c r="D114" s="53">
        <v>142848538.51376101</v>
      </c>
      <c r="E114" s="53">
        <v>150579739.075681</v>
      </c>
      <c r="F114" s="53">
        <v>174368736.40789601</v>
      </c>
      <c r="G114" s="53">
        <v>189463837.93584201</v>
      </c>
      <c r="H114" s="53">
        <v>199735453.419581</v>
      </c>
      <c r="I114" s="53">
        <v>199420052.97851101</v>
      </c>
      <c r="J114" s="53">
        <v>188000438.660759</v>
      </c>
      <c r="K114" s="53">
        <v>163497252.68417501</v>
      </c>
      <c r="L114" s="53">
        <v>140925682.08928201</v>
      </c>
      <c r="M114" s="53">
        <v>146601062.00343999</v>
      </c>
      <c r="N114" s="53">
        <v>1976286408.64626</v>
      </c>
      <c r="O114" s="53">
        <v>283245030.09121698</v>
      </c>
      <c r="P114" s="53">
        <v>178525816.49096599</v>
      </c>
      <c r="Q114" s="53">
        <v>193655436.75446501</v>
      </c>
      <c r="R114" s="53">
        <v>212482165.36120901</v>
      </c>
      <c r="S114" s="53">
        <v>253867489.742659</v>
      </c>
      <c r="T114" s="53">
        <v>269222200.04559201</v>
      </c>
      <c r="U114" s="53">
        <v>282638070.343274</v>
      </c>
      <c r="V114" s="53">
        <v>352109742.148669</v>
      </c>
      <c r="W114" s="53">
        <v>262927337.557174</v>
      </c>
      <c r="X114" s="53">
        <v>228390189.048022</v>
      </c>
      <c r="Y114" s="53">
        <v>182744561.166394</v>
      </c>
      <c r="Z114" s="53">
        <v>194268967.598189</v>
      </c>
      <c r="AA114" s="53">
        <v>2894077006.3478298</v>
      </c>
      <c r="AB114" s="53">
        <v>262526128.74334899</v>
      </c>
      <c r="AC114" s="53">
        <v>167837011.81703699</v>
      </c>
      <c r="AD114" s="53">
        <v>178060459.393628</v>
      </c>
      <c r="AE114" s="53">
        <v>195863654.83632699</v>
      </c>
      <c r="AF114" s="53">
        <v>236505769.50473401</v>
      </c>
      <c r="AG114" s="53">
        <v>252247374.84284699</v>
      </c>
      <c r="AH114" s="53">
        <v>264947294.12028</v>
      </c>
      <c r="AI114" s="53">
        <v>329419621.46717501</v>
      </c>
      <c r="AJ114" s="53">
        <v>246449481.04071701</v>
      </c>
      <c r="AK114" s="53">
        <v>212688445.619692</v>
      </c>
      <c r="AL114" s="53">
        <v>168759517.225391</v>
      </c>
      <c r="AM114" s="53">
        <v>179691216.695921</v>
      </c>
      <c r="AN114" s="53">
        <v>2694995975.3070998</v>
      </c>
      <c r="AO114" s="53">
        <v>182250131.89121899</v>
      </c>
      <c r="AP114" s="53">
        <v>112870157.723905</v>
      </c>
      <c r="AQ114" s="53">
        <v>123450390.68038499</v>
      </c>
      <c r="AR114" s="53">
        <v>135678779.678303</v>
      </c>
      <c r="AS114" s="53">
        <v>164516699.06465799</v>
      </c>
      <c r="AT114" s="53">
        <v>175835046.54903099</v>
      </c>
      <c r="AU114" s="53">
        <v>185384557.503708</v>
      </c>
      <c r="AV114" s="53">
        <v>229914840.570986</v>
      </c>
      <c r="AW114" s="53">
        <v>172519058.76728201</v>
      </c>
      <c r="AX114" s="53">
        <v>147668224.116034</v>
      </c>
      <c r="AY114" s="53">
        <v>117448502.38436</v>
      </c>
      <c r="AZ114" s="53">
        <v>125145496.084562</v>
      </c>
      <c r="BA114" s="53">
        <v>1872681885.01443</v>
      </c>
      <c r="BB114" s="53">
        <v>176188687.93376201</v>
      </c>
      <c r="BC114" s="53">
        <v>109307774.081778</v>
      </c>
      <c r="BD114" s="53">
        <v>118859873.624975</v>
      </c>
      <c r="BE114" s="53">
        <v>130730120.736339</v>
      </c>
      <c r="BF114" s="53">
        <v>158838692.828664</v>
      </c>
      <c r="BG114" s="53">
        <v>170760782.44633701</v>
      </c>
      <c r="BH114" s="53">
        <v>179993304.77683401</v>
      </c>
      <c r="BI114" s="53">
        <v>223149198.191158</v>
      </c>
      <c r="BJ114" s="53">
        <v>167517636.717388</v>
      </c>
      <c r="BK114" s="53">
        <v>143667547.32617399</v>
      </c>
      <c r="BL114" s="53">
        <v>113463645.403681</v>
      </c>
      <c r="BM114" s="53">
        <v>121304966.911111</v>
      </c>
      <c r="BN114" s="53">
        <v>1813782230.9782</v>
      </c>
      <c r="BO114" s="53">
        <v>168775091.03702599</v>
      </c>
      <c r="BP114" s="53">
        <v>104508619.866825</v>
      </c>
      <c r="BQ114" s="53">
        <v>113332655.664801</v>
      </c>
      <c r="BR114" s="53">
        <v>124710247.991799</v>
      </c>
      <c r="BS114" s="53">
        <v>152249155.592592</v>
      </c>
      <c r="BT114" s="53">
        <v>164221603.481491</v>
      </c>
      <c r="BU114" s="53">
        <v>173224592.589784</v>
      </c>
      <c r="BV114" s="53">
        <v>214684883.40082201</v>
      </c>
      <c r="BW114" s="53">
        <v>161431404.46811101</v>
      </c>
      <c r="BX114" s="53">
        <v>138418195.706265</v>
      </c>
      <c r="BY114" s="53">
        <v>109415803.327226</v>
      </c>
      <c r="BZ114" s="53">
        <v>117142699.88969</v>
      </c>
      <c r="CA114" s="53">
        <v>1742114953.0164299</v>
      </c>
      <c r="CB114" s="53"/>
      <c r="CC114" s="53"/>
      <c r="CD114" s="53"/>
      <c r="CE114" s="53"/>
      <c r="CF114" s="53"/>
      <c r="CG114" s="53"/>
      <c r="CH114" s="53"/>
      <c r="CI114" s="53"/>
      <c r="CJ114" s="53"/>
      <c r="CK114" s="53"/>
      <c r="CL114" s="53"/>
      <c r="CM114" s="53"/>
      <c r="CN114" s="53"/>
    </row>
    <row r="115" spans="1:92" outlineLevel="1">
      <c r="A115" s="52" t="s">
        <v>1247</v>
      </c>
      <c r="B115" s="53"/>
      <c r="C115" s="53"/>
      <c r="D115" s="53"/>
      <c r="E115" s="53"/>
      <c r="F115" s="53"/>
      <c r="G115" s="53"/>
      <c r="H115" s="53"/>
      <c r="I115" s="53"/>
      <c r="J115" s="53"/>
      <c r="K115" s="53"/>
      <c r="L115" s="53"/>
      <c r="M115" s="53"/>
      <c r="N115" s="53"/>
      <c r="O115" s="53"/>
      <c r="P115" s="53"/>
      <c r="Q115" s="53"/>
      <c r="R115" s="53"/>
      <c r="S115" s="53"/>
      <c r="T115" s="53"/>
      <c r="U115" s="53"/>
      <c r="V115" s="53"/>
      <c r="W115" s="53"/>
      <c r="X115" s="53"/>
      <c r="Y115" s="53"/>
      <c r="Z115" s="53"/>
      <c r="AA115" s="53"/>
      <c r="AB115" s="53"/>
      <c r="AC115" s="53"/>
      <c r="AD115" s="53"/>
      <c r="AE115" s="53"/>
      <c r="AF115" s="53"/>
      <c r="AG115" s="53"/>
      <c r="AH115" s="53"/>
      <c r="AI115" s="53"/>
      <c r="AJ115" s="53"/>
      <c r="AK115" s="53"/>
      <c r="AL115" s="53"/>
      <c r="AM115" s="53"/>
      <c r="AN115" s="53"/>
      <c r="AO115" s="53"/>
      <c r="AP115" s="53"/>
      <c r="AQ115" s="53"/>
      <c r="AR115" s="53"/>
      <c r="AS115" s="53"/>
      <c r="AT115" s="53"/>
      <c r="AU115" s="53"/>
      <c r="AV115" s="53"/>
      <c r="AW115" s="53"/>
      <c r="AX115" s="53"/>
      <c r="AY115" s="53"/>
      <c r="AZ115" s="53"/>
      <c r="BA115" s="53"/>
      <c r="BB115" s="53"/>
      <c r="BC115" s="53"/>
      <c r="BD115" s="53"/>
      <c r="BE115" s="53"/>
      <c r="BF115" s="53"/>
      <c r="BG115" s="53"/>
      <c r="BH115" s="53"/>
      <c r="BI115" s="53"/>
      <c r="BJ115" s="53"/>
      <c r="BK115" s="53"/>
      <c r="BL115" s="53"/>
      <c r="BM115" s="53"/>
      <c r="BN115" s="53"/>
      <c r="BO115" s="53"/>
      <c r="BP115" s="53"/>
      <c r="BQ115" s="53"/>
      <c r="BR115" s="53"/>
      <c r="BS115" s="53"/>
      <c r="BT115" s="53"/>
      <c r="BU115" s="53"/>
      <c r="BV115" s="53"/>
      <c r="BW115" s="53"/>
      <c r="BX115" s="53"/>
      <c r="BY115" s="53"/>
      <c r="BZ115" s="53"/>
      <c r="CA115" s="53"/>
      <c r="CB115" s="53">
        <v>-434730.19929067901</v>
      </c>
      <c r="CC115" s="53">
        <v>-443110.86610271898</v>
      </c>
      <c r="CD115" s="53">
        <v>-374766.93418954202</v>
      </c>
      <c r="CE115" s="53">
        <v>-411860.58209293202</v>
      </c>
      <c r="CF115" s="53">
        <v>-309320.21617517201</v>
      </c>
      <c r="CG115" s="53">
        <v>-327877.99139216199</v>
      </c>
      <c r="CH115" s="53">
        <v>-321814.55080753</v>
      </c>
      <c r="CI115" s="53">
        <v>-334998.21706726903</v>
      </c>
      <c r="CJ115" s="53">
        <v>-339585.19625758298</v>
      </c>
      <c r="CK115" s="53">
        <v>-328938.60394039197</v>
      </c>
      <c r="CL115" s="53">
        <v>-386593.26848698198</v>
      </c>
      <c r="CM115" s="53">
        <v>-356849.393456875</v>
      </c>
      <c r="CN115" s="53">
        <v>-4370446.0192598403</v>
      </c>
    </row>
    <row r="116" spans="1:92" outlineLevel="1">
      <c r="A116" s="52" t="s">
        <v>1248</v>
      </c>
      <c r="B116" s="53"/>
      <c r="C116" s="53"/>
      <c r="D116" s="53"/>
      <c r="E116" s="53"/>
      <c r="F116" s="53"/>
      <c r="G116" s="53"/>
      <c r="H116" s="53"/>
      <c r="I116" s="53"/>
      <c r="J116" s="53"/>
      <c r="K116" s="53"/>
      <c r="L116" s="53"/>
      <c r="M116" s="53"/>
      <c r="N116" s="53"/>
      <c r="O116" s="53"/>
      <c r="P116" s="53"/>
      <c r="Q116" s="53"/>
      <c r="R116" s="53"/>
      <c r="S116" s="53"/>
      <c r="T116" s="53"/>
      <c r="U116" s="53"/>
      <c r="V116" s="53"/>
      <c r="W116" s="53"/>
      <c r="X116" s="53"/>
      <c r="Y116" s="53"/>
      <c r="Z116" s="53"/>
      <c r="AA116" s="53"/>
      <c r="AB116" s="53"/>
      <c r="AC116" s="53"/>
      <c r="AD116" s="53"/>
      <c r="AE116" s="53"/>
      <c r="AF116" s="53"/>
      <c r="AG116" s="53"/>
      <c r="AH116" s="53"/>
      <c r="AI116" s="53"/>
      <c r="AJ116" s="53"/>
      <c r="AK116" s="53"/>
      <c r="AL116" s="53"/>
      <c r="AM116" s="53"/>
      <c r="AN116" s="53"/>
      <c r="AO116" s="53"/>
      <c r="AP116" s="53"/>
      <c r="AQ116" s="53"/>
      <c r="AR116" s="53"/>
      <c r="AS116" s="53"/>
      <c r="AT116" s="53"/>
      <c r="AU116" s="53"/>
      <c r="AV116" s="53"/>
      <c r="AW116" s="53"/>
      <c r="AX116" s="53"/>
      <c r="AY116" s="53"/>
      <c r="AZ116" s="53"/>
      <c r="BA116" s="53"/>
      <c r="BB116" s="53"/>
      <c r="BC116" s="53"/>
      <c r="BD116" s="53"/>
      <c r="BE116" s="53"/>
      <c r="BF116" s="53"/>
      <c r="BG116" s="53"/>
      <c r="BH116" s="53"/>
      <c r="BI116" s="53"/>
      <c r="BJ116" s="53"/>
      <c r="BK116" s="53"/>
      <c r="BL116" s="53"/>
      <c r="BM116" s="53"/>
      <c r="BN116" s="53"/>
      <c r="BO116" s="53"/>
      <c r="BP116" s="53"/>
      <c r="BQ116" s="53"/>
      <c r="BR116" s="53"/>
      <c r="BS116" s="53"/>
      <c r="BT116" s="53"/>
      <c r="BU116" s="53"/>
      <c r="BV116" s="53"/>
      <c r="BW116" s="53"/>
      <c r="BX116" s="53"/>
      <c r="BY116" s="53"/>
      <c r="BZ116" s="53"/>
      <c r="CA116" s="53"/>
      <c r="CB116" s="53"/>
      <c r="CC116" s="53"/>
      <c r="CD116" s="53"/>
      <c r="CE116" s="53"/>
      <c r="CF116" s="53"/>
      <c r="CG116" s="53"/>
      <c r="CH116" s="53"/>
      <c r="CI116" s="53"/>
      <c r="CJ116" s="53"/>
      <c r="CK116" s="53"/>
      <c r="CL116" s="53"/>
      <c r="CM116" s="53"/>
      <c r="CN116" s="53"/>
    </row>
    <row r="117" spans="1:92" outlineLevel="1">
      <c r="A117" s="52" t="s">
        <v>1249</v>
      </c>
      <c r="B117" s="53">
        <v>-511505.23322747898</v>
      </c>
      <c r="C117" s="53">
        <v>-2743416.4631051798</v>
      </c>
      <c r="D117" s="53">
        <v>-2131472.2341688098</v>
      </c>
      <c r="E117" s="53">
        <v>-1781790.0777302</v>
      </c>
      <c r="F117" s="53">
        <v>-694603.66442794004</v>
      </c>
      <c r="G117" s="53">
        <v>-629769.55830318597</v>
      </c>
      <c r="H117" s="53">
        <v>-581901.95061849197</v>
      </c>
      <c r="I117" s="53">
        <v>-873954.861586691</v>
      </c>
      <c r="J117" s="53">
        <v>-874720.62436687702</v>
      </c>
      <c r="K117" s="53">
        <v>-843902.37498390896</v>
      </c>
      <c r="L117" s="53">
        <v>-849344.59679849399</v>
      </c>
      <c r="M117" s="53">
        <v>-656531.54544786399</v>
      </c>
      <c r="N117" s="53">
        <v>-13172913.1847651</v>
      </c>
      <c r="O117" s="53">
        <v>-903934.74421155802</v>
      </c>
      <c r="P117" s="53">
        <v>-2084298.0994595501</v>
      </c>
      <c r="Q117" s="53">
        <v>-1984381.6632226401</v>
      </c>
      <c r="R117" s="53">
        <v>-2416221.7540972899</v>
      </c>
      <c r="S117" s="53">
        <v>-2814683.1936568399</v>
      </c>
      <c r="T117" s="53">
        <v>-2753720.1509282598</v>
      </c>
      <c r="U117" s="53">
        <v>-3679724.9093171102</v>
      </c>
      <c r="V117" s="53">
        <v>-4457509.0419478202</v>
      </c>
      <c r="W117" s="53">
        <v>-3926376.0527628399</v>
      </c>
      <c r="X117" s="53">
        <v>-3448338.94546672</v>
      </c>
      <c r="Y117" s="53">
        <v>-4050786.5327370702</v>
      </c>
      <c r="Z117" s="53">
        <v>-3219439.2831973801</v>
      </c>
      <c r="AA117" s="53">
        <v>-35739414.371005103</v>
      </c>
      <c r="AB117" s="53">
        <v>-4826635.8343028603</v>
      </c>
      <c r="AC117" s="53">
        <v>-1512506.2214154</v>
      </c>
      <c r="AD117" s="53">
        <v>-1531387.4001426101</v>
      </c>
      <c r="AE117" s="53">
        <v>-1825631.1291002601</v>
      </c>
      <c r="AF117" s="53">
        <v>-2227637.2722332501</v>
      </c>
      <c r="AG117" s="53">
        <v>-2169754.93692639</v>
      </c>
      <c r="AH117" s="53">
        <v>-2985010.7197277402</v>
      </c>
      <c r="AI117" s="53">
        <v>-3531556.98984343</v>
      </c>
      <c r="AJ117" s="53">
        <v>-3166526.5268250601</v>
      </c>
      <c r="AK117" s="53">
        <v>-2820611.5984066701</v>
      </c>
      <c r="AL117" s="53">
        <v>-3391245.8875457598</v>
      </c>
      <c r="AM117" s="53">
        <v>-2762181.5588388401</v>
      </c>
      <c r="AN117" s="53">
        <v>-32750686.075308301</v>
      </c>
      <c r="AO117" s="53">
        <v>-4117418.7350950302</v>
      </c>
      <c r="AP117" s="53">
        <v>-636361.84366106999</v>
      </c>
      <c r="AQ117" s="53">
        <v>-566337.86061880295</v>
      </c>
      <c r="AR117" s="53">
        <v>-616104.59002085798</v>
      </c>
      <c r="AS117" s="53">
        <v>-472731.00183010299</v>
      </c>
      <c r="AT117" s="53">
        <v>-443453.97011011897</v>
      </c>
      <c r="AU117" s="53">
        <v>-424517.20318619901</v>
      </c>
      <c r="AV117" s="53">
        <v>-463680.00236431003</v>
      </c>
      <c r="AW117" s="53">
        <v>-498144.87638907402</v>
      </c>
      <c r="AX117" s="53">
        <v>-481132.34443810902</v>
      </c>
      <c r="AY117" s="53">
        <v>-481870.51815674</v>
      </c>
      <c r="AZ117" s="53">
        <v>-503490.238304967</v>
      </c>
      <c r="BA117" s="53">
        <v>-9705243.1841753796</v>
      </c>
      <c r="BB117" s="53">
        <v>-612361.35003153596</v>
      </c>
      <c r="BC117" s="53">
        <v>-632323.61167207395</v>
      </c>
      <c r="BD117" s="53">
        <v>-571086.44043036597</v>
      </c>
      <c r="BE117" s="53">
        <v>-589364.11983287195</v>
      </c>
      <c r="BF117" s="53">
        <v>-429493.90613010002</v>
      </c>
      <c r="BG117" s="53">
        <v>-466370.87115411903</v>
      </c>
      <c r="BH117" s="53">
        <v>-450919.47127108701</v>
      </c>
      <c r="BI117" s="53">
        <v>-475710.05686567101</v>
      </c>
      <c r="BJ117" s="53">
        <v>-492272.99960638297</v>
      </c>
      <c r="BK117" s="53">
        <v>-476425.31707493798</v>
      </c>
      <c r="BL117" s="53">
        <v>-534151.40123273095</v>
      </c>
      <c r="BM117" s="53">
        <v>-549763.75346925994</v>
      </c>
      <c r="BN117" s="53">
        <v>-6280243.2987711402</v>
      </c>
      <c r="BO117" s="53">
        <v>-629221.30396527704</v>
      </c>
      <c r="BP117" s="53">
        <v>-629701.478562259</v>
      </c>
      <c r="BQ117" s="53">
        <v>-545681.13909299602</v>
      </c>
      <c r="BR117" s="53">
        <v>-580947.06194173999</v>
      </c>
      <c r="BS117" s="53">
        <v>-474094.35143996897</v>
      </c>
      <c r="BT117" s="53">
        <v>-460523.52984044602</v>
      </c>
      <c r="BU117" s="53">
        <v>-452007.59052472899</v>
      </c>
      <c r="BV117" s="53">
        <v>-469691.71284920903</v>
      </c>
      <c r="BW117" s="53">
        <v>-482724.15601380798</v>
      </c>
      <c r="BX117" s="53">
        <v>-462175.60266473901</v>
      </c>
      <c r="BY117" s="53">
        <v>-483890.35726451903</v>
      </c>
      <c r="BZ117" s="53">
        <v>-488028.12336450903</v>
      </c>
      <c r="CA117" s="53">
        <v>-6158686.4075242002</v>
      </c>
      <c r="CB117" s="53">
        <v>-70524.2251436683</v>
      </c>
      <c r="CC117" s="53">
        <v>-22792.929675146501</v>
      </c>
      <c r="CD117" s="53">
        <v>-42923.529018788598</v>
      </c>
      <c r="CE117" s="53">
        <v>-25492.149875914401</v>
      </c>
      <c r="CF117" s="53">
        <v>-30135.2512537445</v>
      </c>
      <c r="CG117" s="53">
        <v>-17897.941782620899</v>
      </c>
      <c r="CH117" s="53">
        <v>-21647.0211627916</v>
      </c>
      <c r="CI117" s="53">
        <v>-60904.237280389199</v>
      </c>
      <c r="CJ117" s="53">
        <v>-70213.233293351106</v>
      </c>
      <c r="CK117" s="53">
        <v>-61201.006357274498</v>
      </c>
      <c r="CL117" s="53">
        <v>-61708.1423847693</v>
      </c>
      <c r="CM117" s="53">
        <v>-60348.043877687996</v>
      </c>
      <c r="CN117" s="53">
        <v>-545787.71110614704</v>
      </c>
    </row>
    <row r="118" spans="1:92" outlineLevel="1">
      <c r="A118" s="52" t="s">
        <v>1250</v>
      </c>
      <c r="B118" s="53"/>
      <c r="C118" s="53"/>
      <c r="D118" s="53"/>
      <c r="E118" s="53"/>
      <c r="F118" s="53"/>
      <c r="G118" s="53"/>
      <c r="H118" s="53"/>
      <c r="I118" s="53"/>
      <c r="J118" s="53"/>
      <c r="K118" s="53"/>
      <c r="L118" s="53"/>
      <c r="M118" s="53"/>
      <c r="N118" s="53"/>
      <c r="O118" s="53"/>
      <c r="P118" s="53"/>
      <c r="Q118" s="53"/>
      <c r="R118" s="53"/>
      <c r="S118" s="53"/>
      <c r="T118" s="53"/>
      <c r="U118" s="53"/>
      <c r="V118" s="53"/>
      <c r="W118" s="53"/>
      <c r="X118" s="53"/>
      <c r="Y118" s="53"/>
      <c r="Z118" s="53"/>
      <c r="AA118" s="53"/>
      <c r="AB118" s="53"/>
      <c r="AC118" s="53"/>
      <c r="AD118" s="53"/>
      <c r="AE118" s="53"/>
      <c r="AF118" s="53"/>
      <c r="AG118" s="53"/>
      <c r="AH118" s="53"/>
      <c r="AI118" s="53"/>
      <c r="AJ118" s="53"/>
      <c r="AK118" s="53"/>
      <c r="AL118" s="53"/>
      <c r="AM118" s="53"/>
      <c r="AN118" s="53"/>
      <c r="AO118" s="53"/>
      <c r="AP118" s="53"/>
      <c r="AQ118" s="53"/>
      <c r="AR118" s="53"/>
      <c r="AS118" s="53"/>
      <c r="AT118" s="53"/>
      <c r="AU118" s="53"/>
      <c r="AV118" s="53"/>
      <c r="AW118" s="53"/>
      <c r="AX118" s="53"/>
      <c r="AY118" s="53"/>
      <c r="AZ118" s="53"/>
      <c r="BA118" s="53"/>
      <c r="BB118" s="53"/>
      <c r="BC118" s="53"/>
      <c r="BD118" s="53"/>
      <c r="BE118" s="53"/>
      <c r="BF118" s="53"/>
      <c r="BG118" s="53"/>
      <c r="BH118" s="53"/>
      <c r="BI118" s="53"/>
      <c r="BJ118" s="53"/>
      <c r="BK118" s="53"/>
      <c r="BL118" s="53"/>
      <c r="BM118" s="53"/>
      <c r="BN118" s="53"/>
      <c r="BO118" s="53"/>
      <c r="BP118" s="53"/>
      <c r="BQ118" s="53"/>
      <c r="BR118" s="53"/>
      <c r="BS118" s="53"/>
      <c r="BT118" s="53"/>
      <c r="BU118" s="53"/>
      <c r="BV118" s="53"/>
      <c r="BW118" s="53"/>
      <c r="BX118" s="53"/>
      <c r="BY118" s="53"/>
      <c r="BZ118" s="53"/>
      <c r="CA118" s="53"/>
      <c r="CB118" s="53"/>
      <c r="CC118" s="53"/>
      <c r="CD118" s="53"/>
      <c r="CE118" s="53"/>
      <c r="CF118" s="53"/>
      <c r="CG118" s="53"/>
      <c r="CH118" s="53"/>
      <c r="CI118" s="53"/>
      <c r="CJ118" s="53"/>
      <c r="CK118" s="53"/>
      <c r="CL118" s="53"/>
      <c r="CM118" s="53"/>
      <c r="CN118" s="53"/>
    </row>
    <row r="119" spans="1:92" outlineLevel="1">
      <c r="A119" s="52" t="s">
        <v>1249</v>
      </c>
      <c r="B119" s="53">
        <v>-81703.500072296301</v>
      </c>
      <c r="C119" s="53">
        <v>-26259.534003308501</v>
      </c>
      <c r="D119" s="53">
        <v>-47600.570986477702</v>
      </c>
      <c r="E119" s="53">
        <v>-43174.804548433203</v>
      </c>
      <c r="F119" s="53">
        <v>-51544.426838227198</v>
      </c>
      <c r="G119" s="53">
        <v>-33672.378730987803</v>
      </c>
      <c r="H119" s="53">
        <v>-33126.842980366797</v>
      </c>
      <c r="I119" s="53">
        <v>-120195.67607650001</v>
      </c>
      <c r="J119" s="53">
        <v>-141781.718066737</v>
      </c>
      <c r="K119" s="53">
        <v>-159946.056670563</v>
      </c>
      <c r="L119" s="53">
        <v>-158045.50466753199</v>
      </c>
      <c r="M119" s="53">
        <v>-152696.335958674</v>
      </c>
      <c r="N119" s="53">
        <v>-1049747.3496001</v>
      </c>
      <c r="O119" s="53">
        <v>-175549.213041949</v>
      </c>
      <c r="P119" s="53">
        <v>-45798.298789285</v>
      </c>
      <c r="Q119" s="53">
        <v>-85018.962315359095</v>
      </c>
      <c r="R119" s="53">
        <v>-37660.110173381603</v>
      </c>
      <c r="S119" s="53">
        <v>-63057.733443543897</v>
      </c>
      <c r="T119" s="53">
        <v>-34681.823918407397</v>
      </c>
      <c r="U119" s="53">
        <v>-37070.370093831698</v>
      </c>
      <c r="V119" s="53">
        <v>-102483.82395090901</v>
      </c>
      <c r="W119" s="53">
        <v>-119237.331035134</v>
      </c>
      <c r="X119" s="53">
        <v>-106522.463297828</v>
      </c>
      <c r="Y119" s="53">
        <v>-83627.152333526799</v>
      </c>
      <c r="Z119" s="53">
        <v>-100624.96847155099</v>
      </c>
      <c r="AA119" s="53">
        <v>-991332.25086470798</v>
      </c>
      <c r="AB119" s="53">
        <v>-115340.217512654</v>
      </c>
      <c r="AC119" s="53">
        <v>-43127.0262190254</v>
      </c>
      <c r="AD119" s="53">
        <v>-79322.887439561397</v>
      </c>
      <c r="AE119" s="53">
        <v>-30967.503860578101</v>
      </c>
      <c r="AF119" s="53">
        <v>-52274.796800608397</v>
      </c>
      <c r="AG119" s="53">
        <v>-27205.943849929699</v>
      </c>
      <c r="AH119" s="53">
        <v>-30726.311427552399</v>
      </c>
      <c r="AI119" s="53">
        <v>-88209.394814677595</v>
      </c>
      <c r="AJ119" s="53">
        <v>-100257.49385484299</v>
      </c>
      <c r="AK119" s="53">
        <v>-87695.306270033296</v>
      </c>
      <c r="AL119" s="53">
        <v>-70902.108287347801</v>
      </c>
      <c r="AM119" s="53">
        <v>-85528.582469283298</v>
      </c>
      <c r="AN119" s="53">
        <v>-811557.57280609605</v>
      </c>
      <c r="AO119" s="53">
        <v>-101701.599843458</v>
      </c>
      <c r="AP119" s="53">
        <v>-35930.900399412698</v>
      </c>
      <c r="AQ119" s="53">
        <v>-66531.469077179907</v>
      </c>
      <c r="AR119" s="53">
        <v>-27705.615066570899</v>
      </c>
      <c r="AS119" s="53">
        <v>-45394.882634061403</v>
      </c>
      <c r="AT119" s="53">
        <v>-25909.8458810997</v>
      </c>
      <c r="AU119" s="53">
        <v>-29765.923411813601</v>
      </c>
      <c r="AV119" s="53">
        <v>-83365.699501543</v>
      </c>
      <c r="AW119" s="53">
        <v>-97179.469923626501</v>
      </c>
      <c r="AX119" s="53">
        <v>-84918.480501698694</v>
      </c>
      <c r="AY119" s="53">
        <v>-68276.098677540896</v>
      </c>
      <c r="AZ119" s="53">
        <v>-82770.659489733196</v>
      </c>
      <c r="BA119" s="53">
        <v>-749450.64440773905</v>
      </c>
      <c r="BB119" s="53">
        <v>-97022.617716270703</v>
      </c>
      <c r="BC119" s="53">
        <v>-34724.037776647499</v>
      </c>
      <c r="BD119" s="53">
        <v>-65761.081449644102</v>
      </c>
      <c r="BE119" s="53">
        <v>-26842.709695682701</v>
      </c>
      <c r="BF119" s="53">
        <v>-44238.485313627803</v>
      </c>
      <c r="BG119" s="53">
        <v>-24948.571048864898</v>
      </c>
      <c r="BH119" s="53">
        <v>-28577.649044941401</v>
      </c>
      <c r="BI119" s="53">
        <v>-80634.402099777202</v>
      </c>
      <c r="BJ119" s="53">
        <v>-93859.264579023598</v>
      </c>
      <c r="BK119" s="53">
        <v>-82454.536228373094</v>
      </c>
      <c r="BL119" s="53">
        <v>-66925.677227510998</v>
      </c>
      <c r="BM119" s="53">
        <v>-81457.791908049505</v>
      </c>
      <c r="BN119" s="53">
        <v>-727446.82408841304</v>
      </c>
      <c r="BO119" s="53">
        <v>-96470.128126115407</v>
      </c>
      <c r="BP119" s="53">
        <v>-34674.345282950002</v>
      </c>
      <c r="BQ119" s="53">
        <v>-63737.574700382203</v>
      </c>
      <c r="BR119" s="53">
        <v>-26165.798645435301</v>
      </c>
      <c r="BS119" s="53">
        <v>-43206.837874316501</v>
      </c>
      <c r="BT119" s="53">
        <v>-24684.116948143201</v>
      </c>
      <c r="BU119" s="53">
        <v>-28158.362205160101</v>
      </c>
      <c r="BV119" s="53">
        <v>-77158.209328815094</v>
      </c>
      <c r="BW119" s="53">
        <v>-89685.936345769005</v>
      </c>
      <c r="BX119" s="53">
        <v>-78638.778298201098</v>
      </c>
      <c r="BY119" s="53">
        <v>-63711.106720048097</v>
      </c>
      <c r="BZ119" s="53">
        <v>-77491.411204959906</v>
      </c>
      <c r="CA119" s="53">
        <v>-703782.60568029596</v>
      </c>
      <c r="CB119" s="53"/>
      <c r="CC119" s="53"/>
      <c r="CD119" s="53"/>
      <c r="CE119" s="53"/>
      <c r="CF119" s="53"/>
      <c r="CG119" s="53"/>
      <c r="CH119" s="53"/>
      <c r="CI119" s="53"/>
      <c r="CJ119" s="53"/>
      <c r="CK119" s="53"/>
      <c r="CL119" s="53"/>
      <c r="CM119" s="53"/>
      <c r="CN119" s="53"/>
    </row>
    <row r="120" spans="1:92" outlineLevel="1">
      <c r="A120" s="52" t="s">
        <v>650</v>
      </c>
      <c r="B120" s="53"/>
      <c r="C120" s="53"/>
      <c r="D120" s="53"/>
      <c r="E120" s="53"/>
      <c r="F120" s="53"/>
      <c r="G120" s="53"/>
      <c r="H120" s="53"/>
      <c r="I120" s="53"/>
      <c r="J120" s="53"/>
      <c r="K120" s="53"/>
      <c r="L120" s="53"/>
      <c r="M120" s="53"/>
      <c r="N120" s="53"/>
      <c r="O120" s="53"/>
      <c r="P120" s="53"/>
      <c r="Q120" s="53"/>
      <c r="R120" s="53"/>
      <c r="S120" s="53"/>
      <c r="T120" s="53"/>
      <c r="U120" s="53"/>
      <c r="V120" s="53"/>
      <c r="W120" s="53"/>
      <c r="X120" s="53"/>
      <c r="Y120" s="53"/>
      <c r="Z120" s="53"/>
      <c r="AA120" s="53"/>
      <c r="AB120" s="53"/>
      <c r="AC120" s="53"/>
      <c r="AD120" s="53"/>
      <c r="AE120" s="53"/>
      <c r="AF120" s="53"/>
      <c r="AG120" s="53"/>
      <c r="AH120" s="53"/>
      <c r="AI120" s="53"/>
      <c r="AJ120" s="53"/>
      <c r="AK120" s="53"/>
      <c r="AL120" s="53"/>
      <c r="AM120" s="53"/>
      <c r="AN120" s="53"/>
      <c r="AO120" s="53"/>
      <c r="AP120" s="53"/>
      <c r="AQ120" s="53"/>
      <c r="AR120" s="53"/>
      <c r="AS120" s="53"/>
      <c r="AT120" s="53"/>
      <c r="AU120" s="53"/>
      <c r="AV120" s="53"/>
      <c r="AW120" s="53"/>
      <c r="AX120" s="53"/>
      <c r="AY120" s="53"/>
      <c r="AZ120" s="53"/>
      <c r="BA120" s="53"/>
      <c r="BB120" s="53"/>
      <c r="BC120" s="53"/>
      <c r="BD120" s="53"/>
      <c r="BE120" s="53"/>
      <c r="BF120" s="53"/>
      <c r="BG120" s="53"/>
      <c r="BH120" s="53"/>
      <c r="BI120" s="53"/>
      <c r="BJ120" s="53"/>
      <c r="BK120" s="53"/>
      <c r="BL120" s="53"/>
      <c r="BM120" s="53"/>
      <c r="BN120" s="53"/>
      <c r="BO120" s="53"/>
      <c r="BP120" s="53"/>
      <c r="BQ120" s="53"/>
      <c r="BR120" s="53"/>
      <c r="BS120" s="53"/>
      <c r="BT120" s="53"/>
      <c r="BU120" s="53"/>
      <c r="BV120" s="53"/>
      <c r="BW120" s="53"/>
      <c r="BX120" s="53"/>
      <c r="BY120" s="53"/>
      <c r="BZ120" s="53"/>
      <c r="CA120" s="53"/>
      <c r="CB120" s="53"/>
      <c r="CC120" s="53"/>
      <c r="CD120" s="53"/>
      <c r="CE120" s="53"/>
      <c r="CF120" s="53"/>
      <c r="CG120" s="53"/>
      <c r="CH120" s="53"/>
      <c r="CI120" s="53"/>
      <c r="CJ120" s="53"/>
      <c r="CK120" s="53"/>
      <c r="CL120" s="53"/>
      <c r="CM120" s="53"/>
      <c r="CN120" s="53"/>
    </row>
    <row r="121" spans="1:92" outlineLevel="1">
      <c r="A121" s="52" t="s">
        <v>1251</v>
      </c>
      <c r="B121" s="53"/>
      <c r="C121" s="53"/>
      <c r="D121" s="53"/>
      <c r="E121" s="53"/>
      <c r="F121" s="53"/>
      <c r="G121" s="53"/>
      <c r="H121" s="53"/>
      <c r="I121" s="53"/>
      <c r="J121" s="53"/>
      <c r="K121" s="53"/>
      <c r="L121" s="53"/>
      <c r="M121" s="53"/>
      <c r="N121" s="53"/>
      <c r="O121" s="53"/>
      <c r="P121" s="53"/>
      <c r="Q121" s="53"/>
      <c r="R121" s="53"/>
      <c r="S121" s="53"/>
      <c r="T121" s="53"/>
      <c r="U121" s="53"/>
      <c r="V121" s="53"/>
      <c r="W121" s="53"/>
      <c r="X121" s="53"/>
      <c r="Y121" s="53"/>
      <c r="Z121" s="53"/>
      <c r="AA121" s="53"/>
      <c r="AB121" s="53"/>
      <c r="AC121" s="53"/>
      <c r="AD121" s="53"/>
      <c r="AE121" s="53"/>
      <c r="AF121" s="53"/>
      <c r="AG121" s="53"/>
      <c r="AH121" s="53"/>
      <c r="AI121" s="53"/>
      <c r="AJ121" s="53"/>
      <c r="AK121" s="53"/>
      <c r="AL121" s="53"/>
      <c r="AM121" s="53"/>
      <c r="AN121" s="53"/>
      <c r="AO121" s="53"/>
      <c r="AP121" s="53"/>
      <c r="AQ121" s="53"/>
      <c r="AR121" s="53"/>
      <c r="AS121" s="53"/>
      <c r="AT121" s="53"/>
      <c r="AU121" s="53"/>
      <c r="AV121" s="53"/>
      <c r="AW121" s="53"/>
      <c r="AX121" s="53"/>
      <c r="AY121" s="53"/>
      <c r="AZ121" s="53"/>
      <c r="BA121" s="53"/>
      <c r="BB121" s="53"/>
      <c r="BC121" s="53"/>
      <c r="BD121" s="53"/>
      <c r="BE121" s="53"/>
      <c r="BF121" s="53"/>
      <c r="BG121" s="53"/>
      <c r="BH121" s="53"/>
      <c r="BI121" s="53"/>
      <c r="BJ121" s="53"/>
      <c r="BK121" s="53"/>
      <c r="BL121" s="53"/>
      <c r="BM121" s="53"/>
      <c r="BN121" s="53"/>
      <c r="BO121" s="53"/>
      <c r="BP121" s="53"/>
      <c r="BQ121" s="53"/>
      <c r="BR121" s="53"/>
      <c r="BS121" s="53"/>
      <c r="BT121" s="53"/>
      <c r="BU121" s="53"/>
      <c r="BV121" s="53"/>
      <c r="BW121" s="53"/>
      <c r="BX121" s="53"/>
      <c r="BY121" s="53"/>
      <c r="BZ121" s="53"/>
      <c r="CA121" s="53"/>
      <c r="CB121" s="53"/>
      <c r="CC121" s="53"/>
      <c r="CD121" s="53"/>
      <c r="CE121" s="53"/>
      <c r="CF121" s="53"/>
      <c r="CG121" s="53"/>
      <c r="CH121" s="53"/>
      <c r="CI121" s="53"/>
      <c r="CJ121" s="53"/>
      <c r="CK121" s="53"/>
      <c r="CL121" s="53"/>
      <c r="CM121" s="53"/>
      <c r="CN121" s="53"/>
    </row>
    <row r="122" spans="1:92" outlineLevel="1">
      <c r="A122" s="52" t="s">
        <v>649</v>
      </c>
      <c r="B122" s="53"/>
      <c r="C122" s="53"/>
      <c r="D122" s="53"/>
      <c r="E122" s="53"/>
      <c r="F122" s="53"/>
      <c r="G122" s="53"/>
      <c r="H122" s="53"/>
      <c r="I122" s="53"/>
      <c r="J122" s="53"/>
      <c r="K122" s="53"/>
      <c r="L122" s="53"/>
      <c r="M122" s="53"/>
      <c r="N122" s="53"/>
      <c r="O122" s="53">
        <v>4789101.6814871104</v>
      </c>
      <c r="P122" s="53">
        <v>3018511.17271291</v>
      </c>
      <c r="Q122" s="53">
        <v>3274322.5097056599</v>
      </c>
      <c r="R122" s="53">
        <v>3592644.4855525899</v>
      </c>
      <c r="S122" s="53">
        <v>4292386.77766011</v>
      </c>
      <c r="T122" s="53">
        <v>4552003.9328378802</v>
      </c>
      <c r="U122" s="53">
        <v>4778839.2173989099</v>
      </c>
      <c r="V122" s="53">
        <v>5953464.9474665998</v>
      </c>
      <c r="W122" s="53">
        <v>4445570.5153890196</v>
      </c>
      <c r="X122" s="53">
        <v>3861617.0530963801</v>
      </c>
      <c r="Y122" s="53">
        <v>3089841.6289343401</v>
      </c>
      <c r="Z122" s="53">
        <v>3284696.0777586601</v>
      </c>
      <c r="AA122" s="53">
        <v>48933000.000000097</v>
      </c>
      <c r="AB122" s="53">
        <v>4789101.6814871104</v>
      </c>
      <c r="AC122" s="53">
        <v>3018511.17271291</v>
      </c>
      <c r="AD122" s="53">
        <v>3274322.5097056599</v>
      </c>
      <c r="AE122" s="53">
        <v>3592644.4855525899</v>
      </c>
      <c r="AF122" s="53">
        <v>4292386.77766011</v>
      </c>
      <c r="AG122" s="53">
        <v>4552003.9328378802</v>
      </c>
      <c r="AH122" s="53">
        <v>4778839.2173989099</v>
      </c>
      <c r="AI122" s="53">
        <v>5953464.9474665998</v>
      </c>
      <c r="AJ122" s="53">
        <v>4445570.5153890196</v>
      </c>
      <c r="AK122" s="53">
        <v>3861617.0530963801</v>
      </c>
      <c r="AL122" s="53">
        <v>3089841.6289343401</v>
      </c>
      <c r="AM122" s="53">
        <v>3284696.0777586601</v>
      </c>
      <c r="AN122" s="53">
        <v>48933000.000000097</v>
      </c>
      <c r="AO122" s="53"/>
      <c r="AP122" s="53"/>
      <c r="AQ122" s="53"/>
      <c r="AR122" s="53"/>
      <c r="AS122" s="53"/>
      <c r="AT122" s="53"/>
      <c r="AU122" s="53"/>
      <c r="AV122" s="53"/>
      <c r="AW122" s="53"/>
      <c r="AX122" s="53"/>
      <c r="AY122" s="53"/>
      <c r="AZ122" s="53"/>
      <c r="BA122" s="53"/>
      <c r="BB122" s="53"/>
      <c r="BC122" s="53"/>
      <c r="BD122" s="53"/>
      <c r="BE122" s="53"/>
      <c r="BF122" s="53"/>
      <c r="BG122" s="53"/>
      <c r="BH122" s="53"/>
      <c r="BI122" s="53"/>
      <c r="BJ122" s="53"/>
      <c r="BK122" s="53"/>
      <c r="BL122" s="53"/>
      <c r="BM122" s="53"/>
      <c r="BN122" s="53"/>
      <c r="BO122" s="53"/>
      <c r="BP122" s="53"/>
      <c r="BQ122" s="53"/>
      <c r="BR122" s="53"/>
      <c r="BS122" s="53"/>
      <c r="BT122" s="53"/>
      <c r="BU122" s="53"/>
      <c r="BV122" s="53"/>
      <c r="BW122" s="53"/>
      <c r="BX122" s="53"/>
      <c r="BY122" s="53"/>
      <c r="BZ122" s="53"/>
      <c r="CA122" s="53"/>
      <c r="CB122" s="53"/>
      <c r="CC122" s="53"/>
      <c r="CD122" s="53"/>
      <c r="CE122" s="53"/>
      <c r="CF122" s="53"/>
      <c r="CG122" s="53"/>
      <c r="CH122" s="53"/>
      <c r="CI122" s="53"/>
      <c r="CJ122" s="53"/>
      <c r="CK122" s="53"/>
      <c r="CL122" s="53"/>
      <c r="CM122" s="53"/>
      <c r="CN122" s="53"/>
    </row>
    <row r="123" spans="1:92" outlineLevel="1">
      <c r="A123" s="52" t="s">
        <v>1252</v>
      </c>
      <c r="B123" s="53"/>
      <c r="C123" s="53"/>
      <c r="D123" s="53"/>
      <c r="E123" s="53"/>
      <c r="F123" s="53"/>
      <c r="G123" s="53"/>
      <c r="H123" s="53"/>
      <c r="I123" s="53"/>
      <c r="J123" s="53"/>
      <c r="K123" s="53"/>
      <c r="L123" s="53"/>
      <c r="M123" s="53"/>
      <c r="N123" s="53"/>
      <c r="O123" s="53"/>
      <c r="P123" s="53"/>
      <c r="Q123" s="53"/>
      <c r="R123" s="53"/>
      <c r="S123" s="53"/>
      <c r="T123" s="53"/>
      <c r="U123" s="53"/>
      <c r="V123" s="53"/>
      <c r="W123" s="53"/>
      <c r="X123" s="53"/>
      <c r="Y123" s="53"/>
      <c r="Z123" s="53"/>
      <c r="AA123" s="53"/>
      <c r="AB123" s="53"/>
      <c r="AC123" s="53"/>
      <c r="AD123" s="53"/>
      <c r="AE123" s="53"/>
      <c r="AF123" s="53"/>
      <c r="AG123" s="53"/>
      <c r="AH123" s="53"/>
      <c r="AI123" s="53"/>
      <c r="AJ123" s="53"/>
      <c r="AK123" s="53"/>
      <c r="AL123" s="53"/>
      <c r="AM123" s="53"/>
      <c r="AN123" s="53"/>
      <c r="AO123" s="53"/>
      <c r="AP123" s="53"/>
      <c r="AQ123" s="53"/>
      <c r="AR123" s="53"/>
      <c r="AS123" s="53"/>
      <c r="AT123" s="53"/>
      <c r="AU123" s="53"/>
      <c r="AV123" s="53"/>
      <c r="AW123" s="53"/>
      <c r="AX123" s="53"/>
      <c r="AY123" s="53"/>
      <c r="AZ123" s="53"/>
      <c r="BA123" s="53"/>
      <c r="BB123" s="53"/>
      <c r="BC123" s="53"/>
      <c r="BD123" s="53"/>
      <c r="BE123" s="53"/>
      <c r="BF123" s="53"/>
      <c r="BG123" s="53"/>
      <c r="BH123" s="53"/>
      <c r="BI123" s="53"/>
      <c r="BJ123" s="53"/>
      <c r="BK123" s="53"/>
      <c r="BL123" s="53"/>
      <c r="BM123" s="53"/>
      <c r="BN123" s="53"/>
      <c r="BO123" s="53"/>
      <c r="BP123" s="53"/>
      <c r="BQ123" s="53"/>
      <c r="BR123" s="53"/>
      <c r="BS123" s="53"/>
      <c r="BT123" s="53"/>
      <c r="BU123" s="53"/>
      <c r="BV123" s="53"/>
      <c r="BW123" s="53"/>
      <c r="BX123" s="53"/>
      <c r="BY123" s="53"/>
      <c r="BZ123" s="53"/>
      <c r="CA123" s="53"/>
      <c r="CB123" s="53"/>
      <c r="CC123" s="53"/>
      <c r="CD123" s="53"/>
      <c r="CE123" s="53"/>
      <c r="CF123" s="53"/>
      <c r="CG123" s="53"/>
      <c r="CH123" s="53"/>
      <c r="CI123" s="53"/>
      <c r="CJ123" s="53"/>
      <c r="CK123" s="53"/>
      <c r="CL123" s="53"/>
      <c r="CM123" s="53"/>
      <c r="CN123" s="53"/>
    </row>
    <row r="124" spans="1:92" outlineLevel="1">
      <c r="A124" s="52" t="s">
        <v>649</v>
      </c>
      <c r="B124" s="53"/>
      <c r="C124" s="53"/>
      <c r="D124" s="53"/>
      <c r="E124" s="53"/>
      <c r="F124" s="53"/>
      <c r="G124" s="53"/>
      <c r="H124" s="53"/>
      <c r="I124" s="53"/>
      <c r="J124" s="53"/>
      <c r="K124" s="53"/>
      <c r="L124" s="53"/>
      <c r="M124" s="53"/>
      <c r="N124" s="53"/>
      <c r="O124" s="53"/>
      <c r="P124" s="53"/>
      <c r="Q124" s="53"/>
      <c r="R124" s="53"/>
      <c r="S124" s="53"/>
      <c r="T124" s="53"/>
      <c r="U124" s="53"/>
      <c r="V124" s="53"/>
      <c r="W124" s="53"/>
      <c r="X124" s="53"/>
      <c r="Y124" s="53"/>
      <c r="Z124" s="53"/>
      <c r="AA124" s="53"/>
      <c r="AB124" s="53">
        <v>7714967.6885789502</v>
      </c>
      <c r="AC124" s="53">
        <v>4932298.0890102796</v>
      </c>
      <c r="AD124" s="53">
        <v>5232738.9178787498</v>
      </c>
      <c r="AE124" s="53">
        <v>5755929.0409013303</v>
      </c>
      <c r="AF124" s="53">
        <v>6950296.2567026</v>
      </c>
      <c r="AG124" s="53">
        <v>7412901.5491024004</v>
      </c>
      <c r="AH124" s="53">
        <v>7786119.51160374</v>
      </c>
      <c r="AI124" s="53">
        <v>9680795.3850862104</v>
      </c>
      <c r="AJ124" s="53">
        <v>7242516.3628378501</v>
      </c>
      <c r="AK124" s="53">
        <v>6250366.3675099202</v>
      </c>
      <c r="AL124" s="53">
        <v>4959408.1502147</v>
      </c>
      <c r="AM124" s="53">
        <v>5280662.6805736199</v>
      </c>
      <c r="AN124" s="53">
        <v>79199000.000000298</v>
      </c>
      <c r="AO124" s="53"/>
      <c r="AP124" s="53"/>
      <c r="AQ124" s="53"/>
      <c r="AR124" s="53"/>
      <c r="AS124" s="53"/>
      <c r="AT124" s="53"/>
      <c r="AU124" s="53"/>
      <c r="AV124" s="53"/>
      <c r="AW124" s="53"/>
      <c r="AX124" s="53"/>
      <c r="AY124" s="53"/>
      <c r="AZ124" s="53"/>
      <c r="BA124" s="53"/>
      <c r="BB124" s="53"/>
      <c r="BC124" s="53"/>
      <c r="BD124" s="53"/>
      <c r="BE124" s="53"/>
      <c r="BF124" s="53"/>
      <c r="BG124" s="53"/>
      <c r="BH124" s="53"/>
      <c r="BI124" s="53"/>
      <c r="BJ124" s="53"/>
      <c r="BK124" s="53"/>
      <c r="BL124" s="53"/>
      <c r="BM124" s="53"/>
      <c r="BN124" s="53"/>
      <c r="BO124" s="53"/>
      <c r="BP124" s="53"/>
      <c r="BQ124" s="53"/>
      <c r="BR124" s="53"/>
      <c r="BS124" s="53"/>
      <c r="BT124" s="53"/>
      <c r="BU124" s="53"/>
      <c r="BV124" s="53"/>
      <c r="BW124" s="53"/>
      <c r="BX124" s="53"/>
      <c r="BY124" s="53"/>
      <c r="BZ124" s="53"/>
      <c r="CA124" s="53"/>
      <c r="CB124" s="53"/>
      <c r="CC124" s="53"/>
      <c r="CD124" s="53"/>
      <c r="CE124" s="53"/>
      <c r="CF124" s="53"/>
      <c r="CG124" s="53"/>
      <c r="CH124" s="53"/>
      <c r="CI124" s="53"/>
      <c r="CJ124" s="53"/>
      <c r="CK124" s="53"/>
      <c r="CL124" s="53"/>
      <c r="CM124" s="53"/>
      <c r="CN124" s="53"/>
    </row>
    <row r="125" spans="1:92" outlineLevel="1">
      <c r="A125" s="52" t="s">
        <v>1253</v>
      </c>
      <c r="B125" s="53"/>
      <c r="C125" s="53"/>
      <c r="D125" s="53"/>
      <c r="E125" s="53"/>
      <c r="F125" s="53"/>
      <c r="G125" s="53"/>
      <c r="H125" s="53"/>
      <c r="I125" s="53"/>
      <c r="J125" s="53"/>
      <c r="K125" s="53"/>
      <c r="L125" s="53"/>
      <c r="M125" s="53"/>
      <c r="N125" s="53"/>
      <c r="O125" s="53"/>
      <c r="P125" s="53"/>
      <c r="Q125" s="53"/>
      <c r="R125" s="53"/>
      <c r="S125" s="53"/>
      <c r="T125" s="53"/>
      <c r="U125" s="53"/>
      <c r="V125" s="53"/>
      <c r="W125" s="53"/>
      <c r="X125" s="53"/>
      <c r="Y125" s="53"/>
      <c r="Z125" s="53"/>
      <c r="AA125" s="53"/>
      <c r="AB125" s="53"/>
      <c r="AC125" s="53"/>
      <c r="AD125" s="53"/>
      <c r="AE125" s="53"/>
      <c r="AF125" s="53"/>
      <c r="AG125" s="53"/>
      <c r="AH125" s="53"/>
      <c r="AI125" s="53"/>
      <c r="AJ125" s="53"/>
      <c r="AK125" s="53"/>
      <c r="AL125" s="53"/>
      <c r="AM125" s="53"/>
      <c r="AN125" s="53"/>
      <c r="AO125" s="53"/>
      <c r="AP125" s="53"/>
      <c r="AQ125" s="53"/>
      <c r="AR125" s="53"/>
      <c r="AS125" s="53"/>
      <c r="AT125" s="53"/>
      <c r="AU125" s="53"/>
      <c r="AV125" s="53"/>
      <c r="AW125" s="53"/>
      <c r="AX125" s="53"/>
      <c r="AY125" s="53"/>
      <c r="AZ125" s="53"/>
      <c r="BA125" s="53"/>
      <c r="BB125" s="53"/>
      <c r="BC125" s="53"/>
      <c r="BD125" s="53"/>
      <c r="BE125" s="53"/>
      <c r="BF125" s="53"/>
      <c r="BG125" s="53"/>
      <c r="BH125" s="53"/>
      <c r="BI125" s="53"/>
      <c r="BJ125" s="53"/>
      <c r="BK125" s="53"/>
      <c r="BL125" s="53"/>
      <c r="BM125" s="53"/>
      <c r="BN125" s="53"/>
      <c r="BO125" s="53"/>
      <c r="BP125" s="53"/>
      <c r="BQ125" s="53"/>
      <c r="BR125" s="53"/>
      <c r="BS125" s="53"/>
      <c r="BT125" s="53"/>
      <c r="BU125" s="53"/>
      <c r="BV125" s="53"/>
      <c r="BW125" s="53"/>
      <c r="BX125" s="53"/>
      <c r="BY125" s="53"/>
      <c r="BZ125" s="53"/>
      <c r="CA125" s="53"/>
      <c r="CB125" s="53"/>
      <c r="CC125" s="53"/>
      <c r="CD125" s="53"/>
      <c r="CE125" s="53"/>
      <c r="CF125" s="53"/>
      <c r="CG125" s="53"/>
      <c r="CH125" s="53"/>
      <c r="CI125" s="53"/>
      <c r="CJ125" s="53"/>
      <c r="CK125" s="53"/>
      <c r="CL125" s="53"/>
      <c r="CM125" s="53"/>
      <c r="CN125" s="53"/>
    </row>
    <row r="126" spans="1:92" outlineLevel="1">
      <c r="A126" s="52" t="s">
        <v>649</v>
      </c>
      <c r="B126" s="53"/>
      <c r="C126" s="53"/>
      <c r="D126" s="53"/>
      <c r="E126" s="53"/>
      <c r="F126" s="53"/>
      <c r="G126" s="53"/>
      <c r="H126" s="53"/>
      <c r="I126" s="53"/>
      <c r="J126" s="53"/>
      <c r="K126" s="53"/>
      <c r="L126" s="53"/>
      <c r="M126" s="53"/>
      <c r="N126" s="53"/>
      <c r="O126" s="53"/>
      <c r="P126" s="53"/>
      <c r="Q126" s="53"/>
      <c r="R126" s="53"/>
      <c r="S126" s="53"/>
      <c r="T126" s="53"/>
      <c r="U126" s="53"/>
      <c r="V126" s="53"/>
      <c r="W126" s="53"/>
      <c r="X126" s="53"/>
      <c r="Y126" s="53"/>
      <c r="Z126" s="53"/>
      <c r="AA126" s="53"/>
      <c r="AB126" s="53"/>
      <c r="AC126" s="53"/>
      <c r="AD126" s="53"/>
      <c r="AE126" s="53"/>
      <c r="AF126" s="53"/>
      <c r="AG126" s="53"/>
      <c r="AH126" s="53"/>
      <c r="AI126" s="53"/>
      <c r="AJ126" s="53"/>
      <c r="AK126" s="53"/>
      <c r="AL126" s="53"/>
      <c r="AM126" s="53"/>
      <c r="AN126" s="53"/>
      <c r="AO126" s="53">
        <v>12540354.7023951</v>
      </c>
      <c r="AP126" s="53">
        <v>7904029.4603243396</v>
      </c>
      <c r="AQ126" s="53">
        <v>8573876.3577464297</v>
      </c>
      <c r="AR126" s="53">
        <v>9407408.5631950591</v>
      </c>
      <c r="AS126" s="53">
        <v>11239697.1899361</v>
      </c>
      <c r="AT126" s="53">
        <v>11919509.6953464</v>
      </c>
      <c r="AU126" s="53">
        <v>12513482.243143801</v>
      </c>
      <c r="AV126" s="53">
        <v>15589262.269813601</v>
      </c>
      <c r="AW126" s="53">
        <v>11640811.7482644</v>
      </c>
      <c r="AX126" s="53">
        <v>10111718.395507</v>
      </c>
      <c r="AY126" s="53">
        <v>8090809.6294650901</v>
      </c>
      <c r="AZ126" s="53">
        <v>8601039.7448628303</v>
      </c>
      <c r="BA126" s="53">
        <v>128132000</v>
      </c>
      <c r="BB126" s="53">
        <v>12540354.7023951</v>
      </c>
      <c r="BC126" s="53">
        <v>7904029.4603243396</v>
      </c>
      <c r="BD126" s="53">
        <v>8573876.3577464297</v>
      </c>
      <c r="BE126" s="53">
        <v>9407408.5631950591</v>
      </c>
      <c r="BF126" s="53">
        <v>11239697.1899361</v>
      </c>
      <c r="BG126" s="53">
        <v>11919509.6953464</v>
      </c>
      <c r="BH126" s="53">
        <v>12513482.243143801</v>
      </c>
      <c r="BI126" s="53">
        <v>15589262.269813601</v>
      </c>
      <c r="BJ126" s="53">
        <v>11640811.7482644</v>
      </c>
      <c r="BK126" s="53">
        <v>10111718.395507</v>
      </c>
      <c r="BL126" s="53">
        <v>8090809.6294650901</v>
      </c>
      <c r="BM126" s="53">
        <v>8601039.7448628303</v>
      </c>
      <c r="BN126" s="53">
        <v>128132000</v>
      </c>
      <c r="BO126" s="53">
        <v>12540354.7023951</v>
      </c>
      <c r="BP126" s="53">
        <v>7904029.4603243396</v>
      </c>
      <c r="BQ126" s="53">
        <v>8573876.3577464297</v>
      </c>
      <c r="BR126" s="53">
        <v>9407408.5631950591</v>
      </c>
      <c r="BS126" s="53">
        <v>11239697.1899361</v>
      </c>
      <c r="BT126" s="53">
        <v>11919509.6953464</v>
      </c>
      <c r="BU126" s="53">
        <v>12513482.243143801</v>
      </c>
      <c r="BV126" s="53">
        <v>15589262.269813601</v>
      </c>
      <c r="BW126" s="53">
        <v>11640811.7482644</v>
      </c>
      <c r="BX126" s="53">
        <v>10111718.395507</v>
      </c>
      <c r="BY126" s="53">
        <v>8090809.6294650901</v>
      </c>
      <c r="BZ126" s="53">
        <v>8601039.7448628303</v>
      </c>
      <c r="CA126" s="53">
        <v>128132000</v>
      </c>
      <c r="CB126" s="53">
        <v>14636984.920697</v>
      </c>
      <c r="CC126" s="53">
        <v>13239664.975370999</v>
      </c>
      <c r="CD126" s="53">
        <v>14183658.045549201</v>
      </c>
      <c r="CE126" s="53">
        <v>14620125.3385897</v>
      </c>
      <c r="CF126" s="53">
        <v>17025925.064432099</v>
      </c>
      <c r="CG126" s="53">
        <v>18398724.701769501</v>
      </c>
      <c r="CH126" s="53">
        <v>19662962.669333499</v>
      </c>
      <c r="CI126" s="53">
        <v>20136690.254781</v>
      </c>
      <c r="CJ126" s="53">
        <v>18800869.083927698</v>
      </c>
      <c r="CK126" s="53">
        <v>16145176.3461945</v>
      </c>
      <c r="CL126" s="53">
        <v>13960036.1488743</v>
      </c>
      <c r="CM126" s="53">
        <v>14567182.450480299</v>
      </c>
      <c r="CN126" s="53">
        <v>195378000</v>
      </c>
    </row>
    <row r="127" spans="1:92" outlineLevel="1">
      <c r="A127" s="52" t="s">
        <v>1254</v>
      </c>
      <c r="B127" s="53"/>
      <c r="C127" s="53"/>
      <c r="D127" s="53"/>
      <c r="E127" s="53"/>
      <c r="F127" s="53"/>
      <c r="G127" s="53"/>
      <c r="H127" s="53"/>
      <c r="I127" s="53"/>
      <c r="J127" s="53"/>
      <c r="K127" s="53"/>
      <c r="L127" s="53"/>
      <c r="M127" s="53"/>
      <c r="N127" s="53"/>
      <c r="O127" s="53"/>
      <c r="P127" s="53"/>
      <c r="Q127" s="53"/>
      <c r="R127" s="53"/>
      <c r="S127" s="53"/>
      <c r="T127" s="53"/>
      <c r="U127" s="53"/>
      <c r="V127" s="53"/>
      <c r="W127" s="53"/>
      <c r="X127" s="53"/>
      <c r="Y127" s="53"/>
      <c r="Z127" s="53"/>
      <c r="AA127" s="53"/>
      <c r="AB127" s="53"/>
      <c r="AC127" s="53"/>
      <c r="AD127" s="53"/>
      <c r="AE127" s="53"/>
      <c r="AF127" s="53"/>
      <c r="AG127" s="53"/>
      <c r="AH127" s="53"/>
      <c r="AI127" s="53"/>
      <c r="AJ127" s="53"/>
      <c r="AK127" s="53"/>
      <c r="AL127" s="53"/>
      <c r="AM127" s="53"/>
      <c r="AN127" s="53"/>
      <c r="AO127" s="53"/>
      <c r="AP127" s="53"/>
      <c r="AQ127" s="53"/>
      <c r="AR127" s="53"/>
      <c r="AS127" s="53"/>
      <c r="AT127" s="53"/>
      <c r="AU127" s="53"/>
      <c r="AV127" s="53"/>
      <c r="AW127" s="53"/>
      <c r="AX127" s="53"/>
      <c r="AY127" s="53"/>
      <c r="AZ127" s="53"/>
      <c r="BA127" s="53"/>
      <c r="BB127" s="53"/>
      <c r="BC127" s="53"/>
      <c r="BD127" s="53"/>
      <c r="BE127" s="53"/>
      <c r="BF127" s="53"/>
      <c r="BG127" s="53"/>
      <c r="BH127" s="53"/>
      <c r="BI127" s="53"/>
      <c r="BJ127" s="53"/>
      <c r="BK127" s="53"/>
      <c r="BL127" s="53"/>
      <c r="BM127" s="53"/>
      <c r="BN127" s="53"/>
      <c r="BO127" s="53"/>
      <c r="BP127" s="53"/>
      <c r="BQ127" s="53"/>
      <c r="BR127" s="53"/>
      <c r="BS127" s="53"/>
      <c r="BT127" s="53"/>
      <c r="BU127" s="53"/>
      <c r="BV127" s="53"/>
      <c r="BW127" s="53"/>
      <c r="BX127" s="53"/>
      <c r="BY127" s="53"/>
      <c r="BZ127" s="53"/>
      <c r="CA127" s="53"/>
      <c r="CB127" s="53"/>
      <c r="CC127" s="53"/>
      <c r="CD127" s="53"/>
      <c r="CE127" s="53"/>
      <c r="CF127" s="53"/>
      <c r="CG127" s="53"/>
      <c r="CH127" s="53"/>
      <c r="CI127" s="53"/>
      <c r="CJ127" s="53"/>
      <c r="CK127" s="53"/>
      <c r="CL127" s="53"/>
      <c r="CM127" s="53"/>
      <c r="CN127" s="53"/>
    </row>
    <row r="128" spans="1:92" outlineLevel="1">
      <c r="A128" s="52" t="s">
        <v>649</v>
      </c>
      <c r="B128" s="53"/>
      <c r="C128" s="53"/>
      <c r="D128" s="53"/>
      <c r="E128" s="53"/>
      <c r="F128" s="53"/>
      <c r="G128" s="53"/>
      <c r="H128" s="53"/>
      <c r="I128" s="53"/>
      <c r="J128" s="53"/>
      <c r="K128" s="53"/>
      <c r="L128" s="53"/>
      <c r="M128" s="53"/>
      <c r="N128" s="53"/>
      <c r="O128" s="53">
        <v>686781.66666666698</v>
      </c>
      <c r="P128" s="53">
        <v>686781.66666666698</v>
      </c>
      <c r="Q128" s="53">
        <v>686781.66666666698</v>
      </c>
      <c r="R128" s="53">
        <v>686781.66666666698</v>
      </c>
      <c r="S128" s="53">
        <v>686781.66666666698</v>
      </c>
      <c r="T128" s="53">
        <v>686781.66666666698</v>
      </c>
      <c r="U128" s="53">
        <v>686781.66666666698</v>
      </c>
      <c r="V128" s="53">
        <v>686781.66666666698</v>
      </c>
      <c r="W128" s="53">
        <v>686781.66666666698</v>
      </c>
      <c r="X128" s="53">
        <v>686781.66666666698</v>
      </c>
      <c r="Y128" s="53">
        <v>686781.66666666698</v>
      </c>
      <c r="Z128" s="53">
        <v>686781.66666666698</v>
      </c>
      <c r="AA128" s="53">
        <v>8241380</v>
      </c>
      <c r="AB128" s="53">
        <v>-3040862.6666666698</v>
      </c>
      <c r="AC128" s="53">
        <v>-3040862.6666666698</v>
      </c>
      <c r="AD128" s="53">
        <v>-3040862.6666666698</v>
      </c>
      <c r="AE128" s="53">
        <v>-3040862.6666666698</v>
      </c>
      <c r="AF128" s="53">
        <v>-3040862.6666666698</v>
      </c>
      <c r="AG128" s="53">
        <v>-3040862.6666666698</v>
      </c>
      <c r="AH128" s="53">
        <v>-3040862.6666666698</v>
      </c>
      <c r="AI128" s="53">
        <v>-3040862.6666666698</v>
      </c>
      <c r="AJ128" s="53">
        <v>-3040862.6666666698</v>
      </c>
      <c r="AK128" s="53">
        <v>-3040862.6666666698</v>
      </c>
      <c r="AL128" s="53">
        <v>-3040862.6666666698</v>
      </c>
      <c r="AM128" s="53">
        <v>-3040862.6666666698</v>
      </c>
      <c r="AN128" s="53">
        <v>-36490352</v>
      </c>
      <c r="AO128" s="53">
        <v>-831727.83333333302</v>
      </c>
      <c r="AP128" s="53">
        <v>-831727.83333333302</v>
      </c>
      <c r="AQ128" s="53">
        <v>-831727.83333333302</v>
      </c>
      <c r="AR128" s="53">
        <v>-831727.83333333302</v>
      </c>
      <c r="AS128" s="53">
        <v>-831727.83333333302</v>
      </c>
      <c r="AT128" s="53">
        <v>-831727.83333333302</v>
      </c>
      <c r="AU128" s="53">
        <v>-831727.83333333302</v>
      </c>
      <c r="AV128" s="53">
        <v>-831727.83333333302</v>
      </c>
      <c r="AW128" s="53">
        <v>-831727.83333333302</v>
      </c>
      <c r="AX128" s="53">
        <v>-831727.83333333302</v>
      </c>
      <c r="AY128" s="53">
        <v>-831727.83333333302</v>
      </c>
      <c r="AZ128" s="53">
        <v>-831727.83333333302</v>
      </c>
      <c r="BA128" s="53">
        <v>-9980733.9999999907</v>
      </c>
      <c r="BB128" s="53">
        <v>-435411.91666666698</v>
      </c>
      <c r="BC128" s="53">
        <v>-435411.91666666698</v>
      </c>
      <c r="BD128" s="53">
        <v>-435411.91666666698</v>
      </c>
      <c r="BE128" s="53">
        <v>-435411.91666666698</v>
      </c>
      <c r="BF128" s="53">
        <v>-435411.91666666698</v>
      </c>
      <c r="BG128" s="53">
        <v>-435411.91666666698</v>
      </c>
      <c r="BH128" s="53">
        <v>-435411.91666666698</v>
      </c>
      <c r="BI128" s="53">
        <v>-435411.91666666698</v>
      </c>
      <c r="BJ128" s="53">
        <v>-435411.91666666698</v>
      </c>
      <c r="BK128" s="53">
        <v>-435411.91666666698</v>
      </c>
      <c r="BL128" s="53">
        <v>-435411.91666666698</v>
      </c>
      <c r="BM128" s="53">
        <v>-435411.91666666698</v>
      </c>
      <c r="BN128" s="53">
        <v>-5224943</v>
      </c>
      <c r="BO128" s="53">
        <v>-593572.33333333198</v>
      </c>
      <c r="BP128" s="53">
        <v>-593572.33333333198</v>
      </c>
      <c r="BQ128" s="53">
        <v>-593572.33333333198</v>
      </c>
      <c r="BR128" s="53">
        <v>-593572.33333333198</v>
      </c>
      <c r="BS128" s="53">
        <v>-593572.33333333198</v>
      </c>
      <c r="BT128" s="53">
        <v>-593572.33333333198</v>
      </c>
      <c r="BU128" s="53">
        <v>-593572.33333333198</v>
      </c>
      <c r="BV128" s="53">
        <v>-593572.33333333198</v>
      </c>
      <c r="BW128" s="53">
        <v>-593572.33333333198</v>
      </c>
      <c r="BX128" s="53">
        <v>-593572.33333333198</v>
      </c>
      <c r="BY128" s="53">
        <v>-593572.33333333198</v>
      </c>
      <c r="BZ128" s="53">
        <v>-593572.33333333198</v>
      </c>
      <c r="CA128" s="53">
        <v>-7122867.9999999898</v>
      </c>
      <c r="CB128" s="53">
        <v>16698580.1769762</v>
      </c>
      <c r="CC128" s="53">
        <v>16698580.1769762</v>
      </c>
      <c r="CD128" s="53">
        <v>16698580.1769762</v>
      </c>
      <c r="CE128" s="53">
        <v>16698580.1769762</v>
      </c>
      <c r="CF128" s="53">
        <v>16698580.1769762</v>
      </c>
      <c r="CG128" s="53">
        <v>16698580.1769762</v>
      </c>
      <c r="CH128" s="53">
        <v>16698580.1769762</v>
      </c>
      <c r="CI128" s="53">
        <v>16698580.1769762</v>
      </c>
      <c r="CJ128" s="53">
        <v>16698580.1769762</v>
      </c>
      <c r="CK128" s="53">
        <v>16698580.1769762</v>
      </c>
      <c r="CL128" s="53">
        <v>16698580.1769762</v>
      </c>
      <c r="CM128" s="53">
        <v>16698580.1769762</v>
      </c>
      <c r="CN128" s="53">
        <v>200382962.123714</v>
      </c>
    </row>
    <row r="129" spans="1:92" outlineLevel="1">
      <c r="A129" s="52" t="s">
        <v>1255</v>
      </c>
      <c r="B129" s="53"/>
      <c r="C129" s="53"/>
      <c r="D129" s="53"/>
      <c r="E129" s="53"/>
      <c r="F129" s="53"/>
      <c r="G129" s="53"/>
      <c r="H129" s="53"/>
      <c r="I129" s="53"/>
      <c r="J129" s="53"/>
      <c r="K129" s="53"/>
      <c r="L129" s="53"/>
      <c r="M129" s="53"/>
      <c r="N129" s="53"/>
      <c r="O129" s="53"/>
      <c r="P129" s="53"/>
      <c r="Q129" s="53"/>
      <c r="R129" s="53"/>
      <c r="S129" s="53"/>
      <c r="T129" s="53"/>
      <c r="U129" s="53"/>
      <c r="V129" s="53"/>
      <c r="W129" s="53"/>
      <c r="X129" s="53"/>
      <c r="Y129" s="53"/>
      <c r="Z129" s="53"/>
      <c r="AA129" s="53"/>
      <c r="AB129" s="53"/>
      <c r="AC129" s="53"/>
      <c r="AD129" s="53"/>
      <c r="AE129" s="53"/>
      <c r="AF129" s="53"/>
      <c r="AG129" s="53"/>
      <c r="AH129" s="53"/>
      <c r="AI129" s="53"/>
      <c r="AJ129" s="53"/>
      <c r="AK129" s="53"/>
      <c r="AL129" s="53"/>
      <c r="AM129" s="53"/>
      <c r="AN129" s="53"/>
      <c r="AO129" s="53"/>
      <c r="AP129" s="53"/>
      <c r="AQ129" s="53"/>
      <c r="AR129" s="53"/>
      <c r="AS129" s="53"/>
      <c r="AT129" s="53"/>
      <c r="AU129" s="53"/>
      <c r="AV129" s="53"/>
      <c r="AW129" s="53"/>
      <c r="AX129" s="53"/>
      <c r="AY129" s="53"/>
      <c r="AZ129" s="53"/>
      <c r="BA129" s="53"/>
      <c r="BB129" s="53"/>
      <c r="BC129" s="53"/>
      <c r="BD129" s="53"/>
      <c r="BE129" s="53"/>
      <c r="BF129" s="53"/>
      <c r="BG129" s="53"/>
      <c r="BH129" s="53"/>
      <c r="BI129" s="53"/>
      <c r="BJ129" s="53"/>
      <c r="BK129" s="53"/>
      <c r="BL129" s="53"/>
      <c r="BM129" s="53"/>
      <c r="BN129" s="53"/>
      <c r="BO129" s="53"/>
      <c r="BP129" s="53"/>
      <c r="BQ129" s="53"/>
      <c r="BR129" s="53"/>
      <c r="BS129" s="53"/>
      <c r="BT129" s="53"/>
      <c r="BU129" s="53"/>
      <c r="BV129" s="53"/>
      <c r="BW129" s="53"/>
      <c r="BX129" s="53"/>
      <c r="BY129" s="53"/>
      <c r="BZ129" s="53"/>
      <c r="CA129" s="53"/>
      <c r="CB129" s="53"/>
      <c r="CC129" s="53"/>
      <c r="CD129" s="53"/>
      <c r="CE129" s="53"/>
      <c r="CF129" s="53"/>
      <c r="CG129" s="53"/>
      <c r="CH129" s="53"/>
      <c r="CI129" s="53"/>
      <c r="CJ129" s="53"/>
      <c r="CK129" s="53"/>
      <c r="CL129" s="53"/>
      <c r="CM129" s="53"/>
      <c r="CN129" s="53"/>
    </row>
    <row r="130" spans="1:92" outlineLevel="1">
      <c r="A130" s="52" t="s">
        <v>649</v>
      </c>
      <c r="B130" s="53"/>
      <c r="C130" s="53"/>
      <c r="D130" s="53"/>
      <c r="E130" s="53"/>
      <c r="F130" s="53"/>
      <c r="G130" s="53"/>
      <c r="H130" s="53"/>
      <c r="I130" s="53"/>
      <c r="J130" s="53"/>
      <c r="K130" s="53"/>
      <c r="L130" s="53"/>
      <c r="M130" s="53"/>
      <c r="N130" s="53"/>
      <c r="O130" s="53">
        <v>2388042.4463712601</v>
      </c>
      <c r="P130" s="53">
        <v>1505153.42640334</v>
      </c>
      <c r="Q130" s="53">
        <v>1632711.4470156699</v>
      </c>
      <c r="R130" s="53">
        <v>1791439.8350291799</v>
      </c>
      <c r="S130" s="53">
        <v>2140360.0305500599</v>
      </c>
      <c r="T130" s="53">
        <v>2269815.78814387</v>
      </c>
      <c r="U130" s="53">
        <v>2382925.1610269798</v>
      </c>
      <c r="V130" s="53">
        <v>2968641.7084213998</v>
      </c>
      <c r="W130" s="53">
        <v>2216743.7225490198</v>
      </c>
      <c r="X130" s="53">
        <v>1925560.5847904501</v>
      </c>
      <c r="Y130" s="53">
        <v>1540721.7163467801</v>
      </c>
      <c r="Z130" s="53">
        <v>1637884.13335195</v>
      </c>
      <c r="AA130" s="53">
        <v>24399999.999999899</v>
      </c>
      <c r="AB130" s="53">
        <v>2388042.4463712601</v>
      </c>
      <c r="AC130" s="53">
        <v>1505153.42640334</v>
      </c>
      <c r="AD130" s="53">
        <v>1632711.4470156699</v>
      </c>
      <c r="AE130" s="53">
        <v>1791439.8350291799</v>
      </c>
      <c r="AF130" s="53">
        <v>2140360.0305500599</v>
      </c>
      <c r="AG130" s="53">
        <v>2269815.78814387</v>
      </c>
      <c r="AH130" s="53">
        <v>2382925.1610269798</v>
      </c>
      <c r="AI130" s="53">
        <v>2968641.7084213998</v>
      </c>
      <c r="AJ130" s="53">
        <v>2216743.7225490198</v>
      </c>
      <c r="AK130" s="53">
        <v>1925560.5847904501</v>
      </c>
      <c r="AL130" s="53">
        <v>1540721.7163467801</v>
      </c>
      <c r="AM130" s="53">
        <v>1637884.13335195</v>
      </c>
      <c r="AN130" s="53">
        <v>24399999.999999899</v>
      </c>
      <c r="AO130" s="53"/>
      <c r="AP130" s="53"/>
      <c r="AQ130" s="53"/>
      <c r="AR130" s="53"/>
      <c r="AS130" s="53"/>
      <c r="AT130" s="53"/>
      <c r="AU130" s="53"/>
      <c r="AV130" s="53"/>
      <c r="AW130" s="53"/>
      <c r="AX130" s="53"/>
      <c r="AY130" s="53"/>
      <c r="AZ130" s="53"/>
      <c r="BA130" s="53"/>
      <c r="BB130" s="53"/>
      <c r="BC130" s="53"/>
      <c r="BD130" s="53"/>
      <c r="BE130" s="53"/>
      <c r="BF130" s="53"/>
      <c r="BG130" s="53"/>
      <c r="BH130" s="53"/>
      <c r="BI130" s="53"/>
      <c r="BJ130" s="53"/>
      <c r="BK130" s="53"/>
      <c r="BL130" s="53"/>
      <c r="BM130" s="53"/>
      <c r="BN130" s="53"/>
      <c r="BO130" s="53"/>
      <c r="BP130" s="53"/>
      <c r="BQ130" s="53"/>
      <c r="BR130" s="53"/>
      <c r="BS130" s="53"/>
      <c r="BT130" s="53"/>
      <c r="BU130" s="53"/>
      <c r="BV130" s="53"/>
      <c r="BW130" s="53"/>
      <c r="BX130" s="53"/>
      <c r="BY130" s="53"/>
      <c r="BZ130" s="53"/>
      <c r="CA130" s="53"/>
      <c r="CB130" s="53">
        <v>6254150</v>
      </c>
      <c r="CC130" s="53">
        <v>6254150</v>
      </c>
      <c r="CD130" s="53">
        <v>6254150</v>
      </c>
      <c r="CE130" s="53">
        <v>6254150</v>
      </c>
      <c r="CF130" s="53">
        <v>6254150</v>
      </c>
      <c r="CG130" s="53">
        <v>6254150</v>
      </c>
      <c r="CH130" s="53">
        <v>6254150</v>
      </c>
      <c r="CI130" s="53">
        <v>6254150</v>
      </c>
      <c r="CJ130" s="53">
        <v>6254150</v>
      </c>
      <c r="CK130" s="53">
        <v>6254150</v>
      </c>
      <c r="CL130" s="53">
        <v>6254150</v>
      </c>
      <c r="CM130" s="53">
        <v>6254150</v>
      </c>
      <c r="CN130" s="53">
        <v>75049800</v>
      </c>
    </row>
    <row r="131" spans="1:92" outlineLevel="1">
      <c r="A131" s="52" t="s">
        <v>1256</v>
      </c>
      <c r="B131" s="53"/>
      <c r="C131" s="53"/>
      <c r="D131" s="53"/>
      <c r="E131" s="53"/>
      <c r="F131" s="53"/>
      <c r="G131" s="53"/>
      <c r="H131" s="53"/>
      <c r="I131" s="53"/>
      <c r="J131" s="53"/>
      <c r="K131" s="53"/>
      <c r="L131" s="53"/>
      <c r="M131" s="53"/>
      <c r="N131" s="53"/>
      <c r="O131" s="53"/>
      <c r="P131" s="53"/>
      <c r="Q131" s="53"/>
      <c r="R131" s="53"/>
      <c r="S131" s="53"/>
      <c r="T131" s="53"/>
      <c r="U131" s="53"/>
      <c r="V131" s="53"/>
      <c r="W131" s="53"/>
      <c r="X131" s="53"/>
      <c r="Y131" s="53"/>
      <c r="Z131" s="53"/>
      <c r="AA131" s="53"/>
      <c r="AB131" s="53"/>
      <c r="AC131" s="53"/>
      <c r="AD131" s="53"/>
      <c r="AE131" s="53"/>
      <c r="AF131" s="53"/>
      <c r="AG131" s="53"/>
      <c r="AH131" s="53"/>
      <c r="AI131" s="53"/>
      <c r="AJ131" s="53"/>
      <c r="AK131" s="53"/>
      <c r="AL131" s="53"/>
      <c r="AM131" s="53"/>
      <c r="AN131" s="53"/>
      <c r="AO131" s="53"/>
      <c r="AP131" s="53"/>
      <c r="AQ131" s="53"/>
      <c r="AR131" s="53"/>
      <c r="AS131" s="53"/>
      <c r="AT131" s="53"/>
      <c r="AU131" s="53"/>
      <c r="AV131" s="53"/>
      <c r="AW131" s="53"/>
      <c r="AX131" s="53"/>
      <c r="AY131" s="53"/>
      <c r="AZ131" s="53"/>
      <c r="BA131" s="53"/>
      <c r="BB131" s="53"/>
      <c r="BC131" s="53"/>
      <c r="BD131" s="53"/>
      <c r="BE131" s="53"/>
      <c r="BF131" s="53"/>
      <c r="BG131" s="53"/>
      <c r="BH131" s="53"/>
      <c r="BI131" s="53"/>
      <c r="BJ131" s="53"/>
      <c r="BK131" s="53"/>
      <c r="BL131" s="53"/>
      <c r="BM131" s="53"/>
      <c r="BN131" s="53"/>
      <c r="BO131" s="53"/>
      <c r="BP131" s="53"/>
      <c r="BQ131" s="53"/>
      <c r="BR131" s="53"/>
      <c r="BS131" s="53"/>
      <c r="BT131" s="53"/>
      <c r="BU131" s="53"/>
      <c r="BV131" s="53"/>
      <c r="BW131" s="53"/>
      <c r="BX131" s="53"/>
      <c r="BY131" s="53"/>
      <c r="BZ131" s="53"/>
      <c r="CA131" s="53"/>
      <c r="CB131" s="53"/>
      <c r="CC131" s="53"/>
      <c r="CD131" s="53"/>
      <c r="CE131" s="53"/>
      <c r="CF131" s="53"/>
      <c r="CG131" s="53"/>
      <c r="CH131" s="53"/>
      <c r="CI131" s="53"/>
      <c r="CJ131" s="53"/>
      <c r="CK131" s="53"/>
      <c r="CL131" s="53"/>
      <c r="CM131" s="53"/>
      <c r="CN131" s="53"/>
    </row>
    <row r="132" spans="1:92" outlineLevel="1">
      <c r="A132" s="52" t="s">
        <v>649</v>
      </c>
      <c r="B132" s="53"/>
      <c r="C132" s="53"/>
      <c r="D132" s="53"/>
      <c r="E132" s="53"/>
      <c r="F132" s="53"/>
      <c r="G132" s="53"/>
      <c r="H132" s="53"/>
      <c r="I132" s="53"/>
      <c r="J132" s="53"/>
      <c r="K132" s="53"/>
      <c r="L132" s="53"/>
      <c r="M132" s="53"/>
      <c r="N132" s="53"/>
      <c r="O132" s="53">
        <v>-5452118.15077643</v>
      </c>
      <c r="P132" s="53">
        <v>-3485623.4039634899</v>
      </c>
      <c r="Q132" s="53">
        <v>-3697943.00949249</v>
      </c>
      <c r="R132" s="53">
        <v>-4067678.1115929298</v>
      </c>
      <c r="S132" s="53">
        <v>-4911729.7575385701</v>
      </c>
      <c r="T132" s="53">
        <v>-5238649.9486719603</v>
      </c>
      <c r="U132" s="53">
        <v>-5502400.6874549296</v>
      </c>
      <c r="V132" s="53">
        <v>-6841355.9671956599</v>
      </c>
      <c r="W132" s="53">
        <v>-5118239.83107269</v>
      </c>
      <c r="X132" s="53">
        <v>-4417093.7970033605</v>
      </c>
      <c r="Y132" s="53">
        <v>-3504781.910224</v>
      </c>
      <c r="Z132" s="53">
        <v>-3731810.4250137499</v>
      </c>
      <c r="AA132" s="53">
        <v>-55969425.000000201</v>
      </c>
      <c r="AB132" s="53">
        <v>-5452118.15077643</v>
      </c>
      <c r="AC132" s="53">
        <v>-3485623.4039634899</v>
      </c>
      <c r="AD132" s="53">
        <v>-3697943.00949249</v>
      </c>
      <c r="AE132" s="53">
        <v>-4067678.1115929298</v>
      </c>
      <c r="AF132" s="53">
        <v>-4911729.7575385701</v>
      </c>
      <c r="AG132" s="53">
        <v>-5238649.9486719603</v>
      </c>
      <c r="AH132" s="53">
        <v>-5502400.6874549296</v>
      </c>
      <c r="AI132" s="53">
        <v>-6841355.9671956599</v>
      </c>
      <c r="AJ132" s="53">
        <v>-5118239.83107269</v>
      </c>
      <c r="AK132" s="53">
        <v>-4417093.7970033605</v>
      </c>
      <c r="AL132" s="53">
        <v>-3504781.910224</v>
      </c>
      <c r="AM132" s="53">
        <v>-3731810.4250137499</v>
      </c>
      <c r="AN132" s="53">
        <v>-55969425.000000201</v>
      </c>
      <c r="AO132" s="53">
        <v>-5452118.15077643</v>
      </c>
      <c r="AP132" s="53">
        <v>-3485623.4039634899</v>
      </c>
      <c r="AQ132" s="53">
        <v>-3697943.00949249</v>
      </c>
      <c r="AR132" s="53">
        <v>-4067678.1115929298</v>
      </c>
      <c r="AS132" s="53">
        <v>-4911729.7575385701</v>
      </c>
      <c r="AT132" s="53">
        <v>-5238649.9486719603</v>
      </c>
      <c r="AU132" s="53">
        <v>-5502400.6874549296</v>
      </c>
      <c r="AV132" s="53">
        <v>-6841355.9671956599</v>
      </c>
      <c r="AW132" s="53">
        <v>-5118239.83107269</v>
      </c>
      <c r="AX132" s="53">
        <v>-4417093.7970033605</v>
      </c>
      <c r="AY132" s="53">
        <v>-3504781.910224</v>
      </c>
      <c r="AZ132" s="53">
        <v>-3731810.4250137499</v>
      </c>
      <c r="BA132" s="53">
        <v>-55969425.000000201</v>
      </c>
      <c r="BB132" s="53">
        <v>-5452118.15077643</v>
      </c>
      <c r="BC132" s="53">
        <v>-3485623.4039634899</v>
      </c>
      <c r="BD132" s="53">
        <v>-3697943.00949249</v>
      </c>
      <c r="BE132" s="53">
        <v>-4067678.1115929298</v>
      </c>
      <c r="BF132" s="53">
        <v>-4911729.7575385701</v>
      </c>
      <c r="BG132" s="53">
        <v>-5238649.9486719603</v>
      </c>
      <c r="BH132" s="53">
        <v>-5502400.6874549296</v>
      </c>
      <c r="BI132" s="53">
        <v>-6841355.9671956599</v>
      </c>
      <c r="BJ132" s="53">
        <v>-5118239.83107269</v>
      </c>
      <c r="BK132" s="53">
        <v>-4417093.7970033605</v>
      </c>
      <c r="BL132" s="53">
        <v>-3504781.910224</v>
      </c>
      <c r="BM132" s="53">
        <v>-3731810.4250137499</v>
      </c>
      <c r="BN132" s="53">
        <v>-55969425.000000201</v>
      </c>
      <c r="BO132" s="53">
        <v>-5452118.15077643</v>
      </c>
      <c r="BP132" s="53">
        <v>-3485623.4039634899</v>
      </c>
      <c r="BQ132" s="53">
        <v>-3697943.00949249</v>
      </c>
      <c r="BR132" s="53">
        <v>-4067678.1115929298</v>
      </c>
      <c r="BS132" s="53">
        <v>-4911729.7575385701</v>
      </c>
      <c r="BT132" s="53">
        <v>-5238649.9486719603</v>
      </c>
      <c r="BU132" s="53">
        <v>-5502400.6874549296</v>
      </c>
      <c r="BV132" s="53">
        <v>-6841355.9671956599</v>
      </c>
      <c r="BW132" s="53">
        <v>-5118239.83107269</v>
      </c>
      <c r="BX132" s="53">
        <v>-4417093.7970033605</v>
      </c>
      <c r="BY132" s="53">
        <v>-3504781.910224</v>
      </c>
      <c r="BZ132" s="53">
        <v>-3731810.4250137499</v>
      </c>
      <c r="CA132" s="53">
        <v>-55969425.000000201</v>
      </c>
      <c r="CB132" s="53"/>
      <c r="CC132" s="53"/>
      <c r="CD132" s="53"/>
      <c r="CE132" s="53"/>
      <c r="CF132" s="53"/>
      <c r="CG132" s="53"/>
      <c r="CH132" s="53"/>
      <c r="CI132" s="53"/>
      <c r="CJ132" s="53"/>
      <c r="CK132" s="53"/>
      <c r="CL132" s="53"/>
      <c r="CM132" s="53"/>
      <c r="CN132" s="53"/>
    </row>
    <row r="133" spans="1:92" outlineLevel="1">
      <c r="A133" s="52" t="s">
        <v>1257</v>
      </c>
      <c r="B133" s="53"/>
      <c r="C133" s="53"/>
      <c r="D133" s="53"/>
      <c r="E133" s="53"/>
      <c r="F133" s="53"/>
      <c r="G133" s="53"/>
      <c r="H133" s="53"/>
      <c r="I133" s="53"/>
      <c r="J133" s="53"/>
      <c r="K133" s="53"/>
      <c r="L133" s="53"/>
      <c r="M133" s="53"/>
      <c r="N133" s="53"/>
      <c r="O133" s="53"/>
      <c r="P133" s="53"/>
      <c r="Q133" s="53"/>
      <c r="R133" s="53"/>
      <c r="S133" s="53"/>
      <c r="T133" s="53"/>
      <c r="U133" s="53"/>
      <c r="V133" s="53"/>
      <c r="W133" s="53"/>
      <c r="X133" s="53"/>
      <c r="Y133" s="53"/>
      <c r="Z133" s="53"/>
      <c r="AA133" s="53"/>
      <c r="AB133" s="53"/>
      <c r="AC133" s="53"/>
      <c r="AD133" s="53"/>
      <c r="AE133" s="53"/>
      <c r="AF133" s="53"/>
      <c r="AG133" s="53"/>
      <c r="AH133" s="53"/>
      <c r="AI133" s="53"/>
      <c r="AJ133" s="53"/>
      <c r="AK133" s="53"/>
      <c r="AL133" s="53"/>
      <c r="AM133" s="53"/>
      <c r="AN133" s="53"/>
      <c r="AO133" s="53"/>
      <c r="AP133" s="53"/>
      <c r="AQ133" s="53"/>
      <c r="AR133" s="53"/>
      <c r="AS133" s="53"/>
      <c r="AT133" s="53"/>
      <c r="AU133" s="53"/>
      <c r="AV133" s="53"/>
      <c r="AW133" s="53"/>
      <c r="AX133" s="53"/>
      <c r="AY133" s="53"/>
      <c r="AZ133" s="53"/>
      <c r="BA133" s="53"/>
      <c r="BB133" s="53"/>
      <c r="BC133" s="53"/>
      <c r="BD133" s="53"/>
      <c r="BE133" s="53"/>
      <c r="BF133" s="53"/>
      <c r="BG133" s="53"/>
      <c r="BH133" s="53"/>
      <c r="BI133" s="53"/>
      <c r="BJ133" s="53"/>
      <c r="BK133" s="53"/>
      <c r="BL133" s="53"/>
      <c r="BM133" s="53"/>
      <c r="BN133" s="53"/>
      <c r="BO133" s="53"/>
      <c r="BP133" s="53"/>
      <c r="BQ133" s="53"/>
      <c r="BR133" s="53"/>
      <c r="BS133" s="53"/>
      <c r="BT133" s="53"/>
      <c r="BU133" s="53"/>
      <c r="BV133" s="53"/>
      <c r="BW133" s="53"/>
      <c r="BX133" s="53"/>
      <c r="BY133" s="53"/>
      <c r="BZ133" s="53"/>
      <c r="CA133" s="53"/>
      <c r="CB133" s="53"/>
      <c r="CC133" s="53"/>
      <c r="CD133" s="53"/>
      <c r="CE133" s="53"/>
      <c r="CF133" s="53"/>
      <c r="CG133" s="53"/>
      <c r="CH133" s="53"/>
      <c r="CI133" s="53"/>
      <c r="CJ133" s="53"/>
      <c r="CK133" s="53"/>
      <c r="CL133" s="53"/>
      <c r="CM133" s="53"/>
      <c r="CN133" s="53"/>
    </row>
    <row r="134" spans="1:92" outlineLevel="1">
      <c r="A134" s="52" t="s">
        <v>649</v>
      </c>
      <c r="B134" s="53"/>
      <c r="C134" s="53"/>
      <c r="D134" s="53"/>
      <c r="E134" s="53"/>
      <c r="F134" s="53"/>
      <c r="G134" s="53"/>
      <c r="H134" s="53"/>
      <c r="I134" s="53"/>
      <c r="J134" s="53"/>
      <c r="K134" s="53"/>
      <c r="L134" s="53"/>
      <c r="M134" s="53"/>
      <c r="N134" s="53"/>
      <c r="O134" s="53">
        <v>1250830</v>
      </c>
      <c r="P134" s="53">
        <v>1250830</v>
      </c>
      <c r="Q134" s="53">
        <v>1250830</v>
      </c>
      <c r="R134" s="53">
        <v>1250830</v>
      </c>
      <c r="S134" s="53">
        <v>1250830</v>
      </c>
      <c r="T134" s="53">
        <v>3752490</v>
      </c>
      <c r="U134" s="53">
        <v>3752490</v>
      </c>
      <c r="V134" s="53">
        <v>3752490</v>
      </c>
      <c r="W134" s="53">
        <v>3752490</v>
      </c>
      <c r="X134" s="53">
        <v>3752490</v>
      </c>
      <c r="Y134" s="53">
        <v>3752490</v>
      </c>
      <c r="Z134" s="53">
        <v>3752490</v>
      </c>
      <c r="AA134" s="53">
        <v>32521579.999999899</v>
      </c>
      <c r="AB134" s="53">
        <v>3752490</v>
      </c>
      <c r="AC134" s="53">
        <v>3752490</v>
      </c>
      <c r="AD134" s="53">
        <v>5628735</v>
      </c>
      <c r="AE134" s="53">
        <v>5628735</v>
      </c>
      <c r="AF134" s="53">
        <v>5628735</v>
      </c>
      <c r="AG134" s="53">
        <v>6254150</v>
      </c>
      <c r="AH134" s="53">
        <v>6254150</v>
      </c>
      <c r="AI134" s="53">
        <v>6254150</v>
      </c>
      <c r="AJ134" s="53">
        <v>6254150</v>
      </c>
      <c r="AK134" s="53">
        <v>6254150</v>
      </c>
      <c r="AL134" s="53">
        <v>6254150</v>
      </c>
      <c r="AM134" s="53">
        <v>6254150</v>
      </c>
      <c r="AN134" s="53">
        <v>68170235</v>
      </c>
      <c r="AO134" s="53">
        <v>6254150</v>
      </c>
      <c r="AP134" s="53">
        <v>6254150</v>
      </c>
      <c r="AQ134" s="53">
        <v>6254150</v>
      </c>
      <c r="AR134" s="53">
        <v>6254150</v>
      </c>
      <c r="AS134" s="53">
        <v>6254150</v>
      </c>
      <c r="AT134" s="53">
        <v>6254150</v>
      </c>
      <c r="AU134" s="53">
        <v>6254150</v>
      </c>
      <c r="AV134" s="53">
        <v>6254150</v>
      </c>
      <c r="AW134" s="53">
        <v>6254150</v>
      </c>
      <c r="AX134" s="53">
        <v>6254150</v>
      </c>
      <c r="AY134" s="53">
        <v>6254150</v>
      </c>
      <c r="AZ134" s="53">
        <v>6254150</v>
      </c>
      <c r="BA134" s="53">
        <v>75049800</v>
      </c>
      <c r="BB134" s="53">
        <v>6254150</v>
      </c>
      <c r="BC134" s="53">
        <v>6254150</v>
      </c>
      <c r="BD134" s="53">
        <v>6254150</v>
      </c>
      <c r="BE134" s="53">
        <v>6254150</v>
      </c>
      <c r="BF134" s="53">
        <v>6254150</v>
      </c>
      <c r="BG134" s="53">
        <v>6254150</v>
      </c>
      <c r="BH134" s="53">
        <v>6254150</v>
      </c>
      <c r="BI134" s="53">
        <v>6254150</v>
      </c>
      <c r="BJ134" s="53">
        <v>6254150</v>
      </c>
      <c r="BK134" s="53">
        <v>6254150</v>
      </c>
      <c r="BL134" s="53">
        <v>6254150</v>
      </c>
      <c r="BM134" s="53">
        <v>6254150</v>
      </c>
      <c r="BN134" s="53">
        <v>75049800</v>
      </c>
      <c r="BO134" s="53">
        <v>6254150</v>
      </c>
      <c r="BP134" s="53">
        <v>6254150</v>
      </c>
      <c r="BQ134" s="53">
        <v>6254150</v>
      </c>
      <c r="BR134" s="53">
        <v>6254150</v>
      </c>
      <c r="BS134" s="53">
        <v>6254150</v>
      </c>
      <c r="BT134" s="53">
        <v>6254150</v>
      </c>
      <c r="BU134" s="53">
        <v>6254150</v>
      </c>
      <c r="BV134" s="53">
        <v>6254150</v>
      </c>
      <c r="BW134" s="53">
        <v>6254150</v>
      </c>
      <c r="BX134" s="53">
        <v>6254150</v>
      </c>
      <c r="BY134" s="53">
        <v>6254150</v>
      </c>
      <c r="BZ134" s="53">
        <v>6254150</v>
      </c>
      <c r="CA134" s="53">
        <v>75049800</v>
      </c>
      <c r="CB134" s="53">
        <v>5211941.8569540102</v>
      </c>
      <c r="CC134" s="53">
        <v>5211941.8569540102</v>
      </c>
      <c r="CD134" s="53">
        <v>5211941.8569540102</v>
      </c>
      <c r="CE134" s="53">
        <v>2963163.0301156901</v>
      </c>
      <c r="CF134" s="53">
        <v>2963163.0301156901</v>
      </c>
      <c r="CG134" s="53">
        <v>2963163.0301156901</v>
      </c>
      <c r="CH134" s="53">
        <v>2963163.0301156901</v>
      </c>
      <c r="CI134" s="53">
        <v>2963163.0301156901</v>
      </c>
      <c r="CJ134" s="53">
        <v>2963163.0301156901</v>
      </c>
      <c r="CK134" s="53">
        <v>2963163.0301156901</v>
      </c>
      <c r="CL134" s="53">
        <v>2963163.0301156901</v>
      </c>
      <c r="CM134" s="53">
        <v>2963163.0301156901</v>
      </c>
      <c r="CN134" s="53">
        <v>42304292.841903202</v>
      </c>
    </row>
    <row r="135" spans="1:92" outlineLevel="1">
      <c r="A135" s="52" t="s">
        <v>1258</v>
      </c>
      <c r="B135" s="53"/>
      <c r="C135" s="53"/>
      <c r="D135" s="53"/>
      <c r="E135" s="53"/>
      <c r="F135" s="53"/>
      <c r="G135" s="53"/>
      <c r="H135" s="53"/>
      <c r="I135" s="53"/>
      <c r="J135" s="53"/>
      <c r="K135" s="53"/>
      <c r="L135" s="53"/>
      <c r="M135" s="53"/>
      <c r="N135" s="53"/>
      <c r="O135" s="53"/>
      <c r="P135" s="53"/>
      <c r="Q135" s="53"/>
      <c r="R135" s="53"/>
      <c r="S135" s="53"/>
      <c r="T135" s="53"/>
      <c r="U135" s="53"/>
      <c r="V135" s="53"/>
      <c r="W135" s="53"/>
      <c r="X135" s="53"/>
      <c r="Y135" s="53"/>
      <c r="Z135" s="53"/>
      <c r="AA135" s="53"/>
      <c r="AB135" s="53"/>
      <c r="AC135" s="53"/>
      <c r="AD135" s="53"/>
      <c r="AE135" s="53"/>
      <c r="AF135" s="53"/>
      <c r="AG135" s="53"/>
      <c r="AH135" s="53"/>
      <c r="AI135" s="53"/>
      <c r="AJ135" s="53"/>
      <c r="AK135" s="53"/>
      <c r="AL135" s="53"/>
      <c r="AM135" s="53"/>
      <c r="AN135" s="53"/>
      <c r="AO135" s="53"/>
      <c r="AP135" s="53"/>
      <c r="AQ135" s="53"/>
      <c r="AR135" s="53"/>
      <c r="AS135" s="53"/>
      <c r="AT135" s="53"/>
      <c r="AU135" s="53"/>
      <c r="AV135" s="53"/>
      <c r="AW135" s="53"/>
      <c r="AX135" s="53"/>
      <c r="AY135" s="53"/>
      <c r="AZ135" s="53"/>
      <c r="BA135" s="53"/>
      <c r="BB135" s="53"/>
      <c r="BC135" s="53"/>
      <c r="BD135" s="53"/>
      <c r="BE135" s="53"/>
      <c r="BF135" s="53"/>
      <c r="BG135" s="53"/>
      <c r="BH135" s="53"/>
      <c r="BI135" s="53"/>
      <c r="BJ135" s="53"/>
      <c r="BK135" s="53"/>
      <c r="BL135" s="53"/>
      <c r="BM135" s="53"/>
      <c r="BN135" s="53"/>
      <c r="BO135" s="53"/>
      <c r="BP135" s="53"/>
      <c r="BQ135" s="53"/>
      <c r="BR135" s="53"/>
      <c r="BS135" s="53"/>
      <c r="BT135" s="53"/>
      <c r="BU135" s="53"/>
      <c r="BV135" s="53"/>
      <c r="BW135" s="53"/>
      <c r="BX135" s="53"/>
      <c r="BY135" s="53"/>
      <c r="BZ135" s="53"/>
      <c r="CA135" s="53"/>
      <c r="CB135" s="53"/>
      <c r="CC135" s="53"/>
      <c r="CD135" s="53"/>
      <c r="CE135" s="53"/>
      <c r="CF135" s="53"/>
      <c r="CG135" s="53"/>
      <c r="CH135" s="53"/>
      <c r="CI135" s="53"/>
      <c r="CJ135" s="53"/>
      <c r="CK135" s="53"/>
      <c r="CL135" s="53"/>
      <c r="CM135" s="53"/>
      <c r="CN135" s="53"/>
    </row>
    <row r="136" spans="1:92" outlineLevel="1">
      <c r="A136" s="52" t="s">
        <v>649</v>
      </c>
      <c r="B136" s="53"/>
      <c r="C136" s="53"/>
      <c r="D136" s="53"/>
      <c r="E136" s="53"/>
      <c r="F136" s="53"/>
      <c r="G136" s="53"/>
      <c r="H136" s="53"/>
      <c r="I136" s="53"/>
      <c r="J136" s="53"/>
      <c r="K136" s="53"/>
      <c r="L136" s="53"/>
      <c r="M136" s="53"/>
      <c r="N136" s="53"/>
      <c r="O136" s="53"/>
      <c r="P136" s="53"/>
      <c r="Q136" s="53"/>
      <c r="R136" s="53">
        <v>37711166.130963199</v>
      </c>
      <c r="S136" s="53">
        <v>37711166.130963199</v>
      </c>
      <c r="T136" s="53">
        <v>37711166.130963199</v>
      </c>
      <c r="U136" s="53">
        <v>37711166.130963199</v>
      </c>
      <c r="V136" s="53">
        <v>37711166.130963199</v>
      </c>
      <c r="W136" s="53">
        <v>37711166.130963199</v>
      </c>
      <c r="X136" s="53">
        <v>37711166.130963199</v>
      </c>
      <c r="Y136" s="53">
        <v>37711166.130963199</v>
      </c>
      <c r="Z136" s="53">
        <v>37711166.130963199</v>
      </c>
      <c r="AA136" s="53">
        <v>339400495.17866898</v>
      </c>
      <c r="AB136" s="53">
        <v>37711166.130963199</v>
      </c>
      <c r="AC136" s="53">
        <v>37711166.130963199</v>
      </c>
      <c r="AD136" s="53">
        <v>37711166.130963199</v>
      </c>
      <c r="AE136" s="53"/>
      <c r="AF136" s="53"/>
      <c r="AG136" s="53"/>
      <c r="AH136" s="53"/>
      <c r="AI136" s="53"/>
      <c r="AJ136" s="53"/>
      <c r="AK136" s="53"/>
      <c r="AL136" s="53"/>
      <c r="AM136" s="53"/>
      <c r="AN136" s="53">
        <v>113133498.39288899</v>
      </c>
      <c r="AO136" s="53"/>
      <c r="AP136" s="53"/>
      <c r="AQ136" s="53"/>
      <c r="AR136" s="53"/>
      <c r="AS136" s="53"/>
      <c r="AT136" s="53"/>
      <c r="AU136" s="53"/>
      <c r="AV136" s="53"/>
      <c r="AW136" s="53"/>
      <c r="AX136" s="53"/>
      <c r="AY136" s="53"/>
      <c r="AZ136" s="53"/>
      <c r="BA136" s="53"/>
      <c r="BB136" s="53"/>
      <c r="BC136" s="53"/>
      <c r="BD136" s="53"/>
      <c r="BE136" s="53"/>
      <c r="BF136" s="53"/>
      <c r="BG136" s="53"/>
      <c r="BH136" s="53"/>
      <c r="BI136" s="53"/>
      <c r="BJ136" s="53"/>
      <c r="BK136" s="53"/>
      <c r="BL136" s="53"/>
      <c r="BM136" s="53"/>
      <c r="BN136" s="53"/>
      <c r="BO136" s="53"/>
      <c r="BP136" s="53"/>
      <c r="BQ136" s="53"/>
      <c r="BR136" s="53"/>
      <c r="BS136" s="53"/>
      <c r="BT136" s="53"/>
      <c r="BU136" s="53"/>
      <c r="BV136" s="53"/>
      <c r="BW136" s="53"/>
      <c r="BX136" s="53"/>
      <c r="BY136" s="53"/>
      <c r="BZ136" s="53"/>
      <c r="CA136" s="53"/>
      <c r="CB136" s="53">
        <v>5262777.5798480297</v>
      </c>
      <c r="CC136" s="53">
        <v>5262777.5798480297</v>
      </c>
      <c r="CD136" s="53">
        <v>5262777.5798480297</v>
      </c>
      <c r="CE136" s="53">
        <v>5262777.5798480297</v>
      </c>
      <c r="CF136" s="53">
        <v>5262777.5798480297</v>
      </c>
      <c r="CG136" s="53">
        <v>5262777.5798480297</v>
      </c>
      <c r="CH136" s="53">
        <v>7577309.3457095502</v>
      </c>
      <c r="CI136" s="53">
        <v>7577309.3457095502</v>
      </c>
      <c r="CJ136" s="53">
        <v>7577309.3457095502</v>
      </c>
      <c r="CK136" s="53">
        <v>7577309.3457095502</v>
      </c>
      <c r="CL136" s="53">
        <v>7577309.3457095502</v>
      </c>
      <c r="CM136" s="53">
        <v>7577309.3457095502</v>
      </c>
      <c r="CN136" s="53">
        <v>77040521.553345397</v>
      </c>
    </row>
    <row r="137" spans="1:92" outlineLevel="1">
      <c r="A137" s="52" t="s">
        <v>1259</v>
      </c>
      <c r="B137" s="53"/>
      <c r="C137" s="53"/>
      <c r="D137" s="53"/>
      <c r="E137" s="53"/>
      <c r="F137" s="53"/>
      <c r="G137" s="53"/>
      <c r="H137" s="53"/>
      <c r="I137" s="53"/>
      <c r="J137" s="53"/>
      <c r="K137" s="53"/>
      <c r="L137" s="53"/>
      <c r="M137" s="53"/>
      <c r="N137" s="53"/>
      <c r="O137" s="53"/>
      <c r="P137" s="53"/>
      <c r="Q137" s="53"/>
      <c r="R137" s="53"/>
      <c r="S137" s="53"/>
      <c r="T137" s="53"/>
      <c r="U137" s="53"/>
      <c r="V137" s="53"/>
      <c r="W137" s="53"/>
      <c r="X137" s="53"/>
      <c r="Y137" s="53"/>
      <c r="Z137" s="53"/>
      <c r="AA137" s="53"/>
      <c r="AB137" s="53"/>
      <c r="AC137" s="53"/>
      <c r="AD137" s="53"/>
      <c r="AE137" s="53"/>
      <c r="AF137" s="53"/>
      <c r="AG137" s="53"/>
      <c r="AH137" s="53"/>
      <c r="AI137" s="53"/>
      <c r="AJ137" s="53"/>
      <c r="AK137" s="53"/>
      <c r="AL137" s="53"/>
      <c r="AM137" s="53"/>
      <c r="AN137" s="53"/>
      <c r="AO137" s="53"/>
      <c r="AP137" s="53"/>
      <c r="AQ137" s="53"/>
      <c r="AR137" s="53"/>
      <c r="AS137" s="53"/>
      <c r="AT137" s="53"/>
      <c r="AU137" s="53"/>
      <c r="AV137" s="53"/>
      <c r="AW137" s="53"/>
      <c r="AX137" s="53"/>
      <c r="AY137" s="53"/>
      <c r="AZ137" s="53"/>
      <c r="BA137" s="53"/>
      <c r="BB137" s="53"/>
      <c r="BC137" s="53"/>
      <c r="BD137" s="53"/>
      <c r="BE137" s="53"/>
      <c r="BF137" s="53"/>
      <c r="BG137" s="53"/>
      <c r="BH137" s="53"/>
      <c r="BI137" s="53"/>
      <c r="BJ137" s="53"/>
      <c r="BK137" s="53"/>
      <c r="BL137" s="53"/>
      <c r="BM137" s="53"/>
      <c r="BN137" s="53"/>
      <c r="BO137" s="53"/>
      <c r="BP137" s="53"/>
      <c r="BQ137" s="53"/>
      <c r="BR137" s="53"/>
      <c r="BS137" s="53"/>
      <c r="BT137" s="53"/>
      <c r="BU137" s="53"/>
      <c r="BV137" s="53"/>
      <c r="BW137" s="53"/>
      <c r="BX137" s="53"/>
      <c r="BY137" s="53"/>
      <c r="BZ137" s="53"/>
      <c r="CA137" s="53"/>
      <c r="CB137" s="53"/>
      <c r="CC137" s="53"/>
      <c r="CD137" s="53"/>
      <c r="CE137" s="53"/>
      <c r="CF137" s="53"/>
      <c r="CG137" s="53"/>
      <c r="CH137" s="53"/>
      <c r="CI137" s="53"/>
      <c r="CJ137" s="53"/>
      <c r="CK137" s="53"/>
      <c r="CL137" s="53"/>
      <c r="CM137" s="53"/>
      <c r="CN137" s="53"/>
    </row>
    <row r="138" spans="1:92" outlineLevel="1">
      <c r="A138" s="52" t="s">
        <v>649</v>
      </c>
      <c r="B138" s="53"/>
      <c r="C138" s="53"/>
      <c r="D138" s="53"/>
      <c r="E138" s="53"/>
      <c r="F138" s="53"/>
      <c r="G138" s="53"/>
      <c r="H138" s="53"/>
      <c r="I138" s="53"/>
      <c r="J138" s="53"/>
      <c r="K138" s="53"/>
      <c r="L138" s="53"/>
      <c r="M138" s="53"/>
      <c r="N138" s="53"/>
      <c r="O138" s="53">
        <v>1846524.7876208101</v>
      </c>
      <c r="P138" s="53">
        <v>1846524.7876208101</v>
      </c>
      <c r="Q138" s="53">
        <v>1846524.7876208101</v>
      </c>
      <c r="R138" s="53">
        <v>1846524.7876208101</v>
      </c>
      <c r="S138" s="53">
        <v>1846524.7876208101</v>
      </c>
      <c r="T138" s="53">
        <v>1039615.05620038</v>
      </c>
      <c r="U138" s="53">
        <v>1039615.05620038</v>
      </c>
      <c r="V138" s="53">
        <v>1039615.05620038</v>
      </c>
      <c r="W138" s="53"/>
      <c r="X138" s="53"/>
      <c r="Y138" s="53"/>
      <c r="Z138" s="53"/>
      <c r="AA138" s="53">
        <v>12351469.106705099</v>
      </c>
      <c r="AB138" s="53">
        <v>1846524.7876208101</v>
      </c>
      <c r="AC138" s="53">
        <v>1846524.7876208101</v>
      </c>
      <c r="AD138" s="53">
        <v>1846524.7876208101</v>
      </c>
      <c r="AE138" s="53">
        <v>1846524.7876208101</v>
      </c>
      <c r="AF138" s="53">
        <v>1846524.7876208101</v>
      </c>
      <c r="AG138" s="53">
        <v>1039615.05620038</v>
      </c>
      <c r="AH138" s="53">
        <v>1039615.05620038</v>
      </c>
      <c r="AI138" s="53">
        <v>1039615.05620038</v>
      </c>
      <c r="AJ138" s="53"/>
      <c r="AK138" s="53"/>
      <c r="AL138" s="53"/>
      <c r="AM138" s="53"/>
      <c r="AN138" s="53">
        <v>12351469.106705099</v>
      </c>
      <c r="AO138" s="53">
        <v>1846524.7876208101</v>
      </c>
      <c r="AP138" s="53">
        <v>1846524.7876208101</v>
      </c>
      <c r="AQ138" s="53">
        <v>1846524.7876208101</v>
      </c>
      <c r="AR138" s="53">
        <v>1846524.7876208101</v>
      </c>
      <c r="AS138" s="53">
        <v>1846524.7876208101</v>
      </c>
      <c r="AT138" s="53">
        <v>1039615.05620038</v>
      </c>
      <c r="AU138" s="53">
        <v>1039615.05620038</v>
      </c>
      <c r="AV138" s="53">
        <v>1039615.05620038</v>
      </c>
      <c r="AW138" s="53"/>
      <c r="AX138" s="53"/>
      <c r="AY138" s="53"/>
      <c r="AZ138" s="53"/>
      <c r="BA138" s="53">
        <v>12351469.106705099</v>
      </c>
      <c r="BB138" s="53">
        <v>1846524.7876208101</v>
      </c>
      <c r="BC138" s="53">
        <v>1846524.7876208101</v>
      </c>
      <c r="BD138" s="53">
        <v>1846524.7876208101</v>
      </c>
      <c r="BE138" s="53">
        <v>1846524.7876208101</v>
      </c>
      <c r="BF138" s="53">
        <v>1846524.7876208101</v>
      </c>
      <c r="BG138" s="53">
        <v>1039615.05620038</v>
      </c>
      <c r="BH138" s="53">
        <v>1039615.05620038</v>
      </c>
      <c r="BI138" s="53">
        <v>1039615.05620038</v>
      </c>
      <c r="BJ138" s="53"/>
      <c r="BK138" s="53"/>
      <c r="BL138" s="53"/>
      <c r="BM138" s="53"/>
      <c r="BN138" s="53">
        <v>12351469.106705099</v>
      </c>
      <c r="BO138" s="53">
        <v>1846524.7876208101</v>
      </c>
      <c r="BP138" s="53">
        <v>1846524.7876208101</v>
      </c>
      <c r="BQ138" s="53">
        <v>1846524.7876208101</v>
      </c>
      <c r="BR138" s="53">
        <v>1846524.7876208101</v>
      </c>
      <c r="BS138" s="53">
        <v>1846524.7876208101</v>
      </c>
      <c r="BT138" s="53">
        <v>1039615.05620038</v>
      </c>
      <c r="BU138" s="53">
        <v>1039615.05620038</v>
      </c>
      <c r="BV138" s="53">
        <v>1039615.05620038</v>
      </c>
      <c r="BW138" s="53"/>
      <c r="BX138" s="53"/>
      <c r="BY138" s="53"/>
      <c r="BZ138" s="53"/>
      <c r="CA138" s="53">
        <v>12351469.106705099</v>
      </c>
      <c r="CB138" s="53"/>
      <c r="CC138" s="53"/>
      <c r="CD138" s="53"/>
      <c r="CE138" s="53"/>
      <c r="CF138" s="53"/>
      <c r="CG138" s="53"/>
      <c r="CH138" s="53"/>
      <c r="CI138" s="53"/>
      <c r="CJ138" s="53"/>
      <c r="CK138" s="53"/>
      <c r="CL138" s="53"/>
      <c r="CM138" s="53"/>
      <c r="CN138" s="53"/>
    </row>
    <row r="139" spans="1:92" outlineLevel="1">
      <c r="A139" s="52" t="s">
        <v>1260</v>
      </c>
      <c r="B139" s="53"/>
      <c r="C139" s="53"/>
      <c r="D139" s="53"/>
      <c r="E139" s="53"/>
      <c r="F139" s="53"/>
      <c r="G139" s="53"/>
      <c r="H139" s="53"/>
      <c r="I139" s="53"/>
      <c r="J139" s="53"/>
      <c r="K139" s="53"/>
      <c r="L139" s="53"/>
      <c r="M139" s="53"/>
      <c r="N139" s="53"/>
      <c r="O139" s="53"/>
      <c r="P139" s="53"/>
      <c r="Q139" s="53"/>
      <c r="R139" s="53"/>
      <c r="S139" s="53"/>
      <c r="T139" s="53"/>
      <c r="U139" s="53"/>
      <c r="V139" s="53"/>
      <c r="W139" s="53"/>
      <c r="X139" s="53"/>
      <c r="Y139" s="53"/>
      <c r="Z139" s="53"/>
      <c r="AA139" s="53"/>
      <c r="AB139" s="53"/>
      <c r="AC139" s="53"/>
      <c r="AD139" s="53"/>
      <c r="AE139" s="53"/>
      <c r="AF139" s="53"/>
      <c r="AG139" s="53"/>
      <c r="AH139" s="53"/>
      <c r="AI139" s="53"/>
      <c r="AJ139" s="53"/>
      <c r="AK139" s="53"/>
      <c r="AL139" s="53"/>
      <c r="AM139" s="53"/>
      <c r="AN139" s="53"/>
      <c r="AO139" s="53"/>
      <c r="AP139" s="53"/>
      <c r="AQ139" s="53"/>
      <c r="AR139" s="53"/>
      <c r="AS139" s="53"/>
      <c r="AT139" s="53"/>
      <c r="AU139" s="53"/>
      <c r="AV139" s="53"/>
      <c r="AW139" s="53"/>
      <c r="AX139" s="53"/>
      <c r="AY139" s="53"/>
      <c r="AZ139" s="53"/>
      <c r="BA139" s="53"/>
      <c r="BB139" s="53"/>
      <c r="BC139" s="53"/>
      <c r="BD139" s="53"/>
      <c r="BE139" s="53"/>
      <c r="BF139" s="53"/>
      <c r="BG139" s="53"/>
      <c r="BH139" s="53"/>
      <c r="BI139" s="53"/>
      <c r="BJ139" s="53"/>
      <c r="BK139" s="53"/>
      <c r="BL139" s="53"/>
      <c r="BM139" s="53"/>
      <c r="BN139" s="53"/>
      <c r="BO139" s="53"/>
      <c r="BP139" s="53"/>
      <c r="BQ139" s="53"/>
      <c r="BR139" s="53"/>
      <c r="BS139" s="53"/>
      <c r="BT139" s="53"/>
      <c r="BU139" s="53"/>
      <c r="BV139" s="53"/>
      <c r="BW139" s="53"/>
      <c r="BX139" s="53"/>
      <c r="BY139" s="53"/>
      <c r="BZ139" s="53"/>
      <c r="CA139" s="53"/>
      <c r="CB139" s="53"/>
      <c r="CC139" s="53"/>
      <c r="CD139" s="53"/>
      <c r="CE139" s="53"/>
      <c r="CF139" s="53"/>
      <c r="CG139" s="53"/>
      <c r="CH139" s="53"/>
      <c r="CI139" s="53"/>
      <c r="CJ139" s="53"/>
      <c r="CK139" s="53"/>
      <c r="CL139" s="53"/>
      <c r="CM139" s="53"/>
      <c r="CN139" s="53"/>
    </row>
    <row r="140" spans="1:92" outlineLevel="1">
      <c r="A140" s="52" t="s">
        <v>649</v>
      </c>
      <c r="B140" s="53">
        <v>666666.66666666698</v>
      </c>
      <c r="C140" s="53">
        <v>666666.66666666698</v>
      </c>
      <c r="D140" s="53">
        <v>666666.66666666698</v>
      </c>
      <c r="E140" s="53">
        <v>666666.66666666698</v>
      </c>
      <c r="F140" s="53">
        <v>666666.66666666698</v>
      </c>
      <c r="G140" s="53">
        <v>666666.66666666698</v>
      </c>
      <c r="H140" s="53">
        <v>666666.66666666698</v>
      </c>
      <c r="I140" s="53">
        <v>666666.66666666698</v>
      </c>
      <c r="J140" s="53">
        <v>666666.66666666698</v>
      </c>
      <c r="K140" s="53">
        <v>666666.66666666698</v>
      </c>
      <c r="L140" s="53">
        <v>666666.66666666698</v>
      </c>
      <c r="M140" s="53">
        <v>666666.66666666698</v>
      </c>
      <c r="N140" s="53">
        <v>8000000</v>
      </c>
      <c r="O140" s="53">
        <v>583333.33333333302</v>
      </c>
      <c r="P140" s="53">
        <v>583333.33333333302</v>
      </c>
      <c r="Q140" s="53">
        <v>583333.33333333302</v>
      </c>
      <c r="R140" s="53">
        <v>583333.33333333302</v>
      </c>
      <c r="S140" s="53">
        <v>583333.33333333302</v>
      </c>
      <c r="T140" s="53">
        <v>583333.33333333302</v>
      </c>
      <c r="U140" s="53">
        <v>583333.33333333302</v>
      </c>
      <c r="V140" s="53">
        <v>583333.33333333302</v>
      </c>
      <c r="W140" s="53">
        <v>583333.33333333302</v>
      </c>
      <c r="X140" s="53">
        <v>583333.33333333302</v>
      </c>
      <c r="Y140" s="53">
        <v>583333.33333333302</v>
      </c>
      <c r="Z140" s="53">
        <v>583333.33333333302</v>
      </c>
      <c r="AA140" s="53">
        <v>6999999.9999999898</v>
      </c>
      <c r="AB140" s="53">
        <v>583333.33333333302</v>
      </c>
      <c r="AC140" s="53">
        <v>583333.33333333302</v>
      </c>
      <c r="AD140" s="53">
        <v>583333.33333333302</v>
      </c>
      <c r="AE140" s="53">
        <v>583333.33333333302</v>
      </c>
      <c r="AF140" s="53">
        <v>583333.33333333302</v>
      </c>
      <c r="AG140" s="53">
        <v>583333.33333333302</v>
      </c>
      <c r="AH140" s="53">
        <v>583333.33333333302</v>
      </c>
      <c r="AI140" s="53">
        <v>583333.33333333302</v>
      </c>
      <c r="AJ140" s="53">
        <v>583333.33333333302</v>
      </c>
      <c r="AK140" s="53">
        <v>583333.33333333302</v>
      </c>
      <c r="AL140" s="53">
        <v>583333.33333333302</v>
      </c>
      <c r="AM140" s="53">
        <v>583333.33333333302</v>
      </c>
      <c r="AN140" s="53">
        <v>6999999.9999999898</v>
      </c>
      <c r="AO140" s="53">
        <v>416666.66666666698</v>
      </c>
      <c r="AP140" s="53">
        <v>416666.66666666698</v>
      </c>
      <c r="AQ140" s="53">
        <v>416666.66666666698</v>
      </c>
      <c r="AR140" s="53">
        <v>416666.66666666698</v>
      </c>
      <c r="AS140" s="53">
        <v>416666.66666666698</v>
      </c>
      <c r="AT140" s="53">
        <v>416666.66666666698</v>
      </c>
      <c r="AU140" s="53">
        <v>416666.66666666698</v>
      </c>
      <c r="AV140" s="53">
        <v>416666.66666666698</v>
      </c>
      <c r="AW140" s="53">
        <v>416666.66666666698</v>
      </c>
      <c r="AX140" s="53">
        <v>416666.66666666698</v>
      </c>
      <c r="AY140" s="53">
        <v>416666.66666666698</v>
      </c>
      <c r="AZ140" s="53">
        <v>416666.66666666698</v>
      </c>
      <c r="BA140" s="53">
        <v>5000000</v>
      </c>
      <c r="BB140" s="53">
        <v>416666.66666666698</v>
      </c>
      <c r="BC140" s="53">
        <v>416666.66666666698</v>
      </c>
      <c r="BD140" s="53">
        <v>416666.66666666698</v>
      </c>
      <c r="BE140" s="53">
        <v>416666.66666666698</v>
      </c>
      <c r="BF140" s="53">
        <v>416666.66666666698</v>
      </c>
      <c r="BG140" s="53">
        <v>416666.66666666698</v>
      </c>
      <c r="BH140" s="53">
        <v>416666.66666666698</v>
      </c>
      <c r="BI140" s="53">
        <v>416666.66666666698</v>
      </c>
      <c r="BJ140" s="53">
        <v>416666.66666666698</v>
      </c>
      <c r="BK140" s="53">
        <v>416666.66666666698</v>
      </c>
      <c r="BL140" s="53">
        <v>416666.66666666698</v>
      </c>
      <c r="BM140" s="53">
        <v>416666.66666666698</v>
      </c>
      <c r="BN140" s="53">
        <v>5000000</v>
      </c>
      <c r="BO140" s="53">
        <v>416666.66666666698</v>
      </c>
      <c r="BP140" s="53">
        <v>416666.66666666698</v>
      </c>
      <c r="BQ140" s="53">
        <v>416666.66666666698</v>
      </c>
      <c r="BR140" s="53">
        <v>416666.66666666698</v>
      </c>
      <c r="BS140" s="53">
        <v>416666.66666666698</v>
      </c>
      <c r="BT140" s="53">
        <v>416666.66666666698</v>
      </c>
      <c r="BU140" s="53">
        <v>416666.66666666698</v>
      </c>
      <c r="BV140" s="53">
        <v>416666.66666666698</v>
      </c>
      <c r="BW140" s="53">
        <v>416666.66666666698</v>
      </c>
      <c r="BX140" s="53">
        <v>416666.66666666698</v>
      </c>
      <c r="BY140" s="53">
        <v>416666.66666666698</v>
      </c>
      <c r="BZ140" s="53">
        <v>416666.66666666698</v>
      </c>
      <c r="CA140" s="53">
        <v>5000000</v>
      </c>
      <c r="CB140" s="53">
        <v>416666.66666666698</v>
      </c>
      <c r="CC140" s="53">
        <v>416666.66666666698</v>
      </c>
      <c r="CD140" s="53">
        <v>416666.66666666698</v>
      </c>
      <c r="CE140" s="53">
        <v>416666.66666666698</v>
      </c>
      <c r="CF140" s="53">
        <v>416666.66666666698</v>
      </c>
      <c r="CG140" s="53">
        <v>416666.66666666698</v>
      </c>
      <c r="CH140" s="53">
        <v>416666.66666666698</v>
      </c>
      <c r="CI140" s="53">
        <v>416666.66666666698</v>
      </c>
      <c r="CJ140" s="53">
        <v>416666.66666666698</v>
      </c>
      <c r="CK140" s="53">
        <v>416666.66666666698</v>
      </c>
      <c r="CL140" s="53">
        <v>416666.66666666698</v>
      </c>
      <c r="CM140" s="53">
        <v>416666.66666666698</v>
      </c>
      <c r="CN140" s="53">
        <v>5000000</v>
      </c>
    </row>
    <row r="141" spans="1:92" outlineLevel="1">
      <c r="A141" s="52" t="s">
        <v>672</v>
      </c>
      <c r="B141" s="53"/>
      <c r="C141" s="53"/>
      <c r="D141" s="53"/>
      <c r="E141" s="53"/>
      <c r="F141" s="53"/>
      <c r="G141" s="53"/>
      <c r="H141" s="53"/>
      <c r="I141" s="53"/>
      <c r="J141" s="53"/>
      <c r="K141" s="53"/>
      <c r="L141" s="53"/>
      <c r="M141" s="53"/>
      <c r="N141" s="53"/>
      <c r="O141" s="53"/>
      <c r="P141" s="53"/>
      <c r="Q141" s="53"/>
      <c r="R141" s="53"/>
      <c r="S141" s="53"/>
      <c r="T141" s="53"/>
      <c r="U141" s="53"/>
      <c r="V141" s="53"/>
      <c r="W141" s="53"/>
      <c r="X141" s="53"/>
      <c r="Y141" s="53"/>
      <c r="Z141" s="53"/>
      <c r="AA141" s="53"/>
      <c r="AB141" s="53"/>
      <c r="AC141" s="53"/>
      <c r="AD141" s="53"/>
      <c r="AE141" s="53"/>
      <c r="AF141" s="53"/>
      <c r="AG141" s="53"/>
      <c r="AH141" s="53"/>
      <c r="AI141" s="53"/>
      <c r="AJ141" s="53"/>
      <c r="AK141" s="53"/>
      <c r="AL141" s="53"/>
      <c r="AM141" s="53"/>
      <c r="AN141" s="53"/>
      <c r="AO141" s="53"/>
      <c r="AP141" s="53"/>
      <c r="AQ141" s="53"/>
      <c r="AR141" s="53"/>
      <c r="AS141" s="53"/>
      <c r="AT141" s="53"/>
      <c r="AU141" s="53"/>
      <c r="AV141" s="53"/>
      <c r="AW141" s="53"/>
      <c r="AX141" s="53"/>
      <c r="AY141" s="53"/>
      <c r="AZ141" s="53"/>
      <c r="BA141" s="53"/>
      <c r="BB141" s="53"/>
      <c r="BC141" s="53"/>
      <c r="BD141" s="53"/>
      <c r="BE141" s="53"/>
      <c r="BF141" s="53"/>
      <c r="BG141" s="53"/>
      <c r="BH141" s="53"/>
      <c r="BI141" s="53"/>
      <c r="BJ141" s="53"/>
      <c r="BK141" s="53"/>
      <c r="BL141" s="53"/>
      <c r="BM141" s="53"/>
      <c r="BN141" s="53"/>
      <c r="BO141" s="53"/>
      <c r="BP141" s="53"/>
      <c r="BQ141" s="53"/>
      <c r="BR141" s="53"/>
      <c r="BS141" s="53"/>
      <c r="BT141" s="53"/>
      <c r="BU141" s="53"/>
      <c r="BV141" s="53"/>
      <c r="BW141" s="53"/>
      <c r="BX141" s="53"/>
      <c r="BY141" s="53"/>
      <c r="BZ141" s="53"/>
      <c r="CA141" s="53"/>
      <c r="CB141" s="53"/>
      <c r="CC141" s="53"/>
      <c r="CD141" s="53"/>
      <c r="CE141" s="53"/>
      <c r="CF141" s="53"/>
      <c r="CG141" s="53"/>
      <c r="CH141" s="53"/>
      <c r="CI141" s="53"/>
      <c r="CJ141" s="53"/>
      <c r="CK141" s="53"/>
      <c r="CL141" s="53"/>
      <c r="CM141" s="53"/>
      <c r="CN141" s="53"/>
    </row>
    <row r="142" spans="1:92" outlineLevel="1">
      <c r="A142" s="52" t="s">
        <v>778</v>
      </c>
      <c r="B142" s="53"/>
      <c r="C142" s="53"/>
      <c r="D142" s="53"/>
      <c r="E142" s="53"/>
      <c r="F142" s="53"/>
      <c r="G142" s="53"/>
      <c r="H142" s="53"/>
      <c r="I142" s="53"/>
      <c r="J142" s="53"/>
      <c r="K142" s="53"/>
      <c r="L142" s="53"/>
      <c r="M142" s="53"/>
      <c r="N142" s="53"/>
      <c r="O142" s="53"/>
      <c r="P142" s="53"/>
      <c r="Q142" s="53"/>
      <c r="R142" s="53"/>
      <c r="S142" s="53"/>
      <c r="T142" s="53"/>
      <c r="U142" s="53"/>
      <c r="V142" s="53"/>
      <c r="W142" s="53"/>
      <c r="X142" s="53"/>
      <c r="Y142" s="53"/>
      <c r="Z142" s="53"/>
      <c r="AA142" s="53"/>
      <c r="AB142" s="53"/>
      <c r="AC142" s="53"/>
      <c r="AD142" s="53"/>
      <c r="AE142" s="53"/>
      <c r="AF142" s="53"/>
      <c r="AG142" s="53"/>
      <c r="AH142" s="53"/>
      <c r="AI142" s="53"/>
      <c r="AJ142" s="53"/>
      <c r="AK142" s="53"/>
      <c r="AL142" s="53"/>
      <c r="AM142" s="53"/>
      <c r="AN142" s="53"/>
      <c r="AO142" s="53"/>
      <c r="AP142" s="53"/>
      <c r="AQ142" s="53"/>
      <c r="AR142" s="53"/>
      <c r="AS142" s="53"/>
      <c r="AT142" s="53"/>
      <c r="AU142" s="53"/>
      <c r="AV142" s="53"/>
      <c r="AW142" s="53"/>
      <c r="AX142" s="53"/>
      <c r="AY142" s="53"/>
      <c r="AZ142" s="53"/>
      <c r="BA142" s="53"/>
      <c r="BB142" s="53"/>
      <c r="BC142" s="53"/>
      <c r="BD142" s="53"/>
      <c r="BE142" s="53"/>
      <c r="BF142" s="53"/>
      <c r="BG142" s="53"/>
      <c r="BH142" s="53"/>
      <c r="BI142" s="53"/>
      <c r="BJ142" s="53"/>
      <c r="BK142" s="53"/>
      <c r="BL142" s="53"/>
      <c r="BM142" s="53"/>
      <c r="BN142" s="53"/>
      <c r="BO142" s="53"/>
      <c r="BP142" s="53"/>
      <c r="BQ142" s="53"/>
      <c r="BR142" s="53"/>
      <c r="BS142" s="53"/>
      <c r="BT142" s="53"/>
      <c r="BU142" s="53"/>
      <c r="BV142" s="53"/>
      <c r="BW142" s="53"/>
      <c r="BX142" s="53"/>
      <c r="BY142" s="53"/>
      <c r="BZ142" s="53"/>
      <c r="CA142" s="53"/>
      <c r="CB142" s="53"/>
      <c r="CC142" s="53"/>
      <c r="CD142" s="53"/>
      <c r="CE142" s="53"/>
      <c r="CF142" s="53"/>
      <c r="CG142" s="53"/>
      <c r="CH142" s="53"/>
      <c r="CI142" s="53"/>
      <c r="CJ142" s="53"/>
      <c r="CK142" s="53"/>
      <c r="CL142" s="53"/>
      <c r="CM142" s="53"/>
      <c r="CN142" s="53"/>
    </row>
    <row r="143" spans="1:92" outlineLevel="1">
      <c r="A143" s="52" t="s">
        <v>1236</v>
      </c>
      <c r="B143" s="53"/>
      <c r="C143" s="53"/>
      <c r="D143" s="53"/>
      <c r="E143" s="53"/>
      <c r="F143" s="53"/>
      <c r="G143" s="53"/>
      <c r="H143" s="53"/>
      <c r="I143" s="53"/>
      <c r="J143" s="53"/>
      <c r="K143" s="53"/>
      <c r="L143" s="53"/>
      <c r="M143" s="53"/>
      <c r="N143" s="53"/>
      <c r="O143" s="53"/>
      <c r="P143" s="53"/>
      <c r="Q143" s="53"/>
      <c r="R143" s="53"/>
      <c r="S143" s="53"/>
      <c r="T143" s="53"/>
      <c r="U143" s="53"/>
      <c r="V143" s="53"/>
      <c r="W143" s="53"/>
      <c r="X143" s="53"/>
      <c r="Y143" s="53"/>
      <c r="Z143" s="53"/>
      <c r="AA143" s="53"/>
      <c r="AB143" s="53"/>
      <c r="AC143" s="53"/>
      <c r="AD143" s="53"/>
      <c r="AE143" s="53"/>
      <c r="AF143" s="53"/>
      <c r="AG143" s="53"/>
      <c r="AH143" s="53"/>
      <c r="AI143" s="53"/>
      <c r="AJ143" s="53"/>
      <c r="AK143" s="53"/>
      <c r="AL143" s="53"/>
      <c r="AM143" s="53"/>
      <c r="AN143" s="53"/>
      <c r="AO143" s="53"/>
      <c r="AP143" s="53"/>
      <c r="AQ143" s="53"/>
      <c r="AR143" s="53"/>
      <c r="AS143" s="53"/>
      <c r="AT143" s="53"/>
      <c r="AU143" s="53"/>
      <c r="AV143" s="53"/>
      <c r="AW143" s="53"/>
      <c r="AX143" s="53"/>
      <c r="AY143" s="53"/>
      <c r="AZ143" s="53"/>
      <c r="BA143" s="53"/>
      <c r="BB143" s="53"/>
      <c r="BC143" s="53"/>
      <c r="BD143" s="53"/>
      <c r="BE143" s="53"/>
      <c r="BF143" s="53"/>
      <c r="BG143" s="53"/>
      <c r="BH143" s="53"/>
      <c r="BI143" s="53"/>
      <c r="BJ143" s="53"/>
      <c r="BK143" s="53"/>
      <c r="BL143" s="53"/>
      <c r="BM143" s="53"/>
      <c r="BN143" s="53"/>
      <c r="BO143" s="53"/>
      <c r="BP143" s="53"/>
      <c r="BQ143" s="53"/>
      <c r="BR143" s="53"/>
      <c r="BS143" s="53"/>
      <c r="BT143" s="53"/>
      <c r="BU143" s="53"/>
      <c r="BV143" s="53"/>
      <c r="BW143" s="53"/>
      <c r="BX143" s="53"/>
      <c r="BY143" s="53"/>
      <c r="BZ143" s="53"/>
      <c r="CA143" s="53"/>
      <c r="CB143" s="53"/>
      <c r="CC143" s="53"/>
      <c r="CD143" s="53"/>
      <c r="CE143" s="53"/>
      <c r="CF143" s="53"/>
      <c r="CG143" s="53"/>
      <c r="CH143" s="53"/>
      <c r="CI143" s="53"/>
      <c r="CJ143" s="53"/>
      <c r="CK143" s="53"/>
      <c r="CL143" s="53"/>
      <c r="CM143" s="53"/>
      <c r="CN143" s="53"/>
    </row>
    <row r="144" spans="1:92" outlineLevel="1">
      <c r="A144" s="52" t="s">
        <v>1261</v>
      </c>
      <c r="B144" s="53"/>
      <c r="C144" s="53"/>
      <c r="D144" s="53"/>
      <c r="E144" s="53"/>
      <c r="F144" s="53"/>
      <c r="G144" s="53"/>
      <c r="H144" s="53"/>
      <c r="I144" s="53"/>
      <c r="J144" s="53"/>
      <c r="K144" s="53"/>
      <c r="L144" s="53"/>
      <c r="M144" s="53"/>
      <c r="N144" s="53"/>
      <c r="O144" s="53"/>
      <c r="P144" s="53"/>
      <c r="Q144" s="53"/>
      <c r="R144" s="53"/>
      <c r="S144" s="53"/>
      <c r="T144" s="53"/>
      <c r="U144" s="53"/>
      <c r="V144" s="53"/>
      <c r="W144" s="53"/>
      <c r="X144" s="53"/>
      <c r="Y144" s="53"/>
      <c r="Z144" s="53"/>
      <c r="AA144" s="53"/>
      <c r="AB144" s="53"/>
      <c r="AC144" s="53"/>
      <c r="AD144" s="53"/>
      <c r="AE144" s="53"/>
      <c r="AF144" s="53"/>
      <c r="AG144" s="53"/>
      <c r="AH144" s="53"/>
      <c r="AI144" s="53"/>
      <c r="AJ144" s="53"/>
      <c r="AK144" s="53"/>
      <c r="AL144" s="53"/>
      <c r="AM144" s="53"/>
      <c r="AN144" s="53"/>
      <c r="AO144" s="53"/>
      <c r="AP144" s="53"/>
      <c r="AQ144" s="53"/>
      <c r="AR144" s="53"/>
      <c r="AS144" s="53"/>
      <c r="AT144" s="53"/>
      <c r="AU144" s="53"/>
      <c r="AV144" s="53"/>
      <c r="AW144" s="53"/>
      <c r="AX144" s="53"/>
      <c r="AY144" s="53"/>
      <c r="AZ144" s="53"/>
      <c r="BA144" s="53"/>
      <c r="BB144" s="53"/>
      <c r="BC144" s="53"/>
      <c r="BD144" s="53"/>
      <c r="BE144" s="53"/>
      <c r="BF144" s="53"/>
      <c r="BG144" s="53"/>
      <c r="BH144" s="53"/>
      <c r="BI144" s="53"/>
      <c r="BJ144" s="53"/>
      <c r="BK144" s="53"/>
      <c r="BL144" s="53"/>
      <c r="BM144" s="53"/>
      <c r="BN144" s="53"/>
      <c r="BO144" s="53"/>
      <c r="BP144" s="53"/>
      <c r="BQ144" s="53"/>
      <c r="BR144" s="53"/>
      <c r="BS144" s="53"/>
      <c r="BT144" s="53"/>
      <c r="BU144" s="53"/>
      <c r="BV144" s="53"/>
      <c r="BW144" s="53"/>
      <c r="BX144" s="53"/>
      <c r="BY144" s="53"/>
      <c r="BZ144" s="53"/>
      <c r="CA144" s="53"/>
      <c r="CB144" s="53">
        <v>-20161917.376749501</v>
      </c>
      <c r="CC144" s="53">
        <v>-20617263.355098698</v>
      </c>
      <c r="CD144" s="53">
        <v>-21712703.990340099</v>
      </c>
      <c r="CE144" s="53">
        <v>-21747301.479328599</v>
      </c>
      <c r="CF144" s="53">
        <v>-20923967.110188998</v>
      </c>
      <c r="CG144" s="53">
        <v>-21169406.239618801</v>
      </c>
      <c r="CH144" s="53">
        <v>-22364903.000026301</v>
      </c>
      <c r="CI144" s="53">
        <v>-22180169.034013599</v>
      </c>
      <c r="CJ144" s="53">
        <v>-20860177.574848</v>
      </c>
      <c r="CK144" s="53">
        <v>-23672237.356111199</v>
      </c>
      <c r="CL144" s="53">
        <v>-18954499.102572199</v>
      </c>
      <c r="CM144" s="53">
        <v>-22433130.3953062</v>
      </c>
      <c r="CN144" s="53">
        <v>-256797676.014202</v>
      </c>
    </row>
    <row r="145" spans="1:92" outlineLevel="1">
      <c r="A145" s="52" t="s">
        <v>1262</v>
      </c>
      <c r="B145" s="53"/>
      <c r="C145" s="53"/>
      <c r="D145" s="53"/>
      <c r="E145" s="53"/>
      <c r="F145" s="53"/>
      <c r="G145" s="53"/>
      <c r="H145" s="53"/>
      <c r="I145" s="53"/>
      <c r="J145" s="53"/>
      <c r="K145" s="53"/>
      <c r="L145" s="53"/>
      <c r="M145" s="53"/>
      <c r="N145" s="53"/>
      <c r="O145" s="53"/>
      <c r="P145" s="53"/>
      <c r="Q145" s="53"/>
      <c r="R145" s="53"/>
      <c r="S145" s="53"/>
      <c r="T145" s="53"/>
      <c r="U145" s="53"/>
      <c r="V145" s="53"/>
      <c r="W145" s="53"/>
      <c r="X145" s="53"/>
      <c r="Y145" s="53"/>
      <c r="Z145" s="53"/>
      <c r="AA145" s="53"/>
      <c r="AB145" s="53"/>
      <c r="AC145" s="53"/>
      <c r="AD145" s="53"/>
      <c r="AE145" s="53"/>
      <c r="AF145" s="53"/>
      <c r="AG145" s="53"/>
      <c r="AH145" s="53"/>
      <c r="AI145" s="53"/>
      <c r="AJ145" s="53"/>
      <c r="AK145" s="53"/>
      <c r="AL145" s="53"/>
      <c r="AM145" s="53"/>
      <c r="AN145" s="53"/>
      <c r="AO145" s="53"/>
      <c r="AP145" s="53"/>
      <c r="AQ145" s="53"/>
      <c r="AR145" s="53"/>
      <c r="AS145" s="53"/>
      <c r="AT145" s="53"/>
      <c r="AU145" s="53"/>
      <c r="AV145" s="53"/>
      <c r="AW145" s="53"/>
      <c r="AX145" s="53"/>
      <c r="AY145" s="53"/>
      <c r="AZ145" s="53"/>
      <c r="BA145" s="53"/>
      <c r="BB145" s="53"/>
      <c r="BC145" s="53"/>
      <c r="BD145" s="53"/>
      <c r="BE145" s="53"/>
      <c r="BF145" s="53"/>
      <c r="BG145" s="53"/>
      <c r="BH145" s="53"/>
      <c r="BI145" s="53"/>
      <c r="BJ145" s="53"/>
      <c r="BK145" s="53"/>
      <c r="BL145" s="53"/>
      <c r="BM145" s="53"/>
      <c r="BN145" s="53"/>
      <c r="BO145" s="53"/>
      <c r="BP145" s="53"/>
      <c r="BQ145" s="53"/>
      <c r="BR145" s="53"/>
      <c r="BS145" s="53"/>
      <c r="BT145" s="53"/>
      <c r="BU145" s="53"/>
      <c r="BV145" s="53"/>
      <c r="BW145" s="53"/>
      <c r="BX145" s="53"/>
      <c r="BY145" s="53"/>
      <c r="BZ145" s="53"/>
      <c r="CA145" s="53"/>
      <c r="CB145" s="53">
        <v>-366.666666666666</v>
      </c>
      <c r="CC145" s="53">
        <v>-1595</v>
      </c>
      <c r="CD145" s="53">
        <v>-1796.6666666666599</v>
      </c>
      <c r="CE145" s="53">
        <v>-1869.99999999999</v>
      </c>
      <c r="CF145" s="53">
        <v>-1796.6666666666599</v>
      </c>
      <c r="CG145" s="53">
        <v>-1815</v>
      </c>
      <c r="CH145" s="53">
        <v>-1914.5238095238001</v>
      </c>
      <c r="CI145" s="53">
        <v>-1895.81632653061</v>
      </c>
      <c r="CJ145" s="53">
        <v>-1780.5782312925101</v>
      </c>
      <c r="CK145" s="53">
        <v>-2017.4149659863899</v>
      </c>
      <c r="CL145" s="53">
        <v>-1613.3333333333301</v>
      </c>
      <c r="CM145" s="53">
        <v>-1906.6666666666599</v>
      </c>
      <c r="CN145" s="53">
        <v>-20368.333333333299</v>
      </c>
    </row>
    <row r="146" spans="1:92" outlineLevel="1">
      <c r="A146" s="52" t="s">
        <v>1263</v>
      </c>
      <c r="B146" s="53"/>
      <c r="C146" s="53"/>
      <c r="D146" s="53"/>
      <c r="E146" s="53"/>
      <c r="F146" s="53"/>
      <c r="G146" s="53"/>
      <c r="H146" s="53"/>
      <c r="I146" s="53"/>
      <c r="J146" s="53"/>
      <c r="K146" s="53"/>
      <c r="L146" s="53"/>
      <c r="M146" s="53"/>
      <c r="N146" s="53"/>
      <c r="O146" s="53"/>
      <c r="P146" s="53"/>
      <c r="Q146" s="53"/>
      <c r="R146" s="53"/>
      <c r="S146" s="53"/>
      <c r="T146" s="53"/>
      <c r="U146" s="53"/>
      <c r="V146" s="53"/>
      <c r="W146" s="53"/>
      <c r="X146" s="53"/>
      <c r="Y146" s="53"/>
      <c r="Z146" s="53"/>
      <c r="AA146" s="53"/>
      <c r="AB146" s="53"/>
      <c r="AC146" s="53"/>
      <c r="AD146" s="53"/>
      <c r="AE146" s="53"/>
      <c r="AF146" s="53"/>
      <c r="AG146" s="53"/>
      <c r="AH146" s="53"/>
      <c r="AI146" s="53"/>
      <c r="AJ146" s="53"/>
      <c r="AK146" s="53"/>
      <c r="AL146" s="53"/>
      <c r="AM146" s="53"/>
      <c r="AN146" s="53"/>
      <c r="AO146" s="53"/>
      <c r="AP146" s="53"/>
      <c r="AQ146" s="53"/>
      <c r="AR146" s="53"/>
      <c r="AS146" s="53"/>
      <c r="AT146" s="53"/>
      <c r="AU146" s="53"/>
      <c r="AV146" s="53"/>
      <c r="AW146" s="53"/>
      <c r="AX146" s="53"/>
      <c r="AY146" s="53"/>
      <c r="AZ146" s="53"/>
      <c r="BA146" s="53"/>
      <c r="BB146" s="53"/>
      <c r="BC146" s="53"/>
      <c r="BD146" s="53"/>
      <c r="BE146" s="53"/>
      <c r="BF146" s="53"/>
      <c r="BG146" s="53"/>
      <c r="BH146" s="53"/>
      <c r="BI146" s="53"/>
      <c r="BJ146" s="53"/>
      <c r="BK146" s="53"/>
      <c r="BL146" s="53"/>
      <c r="BM146" s="53"/>
      <c r="BN146" s="53"/>
      <c r="BO146" s="53"/>
      <c r="BP146" s="53"/>
      <c r="BQ146" s="53"/>
      <c r="BR146" s="53"/>
      <c r="BS146" s="53"/>
      <c r="BT146" s="53"/>
      <c r="BU146" s="53"/>
      <c r="BV146" s="53"/>
      <c r="BW146" s="53"/>
      <c r="BX146" s="53"/>
      <c r="BY146" s="53"/>
      <c r="BZ146" s="53"/>
      <c r="CA146" s="53"/>
      <c r="CB146" s="53"/>
      <c r="CC146" s="53"/>
      <c r="CD146" s="53"/>
      <c r="CE146" s="53"/>
      <c r="CF146" s="53"/>
      <c r="CG146" s="53"/>
      <c r="CH146" s="53"/>
      <c r="CI146" s="53"/>
      <c r="CJ146" s="53"/>
      <c r="CK146" s="53"/>
      <c r="CL146" s="53"/>
      <c r="CM146" s="53"/>
      <c r="CN146" s="53"/>
    </row>
    <row r="147" spans="1:92" outlineLevel="1">
      <c r="A147" s="52" t="s">
        <v>1264</v>
      </c>
      <c r="B147" s="53">
        <v>-17359939.089818299</v>
      </c>
      <c r="C147" s="53">
        <v>-18877880.788452599</v>
      </c>
      <c r="D147" s="53">
        <v>-19999235.590780701</v>
      </c>
      <c r="E147" s="53">
        <v>-20108108.2657477</v>
      </c>
      <c r="F147" s="53">
        <v>-19355087.734903298</v>
      </c>
      <c r="G147" s="53">
        <v>-19590932.5542612</v>
      </c>
      <c r="H147" s="53">
        <v>-20706712.231226999</v>
      </c>
      <c r="I147" s="53">
        <v>-20544834.2012976</v>
      </c>
      <c r="J147" s="53">
        <v>-19330009.272897899</v>
      </c>
      <c r="K147" s="53">
        <v>-21946085.499559201</v>
      </c>
      <c r="L147" s="53">
        <v>-17578816.790139101</v>
      </c>
      <c r="M147" s="53">
        <v>-20813689.1806468</v>
      </c>
      <c r="N147" s="53">
        <v>-236211331.19973201</v>
      </c>
      <c r="O147" s="53">
        <v>-19366722.667056601</v>
      </c>
      <c r="P147" s="53">
        <v>-20875512.712237801</v>
      </c>
      <c r="Q147" s="53">
        <v>-22096702.886351898</v>
      </c>
      <c r="R147" s="53">
        <v>-22204331.104499899</v>
      </c>
      <c r="S147" s="53">
        <v>-21370958.482499901</v>
      </c>
      <c r="T147" s="53">
        <v>-21629541.123</v>
      </c>
      <c r="U147" s="53">
        <v>-22859644.769142799</v>
      </c>
      <c r="V147" s="53">
        <v>-22678685.1599693</v>
      </c>
      <c r="W147" s="53">
        <v>-21334059.797540799</v>
      </c>
      <c r="X147" s="53">
        <v>-24216582.1093469</v>
      </c>
      <c r="Y147" s="53">
        <v>-19394481.515999898</v>
      </c>
      <c r="Z147" s="53">
        <v>-22959514.1159999</v>
      </c>
      <c r="AA147" s="53">
        <v>-260986736.44364601</v>
      </c>
      <c r="AB147" s="53">
        <v>-21006425.4705</v>
      </c>
      <c r="AC147" s="53">
        <v>-21482076.475499999</v>
      </c>
      <c r="AD147" s="53">
        <v>-22626487.696499899</v>
      </c>
      <c r="AE147" s="53">
        <v>-22665844.885499999</v>
      </c>
      <c r="AF147" s="53">
        <v>-21810667.582499899</v>
      </c>
      <c r="AG147" s="53">
        <v>-22069707.5114999</v>
      </c>
      <c r="AH147" s="53">
        <v>-23319563.153785702</v>
      </c>
      <c r="AI147" s="53">
        <v>-23130725.9519387</v>
      </c>
      <c r="AJ147" s="53">
        <v>-21758241.509081598</v>
      </c>
      <c r="AK147" s="53">
        <v>-24696869.578193799</v>
      </c>
      <c r="AL147" s="53">
        <v>-19778478.982499901</v>
      </c>
      <c r="AM147" s="53">
        <v>-23413194.979499899</v>
      </c>
      <c r="AN147" s="53">
        <v>-267758283.776999</v>
      </c>
      <c r="AO147" s="53">
        <v>-21420719.638499901</v>
      </c>
      <c r="AP147" s="53">
        <v>-21904963.010999899</v>
      </c>
      <c r="AQ147" s="53">
        <v>-23071010.339999899</v>
      </c>
      <c r="AR147" s="53">
        <v>-23110191.1124999</v>
      </c>
      <c r="AS147" s="53">
        <v>-22237428.433499999</v>
      </c>
      <c r="AT147" s="53">
        <v>-22500647.204999998</v>
      </c>
      <c r="AU147" s="53">
        <v>-23773926.134999901</v>
      </c>
      <c r="AV147" s="53">
        <v>-23580706.2968571</v>
      </c>
      <c r="AW147" s="53">
        <v>-22181668.920857102</v>
      </c>
      <c r="AX147" s="53">
        <v>-25177718.0592857</v>
      </c>
      <c r="AY147" s="53">
        <v>-20163743.858999901</v>
      </c>
      <c r="AZ147" s="53">
        <v>-23869489.844999898</v>
      </c>
      <c r="BA147" s="53">
        <v>-272992212.85649902</v>
      </c>
      <c r="BB147" s="53">
        <v>-21838373.688000001</v>
      </c>
      <c r="BC147" s="53">
        <v>-22332242.653499998</v>
      </c>
      <c r="BD147" s="53">
        <v>-23521228.982999999</v>
      </c>
      <c r="BE147" s="53">
        <v>-23561378.365499899</v>
      </c>
      <c r="BF147" s="53">
        <v>-22671747.679499902</v>
      </c>
      <c r="BG147" s="53">
        <v>-22940281.355999999</v>
      </c>
      <c r="BH147" s="53">
        <v>-24238618.383214202</v>
      </c>
      <c r="BI147" s="53">
        <v>-24041731.6770612</v>
      </c>
      <c r="BJ147" s="53">
        <v>-22615237.248918299</v>
      </c>
      <c r="BK147" s="53">
        <v>-25669699.668306101</v>
      </c>
      <c r="BL147" s="53">
        <v>-20557641.689999901</v>
      </c>
      <c r="BM147" s="53">
        <v>-24335627.431499999</v>
      </c>
      <c r="BN147" s="53">
        <v>-278323808.82449901</v>
      </c>
      <c r="BO147" s="53">
        <v>-22264705.885499999</v>
      </c>
      <c r="BP147" s="53">
        <v>-22768076.566500001</v>
      </c>
      <c r="BQ147" s="53">
        <v>-23980109.588999901</v>
      </c>
      <c r="BR147" s="53">
        <v>-24020865.535499901</v>
      </c>
      <c r="BS147" s="53">
        <v>-23113731.27</v>
      </c>
      <c r="BT147" s="53">
        <v>-23387326.2449999</v>
      </c>
      <c r="BU147" s="53">
        <v>-24710778.923999902</v>
      </c>
      <c r="BV147" s="53">
        <v>-24509943.456428502</v>
      </c>
      <c r="BW147" s="53">
        <v>-23055804.870428499</v>
      </c>
      <c r="BX147" s="53">
        <v>-26169962.196642801</v>
      </c>
      <c r="BY147" s="53">
        <v>-20958399.0974999</v>
      </c>
      <c r="BZ147" s="53">
        <v>-24810205.868999999</v>
      </c>
      <c r="CA147" s="53">
        <v>-283749909.50550002</v>
      </c>
      <c r="CB147" s="53">
        <v>-38535342.511081897</v>
      </c>
      <c r="CC147" s="53">
        <v>-37814273.513877399</v>
      </c>
      <c r="CD147" s="53">
        <v>-38973182.962211899</v>
      </c>
      <c r="CE147" s="53">
        <v>-42890154.586634897</v>
      </c>
      <c r="CF147" s="53">
        <v>-44791174.580760397</v>
      </c>
      <c r="CG147" s="53">
        <v>-50813420.757621802</v>
      </c>
      <c r="CH147" s="53">
        <v>-55351318.099226601</v>
      </c>
      <c r="CI147" s="53">
        <v>-56893859.624385297</v>
      </c>
      <c r="CJ147" s="53">
        <v>-52964163.561358698</v>
      </c>
      <c r="CK147" s="53">
        <v>-56516108.185811102</v>
      </c>
      <c r="CL147" s="53">
        <v>-41879213.212958202</v>
      </c>
      <c r="CM147" s="53">
        <v>-43557717.458121501</v>
      </c>
      <c r="CN147" s="53">
        <v>-560979929.05404997</v>
      </c>
    </row>
    <row r="148" spans="1:92" outlineLevel="1">
      <c r="A148" s="52" t="s">
        <v>1265</v>
      </c>
      <c r="B148" s="53">
        <v>-250.8</v>
      </c>
      <c r="C148" s="53">
        <v>-256.08</v>
      </c>
      <c r="D148" s="53">
        <v>-269.27999999999997</v>
      </c>
      <c r="E148" s="53">
        <v>-269.27999999999997</v>
      </c>
      <c r="F148" s="53">
        <v>-258.72000000000003</v>
      </c>
      <c r="G148" s="53">
        <v>-261.35999999999899</v>
      </c>
      <c r="H148" s="53">
        <v>-275.69142857142799</v>
      </c>
      <c r="I148" s="53">
        <v>-272.99755102040803</v>
      </c>
      <c r="J148" s="53">
        <v>-256.40326530612202</v>
      </c>
      <c r="K148" s="53">
        <v>-290.50775510203999</v>
      </c>
      <c r="L148" s="53">
        <v>-232.32</v>
      </c>
      <c r="M148" s="53">
        <v>-274.55999999999898</v>
      </c>
      <c r="N148" s="53">
        <v>-3168</v>
      </c>
      <c r="O148" s="53">
        <v>-198</v>
      </c>
      <c r="P148" s="53">
        <v>-26.4</v>
      </c>
      <c r="Q148" s="53">
        <v>-10.56</v>
      </c>
      <c r="R148" s="53"/>
      <c r="S148" s="53"/>
      <c r="T148" s="53"/>
      <c r="U148" s="53"/>
      <c r="V148" s="53"/>
      <c r="W148" s="53"/>
      <c r="X148" s="53"/>
      <c r="Y148" s="53"/>
      <c r="Z148" s="53"/>
      <c r="AA148" s="53">
        <v>-234.96</v>
      </c>
      <c r="AB148" s="53"/>
      <c r="AC148" s="53"/>
      <c r="AD148" s="53"/>
      <c r="AE148" s="53"/>
      <c r="AF148" s="53"/>
      <c r="AG148" s="53"/>
      <c r="AH148" s="53"/>
      <c r="AI148" s="53"/>
      <c r="AJ148" s="53"/>
      <c r="AK148" s="53"/>
      <c r="AL148" s="53"/>
      <c r="AM148" s="53"/>
      <c r="AN148" s="53"/>
      <c r="AO148" s="53"/>
      <c r="AP148" s="53"/>
      <c r="AQ148" s="53"/>
      <c r="AR148" s="53"/>
      <c r="AS148" s="53"/>
      <c r="AT148" s="53"/>
      <c r="AU148" s="53"/>
      <c r="AV148" s="53"/>
      <c r="AW148" s="53"/>
      <c r="AX148" s="53"/>
      <c r="AY148" s="53"/>
      <c r="AZ148" s="53"/>
      <c r="BA148" s="53"/>
      <c r="BB148" s="53"/>
      <c r="BC148" s="53"/>
      <c r="BD148" s="53"/>
      <c r="BE148" s="53"/>
      <c r="BF148" s="53"/>
      <c r="BG148" s="53"/>
      <c r="BH148" s="53"/>
      <c r="BI148" s="53"/>
      <c r="BJ148" s="53"/>
      <c r="BK148" s="53"/>
      <c r="BL148" s="53"/>
      <c r="BM148" s="53"/>
      <c r="BN148" s="53"/>
      <c r="BO148" s="53"/>
      <c r="BP148" s="53"/>
      <c r="BQ148" s="53"/>
      <c r="BR148" s="53"/>
      <c r="BS148" s="53"/>
      <c r="BT148" s="53"/>
      <c r="BU148" s="53"/>
      <c r="BV148" s="53"/>
      <c r="BW148" s="53"/>
      <c r="BX148" s="53"/>
      <c r="BY148" s="53"/>
      <c r="BZ148" s="53"/>
      <c r="CA148" s="53"/>
      <c r="CB148" s="53">
        <v>-8808426.4809097201</v>
      </c>
      <c r="CC148" s="53">
        <v>-8616074.3981727399</v>
      </c>
      <c r="CD148" s="53">
        <v>-9267340.1550383195</v>
      </c>
      <c r="CE148" s="53">
        <v>-9354590.6625894196</v>
      </c>
      <c r="CF148" s="53">
        <v>-9362736.5570452195</v>
      </c>
      <c r="CG148" s="53">
        <v>-10078958.806493901</v>
      </c>
      <c r="CH148" s="53">
        <v>-10071600.649500901</v>
      </c>
      <c r="CI148" s="53">
        <v>-10068898.3983876</v>
      </c>
      <c r="CJ148" s="53">
        <v>-9792474.7193289995</v>
      </c>
      <c r="CK148" s="53">
        <v>-11040895.08592</v>
      </c>
      <c r="CL148" s="53">
        <v>-8810214.0959618203</v>
      </c>
      <c r="CM148" s="53">
        <v>-10415667.828328401</v>
      </c>
      <c r="CN148" s="53">
        <v>-115687877.837677</v>
      </c>
    </row>
    <row r="149" spans="1:92" outlineLevel="1">
      <c r="A149" s="52" t="s">
        <v>1238</v>
      </c>
      <c r="B149" s="53"/>
      <c r="C149" s="53"/>
      <c r="D149" s="53"/>
      <c r="E149" s="53"/>
      <c r="F149" s="53"/>
      <c r="G149" s="53"/>
      <c r="H149" s="53"/>
      <c r="I149" s="53"/>
      <c r="J149" s="53"/>
      <c r="K149" s="53"/>
      <c r="L149" s="53"/>
      <c r="M149" s="53"/>
      <c r="N149" s="53"/>
      <c r="O149" s="53"/>
      <c r="P149" s="53"/>
      <c r="Q149" s="53"/>
      <c r="R149" s="53"/>
      <c r="S149" s="53"/>
      <c r="T149" s="53"/>
      <c r="U149" s="53"/>
      <c r="V149" s="53"/>
      <c r="W149" s="53"/>
      <c r="X149" s="53"/>
      <c r="Y149" s="53"/>
      <c r="Z149" s="53"/>
      <c r="AA149" s="53"/>
      <c r="AB149" s="53"/>
      <c r="AC149" s="53"/>
      <c r="AD149" s="53"/>
      <c r="AE149" s="53"/>
      <c r="AF149" s="53"/>
      <c r="AG149" s="53"/>
      <c r="AH149" s="53"/>
      <c r="AI149" s="53"/>
      <c r="AJ149" s="53"/>
      <c r="AK149" s="53"/>
      <c r="AL149" s="53"/>
      <c r="AM149" s="53"/>
      <c r="AN149" s="53"/>
      <c r="AO149" s="53"/>
      <c r="AP149" s="53"/>
      <c r="AQ149" s="53"/>
      <c r="AR149" s="53"/>
      <c r="AS149" s="53"/>
      <c r="AT149" s="53"/>
      <c r="AU149" s="53"/>
      <c r="AV149" s="53"/>
      <c r="AW149" s="53"/>
      <c r="AX149" s="53"/>
      <c r="AY149" s="53"/>
      <c r="AZ149" s="53"/>
      <c r="BA149" s="53"/>
      <c r="BB149" s="53"/>
      <c r="BC149" s="53"/>
      <c r="BD149" s="53"/>
      <c r="BE149" s="53"/>
      <c r="BF149" s="53"/>
      <c r="BG149" s="53"/>
      <c r="BH149" s="53"/>
      <c r="BI149" s="53"/>
      <c r="BJ149" s="53"/>
      <c r="BK149" s="53"/>
      <c r="BL149" s="53"/>
      <c r="BM149" s="53"/>
      <c r="BN149" s="53"/>
      <c r="BO149" s="53"/>
      <c r="BP149" s="53"/>
      <c r="BQ149" s="53"/>
      <c r="BR149" s="53"/>
      <c r="BS149" s="53"/>
      <c r="BT149" s="53"/>
      <c r="BU149" s="53"/>
      <c r="BV149" s="53"/>
      <c r="BW149" s="53"/>
      <c r="BX149" s="53"/>
      <c r="BY149" s="53"/>
      <c r="BZ149" s="53"/>
      <c r="CA149" s="53"/>
      <c r="CB149" s="53">
        <v>-49376.530325675703</v>
      </c>
      <c r="CC149" s="53">
        <v>-49907.653423199197</v>
      </c>
      <c r="CD149" s="53">
        <v>-52449.5275017971</v>
      </c>
      <c r="CE149" s="53">
        <v>-52609.110611679702</v>
      </c>
      <c r="CF149" s="53">
        <v>-51031.4083067424</v>
      </c>
      <c r="CG149" s="53">
        <v>-51452.309632148201</v>
      </c>
      <c r="CH149" s="53">
        <v>-54206.013263014502</v>
      </c>
      <c r="CI149" s="53">
        <v>-53616.0472143187</v>
      </c>
      <c r="CJ149" s="53">
        <v>-50392.3521839311</v>
      </c>
      <c r="CK149" s="53">
        <v>-57135.965466207701</v>
      </c>
      <c r="CL149" s="53">
        <v>-45775.564153114297</v>
      </c>
      <c r="CM149" s="53">
        <v>-54102.8818621549</v>
      </c>
      <c r="CN149" s="53">
        <v>-622055.36394398403</v>
      </c>
    </row>
    <row r="150" spans="1:92" outlineLevel="1">
      <c r="A150" s="52" t="s">
        <v>1261</v>
      </c>
      <c r="B150" s="53">
        <v>-35833419.965693399</v>
      </c>
      <c r="C150" s="53">
        <v>-37335077.3251746</v>
      </c>
      <c r="D150" s="53">
        <v>-38578274.963325702</v>
      </c>
      <c r="E150" s="53">
        <v>-43732381.780357197</v>
      </c>
      <c r="F150" s="53">
        <v>-45415296.929751001</v>
      </c>
      <c r="G150" s="53">
        <v>-49685235.890136696</v>
      </c>
      <c r="H150" s="53">
        <v>-54485874.176458202</v>
      </c>
      <c r="I150" s="53">
        <v>-55660025.676018499</v>
      </c>
      <c r="J150" s="53">
        <v>-52139555.1837686</v>
      </c>
      <c r="K150" s="53">
        <v>-55327731.122124001</v>
      </c>
      <c r="L150" s="53">
        <v>-40650691.7382873</v>
      </c>
      <c r="M150" s="53">
        <v>-43576742.566139899</v>
      </c>
      <c r="N150" s="53">
        <v>-552420307.31723499</v>
      </c>
      <c r="O150" s="53">
        <v>-43585558.450341001</v>
      </c>
      <c r="P150" s="53">
        <v>-54186718.484494701</v>
      </c>
      <c r="Q150" s="53">
        <v>-44414297.516844504</v>
      </c>
      <c r="R150" s="53">
        <v>-45793138.718396902</v>
      </c>
      <c r="S150" s="53">
        <v>-46430722.9761663</v>
      </c>
      <c r="T150" s="53">
        <v>-51047668.571521498</v>
      </c>
      <c r="U150" s="53">
        <v>-54923111.987704903</v>
      </c>
      <c r="V150" s="53">
        <v>-58866073.098152503</v>
      </c>
      <c r="W150" s="53">
        <v>-61516566.868992202</v>
      </c>
      <c r="X150" s="53">
        <v>-57062809.6939153</v>
      </c>
      <c r="Y150" s="53">
        <v>-42932457.901245303</v>
      </c>
      <c r="Z150" s="53">
        <v>-44547819.671386398</v>
      </c>
      <c r="AA150" s="53">
        <v>-605306943.93916094</v>
      </c>
      <c r="AB150" s="53">
        <v>-44593560.594113402</v>
      </c>
      <c r="AC150" s="53">
        <v>-55076256.603010103</v>
      </c>
      <c r="AD150" s="53">
        <v>-44892045.631248198</v>
      </c>
      <c r="AE150" s="53">
        <v>-45668783.491442502</v>
      </c>
      <c r="AF150" s="53">
        <v>-46599918.637905203</v>
      </c>
      <c r="AG150" s="53">
        <v>-51610956.767013498</v>
      </c>
      <c r="AH150" s="53">
        <v>-55547578.187567502</v>
      </c>
      <c r="AI150" s="53">
        <v>-59438682.296991803</v>
      </c>
      <c r="AJ150" s="53">
        <v>-62333786.984302998</v>
      </c>
      <c r="AK150" s="53">
        <v>-57696064.3989738</v>
      </c>
      <c r="AL150" s="53">
        <v>-43166512.484590501</v>
      </c>
      <c r="AM150" s="53">
        <v>-44414629.300017998</v>
      </c>
      <c r="AN150" s="53">
        <v>-611038775.377177</v>
      </c>
      <c r="AO150" s="53">
        <v>-44385067.1977024</v>
      </c>
      <c r="AP150" s="53">
        <v>-54603207.714410797</v>
      </c>
      <c r="AQ150" s="53">
        <v>-43680962.007158197</v>
      </c>
      <c r="AR150" s="53">
        <v>-45907467.087740801</v>
      </c>
      <c r="AS150" s="53">
        <v>-46825264.069624603</v>
      </c>
      <c r="AT150" s="53">
        <v>-52054523.041789703</v>
      </c>
      <c r="AU150" s="53">
        <v>-56028189.395715997</v>
      </c>
      <c r="AV150" s="53">
        <v>-60223843.127523199</v>
      </c>
      <c r="AW150" s="53">
        <v>-62920083.9965363</v>
      </c>
      <c r="AX150" s="53">
        <v>-58294039.100521304</v>
      </c>
      <c r="AY150" s="53">
        <v>-43160499.755432397</v>
      </c>
      <c r="AZ150" s="53">
        <v>-44686558.9432275</v>
      </c>
      <c r="BA150" s="53">
        <v>-612769705.43738306</v>
      </c>
      <c r="BB150" s="53">
        <v>-44577109.036670901</v>
      </c>
      <c r="BC150" s="53">
        <v>-54872051.073246501</v>
      </c>
      <c r="BD150" s="53">
        <v>-44329166.783008002</v>
      </c>
      <c r="BE150" s="53">
        <v>-46227189.869008698</v>
      </c>
      <c r="BF150" s="53">
        <v>-47139269.088123001</v>
      </c>
      <c r="BG150" s="53">
        <v>-52358517.427905299</v>
      </c>
      <c r="BH150" s="53">
        <v>-56699848.658984102</v>
      </c>
      <c r="BI150" s="53">
        <v>-60777422.642735697</v>
      </c>
      <c r="BJ150" s="53">
        <v>-63437475.835789502</v>
      </c>
      <c r="BK150" s="53">
        <v>-59015203.151133597</v>
      </c>
      <c r="BL150" s="53">
        <v>-43826669.6605727</v>
      </c>
      <c r="BM150" s="53">
        <v>-44925425.898474403</v>
      </c>
      <c r="BN150" s="53">
        <v>-618185349.12565196</v>
      </c>
      <c r="BO150" s="53">
        <v>-44873235.337700397</v>
      </c>
      <c r="BP150" s="53">
        <v>-54942242.325894497</v>
      </c>
      <c r="BQ150" s="53">
        <v>-44384649.998617597</v>
      </c>
      <c r="BR150" s="53">
        <v>-46161080.634572104</v>
      </c>
      <c r="BS150" s="53">
        <v>-47113428.931624398</v>
      </c>
      <c r="BT150" s="53">
        <v>-52661516.023336701</v>
      </c>
      <c r="BU150" s="53">
        <v>-57161230.511903301</v>
      </c>
      <c r="BV150" s="53">
        <v>-61228468.642005399</v>
      </c>
      <c r="BW150" s="53">
        <v>-63836018.857780099</v>
      </c>
      <c r="BX150" s="53">
        <v>-59484554.869651698</v>
      </c>
      <c r="BY150" s="53">
        <v>-44164716.952122003</v>
      </c>
      <c r="BZ150" s="53">
        <v>-45359692.9774829</v>
      </c>
      <c r="CA150" s="53">
        <v>-621370836.06269097</v>
      </c>
      <c r="CB150" s="53">
        <v>-10046258.445913401</v>
      </c>
      <c r="CC150" s="53">
        <v>-9979372.4781778995</v>
      </c>
      <c r="CD150" s="53">
        <v>-10814609.434807301</v>
      </c>
      <c r="CE150" s="53">
        <v>-11184681.5184875</v>
      </c>
      <c r="CF150" s="53">
        <v>-11483818.979884701</v>
      </c>
      <c r="CG150" s="53">
        <v>-12668340.537964299</v>
      </c>
      <c r="CH150" s="53">
        <v>-13469513.030078501</v>
      </c>
      <c r="CI150" s="53">
        <v>-13023133.765371799</v>
      </c>
      <c r="CJ150" s="53">
        <v>-11686194.2783795</v>
      </c>
      <c r="CK150" s="53">
        <v>-14215491.267811401</v>
      </c>
      <c r="CL150" s="53">
        <v>-10655322.298410499</v>
      </c>
      <c r="CM150" s="53">
        <v>-11535804.8243379</v>
      </c>
      <c r="CN150" s="53">
        <v>-140762540.85962501</v>
      </c>
    </row>
    <row r="151" spans="1:92" outlineLevel="1">
      <c r="A151" s="52" t="s">
        <v>1262</v>
      </c>
      <c r="B151" s="53">
        <v>-8659878.2111340202</v>
      </c>
      <c r="C151" s="53">
        <v>-8355623.3244918901</v>
      </c>
      <c r="D151" s="53">
        <v>-8967980.3751117196</v>
      </c>
      <c r="E151" s="53">
        <v>-9077851.3581020702</v>
      </c>
      <c r="F151" s="53">
        <v>-9286321.1037489902</v>
      </c>
      <c r="G151" s="53">
        <v>-9929539.5232666805</v>
      </c>
      <c r="H151" s="53">
        <v>-9983959.7768100407</v>
      </c>
      <c r="I151" s="53">
        <v>-9699349.1396242902</v>
      </c>
      <c r="J151" s="53">
        <v>-9176888.1065155491</v>
      </c>
      <c r="K151" s="53">
        <v>-10730491.255589901</v>
      </c>
      <c r="L151" s="53">
        <v>-8548852.3437493704</v>
      </c>
      <c r="M151" s="53">
        <v>-10215183.3162928</v>
      </c>
      <c r="N151" s="53">
        <v>-112631917.834437</v>
      </c>
      <c r="O151" s="53">
        <v>-8146230.9046978801</v>
      </c>
      <c r="P151" s="53">
        <v>-6728729.0327937501</v>
      </c>
      <c r="Q151" s="53">
        <v>-8226557.7732544104</v>
      </c>
      <c r="R151" s="53">
        <v>-9327014.2027629092</v>
      </c>
      <c r="S151" s="53">
        <v>-9641727.6607531495</v>
      </c>
      <c r="T151" s="53">
        <v>-10699986.819682701</v>
      </c>
      <c r="U151" s="53">
        <v>-9454777.8357465602</v>
      </c>
      <c r="V151" s="53">
        <v>-9152451.2519369498</v>
      </c>
      <c r="W151" s="53">
        <v>-8825836.8178707398</v>
      </c>
      <c r="X151" s="53">
        <v>-9172844.8865717109</v>
      </c>
      <c r="Y151" s="53">
        <v>-6906815.6089095203</v>
      </c>
      <c r="Z151" s="53">
        <v>-7502447.6168505503</v>
      </c>
      <c r="AA151" s="53">
        <v>-103785420.41182999</v>
      </c>
      <c r="AB151" s="53">
        <v>-7083761.18507089</v>
      </c>
      <c r="AC151" s="53">
        <v>-6552424.6132201599</v>
      </c>
      <c r="AD151" s="53">
        <v>-8274853.4236278096</v>
      </c>
      <c r="AE151" s="53">
        <v>-9374973.0924604591</v>
      </c>
      <c r="AF151" s="53">
        <v>-9698627.5352318808</v>
      </c>
      <c r="AG151" s="53">
        <v>-10763620.333509499</v>
      </c>
      <c r="AH151" s="53">
        <v>-9511289.16829882</v>
      </c>
      <c r="AI151" s="53">
        <v>-9208001.5253405292</v>
      </c>
      <c r="AJ151" s="53">
        <v>-8878000.6392491907</v>
      </c>
      <c r="AK151" s="53">
        <v>-9233401.4055009708</v>
      </c>
      <c r="AL151" s="53">
        <v>-6955163.0496762404</v>
      </c>
      <c r="AM151" s="53">
        <v>-7557262.6525602303</v>
      </c>
      <c r="AN151" s="53">
        <v>-103091378.62374599</v>
      </c>
      <c r="AO151" s="53">
        <v>-7137708.6589984102</v>
      </c>
      <c r="AP151" s="53">
        <v>-6577621.1093542101</v>
      </c>
      <c r="AQ151" s="53">
        <v>-8248541.5314477095</v>
      </c>
      <c r="AR151" s="53">
        <v>-9409792.5836294796</v>
      </c>
      <c r="AS151" s="53">
        <v>-9727805.3016330898</v>
      </c>
      <c r="AT151" s="53">
        <v>-10796728.3297584</v>
      </c>
      <c r="AU151" s="53">
        <v>-9545467.8917988501</v>
      </c>
      <c r="AV151" s="53">
        <v>-9241799.3403679896</v>
      </c>
      <c r="AW151" s="53">
        <v>-8910445.2299594004</v>
      </c>
      <c r="AX151" s="53">
        <v>-9267050.9054935891</v>
      </c>
      <c r="AY151" s="53">
        <v>-6981956.9711368699</v>
      </c>
      <c r="AZ151" s="53">
        <v>-7588154.0670653898</v>
      </c>
      <c r="BA151" s="53">
        <v>-103433071.920643</v>
      </c>
      <c r="BB151" s="53">
        <v>-7165681.9184153201</v>
      </c>
      <c r="BC151" s="53">
        <v>-6604830.2525950503</v>
      </c>
      <c r="BD151" s="53">
        <v>-8280375.6232824801</v>
      </c>
      <c r="BE151" s="53">
        <v>-9442429.6138889492</v>
      </c>
      <c r="BF151" s="53">
        <v>-9755987.0636243597</v>
      </c>
      <c r="BG151" s="53">
        <v>-10826386.071132399</v>
      </c>
      <c r="BH151" s="53">
        <v>-9577264.3784104697</v>
      </c>
      <c r="BI151" s="53">
        <v>-9274734.1806887705</v>
      </c>
      <c r="BJ151" s="53">
        <v>-8943525.3697367907</v>
      </c>
      <c r="BK151" s="53">
        <v>-9303522.0407217909</v>
      </c>
      <c r="BL151" s="53">
        <v>-7012523.2251861701</v>
      </c>
      <c r="BM151" s="53">
        <v>-7625314.6325213797</v>
      </c>
      <c r="BN151" s="53">
        <v>-103812574.370204</v>
      </c>
      <c r="BO151" s="53">
        <v>-7200465.6916119298</v>
      </c>
      <c r="BP151" s="53">
        <v>-6639058.5694790799</v>
      </c>
      <c r="BQ151" s="53">
        <v>-8320777.1362973396</v>
      </c>
      <c r="BR151" s="53">
        <v>-9484836.5702921003</v>
      </c>
      <c r="BS151" s="53">
        <v>-9794227.1962826904</v>
      </c>
      <c r="BT151" s="53">
        <v>-10868782.5990272</v>
      </c>
      <c r="BU151" s="53">
        <v>-9624612.11212622</v>
      </c>
      <c r="BV151" s="53">
        <v>-9324678.1157143004</v>
      </c>
      <c r="BW151" s="53">
        <v>-8994048.2946130391</v>
      </c>
      <c r="BX151" s="53">
        <v>-9359981.8499752209</v>
      </c>
      <c r="BY151" s="53">
        <v>-7060455.5721890097</v>
      </c>
      <c r="BZ151" s="53">
        <v>-7683883.5058196001</v>
      </c>
      <c r="CA151" s="53">
        <v>-104355807.21342701</v>
      </c>
      <c r="CB151" s="53">
        <v>-100699982.184112</v>
      </c>
      <c r="CC151" s="53">
        <v>-104006422.67884099</v>
      </c>
      <c r="CD151" s="53">
        <v>-95439177.5551534</v>
      </c>
      <c r="CE151" s="53">
        <v>-96548193.388047293</v>
      </c>
      <c r="CF151" s="53">
        <v>-100691957.71725599</v>
      </c>
      <c r="CG151" s="53">
        <v>-129458164.096973</v>
      </c>
      <c r="CH151" s="53">
        <v>-159971453.52361199</v>
      </c>
      <c r="CI151" s="53">
        <v>-171620463.746696</v>
      </c>
      <c r="CJ151" s="53">
        <v>-159232770.90698299</v>
      </c>
      <c r="CK151" s="53">
        <v>-159376266.74031901</v>
      </c>
      <c r="CL151" s="53">
        <v>-105253752.25376201</v>
      </c>
      <c r="CM151" s="53">
        <v>-104006436.47570001</v>
      </c>
      <c r="CN151" s="53">
        <v>-1486305041.2674501</v>
      </c>
    </row>
    <row r="152" spans="1:92" outlineLevel="1">
      <c r="A152" s="52" t="s">
        <v>1266</v>
      </c>
      <c r="B152" s="53">
        <v>-50512.2504303436</v>
      </c>
      <c r="C152" s="53">
        <v>-50571.0602741365</v>
      </c>
      <c r="D152" s="53">
        <v>-53107.844963198397</v>
      </c>
      <c r="E152" s="53">
        <v>-53243.701755727998</v>
      </c>
      <c r="F152" s="53">
        <v>-51648.218763725599</v>
      </c>
      <c r="G152" s="53">
        <v>-52073.904250096297</v>
      </c>
      <c r="H152" s="53">
        <v>-54859.3296169358</v>
      </c>
      <c r="I152" s="53">
        <v>-54260.093643056898</v>
      </c>
      <c r="J152" s="53">
        <v>-50995.503797079196</v>
      </c>
      <c r="K152" s="53">
        <v>-57816.733480540199</v>
      </c>
      <c r="L152" s="53">
        <v>-46318.923758021701</v>
      </c>
      <c r="M152" s="53">
        <v>-54742.246357219301</v>
      </c>
      <c r="N152" s="53">
        <v>-630149.81109008205</v>
      </c>
      <c r="O152" s="53">
        <v>-61471.648100884297</v>
      </c>
      <c r="P152" s="53">
        <v>-100011.682850609</v>
      </c>
      <c r="Q152" s="53">
        <v>-103460.60427828399</v>
      </c>
      <c r="R152" s="53">
        <v>-100915.992685598</v>
      </c>
      <c r="S152" s="53">
        <v>-103876.820056371</v>
      </c>
      <c r="T152" s="53">
        <v>-104556.87293569899</v>
      </c>
      <c r="U152" s="53">
        <v>-112104.03066204301</v>
      </c>
      <c r="V152" s="53">
        <v>-110403.77793783</v>
      </c>
      <c r="W152" s="53">
        <v>-101695.465710276</v>
      </c>
      <c r="X152" s="53">
        <v>-115638.012257375</v>
      </c>
      <c r="Y152" s="53">
        <v>-93068.316216483203</v>
      </c>
      <c r="Z152" s="53">
        <v>-111589.98408186799</v>
      </c>
      <c r="AA152" s="53">
        <v>-1218793.2077733199</v>
      </c>
      <c r="AB152" s="53">
        <v>-103674.621385265</v>
      </c>
      <c r="AC152" s="53">
        <v>-100676.200027268</v>
      </c>
      <c r="AD152" s="53">
        <v>-100837.360441789</v>
      </c>
      <c r="AE152" s="53">
        <v>-96365.385455118507</v>
      </c>
      <c r="AF152" s="53">
        <v>-99549.414066590398</v>
      </c>
      <c r="AG152" s="53">
        <v>-100565.037090542</v>
      </c>
      <c r="AH152" s="53">
        <v>-108198.74215041799</v>
      </c>
      <c r="AI152" s="53">
        <v>-106901.86352329901</v>
      </c>
      <c r="AJ152" s="53">
        <v>-98746.425120097003</v>
      </c>
      <c r="AK152" s="53">
        <v>-112632.38088890701</v>
      </c>
      <c r="AL152" s="53">
        <v>-90856.327888692205</v>
      </c>
      <c r="AM152" s="53">
        <v>-109209.37818106799</v>
      </c>
      <c r="AN152" s="53">
        <v>-1228213.13621905</v>
      </c>
      <c r="AO152" s="53">
        <v>-101682.83817585</v>
      </c>
      <c r="AP152" s="53">
        <v>-98937.517053966905</v>
      </c>
      <c r="AQ152" s="53">
        <v>-99288.529140535902</v>
      </c>
      <c r="AR152" s="53">
        <v>-95076.200136052998</v>
      </c>
      <c r="AS152" s="53">
        <v>-98375.963826755804</v>
      </c>
      <c r="AT152" s="53">
        <v>-99540.269498962603</v>
      </c>
      <c r="AU152" s="53">
        <v>-107260.644928931</v>
      </c>
      <c r="AV152" s="53">
        <v>-106125.711227801</v>
      </c>
      <c r="AW152" s="53">
        <v>-98149.974513386696</v>
      </c>
      <c r="AX152" s="53">
        <v>-112102.738700407</v>
      </c>
      <c r="AY152" s="53">
        <v>-90518.534563313093</v>
      </c>
      <c r="AZ152" s="53">
        <v>-108920.00861338701</v>
      </c>
      <c r="BA152" s="53">
        <v>-1215978.93037935</v>
      </c>
      <c r="BB152" s="53">
        <v>-101507.511082935</v>
      </c>
      <c r="BC152" s="53">
        <v>-98850.451383530904</v>
      </c>
      <c r="BD152" s="53">
        <v>-99282.980515057498</v>
      </c>
      <c r="BE152" s="53">
        <v>-95151.333504323105</v>
      </c>
      <c r="BF152" s="53">
        <v>-98520.447213638196</v>
      </c>
      <c r="BG152" s="53">
        <v>-99753.920367253406</v>
      </c>
      <c r="BH152" s="53">
        <v>-107559.80875122899</v>
      </c>
      <c r="BI152" s="53">
        <v>-106484.222605441</v>
      </c>
      <c r="BJ152" s="53">
        <v>-98531.379153656904</v>
      </c>
      <c r="BK152" s="53">
        <v>-112600.43939743</v>
      </c>
      <c r="BL152" s="53">
        <v>-90956.890294655605</v>
      </c>
      <c r="BM152" s="53">
        <v>-109495.19136564501</v>
      </c>
      <c r="BN152" s="53">
        <v>-1218694.5756347899</v>
      </c>
      <c r="BO152" s="53">
        <v>-102081.674254328</v>
      </c>
      <c r="BP152" s="53">
        <v>-99442.979860508</v>
      </c>
      <c r="BQ152" s="53">
        <v>-99910.859913111795</v>
      </c>
      <c r="BR152" s="53">
        <v>-95785.324411086898</v>
      </c>
      <c r="BS152" s="53">
        <v>-99203.423113143697</v>
      </c>
      <c r="BT152" s="53">
        <v>-100471.734262395</v>
      </c>
      <c r="BU152" s="53">
        <v>-108360.60041377701</v>
      </c>
      <c r="BV152" s="53">
        <v>-107301.15040052</v>
      </c>
      <c r="BW152" s="53">
        <v>-99306.340492591102</v>
      </c>
      <c r="BX152" s="53">
        <v>-113509.457304218</v>
      </c>
      <c r="BY152" s="53">
        <v>-91705.0539046169</v>
      </c>
      <c r="BZ152" s="53">
        <v>-110413.311548713</v>
      </c>
      <c r="CA152" s="53">
        <v>-1227491.9098790099</v>
      </c>
      <c r="CB152" s="53">
        <v>-38319.176596266603</v>
      </c>
      <c r="CC152" s="53">
        <v>-39334.990474999999</v>
      </c>
      <c r="CD152" s="53">
        <v>-39441.555312466597</v>
      </c>
      <c r="CE152" s="53">
        <v>-41096.115565599997</v>
      </c>
      <c r="CF152" s="53">
        <v>-36379.557334500001</v>
      </c>
      <c r="CG152" s="53">
        <v>-37156.541782833301</v>
      </c>
      <c r="CH152" s="53">
        <v>-38465.939734476196</v>
      </c>
      <c r="CI152" s="53">
        <v>-38953.446999412197</v>
      </c>
      <c r="CJ152" s="53">
        <v>-36355.384284450301</v>
      </c>
      <c r="CK152" s="53">
        <v>-40699.005100261202</v>
      </c>
      <c r="CL152" s="53">
        <v>-32884.874348400001</v>
      </c>
      <c r="CM152" s="53">
        <v>-39267.981789666599</v>
      </c>
      <c r="CN152" s="53">
        <v>-458354.56932333298</v>
      </c>
    </row>
    <row r="153" spans="1:92" outlineLevel="1">
      <c r="A153" s="52" t="s">
        <v>1263</v>
      </c>
      <c r="B153" s="53">
        <v>-9692509.1434391402</v>
      </c>
      <c r="C153" s="53">
        <v>-9836075.0835206099</v>
      </c>
      <c r="D153" s="53">
        <v>-10657661.7620652</v>
      </c>
      <c r="E153" s="53">
        <v>-11027538.390344501</v>
      </c>
      <c r="F153" s="53">
        <v>-11328544.497295801</v>
      </c>
      <c r="G153" s="53">
        <v>-12510225.253610499</v>
      </c>
      <c r="H153" s="53">
        <v>-13123003.9230798</v>
      </c>
      <c r="I153" s="53">
        <v>-12464908.6311845</v>
      </c>
      <c r="J153" s="53">
        <v>-12048091.770978499</v>
      </c>
      <c r="K153" s="53">
        <v>-14078019.349103799</v>
      </c>
      <c r="L153" s="53">
        <v>-10531989.289309001</v>
      </c>
      <c r="M153" s="53">
        <v>-11362652.1387362</v>
      </c>
      <c r="N153" s="53">
        <v>-138661219.23266801</v>
      </c>
      <c r="O153" s="53">
        <v>-10532890.070170101</v>
      </c>
      <c r="P153" s="53">
        <v>-12225238.2688327</v>
      </c>
      <c r="Q153" s="53">
        <v>-12054268.3683125</v>
      </c>
      <c r="R153" s="53">
        <v>-11490991.926020499</v>
      </c>
      <c r="S153" s="53">
        <v>-11848703.547599601</v>
      </c>
      <c r="T153" s="53">
        <v>-12884499.6100566</v>
      </c>
      <c r="U153" s="53">
        <v>-13577029.3509693</v>
      </c>
      <c r="V153" s="53">
        <v>-13300319.2172173</v>
      </c>
      <c r="W153" s="53">
        <v>-12473967.699011</v>
      </c>
      <c r="X153" s="53">
        <v>-14366615.143689699</v>
      </c>
      <c r="Y153" s="53">
        <v>-10954446.396882899</v>
      </c>
      <c r="Z153" s="53">
        <v>-11900165.448494099</v>
      </c>
      <c r="AA153" s="53">
        <v>-147609135.04725599</v>
      </c>
      <c r="AB153" s="53">
        <v>-11151947.3681744</v>
      </c>
      <c r="AC153" s="53">
        <v>-12273479.411761699</v>
      </c>
      <c r="AD153" s="53">
        <v>-12076268.018150499</v>
      </c>
      <c r="AE153" s="53">
        <v>-11471837.938852699</v>
      </c>
      <c r="AF153" s="53">
        <v>-11830225.303221099</v>
      </c>
      <c r="AG153" s="53">
        <v>-12864314.541095801</v>
      </c>
      <c r="AH153" s="53">
        <v>-13554639.290858399</v>
      </c>
      <c r="AI153" s="53">
        <v>-13277090.877534101</v>
      </c>
      <c r="AJ153" s="53">
        <v>-12450525.034866299</v>
      </c>
      <c r="AK153" s="53">
        <v>-14341653.6958673</v>
      </c>
      <c r="AL153" s="53">
        <v>-10934413.8246287</v>
      </c>
      <c r="AM153" s="53">
        <v>-11874690.486543899</v>
      </c>
      <c r="AN153" s="53">
        <v>-148101085.79155499</v>
      </c>
      <c r="AO153" s="53">
        <v>-11122656.9198949</v>
      </c>
      <c r="AP153" s="53">
        <v>-12233215.1888311</v>
      </c>
      <c r="AQ153" s="53">
        <v>-12029368.066102499</v>
      </c>
      <c r="AR153" s="53">
        <v>-11441699.6726512</v>
      </c>
      <c r="AS153" s="53">
        <v>-11801996.934342301</v>
      </c>
      <c r="AT153" s="53">
        <v>-12835138.7629</v>
      </c>
      <c r="AU153" s="53">
        <v>-13522375.791543201</v>
      </c>
      <c r="AV153" s="53">
        <v>-13243756.376744499</v>
      </c>
      <c r="AW153" s="53">
        <v>-12417071.495544201</v>
      </c>
      <c r="AX153" s="53">
        <v>-14306722.840195</v>
      </c>
      <c r="AY153" s="53">
        <v>-10906706.056787699</v>
      </c>
      <c r="AZ153" s="53">
        <v>-11839386.2902504</v>
      </c>
      <c r="BA153" s="53">
        <v>-147700094.395787</v>
      </c>
      <c r="BB153" s="53">
        <v>-11087332.196148699</v>
      </c>
      <c r="BC153" s="53">
        <v>-12204862.247265</v>
      </c>
      <c r="BD153" s="53">
        <v>-12002799.7104133</v>
      </c>
      <c r="BE153" s="53">
        <v>-11420861.607514801</v>
      </c>
      <c r="BF153" s="53">
        <v>-11782310.303900899</v>
      </c>
      <c r="BG153" s="53">
        <v>-12814393.2014405</v>
      </c>
      <c r="BH153" s="53">
        <v>-13499392.7337931</v>
      </c>
      <c r="BI153" s="53">
        <v>-13219938.4719841</v>
      </c>
      <c r="BJ153" s="53">
        <v>-12393139.390766799</v>
      </c>
      <c r="BK153" s="53">
        <v>-14281576.845895</v>
      </c>
      <c r="BL153" s="53">
        <v>-10886728.964469001</v>
      </c>
      <c r="BM153" s="53">
        <v>-11814016.9823338</v>
      </c>
      <c r="BN153" s="53">
        <v>-147407352.65592501</v>
      </c>
      <c r="BO153" s="53">
        <v>-11060474.9472128</v>
      </c>
      <c r="BP153" s="53">
        <v>-12177639.4624121</v>
      </c>
      <c r="BQ153" s="53">
        <v>-11976554.5843064</v>
      </c>
      <c r="BR153" s="53">
        <v>-11399593.8876394</v>
      </c>
      <c r="BS153" s="53">
        <v>-11761945.1294361</v>
      </c>
      <c r="BT153" s="53">
        <v>-12792720.520373801</v>
      </c>
      <c r="BU153" s="53">
        <v>-13475257.3995778</v>
      </c>
      <c r="BV153" s="53">
        <v>-13194832.533572899</v>
      </c>
      <c r="BW153" s="53">
        <v>-12367787.338492701</v>
      </c>
      <c r="BX153" s="53">
        <v>-14254442.829213601</v>
      </c>
      <c r="BY153" s="53">
        <v>-10864898.9822072</v>
      </c>
      <c r="BZ153" s="53">
        <v>-11786242.471875601</v>
      </c>
      <c r="CA153" s="53">
        <v>-147112390.086321</v>
      </c>
      <c r="CB153" s="53"/>
      <c r="CC153" s="53"/>
      <c r="CD153" s="53"/>
      <c r="CE153" s="53"/>
      <c r="CF153" s="53"/>
      <c r="CG153" s="53"/>
      <c r="CH153" s="53"/>
      <c r="CI153" s="53"/>
      <c r="CJ153" s="53"/>
      <c r="CK153" s="53"/>
      <c r="CL153" s="53"/>
      <c r="CM153" s="53"/>
      <c r="CN153" s="53"/>
    </row>
    <row r="154" spans="1:92" outlineLevel="1">
      <c r="A154" s="52" t="s">
        <v>1264</v>
      </c>
      <c r="B154" s="53">
        <v>-96476917.299643606</v>
      </c>
      <c r="C154" s="53">
        <v>-102045461.45875099</v>
      </c>
      <c r="D154" s="53">
        <v>-96194070.7930222</v>
      </c>
      <c r="E154" s="53">
        <v>-98397542.251211703</v>
      </c>
      <c r="F154" s="53">
        <v>-102586776.90828399</v>
      </c>
      <c r="G154" s="53">
        <v>-125758792.652539</v>
      </c>
      <c r="H154" s="53">
        <v>-151733935.37013501</v>
      </c>
      <c r="I154" s="53">
        <v>-162406715.18274999</v>
      </c>
      <c r="J154" s="53">
        <v>-149973568.23335901</v>
      </c>
      <c r="K154" s="53">
        <v>-151976340.81050199</v>
      </c>
      <c r="L154" s="53">
        <v>-102763902.112174</v>
      </c>
      <c r="M154" s="53">
        <v>-104672701.968393</v>
      </c>
      <c r="N154" s="53">
        <v>-1444986725.04076</v>
      </c>
      <c r="O154" s="53">
        <v>-111904963.086228</v>
      </c>
      <c r="P154" s="53">
        <v>-147772271.166365</v>
      </c>
      <c r="Q154" s="53">
        <v>-101422918.980101</v>
      </c>
      <c r="R154" s="53">
        <v>-93165444.739720598</v>
      </c>
      <c r="S154" s="53">
        <v>-95654729.063668206</v>
      </c>
      <c r="T154" s="53">
        <v>-119321925.559071</v>
      </c>
      <c r="U154" s="53">
        <v>-144784852.48529401</v>
      </c>
      <c r="V154" s="53">
        <v>-164792817.679405</v>
      </c>
      <c r="W154" s="53">
        <v>-172878743.82465401</v>
      </c>
      <c r="X154" s="53">
        <v>-146128259.27547199</v>
      </c>
      <c r="Y154" s="53">
        <v>-96585241.359138906</v>
      </c>
      <c r="Z154" s="53">
        <v>-96660571.778990999</v>
      </c>
      <c r="AA154" s="53">
        <v>-1491072738.9981101</v>
      </c>
      <c r="AB154" s="53">
        <v>-115067595.634261</v>
      </c>
      <c r="AC154" s="53">
        <v>-149772259.97396499</v>
      </c>
      <c r="AD154" s="53">
        <v>-104862649.812287</v>
      </c>
      <c r="AE154" s="53">
        <v>-94398686.352270201</v>
      </c>
      <c r="AF154" s="53">
        <v>-97149812.205328196</v>
      </c>
      <c r="AG154" s="53">
        <v>-122429195.35957199</v>
      </c>
      <c r="AH154" s="53">
        <v>-149689549.894595</v>
      </c>
      <c r="AI154" s="53">
        <v>-170449828.11737499</v>
      </c>
      <c r="AJ154" s="53">
        <v>-178157094.162512</v>
      </c>
      <c r="AK154" s="53">
        <v>-150890181.13051099</v>
      </c>
      <c r="AL154" s="53">
        <v>-99149126.257414907</v>
      </c>
      <c r="AM154" s="53">
        <v>-98639412.543214902</v>
      </c>
      <c r="AN154" s="53">
        <v>-1530655391.4433</v>
      </c>
      <c r="AO154" s="53">
        <v>-116729791.55898701</v>
      </c>
      <c r="AP154" s="53">
        <v>-149203402.68706301</v>
      </c>
      <c r="AQ154" s="53">
        <v>-101981816.449955</v>
      </c>
      <c r="AR154" s="53">
        <v>-93160910.043833494</v>
      </c>
      <c r="AS154" s="53">
        <v>-96055077.787432</v>
      </c>
      <c r="AT154" s="53">
        <v>-121928005.79379199</v>
      </c>
      <c r="AU154" s="53">
        <v>-149827469.33423001</v>
      </c>
      <c r="AV154" s="53">
        <v>-170885098.52526</v>
      </c>
      <c r="AW154" s="53">
        <v>-178660816.28900501</v>
      </c>
      <c r="AX154" s="53">
        <v>-151232744.77643001</v>
      </c>
      <c r="AY154" s="53">
        <v>-99147117.385742098</v>
      </c>
      <c r="AZ154" s="53">
        <v>-98486080.895389602</v>
      </c>
      <c r="BA154" s="53">
        <v>-1527298331.5271201</v>
      </c>
      <c r="BB154" s="53">
        <v>-116630185.74033201</v>
      </c>
      <c r="BC154" s="53">
        <v>-148721100.58808899</v>
      </c>
      <c r="BD154" s="53">
        <v>-101049495.32373901</v>
      </c>
      <c r="BE154" s="53">
        <v>-91950719.469027907</v>
      </c>
      <c r="BF154" s="53">
        <v>-94933651.318914905</v>
      </c>
      <c r="BG154" s="53">
        <v>-121242838.03173999</v>
      </c>
      <c r="BH154" s="53">
        <v>-149758642.19441101</v>
      </c>
      <c r="BI154" s="53">
        <v>-171102458.67176801</v>
      </c>
      <c r="BJ154" s="53">
        <v>-178959666.090415</v>
      </c>
      <c r="BK154" s="53">
        <v>-151367076.80569801</v>
      </c>
      <c r="BL154" s="53">
        <v>-99002172.9160579</v>
      </c>
      <c r="BM154" s="53">
        <v>-98176815.488043606</v>
      </c>
      <c r="BN154" s="53">
        <v>-1522894822.6382401</v>
      </c>
      <c r="BO154" s="53">
        <v>-116387532.008775</v>
      </c>
      <c r="BP154" s="53">
        <v>-148208717.232678</v>
      </c>
      <c r="BQ154" s="53">
        <v>-100272687.38721099</v>
      </c>
      <c r="BR154" s="53">
        <v>-90953121.302162394</v>
      </c>
      <c r="BS154" s="53">
        <v>-94047172.657816306</v>
      </c>
      <c r="BT154" s="53">
        <v>-120663347.10967299</v>
      </c>
      <c r="BU154" s="53">
        <v>-149701062.85348299</v>
      </c>
      <c r="BV154" s="53">
        <v>-171329816.44545799</v>
      </c>
      <c r="BW154" s="53">
        <v>-179350816.37101001</v>
      </c>
      <c r="BX154" s="53">
        <v>-151864069.12317899</v>
      </c>
      <c r="BY154" s="53">
        <v>-99346209.107069105</v>
      </c>
      <c r="BZ154" s="53">
        <v>-98592801.923969105</v>
      </c>
      <c r="CA154" s="53">
        <v>-1520717353.52248</v>
      </c>
      <c r="CB154" s="53"/>
      <c r="CC154" s="53"/>
      <c r="CD154" s="53"/>
      <c r="CE154" s="53"/>
      <c r="CF154" s="53"/>
      <c r="CG154" s="53"/>
      <c r="CH154" s="53"/>
      <c r="CI154" s="53"/>
      <c r="CJ154" s="53"/>
      <c r="CK154" s="53"/>
      <c r="CL154" s="53"/>
      <c r="CM154" s="53"/>
      <c r="CN154" s="53"/>
    </row>
    <row r="155" spans="1:92" outlineLevel="1">
      <c r="A155" s="52" t="s">
        <v>1265</v>
      </c>
      <c r="B155" s="53">
        <v>-40989.333897333301</v>
      </c>
      <c r="C155" s="53">
        <v>-51461.0068124666</v>
      </c>
      <c r="D155" s="53">
        <v>-52361.075346866601</v>
      </c>
      <c r="E155" s="53">
        <v>-53624.643471199997</v>
      </c>
      <c r="F155" s="53">
        <v>-42455.585434499997</v>
      </c>
      <c r="G155" s="53">
        <v>-42713.329882833299</v>
      </c>
      <c r="H155" s="53">
        <v>-43959.938177333301</v>
      </c>
      <c r="I155" s="53">
        <v>-44514.124054514199</v>
      </c>
      <c r="J155" s="53">
        <v>-41544.399010980902</v>
      </c>
      <c r="K155" s="53">
        <v>-46507.527975771402</v>
      </c>
      <c r="L155" s="53">
        <v>-37578.942248400002</v>
      </c>
      <c r="M155" s="53">
        <v>-46863.1654896666</v>
      </c>
      <c r="N155" s="53">
        <v>-544573.07180186606</v>
      </c>
      <c r="O155" s="53">
        <v>-55562.231896266603</v>
      </c>
      <c r="P155" s="53">
        <v>-68845.913075000004</v>
      </c>
      <c r="Q155" s="53">
        <v>-70258.811712466602</v>
      </c>
      <c r="R155" s="53">
        <v>-73135.611565600004</v>
      </c>
      <c r="S155" s="53">
        <v>-62115.926134499998</v>
      </c>
      <c r="T155" s="53">
        <v>-63102.252982833299</v>
      </c>
      <c r="U155" s="53">
        <v>-65183.862077333302</v>
      </c>
      <c r="V155" s="53">
        <v>-65995.634811657103</v>
      </c>
      <c r="W155" s="53">
        <v>-61590.137068123797</v>
      </c>
      <c r="X155" s="53">
        <v>-68946.494561485699</v>
      </c>
      <c r="Y155" s="53">
        <v>-55712.645948400001</v>
      </c>
      <c r="Z155" s="53">
        <v>-67583.686989666603</v>
      </c>
      <c r="AA155" s="53">
        <v>-778033.20882333303</v>
      </c>
      <c r="AB155" s="53">
        <v>-64145.551396266601</v>
      </c>
      <c r="AC155" s="53">
        <v>-46326.759274999997</v>
      </c>
      <c r="AD155" s="53">
        <v>-45764.158512466602</v>
      </c>
      <c r="AE155" s="53">
        <v>-45523.985965599997</v>
      </c>
      <c r="AF155" s="53">
        <v>-40691.097334500002</v>
      </c>
      <c r="AG155" s="53">
        <v>-41553.027382833301</v>
      </c>
      <c r="AH155" s="53">
        <v>-43037.158877333299</v>
      </c>
      <c r="AI155" s="53">
        <v>-43580.145325942802</v>
      </c>
      <c r="AJ155" s="53">
        <v>-40672.845182409503</v>
      </c>
      <c r="AK155" s="53">
        <v>-45531.920732914201</v>
      </c>
      <c r="AL155" s="53">
        <v>-36790.520348400001</v>
      </c>
      <c r="AM155" s="53">
        <v>-43771.652589666599</v>
      </c>
      <c r="AN155" s="53">
        <v>-537388.82292333303</v>
      </c>
      <c r="AO155" s="53">
        <v>-43186.473796266597</v>
      </c>
      <c r="AP155" s="53">
        <v>-43774.1432749999</v>
      </c>
      <c r="AQ155" s="53">
        <v>-43823.248512466598</v>
      </c>
      <c r="AR155" s="53">
        <v>-45739.5863656</v>
      </c>
      <c r="AS155" s="53">
        <v>-40849.3425345</v>
      </c>
      <c r="AT155" s="53">
        <v>-41768.195782833303</v>
      </c>
      <c r="AU155" s="53">
        <v>-43257.1843630476</v>
      </c>
      <c r="AV155" s="53">
        <v>-43802.841179003997</v>
      </c>
      <c r="AW155" s="53">
        <v>-40880.656578327798</v>
      </c>
      <c r="AX155" s="53">
        <v>-45764.542398220401</v>
      </c>
      <c r="AY155" s="53">
        <v>-36978.5099483999</v>
      </c>
      <c r="AZ155" s="53">
        <v>-44016.853389666598</v>
      </c>
      <c r="BA155" s="53">
        <v>-513841.57812333299</v>
      </c>
      <c r="BB155" s="53">
        <v>-43653.436996266602</v>
      </c>
      <c r="BC155" s="53">
        <v>-44802.101674999998</v>
      </c>
      <c r="BD155" s="53">
        <v>-44901.776112466599</v>
      </c>
      <c r="BE155" s="53">
        <v>-46897.400365599999</v>
      </c>
      <c r="BF155" s="53">
        <v>-41872.480534499999</v>
      </c>
      <c r="BG155" s="53">
        <v>-42812.933782833301</v>
      </c>
      <c r="BH155" s="53">
        <v>-44338.344077333299</v>
      </c>
      <c r="BI155" s="53">
        <v>-44897.122525942803</v>
      </c>
      <c r="BJ155" s="53">
        <v>-41901.798782409503</v>
      </c>
      <c r="BK155" s="53">
        <v>-46907.597132914198</v>
      </c>
      <c r="BL155" s="53">
        <v>-37902.2519484</v>
      </c>
      <c r="BM155" s="53">
        <v>-45121.279389666597</v>
      </c>
      <c r="BN155" s="53">
        <v>-526008.52332333301</v>
      </c>
      <c r="BO155" s="53">
        <v>-44775.382996266599</v>
      </c>
      <c r="BP155" s="53">
        <v>-46002.543275000004</v>
      </c>
      <c r="BQ155" s="53">
        <v>-46108.948512466603</v>
      </c>
      <c r="BR155" s="53">
        <v>-48159.391165599998</v>
      </c>
      <c r="BS155" s="53">
        <v>-42991.820134499998</v>
      </c>
      <c r="BT155" s="53">
        <v>-43956.441382833298</v>
      </c>
      <c r="BU155" s="53">
        <v>-45521.929448761897</v>
      </c>
      <c r="BV155" s="53">
        <v>-46095.072632065298</v>
      </c>
      <c r="BW155" s="53">
        <v>-43019.680774246197</v>
      </c>
      <c r="BX155" s="53">
        <v>-48158.941263526503</v>
      </c>
      <c r="BY155" s="53">
        <v>-38913.506348399897</v>
      </c>
      <c r="BZ155" s="53">
        <v>-45379.6441896666</v>
      </c>
      <c r="CA155" s="53">
        <v>-539083.30212333298</v>
      </c>
      <c r="CB155" s="53">
        <v>-681516.78961111105</v>
      </c>
      <c r="CC155" s="53">
        <v>-735242.59630833298</v>
      </c>
      <c r="CD155" s="53">
        <v>-784539.88049444405</v>
      </c>
      <c r="CE155" s="53">
        <v>-742169.65001666604</v>
      </c>
      <c r="CF155" s="53">
        <v>-572735.546094444</v>
      </c>
      <c r="CG155" s="53">
        <v>-561544.07207499899</v>
      </c>
      <c r="CH155" s="53">
        <v>-585690.35596944403</v>
      </c>
      <c r="CI155" s="53">
        <v>-579967.37027499999</v>
      </c>
      <c r="CJ155" s="53">
        <v>-544713.77839722205</v>
      </c>
      <c r="CK155" s="53">
        <v>-617166.777288888</v>
      </c>
      <c r="CL155" s="53">
        <v>-493550.28628888802</v>
      </c>
      <c r="CM155" s="53">
        <v>-633686.70197777695</v>
      </c>
      <c r="CN155" s="53">
        <v>-7532523.80479722</v>
      </c>
    </row>
    <row r="156" spans="1:92" outlineLevel="1">
      <c r="A156" s="52" t="s">
        <v>1239</v>
      </c>
      <c r="B156" s="53"/>
      <c r="C156" s="53"/>
      <c r="D156" s="53"/>
      <c r="E156" s="53"/>
      <c r="F156" s="53"/>
      <c r="G156" s="53"/>
      <c r="H156" s="53"/>
      <c r="I156" s="53"/>
      <c r="J156" s="53"/>
      <c r="K156" s="53"/>
      <c r="L156" s="53"/>
      <c r="M156" s="53"/>
      <c r="N156" s="53"/>
      <c r="O156" s="53"/>
      <c r="P156" s="53"/>
      <c r="Q156" s="53"/>
      <c r="R156" s="53"/>
      <c r="S156" s="53"/>
      <c r="T156" s="53"/>
      <c r="U156" s="53"/>
      <c r="V156" s="53"/>
      <c r="W156" s="53"/>
      <c r="X156" s="53"/>
      <c r="Y156" s="53"/>
      <c r="Z156" s="53"/>
      <c r="AA156" s="53"/>
      <c r="AB156" s="53"/>
      <c r="AC156" s="53"/>
      <c r="AD156" s="53"/>
      <c r="AE156" s="53"/>
      <c r="AF156" s="53"/>
      <c r="AG156" s="53"/>
      <c r="AH156" s="53"/>
      <c r="AI156" s="53"/>
      <c r="AJ156" s="53"/>
      <c r="AK156" s="53"/>
      <c r="AL156" s="53"/>
      <c r="AM156" s="53"/>
      <c r="AN156" s="53"/>
      <c r="AO156" s="53"/>
      <c r="AP156" s="53"/>
      <c r="AQ156" s="53"/>
      <c r="AR156" s="53"/>
      <c r="AS156" s="53"/>
      <c r="AT156" s="53"/>
      <c r="AU156" s="53"/>
      <c r="AV156" s="53"/>
      <c r="AW156" s="53"/>
      <c r="AX156" s="53"/>
      <c r="AY156" s="53"/>
      <c r="AZ156" s="53"/>
      <c r="BA156" s="53"/>
      <c r="BB156" s="53"/>
      <c r="BC156" s="53"/>
      <c r="BD156" s="53"/>
      <c r="BE156" s="53"/>
      <c r="BF156" s="53"/>
      <c r="BG156" s="53"/>
      <c r="BH156" s="53"/>
      <c r="BI156" s="53"/>
      <c r="BJ156" s="53"/>
      <c r="BK156" s="53"/>
      <c r="BL156" s="53"/>
      <c r="BM156" s="53"/>
      <c r="BN156" s="53"/>
      <c r="BO156" s="53"/>
      <c r="BP156" s="53"/>
      <c r="BQ156" s="53"/>
      <c r="BR156" s="53"/>
      <c r="BS156" s="53"/>
      <c r="BT156" s="53"/>
      <c r="BU156" s="53"/>
      <c r="BV156" s="53"/>
      <c r="BW156" s="53"/>
      <c r="BX156" s="53"/>
      <c r="BY156" s="53"/>
      <c r="BZ156" s="53"/>
      <c r="CA156" s="53"/>
      <c r="CB156" s="53">
        <v>-26889.711166666599</v>
      </c>
      <c r="CC156" s="53">
        <v>-39000.5344999999</v>
      </c>
      <c r="CD156" s="53">
        <v>-41997.720666666602</v>
      </c>
      <c r="CE156" s="53">
        <v>-40806.332499999997</v>
      </c>
      <c r="CF156" s="53">
        <v>-39089.598666666599</v>
      </c>
      <c r="CG156" s="53">
        <v>-40239.443999999901</v>
      </c>
      <c r="CH156" s="53">
        <v>-45206.6509523809</v>
      </c>
      <c r="CI156" s="53">
        <v>-41441.770224489701</v>
      </c>
      <c r="CJ156" s="53">
        <v>-38840.7307006802</v>
      </c>
      <c r="CK156" s="53">
        <v>-44581.903455782303</v>
      </c>
      <c r="CL156" s="53">
        <v>-34960.186333333302</v>
      </c>
      <c r="CM156" s="53">
        <v>-36286.150166666601</v>
      </c>
      <c r="CN156" s="53">
        <v>-469340.73333333299</v>
      </c>
    </row>
    <row r="157" spans="1:92" outlineLevel="1">
      <c r="A157" s="52" t="s">
        <v>1265</v>
      </c>
      <c r="B157" s="53">
        <v>-6534007.9419999998</v>
      </c>
      <c r="C157" s="53">
        <v>-7459982.6091999998</v>
      </c>
      <c r="D157" s="53">
        <v>-7928995.5271999901</v>
      </c>
      <c r="E157" s="53">
        <v>-7830215.5271999901</v>
      </c>
      <c r="F157" s="53">
        <v>-7060061.1928000003</v>
      </c>
      <c r="G157" s="53">
        <v>-7096284.7763999999</v>
      </c>
      <c r="H157" s="53">
        <v>-7555268.5159428502</v>
      </c>
      <c r="I157" s="53">
        <v>-7489726.0836979598</v>
      </c>
      <c r="J157" s="53">
        <v>-7037840.7010693802</v>
      </c>
      <c r="K157" s="53">
        <v>-7973951.8932897896</v>
      </c>
      <c r="L157" s="53">
        <v>-6376795.3568000002</v>
      </c>
      <c r="M157" s="53">
        <v>-7702532.6943999901</v>
      </c>
      <c r="N157" s="53">
        <v>-88045662.819999993</v>
      </c>
      <c r="O157" s="53">
        <v>-6714370.4419999998</v>
      </c>
      <c r="P157" s="53">
        <v>-4342880.1091999998</v>
      </c>
      <c r="Q157" s="53">
        <v>-4346460.5271999901</v>
      </c>
      <c r="R157" s="53">
        <v>-4068590.5271999999</v>
      </c>
      <c r="S157" s="53">
        <v>-3512106.1927999998</v>
      </c>
      <c r="T157" s="53">
        <v>-3507917.2763999999</v>
      </c>
      <c r="U157" s="53">
        <v>-3718191.7302285698</v>
      </c>
      <c r="V157" s="53">
        <v>-3685173.07349387</v>
      </c>
      <c r="W157" s="53">
        <v>-3462520.5480081602</v>
      </c>
      <c r="X157" s="53">
        <v>-3923074.3422693801</v>
      </c>
      <c r="Y157" s="53">
        <v>-3137295.3568000002</v>
      </c>
      <c r="Z157" s="53">
        <v>-3850272.6943999999</v>
      </c>
      <c r="AA157" s="53">
        <v>-48268852.82</v>
      </c>
      <c r="AB157" s="53">
        <v>-3702992.9419999998</v>
      </c>
      <c r="AC157" s="53">
        <v>-3163630.1091999998</v>
      </c>
      <c r="AD157" s="53">
        <v>-3288260.5271999999</v>
      </c>
      <c r="AE157" s="53">
        <v>-3207740.5271999999</v>
      </c>
      <c r="AF157" s="53">
        <v>-2949636.1927999998</v>
      </c>
      <c r="AG157" s="53">
        <v>-2972172.2763999999</v>
      </c>
      <c r="AH157" s="53">
        <v>-3167131.0159428502</v>
      </c>
      <c r="AI157" s="53">
        <v>-3139635.01226938</v>
      </c>
      <c r="AJ157" s="53">
        <v>-2950199.6296408102</v>
      </c>
      <c r="AK157" s="53">
        <v>-3342609.03614693</v>
      </c>
      <c r="AL157" s="53">
        <v>-2673095.3568000002</v>
      </c>
      <c r="AM157" s="53">
        <v>-3206632.6943999999</v>
      </c>
      <c r="AN157" s="53">
        <v>-37763735.32</v>
      </c>
      <c r="AO157" s="53">
        <v>-2554407.9419999998</v>
      </c>
      <c r="AP157" s="53">
        <v>-948660.10919999902</v>
      </c>
      <c r="AQ157" s="53">
        <v>-842480.52719999896</v>
      </c>
      <c r="AR157" s="53">
        <v>-699320.52719999896</v>
      </c>
      <c r="AS157" s="53">
        <v>-535576.19279999996</v>
      </c>
      <c r="AT157" s="53">
        <v>-524492.27639999997</v>
      </c>
      <c r="AU157" s="53">
        <v>-546796.73022857099</v>
      </c>
      <c r="AV157" s="53">
        <v>-541453.78777959105</v>
      </c>
      <c r="AW157" s="53">
        <v>-508541.26229387702</v>
      </c>
      <c r="AX157" s="53">
        <v>-576182.91369795904</v>
      </c>
      <c r="AY157" s="53">
        <v>-460775.35679999902</v>
      </c>
      <c r="AZ157" s="53">
        <v>-593512.69439999899</v>
      </c>
      <c r="BA157" s="53">
        <v>-9332200.3200000003</v>
      </c>
      <c r="BB157" s="53">
        <v>-676867.94199999899</v>
      </c>
      <c r="BC157" s="53">
        <v>-715020.10919999902</v>
      </c>
      <c r="BD157" s="53">
        <v>-761760.52720000001</v>
      </c>
      <c r="BE157" s="53">
        <v>-718460.52719999896</v>
      </c>
      <c r="BF157" s="53">
        <v>-549956.19279999996</v>
      </c>
      <c r="BG157" s="53">
        <v>-538532.27639999997</v>
      </c>
      <c r="BH157" s="53">
        <v>-561416.73022857099</v>
      </c>
      <c r="BI157" s="53">
        <v>-555930.930636734</v>
      </c>
      <c r="BJ157" s="53">
        <v>-522138.40515101998</v>
      </c>
      <c r="BK157" s="53">
        <v>-591588.62798367301</v>
      </c>
      <c r="BL157" s="53">
        <v>-473095.35679999902</v>
      </c>
      <c r="BM157" s="53">
        <v>-609512.69440000004</v>
      </c>
      <c r="BN157" s="53">
        <v>-7274280.3199999901</v>
      </c>
      <c r="BO157" s="53">
        <v>-695527.94200000004</v>
      </c>
      <c r="BP157" s="53">
        <v>-735050.10919999902</v>
      </c>
      <c r="BQ157" s="53">
        <v>-783140.52719999896</v>
      </c>
      <c r="BR157" s="53">
        <v>-738515.52719999896</v>
      </c>
      <c r="BS157" s="53">
        <v>-564881.19279999903</v>
      </c>
      <c r="BT157" s="53">
        <v>-553082.27639999997</v>
      </c>
      <c r="BU157" s="53">
        <v>-576558.87308571395</v>
      </c>
      <c r="BV157" s="53">
        <v>-570925.11431020405</v>
      </c>
      <c r="BW157" s="53">
        <v>-536221.16025306098</v>
      </c>
      <c r="BX157" s="53">
        <v>-607544.54635101999</v>
      </c>
      <c r="BY157" s="53">
        <v>-485855.35679999902</v>
      </c>
      <c r="BZ157" s="53">
        <v>-574192.69439999899</v>
      </c>
      <c r="CA157" s="53">
        <v>-7421495.3199999901</v>
      </c>
      <c r="CB157" s="53"/>
      <c r="CC157" s="53"/>
      <c r="CD157" s="53"/>
      <c r="CE157" s="53"/>
      <c r="CF157" s="53"/>
      <c r="CG157" s="53"/>
      <c r="CH157" s="53"/>
      <c r="CI157" s="53"/>
      <c r="CJ157" s="53"/>
      <c r="CK157" s="53"/>
      <c r="CL157" s="53"/>
      <c r="CM157" s="53"/>
      <c r="CN157" s="53"/>
    </row>
    <row r="158" spans="1:92" outlineLevel="1">
      <c r="A158" s="52" t="s">
        <v>1267</v>
      </c>
      <c r="B158" s="53">
        <v>-697748.04449999996</v>
      </c>
      <c r="C158" s="53">
        <v>-700746.78449999995</v>
      </c>
      <c r="D158" s="53">
        <v>-687981.054</v>
      </c>
      <c r="E158" s="53">
        <v>-714596.33249999897</v>
      </c>
      <c r="F158" s="53">
        <v>-733597.93199999898</v>
      </c>
      <c r="G158" s="53">
        <v>-782285.69399999897</v>
      </c>
      <c r="H158" s="53">
        <v>-1020518.73428571</v>
      </c>
      <c r="I158" s="53">
        <v>-1057367.6630816299</v>
      </c>
      <c r="J158" s="53">
        <v>-965235.79022448906</v>
      </c>
      <c r="K158" s="53">
        <v>-1075904.28440816</v>
      </c>
      <c r="L158" s="53">
        <v>-814676.85299999896</v>
      </c>
      <c r="M158" s="53">
        <v>-885589.48349999904</v>
      </c>
      <c r="N158" s="53">
        <v>-10136248.65</v>
      </c>
      <c r="O158" s="53">
        <v>-634530.54449999996</v>
      </c>
      <c r="P158" s="53">
        <v>-107714.28449999999</v>
      </c>
      <c r="Q158" s="53">
        <v>-59923.553999999996</v>
      </c>
      <c r="R158" s="53">
        <v>-25803.832499999899</v>
      </c>
      <c r="S158" s="53">
        <v>-24675.431999999899</v>
      </c>
      <c r="T158" s="53">
        <v>-25678.194</v>
      </c>
      <c r="U158" s="53">
        <v>-29846.9485714285</v>
      </c>
      <c r="V158" s="53">
        <v>-26232.152877551001</v>
      </c>
      <c r="W158" s="53">
        <v>-24555.637163265299</v>
      </c>
      <c r="X158" s="53">
        <v>-28396.733387755099</v>
      </c>
      <c r="Y158" s="53">
        <v>-22016.852999999999</v>
      </c>
      <c r="Z158" s="53">
        <v>-20989.4834999999</v>
      </c>
      <c r="AA158" s="53">
        <v>-1030363.64999999</v>
      </c>
      <c r="AB158" s="53">
        <v>-23948.0445</v>
      </c>
      <c r="AC158" s="53">
        <v>-26204.284500000002</v>
      </c>
      <c r="AD158" s="53">
        <v>-27583.553999999898</v>
      </c>
      <c r="AE158" s="53">
        <v>-25803.832499999899</v>
      </c>
      <c r="AF158" s="53">
        <v>-24675.431999999899</v>
      </c>
      <c r="AG158" s="53">
        <v>-25678.194</v>
      </c>
      <c r="AH158" s="53">
        <v>-29846.9485714285</v>
      </c>
      <c r="AI158" s="53">
        <v>-26232.152877551001</v>
      </c>
      <c r="AJ158" s="53">
        <v>-24555.637163265299</v>
      </c>
      <c r="AK158" s="53">
        <v>-28396.733387755099</v>
      </c>
      <c r="AL158" s="53">
        <v>-22016.852999999999</v>
      </c>
      <c r="AM158" s="53">
        <v>-20989.4834999999</v>
      </c>
      <c r="AN158" s="53">
        <v>-305931.15000000002</v>
      </c>
      <c r="AO158" s="53">
        <v>-23948.0445</v>
      </c>
      <c r="AP158" s="53">
        <v>-26204.284500000002</v>
      </c>
      <c r="AQ158" s="53">
        <v>-27583.553999999898</v>
      </c>
      <c r="AR158" s="53">
        <v>-25803.832499999899</v>
      </c>
      <c r="AS158" s="53">
        <v>-24675.431999999899</v>
      </c>
      <c r="AT158" s="53">
        <v>-25678.194</v>
      </c>
      <c r="AU158" s="53">
        <v>-29846.9485714285</v>
      </c>
      <c r="AV158" s="53">
        <v>-26232.152877551001</v>
      </c>
      <c r="AW158" s="53">
        <v>-24555.637163265299</v>
      </c>
      <c r="AX158" s="53">
        <v>-28396.733387755099</v>
      </c>
      <c r="AY158" s="53">
        <v>-22016.852999999999</v>
      </c>
      <c r="AZ158" s="53">
        <v>-20989.4834999999</v>
      </c>
      <c r="BA158" s="53">
        <v>-305931.15000000002</v>
      </c>
      <c r="BB158" s="53">
        <v>-23948.0445</v>
      </c>
      <c r="BC158" s="53">
        <v>-26204.284500000002</v>
      </c>
      <c r="BD158" s="53">
        <v>-27583.553999999898</v>
      </c>
      <c r="BE158" s="53">
        <v>-25803.832499999899</v>
      </c>
      <c r="BF158" s="53">
        <v>-24675.431999999899</v>
      </c>
      <c r="BG158" s="53">
        <v>-25678.194</v>
      </c>
      <c r="BH158" s="53">
        <v>-29846.9485714285</v>
      </c>
      <c r="BI158" s="53">
        <v>-26232.152877551001</v>
      </c>
      <c r="BJ158" s="53">
        <v>-24555.637163265299</v>
      </c>
      <c r="BK158" s="53">
        <v>-28396.733387755099</v>
      </c>
      <c r="BL158" s="53">
        <v>-22016.852999999999</v>
      </c>
      <c r="BM158" s="53">
        <v>-20989.4834999999</v>
      </c>
      <c r="BN158" s="53">
        <v>-305931.15000000002</v>
      </c>
      <c r="BO158" s="53">
        <v>-23948.0445</v>
      </c>
      <c r="BP158" s="53">
        <v>-26204.284500000002</v>
      </c>
      <c r="BQ158" s="53">
        <v>-27583.553999999898</v>
      </c>
      <c r="BR158" s="53">
        <v>-25803.832499999899</v>
      </c>
      <c r="BS158" s="53">
        <v>-24675.431999999899</v>
      </c>
      <c r="BT158" s="53">
        <v>-25678.194</v>
      </c>
      <c r="BU158" s="53">
        <v>-29846.9485714285</v>
      </c>
      <c r="BV158" s="53">
        <v>-26232.152877551001</v>
      </c>
      <c r="BW158" s="53">
        <v>-24555.637163265299</v>
      </c>
      <c r="BX158" s="53">
        <v>-28396.733387755099</v>
      </c>
      <c r="BY158" s="53">
        <v>-22016.852999999999</v>
      </c>
      <c r="BZ158" s="53">
        <v>-20989.4834999999</v>
      </c>
      <c r="CA158" s="53">
        <v>-305931.15000000002</v>
      </c>
      <c r="CB158" s="53">
        <v>-2372209.1306063002</v>
      </c>
      <c r="CC158" s="53">
        <v>-1130417.88500873</v>
      </c>
      <c r="CD158" s="53">
        <v>-1027808.9726234101</v>
      </c>
      <c r="CE158" s="53">
        <v>-1050687.4057925099</v>
      </c>
      <c r="CF158" s="53">
        <v>-1082997.9368328201</v>
      </c>
      <c r="CG158" s="53">
        <v>-1228749.02501105</v>
      </c>
      <c r="CH158" s="53">
        <v>-1367519.5197646101</v>
      </c>
      <c r="CI158" s="53">
        <v>-1415707.64848123</v>
      </c>
      <c r="CJ158" s="53">
        <v>-1319788.22269202</v>
      </c>
      <c r="CK158" s="53">
        <v>-1407358.5143894299</v>
      </c>
      <c r="CL158" s="53">
        <v>-1031788.3484706799</v>
      </c>
      <c r="CM158" s="53">
        <v>-1069844.9881228199</v>
      </c>
      <c r="CN158" s="53">
        <v>-15504877.5977956</v>
      </c>
    </row>
    <row r="159" spans="1:92" outlineLevel="1">
      <c r="A159" s="52" t="s">
        <v>1241</v>
      </c>
      <c r="B159" s="53"/>
      <c r="C159" s="53"/>
      <c r="D159" s="53"/>
      <c r="E159" s="53"/>
      <c r="F159" s="53"/>
      <c r="G159" s="53"/>
      <c r="H159" s="53"/>
      <c r="I159" s="53"/>
      <c r="J159" s="53"/>
      <c r="K159" s="53"/>
      <c r="L159" s="53"/>
      <c r="M159" s="53"/>
      <c r="N159" s="53"/>
      <c r="O159" s="53"/>
      <c r="P159" s="53"/>
      <c r="Q159" s="53"/>
      <c r="R159" s="53"/>
      <c r="S159" s="53"/>
      <c r="T159" s="53"/>
      <c r="U159" s="53"/>
      <c r="V159" s="53"/>
      <c r="W159" s="53"/>
      <c r="X159" s="53"/>
      <c r="Y159" s="53"/>
      <c r="Z159" s="53"/>
      <c r="AA159" s="53"/>
      <c r="AB159" s="53"/>
      <c r="AC159" s="53"/>
      <c r="AD159" s="53"/>
      <c r="AE159" s="53"/>
      <c r="AF159" s="53"/>
      <c r="AG159" s="53"/>
      <c r="AH159" s="53"/>
      <c r="AI159" s="53"/>
      <c r="AJ159" s="53"/>
      <c r="AK159" s="53"/>
      <c r="AL159" s="53"/>
      <c r="AM159" s="53"/>
      <c r="AN159" s="53"/>
      <c r="AO159" s="53"/>
      <c r="AP159" s="53"/>
      <c r="AQ159" s="53"/>
      <c r="AR159" s="53"/>
      <c r="AS159" s="53"/>
      <c r="AT159" s="53"/>
      <c r="AU159" s="53"/>
      <c r="AV159" s="53"/>
      <c r="AW159" s="53"/>
      <c r="AX159" s="53"/>
      <c r="AY159" s="53"/>
      <c r="AZ159" s="53"/>
      <c r="BA159" s="53"/>
      <c r="BB159" s="53"/>
      <c r="BC159" s="53"/>
      <c r="BD159" s="53"/>
      <c r="BE159" s="53"/>
      <c r="BF159" s="53"/>
      <c r="BG159" s="53"/>
      <c r="BH159" s="53"/>
      <c r="BI159" s="53"/>
      <c r="BJ159" s="53"/>
      <c r="BK159" s="53"/>
      <c r="BL159" s="53"/>
      <c r="BM159" s="53"/>
      <c r="BN159" s="53"/>
      <c r="BO159" s="53"/>
      <c r="BP159" s="53"/>
      <c r="BQ159" s="53"/>
      <c r="BR159" s="53"/>
      <c r="BS159" s="53"/>
      <c r="BT159" s="53"/>
      <c r="BU159" s="53"/>
      <c r="BV159" s="53"/>
      <c r="BW159" s="53"/>
      <c r="BX159" s="53"/>
      <c r="BY159" s="53"/>
      <c r="BZ159" s="53"/>
      <c r="CA159" s="53"/>
      <c r="CB159" s="53">
        <v>-804029.76701976696</v>
      </c>
      <c r="CC159" s="53">
        <v>-386807.30642257602</v>
      </c>
      <c r="CD159" s="53">
        <v>-371535.78564166598</v>
      </c>
      <c r="CE159" s="53">
        <v>-362285.53615660698</v>
      </c>
      <c r="CF159" s="53">
        <v>-348846.17609889799</v>
      </c>
      <c r="CG159" s="53">
        <v>-361065.64149764599</v>
      </c>
      <c r="CH159" s="53">
        <v>-386184.89035136398</v>
      </c>
      <c r="CI159" s="53">
        <v>-382361.54694071098</v>
      </c>
      <c r="CJ159" s="53">
        <v>-361923.14951321902</v>
      </c>
      <c r="CK159" s="53">
        <v>-400202.53553362499</v>
      </c>
      <c r="CL159" s="53">
        <v>-314764.228921581</v>
      </c>
      <c r="CM159" s="53">
        <v>-364759.24424593803</v>
      </c>
      <c r="CN159" s="53">
        <v>-4844765.8083435996</v>
      </c>
    </row>
    <row r="160" spans="1:92" outlineLevel="1">
      <c r="A160" s="52" t="s">
        <v>1261</v>
      </c>
      <c r="B160" s="53">
        <v>-8074712.3398336899</v>
      </c>
      <c r="C160" s="53">
        <v>-8105864.1365096197</v>
      </c>
      <c r="D160" s="53">
        <v>-8191595.16481415</v>
      </c>
      <c r="E160" s="53">
        <v>-9279651.4624909796</v>
      </c>
      <c r="F160" s="53">
        <v>-9512238.7229777593</v>
      </c>
      <c r="G160" s="53">
        <v>-10408141.7210341</v>
      </c>
      <c r="H160" s="53">
        <v>-11660223.160380101</v>
      </c>
      <c r="I160" s="53">
        <v>-11997081.2667064</v>
      </c>
      <c r="J160" s="53">
        <v>-11254154.2828329</v>
      </c>
      <c r="K160" s="53">
        <v>-11935382.380141299</v>
      </c>
      <c r="L160" s="53">
        <v>-8675333.8392577097</v>
      </c>
      <c r="M160" s="53">
        <v>-9271226.9166596793</v>
      </c>
      <c r="N160" s="53">
        <v>-118365605.393638</v>
      </c>
      <c r="O160" s="53">
        <v>-9232011.4581839293</v>
      </c>
      <c r="P160" s="53">
        <v>-11190558.6571391</v>
      </c>
      <c r="Q160" s="53">
        <v>-8810159.8421475105</v>
      </c>
      <c r="R160" s="53">
        <v>-9450826.0759350304</v>
      </c>
      <c r="S160" s="53">
        <v>-9821826.8199540898</v>
      </c>
      <c r="T160" s="53">
        <v>-10904378.210998399</v>
      </c>
      <c r="U160" s="53">
        <v>-12042279.517861599</v>
      </c>
      <c r="V160" s="53">
        <v>-13001602.8350116</v>
      </c>
      <c r="W160" s="53">
        <v>-13483649.419080099</v>
      </c>
      <c r="X160" s="53">
        <v>-12436791.5367584</v>
      </c>
      <c r="Y160" s="53">
        <v>-9068893.2205120195</v>
      </c>
      <c r="Z160" s="53">
        <v>-9243945.0217688009</v>
      </c>
      <c r="AA160" s="53">
        <v>-128686922.61535101</v>
      </c>
      <c r="AB160" s="53">
        <v>-8451151.1834696308</v>
      </c>
      <c r="AC160" s="53">
        <v>-8575139.25084823</v>
      </c>
      <c r="AD160" s="53">
        <v>-6631160.7231752602</v>
      </c>
      <c r="AE160" s="53">
        <v>-6936400.7043118896</v>
      </c>
      <c r="AF160" s="53">
        <v>-7254634.9616125599</v>
      </c>
      <c r="AG160" s="53">
        <v>-8113807.4671334997</v>
      </c>
      <c r="AH160" s="53">
        <v>-8963206.6844728608</v>
      </c>
      <c r="AI160" s="53">
        <v>-9661335.7513103895</v>
      </c>
      <c r="AJ160" s="53">
        <v>-10055026.696940601</v>
      </c>
      <c r="AK160" s="53">
        <v>-9254933.1526622605</v>
      </c>
      <c r="AL160" s="53">
        <v>-6711068.44400026</v>
      </c>
      <c r="AM160" s="53">
        <v>-6783123.2280115699</v>
      </c>
      <c r="AN160" s="53">
        <v>-97390988.247949094</v>
      </c>
      <c r="AO160" s="53">
        <v>-5605616.619771</v>
      </c>
      <c r="AP160" s="53">
        <v>-3908544.4929586402</v>
      </c>
      <c r="AQ160" s="53">
        <v>-2872127.9688084899</v>
      </c>
      <c r="AR160" s="53">
        <v>-2987355.5716861999</v>
      </c>
      <c r="AS160" s="53">
        <v>-3123200.1113841599</v>
      </c>
      <c r="AT160" s="53">
        <v>-3505642.3063620799</v>
      </c>
      <c r="AU160" s="53">
        <v>-3873001.0492400401</v>
      </c>
      <c r="AV160" s="53">
        <v>-4193586.17010176</v>
      </c>
      <c r="AW160" s="53">
        <v>-4348015.1475964598</v>
      </c>
      <c r="AX160" s="53">
        <v>-4006590.7492767</v>
      </c>
      <c r="AY160" s="53">
        <v>-2874714.3643285199</v>
      </c>
      <c r="AZ160" s="53">
        <v>-2923618.9588472899</v>
      </c>
      <c r="BA160" s="53">
        <v>-44222013.510361299</v>
      </c>
      <c r="BB160" s="53">
        <v>-2349710.26247678</v>
      </c>
      <c r="BC160" s="53">
        <v>-1429431.0631502699</v>
      </c>
      <c r="BD160" s="53">
        <v>-1043199.67814992</v>
      </c>
      <c r="BE160" s="53">
        <v>-1057061.4784377499</v>
      </c>
      <c r="BF160" s="53">
        <v>-1104845.8883026501</v>
      </c>
      <c r="BG160" s="53">
        <v>-1239166.4395779399</v>
      </c>
      <c r="BH160" s="53">
        <v>-1377348.54478848</v>
      </c>
      <c r="BI160" s="53">
        <v>-1487234.2588533401</v>
      </c>
      <c r="BJ160" s="53">
        <v>-1540511.7069067401</v>
      </c>
      <c r="BK160" s="53">
        <v>-1425227.46770564</v>
      </c>
      <c r="BL160" s="53">
        <v>-1025787.0672842</v>
      </c>
      <c r="BM160" s="53">
        <v>-1032886.49553045</v>
      </c>
      <c r="BN160" s="53">
        <v>-16112410.351164199</v>
      </c>
      <c r="BO160" s="53">
        <v>-865779.198334869</v>
      </c>
      <c r="BP160" s="53">
        <v>-638324.06076408003</v>
      </c>
      <c r="BQ160" s="53">
        <v>-476412.37386024703</v>
      </c>
      <c r="BR160" s="53">
        <v>-494167.60934009799</v>
      </c>
      <c r="BS160" s="53">
        <v>-516968.36850116699</v>
      </c>
      <c r="BT160" s="53">
        <v>-583509.03689250001</v>
      </c>
      <c r="BU160" s="53">
        <v>-650086.65049442102</v>
      </c>
      <c r="BV160" s="53">
        <v>-701450.94009525899</v>
      </c>
      <c r="BW160" s="53">
        <v>-725755.46172066405</v>
      </c>
      <c r="BX160" s="53">
        <v>-672560.24538292899</v>
      </c>
      <c r="BY160" s="53">
        <v>-483944.11293334299</v>
      </c>
      <c r="BZ160" s="53">
        <v>-488229.216844354</v>
      </c>
      <c r="CA160" s="53">
        <v>-7297187.2751639299</v>
      </c>
      <c r="CB160" s="53">
        <v>-4951.6470760955499</v>
      </c>
      <c r="CC160" s="53">
        <v>-2434.1213803262699</v>
      </c>
      <c r="CD160" s="53">
        <v>-2302.2932455240598</v>
      </c>
      <c r="CE160" s="53">
        <v>-2144.0354232053601</v>
      </c>
      <c r="CF160" s="53">
        <v>-2059.2806591096</v>
      </c>
      <c r="CG160" s="53">
        <v>-2079.5652570993402</v>
      </c>
      <c r="CH160" s="53">
        <v>-2192.8072625755699</v>
      </c>
      <c r="CI160" s="53">
        <v>-2170.6055544513101</v>
      </c>
      <c r="CJ160" s="53">
        <v>-2037.99512708722</v>
      </c>
      <c r="CK160" s="53">
        <v>-2308.1851490921399</v>
      </c>
      <c r="CL160" s="53">
        <v>-1845.30197402668</v>
      </c>
      <c r="CM160" s="53">
        <v>-2180.04833866628</v>
      </c>
      <c r="CN160" s="53">
        <v>-28705.8864472594</v>
      </c>
    </row>
    <row r="161" spans="1:92" outlineLevel="1">
      <c r="A161" s="52" t="s">
        <v>1262</v>
      </c>
      <c r="B161" s="53">
        <v>-2781697.2655807501</v>
      </c>
      <c r="C161" s="53">
        <v>-2712401.8279358</v>
      </c>
      <c r="D161" s="53">
        <v>-2901499.72679045</v>
      </c>
      <c r="E161" s="53">
        <v>-3044650.2100445698</v>
      </c>
      <c r="F161" s="53">
        <v>-2997348.8240129901</v>
      </c>
      <c r="G161" s="53">
        <v>-3081804.0071491501</v>
      </c>
      <c r="H161" s="53">
        <v>-3316334.1604659902</v>
      </c>
      <c r="I161" s="53">
        <v>-3191770.1627433202</v>
      </c>
      <c r="J161" s="53">
        <v>-2937949.7136561899</v>
      </c>
      <c r="K161" s="53">
        <v>-3368898.4934509299</v>
      </c>
      <c r="L161" s="53">
        <v>-2645086.68262028</v>
      </c>
      <c r="M161" s="53">
        <v>-3098285.99459117</v>
      </c>
      <c r="N161" s="53">
        <v>-36077727.069041602</v>
      </c>
      <c r="O161" s="53">
        <v>-2630956.2858962999</v>
      </c>
      <c r="P161" s="53">
        <v>-2368240.7665488799</v>
      </c>
      <c r="Q161" s="53">
        <v>-2693941.51131423</v>
      </c>
      <c r="R161" s="53">
        <v>-3135758.36591698</v>
      </c>
      <c r="S161" s="53">
        <v>-3628231.4181824899</v>
      </c>
      <c r="T161" s="53">
        <v>-3909486.4388244702</v>
      </c>
      <c r="U161" s="53">
        <v>-3443438.8384914501</v>
      </c>
      <c r="V161" s="53">
        <v>-3274817.36459027</v>
      </c>
      <c r="W161" s="53">
        <v>-3007729.3442442399</v>
      </c>
      <c r="X161" s="53">
        <v>-3239025.11504813</v>
      </c>
      <c r="Y161" s="53">
        <v>-2332531.9719465799</v>
      </c>
      <c r="Z161" s="53">
        <v>-2476963.97783277</v>
      </c>
      <c r="AA161" s="53">
        <v>-36141121.398836799</v>
      </c>
      <c r="AB161" s="53">
        <v>-2225527.59330515</v>
      </c>
      <c r="AC161" s="53">
        <v>-1776661.9159408901</v>
      </c>
      <c r="AD161" s="53">
        <v>-2022603.9086849601</v>
      </c>
      <c r="AE161" s="53">
        <v>-2319660.81474589</v>
      </c>
      <c r="AF161" s="53">
        <v>-2685854.3464926402</v>
      </c>
      <c r="AG161" s="53">
        <v>-2894299.5202983101</v>
      </c>
      <c r="AH161" s="53">
        <v>-2549337.9157790001</v>
      </c>
      <c r="AI161" s="53">
        <v>-2424743.9512596298</v>
      </c>
      <c r="AJ161" s="53">
        <v>-2226642.4739594501</v>
      </c>
      <c r="AK161" s="53">
        <v>-2399479.53197427</v>
      </c>
      <c r="AL161" s="53">
        <v>-1728633.6396196601</v>
      </c>
      <c r="AM161" s="53">
        <v>-1836222.2855263399</v>
      </c>
      <c r="AN161" s="53">
        <v>-27089667.8975862</v>
      </c>
      <c r="AO161" s="53">
        <v>-1543672.59443014</v>
      </c>
      <c r="AP161" s="53">
        <v>-839311.37369218597</v>
      </c>
      <c r="AQ161" s="53">
        <v>-895090.31162847602</v>
      </c>
      <c r="AR161" s="53">
        <v>-997375.715592516</v>
      </c>
      <c r="AS161" s="53">
        <v>-1154075.33687771</v>
      </c>
      <c r="AT161" s="53">
        <v>-1243676.2633357199</v>
      </c>
      <c r="AU161" s="53">
        <v>-1096015.82101248</v>
      </c>
      <c r="AV161" s="53">
        <v>-1042531.00769201</v>
      </c>
      <c r="AW161" s="53">
        <v>-957339.969055678</v>
      </c>
      <c r="AX161" s="53">
        <v>-1031638.50510771</v>
      </c>
      <c r="AY161" s="53">
        <v>-743367.15229277499</v>
      </c>
      <c r="AZ161" s="53">
        <v>-789820.88293912995</v>
      </c>
      <c r="BA161" s="53">
        <v>-12333914.933656501</v>
      </c>
      <c r="BB161" s="53">
        <v>-652363.39617673005</v>
      </c>
      <c r="BC161" s="53">
        <v>-310035.66146421398</v>
      </c>
      <c r="BD161" s="53">
        <v>-321535.83145971101</v>
      </c>
      <c r="BE161" s="53">
        <v>-351696.41739735001</v>
      </c>
      <c r="BF161" s="53">
        <v>-406725.65813226602</v>
      </c>
      <c r="BG161" s="53">
        <v>-438240.68878189899</v>
      </c>
      <c r="BH161" s="53">
        <v>-386434.61628378899</v>
      </c>
      <c r="BI161" s="53">
        <v>-367661.19258933899</v>
      </c>
      <c r="BJ161" s="53">
        <v>-337668.69673378801</v>
      </c>
      <c r="BK161" s="53">
        <v>-363953.83857414301</v>
      </c>
      <c r="BL161" s="53">
        <v>-262369.52216255898</v>
      </c>
      <c r="BM161" s="53">
        <v>-278910.019015053</v>
      </c>
      <c r="BN161" s="53">
        <v>-4477595.5387708396</v>
      </c>
      <c r="BO161" s="53">
        <v>-236505.30551983099</v>
      </c>
      <c r="BP161" s="53">
        <v>-136834.72996532699</v>
      </c>
      <c r="BQ161" s="53">
        <v>-147495.199633557</v>
      </c>
      <c r="BR161" s="53">
        <v>-165388.84760670399</v>
      </c>
      <c r="BS161" s="53">
        <v>-191160.545693817</v>
      </c>
      <c r="BT161" s="53">
        <v>-205973.267028539</v>
      </c>
      <c r="BU161" s="53">
        <v>-181810.65873012101</v>
      </c>
      <c r="BV161" s="53">
        <v>-173053.38164268099</v>
      </c>
      <c r="BW161" s="53">
        <v>-158979.0052819</v>
      </c>
      <c r="BX161" s="53">
        <v>-171424.21517661001</v>
      </c>
      <c r="BY161" s="53">
        <v>-123671.616934859</v>
      </c>
      <c r="BZ161" s="53">
        <v>-131579.23784477101</v>
      </c>
      <c r="CA161" s="53">
        <v>-2023876.0110587201</v>
      </c>
      <c r="CB161" s="53">
        <v>-686770.03544979298</v>
      </c>
      <c r="CC161" s="53">
        <v>-334736.581019053</v>
      </c>
      <c r="CD161" s="53">
        <v>-316078.23430970998</v>
      </c>
      <c r="CE161" s="53">
        <v>-305131.63985554001</v>
      </c>
      <c r="CF161" s="53">
        <v>-311250.90997102001</v>
      </c>
      <c r="CG161" s="53">
        <v>-338854.18240626698</v>
      </c>
      <c r="CH161" s="53">
        <v>-365071.461903369</v>
      </c>
      <c r="CI161" s="53">
        <v>-357524.25404694502</v>
      </c>
      <c r="CJ161" s="53">
        <v>-322271.62754151202</v>
      </c>
      <c r="CK161" s="53">
        <v>-384660.39204839501</v>
      </c>
      <c r="CL161" s="53">
        <v>-287404.604986633</v>
      </c>
      <c r="CM161" s="53">
        <v>-311789.36194683902</v>
      </c>
      <c r="CN161" s="53">
        <v>-4321543.2854850804</v>
      </c>
    </row>
    <row r="162" spans="1:92" outlineLevel="1">
      <c r="A162" s="52" t="s">
        <v>1266</v>
      </c>
      <c r="B162" s="53">
        <v>-18364.9706098733</v>
      </c>
      <c r="C162" s="53">
        <v>-17996.0560085531</v>
      </c>
      <c r="D162" s="53">
        <v>-18846.354109027699</v>
      </c>
      <c r="E162" s="53">
        <v>-18795.854905395201</v>
      </c>
      <c r="F162" s="53">
        <v>-18053.283210174199</v>
      </c>
      <c r="G162" s="53">
        <v>-18231.009217160201</v>
      </c>
      <c r="H162" s="53">
        <v>-19223.2307563836</v>
      </c>
      <c r="I162" s="53">
        <v>-19027.842838378299</v>
      </c>
      <c r="J162" s="53">
        <v>-17864.600014009</v>
      </c>
      <c r="K162" s="53">
        <v>-20231.940522691799</v>
      </c>
      <c r="L162" s="53">
        <v>-16173.9132474208</v>
      </c>
      <c r="M162" s="53">
        <v>-19106.944578068102</v>
      </c>
      <c r="N162" s="53">
        <v>-221916.00001713599</v>
      </c>
      <c r="O162" s="53">
        <v>-19444.421184671999</v>
      </c>
      <c r="P162" s="53">
        <v>-26465.677407478201</v>
      </c>
      <c r="Q162" s="53">
        <v>-28306.9503715061</v>
      </c>
      <c r="R162" s="53">
        <v>-28523.123046434801</v>
      </c>
      <c r="S162" s="53">
        <v>-27254.332815096801</v>
      </c>
      <c r="T162" s="53">
        <v>-27381.931458843999</v>
      </c>
      <c r="U162" s="53">
        <v>-28733.791884306</v>
      </c>
      <c r="V162" s="53">
        <v>-28318.169645633599</v>
      </c>
      <c r="W162" s="53">
        <v>-26489.865607768199</v>
      </c>
      <c r="X162" s="53">
        <v>-29883.1570961176</v>
      </c>
      <c r="Y162" s="53">
        <v>-23822.444241265301</v>
      </c>
      <c r="Z162" s="53">
        <v>-28059.432878056599</v>
      </c>
      <c r="AA162" s="53">
        <v>-322683.29763717903</v>
      </c>
      <c r="AB162" s="53">
        <v>-24139.399747221101</v>
      </c>
      <c r="AC162" s="53">
        <v>-19865.9860994923</v>
      </c>
      <c r="AD162" s="53">
        <v>-20376.270799628699</v>
      </c>
      <c r="AE162" s="53">
        <v>-20044.272993546001</v>
      </c>
      <c r="AF162" s="53">
        <v>-19221.486234973599</v>
      </c>
      <c r="AG162" s="53">
        <v>-19381.649592768001</v>
      </c>
      <c r="AH162" s="53">
        <v>-20409.663183850698</v>
      </c>
      <c r="AI162" s="53">
        <v>-20179.841925351699</v>
      </c>
      <c r="AJ162" s="53">
        <v>-18929.9413418734</v>
      </c>
      <c r="AK162" s="53">
        <v>-21420.659235895801</v>
      </c>
      <c r="AL162" s="53">
        <v>-17115.199283264301</v>
      </c>
      <c r="AM162" s="53">
        <v>-20209.189630695299</v>
      </c>
      <c r="AN162" s="53">
        <v>-241293.560068561</v>
      </c>
      <c r="AO162" s="53">
        <v>-16228.4526957002</v>
      </c>
      <c r="AP162" s="53">
        <v>-9174.3494656912408</v>
      </c>
      <c r="AQ162" s="53">
        <v>-8919.3224751462003</v>
      </c>
      <c r="AR162" s="53">
        <v>-8471.6157333092397</v>
      </c>
      <c r="AS162" s="53">
        <v>-8136.9586007026301</v>
      </c>
      <c r="AT162" s="53">
        <v>-8218.0319409142903</v>
      </c>
      <c r="AU162" s="53">
        <v>-8667.2962400706801</v>
      </c>
      <c r="AV162" s="53">
        <v>-8581.9665275495499</v>
      </c>
      <c r="AW162" s="53">
        <v>-8060.2985391879702</v>
      </c>
      <c r="AX162" s="53">
        <v>-9133.0580484696493</v>
      </c>
      <c r="AY162" s="53">
        <v>-7304.56114292847</v>
      </c>
      <c r="AZ162" s="53">
        <v>-8634.2270849025608</v>
      </c>
      <c r="BA162" s="53">
        <v>-109530.13849457201</v>
      </c>
      <c r="BB162" s="53">
        <v>-6811.3689758189003</v>
      </c>
      <c r="BC162" s="53">
        <v>-3369.8445589518301</v>
      </c>
      <c r="BD162" s="53">
        <v>-3193.64664278705</v>
      </c>
      <c r="BE162" s="53">
        <v>-2979.35201996245</v>
      </c>
      <c r="BF162" s="53">
        <v>-2863.5967707453201</v>
      </c>
      <c r="BG162" s="53">
        <v>-2894.0868733504699</v>
      </c>
      <c r="BH162" s="53">
        <v>-3054.2715861782399</v>
      </c>
      <c r="BI162" s="53">
        <v>-3025.9905007953698</v>
      </c>
      <c r="BJ162" s="53">
        <v>-2843.4874634115699</v>
      </c>
      <c r="BK162" s="53">
        <v>-3223.7015724824701</v>
      </c>
      <c r="BL162" s="53">
        <v>-2579.3289045152801</v>
      </c>
      <c r="BM162" s="53">
        <v>-3050.1706912878299</v>
      </c>
      <c r="BN162" s="53">
        <v>-39888.846560286802</v>
      </c>
      <c r="BO162" s="53">
        <v>-2475.5738716442402</v>
      </c>
      <c r="BP162" s="53">
        <v>-1489.5129106644099</v>
      </c>
      <c r="BQ162" s="53">
        <v>-1465.56382877746</v>
      </c>
      <c r="BR162" s="53">
        <v>-1404.1297556654499</v>
      </c>
      <c r="BS162" s="53">
        <v>-1349.9367614892899</v>
      </c>
      <c r="BT162" s="53">
        <v>-1364.6675456631001</v>
      </c>
      <c r="BU162" s="53">
        <v>-1440.5592282001101</v>
      </c>
      <c r="BV162" s="53">
        <v>-1427.54369512931</v>
      </c>
      <c r="BW162" s="53">
        <v>-1341.70293511368</v>
      </c>
      <c r="BX162" s="53">
        <v>-1521.41963988049</v>
      </c>
      <c r="BY162" s="53">
        <v>-1217.49316414542</v>
      </c>
      <c r="BZ162" s="53">
        <v>-1439.96601549459</v>
      </c>
      <c r="CA162" s="53">
        <v>-17938.0693518675</v>
      </c>
      <c r="CB162" s="53">
        <v>-4372761.9880392496</v>
      </c>
      <c r="CC162" s="53">
        <v>-2156280.8911530999</v>
      </c>
      <c r="CD162" s="53">
        <v>-1824525.0341577299</v>
      </c>
      <c r="CE162" s="53">
        <v>-1712483.84948908</v>
      </c>
      <c r="CF162" s="53">
        <v>-1771917.8463169101</v>
      </c>
      <c r="CG162" s="53">
        <v>-2248505.8787237401</v>
      </c>
      <c r="CH162" s="53">
        <v>-2729004.6909225699</v>
      </c>
      <c r="CI162" s="53">
        <v>-2904981.4993206202</v>
      </c>
      <c r="CJ162" s="53">
        <v>-2695680.6656156899</v>
      </c>
      <c r="CK162" s="53">
        <v>-2703773.2742900499</v>
      </c>
      <c r="CL162" s="53">
        <v>-1809214.7995178299</v>
      </c>
      <c r="CM162" s="53">
        <v>-1817760.8855522899</v>
      </c>
      <c r="CN162" s="53">
        <v>-28746891.303098898</v>
      </c>
    </row>
    <row r="163" spans="1:92" outlineLevel="1">
      <c r="A163" s="52" t="s">
        <v>1263</v>
      </c>
      <c r="B163" s="53">
        <v>-2410914.1919059502</v>
      </c>
      <c r="C163" s="53">
        <v>-2402246.5249848301</v>
      </c>
      <c r="D163" s="53">
        <v>-2518351.0024705902</v>
      </c>
      <c r="E163" s="53">
        <v>-2605949.55723105</v>
      </c>
      <c r="F163" s="53">
        <v>-2659616.3975985702</v>
      </c>
      <c r="G163" s="53">
        <v>-2898547.28909866</v>
      </c>
      <c r="H163" s="53">
        <v>-3080447.9896591501</v>
      </c>
      <c r="I163" s="53">
        <v>-2965055.53953917</v>
      </c>
      <c r="J163" s="53">
        <v>-2879289.6210934399</v>
      </c>
      <c r="K163" s="53">
        <v>-3300090.5241024802</v>
      </c>
      <c r="L163" s="53">
        <v>-2460903.7962324601</v>
      </c>
      <c r="M163" s="53">
        <v>-2660216.6588241998</v>
      </c>
      <c r="N163" s="53">
        <v>-32841629.092740599</v>
      </c>
      <c r="O163" s="53">
        <v>-2436631.96750532</v>
      </c>
      <c r="P163" s="53">
        <v>-2647199.6663675499</v>
      </c>
      <c r="Q163" s="53">
        <v>-2576750.9057108099</v>
      </c>
      <c r="R163" s="53">
        <v>-2679397.7798572402</v>
      </c>
      <c r="S163" s="53">
        <v>-2756761.5452693002</v>
      </c>
      <c r="T163" s="53">
        <v>-2997947.6515640402</v>
      </c>
      <c r="U163" s="53">
        <v>-3214547.8477415801</v>
      </c>
      <c r="V163" s="53">
        <v>-3221518.8647264498</v>
      </c>
      <c r="W163" s="53">
        <v>-2978777.2977410601</v>
      </c>
      <c r="X163" s="53">
        <v>-3421337.5069847102</v>
      </c>
      <c r="Y163" s="53">
        <v>-2542947.0282560498</v>
      </c>
      <c r="Z163" s="53">
        <v>-2714624.8094824199</v>
      </c>
      <c r="AA163" s="53">
        <v>-34188442.8712065</v>
      </c>
      <c r="AB163" s="53">
        <v>-2309434.3608804899</v>
      </c>
      <c r="AC163" s="53">
        <v>-2014516.5778187499</v>
      </c>
      <c r="AD163" s="53">
        <v>-1921378.76335246</v>
      </c>
      <c r="AE163" s="53">
        <v>-1968601.14425271</v>
      </c>
      <c r="AF163" s="53">
        <v>-2025662.65138425</v>
      </c>
      <c r="AG163" s="53">
        <v>-2202876.2932030801</v>
      </c>
      <c r="AH163" s="53">
        <v>-2361837.4576356001</v>
      </c>
      <c r="AI163" s="53">
        <v>-2366731.76966597</v>
      </c>
      <c r="AJ163" s="53">
        <v>-2188106.7998714899</v>
      </c>
      <c r="AK163" s="53">
        <v>-2513552.7662101099</v>
      </c>
      <c r="AL163" s="53">
        <v>-1868055.4699843901</v>
      </c>
      <c r="AM163" s="53">
        <v>-1993554.9953292599</v>
      </c>
      <c r="AN163" s="53">
        <v>-25734309.049588598</v>
      </c>
      <c r="AO163" s="53">
        <v>-1568208.2811235699</v>
      </c>
      <c r="AP163" s="53">
        <v>-938021.76345325005</v>
      </c>
      <c r="AQ163" s="53">
        <v>-850635.31424172502</v>
      </c>
      <c r="AR163" s="53">
        <v>-841110.957555815</v>
      </c>
      <c r="AS163" s="53">
        <v>-865695.70231604704</v>
      </c>
      <c r="AT163" s="53">
        <v>-941533.42823281395</v>
      </c>
      <c r="AU163" s="53">
        <v>-1009361.42643666</v>
      </c>
      <c r="AV163" s="53">
        <v>-1011322.76528295</v>
      </c>
      <c r="AW163" s="53">
        <v>-934829.60485369898</v>
      </c>
      <c r="AX163" s="53">
        <v>-1074140.26026864</v>
      </c>
      <c r="AY163" s="53">
        <v>-798215.33833463804</v>
      </c>
      <c r="AZ163" s="53">
        <v>-851471.29976259696</v>
      </c>
      <c r="BA163" s="53">
        <v>-11684546.1418624</v>
      </c>
      <c r="BB163" s="53">
        <v>-655974.08489721001</v>
      </c>
      <c r="BC163" s="53">
        <v>-343118.40373472899</v>
      </c>
      <c r="BD163" s="53">
        <v>-303878.40310965001</v>
      </c>
      <c r="BE163" s="53">
        <v>-295038.479198154</v>
      </c>
      <c r="BF163" s="53">
        <v>-303708.24659074598</v>
      </c>
      <c r="BG163" s="53">
        <v>-330330.31752572698</v>
      </c>
      <c r="BH163" s="53">
        <v>-354097.68520645198</v>
      </c>
      <c r="BI163" s="53">
        <v>-354751.131703705</v>
      </c>
      <c r="BJ163" s="53">
        <v>-327876.52298153099</v>
      </c>
      <c r="BK163" s="53">
        <v>-376801.36852192099</v>
      </c>
      <c r="BL163" s="53">
        <v>-279988.017330918</v>
      </c>
      <c r="BM163" s="53">
        <v>-298576.66094058001</v>
      </c>
      <c r="BN163" s="53">
        <v>-4224139.3217413202</v>
      </c>
      <c r="BO163" s="53">
        <v>-237176.665279129</v>
      </c>
      <c r="BP163" s="53">
        <v>-151013.24300649099</v>
      </c>
      <c r="BQ163" s="53">
        <v>-138300.48048487899</v>
      </c>
      <c r="BR163" s="53">
        <v>-137871.08395060501</v>
      </c>
      <c r="BS163" s="53">
        <v>-141941.26438760301</v>
      </c>
      <c r="BT163" s="53">
        <v>-154388.738144748</v>
      </c>
      <c r="BU163" s="53">
        <v>-165481.00239446401</v>
      </c>
      <c r="BV163" s="53">
        <v>-165768.159367213</v>
      </c>
      <c r="BW163" s="53">
        <v>-153187.66705530899</v>
      </c>
      <c r="BX163" s="53">
        <v>-176071.58482878099</v>
      </c>
      <c r="BY163" s="53">
        <v>-130818.906824127</v>
      </c>
      <c r="BZ163" s="53">
        <v>-139456.35084921899</v>
      </c>
      <c r="CA163" s="53">
        <v>-1891475.1465725701</v>
      </c>
      <c r="CB163" s="53"/>
      <c r="CC163" s="53"/>
      <c r="CD163" s="53"/>
      <c r="CE163" s="53"/>
      <c r="CF163" s="53"/>
      <c r="CG163" s="53"/>
      <c r="CH163" s="53"/>
      <c r="CI163" s="53"/>
      <c r="CJ163" s="53"/>
      <c r="CK163" s="53"/>
      <c r="CL163" s="53"/>
      <c r="CM163" s="53"/>
      <c r="CN163" s="53"/>
    </row>
    <row r="164" spans="1:92" outlineLevel="1">
      <c r="A164" s="52" t="s">
        <v>1264</v>
      </c>
      <c r="B164" s="53">
        <v>-15260944.6965314</v>
      </c>
      <c r="C164" s="53">
        <v>-15588400.5462719</v>
      </c>
      <c r="D164" s="53">
        <v>-14741452.5508203</v>
      </c>
      <c r="E164" s="53">
        <v>-15117764.731916901</v>
      </c>
      <c r="F164" s="53">
        <v>-15639367.2899625</v>
      </c>
      <c r="G164" s="53">
        <v>-18923588.347091001</v>
      </c>
      <c r="H164" s="53">
        <v>-22423598.3278207</v>
      </c>
      <c r="I164" s="53">
        <v>-23812634.9738518</v>
      </c>
      <c r="J164" s="53">
        <v>-21992348.2085521</v>
      </c>
      <c r="K164" s="53">
        <v>-22334365.347283099</v>
      </c>
      <c r="L164" s="53">
        <v>-15304431.3276479</v>
      </c>
      <c r="M164" s="53">
        <v>-15846602.5534543</v>
      </c>
      <c r="N164" s="53">
        <v>-216985498.90120399</v>
      </c>
      <c r="O164" s="53">
        <v>-16589792.9575141</v>
      </c>
      <c r="P164" s="53">
        <v>-20484766.739462402</v>
      </c>
      <c r="Q164" s="53">
        <v>-14413265.0554781</v>
      </c>
      <c r="R164" s="53">
        <v>-14723043.0592747</v>
      </c>
      <c r="S164" s="53">
        <v>-15222412.598291</v>
      </c>
      <c r="T164" s="53">
        <v>-18967708.122406401</v>
      </c>
      <c r="U164" s="53">
        <v>-22804652.989735901</v>
      </c>
      <c r="V164" s="53">
        <v>-25851964.631903</v>
      </c>
      <c r="W164" s="53">
        <v>-27122738.798602998</v>
      </c>
      <c r="X164" s="53">
        <v>-22949754.5644897</v>
      </c>
      <c r="Y164" s="53">
        <v>-15269809.027920701</v>
      </c>
      <c r="Z164" s="53">
        <v>-14839012.7418654</v>
      </c>
      <c r="AA164" s="53">
        <v>-229238921.286944</v>
      </c>
      <c r="AB164" s="53">
        <v>-14785649.989961401</v>
      </c>
      <c r="AC164" s="53">
        <v>-15604193.015145499</v>
      </c>
      <c r="AD164" s="53">
        <v>-11072460.964079401</v>
      </c>
      <c r="AE164" s="53">
        <v>-10976210.6787642</v>
      </c>
      <c r="AF164" s="53">
        <v>-11376219.9709257</v>
      </c>
      <c r="AG164" s="53">
        <v>-14322405.139644301</v>
      </c>
      <c r="AH164" s="53">
        <v>-17351302.953882899</v>
      </c>
      <c r="AI164" s="53">
        <v>-19678720.036359798</v>
      </c>
      <c r="AJ164" s="53">
        <v>-20570353.334994499</v>
      </c>
      <c r="AK164" s="53">
        <v>-17440018.535381202</v>
      </c>
      <c r="AL164" s="53">
        <v>-11535864.528432701</v>
      </c>
      <c r="AM164" s="53">
        <v>-11143857.6269948</v>
      </c>
      <c r="AN164" s="53">
        <v>-175857256.77456701</v>
      </c>
      <c r="AO164" s="53">
        <v>-9960789.5732186995</v>
      </c>
      <c r="AP164" s="53">
        <v>-7113836.3300907305</v>
      </c>
      <c r="AQ164" s="53">
        <v>-4806350.2320352402</v>
      </c>
      <c r="AR164" s="53">
        <v>-4640967.3589823702</v>
      </c>
      <c r="AS164" s="53">
        <v>-4819161.1474180697</v>
      </c>
      <c r="AT164" s="53">
        <v>-6110259.1994688204</v>
      </c>
      <c r="AU164" s="53">
        <v>-7439774.6677730298</v>
      </c>
      <c r="AV164" s="53">
        <v>-8451526.8842530902</v>
      </c>
      <c r="AW164" s="53">
        <v>-8836895.7373956591</v>
      </c>
      <c r="AX164" s="53">
        <v>-7487927.5640554698</v>
      </c>
      <c r="AY164" s="53">
        <v>-4941624.9564454602</v>
      </c>
      <c r="AZ164" s="53">
        <v>-4766107.4701088602</v>
      </c>
      <c r="BA164" s="53">
        <v>-79375221.121245503</v>
      </c>
      <c r="BB164" s="53">
        <v>-4147894.9893764998</v>
      </c>
      <c r="BC164" s="53">
        <v>-2575137.2499293098</v>
      </c>
      <c r="BD164" s="53">
        <v>-1708898.7850131399</v>
      </c>
      <c r="BE164" s="53">
        <v>-1609513.43025397</v>
      </c>
      <c r="BF164" s="53">
        <v>-1673702.77324492</v>
      </c>
      <c r="BG164" s="53">
        <v>-2135112.1873636199</v>
      </c>
      <c r="BH164" s="53">
        <v>-2613192.0907011498</v>
      </c>
      <c r="BI164" s="53">
        <v>-2973728.8902048301</v>
      </c>
      <c r="BJ164" s="53">
        <v>-3110576.09768885</v>
      </c>
      <c r="BK164" s="53">
        <v>-2633664.65950411</v>
      </c>
      <c r="BL164" s="53">
        <v>-1733988.0475287</v>
      </c>
      <c r="BM164" s="53">
        <v>-1669495.9225637501</v>
      </c>
      <c r="BN164" s="53">
        <v>-28584905.123372801</v>
      </c>
      <c r="BO164" s="53">
        <v>-1517010.5967834301</v>
      </c>
      <c r="BP164" s="53">
        <v>-1147857.83278352</v>
      </c>
      <c r="BQ164" s="53">
        <v>-771672.90442333301</v>
      </c>
      <c r="BR164" s="53">
        <v>-745278.96837296698</v>
      </c>
      <c r="BS164" s="53">
        <v>-776247.54599512101</v>
      </c>
      <c r="BT164" s="53">
        <v>-994802.208130994</v>
      </c>
      <c r="BU164" s="53">
        <v>-1222934.57549162</v>
      </c>
      <c r="BV164" s="53">
        <v>-1394053.58537337</v>
      </c>
      <c r="BW164" s="53">
        <v>-1459456.78645142</v>
      </c>
      <c r="BX164" s="53">
        <v>-1237048.1918013699</v>
      </c>
      <c r="BY164" s="53">
        <v>-814621.34049397998</v>
      </c>
      <c r="BZ164" s="53">
        <v>-784897.734806236</v>
      </c>
      <c r="CA164" s="53">
        <v>-12865882.2709073</v>
      </c>
      <c r="CB164" s="53">
        <v>-2279690.8742275899</v>
      </c>
      <c r="CC164" s="53">
        <v>-2262259.6434833901</v>
      </c>
      <c r="CD164" s="53">
        <v>-2289049.9101053299</v>
      </c>
      <c r="CE164" s="53">
        <v>-2524834.71062375</v>
      </c>
      <c r="CF164" s="53">
        <v>-2602477.9276638599</v>
      </c>
      <c r="CG164" s="53">
        <v>-2952722.35289898</v>
      </c>
      <c r="CH164" s="53">
        <v>-3286192.1937218299</v>
      </c>
      <c r="CI164" s="53">
        <v>-3401989.7747654198</v>
      </c>
      <c r="CJ164" s="53">
        <v>-3171492.3934124801</v>
      </c>
      <c r="CK164" s="53">
        <v>-3381926.54431037</v>
      </c>
      <c r="CL164" s="53">
        <v>-2479419.6845549499</v>
      </c>
      <c r="CM164" s="53">
        <v>-2570870.9803767898</v>
      </c>
      <c r="CN164" s="53">
        <v>-33202926.9901448</v>
      </c>
    </row>
    <row r="165" spans="1:92" outlineLevel="1">
      <c r="A165" s="52" t="s">
        <v>1242</v>
      </c>
      <c r="B165" s="53"/>
      <c r="C165" s="53"/>
      <c r="D165" s="53"/>
      <c r="E165" s="53"/>
      <c r="F165" s="53"/>
      <c r="G165" s="53"/>
      <c r="H165" s="53"/>
      <c r="I165" s="53"/>
      <c r="J165" s="53"/>
      <c r="K165" s="53"/>
      <c r="L165" s="53"/>
      <c r="M165" s="53"/>
      <c r="N165" s="53"/>
      <c r="O165" s="53"/>
      <c r="P165" s="53"/>
      <c r="Q165" s="53"/>
      <c r="R165" s="53"/>
      <c r="S165" s="53"/>
      <c r="T165" s="53"/>
      <c r="U165" s="53"/>
      <c r="V165" s="53"/>
      <c r="W165" s="53"/>
      <c r="X165" s="53"/>
      <c r="Y165" s="53"/>
      <c r="Z165" s="53"/>
      <c r="AA165" s="53"/>
      <c r="AB165" s="53"/>
      <c r="AC165" s="53"/>
      <c r="AD165" s="53"/>
      <c r="AE165" s="53"/>
      <c r="AF165" s="53"/>
      <c r="AG165" s="53"/>
      <c r="AH165" s="53"/>
      <c r="AI165" s="53"/>
      <c r="AJ165" s="53"/>
      <c r="AK165" s="53"/>
      <c r="AL165" s="53"/>
      <c r="AM165" s="53"/>
      <c r="AN165" s="53"/>
      <c r="AO165" s="53"/>
      <c r="AP165" s="53"/>
      <c r="AQ165" s="53"/>
      <c r="AR165" s="53"/>
      <c r="AS165" s="53"/>
      <c r="AT165" s="53"/>
      <c r="AU165" s="53"/>
      <c r="AV165" s="53"/>
      <c r="AW165" s="53"/>
      <c r="AX165" s="53"/>
      <c r="AY165" s="53"/>
      <c r="AZ165" s="53"/>
      <c r="BA165" s="53"/>
      <c r="BB165" s="53"/>
      <c r="BC165" s="53"/>
      <c r="BD165" s="53"/>
      <c r="BE165" s="53"/>
      <c r="BF165" s="53"/>
      <c r="BG165" s="53"/>
      <c r="BH165" s="53"/>
      <c r="BI165" s="53"/>
      <c r="BJ165" s="53"/>
      <c r="BK165" s="53"/>
      <c r="BL165" s="53"/>
      <c r="BM165" s="53"/>
      <c r="BN165" s="53"/>
      <c r="BO165" s="53"/>
      <c r="BP165" s="53"/>
      <c r="BQ165" s="53"/>
      <c r="BR165" s="53"/>
      <c r="BS165" s="53"/>
      <c r="BT165" s="53"/>
      <c r="BU165" s="53"/>
      <c r="BV165" s="53"/>
      <c r="BW165" s="53"/>
      <c r="BX165" s="53"/>
      <c r="BY165" s="53"/>
      <c r="BZ165" s="53"/>
      <c r="CA165" s="53"/>
      <c r="CB165" s="53">
        <v>-771410.07357766805</v>
      </c>
      <c r="CC165" s="53">
        <v>-773230.62658205896</v>
      </c>
      <c r="CD165" s="53">
        <v>-831215.34318165702</v>
      </c>
      <c r="CE165" s="53">
        <v>-870583.47877995798</v>
      </c>
      <c r="CF165" s="53">
        <v>-838288.27606295201</v>
      </c>
      <c r="CG165" s="53">
        <v>-867652.033745719</v>
      </c>
      <c r="CH165" s="53">
        <v>-928014.374686528</v>
      </c>
      <c r="CI165" s="53">
        <v>-918826.76084378897</v>
      </c>
      <c r="CJ165" s="53">
        <v>-869712.65233733703</v>
      </c>
      <c r="CK165" s="53">
        <v>-961699.21465154504</v>
      </c>
      <c r="CL165" s="53">
        <v>-756388.29062053701</v>
      </c>
      <c r="CM165" s="53">
        <v>-876527.87671740295</v>
      </c>
      <c r="CN165" s="53">
        <v>-10263549.0017871</v>
      </c>
    </row>
    <row r="166" spans="1:92" outlineLevel="1">
      <c r="A166" s="52" t="s">
        <v>1261</v>
      </c>
      <c r="B166" s="53">
        <v>-2337549.1405652501</v>
      </c>
      <c r="C166" s="53">
        <v>-2218917.6661985498</v>
      </c>
      <c r="D166" s="53">
        <v>-2230502.2264253702</v>
      </c>
      <c r="E166" s="53">
        <v>-2517981.4379357202</v>
      </c>
      <c r="F166" s="53">
        <v>-2581092.6880697701</v>
      </c>
      <c r="G166" s="53">
        <v>-2824190.9475696399</v>
      </c>
      <c r="H166" s="53">
        <v>-3163936.2317325799</v>
      </c>
      <c r="I166" s="53">
        <v>-3255340.7917396198</v>
      </c>
      <c r="J166" s="53">
        <v>-3053751.7166869398</v>
      </c>
      <c r="K166" s="53">
        <v>-3238599.14451935</v>
      </c>
      <c r="L166" s="53">
        <v>-2354003.2363761598</v>
      </c>
      <c r="M166" s="53">
        <v>-2515695.4846203402</v>
      </c>
      <c r="N166" s="53">
        <v>-32291560.712439299</v>
      </c>
      <c r="O166" s="53">
        <v>-2486034.2084738398</v>
      </c>
      <c r="P166" s="53">
        <v>-2959606.23647267</v>
      </c>
      <c r="Q166" s="53">
        <v>-2327525.4623120199</v>
      </c>
      <c r="R166" s="53">
        <v>-2493940.1110107498</v>
      </c>
      <c r="S166" s="53">
        <v>-2591841.9906231598</v>
      </c>
      <c r="T166" s="53">
        <v>-2877512.0806939802</v>
      </c>
      <c r="U166" s="53">
        <v>-3177788.23526038</v>
      </c>
      <c r="V166" s="53">
        <v>-3430940.1693712398</v>
      </c>
      <c r="W166" s="53">
        <v>-3558145.4847293799</v>
      </c>
      <c r="X166" s="53">
        <v>-3281894.4097151002</v>
      </c>
      <c r="Y166" s="53">
        <v>-2393153.4009179901</v>
      </c>
      <c r="Z166" s="53">
        <v>-2439347.1098225098</v>
      </c>
      <c r="AA166" s="53">
        <v>-34017728.899402998</v>
      </c>
      <c r="AB166" s="53">
        <v>-2447794.0750341001</v>
      </c>
      <c r="AC166" s="53">
        <v>-3142410.2687355801</v>
      </c>
      <c r="AD166" s="53">
        <v>-2467077.4694482102</v>
      </c>
      <c r="AE166" s="53">
        <v>-2621919.9333917401</v>
      </c>
      <c r="AF166" s="53">
        <v>-2742210.66892927</v>
      </c>
      <c r="AG166" s="53">
        <v>-3066972.9793083598</v>
      </c>
      <c r="AH166" s="53">
        <v>-3388041.0424560099</v>
      </c>
      <c r="AI166" s="53">
        <v>-3651929.85085251</v>
      </c>
      <c r="AJ166" s="53">
        <v>-3800742.7845260301</v>
      </c>
      <c r="AK166" s="53">
        <v>-3498311.98478613</v>
      </c>
      <c r="AL166" s="53">
        <v>-2536745.6232369002</v>
      </c>
      <c r="AM166" s="53">
        <v>-2563981.9209291702</v>
      </c>
      <c r="AN166" s="53">
        <v>-35928138.601634003</v>
      </c>
      <c r="AO166" s="53">
        <v>-2528977.18289191</v>
      </c>
      <c r="AP166" s="53">
        <v>-3126341.76203288</v>
      </c>
      <c r="AQ166" s="53">
        <v>-2404881.3672773298</v>
      </c>
      <c r="AR166" s="53">
        <v>-2633935.4540872802</v>
      </c>
      <c r="AS166" s="53">
        <v>-2753708.8592841201</v>
      </c>
      <c r="AT166" s="53">
        <v>-3090906.1002281299</v>
      </c>
      <c r="AU166" s="53">
        <v>-3414804.34200624</v>
      </c>
      <c r="AV166" s="53">
        <v>-3697462.5310392599</v>
      </c>
      <c r="AW166" s="53">
        <v>-3833621.7357944399</v>
      </c>
      <c r="AX166" s="53">
        <v>-3532589.6671153</v>
      </c>
      <c r="AY166" s="53">
        <v>-2534620.3031013799</v>
      </c>
      <c r="AZ166" s="53">
        <v>-2577739.2229218301</v>
      </c>
      <c r="BA166" s="53">
        <v>-36129588.527780101</v>
      </c>
      <c r="BB166" s="53">
        <v>-2548739.78864979</v>
      </c>
      <c r="BC166" s="53">
        <v>-3182571.8152907798</v>
      </c>
      <c r="BD166" s="53">
        <v>-2473514.46622254</v>
      </c>
      <c r="BE166" s="53">
        <v>-2690046.0924523701</v>
      </c>
      <c r="BF166" s="53">
        <v>-2811649.4879589202</v>
      </c>
      <c r="BG166" s="53">
        <v>-3153473.0067084199</v>
      </c>
      <c r="BH166" s="53">
        <v>-3505123.5395779102</v>
      </c>
      <c r="BI166" s="53">
        <v>-3784764.4514512499</v>
      </c>
      <c r="BJ166" s="53">
        <v>-3920346.7178334198</v>
      </c>
      <c r="BK166" s="53">
        <v>-3626967.4551224401</v>
      </c>
      <c r="BL166" s="53">
        <v>-2610457.90460002</v>
      </c>
      <c r="BM166" s="53">
        <v>-2628524.7716669198</v>
      </c>
      <c r="BN166" s="53">
        <v>-36936179.497534797</v>
      </c>
      <c r="BO166" s="53">
        <v>-2636335.3952802601</v>
      </c>
      <c r="BP166" s="53">
        <v>-3369800.2752602799</v>
      </c>
      <c r="BQ166" s="53">
        <v>-2623234.5289457198</v>
      </c>
      <c r="BR166" s="53">
        <v>-2850167.2244483801</v>
      </c>
      <c r="BS166" s="53">
        <v>-2981673.1653986601</v>
      </c>
      <c r="BT166" s="53">
        <v>-3365453.9485931001</v>
      </c>
      <c r="BU166" s="53">
        <v>-3749447.8174417298</v>
      </c>
      <c r="BV166" s="53">
        <v>-4045697.1303476901</v>
      </c>
      <c r="BW166" s="53">
        <v>-4185876.1903130598</v>
      </c>
      <c r="BX166" s="53">
        <v>-3879066.8016813002</v>
      </c>
      <c r="BY166" s="53">
        <v>-2791202.05994335</v>
      </c>
      <c r="BZ166" s="53">
        <v>-2815916.8783363001</v>
      </c>
      <c r="CA166" s="53">
        <v>-39293871.415989801</v>
      </c>
      <c r="CB166" s="53">
        <v>-4774.8445468154996</v>
      </c>
      <c r="CC166" s="53">
        <v>-4899.3072571827097</v>
      </c>
      <c r="CD166" s="53">
        <v>-5152.5511271683699</v>
      </c>
      <c r="CE166" s="53">
        <v>-5152.18420576061</v>
      </c>
      <c r="CF166" s="53">
        <v>-4948.5158557833001</v>
      </c>
      <c r="CG166" s="53">
        <v>-4997.2603794286697</v>
      </c>
      <c r="CH166" s="53">
        <v>-5269.3844617682298</v>
      </c>
      <c r="CI166" s="53">
        <v>-5216.0330624859698</v>
      </c>
      <c r="CJ166" s="53">
        <v>-4897.3660563396897</v>
      </c>
      <c r="CK166" s="53">
        <v>-5546.6411330763904</v>
      </c>
      <c r="CL166" s="53">
        <v>-4434.3183804423898</v>
      </c>
      <c r="CM166" s="53">
        <v>-5238.7243684057503</v>
      </c>
      <c r="CN166" s="53">
        <v>-60527.130834657597</v>
      </c>
    </row>
    <row r="167" spans="1:92" outlineLevel="1">
      <c r="A167" s="52" t="s">
        <v>1262</v>
      </c>
      <c r="B167" s="53">
        <v>-806022.46845556598</v>
      </c>
      <c r="C167" s="53">
        <v>-742862.68838183896</v>
      </c>
      <c r="D167" s="53">
        <v>-790032.63877833402</v>
      </c>
      <c r="E167" s="53">
        <v>-826148.777773323</v>
      </c>
      <c r="F167" s="53">
        <v>-813313.81166521204</v>
      </c>
      <c r="G167" s="53">
        <v>-836230.25247485796</v>
      </c>
      <c r="H167" s="53">
        <v>-899868.69569387601</v>
      </c>
      <c r="I167" s="53">
        <v>-866068.95274355705</v>
      </c>
      <c r="J167" s="53">
        <v>-797196.19583525602</v>
      </c>
      <c r="K167" s="53">
        <v>-914131.73297372996</v>
      </c>
      <c r="L167" s="53">
        <v>-717729.45303928503</v>
      </c>
      <c r="M167" s="53">
        <v>-840702.54743195302</v>
      </c>
      <c r="N167" s="53">
        <v>-9850308.2152467892</v>
      </c>
      <c r="O167" s="53">
        <v>-710406.31187899096</v>
      </c>
      <c r="P167" s="53">
        <v>-627126.97317804105</v>
      </c>
      <c r="Q167" s="53">
        <v>-711748.84376939596</v>
      </c>
      <c r="R167" s="53">
        <v>-827482.54008305795</v>
      </c>
      <c r="S167" s="53">
        <v>-957439.25378920103</v>
      </c>
      <c r="T167" s="53">
        <v>-1031658.49893944</v>
      </c>
      <c r="U167" s="53">
        <v>-908675.09042340296</v>
      </c>
      <c r="V167" s="53">
        <v>-864178.25448958704</v>
      </c>
      <c r="W167" s="53">
        <v>-793697.48151170602</v>
      </c>
      <c r="X167" s="53">
        <v>-854733.18311918702</v>
      </c>
      <c r="Y167" s="53">
        <v>-615522.38908142794</v>
      </c>
      <c r="Z167" s="53">
        <v>-653635.96454024699</v>
      </c>
      <c r="AA167" s="53">
        <v>-9556304.7848036997</v>
      </c>
      <c r="AB167" s="53">
        <v>-626628.40067028801</v>
      </c>
      <c r="AC167" s="53">
        <v>-643939.31469086395</v>
      </c>
      <c r="AD167" s="53">
        <v>-753032.15470209799</v>
      </c>
      <c r="AE167" s="53">
        <v>-876818.56746096595</v>
      </c>
      <c r="AF167" s="53">
        <v>-1015237.63540337</v>
      </c>
      <c r="AG167" s="53">
        <v>-1094028.7231040399</v>
      </c>
      <c r="AH167" s="53">
        <v>-963635.20264583698</v>
      </c>
      <c r="AI167" s="53">
        <v>-916539.39415966196</v>
      </c>
      <c r="AJ167" s="53">
        <v>-841658.16478593298</v>
      </c>
      <c r="AK167" s="53">
        <v>-906989.58766006597</v>
      </c>
      <c r="AL167" s="53">
        <v>-653413.66372228903</v>
      </c>
      <c r="AM167" s="53">
        <v>-694081.558691793</v>
      </c>
      <c r="AN167" s="53">
        <v>-9986002.3676972091</v>
      </c>
      <c r="AO167" s="53">
        <v>-658375.05871495395</v>
      </c>
      <c r="AP167" s="53">
        <v>-649573.92411481997</v>
      </c>
      <c r="AQ167" s="53">
        <v>-751537.26880061498</v>
      </c>
      <c r="AR167" s="53">
        <v>-879380.84212117596</v>
      </c>
      <c r="AS167" s="53">
        <v>-1017542.06138044</v>
      </c>
      <c r="AT167" s="53">
        <v>-1096542.7197398299</v>
      </c>
      <c r="AU167" s="53">
        <v>-966351.29629911901</v>
      </c>
      <c r="AV167" s="53">
        <v>-919194.02202108002</v>
      </c>
      <c r="AW167" s="53">
        <v>-844081.53820379602</v>
      </c>
      <c r="AX167" s="53">
        <v>-909590.16066208098</v>
      </c>
      <c r="AY167" s="53">
        <v>-655422.84834967402</v>
      </c>
      <c r="AZ167" s="53">
        <v>-696380.85458225396</v>
      </c>
      <c r="BA167" s="53">
        <v>-10043972.594989801</v>
      </c>
      <c r="BB167" s="53">
        <v>-662431.40886540897</v>
      </c>
      <c r="BC167" s="53">
        <v>-660553.13669605204</v>
      </c>
      <c r="BD167" s="53">
        <v>-764784.78609799303</v>
      </c>
      <c r="BE167" s="53">
        <v>-895009.034618743</v>
      </c>
      <c r="BF167" s="53">
        <v>-1035049.32274688</v>
      </c>
      <c r="BG167" s="53">
        <v>-1115249.8472971199</v>
      </c>
      <c r="BH167" s="53">
        <v>-983411.98759684898</v>
      </c>
      <c r="BI167" s="53">
        <v>-935636.73887068604</v>
      </c>
      <c r="BJ167" s="53">
        <v>-859310.81277757196</v>
      </c>
      <c r="BK167" s="53">
        <v>-926202.13796492503</v>
      </c>
      <c r="BL167" s="53">
        <v>-667686.90588846104</v>
      </c>
      <c r="BM167" s="53">
        <v>-709779.72625216295</v>
      </c>
      <c r="BN167" s="53">
        <v>-10215105.845672799</v>
      </c>
      <c r="BO167" s="53">
        <v>-681437.025049082</v>
      </c>
      <c r="BP167" s="53">
        <v>-701324.30422257003</v>
      </c>
      <c r="BQ167" s="53">
        <v>-814111.23935651802</v>
      </c>
      <c r="BR167" s="53">
        <v>-953898.76598224603</v>
      </c>
      <c r="BS167" s="53">
        <v>-1102539.93108078</v>
      </c>
      <c r="BT167" s="53">
        <v>-1187973.9661230401</v>
      </c>
      <c r="BU167" s="53">
        <v>-1048613.4072201599</v>
      </c>
      <c r="BV167" s="53">
        <v>-998104.82742197497</v>
      </c>
      <c r="BW167" s="53">
        <v>-916929.27999664203</v>
      </c>
      <c r="BX167" s="53">
        <v>-988708.42673321394</v>
      </c>
      <c r="BY167" s="53">
        <v>-713289.949644765</v>
      </c>
      <c r="BZ167" s="53">
        <v>-758898.04194949998</v>
      </c>
      <c r="CA167" s="53">
        <v>-10865829.164780499</v>
      </c>
      <c r="CB167" s="53">
        <v>-661241.90885616501</v>
      </c>
      <c r="CC167" s="53">
        <v>-672281.24921154696</v>
      </c>
      <c r="CD167" s="53">
        <v>-707203.31239734695</v>
      </c>
      <c r="CE167" s="53">
        <v>-733240.87770492304</v>
      </c>
      <c r="CF167" s="53">
        <v>-747945.67525562202</v>
      </c>
      <c r="CG167" s="53">
        <v>-814277.20258438599</v>
      </c>
      <c r="CH167" s="53">
        <v>-877278.14551705495</v>
      </c>
      <c r="CI167" s="53">
        <v>-859141.96889674105</v>
      </c>
      <c r="CJ167" s="53">
        <v>-774428.80439998303</v>
      </c>
      <c r="CK167" s="53">
        <v>-924350.95756512496</v>
      </c>
      <c r="CL167" s="53">
        <v>-690642.25826140295</v>
      </c>
      <c r="CM167" s="53">
        <v>-749239.59220090497</v>
      </c>
      <c r="CN167" s="53">
        <v>-9211271.9528512005</v>
      </c>
    </row>
    <row r="168" spans="1:92" outlineLevel="1">
      <c r="A168" s="52" t="s">
        <v>1266</v>
      </c>
      <c r="B168" s="53">
        <v>-5320.5953858314697</v>
      </c>
      <c r="C168" s="53">
        <v>-4928.1158363972299</v>
      </c>
      <c r="D168" s="53">
        <v>-5131.8439762386297</v>
      </c>
      <c r="E168" s="53">
        <v>-5100.1499305464304</v>
      </c>
      <c r="F168" s="53">
        <v>-4898.65726107916</v>
      </c>
      <c r="G168" s="53">
        <v>-4946.8822174191901</v>
      </c>
      <c r="H168" s="53">
        <v>-5216.1159734695402</v>
      </c>
      <c r="I168" s="53">
        <v>-5163.0985565198998</v>
      </c>
      <c r="J168" s="53">
        <v>-4847.4591328397</v>
      </c>
      <c r="K168" s="53">
        <v>-5489.8237175690901</v>
      </c>
      <c r="L168" s="53">
        <v>-4388.7007502818797</v>
      </c>
      <c r="M168" s="53">
        <v>-5184.5623704414102</v>
      </c>
      <c r="N168" s="53">
        <v>-60616.005108633603</v>
      </c>
      <c r="O168" s="53">
        <v>-5233.8502723237798</v>
      </c>
      <c r="P168" s="53">
        <v>-6997.62020447942</v>
      </c>
      <c r="Q168" s="53">
        <v>-7475.2853452786603</v>
      </c>
      <c r="R168" s="53">
        <v>-7526.8511011891796</v>
      </c>
      <c r="S168" s="53">
        <v>-7192.0351999157801</v>
      </c>
      <c r="T168" s="53">
        <v>-7225.7066878042297</v>
      </c>
      <c r="U168" s="53">
        <v>-7582.4436452361997</v>
      </c>
      <c r="V168" s="53">
        <v>-7472.7667806187701</v>
      </c>
      <c r="W168" s="53">
        <v>-6990.3030532662997</v>
      </c>
      <c r="X168" s="53">
        <v>-7885.7449631216496</v>
      </c>
      <c r="Y168" s="53">
        <v>-6286.4080619249798</v>
      </c>
      <c r="Z168" s="53">
        <v>-7404.48978581759</v>
      </c>
      <c r="AA168" s="53">
        <v>-85273.505100976501</v>
      </c>
      <c r="AB168" s="53">
        <v>-6820.7220641425602</v>
      </c>
      <c r="AC168" s="53">
        <v>-7201.8334967041701</v>
      </c>
      <c r="AD168" s="53">
        <v>-7579.30371374263</v>
      </c>
      <c r="AE168" s="53">
        <v>-7576.6209526295897</v>
      </c>
      <c r="AF168" s="53">
        <v>-7265.6122472226698</v>
      </c>
      <c r="AG168" s="53">
        <v>-7326.1530836450702</v>
      </c>
      <c r="AH168" s="53">
        <v>-7714.7363620854103</v>
      </c>
      <c r="AI168" s="53">
        <v>-7627.8652362000303</v>
      </c>
      <c r="AJ168" s="53">
        <v>-7155.40993924141</v>
      </c>
      <c r="AK168" s="53">
        <v>-8096.8871077580898</v>
      </c>
      <c r="AL168" s="53">
        <v>-6469.4477839013998</v>
      </c>
      <c r="AM168" s="53">
        <v>-7638.9585015576404</v>
      </c>
      <c r="AN168" s="53">
        <v>-88473.550488830704</v>
      </c>
      <c r="AO168" s="53">
        <v>-6971.7531608404997</v>
      </c>
      <c r="AP168" s="53">
        <v>-7110.5672638795104</v>
      </c>
      <c r="AQ168" s="53">
        <v>-7472.8721868011899</v>
      </c>
      <c r="AR168" s="53">
        <v>-7469.3783508241504</v>
      </c>
      <c r="AS168" s="53">
        <v>-7174.3129441848596</v>
      </c>
      <c r="AT168" s="53">
        <v>-7245.7948752909797</v>
      </c>
      <c r="AU168" s="53">
        <v>-7641.9088086369702</v>
      </c>
      <c r="AV168" s="53">
        <v>-7566.6740567960296</v>
      </c>
      <c r="AW168" s="53">
        <v>-7106.7221773375004</v>
      </c>
      <c r="AX168" s="53">
        <v>-8052.5685077799799</v>
      </c>
      <c r="AY168" s="53">
        <v>-6440.3925509435703</v>
      </c>
      <c r="AZ168" s="53">
        <v>-7612.7519111254896</v>
      </c>
      <c r="BA168" s="53">
        <v>-87865.696794440795</v>
      </c>
      <c r="BB168" s="53">
        <v>-6976.4331486992996</v>
      </c>
      <c r="BC168" s="53">
        <v>-7194.7904575196799</v>
      </c>
      <c r="BD168" s="53">
        <v>-7574.8889495805397</v>
      </c>
      <c r="BE168" s="53">
        <v>-7581.95660595343</v>
      </c>
      <c r="BF168" s="53">
        <v>-7287.3787008938598</v>
      </c>
      <c r="BG168" s="53">
        <v>-7364.9709536099999</v>
      </c>
      <c r="BH168" s="53">
        <v>-7772.6144725563099</v>
      </c>
      <c r="BI168" s="53">
        <v>-7700.64380218722</v>
      </c>
      <c r="BJ168" s="53">
        <v>-7236.2038499334103</v>
      </c>
      <c r="BK168" s="53">
        <v>-8203.7856786772209</v>
      </c>
      <c r="BL168" s="53">
        <v>-6563.96414236501</v>
      </c>
      <c r="BM168" s="53">
        <v>-7762.1783754129101</v>
      </c>
      <c r="BN168" s="53">
        <v>-89219.809137388904</v>
      </c>
      <c r="BO168" s="53">
        <v>-7185.9931659256099</v>
      </c>
      <c r="BP168" s="53">
        <v>-7645.4530318862999</v>
      </c>
      <c r="BQ168" s="53">
        <v>-8074.51864118102</v>
      </c>
      <c r="BR168" s="53">
        <v>-8098.4761704932098</v>
      </c>
      <c r="BS168" s="53">
        <v>-7785.9119860419596</v>
      </c>
      <c r="BT168" s="53">
        <v>-7870.8734393000896</v>
      </c>
      <c r="BU168" s="53">
        <v>-8308.5872475038705</v>
      </c>
      <c r="BV168" s="53">
        <v>-8233.5186977528301</v>
      </c>
      <c r="BW168" s="53">
        <v>-7738.4224670528502</v>
      </c>
      <c r="BX168" s="53">
        <v>-8774.9587594582699</v>
      </c>
      <c r="BY168" s="53">
        <v>-7022.0286535394098</v>
      </c>
      <c r="BZ168" s="53">
        <v>-8305.1658265559399</v>
      </c>
      <c r="CA168" s="53">
        <v>-95043.908086691299</v>
      </c>
      <c r="CB168" s="53">
        <v>-4251096.5824809596</v>
      </c>
      <c r="CC168" s="53">
        <v>-4386322.7256369898</v>
      </c>
      <c r="CD168" s="53">
        <v>-4048773.8182084002</v>
      </c>
      <c r="CE168" s="53">
        <v>-4115152.27148963</v>
      </c>
      <c r="CF168" s="53">
        <v>-4257974.0254715402</v>
      </c>
      <c r="CG168" s="53">
        <v>-5403229.9791022297</v>
      </c>
      <c r="CH168" s="53">
        <v>-6557883.6589357601</v>
      </c>
      <c r="CI168" s="53">
        <v>-6980761.4355786098</v>
      </c>
      <c r="CJ168" s="53">
        <v>-6477804.9834623002</v>
      </c>
      <c r="CK168" s="53">
        <v>-6497251.7753129303</v>
      </c>
      <c r="CL168" s="53">
        <v>-4347599.7709816098</v>
      </c>
      <c r="CM168" s="53">
        <v>-4368136.2831172301</v>
      </c>
      <c r="CN168" s="53">
        <v>-61691987.309778199</v>
      </c>
    </row>
    <row r="169" spans="1:92" outlineLevel="1">
      <c r="A169" s="52" t="s">
        <v>1263</v>
      </c>
      <c r="B169" s="53">
        <v>-698249.64237701404</v>
      </c>
      <c r="C169" s="53">
        <v>-657743.00225386606</v>
      </c>
      <c r="D169" s="53">
        <v>-685674.36984767602</v>
      </c>
      <c r="E169" s="53">
        <v>-707109.813318701</v>
      </c>
      <c r="F169" s="53">
        <v>-721672.00980035705</v>
      </c>
      <c r="G169" s="53">
        <v>-786504.56867160997</v>
      </c>
      <c r="H169" s="53">
        <v>-835862.30472561799</v>
      </c>
      <c r="I169" s="53">
        <v>-804551.20983649604</v>
      </c>
      <c r="J169" s="53">
        <v>-781279.10834359506</v>
      </c>
      <c r="K169" s="53">
        <v>-895461.07596664596</v>
      </c>
      <c r="L169" s="53">
        <v>-667752.45864628104</v>
      </c>
      <c r="M169" s="53">
        <v>-721834.88732115296</v>
      </c>
      <c r="N169" s="53">
        <v>-8963694.4511090107</v>
      </c>
      <c r="O169" s="53">
        <v>-656958.94270147395</v>
      </c>
      <c r="P169" s="53">
        <v>-700423.51888032199</v>
      </c>
      <c r="Q169" s="53">
        <v>-680707.43975731102</v>
      </c>
      <c r="R169" s="53">
        <v>-707055.39842219802</v>
      </c>
      <c r="S169" s="53">
        <v>-727470.60828319204</v>
      </c>
      <c r="T169" s="53">
        <v>-791116.23035622702</v>
      </c>
      <c r="U169" s="53">
        <v>-848273.97645796405</v>
      </c>
      <c r="V169" s="53">
        <v>-850113.52981905802</v>
      </c>
      <c r="W169" s="53">
        <v>-786057.44354148197</v>
      </c>
      <c r="X169" s="53">
        <v>-902842.85981112299</v>
      </c>
      <c r="Y169" s="53">
        <v>-671047.96374277899</v>
      </c>
      <c r="Z169" s="53">
        <v>-716351.31620421004</v>
      </c>
      <c r="AA169" s="53">
        <v>-9038419.2279773392</v>
      </c>
      <c r="AB169" s="53">
        <v>-656701.48886836204</v>
      </c>
      <c r="AC169" s="53">
        <v>-732531.45927340095</v>
      </c>
      <c r="AD169" s="53">
        <v>-714850.26346978301</v>
      </c>
      <c r="AE169" s="53">
        <v>-744120.012819533</v>
      </c>
      <c r="AF169" s="53">
        <v>-765688.93730288197</v>
      </c>
      <c r="AG169" s="53">
        <v>-832674.68391133496</v>
      </c>
      <c r="AH169" s="53">
        <v>-892761.09809465997</v>
      </c>
      <c r="AI169" s="53">
        <v>-894611.12014784</v>
      </c>
      <c r="AJ169" s="53">
        <v>-827091.89960821404</v>
      </c>
      <c r="AK169" s="53">
        <v>-950108.62006018299</v>
      </c>
      <c r="AL169" s="53">
        <v>-706114.32098910795</v>
      </c>
      <c r="AM169" s="53">
        <v>-753552.426306232</v>
      </c>
      <c r="AN169" s="53">
        <v>-9470806.33085154</v>
      </c>
      <c r="AO169" s="53">
        <v>-681885.72599342396</v>
      </c>
      <c r="AP169" s="53">
        <v>-733239.50351146795</v>
      </c>
      <c r="AQ169" s="53">
        <v>-712995.29909788095</v>
      </c>
      <c r="AR169" s="53">
        <v>-741603.03946579399</v>
      </c>
      <c r="AS169" s="53">
        <v>-763279.27763020899</v>
      </c>
      <c r="AT169" s="53">
        <v>-830144.99557244102</v>
      </c>
      <c r="AU169" s="53">
        <v>-889948.57936479396</v>
      </c>
      <c r="AV169" s="53">
        <v>-891677.88135137095</v>
      </c>
      <c r="AW169" s="53">
        <v>-824234.27029971301</v>
      </c>
      <c r="AX169" s="53">
        <v>-947063.731214019</v>
      </c>
      <c r="AY169" s="53">
        <v>-703782.20107529999</v>
      </c>
      <c r="AZ169" s="53">
        <v>-750737.69786185399</v>
      </c>
      <c r="BA169" s="53">
        <v>-9470592.2024382707</v>
      </c>
      <c r="BB169" s="53">
        <v>-681536.44232300797</v>
      </c>
      <c r="BC169" s="53">
        <v>-740926.01278707595</v>
      </c>
      <c r="BD169" s="53">
        <v>-721164.99362916197</v>
      </c>
      <c r="BE169" s="53">
        <v>-750823.98165057797</v>
      </c>
      <c r="BF169" s="53">
        <v>-772887.10132019501</v>
      </c>
      <c r="BG169" s="53">
        <v>-840635.855155661</v>
      </c>
      <c r="BH169" s="53">
        <v>-901119.86281423597</v>
      </c>
      <c r="BI169" s="53">
        <v>-902782.77574070101</v>
      </c>
      <c r="BJ169" s="53">
        <v>-834391.355133723</v>
      </c>
      <c r="BK169" s="53">
        <v>-958896.97023216495</v>
      </c>
      <c r="BL169" s="53">
        <v>-712523.05312237598</v>
      </c>
      <c r="BM169" s="53">
        <v>-759828.06718840799</v>
      </c>
      <c r="BN169" s="53">
        <v>-9577516.4710972905</v>
      </c>
      <c r="BO169" s="53">
        <v>-696962.09103024798</v>
      </c>
      <c r="BP169" s="53">
        <v>-781139.81536551297</v>
      </c>
      <c r="BQ169" s="53">
        <v>-762239.34656018903</v>
      </c>
      <c r="BR169" s="53">
        <v>-795186.971481057</v>
      </c>
      <c r="BS169" s="53">
        <v>-818662.19458322204</v>
      </c>
      <c r="BT169" s="53">
        <v>-890454.39840081695</v>
      </c>
      <c r="BU169" s="53">
        <v>-954430.27907757403</v>
      </c>
      <c r="BV169" s="53">
        <v>-956086.48919035902</v>
      </c>
      <c r="BW169" s="53">
        <v>-883527.08590875601</v>
      </c>
      <c r="BX169" s="53">
        <v>-1015512.65350194</v>
      </c>
      <c r="BY169" s="53">
        <v>-754512.74733728403</v>
      </c>
      <c r="BZ169" s="53">
        <v>-804330.17648080899</v>
      </c>
      <c r="CA169" s="53">
        <v>-10113044.248917701</v>
      </c>
      <c r="CB169" s="53"/>
      <c r="CC169" s="53"/>
      <c r="CD169" s="53"/>
      <c r="CE169" s="53"/>
      <c r="CF169" s="53"/>
      <c r="CG169" s="53"/>
      <c r="CH169" s="53"/>
      <c r="CI169" s="53"/>
      <c r="CJ169" s="53"/>
      <c r="CK169" s="53"/>
      <c r="CL169" s="53"/>
      <c r="CM169" s="53"/>
      <c r="CN169" s="53"/>
    </row>
    <row r="170" spans="1:92" outlineLevel="1">
      <c r="A170" s="52" t="s">
        <v>1264</v>
      </c>
      <c r="B170" s="53">
        <v>-4415242.6689480403</v>
      </c>
      <c r="C170" s="53">
        <v>-4265237.5950375404</v>
      </c>
      <c r="D170" s="53">
        <v>-4014689.8766712099</v>
      </c>
      <c r="E170" s="53">
        <v>-4102120.7673491598</v>
      </c>
      <c r="F170" s="53">
        <v>-4243654.6993559096</v>
      </c>
      <c r="G170" s="53">
        <v>-5134809.6843630197</v>
      </c>
      <c r="H170" s="53">
        <v>-6084517.7848978098</v>
      </c>
      <c r="I170" s="53">
        <v>-6461425.0971450498</v>
      </c>
      <c r="J170" s="53">
        <v>-5967500.48098124</v>
      </c>
      <c r="K170" s="53">
        <v>-6060304.9155294299</v>
      </c>
      <c r="L170" s="53">
        <v>-4152771.7023582198</v>
      </c>
      <c r="M170" s="53">
        <v>-4299886.8271321896</v>
      </c>
      <c r="N170" s="53">
        <v>-59202162.099768803</v>
      </c>
      <c r="O170" s="53">
        <v>-4465909.9663504297</v>
      </c>
      <c r="P170" s="53">
        <v>-5417044.3668747302</v>
      </c>
      <c r="Q170" s="53">
        <v>-3808163.3659261502</v>
      </c>
      <c r="R170" s="53">
        <v>-3885204.0389528498</v>
      </c>
      <c r="S170" s="53">
        <v>-4016980.6385392998</v>
      </c>
      <c r="T170" s="53">
        <v>-5005311.4638165496</v>
      </c>
      <c r="U170" s="53">
        <v>-6017827.2620636299</v>
      </c>
      <c r="V170" s="53">
        <v>-6821969.95542059</v>
      </c>
      <c r="W170" s="53">
        <v>-7157309.3893394303</v>
      </c>
      <c r="X170" s="53">
        <v>-6056117.5273316503</v>
      </c>
      <c r="Y170" s="53">
        <v>-4029487.88986554</v>
      </c>
      <c r="Z170" s="53">
        <v>-3915806.8075098302</v>
      </c>
      <c r="AA170" s="53">
        <v>-60597132.6719907</v>
      </c>
      <c r="AB170" s="53">
        <v>-4307870.3777198596</v>
      </c>
      <c r="AC170" s="53">
        <v>-5734517.4289958198</v>
      </c>
      <c r="AD170" s="53">
        <v>-4116885.7218252802</v>
      </c>
      <c r="AE170" s="53">
        <v>-4148945.07952367</v>
      </c>
      <c r="AF170" s="53">
        <v>-4300146.3121756501</v>
      </c>
      <c r="AG170" s="53">
        <v>-5413787.5146691296</v>
      </c>
      <c r="AH170" s="53">
        <v>-6558693.6257624803</v>
      </c>
      <c r="AI170" s="53">
        <v>-7438444.0182202198</v>
      </c>
      <c r="AJ170" s="53">
        <v>-7775476.3233915502</v>
      </c>
      <c r="AK170" s="53">
        <v>-6592227.6099494305</v>
      </c>
      <c r="AL170" s="53">
        <v>-4360491.0450462503</v>
      </c>
      <c r="AM170" s="53">
        <v>-4212314.6704794997</v>
      </c>
      <c r="AN170" s="53">
        <v>-64959799.727758802</v>
      </c>
      <c r="AO170" s="53">
        <v>-4532362.8902036697</v>
      </c>
      <c r="AP170" s="53">
        <v>-5729486.3085939297</v>
      </c>
      <c r="AQ170" s="53">
        <v>-4010683.77608656</v>
      </c>
      <c r="AR170" s="53">
        <v>-4091916.13611153</v>
      </c>
      <c r="AS170" s="53">
        <v>-4249028.6477614203</v>
      </c>
      <c r="AT170" s="53">
        <v>-5387382.9053632403</v>
      </c>
      <c r="AU170" s="53">
        <v>-6559609.59371401</v>
      </c>
      <c r="AV170" s="53">
        <v>-7451666.11989245</v>
      </c>
      <c r="AW170" s="53">
        <v>-7791443.7797109</v>
      </c>
      <c r="AX170" s="53">
        <v>-6602065.7452138104</v>
      </c>
      <c r="AY170" s="53">
        <v>-4357004.3341835598</v>
      </c>
      <c r="AZ170" s="53">
        <v>-4202251.5038021104</v>
      </c>
      <c r="BA170" s="53">
        <v>-64964901.740637198</v>
      </c>
      <c r="BB170" s="53">
        <v>-4545132.6072183801</v>
      </c>
      <c r="BC170" s="53">
        <v>-5786379.8482276797</v>
      </c>
      <c r="BD170" s="53">
        <v>-4027692.5694319098</v>
      </c>
      <c r="BE170" s="53">
        <v>-4095944.6561264801</v>
      </c>
      <c r="BF170" s="53">
        <v>-4259295.8848034404</v>
      </c>
      <c r="BG170" s="53">
        <v>-5433506.2943107197</v>
      </c>
      <c r="BH170" s="53">
        <v>-6650140.3331878204</v>
      </c>
      <c r="BI170" s="53">
        <v>-7567646.6736170603</v>
      </c>
      <c r="BJ170" s="53">
        <v>-7915900.11323673</v>
      </c>
      <c r="BK170" s="53">
        <v>-6702239.6243210398</v>
      </c>
      <c r="BL170" s="53">
        <v>-4412711.9063192299</v>
      </c>
      <c r="BM170" s="53">
        <v>-4248590.14775101</v>
      </c>
      <c r="BN170" s="53">
        <v>-65645180.658551499</v>
      </c>
      <c r="BO170" s="53">
        <v>-4663738.2432803595</v>
      </c>
      <c r="BP170" s="53">
        <v>-6099526.9942900101</v>
      </c>
      <c r="BQ170" s="53">
        <v>-4232344.5131007796</v>
      </c>
      <c r="BR170" s="53">
        <v>-4298480.2091013398</v>
      </c>
      <c r="BS170" s="53">
        <v>-4477094.9609753396</v>
      </c>
      <c r="BT170" s="53">
        <v>-5737633.5373540903</v>
      </c>
      <c r="BU170" s="53">
        <v>-7053412.6050177496</v>
      </c>
      <c r="BV170" s="53">
        <v>-8040360.7259119796</v>
      </c>
      <c r="BW170" s="53">
        <v>-8417581.0385415498</v>
      </c>
      <c r="BX170" s="53">
        <v>-7134814.4732587403</v>
      </c>
      <c r="BY170" s="53">
        <v>-4698420.1334293196</v>
      </c>
      <c r="BZ170" s="53">
        <v>-4526985.8971045902</v>
      </c>
      <c r="CA170" s="53">
        <v>-69380393.331365898</v>
      </c>
      <c r="CB170" s="53">
        <v>-228163.20949341601</v>
      </c>
      <c r="CC170" s="53">
        <v>-223159.534086789</v>
      </c>
      <c r="CD170" s="53">
        <v>-225493.30535113299</v>
      </c>
      <c r="CE170" s="53">
        <v>-248499.32371231599</v>
      </c>
      <c r="CF170" s="53">
        <v>-256141.12570598</v>
      </c>
      <c r="CG170" s="53">
        <v>-290612.88832818798</v>
      </c>
      <c r="CH170" s="53">
        <v>-323433.66252550599</v>
      </c>
      <c r="CI170" s="53">
        <v>-334830.69396513799</v>
      </c>
      <c r="CJ170" s="53">
        <v>-312144.67687948397</v>
      </c>
      <c r="CK170" s="53">
        <v>-332856.03036494902</v>
      </c>
      <c r="CL170" s="53">
        <v>-244029.48526428299</v>
      </c>
      <c r="CM170" s="53">
        <v>-253030.30621653001</v>
      </c>
      <c r="CN170" s="53">
        <v>-3272394.2418937101</v>
      </c>
    </row>
    <row r="171" spans="1:92" outlineLevel="1">
      <c r="A171" s="52" t="s">
        <v>1243</v>
      </c>
      <c r="B171" s="53"/>
      <c r="C171" s="53"/>
      <c r="D171" s="53"/>
      <c r="E171" s="53"/>
      <c r="F171" s="53"/>
      <c r="G171" s="53"/>
      <c r="H171" s="53"/>
      <c r="I171" s="53"/>
      <c r="J171" s="53"/>
      <c r="K171" s="53"/>
      <c r="L171" s="53"/>
      <c r="M171" s="53"/>
      <c r="N171" s="53"/>
      <c r="O171" s="53"/>
      <c r="P171" s="53"/>
      <c r="Q171" s="53"/>
      <c r="R171" s="53"/>
      <c r="S171" s="53"/>
      <c r="T171" s="53"/>
      <c r="U171" s="53"/>
      <c r="V171" s="53"/>
      <c r="W171" s="53"/>
      <c r="X171" s="53"/>
      <c r="Y171" s="53"/>
      <c r="Z171" s="53"/>
      <c r="AA171" s="53"/>
      <c r="AB171" s="53"/>
      <c r="AC171" s="53"/>
      <c r="AD171" s="53"/>
      <c r="AE171" s="53"/>
      <c r="AF171" s="53"/>
      <c r="AG171" s="53"/>
      <c r="AH171" s="53"/>
      <c r="AI171" s="53"/>
      <c r="AJ171" s="53"/>
      <c r="AK171" s="53"/>
      <c r="AL171" s="53"/>
      <c r="AM171" s="53"/>
      <c r="AN171" s="53"/>
      <c r="AO171" s="53"/>
      <c r="AP171" s="53"/>
      <c r="AQ171" s="53"/>
      <c r="AR171" s="53"/>
      <c r="AS171" s="53"/>
      <c r="AT171" s="53"/>
      <c r="AU171" s="53"/>
      <c r="AV171" s="53"/>
      <c r="AW171" s="53"/>
      <c r="AX171" s="53"/>
      <c r="AY171" s="53"/>
      <c r="AZ171" s="53"/>
      <c r="BA171" s="53"/>
      <c r="BB171" s="53"/>
      <c r="BC171" s="53"/>
      <c r="BD171" s="53"/>
      <c r="BE171" s="53"/>
      <c r="BF171" s="53"/>
      <c r="BG171" s="53"/>
      <c r="BH171" s="53"/>
      <c r="BI171" s="53"/>
      <c r="BJ171" s="53"/>
      <c r="BK171" s="53"/>
      <c r="BL171" s="53"/>
      <c r="BM171" s="53"/>
      <c r="BN171" s="53"/>
      <c r="BO171" s="53"/>
      <c r="BP171" s="53"/>
      <c r="BQ171" s="53"/>
      <c r="BR171" s="53"/>
      <c r="BS171" s="53"/>
      <c r="BT171" s="53"/>
      <c r="BU171" s="53"/>
      <c r="BV171" s="53"/>
      <c r="BW171" s="53"/>
      <c r="BX171" s="53"/>
      <c r="BY171" s="53"/>
      <c r="BZ171" s="53"/>
      <c r="CA171" s="53"/>
      <c r="CB171" s="53">
        <v>-77210.192203910396</v>
      </c>
      <c r="CC171" s="53">
        <v>-76276.129424501298</v>
      </c>
      <c r="CD171" s="53">
        <v>-81878.1608937126</v>
      </c>
      <c r="CE171" s="53">
        <v>-85684.581569495596</v>
      </c>
      <c r="CF171" s="53">
        <v>-82506.022592719906</v>
      </c>
      <c r="CG171" s="53">
        <v>-85396.062837777004</v>
      </c>
      <c r="CH171" s="53">
        <v>-91337.046157741599</v>
      </c>
      <c r="CI171" s="53">
        <v>-90432.782675920898</v>
      </c>
      <c r="CJ171" s="53">
        <v>-85598.873074935007</v>
      </c>
      <c r="CK171" s="53">
        <v>-94652.376034760193</v>
      </c>
      <c r="CL171" s="53">
        <v>-74445.2608688521</v>
      </c>
      <c r="CM171" s="53">
        <v>-86269.641201762497</v>
      </c>
      <c r="CN171" s="53">
        <v>-1011687.1295360801</v>
      </c>
    </row>
    <row r="172" spans="1:92" outlineLevel="1">
      <c r="A172" s="52" t="s">
        <v>1261</v>
      </c>
      <c r="B172" s="53">
        <v>-641844.33219154505</v>
      </c>
      <c r="C172" s="53">
        <v>-271284.30152495898</v>
      </c>
      <c r="D172" s="53">
        <v>-239425.401424638</v>
      </c>
      <c r="E172" s="53">
        <v>-245541.83282484199</v>
      </c>
      <c r="F172" s="53">
        <v>-251696.148260338</v>
      </c>
      <c r="G172" s="53">
        <v>-275401.95930994698</v>
      </c>
      <c r="H172" s="53">
        <v>-308532.33847404202</v>
      </c>
      <c r="I172" s="53">
        <v>-317445.68583019997</v>
      </c>
      <c r="J172" s="53">
        <v>-297787.65729187999</v>
      </c>
      <c r="K172" s="53">
        <v>-315813.11829771497</v>
      </c>
      <c r="L172" s="53">
        <v>-229551.44165370401</v>
      </c>
      <c r="M172" s="53">
        <v>-245318.91729482499</v>
      </c>
      <c r="N172" s="53">
        <v>-3639643.1343786302</v>
      </c>
      <c r="O172" s="53">
        <v>-228609.48848005201</v>
      </c>
      <c r="P172" s="53">
        <v>-232752.337387926</v>
      </c>
      <c r="Q172" s="53">
        <v>-181159.20546044601</v>
      </c>
      <c r="R172" s="53">
        <v>-191992.313502</v>
      </c>
      <c r="S172" s="53">
        <v>-199529.14579399899</v>
      </c>
      <c r="T172" s="53">
        <v>-221521.03776000001</v>
      </c>
      <c r="U172" s="53">
        <v>-244637.35613114201</v>
      </c>
      <c r="V172" s="53">
        <v>-264125.88566032599</v>
      </c>
      <c r="W172" s="53">
        <v>-273918.59987889702</v>
      </c>
      <c r="X172" s="53">
        <v>-252651.81694163199</v>
      </c>
      <c r="Y172" s="53">
        <v>-184233.39677599899</v>
      </c>
      <c r="Z172" s="53">
        <v>-187789.55155399899</v>
      </c>
      <c r="AA172" s="53">
        <v>-2662920.13532642</v>
      </c>
      <c r="AB172" s="53">
        <v>-186422.75148277401</v>
      </c>
      <c r="AC172" s="53">
        <v>-233762.721099057</v>
      </c>
      <c r="AD172" s="53">
        <v>-183277.71910194901</v>
      </c>
      <c r="AE172" s="53">
        <v>-194509.530623022</v>
      </c>
      <c r="AF172" s="53">
        <v>-203433.40896488901</v>
      </c>
      <c r="AG172" s="53">
        <v>-227526.19827984201</v>
      </c>
      <c r="AH172" s="53">
        <v>-251344.92648185301</v>
      </c>
      <c r="AI172" s="53">
        <v>-270921.75932261499</v>
      </c>
      <c r="AJ172" s="53">
        <v>-281961.583045237</v>
      </c>
      <c r="AK172" s="53">
        <v>-259525.47729151999</v>
      </c>
      <c r="AL172" s="53">
        <v>-188190.79644721301</v>
      </c>
      <c r="AM172" s="53">
        <v>-190211.34612631</v>
      </c>
      <c r="AN172" s="53">
        <v>-2671088.2182662799</v>
      </c>
      <c r="AO172" s="53">
        <v>-198846.10617417801</v>
      </c>
      <c r="AP172" s="53">
        <v>-277092.26751651702</v>
      </c>
      <c r="AQ172" s="53">
        <v>-214540.07437764801</v>
      </c>
      <c r="AR172" s="53">
        <v>-236613.18243749099</v>
      </c>
      <c r="AS172" s="53">
        <v>-247372.73485211999</v>
      </c>
      <c r="AT172" s="53">
        <v>-277664.02849984198</v>
      </c>
      <c r="AU172" s="53">
        <v>-306760.63891757198</v>
      </c>
      <c r="AV172" s="53">
        <v>-332152.54954519903</v>
      </c>
      <c r="AW172" s="53">
        <v>-344384.08039204899</v>
      </c>
      <c r="AX172" s="53">
        <v>-317341.59699505399</v>
      </c>
      <c r="AY172" s="53">
        <v>-227691.447509413</v>
      </c>
      <c r="AZ172" s="53">
        <v>-231564.93075143901</v>
      </c>
      <c r="BA172" s="53">
        <v>-3212023.6379685202</v>
      </c>
      <c r="BB172" s="53">
        <v>-227904.828075489</v>
      </c>
      <c r="BC172" s="53">
        <v>-281647.15504496102</v>
      </c>
      <c r="BD172" s="53">
        <v>-218765.76722231999</v>
      </c>
      <c r="BE172" s="53">
        <v>-237765.487170237</v>
      </c>
      <c r="BF172" s="53">
        <v>-248513.66381125999</v>
      </c>
      <c r="BG172" s="53">
        <v>-278726.46785567899</v>
      </c>
      <c r="BH172" s="53">
        <v>-309807.853596979</v>
      </c>
      <c r="BI172" s="53">
        <v>-334524.51470953302</v>
      </c>
      <c r="BJ172" s="53">
        <v>-346508.24380192597</v>
      </c>
      <c r="BK172" s="53">
        <v>-320577.28911686101</v>
      </c>
      <c r="BL172" s="53">
        <v>-230730.91467320701</v>
      </c>
      <c r="BM172" s="53">
        <v>-232327.79342627199</v>
      </c>
      <c r="BN172" s="53">
        <v>-3267799.9785047201</v>
      </c>
      <c r="BO172" s="53">
        <v>-228865.64377361201</v>
      </c>
      <c r="BP172" s="53">
        <v>-281111.49328955798</v>
      </c>
      <c r="BQ172" s="53">
        <v>-218332.30163449899</v>
      </c>
      <c r="BR172" s="53">
        <v>-236647.534902004</v>
      </c>
      <c r="BS172" s="53">
        <v>-247566.38783242201</v>
      </c>
      <c r="BT172" s="53">
        <v>-279431.45718929201</v>
      </c>
      <c r="BU172" s="53">
        <v>-311314.218909738</v>
      </c>
      <c r="BV172" s="53">
        <v>-335911.60709603201</v>
      </c>
      <c r="BW172" s="53">
        <v>-347550.58346946299</v>
      </c>
      <c r="BX172" s="53">
        <v>-322076.39904909203</v>
      </c>
      <c r="BY172" s="53">
        <v>-231751.69556124101</v>
      </c>
      <c r="BZ172" s="53">
        <v>-233803.75089261701</v>
      </c>
      <c r="CA172" s="53">
        <v>-3274363.07359957</v>
      </c>
      <c r="CB172" s="53">
        <v>-477.845826307599</v>
      </c>
      <c r="CC172" s="53">
        <v>-483.25258847438499</v>
      </c>
      <c r="CD172" s="53">
        <v>-507.54556852345797</v>
      </c>
      <c r="CE172" s="53">
        <v>-507.088359244115</v>
      </c>
      <c r="CF172" s="53">
        <v>-487.04290952892899</v>
      </c>
      <c r="CG172" s="53">
        <v>-491.84044384259403</v>
      </c>
      <c r="CH172" s="53">
        <v>-518.62344478229204</v>
      </c>
      <c r="CI172" s="53">
        <v>-513.37249247837997</v>
      </c>
      <c r="CJ172" s="53">
        <v>-482.008643120805</v>
      </c>
      <c r="CK172" s="53">
        <v>-545.91160547847596</v>
      </c>
      <c r="CL172" s="53">
        <v>-436.43455709336303</v>
      </c>
      <c r="CM172" s="53">
        <v>-515.60581656549198</v>
      </c>
      <c r="CN172" s="53">
        <v>-5966.5722554398899</v>
      </c>
    </row>
    <row r="173" spans="1:92" outlineLevel="1">
      <c r="A173" s="52" t="s">
        <v>1262</v>
      </c>
      <c r="B173" s="53">
        <v>-223300.05624002399</v>
      </c>
      <c r="C173" s="53">
        <v>-91840.449261874397</v>
      </c>
      <c r="D173" s="53">
        <v>-84743.455827216705</v>
      </c>
      <c r="E173" s="53">
        <v>-80562.184464221893</v>
      </c>
      <c r="F173" s="53">
        <v>-79310.578294712599</v>
      </c>
      <c r="G173" s="53">
        <v>-81545.282964670594</v>
      </c>
      <c r="H173" s="53">
        <v>-87751.007816608893</v>
      </c>
      <c r="I173" s="53">
        <v>-84455.014165506494</v>
      </c>
      <c r="J173" s="53">
        <v>-77738.863399586699</v>
      </c>
      <c r="K173" s="53">
        <v>-89141.872841498</v>
      </c>
      <c r="L173" s="53">
        <v>-69989.636427230798</v>
      </c>
      <c r="M173" s="53">
        <v>-81981.400357814899</v>
      </c>
      <c r="N173" s="53">
        <v>-1132359.8020609601</v>
      </c>
      <c r="O173" s="53">
        <v>-66741.044804616293</v>
      </c>
      <c r="P173" s="53">
        <v>-49907.974486549901</v>
      </c>
      <c r="Q173" s="53">
        <v>-55432.009567983703</v>
      </c>
      <c r="R173" s="53">
        <v>-63702.526997999899</v>
      </c>
      <c r="S173" s="53">
        <v>-73707.053574000005</v>
      </c>
      <c r="T173" s="53">
        <v>-79420.713063999996</v>
      </c>
      <c r="U173" s="53">
        <v>-69953.016137714207</v>
      </c>
      <c r="V173" s="53">
        <v>-66527.492631061206</v>
      </c>
      <c r="W173" s="53">
        <v>-61101.633925918301</v>
      </c>
      <c r="X173" s="53">
        <v>-65800.377695306102</v>
      </c>
      <c r="Y173" s="53">
        <v>-47385.086342000002</v>
      </c>
      <c r="Z173" s="53">
        <v>-50319.203923999899</v>
      </c>
      <c r="AA173" s="53">
        <v>-749998.13315114996</v>
      </c>
      <c r="AB173" s="53">
        <v>-47875.4612356691</v>
      </c>
      <c r="AC173" s="53">
        <v>-47949.978434013603</v>
      </c>
      <c r="AD173" s="53">
        <v>-55938.785628829901</v>
      </c>
      <c r="AE173" s="53">
        <v>-65047.588153372199</v>
      </c>
      <c r="AF173" s="53">
        <v>-75316.333431160005</v>
      </c>
      <c r="AG173" s="53">
        <v>-81161.522405374199</v>
      </c>
      <c r="AH173" s="53">
        <v>-71488.159715080605</v>
      </c>
      <c r="AI173" s="53">
        <v>-67994.314046381201</v>
      </c>
      <c r="AJ173" s="53">
        <v>-62439.181491621101</v>
      </c>
      <c r="AK173" s="53">
        <v>-67285.852908372894</v>
      </c>
      <c r="AL173" s="53">
        <v>-48474.090842614001</v>
      </c>
      <c r="AM173" s="53">
        <v>-51491.075862332596</v>
      </c>
      <c r="AN173" s="53">
        <v>-742462.34415482101</v>
      </c>
      <c r="AO173" s="53">
        <v>-50892.883049568802</v>
      </c>
      <c r="AP173" s="53">
        <v>-57290.9366342719</v>
      </c>
      <c r="AQ173" s="53">
        <v>-67070.336766478606</v>
      </c>
      <c r="AR173" s="53">
        <v>-78997.038179492694</v>
      </c>
      <c r="AS173" s="53">
        <v>-91408.415127872402</v>
      </c>
      <c r="AT173" s="53">
        <v>-98505.2470415274</v>
      </c>
      <c r="AU173" s="53">
        <v>-86809.817307828605</v>
      </c>
      <c r="AV173" s="53">
        <v>-82573.558319519099</v>
      </c>
      <c r="AW173" s="53">
        <v>-75826.011104870093</v>
      </c>
      <c r="AX173" s="53">
        <v>-81710.818803136906</v>
      </c>
      <c r="AY173" s="53">
        <v>-58878.316759664398</v>
      </c>
      <c r="AZ173" s="53">
        <v>-62557.679587613296</v>
      </c>
      <c r="BA173" s="53">
        <v>-892521.05868184404</v>
      </c>
      <c r="BB173" s="53">
        <v>-59314.951597279498</v>
      </c>
      <c r="BC173" s="53">
        <v>-58482.821680769899</v>
      </c>
      <c r="BD173" s="53">
        <v>-67638.115008846202</v>
      </c>
      <c r="BE173" s="53">
        <v>-79107.291036745402</v>
      </c>
      <c r="BF173" s="53">
        <v>-91485.051932244794</v>
      </c>
      <c r="BG173" s="53">
        <v>-98573.747120219399</v>
      </c>
      <c r="BH173" s="53">
        <v>-86920.975434608205</v>
      </c>
      <c r="BI173" s="53">
        <v>-82698.257719872097</v>
      </c>
      <c r="BJ173" s="53">
        <v>-75952.027217663694</v>
      </c>
      <c r="BK173" s="53">
        <v>-81864.360305657101</v>
      </c>
      <c r="BL173" s="53">
        <v>-59014.937662659897</v>
      </c>
      <c r="BM173" s="53">
        <v>-62735.401772262201</v>
      </c>
      <c r="BN173" s="53">
        <v>-903787.93848882895</v>
      </c>
      <c r="BO173" s="53">
        <v>-59467.3106201107</v>
      </c>
      <c r="BP173" s="53">
        <v>-58602.320740110597</v>
      </c>
      <c r="BQ173" s="53">
        <v>-67749.9042930328</v>
      </c>
      <c r="BR173" s="53">
        <v>-79201.595464087499</v>
      </c>
      <c r="BS173" s="53">
        <v>-91543.174934863506</v>
      </c>
      <c r="BT173" s="53">
        <v>-98636.707418170598</v>
      </c>
      <c r="BU173" s="53">
        <v>-87065.690656754407</v>
      </c>
      <c r="BV173" s="53">
        <v>-82871.996055920506</v>
      </c>
      <c r="BW173" s="53">
        <v>-76132.0430357101</v>
      </c>
      <c r="BX173" s="53">
        <v>-82091.819004948702</v>
      </c>
      <c r="BY173" s="53">
        <v>-59224.001597477203</v>
      </c>
      <c r="BZ173" s="53">
        <v>-63010.811902120702</v>
      </c>
      <c r="CA173" s="53">
        <v>-905597.37572330702</v>
      </c>
      <c r="CB173" s="53">
        <v>-66177.015083783699</v>
      </c>
      <c r="CC173" s="53">
        <v>-66313.690284731405</v>
      </c>
      <c r="CD173" s="53">
        <v>-69662.389877846406</v>
      </c>
      <c r="CE173" s="53">
        <v>-72167.045811440097</v>
      </c>
      <c r="CF173" s="53">
        <v>-73614.321639556496</v>
      </c>
      <c r="CG173" s="53">
        <v>-80142.804321074596</v>
      </c>
      <c r="CH173" s="53">
        <v>-86343.484169989795</v>
      </c>
      <c r="CI173" s="53">
        <v>-84558.485094243704</v>
      </c>
      <c r="CJ173" s="53">
        <v>-76220.844614889793</v>
      </c>
      <c r="CK173" s="53">
        <v>-90976.485257135297</v>
      </c>
      <c r="CL173" s="53">
        <v>-67974.403782933601</v>
      </c>
      <c r="CM173" s="53">
        <v>-73741.671554578599</v>
      </c>
      <c r="CN173" s="53">
        <v>-907892.64149220404</v>
      </c>
    </row>
    <row r="174" spans="1:92" outlineLevel="1">
      <c r="A174" s="52" t="s">
        <v>1266</v>
      </c>
      <c r="B174" s="53">
        <v>-1471.8341865697801</v>
      </c>
      <c r="C174" s="53">
        <v>-607.64713917276094</v>
      </c>
      <c r="D174" s="53">
        <v>-551.256103188412</v>
      </c>
      <c r="E174" s="53">
        <v>-497.34288853793601</v>
      </c>
      <c r="F174" s="53">
        <v>-477.69426102369903</v>
      </c>
      <c r="G174" s="53">
        <v>-482.39693435926398</v>
      </c>
      <c r="H174" s="53">
        <v>-508.65135741534402</v>
      </c>
      <c r="I174" s="53">
        <v>-503.481345622037</v>
      </c>
      <c r="J174" s="53">
        <v>-472.70165779965498</v>
      </c>
      <c r="K174" s="53">
        <v>-535.34206296703098</v>
      </c>
      <c r="L174" s="53">
        <v>-427.96567508750502</v>
      </c>
      <c r="M174" s="53">
        <v>-505.57439687741902</v>
      </c>
      <c r="N174" s="53">
        <v>-7041.8880086208501</v>
      </c>
      <c r="O174" s="53">
        <v>-479.66395282947701</v>
      </c>
      <c r="P174" s="53">
        <v>-548.93495693425405</v>
      </c>
      <c r="Q174" s="53">
        <v>-579.56659417866604</v>
      </c>
      <c r="R174" s="53">
        <v>-579.443567999999</v>
      </c>
      <c r="S174" s="53">
        <v>-553.66825799999901</v>
      </c>
      <c r="T174" s="53">
        <v>-556.26040799999998</v>
      </c>
      <c r="U174" s="53">
        <v>-583.72327828571395</v>
      </c>
      <c r="V174" s="53">
        <v>-575.27996608163198</v>
      </c>
      <c r="W174" s="53">
        <v>-538.13820522448896</v>
      </c>
      <c r="X174" s="53">
        <v>-607.07248440816295</v>
      </c>
      <c r="Y174" s="53">
        <v>-483.949884</v>
      </c>
      <c r="Z174" s="53">
        <v>-570.02376199999901</v>
      </c>
      <c r="AA174" s="53">
        <v>-6655.7253179423897</v>
      </c>
      <c r="AB174" s="53">
        <v>-520.90670836011304</v>
      </c>
      <c r="AC174" s="53">
        <v>-536.26338281000096</v>
      </c>
      <c r="AD174" s="53">
        <v>-563.07213665295296</v>
      </c>
      <c r="AE174" s="53">
        <v>-562.07856175764698</v>
      </c>
      <c r="AF174" s="53">
        <v>-539.00609621896206</v>
      </c>
      <c r="AG174" s="53">
        <v>-543.49737359401604</v>
      </c>
      <c r="AH174" s="53">
        <v>-572.324779852608</v>
      </c>
      <c r="AI174" s="53">
        <v>-565.88016584839602</v>
      </c>
      <c r="AJ174" s="53">
        <v>-530.83063711129898</v>
      </c>
      <c r="AK174" s="53">
        <v>-600.67498277885704</v>
      </c>
      <c r="AL174" s="53">
        <v>-479.94190661992201</v>
      </c>
      <c r="AM174" s="53">
        <v>-566.70312989482102</v>
      </c>
      <c r="AN174" s="53">
        <v>-6581.1798614995996</v>
      </c>
      <c r="AO174" s="53">
        <v>-540.14345303024095</v>
      </c>
      <c r="AP174" s="53">
        <v>-627.27224862501896</v>
      </c>
      <c r="AQ174" s="53">
        <v>-666.71335062859305</v>
      </c>
      <c r="AR174" s="53">
        <v>-670.99342911978499</v>
      </c>
      <c r="AS174" s="53">
        <v>-644.48694628862995</v>
      </c>
      <c r="AT174" s="53">
        <v>-650.90835163459303</v>
      </c>
      <c r="AU174" s="53">
        <v>-686.49228298392995</v>
      </c>
      <c r="AV174" s="53">
        <v>-679.73375211888697</v>
      </c>
      <c r="AW174" s="53">
        <v>-638.41509421559397</v>
      </c>
      <c r="AX174" s="53">
        <v>-723.38289780984303</v>
      </c>
      <c r="AY174" s="53">
        <v>-578.55699358947697</v>
      </c>
      <c r="AZ174" s="53">
        <v>-683.87304404263796</v>
      </c>
      <c r="BA174" s="53">
        <v>-7790.9718440872302</v>
      </c>
      <c r="BB174" s="53">
        <v>-624.56358919580498</v>
      </c>
      <c r="BC174" s="53">
        <v>-636.98512252685305</v>
      </c>
      <c r="BD174" s="53">
        <v>-669.94608830270795</v>
      </c>
      <c r="BE174" s="53">
        <v>-670.14747857895202</v>
      </c>
      <c r="BF174" s="53">
        <v>-644.11057932187396</v>
      </c>
      <c r="BG174" s="53">
        <v>-650.96873681570105</v>
      </c>
      <c r="BH174" s="53">
        <v>-686.99918259356502</v>
      </c>
      <c r="BI174" s="53">
        <v>-680.63790069944105</v>
      </c>
      <c r="BJ174" s="53">
        <v>-639.58738048018404</v>
      </c>
      <c r="BK174" s="53">
        <v>-725.10917340924402</v>
      </c>
      <c r="BL174" s="53">
        <v>-580.17003368689302</v>
      </c>
      <c r="BM174" s="53">
        <v>-686.07676578872997</v>
      </c>
      <c r="BN174" s="53">
        <v>-7895.3020313999496</v>
      </c>
      <c r="BO174" s="53">
        <v>-626.65332001443005</v>
      </c>
      <c r="BP174" s="53">
        <v>-638.797070083417</v>
      </c>
      <c r="BQ174" s="53">
        <v>-672.02246436397797</v>
      </c>
      <c r="BR174" s="53">
        <v>-672.41122056645395</v>
      </c>
      <c r="BS174" s="53">
        <v>-646.45921918402303</v>
      </c>
      <c r="BT174" s="53">
        <v>-653.513513508497</v>
      </c>
      <c r="BU174" s="53">
        <v>-689.85660692963495</v>
      </c>
      <c r="BV174" s="53">
        <v>-683.62371396291098</v>
      </c>
      <c r="BW174" s="53">
        <v>-642.51619524281205</v>
      </c>
      <c r="BX174" s="53">
        <v>-728.57913089448402</v>
      </c>
      <c r="BY174" s="53">
        <v>-583.03448184271099</v>
      </c>
      <c r="BZ174" s="53">
        <v>-689.57252856881303</v>
      </c>
      <c r="CA174" s="53">
        <v>-7927.03946516216</v>
      </c>
      <c r="CB174" s="53">
        <v>-425336.19150545198</v>
      </c>
      <c r="CC174" s="53">
        <v>-432592.182954185</v>
      </c>
      <c r="CD174" s="53">
        <v>-398860.46391308698</v>
      </c>
      <c r="CE174" s="53">
        <v>-405021.58503110101</v>
      </c>
      <c r="CF174" s="53">
        <v>-419078.39006731799</v>
      </c>
      <c r="CG174" s="53">
        <v>-531796.79050645803</v>
      </c>
      <c r="CH174" s="53">
        <v>-645440.13410960604</v>
      </c>
      <c r="CI174" s="53">
        <v>-687060.61764722201</v>
      </c>
      <c r="CJ174" s="53">
        <v>-637558.62938567298</v>
      </c>
      <c r="CK174" s="53">
        <v>-639472.62185532704</v>
      </c>
      <c r="CL174" s="53">
        <v>-427899.53667653998</v>
      </c>
      <c r="CM174" s="53">
        <v>-429920.78161413397</v>
      </c>
      <c r="CN174" s="53">
        <v>-6080037.9252661001</v>
      </c>
    </row>
    <row r="175" spans="1:92" outlineLevel="1">
      <c r="A175" s="52" t="s">
        <v>1263</v>
      </c>
      <c r="B175" s="53">
        <v>-192556.531890301</v>
      </c>
      <c r="C175" s="53">
        <v>-80825.9272247466</v>
      </c>
      <c r="D175" s="53">
        <v>-73456.739316338295</v>
      </c>
      <c r="E175" s="53">
        <v>-68954.058578384793</v>
      </c>
      <c r="F175" s="53">
        <v>-70374.096216546401</v>
      </c>
      <c r="G175" s="53">
        <v>-76696.265670274704</v>
      </c>
      <c r="H175" s="53">
        <v>-81509.402412347597</v>
      </c>
      <c r="I175" s="53">
        <v>-78456.090139668406</v>
      </c>
      <c r="J175" s="53">
        <v>-76186.703094886499</v>
      </c>
      <c r="K175" s="53">
        <v>-87321.197250925805</v>
      </c>
      <c r="L175" s="53">
        <v>-65116.112493553497</v>
      </c>
      <c r="M175" s="53">
        <v>-70389.979274451398</v>
      </c>
      <c r="N175" s="53">
        <v>-1021843.10356242</v>
      </c>
      <c r="O175" s="53">
        <v>-61007.125975729301</v>
      </c>
      <c r="P175" s="53">
        <v>-55313.974286875702</v>
      </c>
      <c r="Q175" s="53">
        <v>-52955.348083917903</v>
      </c>
      <c r="R175" s="53">
        <v>-54431.620517999901</v>
      </c>
      <c r="S175" s="53">
        <v>-56003.255440000001</v>
      </c>
      <c r="T175" s="53">
        <v>-60902.920100000003</v>
      </c>
      <c r="U175" s="53">
        <v>-65303.125165142803</v>
      </c>
      <c r="V175" s="53">
        <v>-65444.740476612198</v>
      </c>
      <c r="W175" s="53">
        <v>-60513.476833183602</v>
      </c>
      <c r="X175" s="53">
        <v>-69504.030437061199</v>
      </c>
      <c r="Y175" s="53">
        <v>-51659.641087999997</v>
      </c>
      <c r="Z175" s="53">
        <v>-55147.253083999902</v>
      </c>
      <c r="AA175" s="53">
        <v>-708186.51148852299</v>
      </c>
      <c r="AB175" s="53">
        <v>-50117.091834639999</v>
      </c>
      <c r="AC175" s="53">
        <v>-54530.779126595698</v>
      </c>
      <c r="AD175" s="53">
        <v>-53105.705373440302</v>
      </c>
      <c r="AE175" s="53">
        <v>-55203.224391939897</v>
      </c>
      <c r="AF175" s="53">
        <v>-56803.334801060097</v>
      </c>
      <c r="AG175" s="53">
        <v>-61772.733738573697</v>
      </c>
      <c r="AH175" s="53">
        <v>-66230.299383799298</v>
      </c>
      <c r="AI175" s="53">
        <v>-66367.544963507302</v>
      </c>
      <c r="AJ175" s="53">
        <v>-61358.569774014803</v>
      </c>
      <c r="AK175" s="53">
        <v>-70484.677802394901</v>
      </c>
      <c r="AL175" s="53">
        <v>-52383.737349337498</v>
      </c>
      <c r="AM175" s="53">
        <v>-55902.976621813199</v>
      </c>
      <c r="AN175" s="53">
        <v>-704260.67516111699</v>
      </c>
      <c r="AO175" s="53">
        <v>-53026.9540045584</v>
      </c>
      <c r="AP175" s="53">
        <v>-64767.297594097698</v>
      </c>
      <c r="AQ175" s="53">
        <v>-63615.689063448997</v>
      </c>
      <c r="AR175" s="53">
        <v>-66620.104528766198</v>
      </c>
      <c r="AS175" s="53">
        <v>-68567.3366400909</v>
      </c>
      <c r="AT175" s="53">
        <v>-74574.055708976201</v>
      </c>
      <c r="AU175" s="53">
        <v>-79946.365140597904</v>
      </c>
      <c r="AV175" s="53">
        <v>-80101.7127767005</v>
      </c>
      <c r="AW175" s="53">
        <v>-74043.080086500893</v>
      </c>
      <c r="AX175" s="53">
        <v>-85077.165830293801</v>
      </c>
      <c r="AY175" s="53">
        <v>-63222.561540329603</v>
      </c>
      <c r="AZ175" s="53">
        <v>-67440.694338671106</v>
      </c>
      <c r="BA175" s="53">
        <v>-841003.01725303195</v>
      </c>
      <c r="BB175" s="53">
        <v>-60995.992194698803</v>
      </c>
      <c r="BC175" s="53">
        <v>-65589.675566526203</v>
      </c>
      <c r="BD175" s="53">
        <v>-63781.678214104701</v>
      </c>
      <c r="BE175" s="53">
        <v>-66363.186220909804</v>
      </c>
      <c r="BF175" s="53">
        <v>-68313.282322036102</v>
      </c>
      <c r="BG175" s="53">
        <v>-74301.401078091003</v>
      </c>
      <c r="BH175" s="53">
        <v>-79647.409678947006</v>
      </c>
      <c r="BI175" s="53">
        <v>-79794.389800660094</v>
      </c>
      <c r="BJ175" s="53">
        <v>-73749.467565123894</v>
      </c>
      <c r="BK175" s="53">
        <v>-84754.163102635503</v>
      </c>
      <c r="BL175" s="53">
        <v>-62977.876595126203</v>
      </c>
      <c r="BM175" s="53">
        <v>-67159.031611972503</v>
      </c>
      <c r="BN175" s="53">
        <v>-847427.55395083199</v>
      </c>
      <c r="BO175" s="53">
        <v>-60707.046453637202</v>
      </c>
      <c r="BP175" s="53">
        <v>-65237.6458290503</v>
      </c>
      <c r="BQ175" s="53">
        <v>-63438.1083972169</v>
      </c>
      <c r="BR175" s="53">
        <v>-66023.858169796396</v>
      </c>
      <c r="BS175" s="53">
        <v>-67972.9907086694</v>
      </c>
      <c r="BT175" s="53">
        <v>-73933.850798871397</v>
      </c>
      <c r="BU175" s="53">
        <v>-79245.726651443299</v>
      </c>
      <c r="BV175" s="53">
        <v>-79383.240702235998</v>
      </c>
      <c r="BW175" s="53">
        <v>-73358.680538446002</v>
      </c>
      <c r="BX175" s="53">
        <v>-84317.356557750696</v>
      </c>
      <c r="BY175" s="53">
        <v>-62646.703736502299</v>
      </c>
      <c r="BZ175" s="53">
        <v>-66783.0125470325</v>
      </c>
      <c r="CA175" s="53">
        <v>-843048.22109065298</v>
      </c>
      <c r="CB175" s="53"/>
      <c r="CC175" s="53"/>
      <c r="CD175" s="53"/>
      <c r="CE175" s="53"/>
      <c r="CF175" s="53"/>
      <c r="CG175" s="53"/>
      <c r="CH175" s="53"/>
      <c r="CI175" s="53"/>
      <c r="CJ175" s="53"/>
      <c r="CK175" s="53"/>
      <c r="CL175" s="53"/>
      <c r="CM175" s="53"/>
      <c r="CN175" s="53"/>
    </row>
    <row r="176" spans="1:92" outlineLevel="1">
      <c r="A176" s="52" t="s">
        <v>1264</v>
      </c>
      <c r="B176" s="53">
        <v>-1205322.3295772499</v>
      </c>
      <c r="C176" s="53">
        <v>-515960.23040942597</v>
      </c>
      <c r="D176" s="53">
        <v>-432960.432887776</v>
      </c>
      <c r="E176" s="53">
        <v>-400019.72870360297</v>
      </c>
      <c r="F176" s="53">
        <v>-413821.45914857998</v>
      </c>
      <c r="G176" s="53">
        <v>-500722.74644680199</v>
      </c>
      <c r="H176" s="53">
        <v>-593333.86110421701</v>
      </c>
      <c r="I176" s="53">
        <v>-630088.10831985401</v>
      </c>
      <c r="J176" s="53">
        <v>-581922.87814659497</v>
      </c>
      <c r="K176" s="53">
        <v>-590972.73475392396</v>
      </c>
      <c r="L176" s="53">
        <v>-404958.97219008999</v>
      </c>
      <c r="M176" s="53">
        <v>-419304.95458258502</v>
      </c>
      <c r="N176" s="53">
        <v>-6689388.4362707101</v>
      </c>
      <c r="O176" s="53">
        <v>-409606.62794240401</v>
      </c>
      <c r="P176" s="53">
        <v>-425540.418585782</v>
      </c>
      <c r="Q176" s="53">
        <v>-296680.608716577</v>
      </c>
      <c r="R176" s="53">
        <v>-299096.72191909899</v>
      </c>
      <c r="S176" s="53">
        <v>-309241.349734471</v>
      </c>
      <c r="T176" s="53">
        <v>-385326.54553069902</v>
      </c>
      <c r="U176" s="53">
        <v>-463273.585920532</v>
      </c>
      <c r="V176" s="53">
        <v>-525179.32912651496</v>
      </c>
      <c r="W176" s="53">
        <v>-550994.942517663</v>
      </c>
      <c r="X176" s="53">
        <v>-466221.30570776999</v>
      </c>
      <c r="Y176" s="53">
        <v>-310204.20209290303</v>
      </c>
      <c r="Z176" s="53">
        <v>-301452.63107220299</v>
      </c>
      <c r="AA176" s="53">
        <v>-4742818.26886662</v>
      </c>
      <c r="AB176" s="53">
        <v>-327871.17770714598</v>
      </c>
      <c r="AC176" s="53">
        <v>-426480.029940793</v>
      </c>
      <c r="AD176" s="53">
        <v>-305857.73427709599</v>
      </c>
      <c r="AE176" s="53">
        <v>-307793.28907839302</v>
      </c>
      <c r="AF176" s="53">
        <v>-319010.29094721598</v>
      </c>
      <c r="AG176" s="53">
        <v>-401626.78309129598</v>
      </c>
      <c r="AH176" s="53">
        <v>-486562.691102841</v>
      </c>
      <c r="AI176" s="53">
        <v>-551827.77937768097</v>
      </c>
      <c r="AJ176" s="53">
        <v>-576830.82948946103</v>
      </c>
      <c r="AK176" s="53">
        <v>-489050.44042007002</v>
      </c>
      <c r="AL176" s="53">
        <v>-323487.02020074701</v>
      </c>
      <c r="AM176" s="53">
        <v>-312494.42019823199</v>
      </c>
      <c r="AN176" s="53">
        <v>-4828892.4858309701</v>
      </c>
      <c r="AO176" s="53">
        <v>-357251.03268783801</v>
      </c>
      <c r="AP176" s="53">
        <v>-508321.65981122502</v>
      </c>
      <c r="AQ176" s="53">
        <v>-357624.04921668302</v>
      </c>
      <c r="AR176" s="53">
        <v>-367587.32934409601</v>
      </c>
      <c r="AS176" s="53">
        <v>-381701.14953074499</v>
      </c>
      <c r="AT176" s="53">
        <v>-483962.434337274</v>
      </c>
      <c r="AU176" s="53">
        <v>-589266.56653931004</v>
      </c>
      <c r="AV176" s="53">
        <v>-669402.29395270499</v>
      </c>
      <c r="AW176" s="53">
        <v>-699925.39325115201</v>
      </c>
      <c r="AX176" s="53">
        <v>-593080.51160194597</v>
      </c>
      <c r="AY176" s="53">
        <v>-391400.88258630299</v>
      </c>
      <c r="AZ176" s="53">
        <v>-377499.03862465802</v>
      </c>
      <c r="BA176" s="53">
        <v>-5777022.3414839404</v>
      </c>
      <c r="BB176" s="53">
        <v>-406337.03677268198</v>
      </c>
      <c r="BC176" s="53">
        <v>-512029.24973422202</v>
      </c>
      <c r="BD176" s="53">
        <v>-356242.34257081099</v>
      </c>
      <c r="BE176" s="53">
        <v>-362028.84378773399</v>
      </c>
      <c r="BF176" s="53">
        <v>-376466.99210616201</v>
      </c>
      <c r="BG176" s="53">
        <v>-480252.09483737301</v>
      </c>
      <c r="BH176" s="53">
        <v>-587786.90094093396</v>
      </c>
      <c r="BI176" s="53">
        <v>-668882.66455108998</v>
      </c>
      <c r="BJ176" s="53">
        <v>-699663.79092740198</v>
      </c>
      <c r="BK176" s="53">
        <v>-592391.80840786197</v>
      </c>
      <c r="BL176" s="53">
        <v>-390026.99585396599</v>
      </c>
      <c r="BM176" s="53">
        <v>-375520.742600278</v>
      </c>
      <c r="BN176" s="53">
        <v>-5807629.4630905204</v>
      </c>
      <c r="BO176" s="53">
        <v>-404513.01927190297</v>
      </c>
      <c r="BP176" s="53">
        <v>-508643.43448846799</v>
      </c>
      <c r="BQ176" s="53">
        <v>-352332.66344347998</v>
      </c>
      <c r="BR176" s="53">
        <v>-356900.02207002201</v>
      </c>
      <c r="BS176" s="53">
        <v>-371730.28899805999</v>
      </c>
      <c r="BT176" s="53">
        <v>-476391.98891170201</v>
      </c>
      <c r="BU176" s="53">
        <v>-585640.27096593298</v>
      </c>
      <c r="BV176" s="53">
        <v>-667585.93291950098</v>
      </c>
      <c r="BW176" s="53">
        <v>-698906.29066308099</v>
      </c>
      <c r="BX176" s="53">
        <v>-592399.01525658602</v>
      </c>
      <c r="BY176" s="53">
        <v>-390106.77442800999</v>
      </c>
      <c r="BZ176" s="53">
        <v>-375872.70104591001</v>
      </c>
      <c r="CA176" s="53">
        <v>-5781022.4024626603</v>
      </c>
      <c r="CB176" s="53">
        <v>-6715638.1194463801</v>
      </c>
      <c r="CC176" s="53">
        <v>-7924827.3722459497</v>
      </c>
      <c r="CD176" s="53">
        <v>-8138167.4952927101</v>
      </c>
      <c r="CE176" s="53">
        <v>-9061937.0804950204</v>
      </c>
      <c r="CF176" s="53">
        <v>-9340607.9751021694</v>
      </c>
      <c r="CG176" s="53">
        <v>-10597677.568972901</v>
      </c>
      <c r="CH176" s="53">
        <v>-11794541.150998401</v>
      </c>
      <c r="CI176" s="53">
        <v>-12210152.671655601</v>
      </c>
      <c r="CJ176" s="53">
        <v>-11382869.6981405</v>
      </c>
      <c r="CK176" s="53">
        <v>-12138143.311498299</v>
      </c>
      <c r="CL176" s="53">
        <v>-8898937.0603302103</v>
      </c>
      <c r="CM176" s="53">
        <v>-9227166.8193636201</v>
      </c>
      <c r="CN176" s="53">
        <v>-117430666.323542</v>
      </c>
    </row>
    <row r="177" spans="1:92" outlineLevel="1">
      <c r="A177" s="52" t="s">
        <v>1244</v>
      </c>
      <c r="B177" s="53"/>
      <c r="C177" s="53"/>
      <c r="D177" s="53"/>
      <c r="E177" s="53"/>
      <c r="F177" s="53"/>
      <c r="G177" s="53"/>
      <c r="H177" s="53"/>
      <c r="I177" s="53"/>
      <c r="J177" s="53"/>
      <c r="K177" s="53"/>
      <c r="L177" s="53"/>
      <c r="M177" s="53"/>
      <c r="N177" s="53"/>
      <c r="O177" s="53"/>
      <c r="P177" s="53"/>
      <c r="Q177" s="53"/>
      <c r="R177" s="53"/>
      <c r="S177" s="53"/>
      <c r="T177" s="53"/>
      <c r="U177" s="53"/>
      <c r="V177" s="53"/>
      <c r="W177" s="53"/>
      <c r="X177" s="53"/>
      <c r="Y177" s="53"/>
      <c r="Z177" s="53"/>
      <c r="AA177" s="53"/>
      <c r="AB177" s="53"/>
      <c r="AC177" s="53"/>
      <c r="AD177" s="53"/>
      <c r="AE177" s="53"/>
      <c r="AF177" s="53"/>
      <c r="AG177" s="53"/>
      <c r="AH177" s="53"/>
      <c r="AI177" s="53"/>
      <c r="AJ177" s="53"/>
      <c r="AK177" s="53"/>
      <c r="AL177" s="53"/>
      <c r="AM177" s="53"/>
      <c r="AN177" s="53"/>
      <c r="AO177" s="53"/>
      <c r="AP177" s="53"/>
      <c r="AQ177" s="53"/>
      <c r="AR177" s="53"/>
      <c r="AS177" s="53"/>
      <c r="AT177" s="53"/>
      <c r="AU177" s="53"/>
      <c r="AV177" s="53"/>
      <c r="AW177" s="53"/>
      <c r="AX177" s="53"/>
      <c r="AY177" s="53"/>
      <c r="AZ177" s="53"/>
      <c r="BA177" s="53"/>
      <c r="BB177" s="53"/>
      <c r="BC177" s="53"/>
      <c r="BD177" s="53"/>
      <c r="BE177" s="53"/>
      <c r="BF177" s="53"/>
      <c r="BG177" s="53"/>
      <c r="BH177" s="53"/>
      <c r="BI177" s="53"/>
      <c r="BJ177" s="53"/>
      <c r="BK177" s="53"/>
      <c r="BL177" s="53"/>
      <c r="BM177" s="53"/>
      <c r="BN177" s="53"/>
      <c r="BO177" s="53"/>
      <c r="BP177" s="53"/>
      <c r="BQ177" s="53"/>
      <c r="BR177" s="53"/>
      <c r="BS177" s="53"/>
      <c r="BT177" s="53"/>
      <c r="BU177" s="53"/>
      <c r="BV177" s="53"/>
      <c r="BW177" s="53"/>
      <c r="BX177" s="53"/>
      <c r="BY177" s="53"/>
      <c r="BZ177" s="53"/>
      <c r="CA177" s="53"/>
      <c r="CB177" s="53">
        <v>-2271109.3946672198</v>
      </c>
      <c r="CC177" s="53">
        <v>-2708223.4947422501</v>
      </c>
      <c r="CD177" s="53">
        <v>-2956926.7349187499</v>
      </c>
      <c r="CE177" s="53">
        <v>-3124629.3766586501</v>
      </c>
      <c r="CF177" s="53">
        <v>-3008717.9889579401</v>
      </c>
      <c r="CG177" s="53">
        <v>-3114108.06595921</v>
      </c>
      <c r="CH177" s="53">
        <v>-3330755.8066352201</v>
      </c>
      <c r="CI177" s="53">
        <v>-3297780.3495835299</v>
      </c>
      <c r="CJ177" s="53">
        <v>-3121503.8752553901</v>
      </c>
      <c r="CK177" s="53">
        <v>-3451654.7704545702</v>
      </c>
      <c r="CL177" s="53">
        <v>-2714769.0378247099</v>
      </c>
      <c r="CM177" s="53">
        <v>-3145964.53965523</v>
      </c>
      <c r="CN177" s="53">
        <v>-36246143.435312703</v>
      </c>
    </row>
    <row r="178" spans="1:92" outlineLevel="1">
      <c r="A178" s="52" t="s">
        <v>1261</v>
      </c>
      <c r="B178" s="53">
        <v>-464113.94954341702</v>
      </c>
      <c r="C178" s="53">
        <v>-1732730.0006018099</v>
      </c>
      <c r="D178" s="53">
        <v>-1868992.25365567</v>
      </c>
      <c r="E178" s="53">
        <v>-2204470.3819413502</v>
      </c>
      <c r="F178" s="53">
        <v>-2259723.7208229299</v>
      </c>
      <c r="G178" s="53">
        <v>-2472554.0875981199</v>
      </c>
      <c r="H178" s="53">
        <v>-2769998.0659601898</v>
      </c>
      <c r="I178" s="53">
        <v>-2850021.9463089998</v>
      </c>
      <c r="J178" s="53">
        <v>-2673532.5017955001</v>
      </c>
      <c r="K178" s="53">
        <v>-2835364.7828819901</v>
      </c>
      <c r="L178" s="53">
        <v>-2060908.92307754</v>
      </c>
      <c r="M178" s="53">
        <v>-2202469.0501196301</v>
      </c>
      <c r="N178" s="53">
        <v>-26394879.664307099</v>
      </c>
      <c r="O178" s="53">
        <v>-2425501.9769661701</v>
      </c>
      <c r="P178" s="53">
        <v>-3597686.4363833298</v>
      </c>
      <c r="Q178" s="53">
        <v>-2863290.7982867998</v>
      </c>
      <c r="R178" s="53">
        <v>-3106208.3113054298</v>
      </c>
      <c r="S178" s="53">
        <v>-3228145.3340919199</v>
      </c>
      <c r="T178" s="53">
        <v>-3583948.1074430998</v>
      </c>
      <c r="U178" s="53">
        <v>-3957942.7686954001</v>
      </c>
      <c r="V178" s="53">
        <v>-4273244.1018294599</v>
      </c>
      <c r="W178" s="53">
        <v>-4431678.6231971504</v>
      </c>
      <c r="X178" s="53">
        <v>-4087607.2553932802</v>
      </c>
      <c r="Y178" s="53">
        <v>-2980678.2253273898</v>
      </c>
      <c r="Z178" s="53">
        <v>-3038212.5991063602</v>
      </c>
      <c r="AA178" s="53">
        <v>-41574144.538025796</v>
      </c>
      <c r="AB178" s="53">
        <v>-3021642.1051504398</v>
      </c>
      <c r="AC178" s="53">
        <v>-3804402.44096433</v>
      </c>
      <c r="AD178" s="53">
        <v>-2983480.6758349598</v>
      </c>
      <c r="AE178" s="53">
        <v>-3167090.0339705301</v>
      </c>
      <c r="AF178" s="53">
        <v>-3312392.5601262702</v>
      </c>
      <c r="AG178" s="53">
        <v>-3704681.9902921701</v>
      </c>
      <c r="AH178" s="53">
        <v>-4092509.0364467599</v>
      </c>
      <c r="AI178" s="53">
        <v>-4411267.66995994</v>
      </c>
      <c r="AJ178" s="53">
        <v>-4591022.9527818896</v>
      </c>
      <c r="AK178" s="53">
        <v>-4225708.3756189803</v>
      </c>
      <c r="AL178" s="53">
        <v>-3064205.6150353099</v>
      </c>
      <c r="AM178" s="53">
        <v>-3097105.0967795299</v>
      </c>
      <c r="AN178" s="53">
        <v>-43475508.552961104</v>
      </c>
      <c r="AO178" s="53">
        <v>-3723369.4955596598</v>
      </c>
      <c r="AP178" s="53">
        <v>-6464589.5655931197</v>
      </c>
      <c r="AQ178" s="53">
        <v>-5055618.7919681901</v>
      </c>
      <c r="AR178" s="53">
        <v>-5634711.04533266</v>
      </c>
      <c r="AS178" s="53">
        <v>-5890939.2411118997</v>
      </c>
      <c r="AT178" s="53">
        <v>-6612296.7121366803</v>
      </c>
      <c r="AU178" s="53">
        <v>-7305203.9728969196</v>
      </c>
      <c r="AV178" s="53">
        <v>-7909887.4389729798</v>
      </c>
      <c r="AW178" s="53">
        <v>-8201169.3584927497</v>
      </c>
      <c r="AX178" s="53">
        <v>-7557179.1195696499</v>
      </c>
      <c r="AY178" s="53">
        <v>-5422248.6718296297</v>
      </c>
      <c r="AZ178" s="53">
        <v>-5514491.8790039504</v>
      </c>
      <c r="BA178" s="53">
        <v>-75291705.292468101</v>
      </c>
      <c r="BB178" s="53">
        <v>-5928475.9900334897</v>
      </c>
      <c r="BC178" s="53">
        <v>-8726651.6816784292</v>
      </c>
      <c r="BD178" s="53">
        <v>-6842029.7048914498</v>
      </c>
      <c r="BE178" s="53">
        <v>-7509135.6212909203</v>
      </c>
      <c r="BF178" s="53">
        <v>-7848585.7115441104</v>
      </c>
      <c r="BG178" s="53">
        <v>-8802769.7933851909</v>
      </c>
      <c r="BH178" s="53">
        <v>-9784385.5173778497</v>
      </c>
      <c r="BI178" s="53">
        <v>-10564989.8120068</v>
      </c>
      <c r="BJ178" s="53">
        <v>-10943461.2549171</v>
      </c>
      <c r="BK178" s="53">
        <v>-10124507.007868299</v>
      </c>
      <c r="BL178" s="53">
        <v>-7286968.98328688</v>
      </c>
      <c r="BM178" s="53">
        <v>-7337401.78272398</v>
      </c>
      <c r="BN178" s="53">
        <v>-101699362.86100399</v>
      </c>
      <c r="BO178" s="53">
        <v>-7598432.2404783303</v>
      </c>
      <c r="BP178" s="53">
        <v>-10370776.4988833</v>
      </c>
      <c r="BQ178" s="53">
        <v>-8101981.5571337501</v>
      </c>
      <c r="BR178" s="53">
        <v>-8835850.8923603501</v>
      </c>
      <c r="BS178" s="53">
        <v>-9243534.6506075691</v>
      </c>
      <c r="BT178" s="53">
        <v>-10433299.849846199</v>
      </c>
      <c r="BU178" s="53">
        <v>-11623725.639471101</v>
      </c>
      <c r="BV178" s="53">
        <v>-12542133.0695151</v>
      </c>
      <c r="BW178" s="53">
        <v>-12976704.5085032</v>
      </c>
      <c r="BX178" s="53">
        <v>-12025559.611785401</v>
      </c>
      <c r="BY178" s="53">
        <v>-8653052.0036001205</v>
      </c>
      <c r="BZ178" s="53">
        <v>-8729670.8238148205</v>
      </c>
      <c r="CA178" s="53">
        <v>-121134721.345999</v>
      </c>
      <c r="CB178" s="53">
        <v>-14083.4884010322</v>
      </c>
      <c r="CC178" s="53">
        <v>-17176.9710107305</v>
      </c>
      <c r="CD178" s="53">
        <v>-18330.2578946539</v>
      </c>
      <c r="CE178" s="53">
        <v>-18491.812118737998</v>
      </c>
      <c r="CF178" s="53">
        <v>-17760.821783007599</v>
      </c>
      <c r="CG178" s="53">
        <v>-17935.771772578999</v>
      </c>
      <c r="CH178" s="53">
        <v>-18912.458009453199</v>
      </c>
      <c r="CI178" s="53">
        <v>-18720.9733861557</v>
      </c>
      <c r="CJ178" s="53">
        <v>-17577.238967749399</v>
      </c>
      <c r="CK178" s="53">
        <v>-19907.5657287705</v>
      </c>
      <c r="CL178" s="53">
        <v>-15915.3048670359</v>
      </c>
      <c r="CM178" s="53">
        <v>-18802.415226943998</v>
      </c>
      <c r="CN178" s="53">
        <v>-213615.07916684999</v>
      </c>
    </row>
    <row r="179" spans="1:92" outlineLevel="1">
      <c r="A179" s="52" t="s">
        <v>1262</v>
      </c>
      <c r="B179" s="53">
        <v>-152454.63322252201</v>
      </c>
      <c r="C179" s="53">
        <v>-576200.92726216395</v>
      </c>
      <c r="D179" s="53">
        <v>-662216.30647674098</v>
      </c>
      <c r="E179" s="53">
        <v>-723285.91634551506</v>
      </c>
      <c r="F179" s="53">
        <v>-712049.01752955397</v>
      </c>
      <c r="G179" s="53">
        <v>-732112.15789400204</v>
      </c>
      <c r="H179" s="53">
        <v>-787827.04963847401</v>
      </c>
      <c r="I179" s="53">
        <v>-758235.67492512695</v>
      </c>
      <c r="J179" s="53">
        <v>-697938.18804155895</v>
      </c>
      <c r="K179" s="53">
        <v>-800314.21207988705</v>
      </c>
      <c r="L179" s="53">
        <v>-628365.76061862905</v>
      </c>
      <c r="M179" s="53">
        <v>-736027.612402</v>
      </c>
      <c r="N179" s="53">
        <v>-7967027.4564361796</v>
      </c>
      <c r="O179" s="53">
        <v>-667629.06437641499</v>
      </c>
      <c r="P179" s="53">
        <v>-751721.85015734099</v>
      </c>
      <c r="Q179" s="53">
        <v>-874967.94024271495</v>
      </c>
      <c r="R179" s="53">
        <v>-1030631.46228656</v>
      </c>
      <c r="S179" s="53">
        <v>-1192492.8568091199</v>
      </c>
      <c r="T179" s="53">
        <v>-1284933.1023172999</v>
      </c>
      <c r="U179" s="53">
        <v>-1131756.9759144899</v>
      </c>
      <c r="V179" s="53">
        <v>-1076336.06143696</v>
      </c>
      <c r="W179" s="53">
        <v>-988552.09186826297</v>
      </c>
      <c r="X179" s="53">
        <v>-1064572.20268907</v>
      </c>
      <c r="Y179" s="53">
        <v>-766634.59251410398</v>
      </c>
      <c r="Z179" s="53">
        <v>-814105.14096114296</v>
      </c>
      <c r="AA179" s="53">
        <v>-11644333.341573499</v>
      </c>
      <c r="AB179" s="53">
        <v>-775570.17350791395</v>
      </c>
      <c r="AC179" s="53">
        <v>-780233.00258112105</v>
      </c>
      <c r="AD179" s="53">
        <v>-910607.82933379395</v>
      </c>
      <c r="AE179" s="53">
        <v>-1059133.54227169</v>
      </c>
      <c r="AF179" s="53">
        <v>-1226333.78550138</v>
      </c>
      <c r="AG179" s="53">
        <v>-1321507.7324417401</v>
      </c>
      <c r="AH179" s="53">
        <v>-1164001.77130306</v>
      </c>
      <c r="AI179" s="53">
        <v>-1107113.4339443401</v>
      </c>
      <c r="AJ179" s="53">
        <v>-1016662.31365624</v>
      </c>
      <c r="AK179" s="53">
        <v>-1095577.9569810601</v>
      </c>
      <c r="AL179" s="53">
        <v>-789276.54352816904</v>
      </c>
      <c r="AM179" s="53">
        <v>-838400.42531423795</v>
      </c>
      <c r="AN179" s="53">
        <v>-12084418.5103647</v>
      </c>
      <c r="AO179" s="53">
        <v>-917336.40249635698</v>
      </c>
      <c r="AP179" s="53">
        <v>-1326405.3801762001</v>
      </c>
      <c r="AQ179" s="53">
        <v>-1581424.0455793401</v>
      </c>
      <c r="AR179" s="53">
        <v>-1881237.04264088</v>
      </c>
      <c r="AS179" s="53">
        <v>-2176801.8208091301</v>
      </c>
      <c r="AT179" s="53">
        <v>-2345805.9175327201</v>
      </c>
      <c r="AU179" s="53">
        <v>-2067290.72061298</v>
      </c>
      <c r="AV179" s="53">
        <v>-1966408.3645818499</v>
      </c>
      <c r="AW179" s="53">
        <v>-1805722.1406461601</v>
      </c>
      <c r="AX179" s="53">
        <v>-1945863.06853315</v>
      </c>
      <c r="AY179" s="53">
        <v>-1402129.4095223099</v>
      </c>
      <c r="AZ179" s="53">
        <v>-1489749.8292844601</v>
      </c>
      <c r="BA179" s="53">
        <v>-20906174.142415501</v>
      </c>
      <c r="BB179" s="53">
        <v>-1504187.4877123199</v>
      </c>
      <c r="BC179" s="53">
        <v>-1799496.5010387099</v>
      </c>
      <c r="BD179" s="53">
        <v>-2116373.1606167601</v>
      </c>
      <c r="BE179" s="53">
        <v>-2498375.11784263</v>
      </c>
      <c r="BF179" s="53">
        <v>-2889290.9162556599</v>
      </c>
      <c r="BG179" s="53">
        <v>-3113166.8630047399</v>
      </c>
      <c r="BH179" s="53">
        <v>-2745147.7531137299</v>
      </c>
      <c r="BI179" s="53">
        <v>-2611785.42038931</v>
      </c>
      <c r="BJ179" s="53">
        <v>-2398725.2308029998</v>
      </c>
      <c r="BK179" s="53">
        <v>-2585449.1810464598</v>
      </c>
      <c r="BL179" s="53">
        <v>-1863816.21599122</v>
      </c>
      <c r="BM179" s="53">
        <v>-1981316.32042457</v>
      </c>
      <c r="BN179" s="53">
        <v>-28107130.168239102</v>
      </c>
      <c r="BO179" s="53">
        <v>-1946153.45947721</v>
      </c>
      <c r="BP179" s="53">
        <v>-2152766.5394472899</v>
      </c>
      <c r="BQ179" s="53">
        <v>-2514923.0895046699</v>
      </c>
      <c r="BR179" s="53">
        <v>-2957197.4550569998</v>
      </c>
      <c r="BS179" s="53">
        <v>-3418002.4071354098</v>
      </c>
      <c r="BT179" s="53">
        <v>-3682857.8823829</v>
      </c>
      <c r="BU179" s="53">
        <v>-3250823.8921737298</v>
      </c>
      <c r="BV179" s="53">
        <v>-3094241.4025382102</v>
      </c>
      <c r="BW179" s="53">
        <v>-2842587.7356924801</v>
      </c>
      <c r="BX179" s="53">
        <v>-3065111.4642319302</v>
      </c>
      <c r="BY179" s="53">
        <v>-2211282.05531875</v>
      </c>
      <c r="BZ179" s="53">
        <v>-2352672.46204045</v>
      </c>
      <c r="CA179" s="53">
        <v>-33488619.844999999</v>
      </c>
      <c r="CB179" s="53">
        <v>-1949269.5185721801</v>
      </c>
      <c r="CC179" s="53">
        <v>-2356268.8178556799</v>
      </c>
      <c r="CD179" s="53">
        <v>-2515799.70209616</v>
      </c>
      <c r="CE179" s="53">
        <v>-2631690.17387575</v>
      </c>
      <c r="CF179" s="53">
        <v>-2684467.4703954598</v>
      </c>
      <c r="CG179" s="53">
        <v>-2922539.3428143398</v>
      </c>
      <c r="CH179" s="53">
        <v>-3148657.3450999898</v>
      </c>
      <c r="CI179" s="53">
        <v>-3083564.4141756399</v>
      </c>
      <c r="CJ179" s="53">
        <v>-2779518.6232455899</v>
      </c>
      <c r="CK179" s="53">
        <v>-3317607.3596045799</v>
      </c>
      <c r="CL179" s="53">
        <v>-2478798.57765012</v>
      </c>
      <c r="CM179" s="53">
        <v>-2689111.4947730498</v>
      </c>
      <c r="CN179" s="53">
        <v>-32557292.8401586</v>
      </c>
    </row>
    <row r="180" spans="1:92" outlineLevel="1">
      <c r="A180" s="52" t="s">
        <v>1266</v>
      </c>
      <c r="B180" s="53">
        <v>-1014.69855677438</v>
      </c>
      <c r="C180" s="53">
        <v>-3828.6756372714399</v>
      </c>
      <c r="D180" s="53">
        <v>-4298.5818387498302</v>
      </c>
      <c r="E180" s="53">
        <v>-4465.1359600836104</v>
      </c>
      <c r="F180" s="53">
        <v>-4288.7309178037804</v>
      </c>
      <c r="G180" s="53">
        <v>-4330.95143870213</v>
      </c>
      <c r="H180" s="53">
        <v>-4566.6632005483098</v>
      </c>
      <c r="I180" s="53">
        <v>-4520.2469229571798</v>
      </c>
      <c r="J180" s="53">
        <v>-4243.9074113178604</v>
      </c>
      <c r="K180" s="53">
        <v>-4806.2918991895904</v>
      </c>
      <c r="L180" s="53">
        <v>-3842.2685224922402</v>
      </c>
      <c r="M180" s="53">
        <v>-4539.0383013846103</v>
      </c>
      <c r="N180" s="53">
        <v>-48745.190607274999</v>
      </c>
      <c r="O180" s="53">
        <v>-5135.7473948090201</v>
      </c>
      <c r="P180" s="53">
        <v>-8531.1318171131497</v>
      </c>
      <c r="Q180" s="53">
        <v>-9236.7288502309293</v>
      </c>
      <c r="R180" s="53">
        <v>-9374.7108622414908</v>
      </c>
      <c r="S180" s="53">
        <v>-8957.6968647116391</v>
      </c>
      <c r="T180" s="53">
        <v>-8999.6347825755493</v>
      </c>
      <c r="U180" s="53">
        <v>-9443.9515074370393</v>
      </c>
      <c r="V180" s="53">
        <v>-9307.3487129559398</v>
      </c>
      <c r="W180" s="53">
        <v>-8706.4389985689904</v>
      </c>
      <c r="X180" s="53">
        <v>-9821.7140167636408</v>
      </c>
      <c r="Y180" s="53">
        <v>-7829.7361207663098</v>
      </c>
      <c r="Z180" s="53">
        <v>-9222.30955432257</v>
      </c>
      <c r="AA180" s="53">
        <v>-104567.149482496</v>
      </c>
      <c r="AB180" s="53">
        <v>-8439.1305050241808</v>
      </c>
      <c r="AC180" s="53">
        <v>-8726.0060860162102</v>
      </c>
      <c r="AD180" s="53">
        <v>-9165.9233893673008</v>
      </c>
      <c r="AE180" s="53">
        <v>-9152.0112436096697</v>
      </c>
      <c r="AF180" s="53">
        <v>-8776.3351755391595</v>
      </c>
      <c r="AG180" s="53">
        <v>-8849.4641362063903</v>
      </c>
      <c r="AH180" s="53">
        <v>-9318.8446893051096</v>
      </c>
      <c r="AI180" s="53">
        <v>-9213.9106394405608</v>
      </c>
      <c r="AJ180" s="53">
        <v>-8643.2187417064506</v>
      </c>
      <c r="AK180" s="53">
        <v>-9780.4552071094095</v>
      </c>
      <c r="AL180" s="53">
        <v>-7814.6259695969202</v>
      </c>
      <c r="AM180" s="53">
        <v>-9227.3105033001793</v>
      </c>
      <c r="AN180" s="53">
        <v>-107107.236286221</v>
      </c>
      <c r="AO180" s="53">
        <v>-9786.7033835859602</v>
      </c>
      <c r="AP180" s="53">
        <v>-14527.6316614434</v>
      </c>
      <c r="AQ180" s="53">
        <v>-15713.076904211801</v>
      </c>
      <c r="AR180" s="53">
        <v>-15979.050902650801</v>
      </c>
      <c r="AS180" s="53">
        <v>-15347.824991892099</v>
      </c>
      <c r="AT180" s="53">
        <v>-15500.744466862599</v>
      </c>
      <c r="AU180" s="53">
        <v>-16348.140917664499</v>
      </c>
      <c r="AV180" s="53">
        <v>-16187.1931288593</v>
      </c>
      <c r="AW180" s="53">
        <v>-15203.2297855341</v>
      </c>
      <c r="AX180" s="53">
        <v>-17226.654754836702</v>
      </c>
      <c r="AY180" s="53">
        <v>-13777.7677834763</v>
      </c>
      <c r="AZ180" s="53">
        <v>-16285.7663092812</v>
      </c>
      <c r="BA180" s="53">
        <v>-181883.784990299</v>
      </c>
      <c r="BB180" s="53">
        <v>-15893.374385310201</v>
      </c>
      <c r="BC180" s="53">
        <v>-19606.474470497498</v>
      </c>
      <c r="BD180" s="53">
        <v>-20953.9484144372</v>
      </c>
      <c r="BE180" s="53">
        <v>-21164.670965523601</v>
      </c>
      <c r="BF180" s="53">
        <v>-20342.370765413802</v>
      </c>
      <c r="BG180" s="53">
        <v>-20558.965845491301</v>
      </c>
      <c r="BH180" s="53">
        <v>-21696.8833248597</v>
      </c>
      <c r="BI180" s="53">
        <v>-21495.980624317501</v>
      </c>
      <c r="BJ180" s="53">
        <v>-20199.518604872901</v>
      </c>
      <c r="BK180" s="53">
        <v>-22900.4772230616</v>
      </c>
      <c r="BL180" s="53">
        <v>-18322.993459704801</v>
      </c>
      <c r="BM180" s="53">
        <v>-21667.751456440601</v>
      </c>
      <c r="BN180" s="53">
        <v>-244803.40953993099</v>
      </c>
      <c r="BO180" s="53">
        <v>-20548.820132993798</v>
      </c>
      <c r="BP180" s="53">
        <v>-23471.351050369401</v>
      </c>
      <c r="BQ180" s="53">
        <v>-24939.748878171999</v>
      </c>
      <c r="BR180" s="53">
        <v>-25106.220885569401</v>
      </c>
      <c r="BS180" s="53">
        <v>-24137.235450464599</v>
      </c>
      <c r="BT180" s="53">
        <v>-24400.625867050501</v>
      </c>
      <c r="BU180" s="53">
        <v>-25757.589735570298</v>
      </c>
      <c r="BV180" s="53">
        <v>-25524.868473948802</v>
      </c>
      <c r="BW180" s="53">
        <v>-23990.0124015367</v>
      </c>
      <c r="BX180" s="53">
        <v>-27203.395828885201</v>
      </c>
      <c r="BY180" s="53">
        <v>-21769.108006132599</v>
      </c>
      <c r="BZ180" s="53">
        <v>-25746.982931493501</v>
      </c>
      <c r="CA180" s="53">
        <v>-292595.95964218699</v>
      </c>
      <c r="CB180" s="53">
        <v>-12575505.8348723</v>
      </c>
      <c r="CC180" s="53">
        <v>-15402114.361613801</v>
      </c>
      <c r="CD180" s="53">
        <v>-14387664.7111529</v>
      </c>
      <c r="CE180" s="53">
        <v>-14769779.1083054</v>
      </c>
      <c r="CF180" s="53">
        <v>-15282383.653412599</v>
      </c>
      <c r="CG180" s="53">
        <v>-19392845.755820699</v>
      </c>
      <c r="CH180" s="53">
        <v>-23537037.433947802</v>
      </c>
      <c r="CI180" s="53">
        <v>-25054796.908876199</v>
      </c>
      <c r="CJ180" s="53">
        <v>-23249625.3845268</v>
      </c>
      <c r="CK180" s="53">
        <v>-23319422.271992899</v>
      </c>
      <c r="CL180" s="53">
        <v>-15604061.2916307</v>
      </c>
      <c r="CM180" s="53">
        <v>-15677769.3169691</v>
      </c>
      <c r="CN180" s="53">
        <v>-218253006.03312099</v>
      </c>
    </row>
    <row r="181" spans="1:92" outlineLevel="1">
      <c r="A181" s="52" t="s">
        <v>1263</v>
      </c>
      <c r="B181" s="53">
        <v>-135458.059321938</v>
      </c>
      <c r="C181" s="53">
        <v>-512055.58899023099</v>
      </c>
      <c r="D181" s="53">
        <v>-575095.96168116899</v>
      </c>
      <c r="E181" s="53">
        <v>-619068.36037643102</v>
      </c>
      <c r="F181" s="53">
        <v>-631817.43404161895</v>
      </c>
      <c r="G181" s="53">
        <v>-688577.76343241695</v>
      </c>
      <c r="H181" s="53">
        <v>-731790.02290798398</v>
      </c>
      <c r="I181" s="53">
        <v>-704377.43746580905</v>
      </c>
      <c r="J181" s="53">
        <v>-684002.919332469</v>
      </c>
      <c r="K181" s="53">
        <v>-783968.21771971998</v>
      </c>
      <c r="L181" s="53">
        <v>-584611.34596807999</v>
      </c>
      <c r="M181" s="53">
        <v>-631960.03186425206</v>
      </c>
      <c r="N181" s="53">
        <v>-7282783.1431021197</v>
      </c>
      <c r="O181" s="53">
        <v>-630243.15841278899</v>
      </c>
      <c r="P181" s="53">
        <v>-847277.21209372894</v>
      </c>
      <c r="Q181" s="53">
        <v>-837873.37928071397</v>
      </c>
      <c r="R181" s="53">
        <v>-880639.17230245494</v>
      </c>
      <c r="S181" s="53">
        <v>-906066.36450618599</v>
      </c>
      <c r="T181" s="53">
        <v>-985337.13744441001</v>
      </c>
      <c r="U181" s="53">
        <v>-1056527.2455038801</v>
      </c>
      <c r="V181" s="53">
        <v>-1058818.4135692599</v>
      </c>
      <c r="W181" s="53">
        <v>-979036.40649273002</v>
      </c>
      <c r="X181" s="53">
        <v>-1124492.9188822701</v>
      </c>
      <c r="Y181" s="53">
        <v>-835791.82718129701</v>
      </c>
      <c r="Z181" s="53">
        <v>-892217.25990296097</v>
      </c>
      <c r="AA181" s="53">
        <v>-11034320.495572601</v>
      </c>
      <c r="AB181" s="53">
        <v>-812039.07782575802</v>
      </c>
      <c r="AC181" s="53">
        <v>-887360.23397204396</v>
      </c>
      <c r="AD181" s="53">
        <v>-864479.853729925</v>
      </c>
      <c r="AE181" s="53">
        <v>-898843.26621298795</v>
      </c>
      <c r="AF181" s="53">
        <v>-924896.97018186201</v>
      </c>
      <c r="AG181" s="53">
        <v>-1005810.91717156</v>
      </c>
      <c r="AH181" s="53">
        <v>-1078390.96857338</v>
      </c>
      <c r="AI181" s="53">
        <v>-1080625.66168229</v>
      </c>
      <c r="AJ181" s="53">
        <v>-999067.31668894202</v>
      </c>
      <c r="AK181" s="53">
        <v>-1147662.63586452</v>
      </c>
      <c r="AL181" s="53">
        <v>-852935.13366578799</v>
      </c>
      <c r="AM181" s="53">
        <v>-910236.94088991405</v>
      </c>
      <c r="AN181" s="53">
        <v>-11462348.976459</v>
      </c>
      <c r="AO181" s="53">
        <v>-968944.51542815601</v>
      </c>
      <c r="AP181" s="53">
        <v>-1503035.8857452001</v>
      </c>
      <c r="AQ181" s="53">
        <v>-1499429.1167880101</v>
      </c>
      <c r="AR181" s="53">
        <v>-1586492.49784983</v>
      </c>
      <c r="AS181" s="53">
        <v>-1632863.9221824801</v>
      </c>
      <c r="AT181" s="53">
        <v>-1775908.0498806499</v>
      </c>
      <c r="AU181" s="53">
        <v>-1903844.3338250199</v>
      </c>
      <c r="AV181" s="53">
        <v>-1907543.7855292601</v>
      </c>
      <c r="AW181" s="53">
        <v>-1763263.3858178</v>
      </c>
      <c r="AX181" s="53">
        <v>-2026029.3237727699</v>
      </c>
      <c r="AY181" s="53">
        <v>-1505583.34136615</v>
      </c>
      <c r="AZ181" s="53">
        <v>-1606034.03994789</v>
      </c>
      <c r="BA181" s="53">
        <v>-19678972.1981332</v>
      </c>
      <c r="BB181" s="53">
        <v>-1560946.83278516</v>
      </c>
      <c r="BC181" s="53">
        <v>-2022533.7770293599</v>
      </c>
      <c r="BD181" s="53">
        <v>-1995065.3903860301</v>
      </c>
      <c r="BE181" s="53">
        <v>-2095889.4056688601</v>
      </c>
      <c r="BF181" s="53">
        <v>-2157477.5540254102</v>
      </c>
      <c r="BG181" s="53">
        <v>-2346594.9755266099</v>
      </c>
      <c r="BH181" s="53">
        <v>-2515433.2038758402</v>
      </c>
      <c r="BI181" s="53">
        <v>-2520075.14615566</v>
      </c>
      <c r="BJ181" s="53">
        <v>-2329163.7509526298</v>
      </c>
      <c r="BK181" s="53">
        <v>-2676715.2490513599</v>
      </c>
      <c r="BL181" s="53">
        <v>-1988974.1868008201</v>
      </c>
      <c r="BM181" s="53">
        <v>-2121023.88185459</v>
      </c>
      <c r="BN181" s="53">
        <v>-26329893.354112301</v>
      </c>
      <c r="BO181" s="53">
        <v>-1997123.18396252</v>
      </c>
      <c r="BP181" s="53">
        <v>-2399726.05735707</v>
      </c>
      <c r="BQ181" s="53">
        <v>-2354396.8242976302</v>
      </c>
      <c r="BR181" s="53">
        <v>-2465172.3770046602</v>
      </c>
      <c r="BS181" s="53">
        <v>-2537948.3072084598</v>
      </c>
      <c r="BT181" s="53">
        <v>-2760512.5142223099</v>
      </c>
      <c r="BU181" s="53">
        <v>-2958845.2076580999</v>
      </c>
      <c r="BV181" s="53">
        <v>-2963979.6522189202</v>
      </c>
      <c r="BW181" s="53">
        <v>-2739037.0373662198</v>
      </c>
      <c r="BX181" s="53">
        <v>-3148207.69415907</v>
      </c>
      <c r="BY181" s="53">
        <v>-2339077.53716018</v>
      </c>
      <c r="BZ181" s="53">
        <v>-2493517.3791375598</v>
      </c>
      <c r="CA181" s="53">
        <v>-31157543.7717527</v>
      </c>
      <c r="CB181" s="53"/>
      <c r="CC181" s="53"/>
      <c r="CD181" s="53"/>
      <c r="CE181" s="53"/>
      <c r="CF181" s="53"/>
      <c r="CG181" s="53"/>
      <c r="CH181" s="53"/>
      <c r="CI181" s="53"/>
      <c r="CJ181" s="53"/>
      <c r="CK181" s="53"/>
      <c r="CL181" s="53"/>
      <c r="CM181" s="53"/>
      <c r="CN181" s="53"/>
    </row>
    <row r="182" spans="1:92" outlineLevel="1">
      <c r="A182" s="52" t="s">
        <v>1264</v>
      </c>
      <c r="B182" s="53">
        <v>-903454.29309368401</v>
      </c>
      <c r="C182" s="53">
        <v>-3351732.79648074</v>
      </c>
      <c r="D182" s="53">
        <v>-3356292.6901871702</v>
      </c>
      <c r="E182" s="53">
        <v>-3591370.2930953</v>
      </c>
      <c r="F182" s="53">
        <v>-3715281.9933357802</v>
      </c>
      <c r="G182" s="53">
        <v>-4495480.2666709898</v>
      </c>
      <c r="H182" s="53">
        <v>-5326941.2725293497</v>
      </c>
      <c r="I182" s="53">
        <v>-5656920.27637274</v>
      </c>
      <c r="J182" s="53">
        <v>-5224493.66240313</v>
      </c>
      <c r="K182" s="53">
        <v>-5305743.1204777798</v>
      </c>
      <c r="L182" s="53">
        <v>-3635714.7367686601</v>
      </c>
      <c r="M182" s="53">
        <v>-3764512.7216996802</v>
      </c>
      <c r="N182" s="53">
        <v>-48327938.123115003</v>
      </c>
      <c r="O182" s="53">
        <v>-4376403.81588824</v>
      </c>
      <c r="P182" s="53">
        <v>-6593449.6833676295</v>
      </c>
      <c r="Q182" s="53">
        <v>-4679735.91667163</v>
      </c>
      <c r="R182" s="53">
        <v>-4839030.8266150299</v>
      </c>
      <c r="S182" s="53">
        <v>-5003158.8933091098</v>
      </c>
      <c r="T182" s="53">
        <v>-6234127.2755255299</v>
      </c>
      <c r="U182" s="53">
        <v>-7495218.0988205997</v>
      </c>
      <c r="V182" s="53">
        <v>-8496779.7267654594</v>
      </c>
      <c r="W182" s="53">
        <v>-8914445.7854443993</v>
      </c>
      <c r="X182" s="53">
        <v>-7542908.7148432098</v>
      </c>
      <c r="Y182" s="53">
        <v>-5018736.7044400303</v>
      </c>
      <c r="Z182" s="53">
        <v>-4877146.6472881101</v>
      </c>
      <c r="AA182" s="53">
        <v>-74071142.088979006</v>
      </c>
      <c r="AB182" s="53">
        <v>-5314910.2224222897</v>
      </c>
      <c r="AC182" s="53">
        <v>-6941114.6134587498</v>
      </c>
      <c r="AD182" s="53">
        <v>-4978847.9881517999</v>
      </c>
      <c r="AE182" s="53">
        <v>-5011626.1925101504</v>
      </c>
      <c r="AF182" s="53">
        <v>-5194266.3681148598</v>
      </c>
      <c r="AG182" s="53">
        <v>-6539464.5600647898</v>
      </c>
      <c r="AH182" s="53">
        <v>-7922428.5049572904</v>
      </c>
      <c r="AI182" s="53">
        <v>-8985103.4802111201</v>
      </c>
      <c r="AJ182" s="53">
        <v>-9392214.1784594096</v>
      </c>
      <c r="AK182" s="53">
        <v>-7962935.1374311699</v>
      </c>
      <c r="AL182" s="53">
        <v>-5267158.4498459203</v>
      </c>
      <c r="AM182" s="53">
        <v>-5088172.0844792398</v>
      </c>
      <c r="AN182" s="53">
        <v>-78598241.780106798</v>
      </c>
      <c r="AO182" s="53">
        <v>-6725571.2095993897</v>
      </c>
      <c r="AP182" s="53">
        <v>-11877611.3907691</v>
      </c>
      <c r="AQ182" s="53">
        <v>-8421265.3260554094</v>
      </c>
      <c r="AR182" s="53">
        <v>-8753731.9917781707</v>
      </c>
      <c r="AS182" s="53">
        <v>-9089838.7871743292</v>
      </c>
      <c r="AT182" s="53">
        <v>-11525091.062949199</v>
      </c>
      <c r="AU182" s="53">
        <v>-14032805.7672842</v>
      </c>
      <c r="AV182" s="53">
        <v>-15941159.578050001</v>
      </c>
      <c r="AW182" s="53">
        <v>-16668037.2734641</v>
      </c>
      <c r="AX182" s="53">
        <v>-14123631.131067101</v>
      </c>
      <c r="AY182" s="53">
        <v>-9320828.4236007202</v>
      </c>
      <c r="AZ182" s="53">
        <v>-8989769.6342542507</v>
      </c>
      <c r="BA182" s="53">
        <v>-135469341.57604599</v>
      </c>
      <c r="BB182" s="53">
        <v>-10609397.573555199</v>
      </c>
      <c r="BC182" s="53">
        <v>-15887246.3047217</v>
      </c>
      <c r="BD182" s="53">
        <v>-11132068.7879056</v>
      </c>
      <c r="BE182" s="53">
        <v>-11433634.541226801</v>
      </c>
      <c r="BF182" s="53">
        <v>-11889621.720584501</v>
      </c>
      <c r="BG182" s="53">
        <v>-15167374.186485</v>
      </c>
      <c r="BH182" s="53">
        <v>-18563550.194412999</v>
      </c>
      <c r="BI182" s="53">
        <v>-21124725.470557202</v>
      </c>
      <c r="BJ182" s="53">
        <v>-22096858.3704441</v>
      </c>
      <c r="BK182" s="53">
        <v>-18708982.885692898</v>
      </c>
      <c r="BL182" s="53">
        <v>-12317875.2420663</v>
      </c>
      <c r="BM182" s="53">
        <v>-11859737.1651942</v>
      </c>
      <c r="BN182" s="53">
        <v>-180791072.44284701</v>
      </c>
      <c r="BO182" s="53">
        <v>-13462288.135095401</v>
      </c>
      <c r="BP182" s="53">
        <v>-18782291.226543002</v>
      </c>
      <c r="BQ182" s="53">
        <v>-13067538.676412201</v>
      </c>
      <c r="BR182" s="53">
        <v>-13325790.102976101</v>
      </c>
      <c r="BS182" s="53">
        <v>-13879516.6707357</v>
      </c>
      <c r="BT182" s="53">
        <v>-17787333.310198501</v>
      </c>
      <c r="BU182" s="53">
        <v>-21866401.916923799</v>
      </c>
      <c r="BV182" s="53">
        <v>-24926056.227700099</v>
      </c>
      <c r="BW182" s="53">
        <v>-26095483.202852201</v>
      </c>
      <c r="BX182" s="53">
        <v>-22118757.204700399</v>
      </c>
      <c r="BY182" s="53">
        <v>-14565650.5248318</v>
      </c>
      <c r="BZ182" s="53">
        <v>-14034184.392944001</v>
      </c>
      <c r="CA182" s="53">
        <v>-213911291.59191301</v>
      </c>
      <c r="CB182" s="53"/>
      <c r="CC182" s="53"/>
      <c r="CD182" s="53"/>
      <c r="CE182" s="53"/>
      <c r="CF182" s="53"/>
      <c r="CG182" s="53"/>
      <c r="CH182" s="53"/>
      <c r="CI182" s="53"/>
      <c r="CJ182" s="53"/>
      <c r="CK182" s="53"/>
      <c r="CL182" s="53"/>
      <c r="CM182" s="53"/>
      <c r="CN182" s="53"/>
    </row>
    <row r="183" spans="1:92" outlineLevel="1">
      <c r="A183" s="52" t="s">
        <v>675</v>
      </c>
      <c r="B183" s="53"/>
      <c r="C183" s="53"/>
      <c r="D183" s="53"/>
      <c r="E183" s="53"/>
      <c r="F183" s="53"/>
      <c r="G183" s="53"/>
      <c r="H183" s="53"/>
      <c r="I183" s="53"/>
      <c r="J183" s="53"/>
      <c r="K183" s="53"/>
      <c r="L183" s="53"/>
      <c r="M183" s="53"/>
      <c r="N183" s="53"/>
      <c r="O183" s="53"/>
      <c r="P183" s="53"/>
      <c r="Q183" s="53"/>
      <c r="R183" s="53"/>
      <c r="S183" s="53"/>
      <c r="T183" s="53"/>
      <c r="U183" s="53"/>
      <c r="V183" s="53"/>
      <c r="W183" s="53"/>
      <c r="X183" s="53"/>
      <c r="Y183" s="53"/>
      <c r="Z183" s="53"/>
      <c r="AA183" s="53"/>
      <c r="AB183" s="53"/>
      <c r="AC183" s="53"/>
      <c r="AD183" s="53"/>
      <c r="AE183" s="53"/>
      <c r="AF183" s="53"/>
      <c r="AG183" s="53"/>
      <c r="AH183" s="53"/>
      <c r="AI183" s="53"/>
      <c r="AJ183" s="53"/>
      <c r="AK183" s="53"/>
      <c r="AL183" s="53"/>
      <c r="AM183" s="53"/>
      <c r="AN183" s="53"/>
      <c r="AO183" s="53"/>
      <c r="AP183" s="53"/>
      <c r="AQ183" s="53"/>
      <c r="AR183" s="53"/>
      <c r="AS183" s="53"/>
      <c r="AT183" s="53"/>
      <c r="AU183" s="53"/>
      <c r="AV183" s="53"/>
      <c r="AW183" s="53"/>
      <c r="AX183" s="53"/>
      <c r="AY183" s="53"/>
      <c r="AZ183" s="53"/>
      <c r="BA183" s="53"/>
      <c r="BB183" s="53"/>
      <c r="BC183" s="53"/>
      <c r="BD183" s="53"/>
      <c r="BE183" s="53"/>
      <c r="BF183" s="53"/>
      <c r="BG183" s="53"/>
      <c r="BH183" s="53"/>
      <c r="BI183" s="53"/>
      <c r="BJ183" s="53"/>
      <c r="BK183" s="53"/>
      <c r="BL183" s="53"/>
      <c r="BM183" s="53"/>
      <c r="BN183" s="53"/>
      <c r="BO183" s="53"/>
      <c r="BP183" s="53"/>
      <c r="BQ183" s="53"/>
      <c r="BR183" s="53"/>
      <c r="BS183" s="53"/>
      <c r="BT183" s="53"/>
      <c r="BU183" s="53"/>
      <c r="BV183" s="53"/>
      <c r="BW183" s="53"/>
      <c r="BX183" s="53"/>
      <c r="BY183" s="53"/>
      <c r="BZ183" s="53"/>
      <c r="CA183" s="53"/>
      <c r="CB183" s="53">
        <v>-94432748.220314205</v>
      </c>
      <c r="CC183" s="53">
        <v>-94369961.312156901</v>
      </c>
      <c r="CD183" s="53">
        <v>-91701246.418512106</v>
      </c>
      <c r="CE183" s="53">
        <v>-95876473.778528094</v>
      </c>
      <c r="CF183" s="53">
        <v>-98232087.418552399</v>
      </c>
      <c r="CG183" s="53">
        <v>-116726884.052763</v>
      </c>
      <c r="CH183" s="53">
        <v>-135460117.89834899</v>
      </c>
      <c r="CI183" s="53">
        <v>-141402860.86805001</v>
      </c>
      <c r="CJ183" s="53">
        <v>-131318877.989205</v>
      </c>
      <c r="CK183" s="53">
        <v>-136809965.308929</v>
      </c>
      <c r="CL183" s="53">
        <v>-96219589.637727901</v>
      </c>
      <c r="CM183" s="53">
        <v>-99607989.318804502</v>
      </c>
      <c r="CN183" s="53">
        <v>-1332158802.22189</v>
      </c>
    </row>
    <row r="184" spans="1:92">
      <c r="A184" s="52" t="s">
        <v>1246</v>
      </c>
      <c r="B184" s="53"/>
      <c r="C184" s="53"/>
      <c r="D184" s="53"/>
      <c r="E184" s="53"/>
      <c r="F184" s="53"/>
      <c r="G184" s="53"/>
      <c r="H184" s="53"/>
      <c r="I184" s="53"/>
      <c r="J184" s="53"/>
      <c r="K184" s="53"/>
      <c r="L184" s="53"/>
      <c r="M184" s="53"/>
      <c r="N184" s="53"/>
      <c r="O184" s="53"/>
      <c r="P184" s="53"/>
      <c r="Q184" s="53"/>
      <c r="R184" s="53"/>
      <c r="S184" s="53"/>
      <c r="T184" s="53"/>
      <c r="U184" s="53"/>
      <c r="V184" s="53"/>
      <c r="W184" s="53"/>
      <c r="X184" s="53"/>
      <c r="Y184" s="53"/>
      <c r="Z184" s="53"/>
      <c r="AA184" s="53"/>
      <c r="AB184" s="53"/>
      <c r="AC184" s="53"/>
      <c r="AD184" s="53"/>
      <c r="AE184" s="53"/>
      <c r="AF184" s="53"/>
      <c r="AG184" s="53"/>
      <c r="AH184" s="53"/>
      <c r="AI184" s="53"/>
      <c r="AJ184" s="53"/>
      <c r="AK184" s="53"/>
      <c r="AL184" s="53"/>
      <c r="AM184" s="53"/>
      <c r="AN184" s="53"/>
      <c r="AO184" s="53"/>
      <c r="AP184" s="53"/>
      <c r="AQ184" s="53"/>
      <c r="AR184" s="53"/>
      <c r="AS184" s="53"/>
      <c r="AT184" s="53"/>
      <c r="AU184" s="53"/>
      <c r="AV184" s="53"/>
      <c r="AW184" s="53"/>
      <c r="AX184" s="53"/>
      <c r="AY184" s="53"/>
      <c r="AZ184" s="53"/>
      <c r="BA184" s="53"/>
      <c r="BB184" s="53"/>
      <c r="BC184" s="53"/>
      <c r="BD184" s="53"/>
      <c r="BE184" s="53"/>
      <c r="BF184" s="53"/>
      <c r="BG184" s="53"/>
      <c r="BH184" s="53"/>
      <c r="BI184" s="53"/>
      <c r="BJ184" s="53"/>
      <c r="BK184" s="53"/>
      <c r="BL184" s="53"/>
      <c r="BM184" s="53"/>
      <c r="BN184" s="53"/>
      <c r="BO184" s="53"/>
      <c r="BP184" s="53"/>
      <c r="BQ184" s="53"/>
      <c r="BR184" s="53"/>
      <c r="BS184" s="53"/>
      <c r="BT184" s="53"/>
      <c r="BU184" s="53"/>
      <c r="BV184" s="53"/>
      <c r="BW184" s="53"/>
      <c r="BX184" s="53"/>
      <c r="BY184" s="53"/>
      <c r="BZ184" s="53"/>
      <c r="CA184" s="53"/>
      <c r="CB184" s="53"/>
      <c r="CC184" s="53"/>
      <c r="CD184" s="53"/>
      <c r="CE184" s="53"/>
      <c r="CF184" s="53"/>
      <c r="CG184" s="53"/>
      <c r="CH184" s="53"/>
      <c r="CI184" s="53"/>
      <c r="CJ184" s="53"/>
      <c r="CK184" s="53"/>
      <c r="CL184" s="53"/>
      <c r="CM184" s="53"/>
      <c r="CN184" s="53"/>
    </row>
    <row r="185" spans="1:92">
      <c r="A185" s="52" t="s">
        <v>1249</v>
      </c>
      <c r="B185" s="53">
        <v>-96463546.520651296</v>
      </c>
      <c r="C185" s="53">
        <v>-135180838.53455499</v>
      </c>
      <c r="D185" s="53">
        <v>-136299216.23783001</v>
      </c>
      <c r="E185" s="53">
        <v>-146869401.279787</v>
      </c>
      <c r="F185" s="53">
        <v>-150580910.07515901</v>
      </c>
      <c r="G185" s="53">
        <v>-172580380.553489</v>
      </c>
      <c r="H185" s="53">
        <v>-197832259.71818399</v>
      </c>
      <c r="I185" s="53">
        <v>-205089769.22558799</v>
      </c>
      <c r="J185" s="53">
        <v>-190904581.831781</v>
      </c>
      <c r="K185" s="53">
        <v>-200075060.98661199</v>
      </c>
      <c r="L185" s="53">
        <v>-142156175.27028599</v>
      </c>
      <c r="M185" s="53">
        <v>-150917053.19103801</v>
      </c>
      <c r="N185" s="53">
        <v>-1924949193.4249599</v>
      </c>
      <c r="O185" s="53">
        <v>-166766165.44639599</v>
      </c>
      <c r="P185" s="53">
        <v>-243054000.87109399</v>
      </c>
      <c r="Q185" s="53">
        <v>-190873019.240731</v>
      </c>
      <c r="R185" s="53">
        <v>-203262069.08126301</v>
      </c>
      <c r="S185" s="53">
        <v>-213005755.48536399</v>
      </c>
      <c r="T185" s="53">
        <v>-249235781.30038401</v>
      </c>
      <c r="U185" s="53">
        <v>-281242696.06394899</v>
      </c>
      <c r="V185" s="53">
        <v>-307275968.82789898</v>
      </c>
      <c r="W185" s="53">
        <v>-315680430.36062098</v>
      </c>
      <c r="X185" s="53">
        <v>-284920529.24478102</v>
      </c>
      <c r="Y185" s="53">
        <v>-197983427.77459401</v>
      </c>
      <c r="Z185" s="53">
        <v>-198420878.40011799</v>
      </c>
      <c r="AA185" s="53">
        <v>-2851720722.0971899</v>
      </c>
      <c r="AB185" s="53">
        <v>-198539123.70489901</v>
      </c>
      <c r="AC185" s="53">
        <v>-231266502.631787</v>
      </c>
      <c r="AD185" s="53">
        <v>-180719489.033252</v>
      </c>
      <c r="AE185" s="53">
        <v>-187280902.850364</v>
      </c>
      <c r="AF185" s="53">
        <v>-196894672.97815299</v>
      </c>
      <c r="AG185" s="53">
        <v>-232218477.38704401</v>
      </c>
      <c r="AH185" s="53">
        <v>-263346317.314331</v>
      </c>
      <c r="AI185" s="53">
        <v>-287835248.13905197</v>
      </c>
      <c r="AJ185" s="53">
        <v>-295482499.08592302</v>
      </c>
      <c r="AK185" s="53">
        <v>-266576905.65420601</v>
      </c>
      <c r="AL185" s="53">
        <v>-184245254.221365</v>
      </c>
      <c r="AM185" s="53">
        <v>-183539229.68939501</v>
      </c>
      <c r="AN185" s="53">
        <v>-2707944622.6897702</v>
      </c>
      <c r="AO185" s="53">
        <v>-171552453.79966599</v>
      </c>
      <c r="AP185" s="53">
        <v>-164294872.82768801</v>
      </c>
      <c r="AQ185" s="53">
        <v>-124561443.36114199</v>
      </c>
      <c r="AR185" s="53">
        <v>-129616538.44249199</v>
      </c>
      <c r="AS185" s="53">
        <v>-136387697.46625099</v>
      </c>
      <c r="AT185" s="53">
        <v>-161545007.53778201</v>
      </c>
      <c r="AU185" s="53">
        <v>-183671378.627891</v>
      </c>
      <c r="AV185" s="53">
        <v>-201191027.417795</v>
      </c>
      <c r="AW185" s="53">
        <v>-206356273.92914799</v>
      </c>
      <c r="AX185" s="53">
        <v>-186169379.42292699</v>
      </c>
      <c r="AY185" s="53">
        <v>-128111049.795011</v>
      </c>
      <c r="AZ185" s="53">
        <v>-127761218.18048801</v>
      </c>
      <c r="BA185" s="53">
        <v>-1921218340.80828</v>
      </c>
      <c r="BB185" s="53">
        <v>-129310721.86910599</v>
      </c>
      <c r="BC185" s="53">
        <v>-154121073.007983</v>
      </c>
      <c r="BD185" s="53">
        <v>-118528480.33093899</v>
      </c>
      <c r="BE185" s="53">
        <v>-124876561.447532</v>
      </c>
      <c r="BF185" s="53">
        <v>-131487250.134253</v>
      </c>
      <c r="BG185" s="53">
        <v>-156110096.512808</v>
      </c>
      <c r="BH185" s="53">
        <v>-178265977.18667299</v>
      </c>
      <c r="BI185" s="53">
        <v>-195296595.19141099</v>
      </c>
      <c r="BJ185" s="53">
        <v>-200307604.06631199</v>
      </c>
      <c r="BK185" s="53">
        <v>-180854561.103302</v>
      </c>
      <c r="BL185" s="53">
        <v>-124440617.04586899</v>
      </c>
      <c r="BM185" s="53">
        <v>-123620001.255597</v>
      </c>
      <c r="BN185" s="53">
        <v>-1817219539.1517899</v>
      </c>
      <c r="BO185" s="53">
        <v>-124934141.51274399</v>
      </c>
      <c r="BP185" s="53">
        <v>-147725872.93409199</v>
      </c>
      <c r="BQ185" s="53">
        <v>-113357625.571483</v>
      </c>
      <c r="BR185" s="53">
        <v>-119122434.080054</v>
      </c>
      <c r="BS185" s="53">
        <v>-125568549.812217</v>
      </c>
      <c r="BT185" s="53">
        <v>-149666761.64789</v>
      </c>
      <c r="BU185" s="53">
        <v>-171400074.42767799</v>
      </c>
      <c r="BV185" s="53">
        <v>-187909396.85914099</v>
      </c>
      <c r="BW185" s="53">
        <v>-192767069.42352101</v>
      </c>
      <c r="BX185" s="53">
        <v>-174244629.314197</v>
      </c>
      <c r="BY185" s="53">
        <v>-119906458.989871</v>
      </c>
      <c r="BZ185" s="53">
        <v>-119237526.136066</v>
      </c>
      <c r="CA185" s="53">
        <v>-1745840540.70895</v>
      </c>
      <c r="CB185" s="53"/>
      <c r="CC185" s="53"/>
      <c r="CD185" s="53"/>
      <c r="CE185" s="53"/>
      <c r="CF185" s="53"/>
      <c r="CG185" s="53"/>
      <c r="CH185" s="53"/>
      <c r="CI185" s="53"/>
      <c r="CJ185" s="53"/>
      <c r="CK185" s="53"/>
      <c r="CL185" s="53"/>
      <c r="CM185" s="53"/>
      <c r="CN185" s="53"/>
    </row>
    <row r="186" spans="1:92">
      <c r="A186" s="52" t="s">
        <v>1247</v>
      </c>
      <c r="B186" s="53"/>
      <c r="C186" s="53"/>
      <c r="D186" s="53"/>
      <c r="E186" s="53"/>
      <c r="F186" s="53"/>
      <c r="G186" s="53"/>
      <c r="H186" s="53"/>
      <c r="I186" s="53"/>
      <c r="J186" s="53"/>
      <c r="K186" s="53"/>
      <c r="L186" s="53"/>
      <c r="M186" s="53"/>
      <c r="N186" s="53"/>
      <c r="O186" s="53"/>
      <c r="P186" s="53"/>
      <c r="Q186" s="53"/>
      <c r="R186" s="53"/>
      <c r="S186" s="53"/>
      <c r="T186" s="53"/>
      <c r="U186" s="53"/>
      <c r="V186" s="53"/>
      <c r="W186" s="53"/>
      <c r="X186" s="53"/>
      <c r="Y186" s="53"/>
      <c r="Z186" s="53"/>
      <c r="AA186" s="53"/>
      <c r="AB186" s="53"/>
      <c r="AC186" s="53"/>
      <c r="AD186" s="53"/>
      <c r="AE186" s="53"/>
      <c r="AF186" s="53"/>
      <c r="AG186" s="53"/>
      <c r="AH186" s="53"/>
      <c r="AI186" s="53"/>
      <c r="AJ186" s="53"/>
      <c r="AK186" s="53"/>
      <c r="AL186" s="53"/>
      <c r="AM186" s="53"/>
      <c r="AN186" s="53"/>
      <c r="AO186" s="53"/>
      <c r="AP186" s="53"/>
      <c r="AQ186" s="53"/>
      <c r="AR186" s="53"/>
      <c r="AS186" s="53"/>
      <c r="AT186" s="53"/>
      <c r="AU186" s="53"/>
      <c r="AV186" s="53"/>
      <c r="AW186" s="53"/>
      <c r="AX186" s="53"/>
      <c r="AY186" s="53"/>
      <c r="AZ186" s="53"/>
      <c r="BA186" s="53"/>
      <c r="BB186" s="53"/>
      <c r="BC186" s="53"/>
      <c r="BD186" s="53"/>
      <c r="BE186" s="53"/>
      <c r="BF186" s="53"/>
      <c r="BG186" s="53"/>
      <c r="BH186" s="53"/>
      <c r="BI186" s="53"/>
      <c r="BJ186" s="53"/>
      <c r="BK186" s="53"/>
      <c r="BL186" s="53"/>
      <c r="BM186" s="53"/>
      <c r="BN186" s="53"/>
      <c r="BO186" s="53"/>
      <c r="BP186" s="53"/>
      <c r="BQ186" s="53"/>
      <c r="BR186" s="53"/>
      <c r="BS186" s="53"/>
      <c r="BT186" s="53"/>
      <c r="BU186" s="53"/>
      <c r="BV186" s="53"/>
      <c r="BW186" s="53"/>
      <c r="BX186" s="53"/>
      <c r="BY186" s="53"/>
      <c r="BZ186" s="53"/>
      <c r="CA186" s="53"/>
      <c r="CB186" s="53">
        <v>443110.86610271898</v>
      </c>
      <c r="CC186" s="53">
        <v>374766.93418954202</v>
      </c>
      <c r="CD186" s="53">
        <v>411860.58209293202</v>
      </c>
      <c r="CE186" s="53">
        <v>309320.21617517201</v>
      </c>
      <c r="CF186" s="53">
        <v>327877.99139216199</v>
      </c>
      <c r="CG186" s="53">
        <v>321814.55080753</v>
      </c>
      <c r="CH186" s="53">
        <v>334998.21706726903</v>
      </c>
      <c r="CI186" s="53">
        <v>339585.19625758298</v>
      </c>
      <c r="CJ186" s="53">
        <v>328938.60394039197</v>
      </c>
      <c r="CK186" s="53">
        <v>386593.26848698198</v>
      </c>
      <c r="CL186" s="53">
        <v>356849.393456875</v>
      </c>
      <c r="CM186" s="53">
        <v>437325.99130017002</v>
      </c>
      <c r="CN186" s="53">
        <v>4373041.8112693299</v>
      </c>
    </row>
    <row r="187" spans="1:92">
      <c r="A187" s="52" t="s">
        <v>1248</v>
      </c>
      <c r="B187" s="53"/>
      <c r="C187" s="53"/>
      <c r="D187" s="53"/>
      <c r="E187" s="53"/>
      <c r="F187" s="53"/>
      <c r="G187" s="53"/>
      <c r="H187" s="53"/>
      <c r="I187" s="53"/>
      <c r="J187" s="53"/>
      <c r="K187" s="53"/>
      <c r="L187" s="53"/>
      <c r="M187" s="53"/>
      <c r="N187" s="53"/>
      <c r="O187" s="53"/>
      <c r="P187" s="53"/>
      <c r="Q187" s="53"/>
      <c r="R187" s="53"/>
      <c r="S187" s="53"/>
      <c r="T187" s="53"/>
      <c r="U187" s="53"/>
      <c r="V187" s="53"/>
      <c r="W187" s="53"/>
      <c r="X187" s="53"/>
      <c r="Y187" s="53"/>
      <c r="Z187" s="53"/>
      <c r="AA187" s="53"/>
      <c r="AB187" s="53"/>
      <c r="AC187" s="53"/>
      <c r="AD187" s="53"/>
      <c r="AE187" s="53"/>
      <c r="AF187" s="53"/>
      <c r="AG187" s="53"/>
      <c r="AH187" s="53"/>
      <c r="AI187" s="53"/>
      <c r="AJ187" s="53"/>
      <c r="AK187" s="53"/>
      <c r="AL187" s="53"/>
      <c r="AM187" s="53"/>
      <c r="AN187" s="53"/>
      <c r="AO187" s="53"/>
      <c r="AP187" s="53"/>
      <c r="AQ187" s="53"/>
      <c r="AR187" s="53"/>
      <c r="AS187" s="53"/>
      <c r="AT187" s="53"/>
      <c r="AU187" s="53"/>
      <c r="AV187" s="53"/>
      <c r="AW187" s="53"/>
      <c r="AX187" s="53"/>
      <c r="AY187" s="53"/>
      <c r="AZ187" s="53"/>
      <c r="BA187" s="53"/>
      <c r="BB187" s="53"/>
      <c r="BC187" s="53"/>
      <c r="BD187" s="53"/>
      <c r="BE187" s="53"/>
      <c r="BF187" s="53"/>
      <c r="BG187" s="53"/>
      <c r="BH187" s="53"/>
      <c r="BI187" s="53"/>
      <c r="BJ187" s="53"/>
      <c r="BK187" s="53"/>
      <c r="BL187" s="53"/>
      <c r="BM187" s="53"/>
      <c r="BN187" s="53"/>
      <c r="BO187" s="53"/>
      <c r="BP187" s="53"/>
      <c r="BQ187" s="53"/>
      <c r="BR187" s="53"/>
      <c r="BS187" s="53"/>
      <c r="BT187" s="53"/>
      <c r="BU187" s="53"/>
      <c r="BV187" s="53"/>
      <c r="BW187" s="53"/>
      <c r="BX187" s="53"/>
      <c r="BY187" s="53"/>
      <c r="BZ187" s="53"/>
      <c r="CA187" s="53"/>
      <c r="CB187" s="53"/>
      <c r="CC187" s="53"/>
      <c r="CD187" s="53"/>
      <c r="CE187" s="53"/>
      <c r="CF187" s="53"/>
      <c r="CG187" s="53"/>
      <c r="CH187" s="53"/>
      <c r="CI187" s="53"/>
      <c r="CJ187" s="53"/>
      <c r="CK187" s="53"/>
      <c r="CL187" s="53"/>
      <c r="CM187" s="53"/>
      <c r="CN187" s="53"/>
    </row>
    <row r="188" spans="1:92">
      <c r="A188" s="52" t="s">
        <v>649</v>
      </c>
      <c r="B188" s="53">
        <v>2743416.4631051798</v>
      </c>
      <c r="C188" s="53">
        <v>2131472.2341688098</v>
      </c>
      <c r="D188" s="53">
        <v>1781790.0777302</v>
      </c>
      <c r="E188" s="53">
        <v>694603.66442794004</v>
      </c>
      <c r="F188" s="53">
        <v>629769.55830318597</v>
      </c>
      <c r="G188" s="53">
        <v>581901.95061849197</v>
      </c>
      <c r="H188" s="53">
        <v>873954.861586691</v>
      </c>
      <c r="I188" s="53">
        <v>874720.62436687702</v>
      </c>
      <c r="J188" s="53">
        <v>843902.37498390896</v>
      </c>
      <c r="K188" s="53">
        <v>849344.59679849399</v>
      </c>
      <c r="L188" s="53">
        <v>656531.54544786399</v>
      </c>
      <c r="M188" s="53">
        <v>903934.74421155802</v>
      </c>
      <c r="N188" s="53">
        <v>13565342.695749201</v>
      </c>
      <c r="O188" s="53">
        <v>2084298.0994595501</v>
      </c>
      <c r="P188" s="53">
        <v>1984381.6632226401</v>
      </c>
      <c r="Q188" s="53">
        <v>2416221.7540972899</v>
      </c>
      <c r="R188" s="53">
        <v>2814683.1936568399</v>
      </c>
      <c r="S188" s="53">
        <v>2753720.1509282598</v>
      </c>
      <c r="T188" s="53">
        <v>3679724.9093171102</v>
      </c>
      <c r="U188" s="53">
        <v>4457509.0419478202</v>
      </c>
      <c r="V188" s="53">
        <v>3926376.0527628399</v>
      </c>
      <c r="W188" s="53">
        <v>3448338.94546672</v>
      </c>
      <c r="X188" s="53">
        <v>4050786.5327370702</v>
      </c>
      <c r="Y188" s="53">
        <v>3219439.2831973801</v>
      </c>
      <c r="Z188" s="53">
        <v>4826635.8343028603</v>
      </c>
      <c r="AA188" s="53">
        <v>39662115.461096399</v>
      </c>
      <c r="AB188" s="53">
        <v>1512506.2214154</v>
      </c>
      <c r="AC188" s="53">
        <v>1531387.4001426101</v>
      </c>
      <c r="AD188" s="53">
        <v>1825631.1291002601</v>
      </c>
      <c r="AE188" s="53">
        <v>2227637.2722332501</v>
      </c>
      <c r="AF188" s="53">
        <v>2169754.93692639</v>
      </c>
      <c r="AG188" s="53">
        <v>2985010.7197277402</v>
      </c>
      <c r="AH188" s="53">
        <v>3531556.98984343</v>
      </c>
      <c r="AI188" s="53">
        <v>3166526.5268250601</v>
      </c>
      <c r="AJ188" s="53">
        <v>2820611.5984066701</v>
      </c>
      <c r="AK188" s="53">
        <v>3391245.8875457598</v>
      </c>
      <c r="AL188" s="53">
        <v>2762181.5588388401</v>
      </c>
      <c r="AM188" s="53">
        <v>4117418.7350950302</v>
      </c>
      <c r="AN188" s="53">
        <v>32041468.9761004</v>
      </c>
      <c r="AO188" s="53">
        <v>636361.84366106999</v>
      </c>
      <c r="AP188" s="53">
        <v>566337.86061880295</v>
      </c>
      <c r="AQ188" s="53">
        <v>616104.59002085798</v>
      </c>
      <c r="AR188" s="53">
        <v>472731.00183010299</v>
      </c>
      <c r="AS188" s="53">
        <v>443453.97011011897</v>
      </c>
      <c r="AT188" s="53">
        <v>424517.20318619901</v>
      </c>
      <c r="AU188" s="53">
        <v>463680.00236431003</v>
      </c>
      <c r="AV188" s="53">
        <v>498144.87638907402</v>
      </c>
      <c r="AW188" s="53">
        <v>481132.34443810902</v>
      </c>
      <c r="AX188" s="53">
        <v>481870.51815674</v>
      </c>
      <c r="AY188" s="53">
        <v>503490.238304967</v>
      </c>
      <c r="AZ188" s="53">
        <v>612361.35003153596</v>
      </c>
      <c r="BA188" s="53">
        <v>6200185.7991118897</v>
      </c>
      <c r="BB188" s="53">
        <v>632323.61167207395</v>
      </c>
      <c r="BC188" s="53">
        <v>571086.44043036597</v>
      </c>
      <c r="BD188" s="53">
        <v>589364.11983287195</v>
      </c>
      <c r="BE188" s="53">
        <v>429493.90613010002</v>
      </c>
      <c r="BF188" s="53">
        <v>466370.87115411903</v>
      </c>
      <c r="BG188" s="53">
        <v>450919.47127108701</v>
      </c>
      <c r="BH188" s="53">
        <v>475710.05686567101</v>
      </c>
      <c r="BI188" s="53">
        <v>492272.99960638297</v>
      </c>
      <c r="BJ188" s="53">
        <v>476425.31707493798</v>
      </c>
      <c r="BK188" s="53">
        <v>534151.40123273095</v>
      </c>
      <c r="BL188" s="53">
        <v>549763.75346925994</v>
      </c>
      <c r="BM188" s="53">
        <v>629221.30396527704</v>
      </c>
      <c r="BN188" s="53">
        <v>6297103.2527048802</v>
      </c>
      <c r="BO188" s="53">
        <v>629701.478562259</v>
      </c>
      <c r="BP188" s="53">
        <v>545681.13909299602</v>
      </c>
      <c r="BQ188" s="53">
        <v>580947.06194173999</v>
      </c>
      <c r="BR188" s="53">
        <v>474094.35143996897</v>
      </c>
      <c r="BS188" s="53">
        <v>460523.52984044602</v>
      </c>
      <c r="BT188" s="53">
        <v>452007.59052472899</v>
      </c>
      <c r="BU188" s="53">
        <v>469691.71284920903</v>
      </c>
      <c r="BV188" s="53">
        <v>482724.15601380798</v>
      </c>
      <c r="BW188" s="53">
        <v>462175.60266473901</v>
      </c>
      <c r="BX188" s="53">
        <v>483890.35726451903</v>
      </c>
      <c r="BY188" s="53">
        <v>488028.12336450903</v>
      </c>
      <c r="BZ188" s="53">
        <v>564490.95935285103</v>
      </c>
      <c r="CA188" s="53">
        <v>6093956.0629117796</v>
      </c>
      <c r="CB188" s="53">
        <v>22792.929675146501</v>
      </c>
      <c r="CC188" s="53">
        <v>42923.529018788598</v>
      </c>
      <c r="CD188" s="53">
        <v>25492.149875914401</v>
      </c>
      <c r="CE188" s="53">
        <v>30135.2512537445</v>
      </c>
      <c r="CF188" s="53">
        <v>17897.941782620899</v>
      </c>
      <c r="CG188" s="53">
        <v>21647.0211627916</v>
      </c>
      <c r="CH188" s="53">
        <v>60904.237280389199</v>
      </c>
      <c r="CI188" s="53">
        <v>70213.233293351106</v>
      </c>
      <c r="CJ188" s="53">
        <v>61201.006357274498</v>
      </c>
      <c r="CK188" s="53">
        <v>61708.1423847693</v>
      </c>
      <c r="CL188" s="53">
        <v>60348.043877687996</v>
      </c>
      <c r="CM188" s="53">
        <v>68736.952508731396</v>
      </c>
      <c r="CN188" s="53">
        <v>544000.43847120996</v>
      </c>
    </row>
    <row r="189" spans="1:92">
      <c r="A189" s="52" t="s">
        <v>1250</v>
      </c>
      <c r="B189" s="53"/>
      <c r="C189" s="53"/>
      <c r="D189" s="53"/>
      <c r="E189" s="53"/>
      <c r="F189" s="53"/>
      <c r="G189" s="53"/>
      <c r="H189" s="53"/>
      <c r="I189" s="53"/>
      <c r="J189" s="53"/>
      <c r="K189" s="53"/>
      <c r="L189" s="53"/>
      <c r="M189" s="53"/>
      <c r="N189" s="53"/>
      <c r="O189" s="53"/>
      <c r="P189" s="53"/>
      <c r="Q189" s="53"/>
      <c r="R189" s="53"/>
      <c r="S189" s="53"/>
      <c r="T189" s="53"/>
      <c r="U189" s="53"/>
      <c r="V189" s="53"/>
      <c r="W189" s="53"/>
      <c r="X189" s="53"/>
      <c r="Y189" s="53"/>
      <c r="Z189" s="53"/>
      <c r="AA189" s="53"/>
      <c r="AB189" s="53"/>
      <c r="AC189" s="53"/>
      <c r="AD189" s="53"/>
      <c r="AE189" s="53"/>
      <c r="AF189" s="53"/>
      <c r="AG189" s="53"/>
      <c r="AH189" s="53"/>
      <c r="AI189" s="53"/>
      <c r="AJ189" s="53"/>
      <c r="AK189" s="53"/>
      <c r="AL189" s="53"/>
      <c r="AM189" s="53"/>
      <c r="AN189" s="53"/>
      <c r="AO189" s="53"/>
      <c r="AP189" s="53"/>
      <c r="AQ189" s="53"/>
      <c r="AR189" s="53"/>
      <c r="AS189" s="53"/>
      <c r="AT189" s="53"/>
      <c r="AU189" s="53"/>
      <c r="AV189" s="53"/>
      <c r="AW189" s="53"/>
      <c r="AX189" s="53"/>
      <c r="AY189" s="53"/>
      <c r="AZ189" s="53"/>
      <c r="BA189" s="53"/>
      <c r="BB189" s="53"/>
      <c r="BC189" s="53"/>
      <c r="BD189" s="53"/>
      <c r="BE189" s="53"/>
      <c r="BF189" s="53"/>
      <c r="BG189" s="53"/>
      <c r="BH189" s="53"/>
      <c r="BI189" s="53"/>
      <c r="BJ189" s="53"/>
      <c r="BK189" s="53"/>
      <c r="BL189" s="53"/>
      <c r="BM189" s="53"/>
      <c r="BN189" s="53"/>
      <c r="BO189" s="53"/>
      <c r="BP189" s="53"/>
      <c r="BQ189" s="53"/>
      <c r="BR189" s="53"/>
      <c r="BS189" s="53"/>
      <c r="BT189" s="53"/>
      <c r="BU189" s="53"/>
      <c r="BV189" s="53"/>
      <c r="BW189" s="53"/>
      <c r="BX189" s="53"/>
      <c r="BY189" s="53"/>
      <c r="BZ189" s="53"/>
      <c r="CA189" s="53"/>
      <c r="CB189" s="53"/>
      <c r="CC189" s="53"/>
      <c r="CD189" s="53"/>
      <c r="CE189" s="53"/>
      <c r="CF189" s="53"/>
      <c r="CG189" s="53"/>
      <c r="CH189" s="53"/>
      <c r="CI189" s="53"/>
      <c r="CJ189" s="53"/>
      <c r="CK189" s="53"/>
      <c r="CL189" s="53"/>
      <c r="CM189" s="53"/>
      <c r="CN189" s="53"/>
    </row>
    <row r="190" spans="1:92">
      <c r="A190" s="52" t="s">
        <v>649</v>
      </c>
      <c r="B190" s="53">
        <v>26259.534003308501</v>
      </c>
      <c r="C190" s="53">
        <v>47600.570986477702</v>
      </c>
      <c r="D190" s="53">
        <v>43174.804548433203</v>
      </c>
      <c r="E190" s="53">
        <v>51544.426838227198</v>
      </c>
      <c r="F190" s="53">
        <v>33672.378730987803</v>
      </c>
      <c r="G190" s="53">
        <v>33126.842980366797</v>
      </c>
      <c r="H190" s="53">
        <v>120195.67607650001</v>
      </c>
      <c r="I190" s="53">
        <v>141781.718066737</v>
      </c>
      <c r="J190" s="53">
        <v>159946.056670563</v>
      </c>
      <c r="K190" s="53">
        <v>158045.50466753199</v>
      </c>
      <c r="L190" s="53">
        <v>152696.335958674</v>
      </c>
      <c r="M190" s="53">
        <v>175549.213041949</v>
      </c>
      <c r="N190" s="53">
        <v>1143593.06256975</v>
      </c>
      <c r="O190" s="53">
        <v>45798.298789285</v>
      </c>
      <c r="P190" s="53">
        <v>85018.962315359095</v>
      </c>
      <c r="Q190" s="53">
        <v>37660.110173381603</v>
      </c>
      <c r="R190" s="53">
        <v>63057.733443543897</v>
      </c>
      <c r="S190" s="53">
        <v>34681.823918407397</v>
      </c>
      <c r="T190" s="53">
        <v>37070.370093831698</v>
      </c>
      <c r="U190" s="53">
        <v>102483.82395090901</v>
      </c>
      <c r="V190" s="53">
        <v>119237.331035134</v>
      </c>
      <c r="W190" s="53">
        <v>106522.463297828</v>
      </c>
      <c r="X190" s="53">
        <v>83627.152333526799</v>
      </c>
      <c r="Y190" s="53">
        <v>100624.96847155099</v>
      </c>
      <c r="Z190" s="53">
        <v>115340.217512654</v>
      </c>
      <c r="AA190" s="53">
        <v>931123.25533541397</v>
      </c>
      <c r="AB190" s="53">
        <v>43127.0262190254</v>
      </c>
      <c r="AC190" s="53">
        <v>79322.887439561397</v>
      </c>
      <c r="AD190" s="53">
        <v>30967.503860578101</v>
      </c>
      <c r="AE190" s="53">
        <v>52274.796800608397</v>
      </c>
      <c r="AF190" s="53">
        <v>27205.943849929699</v>
      </c>
      <c r="AG190" s="53">
        <v>30726.311427552399</v>
      </c>
      <c r="AH190" s="53">
        <v>88209.394814677595</v>
      </c>
      <c r="AI190" s="53">
        <v>100257.49385484299</v>
      </c>
      <c r="AJ190" s="53">
        <v>87695.306270033296</v>
      </c>
      <c r="AK190" s="53">
        <v>70902.108287347801</v>
      </c>
      <c r="AL190" s="53">
        <v>85528.582469283298</v>
      </c>
      <c r="AM190" s="53">
        <v>101701.599843458</v>
      </c>
      <c r="AN190" s="53">
        <v>797918.95513689995</v>
      </c>
      <c r="AO190" s="53">
        <v>35930.900399412698</v>
      </c>
      <c r="AP190" s="53">
        <v>66531.469077179907</v>
      </c>
      <c r="AQ190" s="53">
        <v>27705.615066570899</v>
      </c>
      <c r="AR190" s="53">
        <v>45394.882634061403</v>
      </c>
      <c r="AS190" s="53">
        <v>25909.8458810997</v>
      </c>
      <c r="AT190" s="53">
        <v>29765.923411813601</v>
      </c>
      <c r="AU190" s="53">
        <v>83365.699501543</v>
      </c>
      <c r="AV190" s="53">
        <v>97179.469923626501</v>
      </c>
      <c r="AW190" s="53">
        <v>84918.480501698694</v>
      </c>
      <c r="AX190" s="53">
        <v>68276.098677540896</v>
      </c>
      <c r="AY190" s="53">
        <v>82770.659489733196</v>
      </c>
      <c r="AZ190" s="53">
        <v>97022.617716270703</v>
      </c>
      <c r="BA190" s="53">
        <v>744771.66228055104</v>
      </c>
      <c r="BB190" s="53">
        <v>34724.037776647499</v>
      </c>
      <c r="BC190" s="53">
        <v>65761.081449644102</v>
      </c>
      <c r="BD190" s="53">
        <v>26842.709695682701</v>
      </c>
      <c r="BE190" s="53">
        <v>44238.485313627803</v>
      </c>
      <c r="BF190" s="53">
        <v>24948.571048864898</v>
      </c>
      <c r="BG190" s="53">
        <v>28577.649044941401</v>
      </c>
      <c r="BH190" s="53">
        <v>80634.402099777202</v>
      </c>
      <c r="BI190" s="53">
        <v>93859.264579023598</v>
      </c>
      <c r="BJ190" s="53">
        <v>82454.536228373094</v>
      </c>
      <c r="BK190" s="53">
        <v>66925.677227510998</v>
      </c>
      <c r="BL190" s="53">
        <v>81457.791908049505</v>
      </c>
      <c r="BM190" s="53">
        <v>96470.128126115407</v>
      </c>
      <c r="BN190" s="53">
        <v>726894.33449825796</v>
      </c>
      <c r="BO190" s="53">
        <v>34674.345282950002</v>
      </c>
      <c r="BP190" s="53">
        <v>63737.574700382203</v>
      </c>
      <c r="BQ190" s="53">
        <v>26165.798645435301</v>
      </c>
      <c r="BR190" s="53">
        <v>43206.837874316501</v>
      </c>
      <c r="BS190" s="53">
        <v>24684.116948143201</v>
      </c>
      <c r="BT190" s="53">
        <v>28158.362205160101</v>
      </c>
      <c r="BU190" s="53">
        <v>77158.209328815094</v>
      </c>
      <c r="BV190" s="53">
        <v>89685.936345769005</v>
      </c>
      <c r="BW190" s="53">
        <v>78638.778298201098</v>
      </c>
      <c r="BX190" s="53">
        <v>63711.106720048097</v>
      </c>
      <c r="BY190" s="53">
        <v>77491.411204959906</v>
      </c>
      <c r="BZ190" s="53">
        <v>91415.410575249305</v>
      </c>
      <c r="CA190" s="53">
        <v>698727.88812943001</v>
      </c>
      <c r="CB190" s="53"/>
      <c r="CC190" s="53"/>
      <c r="CD190" s="53"/>
      <c r="CE190" s="53"/>
      <c r="CF190" s="53"/>
      <c r="CG190" s="53"/>
      <c r="CH190" s="53"/>
      <c r="CI190" s="53"/>
      <c r="CJ190" s="53"/>
      <c r="CK190" s="53"/>
      <c r="CL190" s="53"/>
      <c r="CM190" s="53"/>
      <c r="CN190" s="53"/>
    </row>
    <row r="191" spans="1:92" outlineLevel="1">
      <c r="A191" s="52" t="s">
        <v>650</v>
      </c>
      <c r="B191" s="53"/>
      <c r="C191" s="53"/>
      <c r="D191" s="53"/>
      <c r="E191" s="53"/>
      <c r="F191" s="53"/>
      <c r="G191" s="53"/>
      <c r="H191" s="53"/>
      <c r="I191" s="53"/>
      <c r="J191" s="53"/>
      <c r="K191" s="53"/>
      <c r="L191" s="53"/>
      <c r="M191" s="53"/>
      <c r="N191" s="53"/>
      <c r="O191" s="53"/>
      <c r="P191" s="53"/>
      <c r="Q191" s="53"/>
      <c r="R191" s="53"/>
      <c r="S191" s="53"/>
      <c r="T191" s="53"/>
      <c r="U191" s="53"/>
      <c r="V191" s="53"/>
      <c r="W191" s="53"/>
      <c r="X191" s="53"/>
      <c r="Y191" s="53"/>
      <c r="Z191" s="53"/>
      <c r="AA191" s="53"/>
      <c r="AB191" s="53"/>
      <c r="AC191" s="53"/>
      <c r="AD191" s="53"/>
      <c r="AE191" s="53"/>
      <c r="AF191" s="53"/>
      <c r="AG191" s="53"/>
      <c r="AH191" s="53"/>
      <c r="AI191" s="53"/>
      <c r="AJ191" s="53"/>
      <c r="AK191" s="53"/>
      <c r="AL191" s="53"/>
      <c r="AM191" s="53"/>
      <c r="AN191" s="53"/>
      <c r="AO191" s="53"/>
      <c r="AP191" s="53"/>
      <c r="AQ191" s="53"/>
      <c r="AR191" s="53"/>
      <c r="AS191" s="53"/>
      <c r="AT191" s="53"/>
      <c r="AU191" s="53"/>
      <c r="AV191" s="53"/>
      <c r="AW191" s="53"/>
      <c r="AX191" s="53"/>
      <c r="AY191" s="53"/>
      <c r="AZ191" s="53"/>
      <c r="BA191" s="53"/>
      <c r="BB191" s="53"/>
      <c r="BC191" s="53"/>
      <c r="BD191" s="53"/>
      <c r="BE191" s="53"/>
      <c r="BF191" s="53"/>
      <c r="BG191" s="53"/>
      <c r="BH191" s="53"/>
      <c r="BI191" s="53"/>
      <c r="BJ191" s="53"/>
      <c r="BK191" s="53"/>
      <c r="BL191" s="53"/>
      <c r="BM191" s="53"/>
      <c r="BN191" s="53"/>
      <c r="BO191" s="53"/>
      <c r="BP191" s="53"/>
      <c r="BQ191" s="53"/>
      <c r="BR191" s="53"/>
      <c r="BS191" s="53"/>
      <c r="BT191" s="53"/>
      <c r="BU191" s="53"/>
      <c r="BV191" s="53"/>
      <c r="BW191" s="53"/>
      <c r="BX191" s="53"/>
      <c r="BY191" s="53"/>
      <c r="BZ191" s="53"/>
      <c r="CA191" s="53"/>
      <c r="CB191" s="53"/>
      <c r="CC191" s="53"/>
      <c r="CD191" s="53"/>
      <c r="CE191" s="53"/>
      <c r="CF191" s="53"/>
      <c r="CG191" s="53"/>
      <c r="CH191" s="53"/>
      <c r="CI191" s="53"/>
      <c r="CJ191" s="53"/>
      <c r="CK191" s="53"/>
      <c r="CL191" s="53"/>
      <c r="CM191" s="53"/>
      <c r="CN191" s="53"/>
    </row>
    <row r="192" spans="1:92" outlineLevel="1">
      <c r="A192" s="52" t="s">
        <v>1251</v>
      </c>
      <c r="B192" s="53"/>
      <c r="C192" s="53"/>
      <c r="D192" s="53"/>
      <c r="E192" s="53"/>
      <c r="F192" s="53"/>
      <c r="G192" s="53"/>
      <c r="H192" s="53"/>
      <c r="I192" s="53"/>
      <c r="J192" s="53"/>
      <c r="K192" s="53"/>
      <c r="L192" s="53"/>
      <c r="M192" s="53"/>
      <c r="N192" s="53"/>
      <c r="O192" s="53"/>
      <c r="P192" s="53"/>
      <c r="Q192" s="53"/>
      <c r="R192" s="53"/>
      <c r="S192" s="53"/>
      <c r="T192" s="53"/>
      <c r="U192" s="53"/>
      <c r="V192" s="53"/>
      <c r="W192" s="53"/>
      <c r="X192" s="53"/>
      <c r="Y192" s="53"/>
      <c r="Z192" s="53"/>
      <c r="AA192" s="53"/>
      <c r="AB192" s="53"/>
      <c r="AC192" s="53"/>
      <c r="AD192" s="53"/>
      <c r="AE192" s="53"/>
      <c r="AF192" s="53"/>
      <c r="AG192" s="53"/>
      <c r="AH192" s="53"/>
      <c r="AI192" s="53"/>
      <c r="AJ192" s="53"/>
      <c r="AK192" s="53"/>
      <c r="AL192" s="53"/>
      <c r="AM192" s="53"/>
      <c r="AN192" s="53"/>
      <c r="AO192" s="53"/>
      <c r="AP192" s="53"/>
      <c r="AQ192" s="53"/>
      <c r="AR192" s="53"/>
      <c r="AS192" s="53"/>
      <c r="AT192" s="53"/>
      <c r="AU192" s="53"/>
      <c r="AV192" s="53"/>
      <c r="AW192" s="53"/>
      <c r="AX192" s="53"/>
      <c r="AY192" s="53"/>
      <c r="AZ192" s="53"/>
      <c r="BA192" s="53"/>
      <c r="BB192" s="53"/>
      <c r="BC192" s="53"/>
      <c r="BD192" s="53"/>
      <c r="BE192" s="53"/>
      <c r="BF192" s="53"/>
      <c r="BG192" s="53"/>
      <c r="BH192" s="53"/>
      <c r="BI192" s="53"/>
      <c r="BJ192" s="53"/>
      <c r="BK192" s="53"/>
      <c r="BL192" s="53"/>
      <c r="BM192" s="53"/>
      <c r="BN192" s="53"/>
      <c r="BO192" s="53"/>
      <c r="BP192" s="53"/>
      <c r="BQ192" s="53"/>
      <c r="BR192" s="53"/>
      <c r="BS192" s="53"/>
      <c r="BT192" s="53"/>
      <c r="BU192" s="53"/>
      <c r="BV192" s="53"/>
      <c r="BW192" s="53"/>
      <c r="BX192" s="53"/>
      <c r="BY192" s="53"/>
      <c r="BZ192" s="53"/>
      <c r="CA192" s="53"/>
      <c r="CB192" s="53"/>
      <c r="CC192" s="53"/>
      <c r="CD192" s="53"/>
      <c r="CE192" s="53"/>
      <c r="CF192" s="53"/>
      <c r="CG192" s="53"/>
      <c r="CH192" s="53"/>
      <c r="CI192" s="53"/>
      <c r="CJ192" s="53"/>
      <c r="CK192" s="53"/>
      <c r="CL192" s="53"/>
      <c r="CM192" s="53"/>
      <c r="CN192" s="53"/>
    </row>
    <row r="193" spans="1:92" outlineLevel="1">
      <c r="A193" s="52" t="s">
        <v>1249</v>
      </c>
      <c r="B193" s="53"/>
      <c r="C193" s="53"/>
      <c r="D193" s="53"/>
      <c r="E193" s="53"/>
      <c r="F193" s="53"/>
      <c r="G193" s="53"/>
      <c r="H193" s="53"/>
      <c r="I193" s="53"/>
      <c r="J193" s="53"/>
      <c r="K193" s="53"/>
      <c r="L193" s="53"/>
      <c r="M193" s="53"/>
      <c r="N193" s="53"/>
      <c r="O193" s="53">
        <v>-957820.33629742195</v>
      </c>
      <c r="P193" s="53">
        <v>-3865518.0764021701</v>
      </c>
      <c r="Q193" s="53">
        <v>-3128128.32553154</v>
      </c>
      <c r="R193" s="53">
        <v>-3436751.2697614999</v>
      </c>
      <c r="S193" s="53">
        <v>-3601497.33759801</v>
      </c>
      <c r="T193" s="53">
        <v>-4214073.9377775602</v>
      </c>
      <c r="U193" s="53">
        <v>-4755246.2551313397</v>
      </c>
      <c r="V193" s="53">
        <v>-5195416.3450647602</v>
      </c>
      <c r="W193" s="53">
        <v>-5337518.8237751396</v>
      </c>
      <c r="X193" s="53">
        <v>-4817430.9898992497</v>
      </c>
      <c r="Y193" s="53">
        <v>-3347500.1010839902</v>
      </c>
      <c r="Z193" s="53">
        <v>-3354896.5080945301</v>
      </c>
      <c r="AA193" s="53">
        <v>-46011798.306417197</v>
      </c>
      <c r="AB193" s="53">
        <v>-3426958.7569470899</v>
      </c>
      <c r="AC193" s="53">
        <v>-4186193.5062250602</v>
      </c>
      <c r="AD193" s="53">
        <v>-3259516.1686418802</v>
      </c>
      <c r="AE193" s="53">
        <v>-3436751.2697614999</v>
      </c>
      <c r="AF193" s="53">
        <v>-3601497.33759801</v>
      </c>
      <c r="AG193" s="53">
        <v>-4214073.9377775602</v>
      </c>
      <c r="AH193" s="53">
        <v>-4755246.2551313397</v>
      </c>
      <c r="AI193" s="53">
        <v>-5195416.3450647602</v>
      </c>
      <c r="AJ193" s="53">
        <v>-5337518.8237751396</v>
      </c>
      <c r="AK193" s="53">
        <v>-4817430.9898992497</v>
      </c>
      <c r="AL193" s="53">
        <v>-3347500.1010839902</v>
      </c>
      <c r="AM193" s="53">
        <v>-3354896.5080945301</v>
      </c>
      <c r="AN193" s="53">
        <v>-48933000.000000097</v>
      </c>
      <c r="AO193" s="53">
        <v>-2469138.4206496598</v>
      </c>
      <c r="AP193" s="53">
        <v>-320675.429822893</v>
      </c>
      <c r="AQ193" s="53">
        <v>-131387.843110346</v>
      </c>
      <c r="AR193" s="53"/>
      <c r="AS193" s="53"/>
      <c r="AT193" s="53"/>
      <c r="AU193" s="53"/>
      <c r="AV193" s="53"/>
      <c r="AW193" s="53"/>
      <c r="AX193" s="53"/>
      <c r="AY193" s="53"/>
      <c r="AZ193" s="53"/>
      <c r="BA193" s="53">
        <v>-2921201.6935828999</v>
      </c>
      <c r="BB193" s="53"/>
      <c r="BC193" s="53"/>
      <c r="BD193" s="53"/>
      <c r="BE193" s="53"/>
      <c r="BF193" s="53"/>
      <c r="BG193" s="53"/>
      <c r="BH193" s="53"/>
      <c r="BI193" s="53"/>
      <c r="BJ193" s="53"/>
      <c r="BK193" s="53"/>
      <c r="BL193" s="53"/>
      <c r="BM193" s="53"/>
      <c r="BN193" s="53"/>
      <c r="BO193" s="53"/>
      <c r="BP193" s="53"/>
      <c r="BQ193" s="53"/>
      <c r="BR193" s="53"/>
      <c r="BS193" s="53"/>
      <c r="BT193" s="53"/>
      <c r="BU193" s="53"/>
      <c r="BV193" s="53"/>
      <c r="BW193" s="53"/>
      <c r="BX193" s="53"/>
      <c r="BY193" s="53"/>
      <c r="BZ193" s="53"/>
      <c r="CA193" s="53"/>
      <c r="CB193" s="53"/>
      <c r="CC193" s="53"/>
      <c r="CD193" s="53"/>
      <c r="CE193" s="53"/>
      <c r="CF193" s="53"/>
      <c r="CG193" s="53"/>
      <c r="CH193" s="53"/>
      <c r="CI193" s="53"/>
      <c r="CJ193" s="53"/>
      <c r="CK193" s="53"/>
      <c r="CL193" s="53"/>
      <c r="CM193" s="53"/>
      <c r="CN193" s="53"/>
    </row>
    <row r="194" spans="1:92" outlineLevel="1">
      <c r="A194" s="52" t="s">
        <v>1252</v>
      </c>
      <c r="B194" s="53"/>
      <c r="C194" s="53"/>
      <c r="D194" s="53"/>
      <c r="E194" s="53"/>
      <c r="F194" s="53"/>
      <c r="G194" s="53"/>
      <c r="H194" s="53"/>
      <c r="I194" s="53"/>
      <c r="J194" s="53"/>
      <c r="K194" s="53"/>
      <c r="L194" s="53"/>
      <c r="M194" s="53"/>
      <c r="N194" s="53"/>
      <c r="O194" s="53"/>
      <c r="P194" s="53"/>
      <c r="Q194" s="53"/>
      <c r="R194" s="53"/>
      <c r="S194" s="53"/>
      <c r="T194" s="53"/>
      <c r="U194" s="53"/>
      <c r="V194" s="53"/>
      <c r="W194" s="53"/>
      <c r="X194" s="53"/>
      <c r="Y194" s="53"/>
      <c r="Z194" s="53"/>
      <c r="AA194" s="53"/>
      <c r="AB194" s="53"/>
      <c r="AC194" s="53"/>
      <c r="AD194" s="53"/>
      <c r="AE194" s="53"/>
      <c r="AF194" s="53"/>
      <c r="AG194" s="53"/>
      <c r="AH194" s="53"/>
      <c r="AI194" s="53"/>
      <c r="AJ194" s="53"/>
      <c r="AK194" s="53"/>
      <c r="AL194" s="53"/>
      <c r="AM194" s="53"/>
      <c r="AN194" s="53"/>
      <c r="AO194" s="53"/>
      <c r="AP194" s="53"/>
      <c r="AQ194" s="53"/>
      <c r="AR194" s="53"/>
      <c r="AS194" s="53"/>
      <c r="AT194" s="53"/>
      <c r="AU194" s="53"/>
      <c r="AV194" s="53"/>
      <c r="AW194" s="53"/>
      <c r="AX194" s="53"/>
      <c r="AY194" s="53"/>
      <c r="AZ194" s="53"/>
      <c r="BA194" s="53"/>
      <c r="BB194" s="53"/>
      <c r="BC194" s="53"/>
      <c r="BD194" s="53"/>
      <c r="BE194" s="53"/>
      <c r="BF194" s="53"/>
      <c r="BG194" s="53"/>
      <c r="BH194" s="53"/>
      <c r="BI194" s="53"/>
      <c r="BJ194" s="53"/>
      <c r="BK194" s="53"/>
      <c r="BL194" s="53"/>
      <c r="BM194" s="53"/>
      <c r="BN194" s="53"/>
      <c r="BO194" s="53"/>
      <c r="BP194" s="53"/>
      <c r="BQ194" s="53"/>
      <c r="BR194" s="53"/>
      <c r="BS194" s="53"/>
      <c r="BT194" s="53"/>
      <c r="BU194" s="53"/>
      <c r="BV194" s="53"/>
      <c r="BW194" s="53"/>
      <c r="BX194" s="53"/>
      <c r="BY194" s="53"/>
      <c r="BZ194" s="53"/>
      <c r="CA194" s="53"/>
      <c r="CB194" s="53"/>
      <c r="CC194" s="53"/>
      <c r="CD194" s="53"/>
      <c r="CE194" s="53"/>
      <c r="CF194" s="53"/>
      <c r="CG194" s="53"/>
      <c r="CH194" s="53"/>
      <c r="CI194" s="53"/>
      <c r="CJ194" s="53"/>
      <c r="CK194" s="53"/>
      <c r="CL194" s="53"/>
      <c r="CM194" s="53"/>
      <c r="CN194" s="53"/>
    </row>
    <row r="195" spans="1:92" outlineLevel="1">
      <c r="A195" s="52" t="s">
        <v>1249</v>
      </c>
      <c r="B195" s="53"/>
      <c r="C195" s="53"/>
      <c r="D195" s="53"/>
      <c r="E195" s="53"/>
      <c r="F195" s="53"/>
      <c r="G195" s="53"/>
      <c r="H195" s="53"/>
      <c r="I195" s="53"/>
      <c r="J195" s="53"/>
      <c r="K195" s="53"/>
      <c r="L195" s="53"/>
      <c r="M195" s="53"/>
      <c r="N195" s="53"/>
      <c r="O195" s="53"/>
      <c r="P195" s="53"/>
      <c r="Q195" s="53"/>
      <c r="R195" s="53"/>
      <c r="S195" s="53"/>
      <c r="T195" s="53"/>
      <c r="U195" s="53"/>
      <c r="V195" s="53"/>
      <c r="W195" s="53"/>
      <c r="X195" s="53"/>
      <c r="Y195" s="53"/>
      <c r="Z195" s="53"/>
      <c r="AA195" s="53"/>
      <c r="AB195" s="53">
        <v>-1542993.5377157901</v>
      </c>
      <c r="AC195" s="53">
        <v>-6238968.0571370097</v>
      </c>
      <c r="AD195" s="53">
        <v>-5082518.3483961998</v>
      </c>
      <c r="AE195" s="53">
        <v>-5503704.0354599599</v>
      </c>
      <c r="AF195" s="53">
        <v>-5786228.0122403102</v>
      </c>
      <c r="AG195" s="53">
        <v>-6824303.7685727403</v>
      </c>
      <c r="AH195" s="53">
        <v>-7739070.9210989196</v>
      </c>
      <c r="AI195" s="53">
        <v>-8458737.6108297296</v>
      </c>
      <c r="AJ195" s="53">
        <v>-8683470.6469049305</v>
      </c>
      <c r="AK195" s="53">
        <v>-7834009.60311333</v>
      </c>
      <c r="AL195" s="53">
        <v>-5414494.1301499298</v>
      </c>
      <c r="AM195" s="53">
        <v>-5393745.8850987898</v>
      </c>
      <c r="AN195" s="53">
        <v>-74502244.556717604</v>
      </c>
      <c r="AO195" s="53">
        <v>-3970312.8492167699</v>
      </c>
      <c r="AP195" s="53">
        <v>-515216.08684300497</v>
      </c>
      <c r="AQ195" s="53">
        <v>-211226.50722294499</v>
      </c>
      <c r="AR195" s="53"/>
      <c r="AS195" s="53"/>
      <c r="AT195" s="53"/>
      <c r="AU195" s="53"/>
      <c r="AV195" s="53"/>
      <c r="AW195" s="53"/>
      <c r="AX195" s="53"/>
      <c r="AY195" s="53"/>
      <c r="AZ195" s="53"/>
      <c r="BA195" s="53">
        <v>-4696755.4432827197</v>
      </c>
      <c r="BB195" s="53"/>
      <c r="BC195" s="53"/>
      <c r="BD195" s="53"/>
      <c r="BE195" s="53"/>
      <c r="BF195" s="53"/>
      <c r="BG195" s="53"/>
      <c r="BH195" s="53"/>
      <c r="BI195" s="53"/>
      <c r="BJ195" s="53"/>
      <c r="BK195" s="53"/>
      <c r="BL195" s="53"/>
      <c r="BM195" s="53"/>
      <c r="BN195" s="53"/>
      <c r="BO195" s="53"/>
      <c r="BP195" s="53"/>
      <c r="BQ195" s="53"/>
      <c r="BR195" s="53"/>
      <c r="BS195" s="53"/>
      <c r="BT195" s="53"/>
      <c r="BU195" s="53"/>
      <c r="BV195" s="53"/>
      <c r="BW195" s="53"/>
      <c r="BX195" s="53"/>
      <c r="BY195" s="53"/>
      <c r="BZ195" s="53"/>
      <c r="CA195" s="53"/>
      <c r="CB195" s="53"/>
      <c r="CC195" s="53"/>
      <c r="CD195" s="53"/>
      <c r="CE195" s="53"/>
      <c r="CF195" s="53"/>
      <c r="CG195" s="53"/>
      <c r="CH195" s="53"/>
      <c r="CI195" s="53"/>
      <c r="CJ195" s="53"/>
      <c r="CK195" s="53"/>
      <c r="CL195" s="53"/>
      <c r="CM195" s="53"/>
      <c r="CN195" s="53"/>
    </row>
    <row r="196" spans="1:92" outlineLevel="1">
      <c r="A196" s="52" t="s">
        <v>1253</v>
      </c>
      <c r="B196" s="53"/>
      <c r="C196" s="53"/>
      <c r="D196" s="53"/>
      <c r="E196" s="53"/>
      <c r="F196" s="53"/>
      <c r="G196" s="53"/>
      <c r="H196" s="53"/>
      <c r="I196" s="53"/>
      <c r="J196" s="53"/>
      <c r="K196" s="53"/>
      <c r="L196" s="53"/>
      <c r="M196" s="53"/>
      <c r="N196" s="53"/>
      <c r="O196" s="53"/>
      <c r="P196" s="53"/>
      <c r="Q196" s="53"/>
      <c r="R196" s="53"/>
      <c r="S196" s="53"/>
      <c r="T196" s="53"/>
      <c r="U196" s="53"/>
      <c r="V196" s="53"/>
      <c r="W196" s="53"/>
      <c r="X196" s="53"/>
      <c r="Y196" s="53"/>
      <c r="Z196" s="53"/>
      <c r="AA196" s="53"/>
      <c r="AB196" s="53"/>
      <c r="AC196" s="53"/>
      <c r="AD196" s="53"/>
      <c r="AE196" s="53"/>
      <c r="AF196" s="53"/>
      <c r="AG196" s="53"/>
      <c r="AH196" s="53"/>
      <c r="AI196" s="53"/>
      <c r="AJ196" s="53"/>
      <c r="AK196" s="53"/>
      <c r="AL196" s="53"/>
      <c r="AM196" s="53"/>
      <c r="AN196" s="53"/>
      <c r="AO196" s="53"/>
      <c r="AP196" s="53"/>
      <c r="AQ196" s="53"/>
      <c r="AR196" s="53"/>
      <c r="AS196" s="53"/>
      <c r="AT196" s="53"/>
      <c r="AU196" s="53"/>
      <c r="AV196" s="53"/>
      <c r="AW196" s="53"/>
      <c r="AX196" s="53"/>
      <c r="AY196" s="53"/>
      <c r="AZ196" s="53"/>
      <c r="BA196" s="53"/>
      <c r="BB196" s="53"/>
      <c r="BC196" s="53"/>
      <c r="BD196" s="53"/>
      <c r="BE196" s="53"/>
      <c r="BF196" s="53"/>
      <c r="BG196" s="53"/>
      <c r="BH196" s="53"/>
      <c r="BI196" s="53"/>
      <c r="BJ196" s="53"/>
      <c r="BK196" s="53"/>
      <c r="BL196" s="53"/>
      <c r="BM196" s="53"/>
      <c r="BN196" s="53"/>
      <c r="BO196" s="53"/>
      <c r="BP196" s="53"/>
      <c r="BQ196" s="53"/>
      <c r="BR196" s="53"/>
      <c r="BS196" s="53"/>
      <c r="BT196" s="53"/>
      <c r="BU196" s="53"/>
      <c r="BV196" s="53"/>
      <c r="BW196" s="53"/>
      <c r="BX196" s="53"/>
      <c r="BY196" s="53"/>
      <c r="BZ196" s="53"/>
      <c r="CA196" s="53"/>
      <c r="CB196" s="53"/>
      <c r="CC196" s="53"/>
      <c r="CD196" s="53"/>
      <c r="CE196" s="53"/>
      <c r="CF196" s="53"/>
      <c r="CG196" s="53"/>
      <c r="CH196" s="53"/>
      <c r="CI196" s="53"/>
      <c r="CJ196" s="53"/>
      <c r="CK196" s="53"/>
      <c r="CL196" s="53"/>
      <c r="CM196" s="53"/>
      <c r="CN196" s="53"/>
    </row>
    <row r="197" spans="1:92" outlineLevel="1">
      <c r="A197" s="52" t="s">
        <v>1249</v>
      </c>
      <c r="B197" s="53"/>
      <c r="C197" s="53"/>
      <c r="D197" s="53"/>
      <c r="E197" s="53"/>
      <c r="F197" s="53"/>
      <c r="G197" s="53"/>
      <c r="H197" s="53"/>
      <c r="I197" s="53"/>
      <c r="J197" s="53"/>
      <c r="K197" s="53"/>
      <c r="L197" s="53"/>
      <c r="M197" s="53"/>
      <c r="N197" s="53"/>
      <c r="O197" s="53"/>
      <c r="P197" s="53"/>
      <c r="Q197" s="53"/>
      <c r="R197" s="53"/>
      <c r="S197" s="53"/>
      <c r="T197" s="53"/>
      <c r="U197" s="53"/>
      <c r="V197" s="53"/>
      <c r="W197" s="53"/>
      <c r="X197" s="53"/>
      <c r="Y197" s="53"/>
      <c r="Z197" s="53"/>
      <c r="AA197" s="53"/>
      <c r="AB197" s="53"/>
      <c r="AC197" s="53"/>
      <c r="AD197" s="53"/>
      <c r="AE197" s="53"/>
      <c r="AF197" s="53"/>
      <c r="AG197" s="53"/>
      <c r="AH197" s="53"/>
      <c r="AI197" s="53"/>
      <c r="AJ197" s="53"/>
      <c r="AK197" s="53"/>
      <c r="AL197" s="53"/>
      <c r="AM197" s="53"/>
      <c r="AN197" s="53"/>
      <c r="AO197" s="53">
        <v>-2508070.9404790401</v>
      </c>
      <c r="AP197" s="53">
        <v>-10121933.299931699</v>
      </c>
      <c r="AQ197" s="53">
        <v>-8191064.0795987798</v>
      </c>
      <c r="AR197" s="53">
        <v>-8999199.1845397092</v>
      </c>
      <c r="AS197" s="53">
        <v>-9430589.9262483101</v>
      </c>
      <c r="AT197" s="53">
        <v>-11034633.515118901</v>
      </c>
      <c r="AU197" s="53">
        <v>-12451703.618467901</v>
      </c>
      <c r="AV197" s="53">
        <v>-13604297.450101901</v>
      </c>
      <c r="AW197" s="53">
        <v>-13976395.518933101</v>
      </c>
      <c r="AX197" s="53">
        <v>-12614535.5403872</v>
      </c>
      <c r="AY197" s="53">
        <v>-8765493.2857600003</v>
      </c>
      <c r="AZ197" s="53">
        <v>-8784860.9195260592</v>
      </c>
      <c r="BA197" s="53">
        <v>-120482777.279092</v>
      </c>
      <c r="BB197" s="53">
        <v>-8973557.3017216194</v>
      </c>
      <c r="BC197" s="53">
        <v>-10961628.0698021</v>
      </c>
      <c r="BD197" s="53">
        <v>-8535105.6693932991</v>
      </c>
      <c r="BE197" s="53">
        <v>-8999199.1845397092</v>
      </c>
      <c r="BF197" s="53">
        <v>-9430589.9262483101</v>
      </c>
      <c r="BG197" s="53">
        <v>-11034633.515118901</v>
      </c>
      <c r="BH197" s="53">
        <v>-12451703.618467901</v>
      </c>
      <c r="BI197" s="53">
        <v>-13604297.450101901</v>
      </c>
      <c r="BJ197" s="53">
        <v>-13976395.518933101</v>
      </c>
      <c r="BK197" s="53">
        <v>-12614535.5403872</v>
      </c>
      <c r="BL197" s="53">
        <v>-8765493.2857600003</v>
      </c>
      <c r="BM197" s="53">
        <v>-8784860.9195260592</v>
      </c>
      <c r="BN197" s="53">
        <v>-128132000</v>
      </c>
      <c r="BO197" s="53">
        <v>-8973557.3017216194</v>
      </c>
      <c r="BP197" s="53">
        <v>-10961628.0698021</v>
      </c>
      <c r="BQ197" s="53">
        <v>-8535105.6693932991</v>
      </c>
      <c r="BR197" s="53">
        <v>-8999199.1845397092</v>
      </c>
      <c r="BS197" s="53">
        <v>-9430589.9262483101</v>
      </c>
      <c r="BT197" s="53">
        <v>-11034633.515118901</v>
      </c>
      <c r="BU197" s="53">
        <v>-12451703.618467901</v>
      </c>
      <c r="BV197" s="53">
        <v>-13604297.450101901</v>
      </c>
      <c r="BW197" s="53">
        <v>-13976395.518933101</v>
      </c>
      <c r="BX197" s="53">
        <v>-12614535.5403872</v>
      </c>
      <c r="BY197" s="53">
        <v>-8765493.2857600003</v>
      </c>
      <c r="BZ197" s="53">
        <v>-8784860.9195260592</v>
      </c>
      <c r="CA197" s="53">
        <v>-128132000</v>
      </c>
      <c r="CB197" s="53">
        <v>-13863694.8607747</v>
      </c>
      <c r="CC197" s="53">
        <v>-13929064.8832848</v>
      </c>
      <c r="CD197" s="53">
        <v>-13825290.122687601</v>
      </c>
      <c r="CE197" s="53">
        <v>-14515949.5600424</v>
      </c>
      <c r="CF197" s="53">
        <v>-14674995.6574279</v>
      </c>
      <c r="CG197" s="53">
        <v>-16835367.7607597</v>
      </c>
      <c r="CH197" s="53">
        <v>-19274979.547531199</v>
      </c>
      <c r="CI197" s="53">
        <v>-20291837.754207101</v>
      </c>
      <c r="CJ197" s="53">
        <v>-19178201.921157099</v>
      </c>
      <c r="CK197" s="53">
        <v>-19949909.3689624</v>
      </c>
      <c r="CL197" s="53">
        <v>-14076371.054086</v>
      </c>
      <c r="CM197" s="53">
        <v>-14962337.5090787</v>
      </c>
      <c r="CN197" s="53">
        <v>-195378000</v>
      </c>
    </row>
    <row r="198" spans="1:92" outlineLevel="1">
      <c r="A198" s="52" t="s">
        <v>1254</v>
      </c>
      <c r="B198" s="53"/>
      <c r="C198" s="53"/>
      <c r="D198" s="53"/>
      <c r="E198" s="53"/>
      <c r="F198" s="53"/>
      <c r="G198" s="53"/>
      <c r="H198" s="53"/>
      <c r="I198" s="53"/>
      <c r="J198" s="53"/>
      <c r="K198" s="53"/>
      <c r="L198" s="53"/>
      <c r="M198" s="53"/>
      <c r="N198" s="53"/>
      <c r="O198" s="53"/>
      <c r="P198" s="53"/>
      <c r="Q198" s="53"/>
      <c r="R198" s="53"/>
      <c r="S198" s="53"/>
      <c r="T198" s="53"/>
      <c r="U198" s="53"/>
      <c r="V198" s="53"/>
      <c r="W198" s="53"/>
      <c r="X198" s="53"/>
      <c r="Y198" s="53"/>
      <c r="Z198" s="53"/>
      <c r="AA198" s="53"/>
      <c r="AB198" s="53"/>
      <c r="AC198" s="53"/>
      <c r="AD198" s="53"/>
      <c r="AE198" s="53"/>
      <c r="AF198" s="53"/>
      <c r="AG198" s="53"/>
      <c r="AH198" s="53"/>
      <c r="AI198" s="53"/>
      <c r="AJ198" s="53"/>
      <c r="AK198" s="53"/>
      <c r="AL198" s="53"/>
      <c r="AM198" s="53"/>
      <c r="AN198" s="53"/>
      <c r="AO198" s="53"/>
      <c r="AP198" s="53"/>
      <c r="AQ198" s="53"/>
      <c r="AR198" s="53"/>
      <c r="AS198" s="53"/>
      <c r="AT198" s="53"/>
      <c r="AU198" s="53"/>
      <c r="AV198" s="53"/>
      <c r="AW198" s="53"/>
      <c r="AX198" s="53"/>
      <c r="AY198" s="53"/>
      <c r="AZ198" s="53"/>
      <c r="BA198" s="53"/>
      <c r="BB198" s="53"/>
      <c r="BC198" s="53"/>
      <c r="BD198" s="53"/>
      <c r="BE198" s="53"/>
      <c r="BF198" s="53"/>
      <c r="BG198" s="53"/>
      <c r="BH198" s="53"/>
      <c r="BI198" s="53"/>
      <c r="BJ198" s="53"/>
      <c r="BK198" s="53"/>
      <c r="BL198" s="53"/>
      <c r="BM198" s="53"/>
      <c r="BN198" s="53"/>
      <c r="BO198" s="53"/>
      <c r="BP198" s="53"/>
      <c r="BQ198" s="53"/>
      <c r="BR198" s="53"/>
      <c r="BS198" s="53"/>
      <c r="BT198" s="53"/>
      <c r="BU198" s="53"/>
      <c r="BV198" s="53"/>
      <c r="BW198" s="53"/>
      <c r="BX198" s="53"/>
      <c r="BY198" s="53"/>
      <c r="BZ198" s="53"/>
      <c r="CA198" s="53"/>
      <c r="CB198" s="53"/>
      <c r="CC198" s="53"/>
      <c r="CD198" s="53"/>
      <c r="CE198" s="53"/>
      <c r="CF198" s="53"/>
      <c r="CG198" s="53"/>
      <c r="CH198" s="53"/>
      <c r="CI198" s="53"/>
      <c r="CJ198" s="53"/>
      <c r="CK198" s="53"/>
      <c r="CL198" s="53"/>
      <c r="CM198" s="53"/>
      <c r="CN198" s="53"/>
    </row>
    <row r="199" spans="1:92" outlineLevel="1">
      <c r="A199" s="52" t="s">
        <v>1249</v>
      </c>
      <c r="B199" s="53"/>
      <c r="C199" s="53"/>
      <c r="D199" s="53"/>
      <c r="E199" s="53"/>
      <c r="F199" s="53"/>
      <c r="G199" s="53"/>
      <c r="H199" s="53"/>
      <c r="I199" s="53"/>
      <c r="J199" s="53"/>
      <c r="K199" s="53"/>
      <c r="L199" s="53"/>
      <c r="M199" s="53"/>
      <c r="N199" s="53"/>
      <c r="O199" s="53">
        <v>-137356.33333333299</v>
      </c>
      <c r="P199" s="53">
        <v>-597500.05000000005</v>
      </c>
      <c r="Q199" s="53">
        <v>-673046.03333333298</v>
      </c>
      <c r="R199" s="53">
        <v>-700517.3</v>
      </c>
      <c r="S199" s="53">
        <v>-673046.03333333298</v>
      </c>
      <c r="T199" s="53">
        <v>-679913.85</v>
      </c>
      <c r="U199" s="53">
        <v>-717196.28333333298</v>
      </c>
      <c r="V199" s="53">
        <v>-710188.307142857</v>
      </c>
      <c r="W199" s="53">
        <v>-667019.17380952404</v>
      </c>
      <c r="X199" s="53">
        <v>-755740.15238095203</v>
      </c>
      <c r="Y199" s="53">
        <v>-604367.866666666</v>
      </c>
      <c r="Z199" s="53">
        <v>-714252.933333333</v>
      </c>
      <c r="AA199" s="53">
        <v>-7630144.3166666701</v>
      </c>
      <c r="AB199" s="53">
        <v>93086.283333333806</v>
      </c>
      <c r="AC199" s="53">
        <v>2576872.3533333298</v>
      </c>
      <c r="AD199" s="53">
        <v>2952574.14666666</v>
      </c>
      <c r="AE199" s="53">
        <v>3101679.92</v>
      </c>
      <c r="AF199" s="53">
        <v>2980045.4133333298</v>
      </c>
      <c r="AG199" s="53">
        <v>3010454.04</v>
      </c>
      <c r="AH199" s="53">
        <v>3175529.44190476</v>
      </c>
      <c r="AI199" s="53">
        <v>3144500.2310204101</v>
      </c>
      <c r="AJ199" s="53">
        <v>2953360.2919727899</v>
      </c>
      <c r="AK199" s="53">
        <v>3346190.1017687102</v>
      </c>
      <c r="AL199" s="53">
        <v>2675959.14666666</v>
      </c>
      <c r="AM199" s="53">
        <v>3162497.1733333301</v>
      </c>
      <c r="AN199" s="53">
        <v>33172748.543333299</v>
      </c>
      <c r="AO199" s="53">
        <v>2446992.5666666599</v>
      </c>
      <c r="AP199" s="53">
        <v>1027689.4816666601</v>
      </c>
      <c r="AQ199" s="53">
        <v>936727.78333333298</v>
      </c>
      <c r="AR199" s="53">
        <v>848362.38999999897</v>
      </c>
      <c r="AS199" s="53">
        <v>815093.27666666603</v>
      </c>
      <c r="AT199" s="53">
        <v>823410.554999999</v>
      </c>
      <c r="AU199" s="53">
        <v>868561.49452380894</v>
      </c>
      <c r="AV199" s="53">
        <v>860074.47581632598</v>
      </c>
      <c r="AW199" s="53">
        <v>807794.44057822996</v>
      </c>
      <c r="AX199" s="53">
        <v>915240.09741496504</v>
      </c>
      <c r="AY199" s="53">
        <v>731920.49333333306</v>
      </c>
      <c r="AZ199" s="53">
        <v>864996.94666666596</v>
      </c>
      <c r="BA199" s="53">
        <v>11946864.0016666</v>
      </c>
      <c r="BB199" s="53">
        <v>710878.25833333295</v>
      </c>
      <c r="BC199" s="53">
        <v>461981.15083333303</v>
      </c>
      <c r="BD199" s="53">
        <v>459972.79166666698</v>
      </c>
      <c r="BE199" s="53">
        <v>444120.15500000003</v>
      </c>
      <c r="BF199" s="53">
        <v>426703.67833333299</v>
      </c>
      <c r="BG199" s="53">
        <v>431057.79749999999</v>
      </c>
      <c r="BH199" s="53">
        <v>454694.44440476201</v>
      </c>
      <c r="BI199" s="53">
        <v>450251.46566326497</v>
      </c>
      <c r="BJ199" s="53">
        <v>422882.71661564597</v>
      </c>
      <c r="BK199" s="53">
        <v>479130.82748299302</v>
      </c>
      <c r="BL199" s="53">
        <v>383162.48666666599</v>
      </c>
      <c r="BM199" s="53">
        <v>452828.39333333302</v>
      </c>
      <c r="BN199" s="53">
        <v>5577664.1658333298</v>
      </c>
      <c r="BO199" s="53">
        <v>445273.40416666598</v>
      </c>
      <c r="BP199" s="53">
        <v>559949.121666666</v>
      </c>
      <c r="BQ199" s="53">
        <v>599117.363333332</v>
      </c>
      <c r="BR199" s="53">
        <v>605443.77999999898</v>
      </c>
      <c r="BS199" s="53">
        <v>581700.88666666602</v>
      </c>
      <c r="BT199" s="53">
        <v>587636.60999999905</v>
      </c>
      <c r="BU199" s="53">
        <v>619859.10809523705</v>
      </c>
      <c r="BV199" s="53">
        <v>613802.24755102</v>
      </c>
      <c r="BW199" s="53">
        <v>576491.98659863905</v>
      </c>
      <c r="BX199" s="53">
        <v>653171.84108843398</v>
      </c>
      <c r="BY199" s="53">
        <v>522343.65333333297</v>
      </c>
      <c r="BZ199" s="53">
        <v>617315.22666666599</v>
      </c>
      <c r="CA199" s="53">
        <v>6982105.2291666605</v>
      </c>
      <c r="CB199" s="53">
        <v>-13335176.984782601</v>
      </c>
      <c r="CC199" s="53">
        <v>-15860492.880554199</v>
      </c>
      <c r="CD199" s="53">
        <v>-16897699.824070599</v>
      </c>
      <c r="CE199" s="53">
        <v>-17032551.780515701</v>
      </c>
      <c r="CF199" s="53">
        <v>-16364608.573436599</v>
      </c>
      <c r="CG199" s="53">
        <v>-16531594.3752064</v>
      </c>
      <c r="CH199" s="53">
        <v>-17438088.7276708</v>
      </c>
      <c r="CI199" s="53">
        <v>-17267695.0523955</v>
      </c>
      <c r="CJ199" s="53">
        <v>-16218070.0126999</v>
      </c>
      <c r="CK199" s="53">
        <v>-18375253.941684801</v>
      </c>
      <c r="CL199" s="53">
        <v>-14694750.555739</v>
      </c>
      <c r="CM199" s="53">
        <v>-17366523.384055201</v>
      </c>
      <c r="CN199" s="53">
        <v>-197382506.092812</v>
      </c>
    </row>
    <row r="200" spans="1:92" outlineLevel="1">
      <c r="A200" s="52" t="s">
        <v>1255</v>
      </c>
      <c r="B200" s="53"/>
      <c r="C200" s="53"/>
      <c r="D200" s="53"/>
      <c r="E200" s="53"/>
      <c r="F200" s="53"/>
      <c r="G200" s="53"/>
      <c r="H200" s="53"/>
      <c r="I200" s="53"/>
      <c r="J200" s="53"/>
      <c r="K200" s="53"/>
      <c r="L200" s="53"/>
      <c r="M200" s="53"/>
      <c r="N200" s="53"/>
      <c r="O200" s="53"/>
      <c r="P200" s="53"/>
      <c r="Q200" s="53"/>
      <c r="R200" s="53"/>
      <c r="S200" s="53"/>
      <c r="T200" s="53"/>
      <c r="U200" s="53"/>
      <c r="V200" s="53"/>
      <c r="W200" s="53"/>
      <c r="X200" s="53"/>
      <c r="Y200" s="53"/>
      <c r="Z200" s="53"/>
      <c r="AA200" s="53"/>
      <c r="AB200" s="53"/>
      <c r="AC200" s="53"/>
      <c r="AD200" s="53"/>
      <c r="AE200" s="53"/>
      <c r="AF200" s="53"/>
      <c r="AG200" s="53"/>
      <c r="AH200" s="53"/>
      <c r="AI200" s="53"/>
      <c r="AJ200" s="53"/>
      <c r="AK200" s="53"/>
      <c r="AL200" s="53"/>
      <c r="AM200" s="53"/>
      <c r="AN200" s="53"/>
      <c r="AO200" s="53"/>
      <c r="AP200" s="53"/>
      <c r="AQ200" s="53"/>
      <c r="AR200" s="53"/>
      <c r="AS200" s="53"/>
      <c r="AT200" s="53"/>
      <c r="AU200" s="53"/>
      <c r="AV200" s="53"/>
      <c r="AW200" s="53"/>
      <c r="AX200" s="53"/>
      <c r="AY200" s="53"/>
      <c r="AZ200" s="53"/>
      <c r="BA200" s="53"/>
      <c r="BB200" s="53"/>
      <c r="BC200" s="53"/>
      <c r="BD200" s="53"/>
      <c r="BE200" s="53"/>
      <c r="BF200" s="53"/>
      <c r="BG200" s="53"/>
      <c r="BH200" s="53"/>
      <c r="BI200" s="53"/>
      <c r="BJ200" s="53"/>
      <c r="BK200" s="53"/>
      <c r="BL200" s="53"/>
      <c r="BM200" s="53"/>
      <c r="BN200" s="53"/>
      <c r="BO200" s="53"/>
      <c r="BP200" s="53"/>
      <c r="BQ200" s="53"/>
      <c r="BR200" s="53"/>
      <c r="BS200" s="53"/>
      <c r="BT200" s="53"/>
      <c r="BU200" s="53"/>
      <c r="BV200" s="53"/>
      <c r="BW200" s="53"/>
      <c r="BX200" s="53"/>
      <c r="BY200" s="53"/>
      <c r="BZ200" s="53"/>
      <c r="CA200" s="53"/>
      <c r="CB200" s="53"/>
      <c r="CC200" s="53"/>
      <c r="CD200" s="53"/>
      <c r="CE200" s="53"/>
      <c r="CF200" s="53"/>
      <c r="CG200" s="53"/>
      <c r="CH200" s="53"/>
      <c r="CI200" s="53"/>
      <c r="CJ200" s="53"/>
      <c r="CK200" s="53"/>
      <c r="CL200" s="53"/>
      <c r="CM200" s="53"/>
      <c r="CN200" s="53"/>
    </row>
    <row r="201" spans="1:92" outlineLevel="1">
      <c r="A201" s="52" t="s">
        <v>1249</v>
      </c>
      <c r="B201" s="53"/>
      <c r="C201" s="53"/>
      <c r="D201" s="53"/>
      <c r="E201" s="53"/>
      <c r="F201" s="53"/>
      <c r="G201" s="53"/>
      <c r="H201" s="53"/>
      <c r="I201" s="53"/>
      <c r="J201" s="53"/>
      <c r="K201" s="53"/>
      <c r="L201" s="53"/>
      <c r="M201" s="53"/>
      <c r="N201" s="53"/>
      <c r="O201" s="53">
        <v>-477608.48927425197</v>
      </c>
      <c r="P201" s="53">
        <v>-1927505.79494844</v>
      </c>
      <c r="Q201" s="53">
        <v>-1559813.03298324</v>
      </c>
      <c r="R201" s="53">
        <v>-1713705.0861827401</v>
      </c>
      <c r="S201" s="53">
        <v>-1795854.2300163701</v>
      </c>
      <c r="T201" s="53">
        <v>-2101310.0378430099</v>
      </c>
      <c r="U201" s="53">
        <v>-2371160.7427544701</v>
      </c>
      <c r="V201" s="53">
        <v>-2590647.5960921999</v>
      </c>
      <c r="W201" s="53">
        <v>-2661505.7180249002</v>
      </c>
      <c r="X201" s="53">
        <v>-2402168.6010165098</v>
      </c>
      <c r="Y201" s="53">
        <v>-1669200.7942788899</v>
      </c>
      <c r="Z201" s="53">
        <v>-1672888.94605902</v>
      </c>
      <c r="AA201" s="53">
        <v>-22943369.069474101</v>
      </c>
      <c r="AB201" s="53">
        <v>-1708822.1378110501</v>
      </c>
      <c r="AC201" s="53">
        <v>-2087407.7116034301</v>
      </c>
      <c r="AD201" s="53">
        <v>-1625328.39831732</v>
      </c>
      <c r="AE201" s="53">
        <v>-1713705.0861827401</v>
      </c>
      <c r="AF201" s="53">
        <v>-1795854.2300163701</v>
      </c>
      <c r="AG201" s="53">
        <v>-2101310.0378430099</v>
      </c>
      <c r="AH201" s="53">
        <v>-2371160.7427544701</v>
      </c>
      <c r="AI201" s="53">
        <v>-2590647.5960921999</v>
      </c>
      <c r="AJ201" s="53">
        <v>-2661505.7180249002</v>
      </c>
      <c r="AK201" s="53">
        <v>-2402168.6010165098</v>
      </c>
      <c r="AL201" s="53">
        <v>-1669200.7942788899</v>
      </c>
      <c r="AM201" s="53">
        <v>-1672888.94605902</v>
      </c>
      <c r="AN201" s="53">
        <v>-24399999.999999899</v>
      </c>
      <c r="AO201" s="53">
        <v>-1231213.6485367999</v>
      </c>
      <c r="AP201" s="53">
        <v>-159901.91665498799</v>
      </c>
      <c r="AQ201" s="53">
        <v>-65515.365334078</v>
      </c>
      <c r="AR201" s="53"/>
      <c r="AS201" s="53"/>
      <c r="AT201" s="53"/>
      <c r="AU201" s="53"/>
      <c r="AV201" s="53"/>
      <c r="AW201" s="53"/>
      <c r="AX201" s="53"/>
      <c r="AY201" s="53"/>
      <c r="AZ201" s="53"/>
      <c r="BA201" s="53">
        <v>-1456630.9305258701</v>
      </c>
      <c r="BB201" s="53"/>
      <c r="BC201" s="53"/>
      <c r="BD201" s="53"/>
      <c r="BE201" s="53"/>
      <c r="BF201" s="53"/>
      <c r="BG201" s="53"/>
      <c r="BH201" s="53"/>
      <c r="BI201" s="53"/>
      <c r="BJ201" s="53"/>
      <c r="BK201" s="53"/>
      <c r="BL201" s="53"/>
      <c r="BM201" s="53"/>
      <c r="BN201" s="53"/>
      <c r="BO201" s="53"/>
      <c r="BP201" s="53"/>
      <c r="BQ201" s="53"/>
      <c r="BR201" s="53"/>
      <c r="BS201" s="53"/>
      <c r="BT201" s="53"/>
      <c r="BU201" s="53"/>
      <c r="BV201" s="53"/>
      <c r="BW201" s="53"/>
      <c r="BX201" s="53"/>
      <c r="BY201" s="53"/>
      <c r="BZ201" s="53"/>
      <c r="CA201" s="53"/>
      <c r="CB201" s="53">
        <v>-5941442.4999999898</v>
      </c>
      <c r="CC201" s="53">
        <v>-6066525.5</v>
      </c>
      <c r="CD201" s="53">
        <v>-6379233</v>
      </c>
      <c r="CE201" s="53">
        <v>-6379232.9999999898</v>
      </c>
      <c r="CF201" s="53">
        <v>-6129066.9999999898</v>
      </c>
      <c r="CG201" s="53">
        <v>-6191608.4999999898</v>
      </c>
      <c r="CH201" s="53">
        <v>-6531119.5</v>
      </c>
      <c r="CI201" s="53">
        <v>-6467301.6428571399</v>
      </c>
      <c r="CJ201" s="53">
        <v>-6074183.6428571399</v>
      </c>
      <c r="CK201" s="53">
        <v>-6882117.7142857099</v>
      </c>
      <c r="CL201" s="53">
        <v>-5503651.9999999898</v>
      </c>
      <c r="CM201" s="53">
        <v>-6504316</v>
      </c>
      <c r="CN201" s="53">
        <v>-75049800</v>
      </c>
    </row>
    <row r="202" spans="1:92" outlineLevel="1">
      <c r="A202" s="52" t="s">
        <v>1256</v>
      </c>
      <c r="B202" s="53"/>
      <c r="C202" s="53"/>
      <c r="D202" s="53"/>
      <c r="E202" s="53"/>
      <c r="F202" s="53"/>
      <c r="G202" s="53"/>
      <c r="H202" s="53"/>
      <c r="I202" s="53"/>
      <c r="J202" s="53"/>
      <c r="K202" s="53"/>
      <c r="L202" s="53"/>
      <c r="M202" s="53"/>
      <c r="N202" s="53"/>
      <c r="O202" s="53"/>
      <c r="P202" s="53"/>
      <c r="Q202" s="53"/>
      <c r="R202" s="53"/>
      <c r="S202" s="53"/>
      <c r="T202" s="53"/>
      <c r="U202" s="53"/>
      <c r="V202" s="53"/>
      <c r="W202" s="53"/>
      <c r="X202" s="53"/>
      <c r="Y202" s="53"/>
      <c r="Z202" s="53"/>
      <c r="AA202" s="53"/>
      <c r="AB202" s="53"/>
      <c r="AC202" s="53"/>
      <c r="AD202" s="53"/>
      <c r="AE202" s="53"/>
      <c r="AF202" s="53"/>
      <c r="AG202" s="53"/>
      <c r="AH202" s="53"/>
      <c r="AI202" s="53"/>
      <c r="AJ202" s="53"/>
      <c r="AK202" s="53"/>
      <c r="AL202" s="53"/>
      <c r="AM202" s="53"/>
      <c r="AN202" s="53"/>
      <c r="AO202" s="53"/>
      <c r="AP202" s="53"/>
      <c r="AQ202" s="53"/>
      <c r="AR202" s="53"/>
      <c r="AS202" s="53"/>
      <c r="AT202" s="53"/>
      <c r="AU202" s="53"/>
      <c r="AV202" s="53"/>
      <c r="AW202" s="53"/>
      <c r="AX202" s="53"/>
      <c r="AY202" s="53"/>
      <c r="AZ202" s="53"/>
      <c r="BA202" s="53"/>
      <c r="BB202" s="53"/>
      <c r="BC202" s="53"/>
      <c r="BD202" s="53"/>
      <c r="BE202" s="53"/>
      <c r="BF202" s="53"/>
      <c r="BG202" s="53"/>
      <c r="BH202" s="53"/>
      <c r="BI202" s="53"/>
      <c r="BJ202" s="53"/>
      <c r="BK202" s="53"/>
      <c r="BL202" s="53"/>
      <c r="BM202" s="53"/>
      <c r="BN202" s="53"/>
      <c r="BO202" s="53"/>
      <c r="BP202" s="53"/>
      <c r="BQ202" s="53"/>
      <c r="BR202" s="53"/>
      <c r="BS202" s="53"/>
      <c r="BT202" s="53"/>
      <c r="BU202" s="53"/>
      <c r="BV202" s="53"/>
      <c r="BW202" s="53"/>
      <c r="BX202" s="53"/>
      <c r="BY202" s="53"/>
      <c r="BZ202" s="53"/>
      <c r="CA202" s="53"/>
      <c r="CB202" s="53"/>
      <c r="CC202" s="53"/>
      <c r="CD202" s="53"/>
      <c r="CE202" s="53"/>
      <c r="CF202" s="53"/>
      <c r="CG202" s="53"/>
      <c r="CH202" s="53"/>
      <c r="CI202" s="53"/>
      <c r="CJ202" s="53"/>
      <c r="CK202" s="53"/>
      <c r="CL202" s="53"/>
      <c r="CM202" s="53"/>
      <c r="CN202" s="53"/>
    </row>
    <row r="203" spans="1:92" outlineLevel="1">
      <c r="A203" s="52" t="s">
        <v>1249</v>
      </c>
      <c r="B203" s="53"/>
      <c r="C203" s="53"/>
      <c r="D203" s="53"/>
      <c r="E203" s="53"/>
      <c r="F203" s="53"/>
      <c r="G203" s="53"/>
      <c r="H203" s="53"/>
      <c r="I203" s="53"/>
      <c r="J203" s="53"/>
      <c r="K203" s="53"/>
      <c r="L203" s="53"/>
      <c r="M203" s="53"/>
      <c r="N203" s="53"/>
      <c r="O203" s="53">
        <v>1090423.63015528</v>
      </c>
      <c r="P203" s="53">
        <v>4409038.68421729</v>
      </c>
      <c r="Q203" s="53">
        <v>3591783.0971563398</v>
      </c>
      <c r="R203" s="53">
        <v>3889432.3190302099</v>
      </c>
      <c r="S203" s="53">
        <v>4089090.20017908</v>
      </c>
      <c r="T203" s="53">
        <v>4822691.67479828</v>
      </c>
      <c r="U203" s="53">
        <v>5469151.7505035</v>
      </c>
      <c r="V203" s="53">
        <v>5977735.5813080203</v>
      </c>
      <c r="W203" s="53">
        <v>6136552.9755634097</v>
      </c>
      <c r="X203" s="53">
        <v>5536244.3077656403</v>
      </c>
      <c r="Y203" s="53">
        <v>3826388.2514976999</v>
      </c>
      <c r="Z203" s="53">
        <v>3811725.59988251</v>
      </c>
      <c r="AA203" s="53">
        <v>52650258.072057299</v>
      </c>
      <c r="AB203" s="53">
        <v>3896218.2391879</v>
      </c>
      <c r="AC203" s="53">
        <v>4773138.58612708</v>
      </c>
      <c r="AD203" s="53">
        <v>3741055.5141568901</v>
      </c>
      <c r="AE203" s="53">
        <v>3889432.3190302099</v>
      </c>
      <c r="AF203" s="53">
        <v>4089090.20017908</v>
      </c>
      <c r="AG203" s="53">
        <v>4822691.67479828</v>
      </c>
      <c r="AH203" s="53">
        <v>5469151.7505035</v>
      </c>
      <c r="AI203" s="53">
        <v>5977735.5813080203</v>
      </c>
      <c r="AJ203" s="53">
        <v>6136552.9755634097</v>
      </c>
      <c r="AK203" s="53">
        <v>5536244.3077656403</v>
      </c>
      <c r="AL203" s="53">
        <v>3826388.2514976999</v>
      </c>
      <c r="AM203" s="53">
        <v>3811725.59988251</v>
      </c>
      <c r="AN203" s="53">
        <v>55969425.000000201</v>
      </c>
      <c r="AO203" s="53">
        <v>3896218.2391879</v>
      </c>
      <c r="AP203" s="53">
        <v>4773138.58612708</v>
      </c>
      <c r="AQ203" s="53">
        <v>3741055.5141568901</v>
      </c>
      <c r="AR203" s="53">
        <v>3889432.3190302099</v>
      </c>
      <c r="AS203" s="53">
        <v>4089090.20017908</v>
      </c>
      <c r="AT203" s="53">
        <v>4822691.67479828</v>
      </c>
      <c r="AU203" s="53">
        <v>5469151.7505035</v>
      </c>
      <c r="AV203" s="53">
        <v>5977735.5813080203</v>
      </c>
      <c r="AW203" s="53">
        <v>6136552.9755634097</v>
      </c>
      <c r="AX203" s="53">
        <v>5536244.3077656403</v>
      </c>
      <c r="AY203" s="53">
        <v>3826388.2514976999</v>
      </c>
      <c r="AZ203" s="53">
        <v>3811725.59988251</v>
      </c>
      <c r="BA203" s="53">
        <v>55969425.000000201</v>
      </c>
      <c r="BB203" s="53">
        <v>3896218.2391879</v>
      </c>
      <c r="BC203" s="53">
        <v>4773138.58612708</v>
      </c>
      <c r="BD203" s="53">
        <v>3741055.5141568901</v>
      </c>
      <c r="BE203" s="53">
        <v>3889432.3190302099</v>
      </c>
      <c r="BF203" s="53">
        <v>4089090.20017908</v>
      </c>
      <c r="BG203" s="53">
        <v>4822691.67479828</v>
      </c>
      <c r="BH203" s="53">
        <v>5469151.7505035</v>
      </c>
      <c r="BI203" s="53">
        <v>5977735.5813080203</v>
      </c>
      <c r="BJ203" s="53">
        <v>6136552.9755634097</v>
      </c>
      <c r="BK203" s="53">
        <v>5536244.3077656403</v>
      </c>
      <c r="BL203" s="53">
        <v>3826388.2514976999</v>
      </c>
      <c r="BM203" s="53">
        <v>3811725.59988251</v>
      </c>
      <c r="BN203" s="53">
        <v>55969425.000000201</v>
      </c>
      <c r="BO203" s="53">
        <v>3896218.2391879</v>
      </c>
      <c r="BP203" s="53">
        <v>4773138.58612708</v>
      </c>
      <c r="BQ203" s="53">
        <v>3741055.5141568901</v>
      </c>
      <c r="BR203" s="53">
        <v>3889432.3190302099</v>
      </c>
      <c r="BS203" s="53">
        <v>4089090.20017908</v>
      </c>
      <c r="BT203" s="53">
        <v>4822691.67479828</v>
      </c>
      <c r="BU203" s="53">
        <v>5469151.7505035</v>
      </c>
      <c r="BV203" s="53">
        <v>5977735.5813080203</v>
      </c>
      <c r="BW203" s="53">
        <v>6136552.9755634097</v>
      </c>
      <c r="BX203" s="53">
        <v>5536244.3077656403</v>
      </c>
      <c r="BY203" s="53">
        <v>3826388.2514976999</v>
      </c>
      <c r="BZ203" s="53">
        <v>3811725.59988251</v>
      </c>
      <c r="CA203" s="53">
        <v>55969425.000000201</v>
      </c>
      <c r="CB203" s="53"/>
      <c r="CC203" s="53"/>
      <c r="CD203" s="53"/>
      <c r="CE203" s="53"/>
      <c r="CF203" s="53"/>
      <c r="CG203" s="53"/>
      <c r="CH203" s="53"/>
      <c r="CI203" s="53"/>
      <c r="CJ203" s="53"/>
      <c r="CK203" s="53"/>
      <c r="CL203" s="53"/>
      <c r="CM203" s="53"/>
      <c r="CN203" s="53"/>
    </row>
    <row r="204" spans="1:92" outlineLevel="1">
      <c r="A204" s="52" t="s">
        <v>1257</v>
      </c>
      <c r="B204" s="53"/>
      <c r="C204" s="53"/>
      <c r="D204" s="53"/>
      <c r="E204" s="53"/>
      <c r="F204" s="53"/>
      <c r="G204" s="53"/>
      <c r="H204" s="53"/>
      <c r="I204" s="53"/>
      <c r="J204" s="53"/>
      <c r="K204" s="53"/>
      <c r="L204" s="53"/>
      <c r="M204" s="53"/>
      <c r="N204" s="53"/>
      <c r="O204" s="53"/>
      <c r="P204" s="53"/>
      <c r="Q204" s="53"/>
      <c r="R204" s="53"/>
      <c r="S204" s="53"/>
      <c r="T204" s="53"/>
      <c r="U204" s="53"/>
      <c r="V204" s="53"/>
      <c r="W204" s="53"/>
      <c r="X204" s="53"/>
      <c r="Y204" s="53"/>
      <c r="Z204" s="53"/>
      <c r="AA204" s="53"/>
      <c r="AB204" s="53"/>
      <c r="AC204" s="53"/>
      <c r="AD204" s="53"/>
      <c r="AE204" s="53"/>
      <c r="AF204" s="53"/>
      <c r="AG204" s="53"/>
      <c r="AH204" s="53"/>
      <c r="AI204" s="53"/>
      <c r="AJ204" s="53"/>
      <c r="AK204" s="53"/>
      <c r="AL204" s="53"/>
      <c r="AM204" s="53"/>
      <c r="AN204" s="53"/>
      <c r="AO204" s="53"/>
      <c r="AP204" s="53"/>
      <c r="AQ204" s="53"/>
      <c r="AR204" s="53"/>
      <c r="AS204" s="53"/>
      <c r="AT204" s="53"/>
      <c r="AU204" s="53"/>
      <c r="AV204" s="53"/>
      <c r="AW204" s="53"/>
      <c r="AX204" s="53"/>
      <c r="AY204" s="53"/>
      <c r="AZ204" s="53"/>
      <c r="BA204" s="53"/>
      <c r="BB204" s="53"/>
      <c r="BC204" s="53"/>
      <c r="BD204" s="53"/>
      <c r="BE204" s="53"/>
      <c r="BF204" s="53"/>
      <c r="BG204" s="53"/>
      <c r="BH204" s="53"/>
      <c r="BI204" s="53"/>
      <c r="BJ204" s="53"/>
      <c r="BK204" s="53"/>
      <c r="BL204" s="53"/>
      <c r="BM204" s="53"/>
      <c r="BN204" s="53"/>
      <c r="BO204" s="53"/>
      <c r="BP204" s="53"/>
      <c r="BQ204" s="53"/>
      <c r="BR204" s="53"/>
      <c r="BS204" s="53"/>
      <c r="BT204" s="53"/>
      <c r="BU204" s="53"/>
      <c r="BV204" s="53"/>
      <c r="BW204" s="53"/>
      <c r="BX204" s="53"/>
      <c r="BY204" s="53"/>
      <c r="BZ204" s="53"/>
      <c r="CA204" s="53"/>
      <c r="CB204" s="53"/>
      <c r="CC204" s="53"/>
      <c r="CD204" s="53"/>
      <c r="CE204" s="53"/>
      <c r="CF204" s="53"/>
      <c r="CG204" s="53"/>
      <c r="CH204" s="53"/>
      <c r="CI204" s="53"/>
      <c r="CJ204" s="53"/>
      <c r="CK204" s="53"/>
      <c r="CL204" s="53"/>
      <c r="CM204" s="53"/>
      <c r="CN204" s="53"/>
    </row>
    <row r="205" spans="1:92" outlineLevel="1">
      <c r="A205" s="52" t="s">
        <v>1249</v>
      </c>
      <c r="B205" s="53"/>
      <c r="C205" s="53"/>
      <c r="D205" s="53"/>
      <c r="E205" s="53"/>
      <c r="F205" s="53"/>
      <c r="G205" s="53"/>
      <c r="H205" s="53"/>
      <c r="I205" s="53"/>
      <c r="J205" s="53"/>
      <c r="K205" s="53"/>
      <c r="L205" s="53"/>
      <c r="M205" s="53"/>
      <c r="N205" s="53"/>
      <c r="O205" s="53">
        <v>-250166</v>
      </c>
      <c r="P205" s="53">
        <v>-1088222.0999999901</v>
      </c>
      <c r="Q205" s="53">
        <v>-1225813.3999999899</v>
      </c>
      <c r="R205" s="53">
        <v>-1275846.5999999901</v>
      </c>
      <c r="S205" s="53">
        <v>-1225813.3999999899</v>
      </c>
      <c r="T205" s="53">
        <v>-1663603.9</v>
      </c>
      <c r="U205" s="53">
        <v>-3668505.6999999899</v>
      </c>
      <c r="V205" s="53">
        <v>-3805331.1857142802</v>
      </c>
      <c r="W205" s="53">
        <v>-3644510.1857142802</v>
      </c>
      <c r="X205" s="53">
        <v>-4129270.62857142</v>
      </c>
      <c r="Y205" s="53">
        <v>-3302191.2</v>
      </c>
      <c r="Z205" s="53">
        <v>-3902589.5999999898</v>
      </c>
      <c r="AA205" s="53">
        <v>-29181863.899999999</v>
      </c>
      <c r="AB205" s="53">
        <v>-3564865.5</v>
      </c>
      <c r="AC205" s="53">
        <v>-3639915.29999999</v>
      </c>
      <c r="AD205" s="53">
        <v>-4165263.9</v>
      </c>
      <c r="AE205" s="53">
        <v>-5572447.6500000004</v>
      </c>
      <c r="AF205" s="53">
        <v>-5441110.4999999898</v>
      </c>
      <c r="AG205" s="53">
        <v>-5678768.1999999899</v>
      </c>
      <c r="AH205" s="53">
        <v>-6468577.9999999898</v>
      </c>
      <c r="AI205" s="53">
        <v>-6448539.1928571397</v>
      </c>
      <c r="AJ205" s="53">
        <v>-6074183.6428571399</v>
      </c>
      <c r="AK205" s="53">
        <v>-6882117.7142857099</v>
      </c>
      <c r="AL205" s="53">
        <v>-5503651.9999999898</v>
      </c>
      <c r="AM205" s="53">
        <v>-6504316</v>
      </c>
      <c r="AN205" s="53">
        <v>-65943757.599999897</v>
      </c>
      <c r="AO205" s="53">
        <v>-5941442.4999999898</v>
      </c>
      <c r="AP205" s="53">
        <v>-6066525.5</v>
      </c>
      <c r="AQ205" s="53">
        <v>-6379233</v>
      </c>
      <c r="AR205" s="53">
        <v>-6379232.9999999898</v>
      </c>
      <c r="AS205" s="53">
        <v>-6129066.9999999898</v>
      </c>
      <c r="AT205" s="53">
        <v>-6191608.4999999898</v>
      </c>
      <c r="AU205" s="53">
        <v>-6531119.5</v>
      </c>
      <c r="AV205" s="53">
        <v>-6467301.6428571399</v>
      </c>
      <c r="AW205" s="53">
        <v>-6074183.6428571399</v>
      </c>
      <c r="AX205" s="53">
        <v>-6882117.7142857099</v>
      </c>
      <c r="AY205" s="53">
        <v>-5503651.9999999898</v>
      </c>
      <c r="AZ205" s="53">
        <v>-6504316</v>
      </c>
      <c r="BA205" s="53">
        <v>-75049800</v>
      </c>
      <c r="BB205" s="53">
        <v>-5941442.4999999898</v>
      </c>
      <c r="BC205" s="53">
        <v>-6066525.5</v>
      </c>
      <c r="BD205" s="53">
        <v>-6379233</v>
      </c>
      <c r="BE205" s="53">
        <v>-6379232.9999999898</v>
      </c>
      <c r="BF205" s="53">
        <v>-6129066.9999999898</v>
      </c>
      <c r="BG205" s="53">
        <v>-6191608.4999999898</v>
      </c>
      <c r="BH205" s="53">
        <v>-6531119.5</v>
      </c>
      <c r="BI205" s="53">
        <v>-6467301.6428571399</v>
      </c>
      <c r="BJ205" s="53">
        <v>-6074183.6428571399</v>
      </c>
      <c r="BK205" s="53">
        <v>-6882117.7142857099</v>
      </c>
      <c r="BL205" s="53">
        <v>-5503651.9999999898</v>
      </c>
      <c r="BM205" s="53">
        <v>-6504316</v>
      </c>
      <c r="BN205" s="53">
        <v>-75049800</v>
      </c>
      <c r="BO205" s="53">
        <v>-5941442.4999999898</v>
      </c>
      <c r="BP205" s="53">
        <v>-6066525.5</v>
      </c>
      <c r="BQ205" s="53">
        <v>-6379233</v>
      </c>
      <c r="BR205" s="53">
        <v>-6379232.9999999898</v>
      </c>
      <c r="BS205" s="53">
        <v>-6129066.9999999898</v>
      </c>
      <c r="BT205" s="53">
        <v>-6191608.4999999898</v>
      </c>
      <c r="BU205" s="53">
        <v>-6531119.5</v>
      </c>
      <c r="BV205" s="53">
        <v>-6467301.6428571399</v>
      </c>
      <c r="BW205" s="53">
        <v>-6074183.6428571399</v>
      </c>
      <c r="BX205" s="53">
        <v>-6882117.7142857099</v>
      </c>
      <c r="BY205" s="53">
        <v>-5503651.9999999898</v>
      </c>
      <c r="BZ205" s="53">
        <v>-6504316</v>
      </c>
      <c r="CA205" s="53">
        <v>-75049800</v>
      </c>
      <c r="CB205" s="53">
        <v>-3264760.6439775699</v>
      </c>
      <c r="CC205" s="53">
        <v>-4830705.7185615497</v>
      </c>
      <c r="CD205" s="53">
        <v>-5226229.5410195496</v>
      </c>
      <c r="CE205" s="53">
        <v>-4843937.1404570397</v>
      </c>
      <c r="CF205" s="53">
        <v>-3151265.44046559</v>
      </c>
      <c r="CG205" s="53">
        <v>-3000994.7646196801</v>
      </c>
      <c r="CH205" s="53">
        <v>-3094388.8214493799</v>
      </c>
      <c r="CI205" s="53">
        <v>-3064152.4639992202</v>
      </c>
      <c r="CJ205" s="53">
        <v>-2877896.5021062298</v>
      </c>
      <c r="CK205" s="53">
        <v>-3260688.7874252601</v>
      </c>
      <c r="CL205" s="53">
        <v>-2607583.4665017999</v>
      </c>
      <c r="CM205" s="53">
        <v>-3081689.5513203102</v>
      </c>
      <c r="CN205" s="53">
        <v>-42304292.841903202</v>
      </c>
    </row>
    <row r="206" spans="1:92" outlineLevel="1">
      <c r="A206" s="52" t="s">
        <v>1258</v>
      </c>
      <c r="B206" s="53"/>
      <c r="C206" s="53"/>
      <c r="D206" s="53"/>
      <c r="E206" s="53"/>
      <c r="F206" s="53"/>
      <c r="G206" s="53"/>
      <c r="H206" s="53"/>
      <c r="I206" s="53"/>
      <c r="J206" s="53"/>
      <c r="K206" s="53"/>
      <c r="L206" s="53"/>
      <c r="M206" s="53"/>
      <c r="N206" s="53"/>
      <c r="O206" s="53"/>
      <c r="P206" s="53"/>
      <c r="Q206" s="53"/>
      <c r="R206" s="53"/>
      <c r="S206" s="53"/>
      <c r="T206" s="53"/>
      <c r="U206" s="53"/>
      <c r="V206" s="53"/>
      <c r="W206" s="53"/>
      <c r="X206" s="53"/>
      <c r="Y206" s="53"/>
      <c r="Z206" s="53"/>
      <c r="AA206" s="53"/>
      <c r="AB206" s="53"/>
      <c r="AC206" s="53"/>
      <c r="AD206" s="53"/>
      <c r="AE206" s="53"/>
      <c r="AF206" s="53"/>
      <c r="AG206" s="53"/>
      <c r="AH206" s="53"/>
      <c r="AI206" s="53"/>
      <c r="AJ206" s="53"/>
      <c r="AK206" s="53"/>
      <c r="AL206" s="53"/>
      <c r="AM206" s="53"/>
      <c r="AN206" s="53"/>
      <c r="AO206" s="53"/>
      <c r="AP206" s="53"/>
      <c r="AQ206" s="53"/>
      <c r="AR206" s="53"/>
      <c r="AS206" s="53"/>
      <c r="AT206" s="53"/>
      <c r="AU206" s="53"/>
      <c r="AV206" s="53"/>
      <c r="AW206" s="53"/>
      <c r="AX206" s="53"/>
      <c r="AY206" s="53"/>
      <c r="AZ206" s="53"/>
      <c r="BA206" s="53"/>
      <c r="BB206" s="53"/>
      <c r="BC206" s="53"/>
      <c r="BD206" s="53"/>
      <c r="BE206" s="53"/>
      <c r="BF206" s="53"/>
      <c r="BG206" s="53"/>
      <c r="BH206" s="53"/>
      <c r="BI206" s="53"/>
      <c r="BJ206" s="53"/>
      <c r="BK206" s="53"/>
      <c r="BL206" s="53"/>
      <c r="BM206" s="53"/>
      <c r="BN206" s="53"/>
      <c r="BO206" s="53"/>
      <c r="BP206" s="53"/>
      <c r="BQ206" s="53"/>
      <c r="BR206" s="53"/>
      <c r="BS206" s="53"/>
      <c r="BT206" s="53"/>
      <c r="BU206" s="53"/>
      <c r="BV206" s="53"/>
      <c r="BW206" s="53"/>
      <c r="BX206" s="53"/>
      <c r="BY206" s="53"/>
      <c r="BZ206" s="53"/>
      <c r="CA206" s="53"/>
      <c r="CB206" s="53"/>
      <c r="CC206" s="53"/>
      <c r="CD206" s="53"/>
      <c r="CE206" s="53"/>
      <c r="CF206" s="53"/>
      <c r="CG206" s="53"/>
      <c r="CH206" s="53"/>
      <c r="CI206" s="53"/>
      <c r="CJ206" s="53"/>
      <c r="CK206" s="53"/>
      <c r="CL206" s="53"/>
      <c r="CM206" s="53"/>
      <c r="CN206" s="53"/>
    </row>
    <row r="207" spans="1:92" outlineLevel="1">
      <c r="A207" s="52" t="s">
        <v>1249</v>
      </c>
      <c r="B207" s="53"/>
      <c r="C207" s="53"/>
      <c r="D207" s="53"/>
      <c r="E207" s="53"/>
      <c r="F207" s="53"/>
      <c r="G207" s="53"/>
      <c r="H207" s="53"/>
      <c r="I207" s="53"/>
      <c r="J207" s="53"/>
      <c r="K207" s="53"/>
      <c r="L207" s="53"/>
      <c r="M207" s="53"/>
      <c r="N207" s="53"/>
      <c r="O207" s="53"/>
      <c r="P207" s="53"/>
      <c r="Q207" s="53"/>
      <c r="R207" s="53">
        <v>-7919344.8875022903</v>
      </c>
      <c r="S207" s="53">
        <v>-32808714.533938002</v>
      </c>
      <c r="T207" s="53">
        <v>-36202719.485724702</v>
      </c>
      <c r="U207" s="53">
        <v>-39381232.059620202</v>
      </c>
      <c r="V207" s="53">
        <v>-38996424.241957299</v>
      </c>
      <c r="W207" s="53">
        <v>-36626008.0851539</v>
      </c>
      <c r="X207" s="53">
        <v>-41497675.0567661</v>
      </c>
      <c r="Y207" s="53">
        <v>-33185826.195247699</v>
      </c>
      <c r="Z207" s="53">
        <v>-39219612.7762018</v>
      </c>
      <c r="AA207" s="53">
        <v>-305837557.32211202</v>
      </c>
      <c r="AB207" s="53">
        <v>-35825607.824415103</v>
      </c>
      <c r="AC207" s="53">
        <v>-36579831.147034399</v>
      </c>
      <c r="AD207" s="53">
        <v>-38465389.453582503</v>
      </c>
      <c r="AE207" s="53">
        <v>-30546044.566080201</v>
      </c>
      <c r="AF207" s="53">
        <v>-4148228.27440596</v>
      </c>
      <c r="AG207" s="53">
        <v>-1131334.98392889</v>
      </c>
      <c r="AH207" s="53"/>
      <c r="AI207" s="53"/>
      <c r="AJ207" s="53"/>
      <c r="AK207" s="53"/>
      <c r="AL207" s="53"/>
      <c r="AM207" s="53"/>
      <c r="AN207" s="53">
        <v>-146696436.24944699</v>
      </c>
      <c r="AO207" s="53"/>
      <c r="AP207" s="53"/>
      <c r="AQ207" s="53"/>
      <c r="AR207" s="53"/>
      <c r="AS207" s="53"/>
      <c r="AT207" s="53"/>
      <c r="AU207" s="53"/>
      <c r="AV207" s="53"/>
      <c r="AW207" s="53"/>
      <c r="AX207" s="53"/>
      <c r="AY207" s="53"/>
      <c r="AZ207" s="53"/>
      <c r="BA207" s="53"/>
      <c r="BB207" s="53"/>
      <c r="BC207" s="53"/>
      <c r="BD207" s="53"/>
      <c r="BE207" s="53"/>
      <c r="BF207" s="53"/>
      <c r="BG207" s="53"/>
      <c r="BH207" s="53"/>
      <c r="BI207" s="53"/>
      <c r="BJ207" s="53"/>
      <c r="BK207" s="53"/>
      <c r="BL207" s="53"/>
      <c r="BM207" s="53"/>
      <c r="BN207" s="53"/>
      <c r="BO207" s="53"/>
      <c r="BP207" s="53"/>
      <c r="BQ207" s="53"/>
      <c r="BR207" s="53"/>
      <c r="BS207" s="53"/>
      <c r="BT207" s="53"/>
      <c r="BU207" s="53"/>
      <c r="BV207" s="53"/>
      <c r="BW207" s="53"/>
      <c r="BX207" s="53"/>
      <c r="BY207" s="53"/>
      <c r="BZ207" s="53"/>
      <c r="CA207" s="53"/>
      <c r="CB207" s="53">
        <v>-4999638.7008556202</v>
      </c>
      <c r="CC207" s="53">
        <v>-5104894.2524525896</v>
      </c>
      <c r="CD207" s="53">
        <v>-5368033.1314449897</v>
      </c>
      <c r="CE207" s="53">
        <v>-5368033.1314449897</v>
      </c>
      <c r="CF207" s="53">
        <v>-5157522.0282510603</v>
      </c>
      <c r="CG207" s="53">
        <v>-5210149.8040495403</v>
      </c>
      <c r="CH207" s="53">
        <v>-5991814.5367830498</v>
      </c>
      <c r="CI207" s="53">
        <v>-7627248.5604010904</v>
      </c>
      <c r="CJ207" s="53">
        <v>-7266687.13267814</v>
      </c>
      <c r="CK207" s="53">
        <v>-8338133.0596052799</v>
      </c>
      <c r="CL207" s="53">
        <v>-6668032.2242243998</v>
      </c>
      <c r="CM207" s="53">
        <v>-7880401.7195379296</v>
      </c>
      <c r="CN207" s="53">
        <v>-74980588.2817287</v>
      </c>
    </row>
    <row r="208" spans="1:92" outlineLevel="1">
      <c r="A208" s="52" t="s">
        <v>1259</v>
      </c>
      <c r="B208" s="53"/>
      <c r="C208" s="53"/>
      <c r="D208" s="53"/>
      <c r="E208" s="53"/>
      <c r="F208" s="53"/>
      <c r="G208" s="53"/>
      <c r="H208" s="53"/>
      <c r="I208" s="53"/>
      <c r="J208" s="53"/>
      <c r="K208" s="53"/>
      <c r="L208" s="53"/>
      <c r="M208" s="53"/>
      <c r="N208" s="53"/>
      <c r="O208" s="53"/>
      <c r="P208" s="53"/>
      <c r="Q208" s="53"/>
      <c r="R208" s="53"/>
      <c r="S208" s="53"/>
      <c r="T208" s="53"/>
      <c r="U208" s="53"/>
      <c r="V208" s="53"/>
      <c r="W208" s="53"/>
      <c r="X208" s="53"/>
      <c r="Y208" s="53"/>
      <c r="Z208" s="53"/>
      <c r="AA208" s="53"/>
      <c r="AB208" s="53"/>
      <c r="AC208" s="53"/>
      <c r="AD208" s="53"/>
      <c r="AE208" s="53"/>
      <c r="AF208" s="53"/>
      <c r="AG208" s="53"/>
      <c r="AH208" s="53"/>
      <c r="AI208" s="53"/>
      <c r="AJ208" s="53"/>
      <c r="AK208" s="53"/>
      <c r="AL208" s="53"/>
      <c r="AM208" s="53"/>
      <c r="AN208" s="53"/>
      <c r="AO208" s="53"/>
      <c r="AP208" s="53"/>
      <c r="AQ208" s="53"/>
      <c r="AR208" s="53"/>
      <c r="AS208" s="53"/>
      <c r="AT208" s="53"/>
      <c r="AU208" s="53"/>
      <c r="AV208" s="53"/>
      <c r="AW208" s="53"/>
      <c r="AX208" s="53"/>
      <c r="AY208" s="53"/>
      <c r="AZ208" s="53"/>
      <c r="BA208" s="53"/>
      <c r="BB208" s="53"/>
      <c r="BC208" s="53"/>
      <c r="BD208" s="53"/>
      <c r="BE208" s="53"/>
      <c r="BF208" s="53"/>
      <c r="BG208" s="53"/>
      <c r="BH208" s="53"/>
      <c r="BI208" s="53"/>
      <c r="BJ208" s="53"/>
      <c r="BK208" s="53"/>
      <c r="BL208" s="53"/>
      <c r="BM208" s="53"/>
      <c r="BN208" s="53"/>
      <c r="BO208" s="53"/>
      <c r="BP208" s="53"/>
      <c r="BQ208" s="53"/>
      <c r="BR208" s="53"/>
      <c r="BS208" s="53"/>
      <c r="BT208" s="53"/>
      <c r="BU208" s="53"/>
      <c r="BV208" s="53"/>
      <c r="BW208" s="53"/>
      <c r="BX208" s="53"/>
      <c r="BY208" s="53"/>
      <c r="BZ208" s="53"/>
      <c r="CA208" s="53"/>
      <c r="CB208" s="53">
        <v>240280826.524205</v>
      </c>
      <c r="CC208" s="53">
        <v>220420820.641763</v>
      </c>
      <c r="CD208" s="53">
        <v>223858552.860239</v>
      </c>
      <c r="CE208" s="53">
        <v>226231554.450297</v>
      </c>
      <c r="CF208" s="53">
        <v>298163241.64593101</v>
      </c>
      <c r="CG208" s="53">
        <v>345435621.58503097</v>
      </c>
      <c r="CH208" s="53">
        <v>356420022.42049301</v>
      </c>
      <c r="CI208" s="53">
        <v>343023773.48575902</v>
      </c>
      <c r="CJ208" s="53">
        <v>335180269.98687798</v>
      </c>
      <c r="CK208" s="53">
        <v>242355810.96165699</v>
      </c>
      <c r="CL208" s="53">
        <v>233037100.946989</v>
      </c>
      <c r="CM208" s="53">
        <v>225862860.89833301</v>
      </c>
      <c r="CN208" s="53">
        <v>225862860.89833301</v>
      </c>
    </row>
    <row r="209" spans="1:92" outlineLevel="1">
      <c r="A209" s="52" t="s">
        <v>1249</v>
      </c>
      <c r="B209" s="53"/>
      <c r="C209" s="53"/>
      <c r="D209" s="53"/>
      <c r="E209" s="53"/>
      <c r="F209" s="53"/>
      <c r="G209" s="53"/>
      <c r="H209" s="53"/>
      <c r="I209" s="53"/>
      <c r="J209" s="53"/>
      <c r="K209" s="53"/>
      <c r="L209" s="53"/>
      <c r="M209" s="53"/>
      <c r="N209" s="53"/>
      <c r="O209" s="53">
        <v>-369304.95752416202</v>
      </c>
      <c r="P209" s="53">
        <v>-1606476.5652300999</v>
      </c>
      <c r="Q209" s="53">
        <v>-1809594.29186839</v>
      </c>
      <c r="R209" s="53">
        <v>-1883455.2833732199</v>
      </c>
      <c r="S209" s="53">
        <v>-1809594.29186839</v>
      </c>
      <c r="T209" s="53">
        <v>-1690884.88540312</v>
      </c>
      <c r="U209" s="53">
        <v>-1166346.12468844</v>
      </c>
      <c r="V209" s="53">
        <v>-1099254.126589</v>
      </c>
      <c r="W209" s="53">
        <v>-791380.44074028905</v>
      </c>
      <c r="X209" s="53">
        <v>-93989.687734034305</v>
      </c>
      <c r="Y209" s="53">
        <v>-31188.4516860113</v>
      </c>
      <c r="Z209" s="53"/>
      <c r="AA209" s="53">
        <v>-12351469.106705099</v>
      </c>
      <c r="AB209" s="53">
        <v>-369304.95752416202</v>
      </c>
      <c r="AC209" s="53">
        <v>-1606476.5652300999</v>
      </c>
      <c r="AD209" s="53">
        <v>-1809594.29186839</v>
      </c>
      <c r="AE209" s="53">
        <v>-1883455.2833732199</v>
      </c>
      <c r="AF209" s="53">
        <v>-1809594.29186839</v>
      </c>
      <c r="AG209" s="53">
        <v>-1690884.88540312</v>
      </c>
      <c r="AH209" s="53">
        <v>-1166346.12468844</v>
      </c>
      <c r="AI209" s="53">
        <v>-1099254.126589</v>
      </c>
      <c r="AJ209" s="53">
        <v>-791380.44074028905</v>
      </c>
      <c r="AK209" s="53">
        <v>-93989.687734034305</v>
      </c>
      <c r="AL209" s="53">
        <v>-31188.4516860113</v>
      </c>
      <c r="AM209" s="53"/>
      <c r="AN209" s="53">
        <v>-12351469.106705099</v>
      </c>
      <c r="AO209" s="53">
        <v>-369304.95752416202</v>
      </c>
      <c r="AP209" s="53">
        <v>-1606476.5652300999</v>
      </c>
      <c r="AQ209" s="53">
        <v>-1809594.29186839</v>
      </c>
      <c r="AR209" s="53">
        <v>-1883455.2833732199</v>
      </c>
      <c r="AS209" s="53">
        <v>-1809594.29186839</v>
      </c>
      <c r="AT209" s="53">
        <v>-1690884.88540312</v>
      </c>
      <c r="AU209" s="53">
        <v>-1166346.12468844</v>
      </c>
      <c r="AV209" s="53">
        <v>-1099254.126589</v>
      </c>
      <c r="AW209" s="53">
        <v>-791380.44074028905</v>
      </c>
      <c r="AX209" s="53">
        <v>-93989.687734034305</v>
      </c>
      <c r="AY209" s="53">
        <v>-31188.4516860113</v>
      </c>
      <c r="AZ209" s="53"/>
      <c r="BA209" s="53">
        <v>-12351469.106705099</v>
      </c>
      <c r="BB209" s="53">
        <v>-369304.95752416202</v>
      </c>
      <c r="BC209" s="53">
        <v>-1606476.5652300999</v>
      </c>
      <c r="BD209" s="53">
        <v>-1809594.29186839</v>
      </c>
      <c r="BE209" s="53">
        <v>-1883455.2833732199</v>
      </c>
      <c r="BF209" s="53">
        <v>-1809594.29186839</v>
      </c>
      <c r="BG209" s="53">
        <v>-1690884.88540312</v>
      </c>
      <c r="BH209" s="53">
        <v>-1166346.12468844</v>
      </c>
      <c r="BI209" s="53">
        <v>-1099254.126589</v>
      </c>
      <c r="BJ209" s="53">
        <v>-791380.44074028905</v>
      </c>
      <c r="BK209" s="53">
        <v>-93989.687734034305</v>
      </c>
      <c r="BL209" s="53">
        <v>-31188.4516860113</v>
      </c>
      <c r="BM209" s="53"/>
      <c r="BN209" s="53">
        <v>-12351469.106705099</v>
      </c>
      <c r="BO209" s="53">
        <v>-369304.95752416202</v>
      </c>
      <c r="BP209" s="53">
        <v>-1606476.5652300999</v>
      </c>
      <c r="BQ209" s="53">
        <v>-1809594.29186839</v>
      </c>
      <c r="BR209" s="53">
        <v>-1883455.2833732199</v>
      </c>
      <c r="BS209" s="53">
        <v>-1809594.29186839</v>
      </c>
      <c r="BT209" s="53">
        <v>-1690884.88540312</v>
      </c>
      <c r="BU209" s="53">
        <v>-1166346.12468844</v>
      </c>
      <c r="BV209" s="53">
        <v>-1099254.126589</v>
      </c>
      <c r="BW209" s="53">
        <v>-791380.44074028905</v>
      </c>
      <c r="BX209" s="53">
        <v>-93989.687734034305</v>
      </c>
      <c r="BY209" s="53">
        <v>-31188.4516860113</v>
      </c>
      <c r="BZ209" s="53"/>
      <c r="CA209" s="53">
        <v>-12351469.106705099</v>
      </c>
      <c r="CB209" s="53">
        <v>-7605240.3300000001</v>
      </c>
      <c r="CC209" s="53">
        <v>-7605240.3300000001</v>
      </c>
      <c r="CD209" s="53">
        <v>-7605240.3300000001</v>
      </c>
      <c r="CE209" s="53">
        <v>-7605240.3300000001</v>
      </c>
      <c r="CF209" s="53">
        <v>-7605240.3300000001</v>
      </c>
      <c r="CG209" s="53">
        <v>-7605240.3300000001</v>
      </c>
      <c r="CH209" s="53">
        <v>-7605240.3300000001</v>
      </c>
      <c r="CI209" s="53">
        <v>-7605240.3300000001</v>
      </c>
      <c r="CJ209" s="53">
        <v>-7605240.3300000001</v>
      </c>
      <c r="CK209" s="53">
        <v>-7605240.3300000001</v>
      </c>
      <c r="CL209" s="53">
        <v>-7605240.3300000001</v>
      </c>
      <c r="CM209" s="53">
        <v>-7605240.3300000001</v>
      </c>
      <c r="CN209" s="53">
        <v>-7605240.3300000001</v>
      </c>
    </row>
    <row r="210" spans="1:92" outlineLevel="1">
      <c r="A210" s="52" t="s">
        <v>1268</v>
      </c>
      <c r="B210" s="53">
        <v>134156529.67999899</v>
      </c>
      <c r="C210" s="53">
        <v>128418757.58999901</v>
      </c>
      <c r="D210" s="53">
        <v>100841998.19</v>
      </c>
      <c r="E210" s="53">
        <v>289856356.39999998</v>
      </c>
      <c r="F210" s="53">
        <v>307128384.49000001</v>
      </c>
      <c r="G210" s="53">
        <v>130445418.59999999</v>
      </c>
      <c r="H210" s="53">
        <v>133434522.94</v>
      </c>
      <c r="I210" s="53">
        <v>101157851.949999</v>
      </c>
      <c r="J210" s="53">
        <v>163528906.02999899</v>
      </c>
      <c r="K210" s="53">
        <v>127673961.129999</v>
      </c>
      <c r="L210" s="53">
        <v>135929736.799999</v>
      </c>
      <c r="M210" s="53">
        <v>132083150.53</v>
      </c>
      <c r="N210" s="53">
        <v>132083150.53</v>
      </c>
      <c r="O210" s="53">
        <v>353831165.42639798</v>
      </c>
      <c r="P210" s="53">
        <v>210330695.10337201</v>
      </c>
      <c r="Q210" s="53">
        <v>199280398.14154801</v>
      </c>
      <c r="R210" s="53">
        <v>242351489.91606</v>
      </c>
      <c r="S210" s="53">
        <v>332952630.35175699</v>
      </c>
      <c r="T210" s="53">
        <v>382626743.07523102</v>
      </c>
      <c r="U210" s="53">
        <v>385731014.22905201</v>
      </c>
      <c r="V210" s="53">
        <v>481041830.03965801</v>
      </c>
      <c r="W210" s="53">
        <v>369993955.06067598</v>
      </c>
      <c r="X210" s="53">
        <v>249294500.293226</v>
      </c>
      <c r="Y210" s="53">
        <v>225220099.952894</v>
      </c>
      <c r="Z210" s="53">
        <v>229951254.804768</v>
      </c>
      <c r="AA210" s="53">
        <v>229951254.804768</v>
      </c>
      <c r="AB210" s="53">
        <v>390712255.76106101</v>
      </c>
      <c r="AC210" s="53">
        <v>251738532.66149801</v>
      </c>
      <c r="AD210" s="53">
        <v>231695003.573378</v>
      </c>
      <c r="AE210" s="53">
        <v>214198150.67895499</v>
      </c>
      <c r="AF210" s="53">
        <v>296802125.64737898</v>
      </c>
      <c r="AG210" s="53">
        <v>344184804.32270098</v>
      </c>
      <c r="AH210" s="53">
        <v>349259915.71918899</v>
      </c>
      <c r="AI210" s="53">
        <v>442845894.70248097</v>
      </c>
      <c r="AJ210" s="53">
        <v>334097227.22650099</v>
      </c>
      <c r="AK210" s="53">
        <v>217827281.934762</v>
      </c>
      <c r="AL210" s="53">
        <v>187298867.01398799</v>
      </c>
      <c r="AM210" s="53">
        <v>193530545.162402</v>
      </c>
      <c r="AN210" s="53">
        <v>193530545.162402</v>
      </c>
      <c r="AO210" s="53">
        <v>293899737.09461403</v>
      </c>
      <c r="AP210" s="53">
        <v>162185350.783759</v>
      </c>
      <c r="AQ210" s="53">
        <v>146715504.32049099</v>
      </c>
      <c r="AR210" s="53">
        <v>156169241.586294</v>
      </c>
      <c r="AS210" s="53">
        <v>230739372.69924599</v>
      </c>
      <c r="AT210" s="53">
        <v>271837651.53648901</v>
      </c>
      <c r="AU210" s="53">
        <v>277025562.73659199</v>
      </c>
      <c r="AV210" s="53">
        <v>356248012.679075</v>
      </c>
      <c r="AW210" s="53">
        <v>264805687.42281899</v>
      </c>
      <c r="AX210" s="53">
        <v>163526952.98529199</v>
      </c>
      <c r="AY210" s="53">
        <v>138935036.24364299</v>
      </c>
      <c r="AZ210" s="53">
        <v>145200596.28899199</v>
      </c>
      <c r="BA210" s="53">
        <v>145200596.28899199</v>
      </c>
      <c r="BB210" s="53">
        <v>289755098.72399497</v>
      </c>
      <c r="BC210" s="53">
        <v>165549543.94359499</v>
      </c>
      <c r="BD210" s="53">
        <v>150923871.328603</v>
      </c>
      <c r="BE210" s="53">
        <v>160080420.01962799</v>
      </c>
      <c r="BF210" s="53">
        <v>234182483.34928399</v>
      </c>
      <c r="BG210" s="53">
        <v>276939522.20779699</v>
      </c>
      <c r="BH210" s="53">
        <v>282254621.83412701</v>
      </c>
      <c r="BI210" s="53">
        <v>360642535.07184798</v>
      </c>
      <c r="BJ210" s="53">
        <v>270229337.42611301</v>
      </c>
      <c r="BK210" s="53">
        <v>170335184.88947701</v>
      </c>
      <c r="BL210" s="53">
        <v>144543077.103284</v>
      </c>
      <c r="BM210" s="53">
        <v>151392912.920587</v>
      </c>
      <c r="BN210" s="53">
        <v>151392912.920587</v>
      </c>
      <c r="BO210" s="53">
        <v>295370324.37289101</v>
      </c>
      <c r="BP210" s="53">
        <v>171658140.31739599</v>
      </c>
      <c r="BQ210" s="53">
        <v>156347334.17093101</v>
      </c>
      <c r="BR210" s="53">
        <v>165381736.571336</v>
      </c>
      <c r="BS210" s="53">
        <v>240138218.226789</v>
      </c>
      <c r="BT210" s="53">
        <v>284031027.31972599</v>
      </c>
      <c r="BU210" s="53">
        <v>289775776.328309</v>
      </c>
      <c r="BV210" s="53">
        <v>367881446.89359498</v>
      </c>
      <c r="BW210" s="53">
        <v>278341361.54001302</v>
      </c>
      <c r="BX210" s="53">
        <v>178616213.978535</v>
      </c>
      <c r="BY210" s="53">
        <v>153135260.72340399</v>
      </c>
      <c r="BZ210" s="53">
        <v>160249694.350925</v>
      </c>
      <c r="CA210" s="53">
        <v>160249694.350925</v>
      </c>
      <c r="CB210" s="53">
        <v>3516941.56</v>
      </c>
      <c r="CC210" s="53">
        <v>3516941.56</v>
      </c>
      <c r="CD210" s="53">
        <v>3516941.56</v>
      </c>
      <c r="CE210" s="53">
        <v>3516941.56</v>
      </c>
      <c r="CF210" s="53">
        <v>3516941.56</v>
      </c>
      <c r="CG210" s="53">
        <v>3516941.56</v>
      </c>
      <c r="CH210" s="53">
        <v>3516941.56</v>
      </c>
      <c r="CI210" s="53">
        <v>3516941.56</v>
      </c>
      <c r="CJ210" s="53">
        <v>3516941.56</v>
      </c>
      <c r="CK210" s="53">
        <v>3516941.56</v>
      </c>
      <c r="CL210" s="53">
        <v>3516941.56</v>
      </c>
      <c r="CM210" s="53">
        <v>3516941.56</v>
      </c>
      <c r="CN210" s="53">
        <v>3516941.56</v>
      </c>
    </row>
    <row r="211" spans="1:92" outlineLevel="1">
      <c r="A211" s="52" t="s">
        <v>1269</v>
      </c>
      <c r="B211" s="53">
        <v>-7605881.3300000001</v>
      </c>
      <c r="C211" s="53">
        <v>-7605881.3300000001</v>
      </c>
      <c r="D211" s="53">
        <v>-7662306.5599999996</v>
      </c>
      <c r="E211" s="53">
        <v>-7785326.7699999996</v>
      </c>
      <c r="F211" s="53">
        <v>-7789410.4400000004</v>
      </c>
      <c r="G211" s="53">
        <v>-7789991.0800000001</v>
      </c>
      <c r="H211" s="53">
        <v>-7858375.4500000002</v>
      </c>
      <c r="I211" s="53">
        <v>-7865809.4699999997</v>
      </c>
      <c r="J211" s="53">
        <v>-8060432.1399999997</v>
      </c>
      <c r="K211" s="53">
        <v>-8195657.1499999901</v>
      </c>
      <c r="L211" s="53">
        <v>-8403746.8499999996</v>
      </c>
      <c r="M211" s="53">
        <v>-8402594.7699999996</v>
      </c>
      <c r="N211" s="53">
        <v>-8402594.7699999996</v>
      </c>
      <c r="O211" s="53">
        <v>-8402594.7699999996</v>
      </c>
      <c r="P211" s="53">
        <v>-8402594.7699999996</v>
      </c>
      <c r="Q211" s="53">
        <v>-8402594.7699999996</v>
      </c>
      <c r="R211" s="53">
        <v>-8402594.7699999996</v>
      </c>
      <c r="S211" s="53">
        <v>-8402594.7699999996</v>
      </c>
      <c r="T211" s="53">
        <v>-8402594.7699999996</v>
      </c>
      <c r="U211" s="53">
        <v>-8402594.7699999996</v>
      </c>
      <c r="V211" s="53">
        <v>-8402594.7699999996</v>
      </c>
      <c r="W211" s="53">
        <v>-8402594.7699999996</v>
      </c>
      <c r="X211" s="53">
        <v>-8402594.7699999996</v>
      </c>
      <c r="Y211" s="53">
        <v>-8402594.7699999996</v>
      </c>
      <c r="Z211" s="53">
        <v>-8402594.7699999996</v>
      </c>
      <c r="AA211" s="53">
        <v>-8402594.7699999996</v>
      </c>
      <c r="AB211" s="53">
        <v>-8402594.7699999996</v>
      </c>
      <c r="AC211" s="53">
        <v>-8402594.7699999996</v>
      </c>
      <c r="AD211" s="53">
        <v>-8402594.7699999996</v>
      </c>
      <c r="AE211" s="53">
        <v>-8402594.7699999996</v>
      </c>
      <c r="AF211" s="53">
        <v>-8402594.7699999996</v>
      </c>
      <c r="AG211" s="53">
        <v>-8402594.7699999996</v>
      </c>
      <c r="AH211" s="53">
        <v>-8402594.7699999996</v>
      </c>
      <c r="AI211" s="53">
        <v>-8402594.7699999996</v>
      </c>
      <c r="AJ211" s="53">
        <v>-8402594.7699999996</v>
      </c>
      <c r="AK211" s="53">
        <v>-8402594.7699999996</v>
      </c>
      <c r="AL211" s="53">
        <v>-8402594.7699999996</v>
      </c>
      <c r="AM211" s="53">
        <v>-8402594.7699999996</v>
      </c>
      <c r="AN211" s="53">
        <v>-8402594.7699999996</v>
      </c>
      <c r="AO211" s="53">
        <v>-8402594.7699999996</v>
      </c>
      <c r="AP211" s="53">
        <v>-8402594.7699999996</v>
      </c>
      <c r="AQ211" s="53">
        <v>-8402594.7699999996</v>
      </c>
      <c r="AR211" s="53">
        <v>-8402594.7699999996</v>
      </c>
      <c r="AS211" s="53">
        <v>-8402594.7699999996</v>
      </c>
      <c r="AT211" s="53">
        <v>-8402594.7699999996</v>
      </c>
      <c r="AU211" s="53">
        <v>-8402594.7699999996</v>
      </c>
      <c r="AV211" s="53">
        <v>-8402594.7699999996</v>
      </c>
      <c r="AW211" s="53">
        <v>-8402594.7699999996</v>
      </c>
      <c r="AX211" s="53">
        <v>-8402594.7699999996</v>
      </c>
      <c r="AY211" s="53">
        <v>-8402594.7699999996</v>
      </c>
      <c r="AZ211" s="53">
        <v>-8402594.7699999996</v>
      </c>
      <c r="BA211" s="53">
        <v>-8402594.7699999996</v>
      </c>
      <c r="BB211" s="53">
        <v>-8402594.7699999996</v>
      </c>
      <c r="BC211" s="53">
        <v>-8402594.7699999996</v>
      </c>
      <c r="BD211" s="53">
        <v>-8402594.7699999996</v>
      </c>
      <c r="BE211" s="53">
        <v>-8402594.7699999996</v>
      </c>
      <c r="BF211" s="53">
        <v>-8402594.7699999996</v>
      </c>
      <c r="BG211" s="53">
        <v>-8402594.7699999996</v>
      </c>
      <c r="BH211" s="53">
        <v>-8402594.7699999996</v>
      </c>
      <c r="BI211" s="53">
        <v>-8402594.7699999996</v>
      </c>
      <c r="BJ211" s="53">
        <v>-8402594.7699999996</v>
      </c>
      <c r="BK211" s="53">
        <v>-8402594.7699999996</v>
      </c>
      <c r="BL211" s="53">
        <v>-8402594.7699999996</v>
      </c>
      <c r="BM211" s="53">
        <v>-8402594.7699999996</v>
      </c>
      <c r="BN211" s="53">
        <v>-8402594.7699999996</v>
      </c>
      <c r="BO211" s="53">
        <v>-8402594.7699999996</v>
      </c>
      <c r="BP211" s="53">
        <v>-8402594.7699999996</v>
      </c>
      <c r="BQ211" s="53">
        <v>-8402594.7699999996</v>
      </c>
      <c r="BR211" s="53">
        <v>-8402594.7699999996</v>
      </c>
      <c r="BS211" s="53">
        <v>-8402594.7699999996</v>
      </c>
      <c r="BT211" s="53">
        <v>-8402594.7699999996</v>
      </c>
      <c r="BU211" s="53">
        <v>-8402594.7699999996</v>
      </c>
      <c r="BV211" s="53">
        <v>-8402594.7699999996</v>
      </c>
      <c r="BW211" s="53">
        <v>-8402594.7699999996</v>
      </c>
      <c r="BX211" s="53">
        <v>-8402594.7699999996</v>
      </c>
      <c r="BY211" s="53">
        <v>-8402594.7699999996</v>
      </c>
      <c r="BZ211" s="53">
        <v>-8402594.7699999996</v>
      </c>
      <c r="CA211" s="53">
        <v>-8402594.7699999996</v>
      </c>
      <c r="CB211" s="53">
        <v>0</v>
      </c>
      <c r="CC211" s="53">
        <v>0</v>
      </c>
      <c r="CD211" s="53">
        <v>0</v>
      </c>
      <c r="CE211" s="53">
        <v>0</v>
      </c>
      <c r="CF211" s="53">
        <v>0</v>
      </c>
      <c r="CG211" s="53">
        <v>0</v>
      </c>
      <c r="CH211" s="53">
        <v>0</v>
      </c>
      <c r="CI211" s="53">
        <v>0</v>
      </c>
      <c r="CJ211" s="53">
        <v>0</v>
      </c>
      <c r="CK211" s="53">
        <v>0</v>
      </c>
      <c r="CL211" s="53">
        <v>0</v>
      </c>
      <c r="CM211" s="53">
        <v>0</v>
      </c>
      <c r="CN211" s="53">
        <v>0</v>
      </c>
    </row>
    <row r="212" spans="1:92" outlineLevel="1">
      <c r="A212" s="52" t="s">
        <v>1270</v>
      </c>
      <c r="B212" s="53">
        <v>3527928.3799999901</v>
      </c>
      <c r="C212" s="53">
        <v>3528453.38</v>
      </c>
      <c r="D212" s="53">
        <v>3529374.4399999902</v>
      </c>
      <c r="E212" s="53">
        <v>3535791.4</v>
      </c>
      <c r="F212" s="53">
        <v>3535791.4</v>
      </c>
      <c r="G212" s="53">
        <v>3536464.15</v>
      </c>
      <c r="H212" s="53">
        <v>3536696.9</v>
      </c>
      <c r="I212" s="53">
        <v>3536854.4999999902</v>
      </c>
      <c r="J212" s="53">
        <v>3536854.4999999902</v>
      </c>
      <c r="K212" s="53">
        <v>6243316.3200000003</v>
      </c>
      <c r="L212" s="53">
        <v>10880280.15</v>
      </c>
      <c r="M212" s="53">
        <v>23943139.899999999</v>
      </c>
      <c r="N212" s="53">
        <v>23943139.899999999</v>
      </c>
      <c r="O212" s="53">
        <v>23943139.899999999</v>
      </c>
      <c r="P212" s="53">
        <v>23943139.899999999</v>
      </c>
      <c r="Q212" s="53">
        <v>23943139.899999999</v>
      </c>
      <c r="R212" s="53">
        <v>23943139.899999999</v>
      </c>
      <c r="S212" s="53">
        <v>23943139.899999999</v>
      </c>
      <c r="T212" s="53">
        <v>23943139.899999999</v>
      </c>
      <c r="U212" s="53">
        <v>23943139.899999999</v>
      </c>
      <c r="V212" s="53">
        <v>23943139.899999999</v>
      </c>
      <c r="W212" s="53">
        <v>23943139.899999999</v>
      </c>
      <c r="X212" s="53">
        <v>23943139.899999999</v>
      </c>
      <c r="Y212" s="53">
        <v>23943139.899999999</v>
      </c>
      <c r="Z212" s="53">
        <v>23943139.899999999</v>
      </c>
      <c r="AA212" s="53">
        <v>23943139.899999999</v>
      </c>
      <c r="AB212" s="53">
        <v>23943139.899999999</v>
      </c>
      <c r="AC212" s="53">
        <v>23943139.899999999</v>
      </c>
      <c r="AD212" s="53">
        <v>23943139.899999999</v>
      </c>
      <c r="AE212" s="53">
        <v>23943139.899999999</v>
      </c>
      <c r="AF212" s="53">
        <v>23943139.899999999</v>
      </c>
      <c r="AG212" s="53">
        <v>23943139.899999999</v>
      </c>
      <c r="AH212" s="53">
        <v>23943139.899999999</v>
      </c>
      <c r="AI212" s="53">
        <v>23943139.899999999</v>
      </c>
      <c r="AJ212" s="53">
        <v>23943139.899999999</v>
      </c>
      <c r="AK212" s="53">
        <v>23943139.899999999</v>
      </c>
      <c r="AL212" s="53">
        <v>23943139.899999999</v>
      </c>
      <c r="AM212" s="53">
        <v>23943139.899999999</v>
      </c>
      <c r="AN212" s="53">
        <v>23943139.899999999</v>
      </c>
      <c r="AO212" s="53">
        <v>23943139.899999999</v>
      </c>
      <c r="AP212" s="53">
        <v>23943139.899999999</v>
      </c>
      <c r="AQ212" s="53">
        <v>23943139.899999999</v>
      </c>
      <c r="AR212" s="53">
        <v>23943139.899999999</v>
      </c>
      <c r="AS212" s="53">
        <v>23943139.899999999</v>
      </c>
      <c r="AT212" s="53">
        <v>23943139.899999999</v>
      </c>
      <c r="AU212" s="53">
        <v>23943139.899999999</v>
      </c>
      <c r="AV212" s="53">
        <v>23943139.899999999</v>
      </c>
      <c r="AW212" s="53">
        <v>23943139.899999999</v>
      </c>
      <c r="AX212" s="53">
        <v>23943139.899999999</v>
      </c>
      <c r="AY212" s="53">
        <v>23943139.899999999</v>
      </c>
      <c r="AZ212" s="53">
        <v>23943139.899999999</v>
      </c>
      <c r="BA212" s="53">
        <v>23943139.899999999</v>
      </c>
      <c r="BB212" s="53">
        <v>23943139.899999999</v>
      </c>
      <c r="BC212" s="53">
        <v>23943139.899999999</v>
      </c>
      <c r="BD212" s="53">
        <v>23943139.899999999</v>
      </c>
      <c r="BE212" s="53">
        <v>23943139.899999999</v>
      </c>
      <c r="BF212" s="53">
        <v>23943139.899999999</v>
      </c>
      <c r="BG212" s="53">
        <v>23943139.899999999</v>
      </c>
      <c r="BH212" s="53">
        <v>23943139.899999999</v>
      </c>
      <c r="BI212" s="53">
        <v>23943139.899999999</v>
      </c>
      <c r="BJ212" s="53">
        <v>23943139.899999999</v>
      </c>
      <c r="BK212" s="53">
        <v>23943139.899999999</v>
      </c>
      <c r="BL212" s="53">
        <v>23943139.899999999</v>
      </c>
      <c r="BM212" s="53">
        <v>23943139.899999999</v>
      </c>
      <c r="BN212" s="53">
        <v>23943139.899999999</v>
      </c>
      <c r="BO212" s="53">
        <v>23943139.899999999</v>
      </c>
      <c r="BP212" s="53">
        <v>23943139.899999999</v>
      </c>
      <c r="BQ212" s="53">
        <v>23943139.899999999</v>
      </c>
      <c r="BR212" s="53">
        <v>23943139.899999999</v>
      </c>
      <c r="BS212" s="53">
        <v>23943139.899999999</v>
      </c>
      <c r="BT212" s="53">
        <v>23943139.899999999</v>
      </c>
      <c r="BU212" s="53">
        <v>23943139.899999999</v>
      </c>
      <c r="BV212" s="53">
        <v>23943139.899999999</v>
      </c>
      <c r="BW212" s="53">
        <v>23943139.899999999</v>
      </c>
      <c r="BX212" s="53">
        <v>23943139.899999999</v>
      </c>
      <c r="BY212" s="53">
        <v>23943139.899999999</v>
      </c>
      <c r="BZ212" s="53">
        <v>23943139.899999999</v>
      </c>
      <c r="CA212" s="53">
        <v>23943139.899999999</v>
      </c>
      <c r="CB212" s="53">
        <v>0</v>
      </c>
      <c r="CC212" s="53">
        <v>0</v>
      </c>
      <c r="CD212" s="53">
        <v>0</v>
      </c>
      <c r="CE212" s="53">
        <v>0</v>
      </c>
      <c r="CF212" s="53">
        <v>0</v>
      </c>
      <c r="CG212" s="53">
        <v>0</v>
      </c>
      <c r="CH212" s="53">
        <v>0</v>
      </c>
      <c r="CI212" s="53">
        <v>0</v>
      </c>
      <c r="CJ212" s="53">
        <v>0</v>
      </c>
      <c r="CK212" s="53">
        <v>0</v>
      </c>
      <c r="CL212" s="53">
        <v>0</v>
      </c>
      <c r="CM212" s="53">
        <v>0</v>
      </c>
      <c r="CN212" s="53">
        <v>0</v>
      </c>
    </row>
    <row r="213" spans="1:92" outlineLevel="1">
      <c r="A213" s="52" t="s">
        <v>1271</v>
      </c>
      <c r="B213" s="53">
        <v>0</v>
      </c>
      <c r="C213" s="53">
        <v>0</v>
      </c>
      <c r="D213" s="53">
        <v>0</v>
      </c>
      <c r="E213" s="53">
        <v>0</v>
      </c>
      <c r="F213" s="53">
        <v>0</v>
      </c>
      <c r="G213" s="53">
        <v>0</v>
      </c>
      <c r="H213" s="53">
        <v>0</v>
      </c>
      <c r="I213" s="53">
        <v>0</v>
      </c>
      <c r="J213" s="53">
        <v>0</v>
      </c>
      <c r="K213" s="53">
        <v>0</v>
      </c>
      <c r="L213" s="53">
        <v>0</v>
      </c>
      <c r="M213" s="53">
        <v>0</v>
      </c>
      <c r="N213" s="53">
        <v>0</v>
      </c>
      <c r="O213" s="53">
        <v>0</v>
      </c>
      <c r="P213" s="53">
        <v>0</v>
      </c>
      <c r="Q213" s="53">
        <v>0</v>
      </c>
      <c r="R213" s="53">
        <v>0</v>
      </c>
      <c r="S213" s="53">
        <v>0</v>
      </c>
      <c r="T213" s="53">
        <v>0</v>
      </c>
      <c r="U213" s="53">
        <v>0</v>
      </c>
      <c r="V213" s="53">
        <v>0</v>
      </c>
      <c r="W213" s="53">
        <v>0</v>
      </c>
      <c r="X213" s="53">
        <v>0</v>
      </c>
      <c r="Y213" s="53">
        <v>0</v>
      </c>
      <c r="Z213" s="53">
        <v>0</v>
      </c>
      <c r="AA213" s="53">
        <v>0</v>
      </c>
      <c r="AB213" s="53">
        <v>0</v>
      </c>
      <c r="AC213" s="53">
        <v>0</v>
      </c>
      <c r="AD213" s="53">
        <v>0</v>
      </c>
      <c r="AE213" s="53">
        <v>0</v>
      </c>
      <c r="AF213" s="53">
        <v>0</v>
      </c>
      <c r="AG213" s="53">
        <v>0</v>
      </c>
      <c r="AH213" s="53">
        <v>0</v>
      </c>
      <c r="AI213" s="53">
        <v>0</v>
      </c>
      <c r="AJ213" s="53">
        <v>0</v>
      </c>
      <c r="AK213" s="53">
        <v>0</v>
      </c>
      <c r="AL213" s="53">
        <v>0</v>
      </c>
      <c r="AM213" s="53">
        <v>0</v>
      </c>
      <c r="AN213" s="53">
        <v>0</v>
      </c>
      <c r="AO213" s="53">
        <v>0</v>
      </c>
      <c r="AP213" s="53">
        <v>0</v>
      </c>
      <c r="AQ213" s="53">
        <v>0</v>
      </c>
      <c r="AR213" s="53">
        <v>0</v>
      </c>
      <c r="AS213" s="53">
        <v>0</v>
      </c>
      <c r="AT213" s="53">
        <v>0</v>
      </c>
      <c r="AU213" s="53">
        <v>0</v>
      </c>
      <c r="AV213" s="53">
        <v>0</v>
      </c>
      <c r="AW213" s="53">
        <v>0</v>
      </c>
      <c r="AX213" s="53">
        <v>0</v>
      </c>
      <c r="AY213" s="53">
        <v>0</v>
      </c>
      <c r="AZ213" s="53">
        <v>0</v>
      </c>
      <c r="BA213" s="53">
        <v>0</v>
      </c>
      <c r="BB213" s="53">
        <v>0</v>
      </c>
      <c r="BC213" s="53">
        <v>0</v>
      </c>
      <c r="BD213" s="53">
        <v>0</v>
      </c>
      <c r="BE213" s="53">
        <v>0</v>
      </c>
      <c r="BF213" s="53">
        <v>0</v>
      </c>
      <c r="BG213" s="53">
        <v>0</v>
      </c>
      <c r="BH213" s="53">
        <v>0</v>
      </c>
      <c r="BI213" s="53">
        <v>0</v>
      </c>
      <c r="BJ213" s="53">
        <v>0</v>
      </c>
      <c r="BK213" s="53">
        <v>0</v>
      </c>
      <c r="BL213" s="53">
        <v>0</v>
      </c>
      <c r="BM213" s="53">
        <v>0</v>
      </c>
      <c r="BN213" s="53">
        <v>0</v>
      </c>
      <c r="BO213" s="53">
        <v>0</v>
      </c>
      <c r="BP213" s="53">
        <v>0</v>
      </c>
      <c r="BQ213" s="53">
        <v>0</v>
      </c>
      <c r="BR213" s="53">
        <v>0</v>
      </c>
      <c r="BS213" s="53">
        <v>0</v>
      </c>
      <c r="BT213" s="53">
        <v>0</v>
      </c>
      <c r="BU213" s="53">
        <v>0</v>
      </c>
      <c r="BV213" s="53">
        <v>0</v>
      </c>
      <c r="BW213" s="53">
        <v>0</v>
      </c>
      <c r="BX213" s="53">
        <v>0</v>
      </c>
      <c r="BY213" s="53">
        <v>0</v>
      </c>
      <c r="BZ213" s="53">
        <v>0</v>
      </c>
      <c r="CA213" s="53">
        <v>0</v>
      </c>
      <c r="CB213" s="53">
        <v>0</v>
      </c>
      <c r="CC213" s="53">
        <v>0</v>
      </c>
      <c r="CD213" s="53">
        <v>0</v>
      </c>
      <c r="CE213" s="53">
        <v>0</v>
      </c>
      <c r="CF213" s="53">
        <v>0</v>
      </c>
      <c r="CG213" s="53">
        <v>0</v>
      </c>
      <c r="CH213" s="53">
        <v>0</v>
      </c>
      <c r="CI213" s="53">
        <v>0</v>
      </c>
      <c r="CJ213" s="53">
        <v>0</v>
      </c>
      <c r="CK213" s="53">
        <v>0</v>
      </c>
      <c r="CL213" s="53">
        <v>0</v>
      </c>
      <c r="CM213" s="53">
        <v>0</v>
      </c>
      <c r="CN213" s="53">
        <v>0</v>
      </c>
    </row>
    <row r="214" spans="1:92" outlineLevel="1">
      <c r="A214" s="52" t="s">
        <v>1272</v>
      </c>
      <c r="B214" s="53">
        <v>0</v>
      </c>
      <c r="C214" s="53">
        <v>0</v>
      </c>
      <c r="D214" s="53">
        <v>0</v>
      </c>
      <c r="E214" s="53">
        <v>0</v>
      </c>
      <c r="F214" s="53">
        <v>0</v>
      </c>
      <c r="G214" s="53">
        <v>0</v>
      </c>
      <c r="H214" s="53">
        <v>0</v>
      </c>
      <c r="I214" s="53">
        <v>0</v>
      </c>
      <c r="J214" s="53">
        <v>0</v>
      </c>
      <c r="K214" s="53">
        <v>0</v>
      </c>
      <c r="L214" s="53">
        <v>0</v>
      </c>
      <c r="M214" s="53">
        <v>0</v>
      </c>
      <c r="N214" s="53">
        <v>0</v>
      </c>
      <c r="O214" s="53">
        <v>0</v>
      </c>
      <c r="P214" s="53">
        <v>0</v>
      </c>
      <c r="Q214" s="53">
        <v>0</v>
      </c>
      <c r="R214" s="53">
        <v>0</v>
      </c>
      <c r="S214" s="53">
        <v>0</v>
      </c>
      <c r="T214" s="53">
        <v>0</v>
      </c>
      <c r="U214" s="53">
        <v>0</v>
      </c>
      <c r="V214" s="53">
        <v>0</v>
      </c>
      <c r="W214" s="53">
        <v>0</v>
      </c>
      <c r="X214" s="53">
        <v>0</v>
      </c>
      <c r="Y214" s="53">
        <v>0</v>
      </c>
      <c r="Z214" s="53">
        <v>0</v>
      </c>
      <c r="AA214" s="53">
        <v>0</v>
      </c>
      <c r="AB214" s="53">
        <v>0</v>
      </c>
      <c r="AC214" s="53">
        <v>0</v>
      </c>
      <c r="AD214" s="53">
        <v>0</v>
      </c>
      <c r="AE214" s="53">
        <v>0</v>
      </c>
      <c r="AF214" s="53">
        <v>0</v>
      </c>
      <c r="AG214" s="53">
        <v>0</v>
      </c>
      <c r="AH214" s="53">
        <v>0</v>
      </c>
      <c r="AI214" s="53">
        <v>0</v>
      </c>
      <c r="AJ214" s="53">
        <v>0</v>
      </c>
      <c r="AK214" s="53">
        <v>0</v>
      </c>
      <c r="AL214" s="53">
        <v>0</v>
      </c>
      <c r="AM214" s="53">
        <v>0</v>
      </c>
      <c r="AN214" s="53">
        <v>0</v>
      </c>
      <c r="AO214" s="53">
        <v>0</v>
      </c>
      <c r="AP214" s="53">
        <v>0</v>
      </c>
      <c r="AQ214" s="53">
        <v>0</v>
      </c>
      <c r="AR214" s="53">
        <v>0</v>
      </c>
      <c r="AS214" s="53">
        <v>0</v>
      </c>
      <c r="AT214" s="53">
        <v>0</v>
      </c>
      <c r="AU214" s="53">
        <v>0</v>
      </c>
      <c r="AV214" s="53">
        <v>0</v>
      </c>
      <c r="AW214" s="53">
        <v>0</v>
      </c>
      <c r="AX214" s="53">
        <v>0</v>
      </c>
      <c r="AY214" s="53">
        <v>0</v>
      </c>
      <c r="AZ214" s="53">
        <v>0</v>
      </c>
      <c r="BA214" s="53">
        <v>0</v>
      </c>
      <c r="BB214" s="53">
        <v>0</v>
      </c>
      <c r="BC214" s="53">
        <v>0</v>
      </c>
      <c r="BD214" s="53">
        <v>0</v>
      </c>
      <c r="BE214" s="53">
        <v>0</v>
      </c>
      <c r="BF214" s="53">
        <v>0</v>
      </c>
      <c r="BG214" s="53">
        <v>0</v>
      </c>
      <c r="BH214" s="53">
        <v>0</v>
      </c>
      <c r="BI214" s="53">
        <v>0</v>
      </c>
      <c r="BJ214" s="53">
        <v>0</v>
      </c>
      <c r="BK214" s="53">
        <v>0</v>
      </c>
      <c r="BL214" s="53">
        <v>0</v>
      </c>
      <c r="BM214" s="53">
        <v>0</v>
      </c>
      <c r="BN214" s="53">
        <v>0</v>
      </c>
      <c r="BO214" s="53">
        <v>0</v>
      </c>
      <c r="BP214" s="53">
        <v>0</v>
      </c>
      <c r="BQ214" s="53">
        <v>0</v>
      </c>
      <c r="BR214" s="53">
        <v>0</v>
      </c>
      <c r="BS214" s="53">
        <v>0</v>
      </c>
      <c r="BT214" s="53">
        <v>0</v>
      </c>
      <c r="BU214" s="53">
        <v>0</v>
      </c>
      <c r="BV214" s="53">
        <v>0</v>
      </c>
      <c r="BW214" s="53">
        <v>0</v>
      </c>
      <c r="BX214" s="53">
        <v>0</v>
      </c>
      <c r="BY214" s="53">
        <v>0</v>
      </c>
      <c r="BZ214" s="53">
        <v>0</v>
      </c>
      <c r="CA214" s="53">
        <v>0</v>
      </c>
      <c r="CB214" s="53">
        <v>0</v>
      </c>
      <c r="CC214" s="53">
        <v>0</v>
      </c>
      <c r="CD214" s="53">
        <v>0</v>
      </c>
      <c r="CE214" s="53">
        <v>0</v>
      </c>
      <c r="CF214" s="53">
        <v>0</v>
      </c>
      <c r="CG214" s="53">
        <v>0</v>
      </c>
      <c r="CH214" s="53">
        <v>0</v>
      </c>
      <c r="CI214" s="53">
        <v>0</v>
      </c>
      <c r="CJ214" s="53">
        <v>0</v>
      </c>
      <c r="CK214" s="53">
        <v>0</v>
      </c>
      <c r="CL214" s="53">
        <v>0</v>
      </c>
      <c r="CM214" s="53">
        <v>0</v>
      </c>
      <c r="CN214" s="53">
        <v>0</v>
      </c>
    </row>
    <row r="215" spans="1:92" outlineLevel="1">
      <c r="A215" s="52" t="s">
        <v>1273</v>
      </c>
      <c r="B215" s="53">
        <v>0</v>
      </c>
      <c r="C215" s="53">
        <v>0</v>
      </c>
      <c r="D215" s="53">
        <v>0</v>
      </c>
      <c r="E215" s="53">
        <v>0</v>
      </c>
      <c r="F215" s="53">
        <v>0</v>
      </c>
      <c r="G215" s="53">
        <v>0</v>
      </c>
      <c r="H215" s="53">
        <v>0</v>
      </c>
      <c r="I215" s="53">
        <v>0</v>
      </c>
      <c r="J215" s="53">
        <v>0</v>
      </c>
      <c r="K215" s="53">
        <v>0</v>
      </c>
      <c r="L215" s="53">
        <v>0</v>
      </c>
      <c r="M215" s="53">
        <v>0</v>
      </c>
      <c r="N215" s="53">
        <v>0</v>
      </c>
      <c r="O215" s="53">
        <v>0</v>
      </c>
      <c r="P215" s="53">
        <v>0</v>
      </c>
      <c r="Q215" s="53">
        <v>0</v>
      </c>
      <c r="R215" s="53">
        <v>0</v>
      </c>
      <c r="S215" s="53">
        <v>0</v>
      </c>
      <c r="T215" s="53">
        <v>0</v>
      </c>
      <c r="U215" s="53">
        <v>0</v>
      </c>
      <c r="V215" s="53">
        <v>0</v>
      </c>
      <c r="W215" s="53">
        <v>0</v>
      </c>
      <c r="X215" s="53">
        <v>0</v>
      </c>
      <c r="Y215" s="53">
        <v>0</v>
      </c>
      <c r="Z215" s="53">
        <v>0</v>
      </c>
      <c r="AA215" s="53">
        <v>0</v>
      </c>
      <c r="AB215" s="53">
        <v>0</v>
      </c>
      <c r="AC215" s="53">
        <v>0</v>
      </c>
      <c r="AD215" s="53">
        <v>0</v>
      </c>
      <c r="AE215" s="53">
        <v>0</v>
      </c>
      <c r="AF215" s="53">
        <v>0</v>
      </c>
      <c r="AG215" s="53">
        <v>0</v>
      </c>
      <c r="AH215" s="53">
        <v>0</v>
      </c>
      <c r="AI215" s="53">
        <v>0</v>
      </c>
      <c r="AJ215" s="53">
        <v>0</v>
      </c>
      <c r="AK215" s="53">
        <v>0</v>
      </c>
      <c r="AL215" s="53">
        <v>0</v>
      </c>
      <c r="AM215" s="53">
        <v>0</v>
      </c>
      <c r="AN215" s="53">
        <v>0</v>
      </c>
      <c r="AO215" s="53">
        <v>0</v>
      </c>
      <c r="AP215" s="53">
        <v>0</v>
      </c>
      <c r="AQ215" s="53">
        <v>0</v>
      </c>
      <c r="AR215" s="53">
        <v>0</v>
      </c>
      <c r="AS215" s="53">
        <v>0</v>
      </c>
      <c r="AT215" s="53">
        <v>0</v>
      </c>
      <c r="AU215" s="53">
        <v>0</v>
      </c>
      <c r="AV215" s="53">
        <v>0</v>
      </c>
      <c r="AW215" s="53">
        <v>0</v>
      </c>
      <c r="AX215" s="53">
        <v>0</v>
      </c>
      <c r="AY215" s="53">
        <v>0</v>
      </c>
      <c r="AZ215" s="53">
        <v>0</v>
      </c>
      <c r="BA215" s="53">
        <v>0</v>
      </c>
      <c r="BB215" s="53">
        <v>0</v>
      </c>
      <c r="BC215" s="53">
        <v>0</v>
      </c>
      <c r="BD215" s="53">
        <v>0</v>
      </c>
      <c r="BE215" s="53">
        <v>0</v>
      </c>
      <c r="BF215" s="53">
        <v>0</v>
      </c>
      <c r="BG215" s="53">
        <v>0</v>
      </c>
      <c r="BH215" s="53">
        <v>0</v>
      </c>
      <c r="BI215" s="53">
        <v>0</v>
      </c>
      <c r="BJ215" s="53">
        <v>0</v>
      </c>
      <c r="BK215" s="53">
        <v>0</v>
      </c>
      <c r="BL215" s="53">
        <v>0</v>
      </c>
      <c r="BM215" s="53">
        <v>0</v>
      </c>
      <c r="BN215" s="53">
        <v>0</v>
      </c>
      <c r="BO215" s="53">
        <v>0</v>
      </c>
      <c r="BP215" s="53">
        <v>0</v>
      </c>
      <c r="BQ215" s="53">
        <v>0</v>
      </c>
      <c r="BR215" s="53">
        <v>0</v>
      </c>
      <c r="BS215" s="53">
        <v>0</v>
      </c>
      <c r="BT215" s="53">
        <v>0</v>
      </c>
      <c r="BU215" s="53">
        <v>0</v>
      </c>
      <c r="BV215" s="53">
        <v>0</v>
      </c>
      <c r="BW215" s="53">
        <v>0</v>
      </c>
      <c r="BX215" s="53">
        <v>0</v>
      </c>
      <c r="BY215" s="53">
        <v>0</v>
      </c>
      <c r="BZ215" s="53">
        <v>0</v>
      </c>
      <c r="CA215" s="53">
        <v>0</v>
      </c>
      <c r="CB215" s="53">
        <v>207013217.41093501</v>
      </c>
      <c r="CC215" s="53">
        <v>236192527.75420499</v>
      </c>
      <c r="CD215" s="53">
        <v>216332521.87176299</v>
      </c>
      <c r="CE215" s="53">
        <v>219770254.09023899</v>
      </c>
      <c r="CF215" s="53">
        <v>222143255.68029699</v>
      </c>
      <c r="CG215" s="53">
        <v>294074942.87593102</v>
      </c>
      <c r="CH215" s="53">
        <v>341347322.81503099</v>
      </c>
      <c r="CI215" s="53">
        <v>352331723.65049303</v>
      </c>
      <c r="CJ215" s="53">
        <v>338935474.71575898</v>
      </c>
      <c r="CK215" s="53">
        <v>331091971.216878</v>
      </c>
      <c r="CL215" s="53">
        <v>238267512.19165701</v>
      </c>
      <c r="CM215" s="53">
        <v>228948802.17698899</v>
      </c>
      <c r="CN215" s="53">
        <v>207013217.41093501</v>
      </c>
    </row>
    <row r="216" spans="1:92" outlineLevel="1">
      <c r="A216" s="52" t="s">
        <v>1274</v>
      </c>
      <c r="B216" s="53">
        <v>0</v>
      </c>
      <c r="C216" s="53">
        <v>0</v>
      </c>
      <c r="D216" s="53">
        <v>0</v>
      </c>
      <c r="E216" s="53">
        <v>0</v>
      </c>
      <c r="F216" s="53">
        <v>0</v>
      </c>
      <c r="G216" s="53">
        <v>0</v>
      </c>
      <c r="H216" s="53">
        <v>0</v>
      </c>
      <c r="I216" s="53">
        <v>0</v>
      </c>
      <c r="J216" s="53">
        <v>0</v>
      </c>
      <c r="K216" s="53">
        <v>0</v>
      </c>
      <c r="L216" s="53">
        <v>0</v>
      </c>
      <c r="M216" s="53">
        <v>0</v>
      </c>
      <c r="N216" s="53">
        <v>0</v>
      </c>
      <c r="O216" s="53">
        <v>0</v>
      </c>
      <c r="P216" s="53">
        <v>0</v>
      </c>
      <c r="Q216" s="53">
        <v>0</v>
      </c>
      <c r="R216" s="53">
        <v>0</v>
      </c>
      <c r="S216" s="53">
        <v>0</v>
      </c>
      <c r="T216" s="53">
        <v>0</v>
      </c>
      <c r="U216" s="53">
        <v>0</v>
      </c>
      <c r="V216" s="53">
        <v>0</v>
      </c>
      <c r="W216" s="53">
        <v>0</v>
      </c>
      <c r="X216" s="53">
        <v>0</v>
      </c>
      <c r="Y216" s="53">
        <v>0</v>
      </c>
      <c r="Z216" s="53">
        <v>0</v>
      </c>
      <c r="AA216" s="53">
        <v>0</v>
      </c>
      <c r="AB216" s="53">
        <v>0</v>
      </c>
      <c r="AC216" s="53">
        <v>0</v>
      </c>
      <c r="AD216" s="53">
        <v>0</v>
      </c>
      <c r="AE216" s="53">
        <v>0</v>
      </c>
      <c r="AF216" s="53">
        <v>0</v>
      </c>
      <c r="AG216" s="53">
        <v>0</v>
      </c>
      <c r="AH216" s="53">
        <v>0</v>
      </c>
      <c r="AI216" s="53">
        <v>0</v>
      </c>
      <c r="AJ216" s="53">
        <v>0</v>
      </c>
      <c r="AK216" s="53">
        <v>0</v>
      </c>
      <c r="AL216" s="53">
        <v>0</v>
      </c>
      <c r="AM216" s="53">
        <v>0</v>
      </c>
      <c r="AN216" s="53">
        <v>0</v>
      </c>
      <c r="AO216" s="53">
        <v>0</v>
      </c>
      <c r="AP216" s="53">
        <v>0</v>
      </c>
      <c r="AQ216" s="53">
        <v>0</v>
      </c>
      <c r="AR216" s="53">
        <v>0</v>
      </c>
      <c r="AS216" s="53">
        <v>0</v>
      </c>
      <c r="AT216" s="53">
        <v>0</v>
      </c>
      <c r="AU216" s="53">
        <v>0</v>
      </c>
      <c r="AV216" s="53">
        <v>0</v>
      </c>
      <c r="AW216" s="53">
        <v>0</v>
      </c>
      <c r="AX216" s="53">
        <v>0</v>
      </c>
      <c r="AY216" s="53">
        <v>0</v>
      </c>
      <c r="AZ216" s="53">
        <v>0</v>
      </c>
      <c r="BA216" s="53">
        <v>0</v>
      </c>
      <c r="BB216" s="53">
        <v>0</v>
      </c>
      <c r="BC216" s="53">
        <v>0</v>
      </c>
      <c r="BD216" s="53">
        <v>0</v>
      </c>
      <c r="BE216" s="53">
        <v>0</v>
      </c>
      <c r="BF216" s="53">
        <v>0</v>
      </c>
      <c r="BG216" s="53">
        <v>0</v>
      </c>
      <c r="BH216" s="53">
        <v>0</v>
      </c>
      <c r="BI216" s="53">
        <v>0</v>
      </c>
      <c r="BJ216" s="53">
        <v>0</v>
      </c>
      <c r="BK216" s="53">
        <v>0</v>
      </c>
      <c r="BL216" s="53">
        <v>0</v>
      </c>
      <c r="BM216" s="53">
        <v>0</v>
      </c>
      <c r="BN216" s="53">
        <v>0</v>
      </c>
      <c r="BO216" s="53">
        <v>0</v>
      </c>
      <c r="BP216" s="53">
        <v>0</v>
      </c>
      <c r="BQ216" s="53">
        <v>0</v>
      </c>
      <c r="BR216" s="53">
        <v>0</v>
      </c>
      <c r="BS216" s="53">
        <v>0</v>
      </c>
      <c r="BT216" s="53">
        <v>0</v>
      </c>
      <c r="BU216" s="53">
        <v>0</v>
      </c>
      <c r="BV216" s="53">
        <v>0</v>
      </c>
      <c r="BW216" s="53">
        <v>0</v>
      </c>
      <c r="BX216" s="53">
        <v>0</v>
      </c>
      <c r="BY216" s="53">
        <v>0</v>
      </c>
      <c r="BZ216" s="53">
        <v>0</v>
      </c>
      <c r="CA216" s="53">
        <v>0</v>
      </c>
      <c r="CB216" s="53"/>
      <c r="CC216" s="53"/>
      <c r="CD216" s="53"/>
      <c r="CE216" s="53"/>
      <c r="CF216" s="53"/>
      <c r="CG216" s="53"/>
      <c r="CH216" s="53"/>
      <c r="CI216" s="53"/>
      <c r="CJ216" s="53"/>
      <c r="CK216" s="53"/>
      <c r="CL216" s="53"/>
      <c r="CM216" s="53"/>
      <c r="CN216" s="53"/>
    </row>
    <row r="217" spans="1:92" outlineLevel="1">
      <c r="A217" s="52" t="s">
        <v>1218</v>
      </c>
      <c r="B217" s="53">
        <v>117185192.93000001</v>
      </c>
      <c r="C217" s="53">
        <v>130078576.72999901</v>
      </c>
      <c r="D217" s="53">
        <v>124341329.639999</v>
      </c>
      <c r="E217" s="53">
        <v>96709066.069999993</v>
      </c>
      <c r="F217" s="53">
        <v>285606821.02999997</v>
      </c>
      <c r="G217" s="53">
        <v>302874765.44999999</v>
      </c>
      <c r="H217" s="53">
        <v>126191891.67</v>
      </c>
      <c r="I217" s="53">
        <v>129112844.39</v>
      </c>
      <c r="J217" s="53">
        <v>96828896.9799999</v>
      </c>
      <c r="K217" s="53">
        <v>159005328.389999</v>
      </c>
      <c r="L217" s="53">
        <v>125721620.299999</v>
      </c>
      <c r="M217" s="53">
        <v>138406270.09999999</v>
      </c>
      <c r="N217" s="53">
        <v>117185192.93000001</v>
      </c>
      <c r="O217" s="53">
        <v>147623695.66</v>
      </c>
      <c r="P217" s="53">
        <v>369371710.55639797</v>
      </c>
      <c r="Q217" s="53">
        <v>225871240.233372</v>
      </c>
      <c r="R217" s="53">
        <v>214820943.271548</v>
      </c>
      <c r="S217" s="53">
        <v>257892035.04606</v>
      </c>
      <c r="T217" s="53">
        <v>348493175.48175699</v>
      </c>
      <c r="U217" s="53">
        <v>398167288.20523101</v>
      </c>
      <c r="V217" s="53">
        <v>401271559.359052</v>
      </c>
      <c r="W217" s="53">
        <v>496582375.16965801</v>
      </c>
      <c r="X217" s="53">
        <v>385534500.19067597</v>
      </c>
      <c r="Y217" s="53">
        <v>264835045.423226</v>
      </c>
      <c r="Z217" s="53">
        <v>240760645.082894</v>
      </c>
      <c r="AA217" s="53">
        <v>147623695.66</v>
      </c>
      <c r="AB217" s="53">
        <v>245491799.93476799</v>
      </c>
      <c r="AC217" s="53">
        <v>406252800.89106101</v>
      </c>
      <c r="AD217" s="53">
        <v>267279077.79149801</v>
      </c>
      <c r="AE217" s="53">
        <v>247235548.70337799</v>
      </c>
      <c r="AF217" s="53">
        <v>229738695.80895501</v>
      </c>
      <c r="AG217" s="53">
        <v>312342670.77737898</v>
      </c>
      <c r="AH217" s="53">
        <v>359725349.45270097</v>
      </c>
      <c r="AI217" s="53">
        <v>364800460.84918898</v>
      </c>
      <c r="AJ217" s="53">
        <v>458386439.83248103</v>
      </c>
      <c r="AK217" s="53">
        <v>349637772.35650098</v>
      </c>
      <c r="AL217" s="53">
        <v>233367827.064762</v>
      </c>
      <c r="AM217" s="53">
        <v>202839412.14398801</v>
      </c>
      <c r="AN217" s="53">
        <v>245491799.93476799</v>
      </c>
      <c r="AO217" s="53">
        <v>209071090.292402</v>
      </c>
      <c r="AP217" s="53">
        <v>309440282.22461402</v>
      </c>
      <c r="AQ217" s="53">
        <v>177725895.91375899</v>
      </c>
      <c r="AR217" s="53">
        <v>162256049.45049101</v>
      </c>
      <c r="AS217" s="53">
        <v>171709786.71629399</v>
      </c>
      <c r="AT217" s="53">
        <v>246279917.82924601</v>
      </c>
      <c r="AU217" s="53">
        <v>287378196.66648901</v>
      </c>
      <c r="AV217" s="53">
        <v>292566107.86659199</v>
      </c>
      <c r="AW217" s="53">
        <v>371788557.809075</v>
      </c>
      <c r="AX217" s="53">
        <v>280346232.55281901</v>
      </c>
      <c r="AY217" s="53">
        <v>179067498.11529201</v>
      </c>
      <c r="AZ217" s="53">
        <v>154475581.37364301</v>
      </c>
      <c r="BA217" s="53">
        <v>209071090.292402</v>
      </c>
      <c r="BB217" s="53">
        <v>160741141.41899201</v>
      </c>
      <c r="BC217" s="53">
        <v>305295643.85399503</v>
      </c>
      <c r="BD217" s="53">
        <v>181090089.07359499</v>
      </c>
      <c r="BE217" s="53">
        <v>166464416.45860299</v>
      </c>
      <c r="BF217" s="53">
        <v>175620965.14962801</v>
      </c>
      <c r="BG217" s="53">
        <v>249723028.47928399</v>
      </c>
      <c r="BH217" s="53">
        <v>292480067.33779699</v>
      </c>
      <c r="BI217" s="53">
        <v>297795166.964127</v>
      </c>
      <c r="BJ217" s="53">
        <v>376183080.20184797</v>
      </c>
      <c r="BK217" s="53">
        <v>285769882.556113</v>
      </c>
      <c r="BL217" s="53">
        <v>185875730.01947701</v>
      </c>
      <c r="BM217" s="53">
        <v>160083622.233284</v>
      </c>
      <c r="BN217" s="53">
        <v>160741141.41899201</v>
      </c>
      <c r="BO217" s="53">
        <v>166933458.050587</v>
      </c>
      <c r="BP217" s="53">
        <v>310910869.502891</v>
      </c>
      <c r="BQ217" s="53">
        <v>187198685.44739601</v>
      </c>
      <c r="BR217" s="53">
        <v>171887879.30093101</v>
      </c>
      <c r="BS217" s="53">
        <v>180922281.701336</v>
      </c>
      <c r="BT217" s="53">
        <v>255678763.35678899</v>
      </c>
      <c r="BU217" s="53">
        <v>299571572.44972599</v>
      </c>
      <c r="BV217" s="53">
        <v>305316321.45830899</v>
      </c>
      <c r="BW217" s="53">
        <v>383421992.02359498</v>
      </c>
      <c r="BX217" s="53">
        <v>293881906.67001301</v>
      </c>
      <c r="BY217" s="53">
        <v>194156759.10853499</v>
      </c>
      <c r="BZ217" s="53">
        <v>168675805.85340399</v>
      </c>
      <c r="CA217" s="53">
        <v>166933458.050587</v>
      </c>
      <c r="CB217" s="53"/>
      <c r="CC217" s="53"/>
      <c r="CD217" s="53"/>
      <c r="CE217" s="53"/>
      <c r="CF217" s="53"/>
      <c r="CG217" s="53"/>
      <c r="CH217" s="53"/>
      <c r="CI217" s="53"/>
      <c r="CJ217" s="53"/>
      <c r="CK217" s="53"/>
      <c r="CL217" s="53"/>
      <c r="CM217" s="53"/>
      <c r="CN217" s="53"/>
    </row>
    <row r="218" spans="1:92" outlineLevel="1">
      <c r="A218" s="52" t="s">
        <v>699</v>
      </c>
      <c r="B218" s="53"/>
      <c r="C218" s="53"/>
      <c r="D218" s="53"/>
      <c r="E218" s="53"/>
      <c r="F218" s="53"/>
      <c r="G218" s="53"/>
      <c r="H218" s="53"/>
      <c r="I218" s="53"/>
      <c r="J218" s="53"/>
      <c r="K218" s="53"/>
      <c r="L218" s="53"/>
      <c r="M218" s="53"/>
      <c r="N218" s="53"/>
      <c r="O218" s="53"/>
      <c r="P218" s="53"/>
      <c r="Q218" s="53"/>
      <c r="R218" s="53"/>
      <c r="S218" s="53"/>
      <c r="T218" s="53"/>
      <c r="U218" s="53"/>
      <c r="V218" s="53"/>
      <c r="W218" s="53"/>
      <c r="X218" s="53"/>
      <c r="Y218" s="53"/>
      <c r="Z218" s="53"/>
      <c r="AA218" s="53"/>
      <c r="AB218" s="53"/>
      <c r="AC218" s="53"/>
      <c r="AD218" s="53"/>
      <c r="AE218" s="53"/>
      <c r="AF218" s="53"/>
      <c r="AG218" s="53"/>
      <c r="AH218" s="53"/>
      <c r="AI218" s="53"/>
      <c r="AJ218" s="53"/>
      <c r="AK218" s="53"/>
      <c r="AL218" s="53"/>
      <c r="AM218" s="53"/>
      <c r="AN218" s="53"/>
      <c r="AO218" s="53"/>
      <c r="AP218" s="53"/>
      <c r="AQ218" s="53"/>
      <c r="AR218" s="53"/>
      <c r="AS218" s="53"/>
      <c r="AT218" s="53"/>
      <c r="AU218" s="53"/>
      <c r="AV218" s="53"/>
      <c r="AW218" s="53"/>
      <c r="AX218" s="53"/>
      <c r="AY218" s="53"/>
      <c r="AZ218" s="53"/>
      <c r="BA218" s="53"/>
      <c r="BB218" s="53"/>
      <c r="BC218" s="53"/>
      <c r="BD218" s="53"/>
      <c r="BE218" s="53"/>
      <c r="BF218" s="53"/>
      <c r="BG218" s="53"/>
      <c r="BH218" s="53"/>
      <c r="BI218" s="53"/>
      <c r="BJ218" s="53"/>
      <c r="BK218" s="53"/>
      <c r="BL218" s="53"/>
      <c r="BM218" s="53"/>
      <c r="BN218" s="53"/>
      <c r="BO218" s="53"/>
      <c r="BP218" s="53"/>
      <c r="BQ218" s="53"/>
      <c r="BR218" s="53"/>
      <c r="BS218" s="53"/>
      <c r="BT218" s="53"/>
      <c r="BU218" s="53"/>
      <c r="BV218" s="53"/>
      <c r="BW218" s="53"/>
      <c r="BX218" s="53"/>
      <c r="BY218" s="53"/>
      <c r="BZ218" s="53"/>
      <c r="CA218" s="53"/>
      <c r="CB218" s="53"/>
      <c r="CC218" s="53"/>
      <c r="CD218" s="53"/>
      <c r="CE218" s="53"/>
      <c r="CF218" s="53"/>
      <c r="CG218" s="53"/>
      <c r="CH218" s="53"/>
      <c r="CI218" s="53"/>
      <c r="CJ218" s="53"/>
      <c r="CK218" s="53"/>
      <c r="CL218" s="53"/>
      <c r="CM218" s="53"/>
      <c r="CN218" s="53"/>
    </row>
    <row r="219" spans="1:92" outlineLevel="1">
      <c r="A219" s="52" t="s">
        <v>778</v>
      </c>
      <c r="B219" s="53"/>
      <c r="C219" s="53"/>
      <c r="D219" s="53"/>
      <c r="E219" s="53"/>
      <c r="F219" s="53"/>
      <c r="G219" s="53"/>
      <c r="H219" s="53"/>
      <c r="I219" s="53"/>
      <c r="J219" s="53"/>
      <c r="K219" s="53"/>
      <c r="L219" s="53"/>
      <c r="M219" s="53"/>
      <c r="N219" s="53"/>
      <c r="O219" s="53"/>
      <c r="P219" s="53"/>
      <c r="Q219" s="53"/>
      <c r="R219" s="53"/>
      <c r="S219" s="53"/>
      <c r="T219" s="53"/>
      <c r="U219" s="53"/>
      <c r="V219" s="53"/>
      <c r="W219" s="53"/>
      <c r="X219" s="53"/>
      <c r="Y219" s="53"/>
      <c r="Z219" s="53"/>
      <c r="AA219" s="53"/>
      <c r="AB219" s="53"/>
      <c r="AC219" s="53"/>
      <c r="AD219" s="53"/>
      <c r="AE219" s="53"/>
      <c r="AF219" s="53"/>
      <c r="AG219" s="53"/>
      <c r="AH219" s="53"/>
      <c r="AI219" s="53"/>
      <c r="AJ219" s="53"/>
      <c r="AK219" s="53"/>
      <c r="AL219" s="53"/>
      <c r="AM219" s="53"/>
      <c r="AN219" s="53"/>
      <c r="AO219" s="53"/>
      <c r="AP219" s="53"/>
      <c r="AQ219" s="53"/>
      <c r="AR219" s="53"/>
      <c r="AS219" s="53"/>
      <c r="AT219" s="53"/>
      <c r="AU219" s="53"/>
      <c r="AV219" s="53"/>
      <c r="AW219" s="53"/>
      <c r="AX219" s="53"/>
      <c r="AY219" s="53"/>
      <c r="AZ219" s="53"/>
      <c r="BA219" s="53"/>
      <c r="BB219" s="53"/>
      <c r="BC219" s="53"/>
      <c r="BD219" s="53"/>
      <c r="BE219" s="53"/>
      <c r="BF219" s="53"/>
      <c r="BG219" s="53"/>
      <c r="BH219" s="53"/>
      <c r="BI219" s="53"/>
      <c r="BJ219" s="53"/>
      <c r="BK219" s="53"/>
      <c r="BL219" s="53"/>
      <c r="BM219" s="53"/>
      <c r="BN219" s="53"/>
      <c r="BO219" s="53"/>
      <c r="BP219" s="53"/>
      <c r="BQ219" s="53"/>
      <c r="BR219" s="53"/>
      <c r="BS219" s="53"/>
      <c r="BT219" s="53"/>
      <c r="BU219" s="53"/>
      <c r="BV219" s="53"/>
      <c r="BW219" s="53"/>
      <c r="BX219" s="53"/>
      <c r="BY219" s="53"/>
      <c r="BZ219" s="53"/>
      <c r="CA219" s="53"/>
      <c r="CB219" s="53">
        <v>21254161.065839998</v>
      </c>
      <c r="CC219" s="53">
        <v>21286116.458955899</v>
      </c>
      <c r="CD219" s="53">
        <v>21318066.0187613</v>
      </c>
      <c r="CE219" s="53">
        <v>21350010.125275701</v>
      </c>
      <c r="CF219" s="53">
        <v>21381949.1337623</v>
      </c>
      <c r="CG219" s="53">
        <v>21413883.376339801</v>
      </c>
      <c r="CH219" s="53">
        <v>21445813.163490798</v>
      </c>
      <c r="CI219" s="53">
        <v>21476143.382071599</v>
      </c>
      <c r="CJ219" s="53">
        <v>21506469.706827801</v>
      </c>
      <c r="CK219" s="53">
        <v>21536792.391428601</v>
      </c>
      <c r="CL219" s="53">
        <v>21567111.673017301</v>
      </c>
      <c r="CM219" s="53">
        <v>21597427.7732885</v>
      </c>
      <c r="CN219" s="53">
        <v>257133944.26905999</v>
      </c>
    </row>
    <row r="220" spans="1:92" outlineLevel="1">
      <c r="A220" s="52" t="s">
        <v>1236</v>
      </c>
      <c r="B220" s="53"/>
      <c r="C220" s="53"/>
      <c r="D220" s="53"/>
      <c r="E220" s="53"/>
      <c r="F220" s="53"/>
      <c r="G220" s="53"/>
      <c r="H220" s="53"/>
      <c r="I220" s="53"/>
      <c r="J220" s="53"/>
      <c r="K220" s="53"/>
      <c r="L220" s="53"/>
      <c r="M220" s="53"/>
      <c r="N220" s="53"/>
      <c r="O220" s="53"/>
      <c r="P220" s="53"/>
      <c r="Q220" s="53"/>
      <c r="R220" s="53"/>
      <c r="S220" s="53"/>
      <c r="T220" s="53"/>
      <c r="U220" s="53"/>
      <c r="V220" s="53"/>
      <c r="W220" s="53"/>
      <c r="X220" s="53"/>
      <c r="Y220" s="53"/>
      <c r="Z220" s="53"/>
      <c r="AA220" s="53"/>
      <c r="AB220" s="53"/>
      <c r="AC220" s="53"/>
      <c r="AD220" s="53"/>
      <c r="AE220" s="53"/>
      <c r="AF220" s="53"/>
      <c r="AG220" s="53"/>
      <c r="AH220" s="53"/>
      <c r="AI220" s="53"/>
      <c r="AJ220" s="53"/>
      <c r="AK220" s="53"/>
      <c r="AL220" s="53"/>
      <c r="AM220" s="53"/>
      <c r="AN220" s="53"/>
      <c r="AO220" s="53"/>
      <c r="AP220" s="53"/>
      <c r="AQ220" s="53"/>
      <c r="AR220" s="53"/>
      <c r="AS220" s="53"/>
      <c r="AT220" s="53"/>
      <c r="AU220" s="53"/>
      <c r="AV220" s="53"/>
      <c r="AW220" s="53"/>
      <c r="AX220" s="53"/>
      <c r="AY220" s="53"/>
      <c r="AZ220" s="53"/>
      <c r="BA220" s="53"/>
      <c r="BB220" s="53"/>
      <c r="BC220" s="53"/>
      <c r="BD220" s="53"/>
      <c r="BE220" s="53"/>
      <c r="BF220" s="53"/>
      <c r="BG220" s="53"/>
      <c r="BH220" s="53"/>
      <c r="BI220" s="53"/>
      <c r="BJ220" s="53"/>
      <c r="BK220" s="53"/>
      <c r="BL220" s="53"/>
      <c r="BM220" s="53"/>
      <c r="BN220" s="53"/>
      <c r="BO220" s="53"/>
      <c r="BP220" s="53"/>
      <c r="BQ220" s="53"/>
      <c r="BR220" s="53"/>
      <c r="BS220" s="53"/>
      <c r="BT220" s="53"/>
      <c r="BU220" s="53"/>
      <c r="BV220" s="53"/>
      <c r="BW220" s="53"/>
      <c r="BX220" s="53"/>
      <c r="BY220" s="53"/>
      <c r="BZ220" s="53"/>
      <c r="CA220" s="53"/>
      <c r="CB220" s="53">
        <v>1833.3333333333301</v>
      </c>
      <c r="CC220" s="53">
        <v>1833.3333333333301</v>
      </c>
      <c r="CD220" s="53">
        <v>1833.3333333333301</v>
      </c>
      <c r="CE220" s="53">
        <v>1833.3333333333301</v>
      </c>
      <c r="CF220" s="53">
        <v>1833.3333333333301</v>
      </c>
      <c r="CG220" s="53">
        <v>1833.3333333333301</v>
      </c>
      <c r="CH220" s="53">
        <v>1833.3333333333301</v>
      </c>
      <c r="CI220" s="53">
        <v>1833.3333333333301</v>
      </c>
      <c r="CJ220" s="53">
        <v>1833.3333333333301</v>
      </c>
      <c r="CK220" s="53">
        <v>1833.3333333333301</v>
      </c>
      <c r="CL220" s="53">
        <v>1833.3333333333301</v>
      </c>
      <c r="CM220" s="53">
        <v>1833.3333333333301</v>
      </c>
      <c r="CN220" s="53">
        <v>21999.999999999902</v>
      </c>
    </row>
    <row r="221" spans="1:92" outlineLevel="1">
      <c r="A221" s="52" t="s">
        <v>780</v>
      </c>
      <c r="B221" s="53"/>
      <c r="C221" s="53"/>
      <c r="D221" s="53"/>
      <c r="E221" s="53"/>
      <c r="F221" s="53"/>
      <c r="G221" s="53"/>
      <c r="H221" s="53"/>
      <c r="I221" s="53"/>
      <c r="J221" s="53"/>
      <c r="K221" s="53"/>
      <c r="L221" s="53"/>
      <c r="M221" s="53"/>
      <c r="N221" s="53"/>
      <c r="O221" s="53"/>
      <c r="P221" s="53"/>
      <c r="Q221" s="53"/>
      <c r="R221" s="53"/>
      <c r="S221" s="53"/>
      <c r="T221" s="53"/>
      <c r="U221" s="53"/>
      <c r="V221" s="53"/>
      <c r="W221" s="53"/>
      <c r="X221" s="53"/>
      <c r="Y221" s="53"/>
      <c r="Z221" s="53"/>
      <c r="AA221" s="53"/>
      <c r="AB221" s="53"/>
      <c r="AC221" s="53"/>
      <c r="AD221" s="53"/>
      <c r="AE221" s="53"/>
      <c r="AF221" s="53"/>
      <c r="AG221" s="53"/>
      <c r="AH221" s="53"/>
      <c r="AI221" s="53"/>
      <c r="AJ221" s="53"/>
      <c r="AK221" s="53"/>
      <c r="AL221" s="53"/>
      <c r="AM221" s="53"/>
      <c r="AN221" s="53"/>
      <c r="AO221" s="53"/>
      <c r="AP221" s="53"/>
      <c r="AQ221" s="53"/>
      <c r="AR221" s="53"/>
      <c r="AS221" s="53"/>
      <c r="AT221" s="53"/>
      <c r="AU221" s="53"/>
      <c r="AV221" s="53"/>
      <c r="AW221" s="53"/>
      <c r="AX221" s="53"/>
      <c r="AY221" s="53"/>
      <c r="AZ221" s="53"/>
      <c r="BA221" s="53"/>
      <c r="BB221" s="53"/>
      <c r="BC221" s="53"/>
      <c r="BD221" s="53"/>
      <c r="BE221" s="53"/>
      <c r="BF221" s="53"/>
      <c r="BG221" s="53"/>
      <c r="BH221" s="53"/>
      <c r="BI221" s="53"/>
      <c r="BJ221" s="53"/>
      <c r="BK221" s="53"/>
      <c r="BL221" s="53"/>
      <c r="BM221" s="53"/>
      <c r="BN221" s="53"/>
      <c r="BO221" s="53"/>
      <c r="BP221" s="53"/>
      <c r="BQ221" s="53"/>
      <c r="BR221" s="53"/>
      <c r="BS221" s="53"/>
      <c r="BT221" s="53"/>
      <c r="BU221" s="53"/>
      <c r="BV221" s="53"/>
      <c r="BW221" s="53"/>
      <c r="BX221" s="53"/>
      <c r="BY221" s="53"/>
      <c r="BZ221" s="53"/>
      <c r="CA221" s="53"/>
      <c r="CB221" s="53"/>
      <c r="CC221" s="53"/>
      <c r="CD221" s="53"/>
      <c r="CE221" s="53"/>
      <c r="CF221" s="53"/>
      <c r="CG221" s="53"/>
      <c r="CH221" s="53"/>
      <c r="CI221" s="53"/>
      <c r="CJ221" s="53"/>
      <c r="CK221" s="53"/>
      <c r="CL221" s="53"/>
      <c r="CM221" s="53"/>
      <c r="CN221" s="53"/>
    </row>
    <row r="222" spans="1:92" outlineLevel="1">
      <c r="A222" s="52" t="s">
        <v>781</v>
      </c>
      <c r="B222" s="53"/>
      <c r="C222" s="53"/>
      <c r="D222" s="53"/>
      <c r="E222" s="53"/>
      <c r="F222" s="53"/>
      <c r="G222" s="53"/>
      <c r="H222" s="53"/>
      <c r="I222" s="53"/>
      <c r="J222" s="53"/>
      <c r="K222" s="53"/>
      <c r="L222" s="53"/>
      <c r="M222" s="53"/>
      <c r="N222" s="53"/>
      <c r="O222" s="53"/>
      <c r="P222" s="53"/>
      <c r="Q222" s="53"/>
      <c r="R222" s="53"/>
      <c r="S222" s="53"/>
      <c r="T222" s="53"/>
      <c r="U222" s="53"/>
      <c r="V222" s="53"/>
      <c r="W222" s="53"/>
      <c r="X222" s="53"/>
      <c r="Y222" s="53"/>
      <c r="Z222" s="53"/>
      <c r="AA222" s="53"/>
      <c r="AB222" s="53"/>
      <c r="AC222" s="53"/>
      <c r="AD222" s="53"/>
      <c r="AE222" s="53"/>
      <c r="AF222" s="53"/>
      <c r="AG222" s="53"/>
      <c r="AH222" s="53"/>
      <c r="AI222" s="53"/>
      <c r="AJ222" s="53"/>
      <c r="AK222" s="53"/>
      <c r="AL222" s="53"/>
      <c r="AM222" s="53"/>
      <c r="AN222" s="53"/>
      <c r="AO222" s="53"/>
      <c r="AP222" s="53"/>
      <c r="AQ222" s="53"/>
      <c r="AR222" s="53"/>
      <c r="AS222" s="53"/>
      <c r="AT222" s="53"/>
      <c r="AU222" s="53"/>
      <c r="AV222" s="53"/>
      <c r="AW222" s="53"/>
      <c r="AX222" s="53"/>
      <c r="AY222" s="53"/>
      <c r="AZ222" s="53"/>
      <c r="BA222" s="53"/>
      <c r="BB222" s="53"/>
      <c r="BC222" s="53"/>
      <c r="BD222" s="53"/>
      <c r="BE222" s="53"/>
      <c r="BF222" s="53"/>
      <c r="BG222" s="53"/>
      <c r="BH222" s="53"/>
      <c r="BI222" s="53"/>
      <c r="BJ222" s="53"/>
      <c r="BK222" s="53"/>
      <c r="BL222" s="53"/>
      <c r="BM222" s="53"/>
      <c r="BN222" s="53"/>
      <c r="BO222" s="53"/>
      <c r="BP222" s="53"/>
      <c r="BQ222" s="53"/>
      <c r="BR222" s="53"/>
      <c r="BS222" s="53"/>
      <c r="BT222" s="53"/>
      <c r="BU222" s="53"/>
      <c r="BV222" s="53"/>
      <c r="BW222" s="53"/>
      <c r="BX222" s="53"/>
      <c r="BY222" s="53"/>
      <c r="BZ222" s="53"/>
      <c r="CA222" s="53"/>
      <c r="CB222" s="53">
        <v>39172191.647821598</v>
      </c>
      <c r="CC222" s="53">
        <v>37120436.172720999</v>
      </c>
      <c r="CD222" s="53">
        <v>41729687.256265096</v>
      </c>
      <c r="CE222" s="53">
        <v>44963751.630124196</v>
      </c>
      <c r="CF222" s="53">
        <v>52001613.339596398</v>
      </c>
      <c r="CG222" s="53">
        <v>52781799.537151396</v>
      </c>
      <c r="CH222" s="53">
        <v>55214035.1206761</v>
      </c>
      <c r="CI222" s="53">
        <v>55382146.911830097</v>
      </c>
      <c r="CJ222" s="53">
        <v>52001064.229654297</v>
      </c>
      <c r="CK222" s="53">
        <v>48849395.438257702</v>
      </c>
      <c r="CL222" s="53">
        <v>41225124.776690401</v>
      </c>
      <c r="CM222" s="53">
        <v>40502668.778627299</v>
      </c>
      <c r="CN222" s="53">
        <v>560943914.83941603</v>
      </c>
    </row>
    <row r="223" spans="1:92" outlineLevel="1">
      <c r="A223" s="52" t="s">
        <v>783</v>
      </c>
      <c r="B223" s="53"/>
      <c r="C223" s="53"/>
      <c r="D223" s="53"/>
      <c r="E223" s="53"/>
      <c r="F223" s="53"/>
      <c r="G223" s="53"/>
      <c r="H223" s="53"/>
      <c r="I223" s="53"/>
      <c r="J223" s="53"/>
      <c r="K223" s="53"/>
      <c r="L223" s="53"/>
      <c r="M223" s="53"/>
      <c r="N223" s="53"/>
      <c r="O223" s="53"/>
      <c r="P223" s="53"/>
      <c r="Q223" s="53"/>
      <c r="R223" s="53"/>
      <c r="S223" s="53"/>
      <c r="T223" s="53"/>
      <c r="U223" s="53"/>
      <c r="V223" s="53"/>
      <c r="W223" s="53"/>
      <c r="X223" s="53"/>
      <c r="Y223" s="53"/>
      <c r="Z223" s="53"/>
      <c r="AA223" s="53"/>
      <c r="AB223" s="53"/>
      <c r="AC223" s="53"/>
      <c r="AD223" s="53"/>
      <c r="AE223" s="53"/>
      <c r="AF223" s="53"/>
      <c r="AG223" s="53"/>
      <c r="AH223" s="53"/>
      <c r="AI223" s="53"/>
      <c r="AJ223" s="53"/>
      <c r="AK223" s="53"/>
      <c r="AL223" s="53"/>
      <c r="AM223" s="53"/>
      <c r="AN223" s="53"/>
      <c r="AO223" s="53"/>
      <c r="AP223" s="53"/>
      <c r="AQ223" s="53"/>
      <c r="AR223" s="53"/>
      <c r="AS223" s="53"/>
      <c r="AT223" s="53"/>
      <c r="AU223" s="53"/>
      <c r="AV223" s="53"/>
      <c r="AW223" s="53"/>
      <c r="AX223" s="53"/>
      <c r="AY223" s="53"/>
      <c r="AZ223" s="53"/>
      <c r="BA223" s="53"/>
      <c r="BB223" s="53"/>
      <c r="BC223" s="53"/>
      <c r="BD223" s="53"/>
      <c r="BE223" s="53"/>
      <c r="BF223" s="53"/>
      <c r="BG223" s="53"/>
      <c r="BH223" s="53"/>
      <c r="BI223" s="53"/>
      <c r="BJ223" s="53"/>
      <c r="BK223" s="53"/>
      <c r="BL223" s="53"/>
      <c r="BM223" s="53"/>
      <c r="BN223" s="53"/>
      <c r="BO223" s="53"/>
      <c r="BP223" s="53"/>
      <c r="BQ223" s="53"/>
      <c r="BR223" s="53"/>
      <c r="BS223" s="53"/>
      <c r="BT223" s="53"/>
      <c r="BU223" s="53"/>
      <c r="BV223" s="53"/>
      <c r="BW223" s="53"/>
      <c r="BX223" s="53"/>
      <c r="BY223" s="53"/>
      <c r="BZ223" s="53"/>
      <c r="CA223" s="53"/>
      <c r="CB223" s="53">
        <v>8714024.7677525897</v>
      </c>
      <c r="CC223" s="53">
        <v>9096889.2812252697</v>
      </c>
      <c r="CD223" s="53">
        <v>9131906.6828210391</v>
      </c>
      <c r="CE223" s="53">
        <v>9392303.5764389206</v>
      </c>
      <c r="CF223" s="53">
        <v>10438544.7236438</v>
      </c>
      <c r="CG223" s="53">
        <v>9598753.8507946208</v>
      </c>
      <c r="CH223" s="53">
        <v>9576201.1355389096</v>
      </c>
      <c r="CI223" s="53">
        <v>10155789.5646096</v>
      </c>
      <c r="CJ223" s="53">
        <v>10092406.7807064</v>
      </c>
      <c r="CK223" s="53">
        <v>9908738.9421077594</v>
      </c>
      <c r="CL223" s="53">
        <v>10260016.739757899</v>
      </c>
      <c r="CM223" s="53">
        <v>9321967.4213715401</v>
      </c>
      <c r="CN223" s="53">
        <v>115687543.466768</v>
      </c>
    </row>
    <row r="224" spans="1:92" outlineLevel="1">
      <c r="A224" s="52" t="s">
        <v>784</v>
      </c>
      <c r="B224" s="53">
        <v>19633063.4219588</v>
      </c>
      <c r="C224" s="53">
        <v>19671834.001220699</v>
      </c>
      <c r="D224" s="53">
        <v>19710456.593030401</v>
      </c>
      <c r="E224" s="53">
        <v>19748940.838256299</v>
      </c>
      <c r="F224" s="53">
        <v>19787295.749697499</v>
      </c>
      <c r="G224" s="53">
        <v>19825529.753001101</v>
      </c>
      <c r="H224" s="53">
        <v>19863650.7249121</v>
      </c>
      <c r="I224" s="53">
        <v>19900216.294918001</v>
      </c>
      <c r="J224" s="53">
        <v>19936683.081023201</v>
      </c>
      <c r="K224" s="53">
        <v>19973057.518655799</v>
      </c>
      <c r="L224" s="53">
        <v>20009345.623997901</v>
      </c>
      <c r="M224" s="53">
        <v>20045553.021298598</v>
      </c>
      <c r="N224" s="53">
        <v>238105626.62197</v>
      </c>
      <c r="O224" s="53">
        <v>21684526.050000001</v>
      </c>
      <c r="P224" s="53">
        <v>21724926.300000001</v>
      </c>
      <c r="Q224" s="53">
        <v>21765376.349999901</v>
      </c>
      <c r="R224" s="53">
        <v>21805851.2999999</v>
      </c>
      <c r="S224" s="53">
        <v>21846376.050000001</v>
      </c>
      <c r="T224" s="53">
        <v>21886938.149999999</v>
      </c>
      <c r="U224" s="53">
        <v>21927537.600000001</v>
      </c>
      <c r="V224" s="53">
        <v>21963754.649999999</v>
      </c>
      <c r="W224" s="53">
        <v>22000009.0499999</v>
      </c>
      <c r="X224" s="53">
        <v>22036288.349999901</v>
      </c>
      <c r="Y224" s="53">
        <v>22072605</v>
      </c>
      <c r="Z224" s="53">
        <v>22108959</v>
      </c>
      <c r="AA224" s="53">
        <v>262823147.84999901</v>
      </c>
      <c r="AB224" s="53">
        <v>22145337.899999999</v>
      </c>
      <c r="AC224" s="53">
        <v>22181754.149999999</v>
      </c>
      <c r="AD224" s="53">
        <v>22218195.300000001</v>
      </c>
      <c r="AE224" s="53">
        <v>22254661.349999901</v>
      </c>
      <c r="AF224" s="53">
        <v>22291152.2999999</v>
      </c>
      <c r="AG224" s="53">
        <v>22327680.600000001</v>
      </c>
      <c r="AH224" s="53">
        <v>22364233.7999999</v>
      </c>
      <c r="AI224" s="53">
        <v>22400351.25</v>
      </c>
      <c r="AJ224" s="53">
        <v>22436493.599999901</v>
      </c>
      <c r="AK224" s="53">
        <v>22472660.850000001</v>
      </c>
      <c r="AL224" s="53">
        <v>22508853</v>
      </c>
      <c r="AM224" s="53">
        <v>22545070.0499999</v>
      </c>
      <c r="AN224" s="53">
        <v>268146444.14999899</v>
      </c>
      <c r="AO224" s="53">
        <v>22581311.999999899</v>
      </c>
      <c r="AP224" s="53">
        <v>22617566.399999999</v>
      </c>
      <c r="AQ224" s="53">
        <v>22653845.699999999</v>
      </c>
      <c r="AR224" s="53">
        <v>22690137.449999999</v>
      </c>
      <c r="AS224" s="53">
        <v>22726454.099999901</v>
      </c>
      <c r="AT224" s="53">
        <v>22762795.649999999</v>
      </c>
      <c r="AU224" s="53">
        <v>22799137.199999899</v>
      </c>
      <c r="AV224" s="53">
        <v>22836213.300000001</v>
      </c>
      <c r="AW224" s="53">
        <v>22873289.399999999</v>
      </c>
      <c r="AX224" s="53">
        <v>22910390.399999999</v>
      </c>
      <c r="AY224" s="53">
        <v>22947503.849999901</v>
      </c>
      <c r="AZ224" s="53">
        <v>22984629.75</v>
      </c>
      <c r="BA224" s="53">
        <v>273383275.19999999</v>
      </c>
      <c r="BB224" s="53">
        <v>23021780.550000001</v>
      </c>
      <c r="BC224" s="53">
        <v>23058931.349999901</v>
      </c>
      <c r="BD224" s="53">
        <v>23096107.0499999</v>
      </c>
      <c r="BE224" s="53">
        <v>23133295.199999899</v>
      </c>
      <c r="BF224" s="53">
        <v>23170495.7999999</v>
      </c>
      <c r="BG224" s="53">
        <v>23207708.849999901</v>
      </c>
      <c r="BH224" s="53">
        <v>23244934.349999901</v>
      </c>
      <c r="BI224" s="53">
        <v>23282595.599999901</v>
      </c>
      <c r="BJ224" s="53">
        <v>23320269.300000001</v>
      </c>
      <c r="BK224" s="53">
        <v>23357955.449999999</v>
      </c>
      <c r="BL224" s="53">
        <v>23395654.0499999</v>
      </c>
      <c r="BM224" s="53">
        <v>23433352.649999999</v>
      </c>
      <c r="BN224" s="53">
        <v>278723080.19999999</v>
      </c>
      <c r="BO224" s="53">
        <v>23471076.149999999</v>
      </c>
      <c r="BP224" s="53">
        <v>23508799.649999999</v>
      </c>
      <c r="BQ224" s="53">
        <v>23546535.599999901</v>
      </c>
      <c r="BR224" s="53">
        <v>23584284</v>
      </c>
      <c r="BS224" s="53">
        <v>23622032.399999999</v>
      </c>
      <c r="BT224" s="53">
        <v>23659805.699999899</v>
      </c>
      <c r="BU224" s="53">
        <v>23697566.550000001</v>
      </c>
      <c r="BV224" s="53">
        <v>23736136.649999999</v>
      </c>
      <c r="BW224" s="53">
        <v>23774719.199999999</v>
      </c>
      <c r="BX224" s="53">
        <v>23813289.300000001</v>
      </c>
      <c r="BY224" s="53">
        <v>23851884.2999999</v>
      </c>
      <c r="BZ224" s="53">
        <v>23890479.300000001</v>
      </c>
      <c r="CA224" s="53">
        <v>284156608.80000001</v>
      </c>
      <c r="CB224" s="53">
        <v>51369.702245102497</v>
      </c>
      <c r="CC224" s="53">
        <v>51386.970557654196</v>
      </c>
      <c r="CD224" s="53">
        <v>51420.180703288999</v>
      </c>
      <c r="CE224" s="53">
        <v>52201.291449996403</v>
      </c>
      <c r="CF224" s="53">
        <v>51986.809637269398</v>
      </c>
      <c r="CG224" s="53">
        <v>51912.416886563602</v>
      </c>
      <c r="CH224" s="53">
        <v>51822.556415999999</v>
      </c>
      <c r="CI224" s="53">
        <v>51893.282426558901</v>
      </c>
      <c r="CJ224" s="53">
        <v>51873.712049761598</v>
      </c>
      <c r="CK224" s="53">
        <v>52040.534968280801</v>
      </c>
      <c r="CL224" s="53">
        <v>52020.477776157</v>
      </c>
      <c r="CM224" s="53">
        <v>52039.5775398853</v>
      </c>
      <c r="CN224" s="53">
        <v>621967.51265651896</v>
      </c>
    </row>
    <row r="225" spans="1:92" outlineLevel="1">
      <c r="A225" s="52" t="s">
        <v>1237</v>
      </c>
      <c r="B225" s="53">
        <v>264</v>
      </c>
      <c r="C225" s="53">
        <v>264</v>
      </c>
      <c r="D225" s="53">
        <v>264</v>
      </c>
      <c r="E225" s="53">
        <v>264</v>
      </c>
      <c r="F225" s="53">
        <v>264</v>
      </c>
      <c r="G225" s="53">
        <v>264</v>
      </c>
      <c r="H225" s="53">
        <v>264</v>
      </c>
      <c r="I225" s="53">
        <v>264</v>
      </c>
      <c r="J225" s="53">
        <v>264</v>
      </c>
      <c r="K225" s="53">
        <v>264</v>
      </c>
      <c r="L225" s="53">
        <v>264</v>
      </c>
      <c r="M225" s="53">
        <v>264</v>
      </c>
      <c r="N225" s="53">
        <v>3168</v>
      </c>
      <c r="O225" s="53"/>
      <c r="P225" s="53"/>
      <c r="Q225" s="53"/>
      <c r="R225" s="53"/>
      <c r="S225" s="53"/>
      <c r="T225" s="53"/>
      <c r="U225" s="53"/>
      <c r="V225" s="53"/>
      <c r="W225" s="53"/>
      <c r="X225" s="53"/>
      <c r="Y225" s="53"/>
      <c r="Z225" s="53"/>
      <c r="AA225" s="53"/>
      <c r="AB225" s="53"/>
      <c r="AC225" s="53"/>
      <c r="AD225" s="53"/>
      <c r="AE225" s="53"/>
      <c r="AF225" s="53"/>
      <c r="AG225" s="53"/>
      <c r="AH225" s="53"/>
      <c r="AI225" s="53"/>
      <c r="AJ225" s="53"/>
      <c r="AK225" s="53"/>
      <c r="AL225" s="53"/>
      <c r="AM225" s="53"/>
      <c r="AN225" s="53"/>
      <c r="AO225" s="53"/>
      <c r="AP225" s="53"/>
      <c r="AQ225" s="53"/>
      <c r="AR225" s="53"/>
      <c r="AS225" s="53"/>
      <c r="AT225" s="53"/>
      <c r="AU225" s="53"/>
      <c r="AV225" s="53"/>
      <c r="AW225" s="53"/>
      <c r="AX225" s="53"/>
      <c r="AY225" s="53"/>
      <c r="AZ225" s="53"/>
      <c r="BA225" s="53"/>
      <c r="BB225" s="53"/>
      <c r="BC225" s="53"/>
      <c r="BD225" s="53"/>
      <c r="BE225" s="53"/>
      <c r="BF225" s="53"/>
      <c r="BG225" s="53"/>
      <c r="BH225" s="53"/>
      <c r="BI225" s="53"/>
      <c r="BJ225" s="53"/>
      <c r="BK225" s="53"/>
      <c r="BL225" s="53"/>
      <c r="BM225" s="53"/>
      <c r="BN225" s="53"/>
      <c r="BO225" s="53"/>
      <c r="BP225" s="53"/>
      <c r="BQ225" s="53"/>
      <c r="BR225" s="53"/>
      <c r="BS225" s="53"/>
      <c r="BT225" s="53"/>
      <c r="BU225" s="53"/>
      <c r="BV225" s="53"/>
      <c r="BW225" s="53"/>
      <c r="BX225" s="53"/>
      <c r="BY225" s="53"/>
      <c r="BZ225" s="53"/>
      <c r="CA225" s="53"/>
      <c r="CB225" s="53">
        <v>10150638.584728301</v>
      </c>
      <c r="CC225" s="53">
        <v>10582833.755070001</v>
      </c>
      <c r="CD225" s="53">
        <v>10861946.3800245</v>
      </c>
      <c r="CE225" s="53">
        <v>11545671.1524942</v>
      </c>
      <c r="CF225" s="53">
        <v>12964757.1547729</v>
      </c>
      <c r="CG225" s="53">
        <v>12939176.5556027</v>
      </c>
      <c r="CH225" s="53">
        <v>12926718.042371299</v>
      </c>
      <c r="CI225" s="53">
        <v>11484898.8053078</v>
      </c>
      <c r="CJ225" s="53">
        <v>13319820.4179636</v>
      </c>
      <c r="CK225" s="53">
        <v>12365817.783599099</v>
      </c>
      <c r="CL225" s="53">
        <v>11031067.952532001</v>
      </c>
      <c r="CM225" s="53">
        <v>10620230.8340613</v>
      </c>
      <c r="CN225" s="53">
        <v>140793577.41852799</v>
      </c>
    </row>
    <row r="226" spans="1:92" outlineLevel="1">
      <c r="A226" s="52" t="s">
        <v>1238</v>
      </c>
      <c r="B226" s="53"/>
      <c r="C226" s="53"/>
      <c r="D226" s="53"/>
      <c r="E226" s="53"/>
      <c r="F226" s="53"/>
      <c r="G226" s="53"/>
      <c r="H226" s="53"/>
      <c r="I226" s="53"/>
      <c r="J226" s="53"/>
      <c r="K226" s="53"/>
      <c r="L226" s="53"/>
      <c r="M226" s="53"/>
      <c r="N226" s="53"/>
      <c r="O226" s="53"/>
      <c r="P226" s="53"/>
      <c r="Q226" s="53"/>
      <c r="R226" s="53"/>
      <c r="S226" s="53"/>
      <c r="T226" s="53"/>
      <c r="U226" s="53"/>
      <c r="V226" s="53"/>
      <c r="W226" s="53"/>
      <c r="X226" s="53"/>
      <c r="Y226" s="53"/>
      <c r="Z226" s="53"/>
      <c r="AA226" s="53"/>
      <c r="AB226" s="53"/>
      <c r="AC226" s="53"/>
      <c r="AD226" s="53"/>
      <c r="AE226" s="53"/>
      <c r="AF226" s="53"/>
      <c r="AG226" s="53"/>
      <c r="AH226" s="53"/>
      <c r="AI226" s="53"/>
      <c r="AJ226" s="53"/>
      <c r="AK226" s="53"/>
      <c r="AL226" s="53"/>
      <c r="AM226" s="53"/>
      <c r="AN226" s="53"/>
      <c r="AO226" s="53"/>
      <c r="AP226" s="53"/>
      <c r="AQ226" s="53"/>
      <c r="AR226" s="53"/>
      <c r="AS226" s="53"/>
      <c r="AT226" s="53"/>
      <c r="AU226" s="53"/>
      <c r="AV226" s="53"/>
      <c r="AW226" s="53"/>
      <c r="AX226" s="53"/>
      <c r="AY226" s="53"/>
      <c r="AZ226" s="53"/>
      <c r="BA226" s="53"/>
      <c r="BB226" s="53"/>
      <c r="BC226" s="53"/>
      <c r="BD226" s="53"/>
      <c r="BE226" s="53"/>
      <c r="BF226" s="53"/>
      <c r="BG226" s="53"/>
      <c r="BH226" s="53"/>
      <c r="BI226" s="53"/>
      <c r="BJ226" s="53"/>
      <c r="BK226" s="53"/>
      <c r="BL226" s="53"/>
      <c r="BM226" s="53"/>
      <c r="BN226" s="53"/>
      <c r="BO226" s="53"/>
      <c r="BP226" s="53"/>
      <c r="BQ226" s="53"/>
      <c r="BR226" s="53"/>
      <c r="BS226" s="53"/>
      <c r="BT226" s="53"/>
      <c r="BU226" s="53"/>
      <c r="BV226" s="53"/>
      <c r="BW226" s="53"/>
      <c r="BX226" s="53"/>
      <c r="BY226" s="53"/>
      <c r="BZ226" s="53"/>
      <c r="CA226" s="53"/>
      <c r="CB226" s="53">
        <v>112181831.205708</v>
      </c>
      <c r="CC226" s="53">
        <v>91195534.152794406</v>
      </c>
      <c r="CD226" s="53">
        <v>93475742.682261899</v>
      </c>
      <c r="CE226" s="53">
        <v>97183198.435618296</v>
      </c>
      <c r="CF226" s="53">
        <v>130246819.12672099</v>
      </c>
      <c r="CG226" s="53">
        <v>153372695.028072</v>
      </c>
      <c r="CH226" s="53">
        <v>167890860.018843</v>
      </c>
      <c r="CI226" s="53">
        <v>167924277.673401</v>
      </c>
      <c r="CJ226" s="53">
        <v>152327655.21601999</v>
      </c>
      <c r="CK226" s="53">
        <v>122153566.006594</v>
      </c>
      <c r="CL226" s="53">
        <v>93520098.873069599</v>
      </c>
      <c r="CM226" s="53">
        <v>105924116.61503799</v>
      </c>
      <c r="CN226" s="53">
        <v>1487396395.0341401</v>
      </c>
    </row>
    <row r="227" spans="1:92" outlineLevel="1">
      <c r="A227" s="52" t="s">
        <v>780</v>
      </c>
      <c r="B227" s="53">
        <v>39107667.477253601</v>
      </c>
      <c r="C227" s="53">
        <v>36571037.167533599</v>
      </c>
      <c r="D227" s="53">
        <v>42581301.258990698</v>
      </c>
      <c r="E227" s="53">
        <v>46220726.7595919</v>
      </c>
      <c r="F227" s="53">
        <v>50441460.504455097</v>
      </c>
      <c r="G227" s="53">
        <v>52085261.270516798</v>
      </c>
      <c r="H227" s="53">
        <v>53881843.917446397</v>
      </c>
      <c r="I227" s="53">
        <v>54518539.787086703</v>
      </c>
      <c r="J227" s="53">
        <v>51309619.382675096</v>
      </c>
      <c r="K227" s="53">
        <v>46900520.297747202</v>
      </c>
      <c r="L227" s="53">
        <v>41105802.075970203</v>
      </c>
      <c r="M227" s="53">
        <v>41584817.127659202</v>
      </c>
      <c r="N227" s="53">
        <v>556308597.02692604</v>
      </c>
      <c r="O227" s="53">
        <v>61331077.062976703</v>
      </c>
      <c r="P227" s="53">
        <v>41856726.057133399</v>
      </c>
      <c r="Q227" s="53">
        <v>43901774.5312353</v>
      </c>
      <c r="R227" s="53">
        <v>46821548.479000598</v>
      </c>
      <c r="S227" s="53">
        <v>52091451.478800498</v>
      </c>
      <c r="T227" s="53">
        <v>52630952.219517797</v>
      </c>
      <c r="U227" s="53">
        <v>53440187.7779973</v>
      </c>
      <c r="V227" s="53">
        <v>68830074.002495304</v>
      </c>
      <c r="W227" s="53">
        <v>51007770.034564801</v>
      </c>
      <c r="X227" s="53">
        <v>49871022.227465302</v>
      </c>
      <c r="Y227" s="53">
        <v>41859094.434105098</v>
      </c>
      <c r="Z227" s="53">
        <v>42605203.793972202</v>
      </c>
      <c r="AA227" s="53">
        <v>606246882.09926498</v>
      </c>
      <c r="AB227" s="53">
        <v>62332248.786107197</v>
      </c>
      <c r="AC227" s="53">
        <v>42429449.692544401</v>
      </c>
      <c r="AD227" s="53">
        <v>43617121.049468599</v>
      </c>
      <c r="AE227" s="53">
        <v>46898675.6699486</v>
      </c>
      <c r="AF227" s="53">
        <v>52719199.802644797</v>
      </c>
      <c r="AG227" s="53">
        <v>53304188.121933997</v>
      </c>
      <c r="AH227" s="53">
        <v>53845010.810602903</v>
      </c>
      <c r="AI227" s="53">
        <v>69781549.557688907</v>
      </c>
      <c r="AJ227" s="53">
        <v>51662683.0305527</v>
      </c>
      <c r="AK227" s="53">
        <v>50203833.960028902</v>
      </c>
      <c r="AL227" s="53">
        <v>41692272.444522098</v>
      </c>
      <c r="AM227" s="53">
        <v>42357873.836391501</v>
      </c>
      <c r="AN227" s="53">
        <v>610844106.76243496</v>
      </c>
      <c r="AO227" s="53">
        <v>62106095.501059003</v>
      </c>
      <c r="AP227" s="53">
        <v>40704573.739441797</v>
      </c>
      <c r="AQ227" s="53">
        <v>44027119.660199396</v>
      </c>
      <c r="AR227" s="53">
        <v>47154684.014280498</v>
      </c>
      <c r="AS227" s="53">
        <v>53213615.410996698</v>
      </c>
      <c r="AT227" s="53">
        <v>53641638.088626601</v>
      </c>
      <c r="AU227" s="53">
        <v>54740933.295161799</v>
      </c>
      <c r="AV227" s="53">
        <v>70278544.551941007</v>
      </c>
      <c r="AW227" s="53">
        <v>52567111.2226739</v>
      </c>
      <c r="AX227" s="53">
        <v>49956476.044554703</v>
      </c>
      <c r="AY227" s="53">
        <v>41988447.637226097</v>
      </c>
      <c r="AZ227" s="53">
        <v>42586162.239042498</v>
      </c>
      <c r="BA227" s="53">
        <v>612965401.40520406</v>
      </c>
      <c r="BB227" s="53">
        <v>62261204.096663304</v>
      </c>
      <c r="BC227" s="53">
        <v>41497062.1514742</v>
      </c>
      <c r="BD227" s="53">
        <v>44303225.756131798</v>
      </c>
      <c r="BE227" s="53">
        <v>47481940.345740303</v>
      </c>
      <c r="BF227" s="53">
        <v>53420122.003189102</v>
      </c>
      <c r="BG227" s="53">
        <v>54371746.992490798</v>
      </c>
      <c r="BH227" s="53">
        <v>55274830.818062097</v>
      </c>
      <c r="BI227" s="53">
        <v>70810504.317031905</v>
      </c>
      <c r="BJ227" s="53">
        <v>53064284.721224897</v>
      </c>
      <c r="BK227" s="53">
        <v>50987667.560934298</v>
      </c>
      <c r="BL227" s="53">
        <v>42075037.076170601</v>
      </c>
      <c r="BM227" s="53">
        <v>42965977.809386797</v>
      </c>
      <c r="BN227" s="53">
        <v>618513603.64849997</v>
      </c>
      <c r="BO227" s="53">
        <v>62307788.660534099</v>
      </c>
      <c r="BP227" s="53">
        <v>41563706.540650398</v>
      </c>
      <c r="BQ227" s="53">
        <v>44238666.140722103</v>
      </c>
      <c r="BR227" s="53">
        <v>47362785.528558001</v>
      </c>
      <c r="BS227" s="53">
        <v>53743622.363571197</v>
      </c>
      <c r="BT227" s="53">
        <v>54844429.119674698</v>
      </c>
      <c r="BU227" s="53">
        <v>55728680.575092301</v>
      </c>
      <c r="BV227" s="53">
        <v>71199807.579191104</v>
      </c>
      <c r="BW227" s="53">
        <v>53516231.692938998</v>
      </c>
      <c r="BX227" s="53">
        <v>51365776.435137004</v>
      </c>
      <c r="BY227" s="53">
        <v>42452180.869305402</v>
      </c>
      <c r="BZ227" s="53">
        <v>43508646.115505598</v>
      </c>
      <c r="CA227" s="53">
        <v>621832321.62088096</v>
      </c>
      <c r="CB227" s="53">
        <v>41555.513633333299</v>
      </c>
      <c r="CC227" s="53">
        <v>37572.114540000002</v>
      </c>
      <c r="CD227" s="53">
        <v>41572.117769999997</v>
      </c>
      <c r="CE227" s="53">
        <v>36491.42138</v>
      </c>
      <c r="CF227" s="53">
        <v>37708.576426666601</v>
      </c>
      <c r="CG227" s="53">
        <v>36498.845446666601</v>
      </c>
      <c r="CH227" s="53">
        <v>37741.3846466666</v>
      </c>
      <c r="CI227" s="53">
        <v>37746.846913333298</v>
      </c>
      <c r="CJ227" s="53">
        <v>36532.449926666603</v>
      </c>
      <c r="CK227" s="53">
        <v>37747.196960000001</v>
      </c>
      <c r="CL227" s="53">
        <v>36509.116046666597</v>
      </c>
      <c r="CM227" s="53">
        <v>41555.513633333299</v>
      </c>
      <c r="CN227" s="53">
        <v>459231.09732333297</v>
      </c>
    </row>
    <row r="228" spans="1:92" outlineLevel="1">
      <c r="A228" s="52" t="s">
        <v>781</v>
      </c>
      <c r="B228" s="53">
        <v>8452307.3193124793</v>
      </c>
      <c r="C228" s="53">
        <v>8801183.84708854</v>
      </c>
      <c r="D228" s="53">
        <v>8786189.2319162302</v>
      </c>
      <c r="E228" s="53">
        <v>9381689.8129414208</v>
      </c>
      <c r="F228" s="53">
        <v>10254858.515009601</v>
      </c>
      <c r="G228" s="53">
        <v>9563161.3446843494</v>
      </c>
      <c r="H228" s="53">
        <v>9349952.2888405602</v>
      </c>
      <c r="I228" s="53">
        <v>9311600.1280743703</v>
      </c>
      <c r="J228" s="53">
        <v>9886950.0461840108</v>
      </c>
      <c r="K228" s="53">
        <v>9580838.6310133301</v>
      </c>
      <c r="L228" s="53">
        <v>10102657.1534326</v>
      </c>
      <c r="M228" s="53">
        <v>9066900.4305566102</v>
      </c>
      <c r="N228" s="53">
        <v>112538288.749054</v>
      </c>
      <c r="O228" s="53">
        <v>6342460.1619707895</v>
      </c>
      <c r="P228" s="53">
        <v>7887568.2790794</v>
      </c>
      <c r="Q228" s="53">
        <v>9233248.3387012798</v>
      </c>
      <c r="R228" s="53">
        <v>9597845.2252100296</v>
      </c>
      <c r="S228" s="53">
        <v>11429913.002699699</v>
      </c>
      <c r="T228" s="53">
        <v>8950604.9518423397</v>
      </c>
      <c r="U228" s="53">
        <v>8553099.1184630301</v>
      </c>
      <c r="V228" s="53">
        <v>9376823.2215604093</v>
      </c>
      <c r="W228" s="53">
        <v>8359286.4945969498</v>
      </c>
      <c r="X228" s="53">
        <v>8043770.4267395101</v>
      </c>
      <c r="Y228" s="53">
        <v>6874870.0506600104</v>
      </c>
      <c r="Z228" s="53">
        <v>7817483.5694952896</v>
      </c>
      <c r="AA228" s="53">
        <v>102466972.84101801</v>
      </c>
      <c r="AB228" s="53">
        <v>6352083.5668110503</v>
      </c>
      <c r="AC228" s="53">
        <v>8011307.64856649</v>
      </c>
      <c r="AD228" s="53">
        <v>9273631.3762093596</v>
      </c>
      <c r="AE228" s="53">
        <v>9651035.8841494992</v>
      </c>
      <c r="AF228" s="53">
        <v>11498923.738285599</v>
      </c>
      <c r="AG228" s="53">
        <v>9003610.5221597906</v>
      </c>
      <c r="AH228" s="53">
        <v>8606256.1616158802</v>
      </c>
      <c r="AI228" s="53">
        <v>9430459.5523391608</v>
      </c>
      <c r="AJ228" s="53">
        <v>8413520.33938591</v>
      </c>
      <c r="AK228" s="53">
        <v>8100944.7556614</v>
      </c>
      <c r="AL228" s="53">
        <v>6923774.4053272204</v>
      </c>
      <c r="AM228" s="53">
        <v>7879786.7739721099</v>
      </c>
      <c r="AN228" s="53">
        <v>103145334.724483</v>
      </c>
      <c r="AO228" s="53">
        <v>6392972.9059367198</v>
      </c>
      <c r="AP228" s="53">
        <v>7957658.1914534504</v>
      </c>
      <c r="AQ228" s="53">
        <v>9315285.9850679804</v>
      </c>
      <c r="AR228" s="53">
        <v>9683514.2653106004</v>
      </c>
      <c r="AS228" s="53">
        <v>11532245.066421499</v>
      </c>
      <c r="AT228" s="53">
        <v>9036513.5518300496</v>
      </c>
      <c r="AU228" s="53">
        <v>8638235.27631904</v>
      </c>
      <c r="AV228" s="53">
        <v>9465076.5778064802</v>
      </c>
      <c r="AW228" s="53">
        <v>8443631.42382944</v>
      </c>
      <c r="AX228" s="53">
        <v>8131560.4586299397</v>
      </c>
      <c r="AY228" s="53">
        <v>6953227.0406462401</v>
      </c>
      <c r="AZ228" s="53">
        <v>7909904.0158085199</v>
      </c>
      <c r="BA228" s="53">
        <v>103459824.75906</v>
      </c>
      <c r="BB228" s="53">
        <v>6420024.1589201</v>
      </c>
      <c r="BC228" s="53">
        <v>7988764.8163330602</v>
      </c>
      <c r="BD228" s="53">
        <v>9348774.7533477601</v>
      </c>
      <c r="BE228" s="53">
        <v>9711357.9891951308</v>
      </c>
      <c r="BF228" s="53">
        <v>11562140.1427336</v>
      </c>
      <c r="BG228" s="53">
        <v>9066981.5677652899</v>
      </c>
      <c r="BH228" s="53">
        <v>8669160.6599481292</v>
      </c>
      <c r="BI228" s="53">
        <v>9500226.2131369896</v>
      </c>
      <c r="BJ228" s="53">
        <v>8475866.0380552094</v>
      </c>
      <c r="BK228" s="53">
        <v>8166365.6044459902</v>
      </c>
      <c r="BL228" s="53">
        <v>6988568.8277475797</v>
      </c>
      <c r="BM228" s="53">
        <v>7947478.6651883302</v>
      </c>
      <c r="BN228" s="53">
        <v>103845709.43681701</v>
      </c>
      <c r="BO228" s="53">
        <v>6454123.3739470001</v>
      </c>
      <c r="BP228" s="53">
        <v>8028121.9687939603</v>
      </c>
      <c r="BQ228" s="53">
        <v>9392001.7571884897</v>
      </c>
      <c r="BR228" s="53">
        <v>9748972.7893825993</v>
      </c>
      <c r="BS228" s="53">
        <v>11604838.721409701</v>
      </c>
      <c r="BT228" s="53">
        <v>9112415.1272931695</v>
      </c>
      <c r="BU228" s="53">
        <v>8716125.4834362194</v>
      </c>
      <c r="BV228" s="53">
        <v>9553850.7735320292</v>
      </c>
      <c r="BW228" s="53">
        <v>8525570.6822361406</v>
      </c>
      <c r="BX228" s="53">
        <v>8220901.2911817897</v>
      </c>
      <c r="BY228" s="53">
        <v>7044636.7617054097</v>
      </c>
      <c r="BZ228" s="53">
        <v>8005864.8407333698</v>
      </c>
      <c r="CA228" s="53">
        <v>104407423.570839</v>
      </c>
      <c r="CB228" s="53"/>
      <c r="CC228" s="53"/>
      <c r="CD228" s="53"/>
      <c r="CE228" s="53"/>
      <c r="CF228" s="53"/>
      <c r="CG228" s="53"/>
      <c r="CH228" s="53"/>
      <c r="CI228" s="53"/>
      <c r="CJ228" s="53"/>
      <c r="CK228" s="53"/>
      <c r="CL228" s="53"/>
      <c r="CM228" s="53"/>
      <c r="CN228" s="53"/>
    </row>
    <row r="229" spans="1:92" outlineLevel="1">
      <c r="A229" s="52" t="s">
        <v>782</v>
      </c>
      <c r="B229" s="53">
        <v>51975.957290147897</v>
      </c>
      <c r="C229" s="53">
        <v>52002.937381220203</v>
      </c>
      <c r="D229" s="53">
        <v>52040.821293660003</v>
      </c>
      <c r="E229" s="53">
        <v>52832.645060548602</v>
      </c>
      <c r="F229" s="53">
        <v>52615.103811900597</v>
      </c>
      <c r="G229" s="53">
        <v>52538.351249880499</v>
      </c>
      <c r="H229" s="53">
        <v>52445.384067409999</v>
      </c>
      <c r="I229" s="53">
        <v>52514.6158933673</v>
      </c>
      <c r="J229" s="53">
        <v>52492.292265635202</v>
      </c>
      <c r="K229" s="53">
        <v>52658.483575490201</v>
      </c>
      <c r="L229" s="53">
        <v>52635.5217442094</v>
      </c>
      <c r="M229" s="53">
        <v>52652.160491747098</v>
      </c>
      <c r="N229" s="53">
        <v>629404.27412521699</v>
      </c>
      <c r="O229" s="53">
        <v>109916.681822069</v>
      </c>
      <c r="P229" s="53">
        <v>104737.971034631</v>
      </c>
      <c r="Q229" s="53">
        <v>95564.618198824202</v>
      </c>
      <c r="R229" s="53">
        <v>107274.708884308</v>
      </c>
      <c r="S229" s="53">
        <v>105434.604504977</v>
      </c>
      <c r="T229" s="53">
        <v>107457.58543676299</v>
      </c>
      <c r="U229" s="53">
        <v>107619.53865286701</v>
      </c>
      <c r="V229" s="53">
        <v>104251.434151647</v>
      </c>
      <c r="W229" s="53">
        <v>104772.687650594</v>
      </c>
      <c r="X229" s="53">
        <v>105784.18835151799</v>
      </c>
      <c r="Y229" s="53">
        <v>106259.27906255799</v>
      </c>
      <c r="Z229" s="53">
        <v>111085.062183139</v>
      </c>
      <c r="AA229" s="53">
        <v>1270158.3599338899</v>
      </c>
      <c r="AB229" s="53">
        <v>104046.989750472</v>
      </c>
      <c r="AC229" s="53">
        <v>99575.484167338</v>
      </c>
      <c r="AD229" s="53">
        <v>91225.362387633999</v>
      </c>
      <c r="AE229" s="53">
        <v>102796.122826035</v>
      </c>
      <c r="AF229" s="53">
        <v>101396.08101554299</v>
      </c>
      <c r="AG229" s="53">
        <v>103690.407587649</v>
      </c>
      <c r="AH229" s="53">
        <v>104174.631192639</v>
      </c>
      <c r="AI229" s="53">
        <v>101212.967610126</v>
      </c>
      <c r="AJ229" s="53">
        <v>102001.00737838099</v>
      </c>
      <c r="AK229" s="53">
        <v>103252.39119885099</v>
      </c>
      <c r="AL229" s="53">
        <v>103967.40724283901</v>
      </c>
      <c r="AM229" s="53">
        <v>108935.39794087299</v>
      </c>
      <c r="AN229" s="53">
        <v>1226274.2502983799</v>
      </c>
      <c r="AO229" s="53">
        <v>102249.29682169</v>
      </c>
      <c r="AP229" s="53">
        <v>98048.171250691405</v>
      </c>
      <c r="AQ229" s="53">
        <v>89991.652402099498</v>
      </c>
      <c r="AR229" s="53">
        <v>101580.19631832901</v>
      </c>
      <c r="AS229" s="53">
        <v>100357.143605188</v>
      </c>
      <c r="AT229" s="53">
        <v>102780.957581651</v>
      </c>
      <c r="AU229" s="53">
        <v>103404.653111259</v>
      </c>
      <c r="AV229" s="53">
        <v>100595.093659365</v>
      </c>
      <c r="AW229" s="53">
        <v>101500.367931803</v>
      </c>
      <c r="AX229" s="53">
        <v>102861.02883818701</v>
      </c>
      <c r="AY229" s="53">
        <v>103681.296360786</v>
      </c>
      <c r="AZ229" s="53">
        <v>108740.908767539</v>
      </c>
      <c r="BA229" s="53">
        <v>1215790.7666485901</v>
      </c>
      <c r="BB229" s="53">
        <v>102159.013247832</v>
      </c>
      <c r="BC229" s="53">
        <v>98043.739585673393</v>
      </c>
      <c r="BD229" s="53">
        <v>90057.129663700602</v>
      </c>
      <c r="BE229" s="53">
        <v>101727.64463753899</v>
      </c>
      <c r="BF229" s="53">
        <v>100570.131965833</v>
      </c>
      <c r="BG229" s="53">
        <v>103063.390219497</v>
      </c>
      <c r="BH229" s="53">
        <v>103748.378133223</v>
      </c>
      <c r="BI229" s="53">
        <v>100983.282383956</v>
      </c>
      <c r="BJ229" s="53">
        <v>101942.550729073</v>
      </c>
      <c r="BK229" s="53">
        <v>103356.049337622</v>
      </c>
      <c r="BL229" s="53">
        <v>104224.52328140401</v>
      </c>
      <c r="BM229" s="53">
        <v>109353.437888152</v>
      </c>
      <c r="BN229" s="53">
        <v>1219229.2710734999</v>
      </c>
      <c r="BO229" s="53">
        <v>102771.261855672</v>
      </c>
      <c r="BP229" s="53">
        <v>98664.172688188803</v>
      </c>
      <c r="BQ229" s="53">
        <v>90654.933362838201</v>
      </c>
      <c r="BR229" s="53">
        <v>102432.305585152</v>
      </c>
      <c r="BS229" s="53">
        <v>101292.88898034699</v>
      </c>
      <c r="BT229" s="53">
        <v>103829.087086471</v>
      </c>
      <c r="BU229" s="53">
        <v>104542.17874087799</v>
      </c>
      <c r="BV229" s="53">
        <v>101776.62757056599</v>
      </c>
      <c r="BW229" s="53">
        <v>102762.196461877</v>
      </c>
      <c r="BX229" s="53">
        <v>104205.199886653</v>
      </c>
      <c r="BY229" s="53">
        <v>105096.92695454801</v>
      </c>
      <c r="BZ229" s="53">
        <v>110284.30331086399</v>
      </c>
      <c r="CA229" s="53">
        <v>1228312.08248405</v>
      </c>
      <c r="CB229" s="53"/>
      <c r="CC229" s="53"/>
      <c r="CD229" s="53"/>
      <c r="CE229" s="53"/>
      <c r="CF229" s="53"/>
      <c r="CG229" s="53"/>
      <c r="CH229" s="53"/>
      <c r="CI229" s="53"/>
      <c r="CJ229" s="53"/>
      <c r="CK229" s="53"/>
      <c r="CL229" s="53"/>
      <c r="CM229" s="53"/>
      <c r="CN229" s="53"/>
    </row>
    <row r="230" spans="1:92" outlineLevel="1">
      <c r="A230" s="52" t="s">
        <v>783</v>
      </c>
      <c r="B230" s="53">
        <v>10029345.186494799</v>
      </c>
      <c r="C230" s="53">
        <v>10442445.934711</v>
      </c>
      <c r="D230" s="53">
        <v>10706871.962675801</v>
      </c>
      <c r="E230" s="53">
        <v>11386492.6930496</v>
      </c>
      <c r="F230" s="53">
        <v>12803809.2461992</v>
      </c>
      <c r="G230" s="53">
        <v>12783658.523254501</v>
      </c>
      <c r="H230" s="53">
        <v>11914334.9410333</v>
      </c>
      <c r="I230" s="53">
        <v>12187960.1881049</v>
      </c>
      <c r="J230" s="53">
        <v>13158298.227984101</v>
      </c>
      <c r="K230" s="53">
        <v>12195270.8311038</v>
      </c>
      <c r="L230" s="53">
        <v>10860062.628333701</v>
      </c>
      <c r="M230" s="53">
        <v>10467459.974524399</v>
      </c>
      <c r="N230" s="53">
        <v>138936010.33746901</v>
      </c>
      <c r="O230" s="53">
        <v>13034523.0217543</v>
      </c>
      <c r="P230" s="53">
        <v>11991894.411763901</v>
      </c>
      <c r="Q230" s="53">
        <v>10939280.2067835</v>
      </c>
      <c r="R230" s="53">
        <v>11924575.341799401</v>
      </c>
      <c r="S230" s="53">
        <v>13196228.726736501</v>
      </c>
      <c r="T230" s="53">
        <v>13060683.803981099</v>
      </c>
      <c r="U230" s="53">
        <v>12885865.5470418</v>
      </c>
      <c r="V230" s="53">
        <v>12700375.311114101</v>
      </c>
      <c r="W230" s="53">
        <v>13239819.5134289</v>
      </c>
      <c r="X230" s="53">
        <v>12747301.749209199</v>
      </c>
      <c r="Y230" s="53">
        <v>11266063.7853406</v>
      </c>
      <c r="Z230" s="53">
        <v>11351729.545450799</v>
      </c>
      <c r="AA230" s="53">
        <v>148338340.96440399</v>
      </c>
      <c r="AB230" s="53">
        <v>13007114.942901</v>
      </c>
      <c r="AC230" s="53">
        <v>11980897.809355</v>
      </c>
      <c r="AD230" s="53">
        <v>10920252.1638902</v>
      </c>
      <c r="AE230" s="53">
        <v>11905662.20954</v>
      </c>
      <c r="AF230" s="53">
        <v>13175915.637733201</v>
      </c>
      <c r="AG230" s="53">
        <v>13039125.6608436</v>
      </c>
      <c r="AH230" s="53">
        <v>12864103.455070101</v>
      </c>
      <c r="AI230" s="53">
        <v>12675362.1061993</v>
      </c>
      <c r="AJ230" s="53">
        <v>13217251.655345</v>
      </c>
      <c r="AK230" s="53">
        <v>12724818.6958513</v>
      </c>
      <c r="AL230" s="53">
        <v>11242752.509873901</v>
      </c>
      <c r="AM230" s="53">
        <v>11322953.6302593</v>
      </c>
      <c r="AN230" s="53">
        <v>148076210.47686201</v>
      </c>
      <c r="AO230" s="53">
        <v>12965989.0622792</v>
      </c>
      <c r="AP230" s="53">
        <v>11929032.511912899</v>
      </c>
      <c r="AQ230" s="53">
        <v>10892427.515756801</v>
      </c>
      <c r="AR230" s="53">
        <v>11878239.232015001</v>
      </c>
      <c r="AS230" s="53">
        <v>13146559.098180501</v>
      </c>
      <c r="AT230" s="53">
        <v>13008039.061742701</v>
      </c>
      <c r="AU230" s="53">
        <v>12832871.158976801</v>
      </c>
      <c r="AV230" s="53">
        <v>12639534.9285657</v>
      </c>
      <c r="AW230" s="53">
        <v>13185575.670933601</v>
      </c>
      <c r="AX230" s="53">
        <v>12693790.163988</v>
      </c>
      <c r="AY230" s="53">
        <v>11210657.084261701</v>
      </c>
      <c r="AZ230" s="53">
        <v>11282473.956916999</v>
      </c>
      <c r="BA230" s="53">
        <v>147665189.44553</v>
      </c>
      <c r="BB230" s="53">
        <v>12937231.2730406</v>
      </c>
      <c r="BC230" s="53">
        <v>11902503.7373595</v>
      </c>
      <c r="BD230" s="53">
        <v>10872593.526396001</v>
      </c>
      <c r="BE230" s="53">
        <v>11858700.505127801</v>
      </c>
      <c r="BF230" s="53">
        <v>13125695.8834479</v>
      </c>
      <c r="BG230" s="53">
        <v>12985913.6718072</v>
      </c>
      <c r="BH230" s="53">
        <v>12810541.4564339</v>
      </c>
      <c r="BI230" s="53">
        <v>12613940.963985501</v>
      </c>
      <c r="BJ230" s="53">
        <v>13162775.918973699</v>
      </c>
      <c r="BK230" s="53">
        <v>12671393.6648883</v>
      </c>
      <c r="BL230" s="53">
        <v>11187540.477930499</v>
      </c>
      <c r="BM230" s="53">
        <v>11253574.223629201</v>
      </c>
      <c r="BN230" s="53">
        <v>147382405.30302</v>
      </c>
      <c r="BO230" s="53">
        <v>12908608.604975199</v>
      </c>
      <c r="BP230" s="53">
        <v>11875866.861144099</v>
      </c>
      <c r="BQ230" s="53">
        <v>10852367.8020989</v>
      </c>
      <c r="BR230" s="53">
        <v>11838470.4776682</v>
      </c>
      <c r="BS230" s="53">
        <v>13103889.3291796</v>
      </c>
      <c r="BT230" s="53">
        <v>12962683.7403809</v>
      </c>
      <c r="BU230" s="53">
        <v>12787002.2080596</v>
      </c>
      <c r="BV230" s="53">
        <v>12586922.657857301</v>
      </c>
      <c r="BW230" s="53">
        <v>13138254.040399799</v>
      </c>
      <c r="BX230" s="53">
        <v>12646886.6454744</v>
      </c>
      <c r="BY230" s="53">
        <v>11162096.3263418</v>
      </c>
      <c r="BZ230" s="53">
        <v>11222272.3210048</v>
      </c>
      <c r="CA230" s="53">
        <v>147085321.01458499</v>
      </c>
      <c r="CB230" s="53">
        <v>770852.59805555502</v>
      </c>
      <c r="CC230" s="53">
        <v>770852.59805555502</v>
      </c>
      <c r="CD230" s="53">
        <v>770852.59805555502</v>
      </c>
      <c r="CE230" s="53">
        <v>560852.59805555502</v>
      </c>
      <c r="CF230" s="53">
        <v>560852.59805555502</v>
      </c>
      <c r="CG230" s="53">
        <v>560852.59805555502</v>
      </c>
      <c r="CH230" s="53">
        <v>560852.59805555502</v>
      </c>
      <c r="CI230" s="53">
        <v>560852.59805555502</v>
      </c>
      <c r="CJ230" s="53">
        <v>560852.59805555502</v>
      </c>
      <c r="CK230" s="53">
        <v>560852.59805555502</v>
      </c>
      <c r="CL230" s="53">
        <v>560852.59805555502</v>
      </c>
      <c r="CM230" s="53">
        <v>770852.59805555502</v>
      </c>
      <c r="CN230" s="53">
        <v>7570231.1766666602</v>
      </c>
    </row>
    <row r="231" spans="1:92" outlineLevel="1">
      <c r="A231" s="52" t="s">
        <v>784</v>
      </c>
      <c r="B231" s="53">
        <v>109552498.395897</v>
      </c>
      <c r="C231" s="53">
        <v>92376945.300985307</v>
      </c>
      <c r="D231" s="53">
        <v>95052974.169056907</v>
      </c>
      <c r="E231" s="53">
        <v>100620043.712165</v>
      </c>
      <c r="F231" s="53">
        <v>126723115.238986</v>
      </c>
      <c r="G231" s="53">
        <v>144842102.326736</v>
      </c>
      <c r="H231" s="53">
        <v>159179912.70311099</v>
      </c>
      <c r="I231" s="53">
        <v>157661844.851659</v>
      </c>
      <c r="J231" s="53">
        <v>144654083.79613501</v>
      </c>
      <c r="K231" s="53">
        <v>118375388.139221</v>
      </c>
      <c r="L231" s="53">
        <v>96252678.900735602</v>
      </c>
      <c r="M231" s="53">
        <v>102791362.72603799</v>
      </c>
      <c r="N231" s="53">
        <v>1448082950.26072</v>
      </c>
      <c r="O231" s="53">
        <v>173681206.54411301</v>
      </c>
      <c r="P231" s="53">
        <v>95163750.975846097</v>
      </c>
      <c r="Q231" s="53">
        <v>87133565.558913007</v>
      </c>
      <c r="R231" s="53">
        <v>92900077.535376206</v>
      </c>
      <c r="S231" s="53">
        <v>120265421.867227</v>
      </c>
      <c r="T231" s="53">
        <v>138904761.29661199</v>
      </c>
      <c r="U231" s="53">
        <v>150167709.44933099</v>
      </c>
      <c r="V231" s="53">
        <v>196334347.103066</v>
      </c>
      <c r="W231" s="53">
        <v>135942585.190043</v>
      </c>
      <c r="X231" s="53">
        <v>110999450.204715</v>
      </c>
      <c r="Y231" s="53">
        <v>83997744.320044398</v>
      </c>
      <c r="Z231" s="53">
        <v>108391298.68720201</v>
      </c>
      <c r="AA231" s="53">
        <v>1493881918.7324901</v>
      </c>
      <c r="AB231" s="53">
        <v>175797451.67682099</v>
      </c>
      <c r="AC231" s="53">
        <v>99121506.506805897</v>
      </c>
      <c r="AD231" s="53">
        <v>88124869.430296794</v>
      </c>
      <c r="AE231" s="53">
        <v>93940792.484493196</v>
      </c>
      <c r="AF231" s="53">
        <v>123317023.725749</v>
      </c>
      <c r="AG231" s="53">
        <v>143654921.88358101</v>
      </c>
      <c r="AH231" s="53">
        <v>155731526.92646801</v>
      </c>
      <c r="AI231" s="53">
        <v>202013809.82769001</v>
      </c>
      <c r="AJ231" s="53">
        <v>140700950.09371701</v>
      </c>
      <c r="AK231" s="53">
        <v>114023013.908866</v>
      </c>
      <c r="AL231" s="53">
        <v>85531486.944405794</v>
      </c>
      <c r="AM231" s="53">
        <v>110686384.190411</v>
      </c>
      <c r="AN231" s="53">
        <v>1532643737.5992999</v>
      </c>
      <c r="AO231" s="53">
        <v>175620991.796929</v>
      </c>
      <c r="AP231" s="53">
        <v>95330975.882419497</v>
      </c>
      <c r="AQ231" s="53">
        <v>87051551.457707003</v>
      </c>
      <c r="AR231" s="53">
        <v>92834784.225863993</v>
      </c>
      <c r="AS231" s="53">
        <v>122734605.745831</v>
      </c>
      <c r="AT231" s="53">
        <v>143818283.63089699</v>
      </c>
      <c r="AU231" s="53">
        <v>156163729.655224</v>
      </c>
      <c r="AV231" s="53">
        <v>202591456.65912399</v>
      </c>
      <c r="AW231" s="53">
        <v>141127042.26656201</v>
      </c>
      <c r="AX231" s="53">
        <v>114020839.860753</v>
      </c>
      <c r="AY231" s="53">
        <v>85291968.040361404</v>
      </c>
      <c r="AZ231" s="53">
        <v>110693471.703696</v>
      </c>
      <c r="BA231" s="53">
        <v>1527279700.92537</v>
      </c>
      <c r="BB231" s="53">
        <v>175171755.688243</v>
      </c>
      <c r="BC231" s="53">
        <v>94397556.367549807</v>
      </c>
      <c r="BD231" s="53">
        <v>85830652.272796303</v>
      </c>
      <c r="BE231" s="53">
        <v>91588779.904353604</v>
      </c>
      <c r="BF231" s="53">
        <v>121963029.283962</v>
      </c>
      <c r="BG231" s="53">
        <v>143784251.68116701</v>
      </c>
      <c r="BH231" s="53">
        <v>156384960.76070601</v>
      </c>
      <c r="BI231" s="53">
        <v>202953059.15665001</v>
      </c>
      <c r="BJ231" s="53">
        <v>141355654.978333</v>
      </c>
      <c r="BK231" s="53">
        <v>113854471.6195</v>
      </c>
      <c r="BL231" s="53">
        <v>84915458.767824605</v>
      </c>
      <c r="BM231" s="53">
        <v>110522965.36604699</v>
      </c>
      <c r="BN231" s="53">
        <v>1522722595.8471301</v>
      </c>
      <c r="BO231" s="53">
        <v>174659065.962648</v>
      </c>
      <c r="BP231" s="53">
        <v>93643381.094991595</v>
      </c>
      <c r="BQ231" s="53">
        <v>84810921.976891294</v>
      </c>
      <c r="BR231" s="53">
        <v>90623250.639151096</v>
      </c>
      <c r="BS231" s="53">
        <v>121303499.636777</v>
      </c>
      <c r="BT231" s="53">
        <v>143746306.86556301</v>
      </c>
      <c r="BU231" s="53">
        <v>156596142.95674199</v>
      </c>
      <c r="BV231" s="53">
        <v>203372771.017775</v>
      </c>
      <c r="BW231" s="53">
        <v>141844839.37200299</v>
      </c>
      <c r="BX231" s="53">
        <v>114247488.54085501</v>
      </c>
      <c r="BY231" s="53">
        <v>85261719.333995998</v>
      </c>
      <c r="BZ231" s="53">
        <v>111070537.54646599</v>
      </c>
      <c r="CA231" s="53">
        <v>1521179924.9438601</v>
      </c>
      <c r="CB231" s="53">
        <v>42291.683333333298</v>
      </c>
      <c r="CC231" s="53">
        <v>42291.683333333298</v>
      </c>
      <c r="CD231" s="53">
        <v>39785.033333333296</v>
      </c>
      <c r="CE231" s="53">
        <v>39785.033333333296</v>
      </c>
      <c r="CF231" s="53">
        <v>39785.033333333296</v>
      </c>
      <c r="CG231" s="53">
        <v>44798.333333333299</v>
      </c>
      <c r="CH231" s="53">
        <v>39785.033333333296</v>
      </c>
      <c r="CI231" s="53">
        <v>39785.033333333296</v>
      </c>
      <c r="CJ231" s="53">
        <v>39785.033333333296</v>
      </c>
      <c r="CK231" s="53">
        <v>42291.683333333298</v>
      </c>
      <c r="CL231" s="53">
        <v>32262.5333333333</v>
      </c>
      <c r="CM231" s="53">
        <v>39785.033333333296</v>
      </c>
      <c r="CN231" s="53">
        <v>482431.15</v>
      </c>
    </row>
    <row r="232" spans="1:92" outlineLevel="1">
      <c r="A232" s="52" t="s">
        <v>1237</v>
      </c>
      <c r="B232" s="53">
        <v>55789.210486666598</v>
      </c>
      <c r="C232" s="53">
        <v>50413.194539999997</v>
      </c>
      <c r="D232" s="53">
        <v>55789.027770000001</v>
      </c>
      <c r="E232" s="53">
        <v>41705.121379999997</v>
      </c>
      <c r="F232" s="53">
        <v>43096.066426666599</v>
      </c>
      <c r="G232" s="53">
        <v>41712.545446666598</v>
      </c>
      <c r="H232" s="53">
        <v>43128.874646666598</v>
      </c>
      <c r="I232" s="53">
        <v>43134.336913333304</v>
      </c>
      <c r="J232" s="53">
        <v>41746.1499266666</v>
      </c>
      <c r="K232" s="53">
        <v>43134.686959999999</v>
      </c>
      <c r="L232" s="53">
        <v>41722.816046666601</v>
      </c>
      <c r="M232" s="53">
        <v>55772.423633333303</v>
      </c>
      <c r="N232" s="53">
        <v>557144.45417666598</v>
      </c>
      <c r="O232" s="53">
        <v>74775.113633333298</v>
      </c>
      <c r="P232" s="53">
        <v>67576.914539999998</v>
      </c>
      <c r="Q232" s="53">
        <v>74791.717770000003</v>
      </c>
      <c r="R232" s="53">
        <v>61846.221380000003</v>
      </c>
      <c r="S232" s="53">
        <v>63908.5364266666</v>
      </c>
      <c r="T232" s="53">
        <v>61853.645446666596</v>
      </c>
      <c r="U232" s="53">
        <v>63941.344646666599</v>
      </c>
      <c r="V232" s="53">
        <v>63946.806913333297</v>
      </c>
      <c r="W232" s="53">
        <v>61887.249926666598</v>
      </c>
      <c r="X232" s="53">
        <v>63947.15696</v>
      </c>
      <c r="Y232" s="53">
        <v>61863.9160466666</v>
      </c>
      <c r="Z232" s="53">
        <v>74775.113633333298</v>
      </c>
      <c r="AA232" s="53">
        <v>795113.73732333304</v>
      </c>
      <c r="AB232" s="53">
        <v>45818.633633333302</v>
      </c>
      <c r="AC232" s="53">
        <v>42897.954539999999</v>
      </c>
      <c r="AD232" s="53">
        <v>45835.23777</v>
      </c>
      <c r="AE232" s="53">
        <v>40829.42138</v>
      </c>
      <c r="AF232" s="53">
        <v>42191.1764266666</v>
      </c>
      <c r="AG232" s="53">
        <v>40836.845446666601</v>
      </c>
      <c r="AH232" s="53">
        <v>42223.984646666599</v>
      </c>
      <c r="AI232" s="53">
        <v>42229.446913333297</v>
      </c>
      <c r="AJ232" s="53">
        <v>40870.449926666603</v>
      </c>
      <c r="AK232" s="53">
        <v>42229.79696</v>
      </c>
      <c r="AL232" s="53">
        <v>40847.116046666597</v>
      </c>
      <c r="AM232" s="53">
        <v>45818.633633333302</v>
      </c>
      <c r="AN232" s="53">
        <v>512628.69732333301</v>
      </c>
      <c r="AO232" s="53">
        <v>46142.273633333301</v>
      </c>
      <c r="AP232" s="53">
        <v>41714.99454</v>
      </c>
      <c r="AQ232" s="53">
        <v>46158.877769999999</v>
      </c>
      <c r="AR232" s="53">
        <v>41038.221379999901</v>
      </c>
      <c r="AS232" s="53">
        <v>42406.936426666602</v>
      </c>
      <c r="AT232" s="53">
        <v>41045.645446666596</v>
      </c>
      <c r="AU232" s="53">
        <v>42439.744646666601</v>
      </c>
      <c r="AV232" s="53">
        <v>42445.206913333299</v>
      </c>
      <c r="AW232" s="53">
        <v>41079.249926666598</v>
      </c>
      <c r="AX232" s="53">
        <v>42445.5569599999</v>
      </c>
      <c r="AY232" s="53">
        <v>41055.9160466666</v>
      </c>
      <c r="AZ232" s="53">
        <v>46142.273633333301</v>
      </c>
      <c r="BA232" s="53">
        <v>514114.89732333302</v>
      </c>
      <c r="BB232" s="53">
        <v>47314.073633333297</v>
      </c>
      <c r="BC232" s="53">
        <v>42773.394540000001</v>
      </c>
      <c r="BD232" s="53">
        <v>47330.677770000002</v>
      </c>
      <c r="BE232" s="53">
        <v>42064.221380000003</v>
      </c>
      <c r="BF232" s="53">
        <v>43467.136426666599</v>
      </c>
      <c r="BG232" s="53">
        <v>42071.645446666596</v>
      </c>
      <c r="BH232" s="53">
        <v>43499.944646666598</v>
      </c>
      <c r="BI232" s="53">
        <v>43505.406913333303</v>
      </c>
      <c r="BJ232" s="53">
        <v>42105.249926666598</v>
      </c>
      <c r="BK232" s="53">
        <v>43505.756959999999</v>
      </c>
      <c r="BL232" s="53">
        <v>42081.9160466666</v>
      </c>
      <c r="BM232" s="53">
        <v>47314.073633333297</v>
      </c>
      <c r="BN232" s="53">
        <v>527033.49732333305</v>
      </c>
      <c r="BO232" s="53">
        <v>48590.033633333303</v>
      </c>
      <c r="BP232" s="53">
        <v>43925.874539999997</v>
      </c>
      <c r="BQ232" s="53">
        <v>48606.637770000001</v>
      </c>
      <c r="BR232" s="53">
        <v>43187.42138</v>
      </c>
      <c r="BS232" s="53">
        <v>44627.776426666598</v>
      </c>
      <c r="BT232" s="53">
        <v>43194.845446666601</v>
      </c>
      <c r="BU232" s="53">
        <v>44660.584646666597</v>
      </c>
      <c r="BV232" s="53">
        <v>44666.046913333303</v>
      </c>
      <c r="BW232" s="53">
        <v>43228.449926666603</v>
      </c>
      <c r="BX232" s="53">
        <v>44666.396959999998</v>
      </c>
      <c r="BY232" s="53">
        <v>43205.116046666597</v>
      </c>
      <c r="BZ232" s="53">
        <v>44635.673633333303</v>
      </c>
      <c r="CA232" s="53">
        <v>537194.85732333304</v>
      </c>
      <c r="CB232" s="53"/>
      <c r="CC232" s="53"/>
      <c r="CD232" s="53"/>
      <c r="CE232" s="53"/>
      <c r="CF232" s="53"/>
      <c r="CG232" s="53"/>
      <c r="CH232" s="53"/>
      <c r="CI232" s="53"/>
      <c r="CJ232" s="53"/>
      <c r="CK232" s="53"/>
      <c r="CL232" s="53"/>
      <c r="CM232" s="53"/>
      <c r="CN232" s="53"/>
    </row>
    <row r="233" spans="1:92" outlineLevel="1">
      <c r="A233" s="52" t="s">
        <v>1239</v>
      </c>
      <c r="B233" s="53"/>
      <c r="C233" s="53"/>
      <c r="D233" s="53"/>
      <c r="E233" s="53"/>
      <c r="F233" s="53"/>
      <c r="G233" s="53"/>
      <c r="H233" s="53"/>
      <c r="I233" s="53"/>
      <c r="J233" s="53"/>
      <c r="K233" s="53"/>
      <c r="L233" s="53"/>
      <c r="M233" s="53"/>
      <c r="N233" s="53"/>
      <c r="O233" s="53"/>
      <c r="P233" s="53"/>
      <c r="Q233" s="53"/>
      <c r="R233" s="53"/>
      <c r="S233" s="53"/>
      <c r="T233" s="53"/>
      <c r="U233" s="53"/>
      <c r="V233" s="53"/>
      <c r="W233" s="53"/>
      <c r="X233" s="53"/>
      <c r="Y233" s="53"/>
      <c r="Z233" s="53"/>
      <c r="AA233" s="53"/>
      <c r="AB233" s="53"/>
      <c r="AC233" s="53"/>
      <c r="AD233" s="53"/>
      <c r="AE233" s="53"/>
      <c r="AF233" s="53"/>
      <c r="AG233" s="53"/>
      <c r="AH233" s="53"/>
      <c r="AI233" s="53"/>
      <c r="AJ233" s="53"/>
      <c r="AK233" s="53"/>
      <c r="AL233" s="53"/>
      <c r="AM233" s="53"/>
      <c r="AN233" s="53"/>
      <c r="AO233" s="53"/>
      <c r="AP233" s="53"/>
      <c r="AQ233" s="53"/>
      <c r="AR233" s="53"/>
      <c r="AS233" s="53"/>
      <c r="AT233" s="53"/>
      <c r="AU233" s="53"/>
      <c r="AV233" s="53"/>
      <c r="AW233" s="53"/>
      <c r="AX233" s="53"/>
      <c r="AY233" s="53"/>
      <c r="AZ233" s="53"/>
      <c r="BA233" s="53"/>
      <c r="BB233" s="53"/>
      <c r="BC233" s="53"/>
      <c r="BD233" s="53"/>
      <c r="BE233" s="53"/>
      <c r="BF233" s="53"/>
      <c r="BG233" s="53"/>
      <c r="BH233" s="53"/>
      <c r="BI233" s="53"/>
      <c r="BJ233" s="53"/>
      <c r="BK233" s="53"/>
      <c r="BL233" s="53"/>
      <c r="BM233" s="53"/>
      <c r="BN233" s="53"/>
      <c r="BO233" s="53"/>
      <c r="BP233" s="53"/>
      <c r="BQ233" s="53"/>
      <c r="BR233" s="53"/>
      <c r="BS233" s="53"/>
      <c r="BT233" s="53"/>
      <c r="BU233" s="53"/>
      <c r="BV233" s="53"/>
      <c r="BW233" s="53"/>
      <c r="BX233" s="53"/>
      <c r="BY233" s="53"/>
      <c r="BZ233" s="53"/>
      <c r="CA233" s="53"/>
      <c r="CB233" s="53">
        <v>982890.61780731997</v>
      </c>
      <c r="CC233" s="53">
        <v>903189.76795237104</v>
      </c>
      <c r="CD233" s="53">
        <v>1026025.89011202</v>
      </c>
      <c r="CE233" s="53">
        <v>1087003.14428808</v>
      </c>
      <c r="CF233" s="53">
        <v>1250090.9124895099</v>
      </c>
      <c r="CG233" s="53">
        <v>1304779.83067694</v>
      </c>
      <c r="CH233" s="53">
        <v>1376264.33078181</v>
      </c>
      <c r="CI233" s="53">
        <v>1378815.3928620699</v>
      </c>
      <c r="CJ233" s="53">
        <v>1301513.2795216299</v>
      </c>
      <c r="CK233" s="53">
        <v>1202219.52143859</v>
      </c>
      <c r="CL233" s="53">
        <v>1010153.1734196401</v>
      </c>
      <c r="CM233" s="53">
        <v>998070.84101133398</v>
      </c>
      <c r="CN233" s="53">
        <v>13821016.702361301</v>
      </c>
    </row>
    <row r="234" spans="1:92" outlineLevel="1">
      <c r="A234" s="52" t="s">
        <v>1237</v>
      </c>
      <c r="B234" s="53">
        <v>7819358.3600000003</v>
      </c>
      <c r="C234" s="53">
        <v>7819358.3600000003</v>
      </c>
      <c r="D234" s="53">
        <v>7819358.3600000003</v>
      </c>
      <c r="E234" s="53">
        <v>7126358.3600000003</v>
      </c>
      <c r="F234" s="53">
        <v>7126358.3600000003</v>
      </c>
      <c r="G234" s="53">
        <v>7246358.3600000003</v>
      </c>
      <c r="H234" s="53">
        <v>7246358.3600000003</v>
      </c>
      <c r="I234" s="53">
        <v>7246358.3600000003</v>
      </c>
      <c r="J234" s="53">
        <v>7246358.3600000003</v>
      </c>
      <c r="K234" s="53">
        <v>7246358.3600000003</v>
      </c>
      <c r="L234" s="53">
        <v>7246358.3600000003</v>
      </c>
      <c r="M234" s="53">
        <v>7939358.3600000003</v>
      </c>
      <c r="N234" s="53">
        <v>89128300.319999993</v>
      </c>
      <c r="O234" s="53">
        <v>4111108.36</v>
      </c>
      <c r="P234" s="53">
        <v>4111108.36</v>
      </c>
      <c r="Q234" s="53">
        <v>4111108.36</v>
      </c>
      <c r="R234" s="53">
        <v>3517108.36</v>
      </c>
      <c r="S234" s="53">
        <v>3517108.36</v>
      </c>
      <c r="T234" s="53">
        <v>3565108.36</v>
      </c>
      <c r="U234" s="53">
        <v>3565108.36</v>
      </c>
      <c r="V234" s="53">
        <v>3565108.36</v>
      </c>
      <c r="W234" s="53">
        <v>3565108.36</v>
      </c>
      <c r="X234" s="53">
        <v>3565108.36</v>
      </c>
      <c r="Y234" s="53">
        <v>3565108.36</v>
      </c>
      <c r="Z234" s="53">
        <v>4159108.36</v>
      </c>
      <c r="AA234" s="53">
        <v>44917300.319999903</v>
      </c>
      <c r="AB234" s="53">
        <v>3185608.36</v>
      </c>
      <c r="AC234" s="53">
        <v>3185608.36</v>
      </c>
      <c r="AD234" s="53">
        <v>3185608.36</v>
      </c>
      <c r="AE234" s="53">
        <v>2987608.36</v>
      </c>
      <c r="AF234" s="53">
        <v>2987608.36</v>
      </c>
      <c r="AG234" s="53">
        <v>3037608.36</v>
      </c>
      <c r="AH234" s="53">
        <v>3037608.36</v>
      </c>
      <c r="AI234" s="53">
        <v>3037608.36</v>
      </c>
      <c r="AJ234" s="53">
        <v>3037608.36</v>
      </c>
      <c r="AK234" s="53">
        <v>3037608.36</v>
      </c>
      <c r="AL234" s="53">
        <v>3037608.36</v>
      </c>
      <c r="AM234" s="53">
        <v>3235608.36</v>
      </c>
      <c r="AN234" s="53">
        <v>36993300.319999903</v>
      </c>
      <c r="AO234" s="53">
        <v>727608.36</v>
      </c>
      <c r="AP234" s="53">
        <v>727608.36</v>
      </c>
      <c r="AQ234" s="53">
        <v>727608.36</v>
      </c>
      <c r="AR234" s="53">
        <v>523608.359999999</v>
      </c>
      <c r="AS234" s="53">
        <v>523608.359999999</v>
      </c>
      <c r="AT234" s="53">
        <v>523608.359999999</v>
      </c>
      <c r="AU234" s="53">
        <v>523608.359999999</v>
      </c>
      <c r="AV234" s="53">
        <v>523608.359999999</v>
      </c>
      <c r="AW234" s="53">
        <v>523608.359999999</v>
      </c>
      <c r="AX234" s="53">
        <v>523608.359999999</v>
      </c>
      <c r="AY234" s="53">
        <v>523608.359999999</v>
      </c>
      <c r="AZ234" s="53">
        <v>727608.36</v>
      </c>
      <c r="BA234" s="53">
        <v>7099300.3200000003</v>
      </c>
      <c r="BB234" s="53">
        <v>747608.36</v>
      </c>
      <c r="BC234" s="53">
        <v>747608.36</v>
      </c>
      <c r="BD234" s="53">
        <v>747608.36</v>
      </c>
      <c r="BE234" s="53">
        <v>537608.36</v>
      </c>
      <c r="BF234" s="53">
        <v>537608.36</v>
      </c>
      <c r="BG234" s="53">
        <v>537608.36</v>
      </c>
      <c r="BH234" s="53">
        <v>537608.36</v>
      </c>
      <c r="BI234" s="53">
        <v>537608.36</v>
      </c>
      <c r="BJ234" s="53">
        <v>537608.36</v>
      </c>
      <c r="BK234" s="53">
        <v>537608.36</v>
      </c>
      <c r="BL234" s="53">
        <v>537608.36</v>
      </c>
      <c r="BM234" s="53">
        <v>747608.36</v>
      </c>
      <c r="BN234" s="53">
        <v>7291300.3200000003</v>
      </c>
      <c r="BO234" s="53">
        <v>768608.36</v>
      </c>
      <c r="BP234" s="53">
        <v>768608.36</v>
      </c>
      <c r="BQ234" s="53">
        <v>768608.36</v>
      </c>
      <c r="BR234" s="53">
        <v>552108.36</v>
      </c>
      <c r="BS234" s="53">
        <v>552108.36</v>
      </c>
      <c r="BT234" s="53">
        <v>552108.36</v>
      </c>
      <c r="BU234" s="53">
        <v>552108.36</v>
      </c>
      <c r="BV234" s="53">
        <v>552108.36</v>
      </c>
      <c r="BW234" s="53">
        <v>552108.36</v>
      </c>
      <c r="BX234" s="53">
        <v>552108.36</v>
      </c>
      <c r="BY234" s="53">
        <v>552108.36</v>
      </c>
      <c r="BZ234" s="53">
        <v>552108.36</v>
      </c>
      <c r="CA234" s="53">
        <v>7274800.3200000003</v>
      </c>
      <c r="CB234" s="53">
        <v>329125.53873148101</v>
      </c>
      <c r="CC234" s="53">
        <v>335445.08085522801</v>
      </c>
      <c r="CD234" s="53">
        <v>358036.23444055498</v>
      </c>
      <c r="CE234" s="53">
        <v>354757.030219757</v>
      </c>
      <c r="CF234" s="53">
        <v>364352.69779009698</v>
      </c>
      <c r="CG234" s="53">
        <v>371515.41141280503</v>
      </c>
      <c r="CH234" s="53">
        <v>367879.12125121203</v>
      </c>
      <c r="CI234" s="53">
        <v>375512.95421963901</v>
      </c>
      <c r="CJ234" s="53">
        <v>365241.77031699498</v>
      </c>
      <c r="CK234" s="53">
        <v>357475.21890978498</v>
      </c>
      <c r="CL234" s="53">
        <v>352981.44702563202</v>
      </c>
      <c r="CM234" s="53">
        <v>340382.13706166903</v>
      </c>
      <c r="CN234" s="53">
        <v>4272704.64223486</v>
      </c>
    </row>
    <row r="235" spans="1:92" outlineLevel="1">
      <c r="A235" s="52" t="s">
        <v>1240</v>
      </c>
      <c r="B235" s="53">
        <v>737083.35</v>
      </c>
      <c r="C235" s="53">
        <v>662833.35</v>
      </c>
      <c r="D235" s="53">
        <v>685076.7</v>
      </c>
      <c r="E235" s="53">
        <v>759326.7</v>
      </c>
      <c r="F235" s="53">
        <v>751076.7</v>
      </c>
      <c r="G235" s="53">
        <v>987090</v>
      </c>
      <c r="H235" s="53">
        <v>1048076.7</v>
      </c>
      <c r="I235" s="53">
        <v>990326.7</v>
      </c>
      <c r="J235" s="53">
        <v>990326.7</v>
      </c>
      <c r="K235" s="53">
        <v>943333.35</v>
      </c>
      <c r="L235" s="53">
        <v>842554.2</v>
      </c>
      <c r="M235" s="53">
        <v>833576.7</v>
      </c>
      <c r="N235" s="53">
        <v>10230681.15</v>
      </c>
      <c r="O235" s="53">
        <v>27583.35</v>
      </c>
      <c r="P235" s="53">
        <v>27583.35</v>
      </c>
      <c r="Q235" s="53">
        <v>25076.699999999899</v>
      </c>
      <c r="R235" s="53">
        <v>25076.699999999899</v>
      </c>
      <c r="S235" s="53">
        <v>25076.699999999899</v>
      </c>
      <c r="T235" s="53">
        <v>30090</v>
      </c>
      <c r="U235" s="53">
        <v>25076.699999999899</v>
      </c>
      <c r="V235" s="53">
        <v>25076.699999999899</v>
      </c>
      <c r="W235" s="53">
        <v>25076.699999999899</v>
      </c>
      <c r="X235" s="53">
        <v>27583.35</v>
      </c>
      <c r="Y235" s="53">
        <v>17554.199999999899</v>
      </c>
      <c r="Z235" s="53">
        <v>25076.699999999899</v>
      </c>
      <c r="AA235" s="53">
        <v>305931.14999999898</v>
      </c>
      <c r="AB235" s="53">
        <v>27583.35</v>
      </c>
      <c r="AC235" s="53">
        <v>27583.35</v>
      </c>
      <c r="AD235" s="53">
        <v>25076.699999999899</v>
      </c>
      <c r="AE235" s="53">
        <v>25076.699999999899</v>
      </c>
      <c r="AF235" s="53">
        <v>25076.699999999899</v>
      </c>
      <c r="AG235" s="53">
        <v>30090</v>
      </c>
      <c r="AH235" s="53">
        <v>25076.699999999899</v>
      </c>
      <c r="AI235" s="53">
        <v>25076.699999999899</v>
      </c>
      <c r="AJ235" s="53">
        <v>25076.699999999899</v>
      </c>
      <c r="AK235" s="53">
        <v>27583.35</v>
      </c>
      <c r="AL235" s="53">
        <v>17554.199999999899</v>
      </c>
      <c r="AM235" s="53">
        <v>25076.699999999899</v>
      </c>
      <c r="AN235" s="53">
        <v>305931.14999999898</v>
      </c>
      <c r="AO235" s="53">
        <v>27583.35</v>
      </c>
      <c r="AP235" s="53">
        <v>27583.35</v>
      </c>
      <c r="AQ235" s="53">
        <v>25076.699999999899</v>
      </c>
      <c r="AR235" s="53">
        <v>25076.699999999899</v>
      </c>
      <c r="AS235" s="53">
        <v>25076.699999999899</v>
      </c>
      <c r="AT235" s="53">
        <v>30090</v>
      </c>
      <c r="AU235" s="53">
        <v>25076.699999999899</v>
      </c>
      <c r="AV235" s="53">
        <v>25076.699999999899</v>
      </c>
      <c r="AW235" s="53">
        <v>25076.699999999899</v>
      </c>
      <c r="AX235" s="53">
        <v>27583.35</v>
      </c>
      <c r="AY235" s="53">
        <v>17554.199999999899</v>
      </c>
      <c r="AZ235" s="53">
        <v>25076.699999999899</v>
      </c>
      <c r="BA235" s="53">
        <v>305931.14999999898</v>
      </c>
      <c r="BB235" s="53">
        <v>27583.35</v>
      </c>
      <c r="BC235" s="53">
        <v>27583.35</v>
      </c>
      <c r="BD235" s="53">
        <v>25076.699999999899</v>
      </c>
      <c r="BE235" s="53">
        <v>25076.699999999899</v>
      </c>
      <c r="BF235" s="53">
        <v>25076.699999999899</v>
      </c>
      <c r="BG235" s="53">
        <v>30090</v>
      </c>
      <c r="BH235" s="53">
        <v>25076.699999999899</v>
      </c>
      <c r="BI235" s="53">
        <v>25076.699999999899</v>
      </c>
      <c r="BJ235" s="53">
        <v>25076.699999999899</v>
      </c>
      <c r="BK235" s="53">
        <v>27583.35</v>
      </c>
      <c r="BL235" s="53">
        <v>17554.199999999899</v>
      </c>
      <c r="BM235" s="53">
        <v>25076.699999999899</v>
      </c>
      <c r="BN235" s="53">
        <v>305931.14999999898</v>
      </c>
      <c r="BO235" s="53">
        <v>27583.35</v>
      </c>
      <c r="BP235" s="53">
        <v>27583.35</v>
      </c>
      <c r="BQ235" s="53">
        <v>25076.699999999899</v>
      </c>
      <c r="BR235" s="53">
        <v>25076.699999999899</v>
      </c>
      <c r="BS235" s="53">
        <v>25076.699999999899</v>
      </c>
      <c r="BT235" s="53">
        <v>30090</v>
      </c>
      <c r="BU235" s="53">
        <v>25076.699999999899</v>
      </c>
      <c r="BV235" s="53">
        <v>25076.699999999899</v>
      </c>
      <c r="BW235" s="53">
        <v>25076.699999999899</v>
      </c>
      <c r="BX235" s="53">
        <v>27583.35</v>
      </c>
      <c r="BY235" s="53">
        <v>17554.199999999899</v>
      </c>
      <c r="BZ235" s="53">
        <v>25076.699999999899</v>
      </c>
      <c r="CA235" s="53">
        <v>305931.14999999898</v>
      </c>
      <c r="CB235" s="53">
        <v>2103.5286968594901</v>
      </c>
      <c r="CC235" s="53">
        <v>2102.7930149733002</v>
      </c>
      <c r="CD235" s="53">
        <v>2102.0596723021299</v>
      </c>
      <c r="CE235" s="53">
        <v>2101.3286540173499</v>
      </c>
      <c r="CF235" s="53">
        <v>2100.5999454308399</v>
      </c>
      <c r="CG235" s="53">
        <v>2099.8735319932798</v>
      </c>
      <c r="CH235" s="53">
        <v>2099.1493992924002</v>
      </c>
      <c r="CI235" s="53">
        <v>2098.4275330512501</v>
      </c>
      <c r="CJ235" s="53">
        <v>2097.7079191265402</v>
      </c>
      <c r="CK235" s="53">
        <v>2096.9905435069099</v>
      </c>
      <c r="CL235" s="53">
        <v>2096.2753923113701</v>
      </c>
      <c r="CM235" s="53">
        <v>2095.5624517876699</v>
      </c>
      <c r="CN235" s="53">
        <v>25194.2967546525</v>
      </c>
    </row>
    <row r="236" spans="1:92" outlineLevel="1">
      <c r="A236" s="52" t="s">
        <v>1241</v>
      </c>
      <c r="B236" s="53"/>
      <c r="C236" s="53"/>
      <c r="D236" s="53"/>
      <c r="E236" s="53"/>
      <c r="F236" s="53"/>
      <c r="G236" s="53"/>
      <c r="H236" s="53"/>
      <c r="I236" s="53"/>
      <c r="J236" s="53"/>
      <c r="K236" s="53"/>
      <c r="L236" s="53"/>
      <c r="M236" s="53"/>
      <c r="N236" s="53"/>
      <c r="O236" s="53"/>
      <c r="P236" s="53"/>
      <c r="Q236" s="53"/>
      <c r="R236" s="53"/>
      <c r="S236" s="53"/>
      <c r="T236" s="53"/>
      <c r="U236" s="53"/>
      <c r="V236" s="53"/>
      <c r="W236" s="53"/>
      <c r="X236" s="53"/>
      <c r="Y236" s="53"/>
      <c r="Z236" s="53"/>
      <c r="AA236" s="53"/>
      <c r="AB236" s="53"/>
      <c r="AC236" s="53"/>
      <c r="AD236" s="53"/>
      <c r="AE236" s="53"/>
      <c r="AF236" s="53"/>
      <c r="AG236" s="53"/>
      <c r="AH236" s="53"/>
      <c r="AI236" s="53"/>
      <c r="AJ236" s="53"/>
      <c r="AK236" s="53"/>
      <c r="AL236" s="53"/>
      <c r="AM236" s="53"/>
      <c r="AN236" s="53"/>
      <c r="AO236" s="53"/>
      <c r="AP236" s="53"/>
      <c r="AQ236" s="53"/>
      <c r="AR236" s="53"/>
      <c r="AS236" s="53"/>
      <c r="AT236" s="53"/>
      <c r="AU236" s="53"/>
      <c r="AV236" s="53"/>
      <c r="AW236" s="53"/>
      <c r="AX236" s="53"/>
      <c r="AY236" s="53"/>
      <c r="AZ236" s="53"/>
      <c r="BA236" s="53"/>
      <c r="BB236" s="53"/>
      <c r="BC236" s="53"/>
      <c r="BD236" s="53"/>
      <c r="BE236" s="53"/>
      <c r="BF236" s="53"/>
      <c r="BG236" s="53"/>
      <c r="BH236" s="53"/>
      <c r="BI236" s="53"/>
      <c r="BJ236" s="53"/>
      <c r="BK236" s="53"/>
      <c r="BL236" s="53"/>
      <c r="BM236" s="53"/>
      <c r="BN236" s="53"/>
      <c r="BO236" s="53"/>
      <c r="BP236" s="53"/>
      <c r="BQ236" s="53"/>
      <c r="BR236" s="53"/>
      <c r="BS236" s="53"/>
      <c r="BT236" s="53"/>
      <c r="BU236" s="53"/>
      <c r="BV236" s="53"/>
      <c r="BW236" s="53"/>
      <c r="BX236" s="53"/>
      <c r="BY236" s="53"/>
      <c r="BZ236" s="53"/>
      <c r="CA236" s="53"/>
      <c r="CB236" s="53">
        <v>288548.96546152502</v>
      </c>
      <c r="CC236" s="53">
        <v>286681.67712398898</v>
      </c>
      <c r="CD236" s="53">
        <v>296179.38778249198</v>
      </c>
      <c r="CE236" s="53">
        <v>314405.29076600203</v>
      </c>
      <c r="CF236" s="53">
        <v>345063.528404137</v>
      </c>
      <c r="CG236" s="53">
        <v>350086.41157760698</v>
      </c>
      <c r="CH236" s="53">
        <v>354301.620122083</v>
      </c>
      <c r="CI236" s="53">
        <v>319624.58480409899</v>
      </c>
      <c r="CJ236" s="53">
        <v>360114.32943743002</v>
      </c>
      <c r="CK236" s="53">
        <v>333053.55778646201</v>
      </c>
      <c r="CL236" s="53">
        <v>297184.00432870898</v>
      </c>
      <c r="CM236" s="53">
        <v>290180.74995236198</v>
      </c>
      <c r="CN236" s="53">
        <v>3835424.1075468999</v>
      </c>
    </row>
    <row r="237" spans="1:92" outlineLevel="1">
      <c r="A237" s="52" t="s">
        <v>780</v>
      </c>
      <c r="B237" s="53">
        <v>8499866.9882796891</v>
      </c>
      <c r="C237" s="53">
        <v>7707723.2453585602</v>
      </c>
      <c r="D237" s="53">
        <v>9068908.4072299004</v>
      </c>
      <c r="E237" s="53">
        <v>9678942.8805502206</v>
      </c>
      <c r="F237" s="53">
        <v>10503531.205987001</v>
      </c>
      <c r="G237" s="53">
        <v>11152976.4639298</v>
      </c>
      <c r="H237" s="53">
        <v>11633696.064086899</v>
      </c>
      <c r="I237" s="53">
        <v>11757187.600413101</v>
      </c>
      <c r="J237" s="53">
        <v>11123925.247803001</v>
      </c>
      <c r="K237" s="53">
        <v>9998276.4327296</v>
      </c>
      <c r="L237" s="53">
        <v>8724715.5645796694</v>
      </c>
      <c r="M237" s="53">
        <v>8876370.4738698006</v>
      </c>
      <c r="N237" s="53">
        <v>118726120.574817</v>
      </c>
      <c r="O237" s="53">
        <v>12750878.592865899</v>
      </c>
      <c r="P237" s="53">
        <v>8137487.00657418</v>
      </c>
      <c r="Q237" s="53">
        <v>9012100.0382941402</v>
      </c>
      <c r="R237" s="53">
        <v>9958754.6199181899</v>
      </c>
      <c r="S237" s="53">
        <v>11077442.4959276</v>
      </c>
      <c r="T237" s="53">
        <v>11536139.9375732</v>
      </c>
      <c r="U237" s="53">
        <v>11884664.167230001</v>
      </c>
      <c r="V237" s="53">
        <v>15038905.889511401</v>
      </c>
      <c r="W237" s="53">
        <v>11280444.9260248</v>
      </c>
      <c r="X237" s="53">
        <v>10493802.996429101</v>
      </c>
      <c r="Y237" s="53">
        <v>8708445.8053802494</v>
      </c>
      <c r="Z237" s="53">
        <v>8646055.8352993503</v>
      </c>
      <c r="AA237" s="53">
        <v>128525122.311028</v>
      </c>
      <c r="AB237" s="53">
        <v>9537167.4697818309</v>
      </c>
      <c r="AC237" s="53">
        <v>6070710.8215751601</v>
      </c>
      <c r="AD237" s="53">
        <v>6589432.59515939</v>
      </c>
      <c r="AE237" s="53">
        <v>7341197.9162341002</v>
      </c>
      <c r="AF237" s="53">
        <v>8250664.9160381798</v>
      </c>
      <c r="AG237" s="53">
        <v>8598599.3858520109</v>
      </c>
      <c r="AH237" s="53">
        <v>8812751.0388922598</v>
      </c>
      <c r="AI237" s="53">
        <v>11220848.7543745</v>
      </c>
      <c r="AJ237" s="53">
        <v>8408411.2264985908</v>
      </c>
      <c r="AK237" s="53">
        <v>7774431.0361056495</v>
      </c>
      <c r="AL237" s="53">
        <v>6383420.9728642097</v>
      </c>
      <c r="AM237" s="53">
        <v>6326108.4903511396</v>
      </c>
      <c r="AN237" s="53">
        <v>95313744.623727098</v>
      </c>
      <c r="AO237" s="53">
        <v>4070734.1334211398</v>
      </c>
      <c r="AP237" s="53">
        <v>2494866.1836953298</v>
      </c>
      <c r="AQ237" s="53">
        <v>2849332.92087432</v>
      </c>
      <c r="AR237" s="53">
        <v>3162008.92205877</v>
      </c>
      <c r="AS237" s="53">
        <v>3567588.9075255101</v>
      </c>
      <c r="AT237" s="53">
        <v>3706809.8869021898</v>
      </c>
      <c r="AU237" s="53">
        <v>3838045.58952682</v>
      </c>
      <c r="AV237" s="53">
        <v>4841052.10329556</v>
      </c>
      <c r="AW237" s="53">
        <v>3665076.0995859499</v>
      </c>
      <c r="AX237" s="53">
        <v>3314022.2885029698</v>
      </c>
      <c r="AY237" s="53">
        <v>2753972.7346345801</v>
      </c>
      <c r="AZ237" s="53">
        <v>2724600.83925121</v>
      </c>
      <c r="BA237" s="53">
        <v>40988110.609274402</v>
      </c>
      <c r="BB237" s="53">
        <v>1434073.3791890801</v>
      </c>
      <c r="BC237" s="53">
        <v>893792.57633799396</v>
      </c>
      <c r="BD237" s="53">
        <v>1007566.26283278</v>
      </c>
      <c r="BE237" s="53">
        <v>1118876.25353429</v>
      </c>
      <c r="BF237" s="53">
        <v>1258555.1772898701</v>
      </c>
      <c r="BG237" s="53">
        <v>1320343.44880503</v>
      </c>
      <c r="BH237" s="53">
        <v>1361885.8266743</v>
      </c>
      <c r="BI237" s="53">
        <v>1714075.83447683</v>
      </c>
      <c r="BJ237" s="53">
        <v>1300129.3014352601</v>
      </c>
      <c r="BK237" s="53">
        <v>1188622.9781327001</v>
      </c>
      <c r="BL237" s="53">
        <v>969772.06916228903</v>
      </c>
      <c r="BM237" s="53">
        <v>965993.99835209304</v>
      </c>
      <c r="BN237" s="53">
        <v>14533687.106222499</v>
      </c>
      <c r="BO237" s="53">
        <v>671890.729643845</v>
      </c>
      <c r="BP237" s="53">
        <v>419117.807916302</v>
      </c>
      <c r="BQ237" s="53">
        <v>471023.68373440998</v>
      </c>
      <c r="BR237" s="53">
        <v>522508.412795379</v>
      </c>
      <c r="BS237" s="53">
        <v>592784.40830163599</v>
      </c>
      <c r="BT237" s="53">
        <v>623517.43239772797</v>
      </c>
      <c r="BU237" s="53">
        <v>642827.56476915302</v>
      </c>
      <c r="BV237" s="53">
        <v>806888.66910537297</v>
      </c>
      <c r="BW237" s="53">
        <v>613864.06254983402</v>
      </c>
      <c r="BX237" s="53">
        <v>560602.82966537401</v>
      </c>
      <c r="BY237" s="53">
        <v>458086.63637888402</v>
      </c>
      <c r="BZ237" s="53">
        <v>457960.21427526698</v>
      </c>
      <c r="CA237" s="53">
        <v>6841072.45153319</v>
      </c>
      <c r="CB237" s="53">
        <v>1967217.15784434</v>
      </c>
      <c r="CC237" s="53">
        <v>1608386.2076145301</v>
      </c>
      <c r="CD237" s="53">
        <v>1662474.6567446601</v>
      </c>
      <c r="CE237" s="53">
        <v>1714201.9497177301</v>
      </c>
      <c r="CF237" s="53">
        <v>2268943.4818608998</v>
      </c>
      <c r="CG237" s="53">
        <v>2617636.4447136102</v>
      </c>
      <c r="CH237" s="53">
        <v>2836763.9256125502</v>
      </c>
      <c r="CI237" s="53">
        <v>2843923.4666057499</v>
      </c>
      <c r="CJ237" s="53">
        <v>2572887.1230964698</v>
      </c>
      <c r="CK237" s="53">
        <v>2098479.29797517</v>
      </c>
      <c r="CL237" s="53">
        <v>1633385.0203865201</v>
      </c>
      <c r="CM237" s="53">
        <v>1876296.6947107301</v>
      </c>
      <c r="CN237" s="53">
        <v>25700595.426883001</v>
      </c>
    </row>
    <row r="238" spans="1:92" outlineLevel="1">
      <c r="A238" s="52" t="s">
        <v>781</v>
      </c>
      <c r="B238" s="53">
        <v>2765291.8212414901</v>
      </c>
      <c r="C238" s="53">
        <v>2811204.9477438</v>
      </c>
      <c r="D238" s="53">
        <v>2983932.2996969698</v>
      </c>
      <c r="E238" s="53">
        <v>3069466.2036232301</v>
      </c>
      <c r="F238" s="53">
        <v>3100520.4701357</v>
      </c>
      <c r="G238" s="53">
        <v>3206168.6200406998</v>
      </c>
      <c r="H238" s="53">
        <v>3111316.3611510401</v>
      </c>
      <c r="I238" s="53">
        <v>2982348.86740583</v>
      </c>
      <c r="J238" s="53">
        <v>3099352.1883883299</v>
      </c>
      <c r="K238" s="53">
        <v>2994015.0327380998</v>
      </c>
      <c r="L238" s="53">
        <v>3010664.2221141201</v>
      </c>
      <c r="M238" s="53">
        <v>2867747.5881998902</v>
      </c>
      <c r="N238" s="53">
        <v>36002028.6224792</v>
      </c>
      <c r="O238" s="53">
        <v>2338912.8668769398</v>
      </c>
      <c r="P238" s="53">
        <v>2579472.5621086298</v>
      </c>
      <c r="Q238" s="53">
        <v>2958292.9820308201</v>
      </c>
      <c r="R238" s="53">
        <v>3718341.3291522199</v>
      </c>
      <c r="S238" s="53">
        <v>4179536.0546719902</v>
      </c>
      <c r="T238" s="53">
        <v>3242281.1585826799</v>
      </c>
      <c r="U238" s="53">
        <v>3138127.2021142701</v>
      </c>
      <c r="V238" s="53">
        <v>3105819.5395731302</v>
      </c>
      <c r="W238" s="53">
        <v>3028890.3091358398</v>
      </c>
      <c r="X238" s="53">
        <v>2711375.0677694799</v>
      </c>
      <c r="Y238" s="53">
        <v>2273687.62406789</v>
      </c>
      <c r="Z238" s="53">
        <v>2519665.3206971399</v>
      </c>
      <c r="AA238" s="53">
        <v>35794402.016781002</v>
      </c>
      <c r="AB238" s="53">
        <v>1723929.86083943</v>
      </c>
      <c r="AC238" s="53">
        <v>1928138.7596985099</v>
      </c>
      <c r="AD238" s="53">
        <v>2186671.7278799899</v>
      </c>
      <c r="AE238" s="53">
        <v>2751671.18697719</v>
      </c>
      <c r="AF238" s="53">
        <v>3094492.5341046602</v>
      </c>
      <c r="AG238" s="53">
        <v>2400280.9459891501</v>
      </c>
      <c r="AH238" s="53">
        <v>2323851.6569812698</v>
      </c>
      <c r="AI238" s="53">
        <v>2298796.0407759999</v>
      </c>
      <c r="AJ238" s="53">
        <v>2243567.7007030998</v>
      </c>
      <c r="AK238" s="53">
        <v>2009614.22379621</v>
      </c>
      <c r="AL238" s="53">
        <v>1685218.84772679</v>
      </c>
      <c r="AM238" s="53">
        <v>1869121.1059614599</v>
      </c>
      <c r="AN238" s="53">
        <v>26515354.591433801</v>
      </c>
      <c r="AO238" s="53">
        <v>743255.53459041705</v>
      </c>
      <c r="AP238" s="53">
        <v>820449.87771843595</v>
      </c>
      <c r="AQ238" s="53">
        <v>940939.82907905302</v>
      </c>
      <c r="AR238" s="53">
        <v>1182735.1426418</v>
      </c>
      <c r="AS238" s="53">
        <v>1329468.3628366301</v>
      </c>
      <c r="AT238" s="53">
        <v>1031996.39550617</v>
      </c>
      <c r="AU238" s="53">
        <v>999196.85887072096</v>
      </c>
      <c r="AV238" s="53">
        <v>988379.23892096896</v>
      </c>
      <c r="AW238" s="53">
        <v>964545.22694070404</v>
      </c>
      <c r="AX238" s="53">
        <v>864137.43488796102</v>
      </c>
      <c r="AY238" s="53">
        <v>724989.48502139596</v>
      </c>
      <c r="AZ238" s="53">
        <v>803759.44239073002</v>
      </c>
      <c r="BA238" s="53">
        <v>11393852.829405</v>
      </c>
      <c r="BB238" s="53">
        <v>262293.36025462497</v>
      </c>
      <c r="BC238" s="53">
        <v>289442.13730398502</v>
      </c>
      <c r="BD238" s="53">
        <v>331845.32396860601</v>
      </c>
      <c r="BE238" s="53">
        <v>416821.214733692</v>
      </c>
      <c r="BF238" s="53">
        <v>468400.898866984</v>
      </c>
      <c r="BG238" s="53">
        <v>363877.62851325801</v>
      </c>
      <c r="BH238" s="53">
        <v>352385.82449658599</v>
      </c>
      <c r="BI238" s="53">
        <v>348617.17198826198</v>
      </c>
      <c r="BJ238" s="53">
        <v>340245.78935660998</v>
      </c>
      <c r="BK238" s="53">
        <v>304967.17012562102</v>
      </c>
      <c r="BL238" s="53">
        <v>256064.21537544299</v>
      </c>
      <c r="BM238" s="53">
        <v>283791.63609479298</v>
      </c>
      <c r="BN238" s="53">
        <v>4018752.3710784698</v>
      </c>
      <c r="BO238" s="53">
        <v>123449.78835485999</v>
      </c>
      <c r="BP238" s="53">
        <v>136175.360801287</v>
      </c>
      <c r="BQ238" s="53">
        <v>156077.975666585</v>
      </c>
      <c r="BR238" s="53">
        <v>195898.522990664</v>
      </c>
      <c r="BS238" s="53">
        <v>220100.51167525901</v>
      </c>
      <c r="BT238" s="53">
        <v>171209.78084122899</v>
      </c>
      <c r="BU238" s="53">
        <v>165869.79364217</v>
      </c>
      <c r="BV238" s="53">
        <v>164132.934693933</v>
      </c>
      <c r="BW238" s="53">
        <v>160226.58886647</v>
      </c>
      <c r="BX238" s="53">
        <v>143729.580002306</v>
      </c>
      <c r="BY238" s="53">
        <v>120843.05636025401</v>
      </c>
      <c r="BZ238" s="53">
        <v>133838.458860157</v>
      </c>
      <c r="CA238" s="53">
        <v>1891552.3527551801</v>
      </c>
      <c r="CB238" s="53"/>
      <c r="CC238" s="53"/>
      <c r="CD238" s="53"/>
      <c r="CE238" s="53"/>
      <c r="CF238" s="53"/>
      <c r="CG238" s="53"/>
      <c r="CH238" s="53"/>
      <c r="CI238" s="53"/>
      <c r="CJ238" s="53"/>
      <c r="CK238" s="53"/>
      <c r="CL238" s="53"/>
      <c r="CM238" s="53"/>
      <c r="CN238" s="53"/>
    </row>
    <row r="239" spans="1:92" outlineLevel="1">
      <c r="A239" s="52" t="s">
        <v>782</v>
      </c>
      <c r="B239" s="53">
        <v>18436.003694606399</v>
      </c>
      <c r="C239" s="53">
        <v>18432.926134015401</v>
      </c>
      <c r="D239" s="53">
        <v>18428.0117555541</v>
      </c>
      <c r="E239" s="53">
        <v>18422.051250081899</v>
      </c>
      <c r="F239" s="53">
        <v>18415.4998853793</v>
      </c>
      <c r="G239" s="53">
        <v>18408.619761851602</v>
      </c>
      <c r="H239" s="53">
        <v>18401.561736847201</v>
      </c>
      <c r="I239" s="53">
        <v>18394.412604418299</v>
      </c>
      <c r="J239" s="53">
        <v>18387.222265868299</v>
      </c>
      <c r="K239" s="53">
        <v>18380.0193770976</v>
      </c>
      <c r="L239" s="53">
        <v>18372.8203598045</v>
      </c>
      <c r="M239" s="53">
        <v>18365.634590967002</v>
      </c>
      <c r="N239" s="53">
        <v>220844.78341649199</v>
      </c>
      <c r="O239" s="53">
        <v>28346.662758662798</v>
      </c>
      <c r="P239" s="53">
        <v>28153.897568024098</v>
      </c>
      <c r="Q239" s="53">
        <v>27976.185389463499</v>
      </c>
      <c r="R239" s="53">
        <v>27812.5515675225</v>
      </c>
      <c r="S239" s="53">
        <v>27662.1297417938</v>
      </c>
      <c r="T239" s="53">
        <v>27523.728666717299</v>
      </c>
      <c r="U239" s="53">
        <v>27396.806867038398</v>
      </c>
      <c r="V239" s="53">
        <v>27280.389687298801</v>
      </c>
      <c r="W239" s="53">
        <v>27173.827357193</v>
      </c>
      <c r="X239" s="53">
        <v>27076.4701064154</v>
      </c>
      <c r="Y239" s="53">
        <v>26987.559869609599</v>
      </c>
      <c r="Z239" s="53">
        <v>26906.555171520999</v>
      </c>
      <c r="AA239" s="53">
        <v>330296.76475125999</v>
      </c>
      <c r="AB239" s="53">
        <v>19747.628193240998</v>
      </c>
      <c r="AC239" s="53">
        <v>19698.533289105701</v>
      </c>
      <c r="AD239" s="53">
        <v>19654.140656632699</v>
      </c>
      <c r="AE239" s="53">
        <v>19614.051798223401</v>
      </c>
      <c r="AF239" s="53">
        <v>19578.107314838599</v>
      </c>
      <c r="AG239" s="53">
        <v>19545.908708879801</v>
      </c>
      <c r="AH239" s="53">
        <v>19517.216881787699</v>
      </c>
      <c r="AI239" s="53">
        <v>19491.792735003299</v>
      </c>
      <c r="AJ239" s="53">
        <v>19469.476869487298</v>
      </c>
      <c r="AK239" s="53">
        <v>19449.950487160699</v>
      </c>
      <c r="AL239" s="53">
        <v>19433.054188984301</v>
      </c>
      <c r="AM239" s="53">
        <v>19418.628575918501</v>
      </c>
      <c r="AN239" s="53">
        <v>234618.48969926301</v>
      </c>
      <c r="AO239" s="53">
        <v>8313.3803482007806</v>
      </c>
      <c r="AP239" s="53">
        <v>8309.0784696247392</v>
      </c>
      <c r="AQ239" s="53">
        <v>8305.6301383852096</v>
      </c>
      <c r="AR239" s="53">
        <v>8302.9329288018198</v>
      </c>
      <c r="AS239" s="53">
        <v>8300.9868408745697</v>
      </c>
      <c r="AT239" s="53">
        <v>8299.6894489230599</v>
      </c>
      <c r="AU239" s="53">
        <v>8299.0407529473105</v>
      </c>
      <c r="AV239" s="53">
        <v>8298.9724691603897</v>
      </c>
      <c r="AW239" s="53">
        <v>8299.4504556688407</v>
      </c>
      <c r="AX239" s="53">
        <v>8300.4405705791996</v>
      </c>
      <c r="AY239" s="53">
        <v>8301.8745301045492</v>
      </c>
      <c r="AZ239" s="53">
        <v>8303.7523342448803</v>
      </c>
      <c r="BA239" s="53">
        <v>99635.229287515394</v>
      </c>
      <c r="BB239" s="53">
        <v>2918.8337314681298</v>
      </c>
      <c r="BC239" s="53">
        <v>2919.7695627368498</v>
      </c>
      <c r="BD239" s="53">
        <v>2920.8133745365799</v>
      </c>
      <c r="BE239" s="53">
        <v>2921.9771647040898</v>
      </c>
      <c r="BF239" s="53">
        <v>2923.2489354026102</v>
      </c>
      <c r="BG239" s="53">
        <v>2924.61668879535</v>
      </c>
      <c r="BH239" s="53">
        <v>2926.0684270455499</v>
      </c>
      <c r="BI239" s="53">
        <v>2927.6041501531899</v>
      </c>
      <c r="BJ239" s="53">
        <v>2929.2238581182901</v>
      </c>
      <c r="BK239" s="53">
        <v>2930.9035552672799</v>
      </c>
      <c r="BL239" s="53">
        <v>2932.6552394369301</v>
      </c>
      <c r="BM239" s="53">
        <v>2934.4669127904799</v>
      </c>
      <c r="BN239" s="53">
        <v>35110.181600455297</v>
      </c>
      <c r="BO239" s="53">
        <v>1374.69644089142</v>
      </c>
      <c r="BP239" s="53">
        <v>1375.5951629147401</v>
      </c>
      <c r="BQ239" s="53">
        <v>1376.510735976</v>
      </c>
      <c r="BR239" s="53">
        <v>1377.4543941004799</v>
      </c>
      <c r="BS239" s="53">
        <v>1378.40928625025</v>
      </c>
      <c r="BT239" s="53">
        <v>1379.38664645061</v>
      </c>
      <c r="BU239" s="53">
        <v>1380.3752406762601</v>
      </c>
      <c r="BV239" s="53">
        <v>1381.3806859398501</v>
      </c>
      <c r="BW239" s="53">
        <v>1382.39736522872</v>
      </c>
      <c r="BX239" s="53">
        <v>1383.43089555554</v>
      </c>
      <c r="BY239" s="53">
        <v>1384.470042895</v>
      </c>
      <c r="BZ239" s="53">
        <v>1385.5204242597499</v>
      </c>
      <c r="CA239" s="53">
        <v>16559.6273211386</v>
      </c>
      <c r="CB239" s="53">
        <v>2361916.9078309098</v>
      </c>
      <c r="CC239" s="53">
        <v>2170393.2719040099</v>
      </c>
      <c r="CD239" s="53">
        <v>2465572.3168200199</v>
      </c>
      <c r="CE239" s="53">
        <v>2612102.56649605</v>
      </c>
      <c r="CF239" s="53">
        <v>3004007.5762668098</v>
      </c>
      <c r="CG239" s="53">
        <v>3135426.7578091398</v>
      </c>
      <c r="CH239" s="53">
        <v>3307206.2482087901</v>
      </c>
      <c r="CI239" s="53">
        <v>3313336.5302067399</v>
      </c>
      <c r="CJ239" s="53">
        <v>3127577.1331772199</v>
      </c>
      <c r="CK239" s="53">
        <v>2888971.1257441598</v>
      </c>
      <c r="CL239" s="53">
        <v>2427429.6819736599</v>
      </c>
      <c r="CM239" s="53">
        <v>2398395.4591576001</v>
      </c>
      <c r="CN239" s="53">
        <v>33212335.575595099</v>
      </c>
    </row>
    <row r="240" spans="1:92" outlineLevel="1">
      <c r="A240" s="52" t="s">
        <v>783</v>
      </c>
      <c r="B240" s="53">
        <v>2469571.6589054</v>
      </c>
      <c r="C240" s="53">
        <v>2450321.6364451498</v>
      </c>
      <c r="D240" s="53">
        <v>2528905.9755147202</v>
      </c>
      <c r="E240" s="53">
        <v>2685860.9852694101</v>
      </c>
      <c r="F240" s="53">
        <v>2951866.8556601899</v>
      </c>
      <c r="G240" s="53">
        <v>2996033.5575824599</v>
      </c>
      <c r="H240" s="53">
        <v>2828639.2547917101</v>
      </c>
      <c r="I240" s="53">
        <v>2938102.3988088402</v>
      </c>
      <c r="J240" s="53">
        <v>3081517.6208808501</v>
      </c>
      <c r="K240" s="53">
        <v>2845152.7063988401</v>
      </c>
      <c r="L240" s="53">
        <v>2534329.6054760301</v>
      </c>
      <c r="M240" s="53">
        <v>2477415.48715265</v>
      </c>
      <c r="N240" s="53">
        <v>32787717.742886301</v>
      </c>
      <c r="O240" s="53">
        <v>2820616.94232025</v>
      </c>
      <c r="P240" s="53">
        <v>2486762.9017363498</v>
      </c>
      <c r="Q240" s="53">
        <v>2582634.3444153098</v>
      </c>
      <c r="R240" s="53">
        <v>2790841.7595448899</v>
      </c>
      <c r="S240" s="53">
        <v>3060143.3944711098</v>
      </c>
      <c r="T240" s="53">
        <v>3069449.72967197</v>
      </c>
      <c r="U240" s="53">
        <v>3154266.5218480099</v>
      </c>
      <c r="V240" s="53">
        <v>3019526.9024431501</v>
      </c>
      <c r="W240" s="53">
        <v>3190443.7831486398</v>
      </c>
      <c r="X240" s="53">
        <v>2950598.8352530198</v>
      </c>
      <c r="Y240" s="53">
        <v>2588414.15957799</v>
      </c>
      <c r="Z240" s="53">
        <v>2501998.6075652102</v>
      </c>
      <c r="AA240" s="53">
        <v>34215697.881995901</v>
      </c>
      <c r="AB240" s="53">
        <v>2071462.32627589</v>
      </c>
      <c r="AC240" s="53">
        <v>1828449.80346228</v>
      </c>
      <c r="AD240" s="53">
        <v>1897378.33157262</v>
      </c>
      <c r="AE240" s="53">
        <v>2050656.6072591101</v>
      </c>
      <c r="AF240" s="53">
        <v>2248639.53903826</v>
      </c>
      <c r="AG240" s="53">
        <v>2255226.54494244</v>
      </c>
      <c r="AH240" s="53">
        <v>2317455.5314267701</v>
      </c>
      <c r="AI240" s="53">
        <v>2217837.9859602</v>
      </c>
      <c r="AJ240" s="53">
        <v>2343998.2609701399</v>
      </c>
      <c r="AK240" s="53">
        <v>2167657.1758689499</v>
      </c>
      <c r="AL240" s="53">
        <v>1900996.45066845</v>
      </c>
      <c r="AM240" s="53">
        <v>1836673.0405059101</v>
      </c>
      <c r="AN240" s="53">
        <v>25136431.597950999</v>
      </c>
      <c r="AO240" s="53">
        <v>884572.86036747205</v>
      </c>
      <c r="AP240" s="53">
        <v>779885.41611133004</v>
      </c>
      <c r="AQ240" s="53">
        <v>810732.99241385504</v>
      </c>
      <c r="AR240" s="53">
        <v>876442.34400064696</v>
      </c>
      <c r="AS240" s="53">
        <v>961131.99356765603</v>
      </c>
      <c r="AT240" s="53">
        <v>963796.700068473</v>
      </c>
      <c r="AU240" s="53">
        <v>990347.51907897496</v>
      </c>
      <c r="AV240" s="53">
        <v>947397.93893660198</v>
      </c>
      <c r="AW240" s="53">
        <v>1001721.78845971</v>
      </c>
      <c r="AX240" s="53">
        <v>926322.48952227796</v>
      </c>
      <c r="AY240" s="53">
        <v>812029.155257195</v>
      </c>
      <c r="AZ240" s="53">
        <v>783986.09650920797</v>
      </c>
      <c r="BA240" s="53">
        <v>10738367.2942934</v>
      </c>
      <c r="BB240" s="53">
        <v>310159.18600016</v>
      </c>
      <c r="BC240" s="53">
        <v>273450.832551628</v>
      </c>
      <c r="BD240" s="53">
        <v>284381.713703232</v>
      </c>
      <c r="BE240" s="53">
        <v>307484.85618440103</v>
      </c>
      <c r="BF240" s="53">
        <v>337216.34756788099</v>
      </c>
      <c r="BG240" s="53">
        <v>338112.68195792701</v>
      </c>
      <c r="BH240" s="53">
        <v>347413.44102211401</v>
      </c>
      <c r="BI240" s="53">
        <v>332251.90666135598</v>
      </c>
      <c r="BJ240" s="53">
        <v>351407.36491379101</v>
      </c>
      <c r="BK240" s="53">
        <v>324945.57200052898</v>
      </c>
      <c r="BL240" s="53">
        <v>284767.56413402798</v>
      </c>
      <c r="BM240" s="53">
        <v>274795.646080454</v>
      </c>
      <c r="BN240" s="53">
        <v>3766387.1127774999</v>
      </c>
      <c r="BO240" s="53">
        <v>144885.589289861</v>
      </c>
      <c r="BP240" s="53">
        <v>127734.642196468</v>
      </c>
      <c r="BQ240" s="53">
        <v>132890.969933049</v>
      </c>
      <c r="BR240" s="53">
        <v>143709.23518250301</v>
      </c>
      <c r="BS240" s="53">
        <v>157611.88071390701</v>
      </c>
      <c r="BT240" s="53">
        <v>158010.63805864</v>
      </c>
      <c r="BU240" s="53">
        <v>162349.26356230499</v>
      </c>
      <c r="BV240" s="53">
        <v>155216.79213877901</v>
      </c>
      <c r="BW240" s="53">
        <v>164211.46614773301</v>
      </c>
      <c r="BX240" s="53">
        <v>151835.14831359201</v>
      </c>
      <c r="BY240" s="53">
        <v>133016.07203869501</v>
      </c>
      <c r="BZ240" s="53">
        <v>128292.90023229001</v>
      </c>
      <c r="CA240" s="53">
        <v>1759764.59780782</v>
      </c>
      <c r="CB240" s="53">
        <v>790898.96743854601</v>
      </c>
      <c r="CC240" s="53">
        <v>806085.024891334</v>
      </c>
      <c r="CD240" s="53">
        <v>860372.27380172</v>
      </c>
      <c r="CE240" s="53">
        <v>852492.24345753796</v>
      </c>
      <c r="CF240" s="53">
        <v>875550.93286376202</v>
      </c>
      <c r="CG240" s="53">
        <v>892763.15781018196</v>
      </c>
      <c r="CH240" s="53">
        <v>884025.03877756104</v>
      </c>
      <c r="CI240" s="53">
        <v>902369.37825239205</v>
      </c>
      <c r="CJ240" s="53">
        <v>877687.40196370496</v>
      </c>
      <c r="CK240" s="53">
        <v>859024.13592790696</v>
      </c>
      <c r="CL240" s="53">
        <v>848225.46148659999</v>
      </c>
      <c r="CM240" s="53">
        <v>817948.92542882904</v>
      </c>
      <c r="CN240" s="53">
        <v>10267442.9421</v>
      </c>
    </row>
    <row r="241" spans="1:92" outlineLevel="1">
      <c r="A241" s="52" t="s">
        <v>784</v>
      </c>
      <c r="B241" s="53">
        <v>16640829.152827401</v>
      </c>
      <c r="C241" s="53">
        <v>14112477.5051479</v>
      </c>
      <c r="D241" s="53">
        <v>14643494.0914202</v>
      </c>
      <c r="E241" s="53">
        <v>15373692.672384201</v>
      </c>
      <c r="F241" s="53">
        <v>19122086.996733598</v>
      </c>
      <c r="G241" s="53">
        <v>21413072.939019501</v>
      </c>
      <c r="H241" s="53">
        <v>23297391.657836799</v>
      </c>
      <c r="I241" s="53">
        <v>23128843.469170898</v>
      </c>
      <c r="J241" s="53">
        <v>21163893.731008101</v>
      </c>
      <c r="K241" s="53">
        <v>17615008.3044894</v>
      </c>
      <c r="L241" s="53">
        <v>14561943.2289919</v>
      </c>
      <c r="M241" s="53">
        <v>15771978.7496479</v>
      </c>
      <c r="N241" s="53">
        <v>216844712.498678</v>
      </c>
      <c r="O241" s="53">
        <v>23890600.699361399</v>
      </c>
      <c r="P241" s="53">
        <v>13132645.857476</v>
      </c>
      <c r="Q241" s="53">
        <v>14017846.5587746</v>
      </c>
      <c r="R241" s="53">
        <v>14883413.164417099</v>
      </c>
      <c r="S241" s="53">
        <v>19146124.5634997</v>
      </c>
      <c r="T241" s="53">
        <v>21883083.0494956</v>
      </c>
      <c r="U241" s="53">
        <v>23535265.829724099</v>
      </c>
      <c r="V241" s="53">
        <v>30807698.007134501</v>
      </c>
      <c r="W241" s="53">
        <v>21301905.472753599</v>
      </c>
      <c r="X241" s="53">
        <v>17545591.813265301</v>
      </c>
      <c r="Y241" s="53">
        <v>13390007.264600201</v>
      </c>
      <c r="Z241" s="53">
        <v>14994829.439725401</v>
      </c>
      <c r="AA241" s="53">
        <v>228529011.72022799</v>
      </c>
      <c r="AB241" s="53">
        <v>17796471.8473433</v>
      </c>
      <c r="AC241" s="53">
        <v>10066898.029633099</v>
      </c>
      <c r="AD241" s="53">
        <v>10433773.3085788</v>
      </c>
      <c r="AE241" s="53">
        <v>11076123.1399485</v>
      </c>
      <c r="AF241" s="53">
        <v>14448083.0643078</v>
      </c>
      <c r="AG241" s="53">
        <v>16655550.084052799</v>
      </c>
      <c r="AH241" s="53">
        <v>17962475.4578471</v>
      </c>
      <c r="AI241" s="53">
        <v>23328731.218899701</v>
      </c>
      <c r="AJ241" s="53">
        <v>16225834.9132393</v>
      </c>
      <c r="AK241" s="53">
        <v>13264375.400407299</v>
      </c>
      <c r="AL241" s="53">
        <v>10034282.0785136</v>
      </c>
      <c r="AM241" s="53">
        <v>11269078.5275399</v>
      </c>
      <c r="AN241" s="53">
        <v>172561677.07031101</v>
      </c>
      <c r="AO241" s="53">
        <v>7616047.7915966203</v>
      </c>
      <c r="AP241" s="53">
        <v>4147569.8892950001</v>
      </c>
      <c r="AQ241" s="53">
        <v>4415209.5907584596</v>
      </c>
      <c r="AR241" s="53">
        <v>4688956.31681275</v>
      </c>
      <c r="AS241" s="53">
        <v>6160076.7882909998</v>
      </c>
      <c r="AT241" s="53">
        <v>7143062.8352920702</v>
      </c>
      <c r="AU241" s="53">
        <v>7716168.7555169798</v>
      </c>
      <c r="AV241" s="53">
        <v>10022200.480316199</v>
      </c>
      <c r="AW241" s="53">
        <v>6971916.2463786304</v>
      </c>
      <c r="AX241" s="53">
        <v>5682120.2771463497</v>
      </c>
      <c r="AY241" s="53">
        <v>4286475.2202229304</v>
      </c>
      <c r="AZ241" s="53">
        <v>4827787.1215050304</v>
      </c>
      <c r="BA241" s="53">
        <v>73677591.313132107</v>
      </c>
      <c r="BB241" s="53">
        <v>2669516.8382770899</v>
      </c>
      <c r="BC241" s="53">
        <v>1443230.7472713101</v>
      </c>
      <c r="BD241" s="53">
        <v>1529792.64425271</v>
      </c>
      <c r="BE241" s="53">
        <v>1625635.1257496299</v>
      </c>
      <c r="BF241" s="53">
        <v>2151110.1193840601</v>
      </c>
      <c r="BG241" s="53">
        <v>2509556.84280614</v>
      </c>
      <c r="BH241" s="53">
        <v>2715387.88884207</v>
      </c>
      <c r="BI241" s="53">
        <v>3528197.65830279</v>
      </c>
      <c r="BJ241" s="53">
        <v>2453976.8162113801</v>
      </c>
      <c r="BK241" s="53">
        <v>1993846.06522792</v>
      </c>
      <c r="BL241" s="53">
        <v>1499665.11406314</v>
      </c>
      <c r="BM241" s="53">
        <v>1693924.22361356</v>
      </c>
      <c r="BN241" s="53">
        <v>25813840.084001798</v>
      </c>
      <c r="BO241" s="53">
        <v>1246126.60198928</v>
      </c>
      <c r="BP241" s="53">
        <v>670277.37300989998</v>
      </c>
      <c r="BQ241" s="53">
        <v>707692.17245729605</v>
      </c>
      <c r="BR241" s="53">
        <v>753048.39887353196</v>
      </c>
      <c r="BS241" s="53">
        <v>1001636.68766654</v>
      </c>
      <c r="BT241" s="53">
        <v>1174586.1171542299</v>
      </c>
      <c r="BU241" s="53">
        <v>1272976.55270881</v>
      </c>
      <c r="BV241" s="53">
        <v>1655207.9506409799</v>
      </c>
      <c r="BW241" s="53">
        <v>1152851.2113354299</v>
      </c>
      <c r="BX241" s="53">
        <v>936678.70660769904</v>
      </c>
      <c r="BY241" s="53">
        <v>704959.33674402605</v>
      </c>
      <c r="BZ241" s="53">
        <v>796971.47201173101</v>
      </c>
      <c r="CA241" s="53">
        <v>12073012.5811994</v>
      </c>
      <c r="CB241" s="53">
        <v>5054.8452749540302</v>
      </c>
      <c r="CC241" s="53">
        <v>5053.0774083630704</v>
      </c>
      <c r="CD241" s="53">
        <v>5051.31516297902</v>
      </c>
      <c r="CE241" s="53">
        <v>5049.5585031681603</v>
      </c>
      <c r="CF241" s="53">
        <v>5047.8073936345399</v>
      </c>
      <c r="CG241" s="53">
        <v>5046.06179941563</v>
      </c>
      <c r="CH241" s="53">
        <v>5044.3216858783499</v>
      </c>
      <c r="CI241" s="53">
        <v>5042.5870187147102</v>
      </c>
      <c r="CJ241" s="53">
        <v>5040.85776393793</v>
      </c>
      <c r="CK241" s="53">
        <v>5039.1338878783099</v>
      </c>
      <c r="CL241" s="53">
        <v>5037.4153571793804</v>
      </c>
      <c r="CM241" s="53">
        <v>5035.7021387940304</v>
      </c>
      <c r="CN241" s="53">
        <v>60542.683394897198</v>
      </c>
    </row>
    <row r="242" spans="1:92" outlineLevel="1">
      <c r="A242" s="52" t="s">
        <v>1242</v>
      </c>
      <c r="B242" s="53"/>
      <c r="C242" s="53"/>
      <c r="D242" s="53"/>
      <c r="E242" s="53"/>
      <c r="F242" s="53"/>
      <c r="G242" s="53"/>
      <c r="H242" s="53"/>
      <c r="I242" s="53"/>
      <c r="J242" s="53"/>
      <c r="K242" s="53"/>
      <c r="L242" s="53"/>
      <c r="M242" s="53"/>
      <c r="N242" s="53"/>
      <c r="O242" s="53"/>
      <c r="P242" s="53"/>
      <c r="Q242" s="53"/>
      <c r="R242" s="53"/>
      <c r="S242" s="53"/>
      <c r="T242" s="53"/>
      <c r="U242" s="53"/>
      <c r="V242" s="53"/>
      <c r="W242" s="53"/>
      <c r="X242" s="53"/>
      <c r="Y242" s="53"/>
      <c r="Z242" s="53"/>
      <c r="AA242" s="53"/>
      <c r="AB242" s="53"/>
      <c r="AC242" s="53"/>
      <c r="AD242" s="53"/>
      <c r="AE242" s="53"/>
      <c r="AF242" s="53"/>
      <c r="AG242" s="53"/>
      <c r="AH242" s="53"/>
      <c r="AI242" s="53"/>
      <c r="AJ242" s="53"/>
      <c r="AK242" s="53"/>
      <c r="AL242" s="53"/>
      <c r="AM242" s="53"/>
      <c r="AN242" s="53"/>
      <c r="AO242" s="53"/>
      <c r="AP242" s="53"/>
      <c r="AQ242" s="53"/>
      <c r="AR242" s="53"/>
      <c r="AS242" s="53"/>
      <c r="AT242" s="53"/>
      <c r="AU242" s="53"/>
      <c r="AV242" s="53"/>
      <c r="AW242" s="53"/>
      <c r="AX242" s="53"/>
      <c r="AY242" s="53"/>
      <c r="AZ242" s="53"/>
      <c r="BA242" s="53"/>
      <c r="BB242" s="53"/>
      <c r="BC242" s="53"/>
      <c r="BD242" s="53"/>
      <c r="BE242" s="53"/>
      <c r="BF242" s="53"/>
      <c r="BG242" s="53"/>
      <c r="BH242" s="53"/>
      <c r="BI242" s="53"/>
      <c r="BJ242" s="53"/>
      <c r="BK242" s="53"/>
      <c r="BL242" s="53"/>
      <c r="BM242" s="53"/>
      <c r="BN242" s="53"/>
      <c r="BO242" s="53"/>
      <c r="BP242" s="53"/>
      <c r="BQ242" s="53"/>
      <c r="BR242" s="53"/>
      <c r="BS242" s="53"/>
      <c r="BT242" s="53"/>
      <c r="BU242" s="53"/>
      <c r="BV242" s="53"/>
      <c r="BW242" s="53"/>
      <c r="BX242" s="53"/>
      <c r="BY242" s="53"/>
      <c r="BZ242" s="53"/>
      <c r="CA242" s="53"/>
      <c r="CB242" s="53">
        <v>693392.19228796999</v>
      </c>
      <c r="CC242" s="53">
        <v>688905.03998809296</v>
      </c>
      <c r="CD242" s="53">
        <v>711728.33587024198</v>
      </c>
      <c r="CE242" s="53">
        <v>755525.75100202195</v>
      </c>
      <c r="CF242" s="53">
        <v>829198.45529881294</v>
      </c>
      <c r="CG242" s="53">
        <v>841268.60072348302</v>
      </c>
      <c r="CH242" s="53">
        <v>851397.87874369696</v>
      </c>
      <c r="CI242" s="53">
        <v>768067.877879804</v>
      </c>
      <c r="CJ242" s="53">
        <v>865366.001099827</v>
      </c>
      <c r="CK242" s="53">
        <v>800338.12012975605</v>
      </c>
      <c r="CL242" s="53">
        <v>714142.46086381504</v>
      </c>
      <c r="CM242" s="53">
        <v>697313.42147565202</v>
      </c>
      <c r="CN242" s="53">
        <v>9216644.1353631709</v>
      </c>
    </row>
    <row r="243" spans="1:92" outlineLevel="1">
      <c r="A243" s="52" t="s">
        <v>780</v>
      </c>
      <c r="B243" s="53">
        <v>2306391.2893626802</v>
      </c>
      <c r="C243" s="53">
        <v>2091447.52246425</v>
      </c>
      <c r="D243" s="53">
        <v>2460797.4905141899</v>
      </c>
      <c r="E243" s="53">
        <v>2626326.9273179602</v>
      </c>
      <c r="F243" s="53">
        <v>2850074.3499211799</v>
      </c>
      <c r="G243" s="53">
        <v>3026297.6823453698</v>
      </c>
      <c r="H243" s="53">
        <v>3156738.2527633798</v>
      </c>
      <c r="I243" s="53">
        <v>3190246.98932188</v>
      </c>
      <c r="J243" s="53">
        <v>3018414.7975999401</v>
      </c>
      <c r="K243" s="53">
        <v>2712976.29773321</v>
      </c>
      <c r="L243" s="53">
        <v>2367402.6908962498</v>
      </c>
      <c r="M243" s="53">
        <v>2408553.4009318501</v>
      </c>
      <c r="N243" s="53">
        <v>32215667.691172201</v>
      </c>
      <c r="O243" s="53">
        <v>3364777.5673652599</v>
      </c>
      <c r="P243" s="53">
        <v>2147368.3977954602</v>
      </c>
      <c r="Q243" s="53">
        <v>2378166.47871383</v>
      </c>
      <c r="R243" s="53">
        <v>2627975.3116576499</v>
      </c>
      <c r="S243" s="53">
        <v>2923181.3119866201</v>
      </c>
      <c r="T243" s="53">
        <v>3044225.1169774602</v>
      </c>
      <c r="U243" s="53">
        <v>3136195.7604975598</v>
      </c>
      <c r="V243" s="53">
        <v>3968555.79842608</v>
      </c>
      <c r="W243" s="53">
        <v>2976750.7988213398</v>
      </c>
      <c r="X243" s="53">
        <v>2769167.0547698801</v>
      </c>
      <c r="Y243" s="53">
        <v>2298036.3964059502</v>
      </c>
      <c r="Z243" s="53">
        <v>2281572.5605825698</v>
      </c>
      <c r="AA243" s="53">
        <v>33915972.5539997</v>
      </c>
      <c r="AB243" s="53">
        <v>3604994.9481107499</v>
      </c>
      <c r="AC243" s="53">
        <v>2294694.0915697599</v>
      </c>
      <c r="AD243" s="53">
        <v>2490767.9656179198</v>
      </c>
      <c r="AE243" s="53">
        <v>2774930.97242535</v>
      </c>
      <c r="AF243" s="53">
        <v>3118704.3149985299</v>
      </c>
      <c r="AG243" s="53">
        <v>3250221.56159472</v>
      </c>
      <c r="AH243" s="53">
        <v>3331169.66592295</v>
      </c>
      <c r="AI243" s="53">
        <v>4241416.8778311796</v>
      </c>
      <c r="AJ243" s="53">
        <v>3178331.5213042502</v>
      </c>
      <c r="AK243" s="53">
        <v>2938690.6225981801</v>
      </c>
      <c r="AL243" s="53">
        <v>2412896.74651861</v>
      </c>
      <c r="AM243" s="53">
        <v>2391232.9547714302</v>
      </c>
      <c r="AN243" s="53">
        <v>36028052.243263699</v>
      </c>
      <c r="AO243" s="53">
        <v>3589144.54636853</v>
      </c>
      <c r="AP243" s="53">
        <v>2199710.1907522199</v>
      </c>
      <c r="AQ243" s="53">
        <v>2512241.6199531201</v>
      </c>
      <c r="AR243" s="53">
        <v>2787926.3804040202</v>
      </c>
      <c r="AS243" s="53">
        <v>3145524.0876585599</v>
      </c>
      <c r="AT243" s="53">
        <v>3268274.4816888198</v>
      </c>
      <c r="AU243" s="53">
        <v>3383984.2998508299</v>
      </c>
      <c r="AV243" s="53">
        <v>4268329.7866536602</v>
      </c>
      <c r="AW243" s="53">
        <v>3231478.02428434</v>
      </c>
      <c r="AX243" s="53">
        <v>2921955.75379613</v>
      </c>
      <c r="AY243" s="53">
        <v>2428163.0530005302</v>
      </c>
      <c r="AZ243" s="53">
        <v>2402266.0096966699</v>
      </c>
      <c r="BA243" s="53">
        <v>36138998.234107397</v>
      </c>
      <c r="BB243" s="53">
        <v>3649478.8322803499</v>
      </c>
      <c r="BC243" s="53">
        <v>2274553.8234865498</v>
      </c>
      <c r="BD243" s="53">
        <v>2564088.98016593</v>
      </c>
      <c r="BE243" s="53">
        <v>2847354.4397871098</v>
      </c>
      <c r="BF243" s="53">
        <v>3202814.1275263201</v>
      </c>
      <c r="BG243" s="53">
        <v>3360055.0276434901</v>
      </c>
      <c r="BH243" s="53">
        <v>3465773.4872959801</v>
      </c>
      <c r="BI243" s="53">
        <v>4362038.62760753</v>
      </c>
      <c r="BJ243" s="53">
        <v>3308613.3761847098</v>
      </c>
      <c r="BK243" s="53">
        <v>3024848.28266613</v>
      </c>
      <c r="BL243" s="53">
        <v>2467909.0274625602</v>
      </c>
      <c r="BM243" s="53">
        <v>2458294.4640456801</v>
      </c>
      <c r="BN243" s="53">
        <v>36985822.496152401</v>
      </c>
      <c r="BO243" s="53">
        <v>3875205.2944118599</v>
      </c>
      <c r="BP243" s="53">
        <v>2417309.06018078</v>
      </c>
      <c r="BQ243" s="53">
        <v>2716682.0324616199</v>
      </c>
      <c r="BR243" s="53">
        <v>3013625.9934895998</v>
      </c>
      <c r="BS243" s="53">
        <v>3418950.6956182802</v>
      </c>
      <c r="BT243" s="53">
        <v>3596206.8660577699</v>
      </c>
      <c r="BU243" s="53">
        <v>3707580.2247007801</v>
      </c>
      <c r="BV243" s="53">
        <v>4653821.0821505999</v>
      </c>
      <c r="BW243" s="53">
        <v>3540529.9705552799</v>
      </c>
      <c r="BX243" s="53">
        <v>3233339.8240709398</v>
      </c>
      <c r="BY243" s="53">
        <v>2642066.1578940898</v>
      </c>
      <c r="BZ243" s="53">
        <v>2641337.0042033801</v>
      </c>
      <c r="CA243" s="53">
        <v>39456654.205794998</v>
      </c>
      <c r="CB243" s="53">
        <v>4727284.3817077596</v>
      </c>
      <c r="CC243" s="53">
        <v>3865002.3809989402</v>
      </c>
      <c r="CD243" s="53">
        <v>3994978.6166087501</v>
      </c>
      <c r="CE243" s="53">
        <v>4119280.9200959802</v>
      </c>
      <c r="CF243" s="53">
        <v>5452342.1789041497</v>
      </c>
      <c r="CG243" s="53">
        <v>6290262.2787426999</v>
      </c>
      <c r="CH243" s="53">
        <v>6816832.4715279397</v>
      </c>
      <c r="CI243" s="53">
        <v>6834037.0725463703</v>
      </c>
      <c r="CJ243" s="53">
        <v>6182728.2587545002</v>
      </c>
      <c r="CK243" s="53">
        <v>5042711.4114465397</v>
      </c>
      <c r="CL243" s="53">
        <v>3925075.3102670698</v>
      </c>
      <c r="CM243" s="53">
        <v>4508799.6640266003</v>
      </c>
      <c r="CN243" s="53">
        <v>61759334.945627302</v>
      </c>
    </row>
    <row r="244" spans="1:92" outlineLevel="1">
      <c r="A244" s="52" t="s">
        <v>781</v>
      </c>
      <c r="B244" s="53">
        <v>750346.44399159902</v>
      </c>
      <c r="C244" s="53">
        <v>762804.71365374303</v>
      </c>
      <c r="D244" s="53">
        <v>809673.31295403803</v>
      </c>
      <c r="E244" s="53">
        <v>832882.45860687096</v>
      </c>
      <c r="F244" s="53">
        <v>841308.85985299305</v>
      </c>
      <c r="G244" s="53">
        <v>869975.89346824505</v>
      </c>
      <c r="H244" s="53">
        <v>844238.26439932699</v>
      </c>
      <c r="I244" s="53">
        <v>809243.65747253096</v>
      </c>
      <c r="J244" s="53">
        <v>840991.85314578505</v>
      </c>
      <c r="K244" s="53">
        <v>812409.20607931598</v>
      </c>
      <c r="L244" s="53">
        <v>816926.87034450495</v>
      </c>
      <c r="M244" s="53">
        <v>778147.24237863999</v>
      </c>
      <c r="N244" s="53">
        <v>9768948.7763475906</v>
      </c>
      <c r="O244" s="53">
        <v>617206.21753019199</v>
      </c>
      <c r="P244" s="53">
        <v>680686.53853181296</v>
      </c>
      <c r="Q244" s="53">
        <v>780651.92066063499</v>
      </c>
      <c r="R244" s="53">
        <v>981217.99223612295</v>
      </c>
      <c r="S244" s="53">
        <v>1102920.7953264299</v>
      </c>
      <c r="T244" s="53">
        <v>855592.40722391405</v>
      </c>
      <c r="U244" s="53">
        <v>828107.64264672203</v>
      </c>
      <c r="V244" s="53">
        <v>819582.10478823795</v>
      </c>
      <c r="W244" s="53">
        <v>799281.56259698095</v>
      </c>
      <c r="X244" s="53">
        <v>715493.75506159698</v>
      </c>
      <c r="Y244" s="53">
        <v>599994.19310133101</v>
      </c>
      <c r="Z244" s="53">
        <v>664904.24848789396</v>
      </c>
      <c r="AA244" s="53">
        <v>9445639.3781918809</v>
      </c>
      <c r="AB244" s="53">
        <v>651635.66215175099</v>
      </c>
      <c r="AC244" s="53">
        <v>728825.462066537</v>
      </c>
      <c r="AD244" s="53">
        <v>826549.45057437499</v>
      </c>
      <c r="AE244" s="53">
        <v>1040116.0259946201</v>
      </c>
      <c r="AF244" s="53">
        <v>1169700.5413567401</v>
      </c>
      <c r="AG244" s="53">
        <v>907292.51759016805</v>
      </c>
      <c r="AH244" s="53">
        <v>878402.68194094696</v>
      </c>
      <c r="AI244" s="53">
        <v>868931.80181558302</v>
      </c>
      <c r="AJ244" s="53">
        <v>848055.80403257301</v>
      </c>
      <c r="AK244" s="53">
        <v>759622.72313989198</v>
      </c>
      <c r="AL244" s="53">
        <v>637003.11982202297</v>
      </c>
      <c r="AM244" s="53">
        <v>706517.12531502999</v>
      </c>
      <c r="AN244" s="53">
        <v>10022652.915800201</v>
      </c>
      <c r="AO244" s="53">
        <v>655324.43561757996</v>
      </c>
      <c r="AP244" s="53">
        <v>723386.27571018797</v>
      </c>
      <c r="AQ244" s="53">
        <v>829621.62236858602</v>
      </c>
      <c r="AR244" s="53">
        <v>1042811.25906978</v>
      </c>
      <c r="AS244" s="53">
        <v>1172185.15571155</v>
      </c>
      <c r="AT244" s="53">
        <v>909905.71071515104</v>
      </c>
      <c r="AU244" s="53">
        <v>880986.53442406096</v>
      </c>
      <c r="AV244" s="53">
        <v>871448.69668403803</v>
      </c>
      <c r="AW244" s="53">
        <v>850434.37560255895</v>
      </c>
      <c r="AX244" s="53">
        <v>761905.36156053003</v>
      </c>
      <c r="AY244" s="53">
        <v>639219.35725932999</v>
      </c>
      <c r="AZ244" s="53">
        <v>708670.408014204</v>
      </c>
      <c r="BA244" s="53">
        <v>10045899.192737499</v>
      </c>
      <c r="BB244" s="53">
        <v>667493.08646829205</v>
      </c>
      <c r="BC244" s="53">
        <v>736582.21998248203</v>
      </c>
      <c r="BD244" s="53">
        <v>844491.29520795797</v>
      </c>
      <c r="BE244" s="53">
        <v>1060740.83940959</v>
      </c>
      <c r="BF244" s="53">
        <v>1192002.5782800301</v>
      </c>
      <c r="BG244" s="53">
        <v>926008.19600348501</v>
      </c>
      <c r="BH244" s="53">
        <v>896763.46131126594</v>
      </c>
      <c r="BI244" s="53">
        <v>887172.86591012403</v>
      </c>
      <c r="BJ244" s="53">
        <v>865869.08595403295</v>
      </c>
      <c r="BK244" s="53">
        <v>776090.85285666306</v>
      </c>
      <c r="BL244" s="53">
        <v>651640.946187553</v>
      </c>
      <c r="BM244" s="53">
        <v>722202.63184287003</v>
      </c>
      <c r="BN244" s="53">
        <v>10227058.059414299</v>
      </c>
      <c r="BO244" s="53">
        <v>712010.52837916999</v>
      </c>
      <c r="BP244" s="53">
        <v>785406.697641626</v>
      </c>
      <c r="BQ244" s="53">
        <v>900197.26565485599</v>
      </c>
      <c r="BR244" s="53">
        <v>1129866.7476232201</v>
      </c>
      <c r="BS244" s="53">
        <v>1269454.4373291801</v>
      </c>
      <c r="BT244" s="53">
        <v>987471.65260446002</v>
      </c>
      <c r="BU244" s="53">
        <v>956672.67629345902</v>
      </c>
      <c r="BV244" s="53">
        <v>946655.14711066301</v>
      </c>
      <c r="BW244" s="53">
        <v>924124.85853172897</v>
      </c>
      <c r="BX244" s="53">
        <v>828976.50587287406</v>
      </c>
      <c r="BY244" s="53">
        <v>696975.90863978595</v>
      </c>
      <c r="BZ244" s="53">
        <v>771928.35306081595</v>
      </c>
      <c r="CA244" s="53">
        <v>10909740.778741799</v>
      </c>
      <c r="CB244" s="53"/>
      <c r="CC244" s="53"/>
      <c r="CD244" s="53"/>
      <c r="CE244" s="53"/>
      <c r="CF244" s="53"/>
      <c r="CG244" s="53"/>
      <c r="CH244" s="53"/>
      <c r="CI244" s="53"/>
      <c r="CJ244" s="53"/>
      <c r="CK244" s="53"/>
      <c r="CL244" s="53"/>
      <c r="CM244" s="53"/>
      <c r="CN244" s="53"/>
    </row>
    <row r="245" spans="1:92" outlineLevel="1">
      <c r="A245" s="52" t="s">
        <v>782</v>
      </c>
      <c r="B245" s="53">
        <v>5002.5063204552998</v>
      </c>
      <c r="C245" s="53">
        <v>5001.6712416300397</v>
      </c>
      <c r="D245" s="53">
        <v>5000.3377525658598</v>
      </c>
      <c r="E245" s="53">
        <v>4998.7204027978796</v>
      </c>
      <c r="F245" s="53">
        <v>4996.9427266878602</v>
      </c>
      <c r="G245" s="53">
        <v>4995.0758437123995</v>
      </c>
      <c r="H245" s="53">
        <v>4993.1606881678799</v>
      </c>
      <c r="I245" s="53">
        <v>4991.2208111341297</v>
      </c>
      <c r="J245" s="53">
        <v>4989.2697530502601</v>
      </c>
      <c r="K245" s="53">
        <v>4987.3152895343201</v>
      </c>
      <c r="L245" s="53">
        <v>4985.3618765221399</v>
      </c>
      <c r="M245" s="53">
        <v>4983.4120584041602</v>
      </c>
      <c r="N245" s="53">
        <v>59924.994764662297</v>
      </c>
      <c r="O245" s="53">
        <v>7480.2857124983702</v>
      </c>
      <c r="P245" s="53">
        <v>7429.4176892083897</v>
      </c>
      <c r="Q245" s="53">
        <v>7382.5219441416102</v>
      </c>
      <c r="R245" s="53">
        <v>7339.34127942747</v>
      </c>
      <c r="S245" s="53">
        <v>7299.6470747365802</v>
      </c>
      <c r="T245" s="53">
        <v>7263.1249771160101</v>
      </c>
      <c r="U245" s="53">
        <v>7229.63209885991</v>
      </c>
      <c r="V245" s="53">
        <v>7198.9112420976999</v>
      </c>
      <c r="W245" s="53">
        <v>7170.7909415823297</v>
      </c>
      <c r="X245" s="53">
        <v>7145.0997320667702</v>
      </c>
      <c r="Y245" s="53">
        <v>7121.6375707628004</v>
      </c>
      <c r="Z245" s="53">
        <v>7100.2615699645303</v>
      </c>
      <c r="AA245" s="53">
        <v>87160.671832462496</v>
      </c>
      <c r="AB245" s="53">
        <v>7464.49090879097</v>
      </c>
      <c r="AC245" s="53">
        <v>7445.9333148358901</v>
      </c>
      <c r="AD245" s="53">
        <v>7429.1531527693596</v>
      </c>
      <c r="AE245" s="53">
        <v>7413.9997927703198</v>
      </c>
      <c r="AF245" s="53">
        <v>7400.4129829103404</v>
      </c>
      <c r="AG245" s="53">
        <v>7388.2420933683698</v>
      </c>
      <c r="AH245" s="53">
        <v>7377.3967462517603</v>
      </c>
      <c r="AI245" s="53">
        <v>7367.7865636678798</v>
      </c>
      <c r="AJ245" s="53">
        <v>7359.3512936882998</v>
      </c>
      <c r="AK245" s="53">
        <v>7351.9704324561599</v>
      </c>
      <c r="AL245" s="53">
        <v>7345.5837280430496</v>
      </c>
      <c r="AM245" s="53">
        <v>7340.1309285205298</v>
      </c>
      <c r="AN245" s="53">
        <v>88684.451938072903</v>
      </c>
      <c r="AO245" s="53">
        <v>7329.8630568033996</v>
      </c>
      <c r="AP245" s="53">
        <v>7326.0701134363599</v>
      </c>
      <c r="AQ245" s="53">
        <v>7323.0297381976998</v>
      </c>
      <c r="AR245" s="53">
        <v>7320.6516229120198</v>
      </c>
      <c r="AS245" s="53">
        <v>7318.9357675793099</v>
      </c>
      <c r="AT245" s="53">
        <v>7317.7918640241696</v>
      </c>
      <c r="AU245" s="53">
        <v>7317.2199122466</v>
      </c>
      <c r="AV245" s="53">
        <v>7317.1597067963303</v>
      </c>
      <c r="AW245" s="53">
        <v>7317.5811449482198</v>
      </c>
      <c r="AX245" s="53">
        <v>7318.4541239771497</v>
      </c>
      <c r="AY245" s="53">
        <v>7319.7184384328302</v>
      </c>
      <c r="AZ245" s="53">
        <v>7321.3740883152605</v>
      </c>
      <c r="BA245" s="53">
        <v>87847.849577669404</v>
      </c>
      <c r="BB245" s="53">
        <v>7427.9476019296999</v>
      </c>
      <c r="BC245" s="53">
        <v>7430.3291372509402</v>
      </c>
      <c r="BD245" s="53">
        <v>7432.9854651092401</v>
      </c>
      <c r="BE245" s="53">
        <v>7435.9471180087303</v>
      </c>
      <c r="BF245" s="53">
        <v>7439.18356344528</v>
      </c>
      <c r="BG245" s="53">
        <v>7442.6642689147802</v>
      </c>
      <c r="BH245" s="53">
        <v>7446.3587019131101</v>
      </c>
      <c r="BI245" s="53">
        <v>7450.2668624402704</v>
      </c>
      <c r="BJ245" s="53">
        <v>7454.3887504962504</v>
      </c>
      <c r="BK245" s="53">
        <v>7458.6633010728301</v>
      </c>
      <c r="BL245" s="53">
        <v>7463.1210466741204</v>
      </c>
      <c r="BM245" s="53">
        <v>7467.7314547960004</v>
      </c>
      <c r="BN245" s="53">
        <v>89349.5872720513</v>
      </c>
      <c r="BO245" s="53">
        <v>7928.7162196380496</v>
      </c>
      <c r="BP245" s="53">
        <v>7933.8996999114097</v>
      </c>
      <c r="BQ245" s="53">
        <v>7939.1803704398999</v>
      </c>
      <c r="BR245" s="53">
        <v>7944.6230247269305</v>
      </c>
      <c r="BS245" s="53">
        <v>7950.1304725173804</v>
      </c>
      <c r="BT245" s="53">
        <v>7955.7675073146602</v>
      </c>
      <c r="BU245" s="53">
        <v>7961.4693356153603</v>
      </c>
      <c r="BV245" s="53">
        <v>7967.2683541711804</v>
      </c>
      <c r="BW245" s="53">
        <v>7973.1321662304199</v>
      </c>
      <c r="BX245" s="53">
        <v>7979.0931685447904</v>
      </c>
      <c r="BY245" s="53">
        <v>7985.0865676108597</v>
      </c>
      <c r="BZ245" s="53">
        <v>7991.1447601803602</v>
      </c>
      <c r="CA245" s="53">
        <v>95509.511646901301</v>
      </c>
      <c r="CB245" s="53">
        <v>232464.62502714299</v>
      </c>
      <c r="CC245" s="53">
        <v>213614.48255940099</v>
      </c>
      <c r="CD245" s="53">
        <v>242666.59940769701</v>
      </c>
      <c r="CE245" s="53">
        <v>257088.40206855099</v>
      </c>
      <c r="CF245" s="53">
        <v>295660.48343202402</v>
      </c>
      <c r="CG245" s="53">
        <v>308595.02429471299</v>
      </c>
      <c r="CH245" s="53">
        <v>325501.90814431402</v>
      </c>
      <c r="CI245" s="53">
        <v>326105.262860663</v>
      </c>
      <c r="CJ245" s="53">
        <v>307822.448409162</v>
      </c>
      <c r="CK245" s="53">
        <v>284338.36399313301</v>
      </c>
      <c r="CL245" s="53">
        <v>238912.524369024</v>
      </c>
      <c r="CM245" s="53">
        <v>236054.91761007701</v>
      </c>
      <c r="CN245" s="53">
        <v>3268825.0421759002</v>
      </c>
    </row>
    <row r="246" spans="1:92" outlineLevel="1">
      <c r="A246" s="52" t="s">
        <v>783</v>
      </c>
      <c r="B246" s="53">
        <v>670104.434623532</v>
      </c>
      <c r="C246" s="53">
        <v>664881.04887130903</v>
      </c>
      <c r="D246" s="53">
        <v>686204.46903309599</v>
      </c>
      <c r="E246" s="53">
        <v>728793.33163756004</v>
      </c>
      <c r="F246" s="53">
        <v>800972.53435150697</v>
      </c>
      <c r="G246" s="53">
        <v>812956.92148766702</v>
      </c>
      <c r="H246" s="53">
        <v>767535.41520081798</v>
      </c>
      <c r="I246" s="53">
        <v>797237.62609605701</v>
      </c>
      <c r="J246" s="53">
        <v>836152.54316534498</v>
      </c>
      <c r="K246" s="53">
        <v>772016.24778284703</v>
      </c>
      <c r="L246" s="53">
        <v>687676.14063886902</v>
      </c>
      <c r="M246" s="53">
        <v>672232.81347577204</v>
      </c>
      <c r="N246" s="53">
        <v>8896763.5263643805</v>
      </c>
      <c r="O246" s="53">
        <v>744321.14967823296</v>
      </c>
      <c r="P246" s="53">
        <v>656221.76277328201</v>
      </c>
      <c r="Q246" s="53">
        <v>681520.88842393295</v>
      </c>
      <c r="R246" s="53">
        <v>736463.897620106</v>
      </c>
      <c r="S246" s="53">
        <v>807528.81235951104</v>
      </c>
      <c r="T246" s="53">
        <v>809984.62336031196</v>
      </c>
      <c r="U246" s="53">
        <v>832366.58218544698</v>
      </c>
      <c r="V246" s="53">
        <v>796810.69123198197</v>
      </c>
      <c r="W246" s="53">
        <v>841913.25274516596</v>
      </c>
      <c r="X246" s="53">
        <v>778621.54351529398</v>
      </c>
      <c r="Y246" s="53">
        <v>683046.10037393903</v>
      </c>
      <c r="Z246" s="53">
        <v>660242.25130844896</v>
      </c>
      <c r="AA246" s="53">
        <v>9029041.5555756502</v>
      </c>
      <c r="AB246" s="53">
        <v>783000.95338445297</v>
      </c>
      <c r="AC246" s="53">
        <v>691143.60476952395</v>
      </c>
      <c r="AD246" s="53">
        <v>717198.19554878597</v>
      </c>
      <c r="AE246" s="53">
        <v>775136.51017477305</v>
      </c>
      <c r="AF246" s="53">
        <v>849972.93001718295</v>
      </c>
      <c r="AG246" s="53">
        <v>852462.78070744302</v>
      </c>
      <c r="AH246" s="53">
        <v>875984.98293497704</v>
      </c>
      <c r="AI246" s="53">
        <v>838330.11850189802</v>
      </c>
      <c r="AJ246" s="53">
        <v>886017.98342658696</v>
      </c>
      <c r="AK246" s="53">
        <v>819362.05828441295</v>
      </c>
      <c r="AL246" s="53">
        <v>718565.82394615398</v>
      </c>
      <c r="AM246" s="53">
        <v>694251.94150507206</v>
      </c>
      <c r="AN246" s="53">
        <v>9501427.8832012601</v>
      </c>
      <c r="AO246" s="53">
        <v>779923.16707387206</v>
      </c>
      <c r="AP246" s="53">
        <v>687620.80653886695</v>
      </c>
      <c r="AQ246" s="53">
        <v>714818.94982852601</v>
      </c>
      <c r="AR246" s="53">
        <v>772754.53421289299</v>
      </c>
      <c r="AS246" s="53">
        <v>847424.94596534001</v>
      </c>
      <c r="AT246" s="53">
        <v>849774.40345669398</v>
      </c>
      <c r="AU246" s="53">
        <v>873184.11878808402</v>
      </c>
      <c r="AV246" s="53">
        <v>835315.703341541</v>
      </c>
      <c r="AW246" s="53">
        <v>883212.75135871198</v>
      </c>
      <c r="AX246" s="53">
        <v>816733.59214281302</v>
      </c>
      <c r="AY246" s="53">
        <v>715961.76968555897</v>
      </c>
      <c r="AZ246" s="53">
        <v>691236.35454668396</v>
      </c>
      <c r="BA246" s="53">
        <v>9467961.0969395898</v>
      </c>
      <c r="BB246" s="53">
        <v>789303.67188389297</v>
      </c>
      <c r="BC246" s="53">
        <v>695887.00240074797</v>
      </c>
      <c r="BD246" s="53">
        <v>723704.28146042302</v>
      </c>
      <c r="BE246" s="53">
        <v>782497.94618339301</v>
      </c>
      <c r="BF246" s="53">
        <v>858159.65919663501</v>
      </c>
      <c r="BG246" s="53">
        <v>860440.68151431403</v>
      </c>
      <c r="BH246" s="53">
        <v>884109.57030442695</v>
      </c>
      <c r="BI246" s="53">
        <v>845525.98070752295</v>
      </c>
      <c r="BJ246" s="53">
        <v>894273.44400289597</v>
      </c>
      <c r="BK246" s="53">
        <v>826932.57114202296</v>
      </c>
      <c r="BL246" s="53">
        <v>724686.206792871</v>
      </c>
      <c r="BM246" s="53">
        <v>699309.32972237305</v>
      </c>
      <c r="BN246" s="53">
        <v>9584830.3453115206</v>
      </c>
      <c r="BO246" s="53">
        <v>835643.91935824498</v>
      </c>
      <c r="BP246" s="53">
        <v>736723.904468733</v>
      </c>
      <c r="BQ246" s="53">
        <v>766463.60418912105</v>
      </c>
      <c r="BR246" s="53">
        <v>828859.164838186</v>
      </c>
      <c r="BS246" s="53">
        <v>909044.23540491995</v>
      </c>
      <c r="BT246" s="53">
        <v>911344.11320545897</v>
      </c>
      <c r="BU246" s="53">
        <v>936367.62339912797</v>
      </c>
      <c r="BV246" s="53">
        <v>895230.29287316196</v>
      </c>
      <c r="BW246" s="53">
        <v>947108.08609630005</v>
      </c>
      <c r="BX246" s="53">
        <v>875726.28206157498</v>
      </c>
      <c r="BY246" s="53">
        <v>767185.14464317297</v>
      </c>
      <c r="BZ246" s="53">
        <v>739943.72043078695</v>
      </c>
      <c r="CA246" s="53">
        <v>10149640.0909687</v>
      </c>
      <c r="CB246" s="53">
        <v>77841.8712742957</v>
      </c>
      <c r="CC246" s="53">
        <v>79336.513672467496</v>
      </c>
      <c r="CD246" s="53">
        <v>84679.574183981196</v>
      </c>
      <c r="CE246" s="53">
        <v>83904.005706915195</v>
      </c>
      <c r="CF246" s="53">
        <v>86173.488417616507</v>
      </c>
      <c r="CG246" s="53">
        <v>87867.550306409597</v>
      </c>
      <c r="CH246" s="53">
        <v>87007.527010236096</v>
      </c>
      <c r="CI246" s="53">
        <v>88813.013893897703</v>
      </c>
      <c r="CJ246" s="53">
        <v>86383.764014761196</v>
      </c>
      <c r="CK246" s="53">
        <v>84546.887735833196</v>
      </c>
      <c r="CL246" s="53">
        <v>83484.060421093396</v>
      </c>
      <c r="CM246" s="53">
        <v>80504.182687691602</v>
      </c>
      <c r="CN246" s="53">
        <v>1010542.43932519</v>
      </c>
    </row>
    <row r="247" spans="1:92" outlineLevel="1">
      <c r="A247" s="52" t="s">
        <v>784</v>
      </c>
      <c r="B247" s="53">
        <v>4515395.7654603003</v>
      </c>
      <c r="C247" s="53">
        <v>3829341.71017983</v>
      </c>
      <c r="D247" s="53">
        <v>3973430.08600668</v>
      </c>
      <c r="E247" s="53">
        <v>4171565.3802368799</v>
      </c>
      <c r="F247" s="53">
        <v>5188671.1809155196</v>
      </c>
      <c r="G247" s="53">
        <v>5810317.3818062404</v>
      </c>
      <c r="H247" s="53">
        <v>6321616.7098375997</v>
      </c>
      <c r="I247" s="53">
        <v>6275882.1030828198</v>
      </c>
      <c r="J247" s="53">
        <v>5742703.9996627104</v>
      </c>
      <c r="K247" s="53">
        <v>4779733.8207228202</v>
      </c>
      <c r="L247" s="53">
        <v>3951301.7163505401</v>
      </c>
      <c r="M247" s="53">
        <v>4279638.0760263698</v>
      </c>
      <c r="N247" s="53">
        <v>58839597.930288397</v>
      </c>
      <c r="O247" s="53">
        <v>6304393.5928515298</v>
      </c>
      <c r="P247" s="53">
        <v>3465520.5803709002</v>
      </c>
      <c r="Q247" s="53">
        <v>3699112.5984151899</v>
      </c>
      <c r="R247" s="53">
        <v>3927523.4546957798</v>
      </c>
      <c r="S247" s="53">
        <v>5052393.0538628604</v>
      </c>
      <c r="T247" s="53">
        <v>5774637.9132595798</v>
      </c>
      <c r="U247" s="53">
        <v>6210625.71720671</v>
      </c>
      <c r="V247" s="53">
        <v>8129718.3093380798</v>
      </c>
      <c r="W247" s="53">
        <v>5621273.3228406003</v>
      </c>
      <c r="X247" s="53">
        <v>4630034.9665672099</v>
      </c>
      <c r="Y247" s="53">
        <v>3533434.63688786</v>
      </c>
      <c r="Z247" s="53">
        <v>3956924.6430975399</v>
      </c>
      <c r="AA247" s="53">
        <v>60305592.789393902</v>
      </c>
      <c r="AB247" s="53">
        <v>6726964.9303259701</v>
      </c>
      <c r="AC247" s="53">
        <v>3805230.0806251601</v>
      </c>
      <c r="AD247" s="53">
        <v>3943906.8451232798</v>
      </c>
      <c r="AE247" s="53">
        <v>4186711.4204172101</v>
      </c>
      <c r="AF247" s="53">
        <v>5461293.0539119104</v>
      </c>
      <c r="AG247" s="53">
        <v>6295703.00629206</v>
      </c>
      <c r="AH247" s="53">
        <v>6789713.3489869898</v>
      </c>
      <c r="AI247" s="53">
        <v>8818127.4426012598</v>
      </c>
      <c r="AJ247" s="53">
        <v>6133273.12081319</v>
      </c>
      <c r="AK247" s="53">
        <v>5013858.3032983998</v>
      </c>
      <c r="AL247" s="53">
        <v>3792901.4369910802</v>
      </c>
      <c r="AM247" s="53">
        <v>4259647.4572102698</v>
      </c>
      <c r="AN247" s="53">
        <v>65227330.446596801</v>
      </c>
      <c r="AO247" s="53">
        <v>6715028.6656323802</v>
      </c>
      <c r="AP247" s="53">
        <v>3656890.2219941299</v>
      </c>
      <c r="AQ247" s="53">
        <v>3892866.7174897902</v>
      </c>
      <c r="AR247" s="53">
        <v>4134227.7439536401</v>
      </c>
      <c r="AS247" s="53">
        <v>5431306.8073853301</v>
      </c>
      <c r="AT247" s="53">
        <v>6298000.3555550296</v>
      </c>
      <c r="AU247" s="53">
        <v>6803304.7848418504</v>
      </c>
      <c r="AV247" s="53">
        <v>8836520.6416239794</v>
      </c>
      <c r="AW247" s="53">
        <v>6147101.3220895296</v>
      </c>
      <c r="AX247" s="53">
        <v>5009895.1039551999</v>
      </c>
      <c r="AY247" s="53">
        <v>3779362.3104727999</v>
      </c>
      <c r="AZ247" s="53">
        <v>4256634.12304834</v>
      </c>
      <c r="BA247" s="53">
        <v>64961138.798041999</v>
      </c>
      <c r="BB247" s="53">
        <v>6793477.4712972799</v>
      </c>
      <c r="BC247" s="53">
        <v>3672782.8148104302</v>
      </c>
      <c r="BD247" s="53">
        <v>3893068.4817086598</v>
      </c>
      <c r="BE247" s="53">
        <v>4136971.69651765</v>
      </c>
      <c r="BF247" s="53">
        <v>5474218.3771902304</v>
      </c>
      <c r="BG247" s="53">
        <v>6386405.8207426798</v>
      </c>
      <c r="BH247" s="53">
        <v>6910211.6848184802</v>
      </c>
      <c r="BI247" s="53">
        <v>8978677.7001313996</v>
      </c>
      <c r="BJ247" s="53">
        <v>6244963.8739785301</v>
      </c>
      <c r="BK247" s="53">
        <v>5074007.4500158001</v>
      </c>
      <c r="BL247" s="53">
        <v>3816398.9156381199</v>
      </c>
      <c r="BM247" s="53">
        <v>4310756.1211827798</v>
      </c>
      <c r="BN247" s="53">
        <v>65691940.408032</v>
      </c>
      <c r="BO247" s="53">
        <v>7187175.22430484</v>
      </c>
      <c r="BP247" s="53">
        <v>3865900.0787066901</v>
      </c>
      <c r="BQ247" s="53">
        <v>4081694.13942362</v>
      </c>
      <c r="BR247" s="53">
        <v>4343291.2726894803</v>
      </c>
      <c r="BS247" s="53">
        <v>5777052.1661759699</v>
      </c>
      <c r="BT247" s="53">
        <v>6774557.4378612796</v>
      </c>
      <c r="BU247" s="53">
        <v>7342035.33264142</v>
      </c>
      <c r="BV247" s="53">
        <v>9546597.8777183294</v>
      </c>
      <c r="BW247" s="53">
        <v>6649198.9258496501</v>
      </c>
      <c r="BX247" s="53">
        <v>5402399.71004376</v>
      </c>
      <c r="BY247" s="53">
        <v>4065932.2023145398</v>
      </c>
      <c r="BZ247" s="53">
        <v>4596622.5333577404</v>
      </c>
      <c r="CA247" s="53">
        <v>69632456.901087299</v>
      </c>
      <c r="CB247" s="53">
        <v>497.50806538387201</v>
      </c>
      <c r="CC247" s="53">
        <v>497.33406838897298</v>
      </c>
      <c r="CD247" s="53">
        <v>497.16062464459202</v>
      </c>
      <c r="CE247" s="53">
        <v>496.98773064358897</v>
      </c>
      <c r="CF247" s="53">
        <v>496.81538291206402</v>
      </c>
      <c r="CG247" s="53">
        <v>496.643578008936</v>
      </c>
      <c r="CH247" s="53">
        <v>496.472312525544</v>
      </c>
      <c r="CI247" s="53">
        <v>496.30158308523102</v>
      </c>
      <c r="CJ247" s="53">
        <v>496.13138634294597</v>
      </c>
      <c r="CK247" s="53">
        <v>495.96171898484999</v>
      </c>
      <c r="CL247" s="53">
        <v>495.79257772793301</v>
      </c>
      <c r="CM247" s="53">
        <v>495.62395931963101</v>
      </c>
      <c r="CN247" s="53">
        <v>5958.7329879681602</v>
      </c>
    </row>
    <row r="248" spans="1:92" outlineLevel="1">
      <c r="A248" s="52" t="s">
        <v>1243</v>
      </c>
      <c r="B248" s="53"/>
      <c r="C248" s="53"/>
      <c r="D248" s="53"/>
      <c r="E248" s="53"/>
      <c r="F248" s="53"/>
      <c r="G248" s="53"/>
      <c r="H248" s="53"/>
      <c r="I248" s="53"/>
      <c r="J248" s="53"/>
      <c r="K248" s="53"/>
      <c r="L248" s="53"/>
      <c r="M248" s="53"/>
      <c r="N248" s="53"/>
      <c r="O248" s="53"/>
      <c r="P248" s="53"/>
      <c r="Q248" s="53"/>
      <c r="R248" s="53"/>
      <c r="S248" s="53"/>
      <c r="T248" s="53"/>
      <c r="U248" s="53"/>
      <c r="V248" s="53"/>
      <c r="W248" s="53"/>
      <c r="X248" s="53"/>
      <c r="Y248" s="53"/>
      <c r="Z248" s="53"/>
      <c r="AA248" s="53"/>
      <c r="AB248" s="53"/>
      <c r="AC248" s="53"/>
      <c r="AD248" s="53"/>
      <c r="AE248" s="53"/>
      <c r="AF248" s="53"/>
      <c r="AG248" s="53"/>
      <c r="AH248" s="53"/>
      <c r="AI248" s="53"/>
      <c r="AJ248" s="53"/>
      <c r="AK248" s="53"/>
      <c r="AL248" s="53"/>
      <c r="AM248" s="53"/>
      <c r="AN248" s="53"/>
      <c r="AO248" s="53"/>
      <c r="AP248" s="53"/>
      <c r="AQ248" s="53"/>
      <c r="AR248" s="53"/>
      <c r="AS248" s="53"/>
      <c r="AT248" s="53"/>
      <c r="AU248" s="53"/>
      <c r="AV248" s="53"/>
      <c r="AW248" s="53"/>
      <c r="AX248" s="53"/>
      <c r="AY248" s="53"/>
      <c r="AZ248" s="53"/>
      <c r="BA248" s="53"/>
      <c r="BB248" s="53"/>
      <c r="BC248" s="53"/>
      <c r="BD248" s="53"/>
      <c r="BE248" s="53"/>
      <c r="BF248" s="53"/>
      <c r="BG248" s="53"/>
      <c r="BH248" s="53"/>
      <c r="BI248" s="53"/>
      <c r="BJ248" s="53"/>
      <c r="BK248" s="53"/>
      <c r="BL248" s="53"/>
      <c r="BM248" s="53"/>
      <c r="BN248" s="53"/>
      <c r="BO248" s="53"/>
      <c r="BP248" s="53"/>
      <c r="BQ248" s="53"/>
      <c r="BR248" s="53"/>
      <c r="BS248" s="53"/>
      <c r="BT248" s="53"/>
      <c r="BU248" s="53"/>
      <c r="BV248" s="53"/>
      <c r="BW248" s="53"/>
      <c r="BX248" s="53"/>
      <c r="BY248" s="53"/>
      <c r="BZ248" s="53"/>
      <c r="CA248" s="53"/>
      <c r="CB248" s="53">
        <v>68245.057835248401</v>
      </c>
      <c r="CC248" s="53">
        <v>67803.423257261296</v>
      </c>
      <c r="CD248" s="53">
        <v>70049.738062636694</v>
      </c>
      <c r="CE248" s="53">
        <v>74360.367980230803</v>
      </c>
      <c r="CF248" s="53">
        <v>81611.384102900993</v>
      </c>
      <c r="CG248" s="53">
        <v>82799.352155827</v>
      </c>
      <c r="CH248" s="53">
        <v>83796.296124921704</v>
      </c>
      <c r="CI248" s="53">
        <v>75594.789399553396</v>
      </c>
      <c r="CJ248" s="53">
        <v>85171.066894835501</v>
      </c>
      <c r="CK248" s="53">
        <v>78770.891716827304</v>
      </c>
      <c r="CL248" s="53">
        <v>70287.341112743597</v>
      </c>
      <c r="CM248" s="53">
        <v>68630.993119312698</v>
      </c>
      <c r="CN248" s="53">
        <v>907120.70176229998</v>
      </c>
    </row>
    <row r="249" spans="1:92" outlineLevel="1">
      <c r="A249" s="52" t="s">
        <v>780</v>
      </c>
      <c r="B249" s="53">
        <v>224908.54613512801</v>
      </c>
      <c r="C249" s="53">
        <v>203948.230191821</v>
      </c>
      <c r="D249" s="53">
        <v>239965.520368164</v>
      </c>
      <c r="E249" s="53">
        <v>256107.180781906</v>
      </c>
      <c r="F249" s="53">
        <v>277925.98826321401</v>
      </c>
      <c r="G249" s="53">
        <v>295110.46761561598</v>
      </c>
      <c r="H249" s="53">
        <v>307830.42505954899</v>
      </c>
      <c r="I249" s="53">
        <v>311098.04112147097</v>
      </c>
      <c r="J249" s="53">
        <v>294341.76537691802</v>
      </c>
      <c r="K249" s="53">
        <v>264556.82417654502</v>
      </c>
      <c r="L249" s="53">
        <v>230858.094106398</v>
      </c>
      <c r="M249" s="53">
        <v>234870.91986116901</v>
      </c>
      <c r="N249" s="53">
        <v>3141522.0030578999</v>
      </c>
      <c r="O249" s="53">
        <v>259032.45499999999</v>
      </c>
      <c r="P249" s="53">
        <v>165311.99960000001</v>
      </c>
      <c r="Q249" s="53">
        <v>183079.65059999999</v>
      </c>
      <c r="R249" s="53">
        <v>202310.81639999899</v>
      </c>
      <c r="S249" s="53">
        <v>225036.81640000001</v>
      </c>
      <c r="T249" s="53">
        <v>234355.19579999999</v>
      </c>
      <c r="U249" s="53">
        <v>241435.42060000001</v>
      </c>
      <c r="V249" s="53">
        <v>305513.43459999998</v>
      </c>
      <c r="W249" s="53">
        <v>229160.78460000001</v>
      </c>
      <c r="X249" s="53">
        <v>213180.25520000001</v>
      </c>
      <c r="Y249" s="53">
        <v>176910.954</v>
      </c>
      <c r="Z249" s="53">
        <v>175643.5098</v>
      </c>
      <c r="AA249" s="53">
        <v>2610971.2925999998</v>
      </c>
      <c r="AB249" s="53">
        <v>267439.850593874</v>
      </c>
      <c r="AC249" s="53">
        <v>170233.981972618</v>
      </c>
      <c r="AD249" s="53">
        <v>184779.90182426199</v>
      </c>
      <c r="AE249" s="53">
        <v>205860.79463514101</v>
      </c>
      <c r="AF249" s="53">
        <v>231363.93477799001</v>
      </c>
      <c r="AG249" s="53">
        <v>241120.6621206</v>
      </c>
      <c r="AH249" s="53">
        <v>247125.87134807499</v>
      </c>
      <c r="AI249" s="53">
        <v>314653.394093649</v>
      </c>
      <c r="AJ249" s="53">
        <v>235787.433666411</v>
      </c>
      <c r="AK249" s="53">
        <v>218009.45420496399</v>
      </c>
      <c r="AL249" s="53">
        <v>179002.954144377</v>
      </c>
      <c r="AM249" s="53">
        <v>177395.80592044001</v>
      </c>
      <c r="AN249" s="53">
        <v>2672774.0393023998</v>
      </c>
      <c r="AO249" s="53">
        <v>322422.06695938401</v>
      </c>
      <c r="AP249" s="53">
        <v>197605.61249380399</v>
      </c>
      <c r="AQ249" s="53">
        <v>225681.112962204</v>
      </c>
      <c r="AR249" s="53">
        <v>250446.58260140201</v>
      </c>
      <c r="AS249" s="53">
        <v>282570.50250025402</v>
      </c>
      <c r="AT249" s="53">
        <v>293597.48546290997</v>
      </c>
      <c r="AU249" s="53">
        <v>303991.99542407499</v>
      </c>
      <c r="AV249" s="53">
        <v>383435.02037821501</v>
      </c>
      <c r="AW249" s="53">
        <v>290291.965247755</v>
      </c>
      <c r="AX249" s="53">
        <v>262486.785230209</v>
      </c>
      <c r="AY249" s="53">
        <v>218128.11948601101</v>
      </c>
      <c r="AZ249" s="53">
        <v>215801.72161534999</v>
      </c>
      <c r="BA249" s="53">
        <v>3246458.9703615699</v>
      </c>
      <c r="BB249" s="53">
        <v>322567.005416459</v>
      </c>
      <c r="BC249" s="53">
        <v>201041.31280634599</v>
      </c>
      <c r="BD249" s="53">
        <v>226632.49794400501</v>
      </c>
      <c r="BE249" s="53">
        <v>251669.52247466301</v>
      </c>
      <c r="BF249" s="53">
        <v>283087.58853004599</v>
      </c>
      <c r="BG249" s="53">
        <v>296985.66236764402</v>
      </c>
      <c r="BH249" s="53">
        <v>306329.81492052699</v>
      </c>
      <c r="BI249" s="53">
        <v>385548.12955007498</v>
      </c>
      <c r="BJ249" s="53">
        <v>292438.88179230102</v>
      </c>
      <c r="BK249" s="53">
        <v>267357.69604918198</v>
      </c>
      <c r="BL249" s="53">
        <v>218131.426763592</v>
      </c>
      <c r="BM249" s="53">
        <v>217281.622977272</v>
      </c>
      <c r="BN249" s="53">
        <v>3269071.1615921101</v>
      </c>
      <c r="BO249" s="53">
        <v>321755.78060660802</v>
      </c>
      <c r="BP249" s="53">
        <v>200707.60244559901</v>
      </c>
      <c r="BQ249" s="53">
        <v>225564.346042549</v>
      </c>
      <c r="BR249" s="53">
        <v>250219.410411591</v>
      </c>
      <c r="BS249" s="53">
        <v>283873.25737567799</v>
      </c>
      <c r="BT249" s="53">
        <v>298590.72216892103</v>
      </c>
      <c r="BU249" s="53">
        <v>307837.97985631099</v>
      </c>
      <c r="BV249" s="53">
        <v>386403.74414489401</v>
      </c>
      <c r="BW249" s="53">
        <v>293967.90566936898</v>
      </c>
      <c r="BX249" s="53">
        <v>268462.10717160802</v>
      </c>
      <c r="BY249" s="53">
        <v>219369.03840252801</v>
      </c>
      <c r="BZ249" s="53">
        <v>219308.497244806</v>
      </c>
      <c r="CA249" s="53">
        <v>3276060.3915404598</v>
      </c>
      <c r="CB249" s="53">
        <v>465268.861722817</v>
      </c>
      <c r="CC249" s="53">
        <v>380401.32836555102</v>
      </c>
      <c r="CD249" s="53">
        <v>393193.85157976701</v>
      </c>
      <c r="CE249" s="53">
        <v>405427.93495262502</v>
      </c>
      <c r="CF249" s="53">
        <v>536630.51224889501</v>
      </c>
      <c r="CG249" s="53">
        <v>619100.29819515802</v>
      </c>
      <c r="CH249" s="53">
        <v>670926.39843198098</v>
      </c>
      <c r="CI249" s="53">
        <v>672619.70995840698</v>
      </c>
      <c r="CJ249" s="53">
        <v>608516.58309860399</v>
      </c>
      <c r="CK249" s="53">
        <v>496313.82606874401</v>
      </c>
      <c r="CL249" s="53">
        <v>386313.82720507297</v>
      </c>
      <c r="CM249" s="53">
        <v>443765.15522005298</v>
      </c>
      <c r="CN249" s="53">
        <v>6078478.2870476795</v>
      </c>
    </row>
    <row r="250" spans="1:92" outlineLevel="1">
      <c r="A250" s="52" t="s">
        <v>781</v>
      </c>
      <c r="B250" s="53">
        <v>73170.293607225001</v>
      </c>
      <c r="C250" s="53">
        <v>74385.166092217201</v>
      </c>
      <c r="D250" s="53">
        <v>78955.5738008466</v>
      </c>
      <c r="E250" s="53">
        <v>81218.821685059607</v>
      </c>
      <c r="F250" s="53">
        <v>82040.525123742002</v>
      </c>
      <c r="G250" s="53">
        <v>84836.000844687296</v>
      </c>
      <c r="H250" s="53">
        <v>82326.1870236096</v>
      </c>
      <c r="I250" s="53">
        <v>78913.675797619595</v>
      </c>
      <c r="J250" s="53">
        <v>82009.612104792395</v>
      </c>
      <c r="K250" s="53">
        <v>79222.3653674058</v>
      </c>
      <c r="L250" s="53">
        <v>79662.906964357098</v>
      </c>
      <c r="M250" s="53">
        <v>75881.298099595006</v>
      </c>
      <c r="N250" s="53">
        <v>952622.42651115695</v>
      </c>
      <c r="O250" s="53">
        <v>47514.713400000001</v>
      </c>
      <c r="P250" s="53">
        <v>52401.652600000001</v>
      </c>
      <c r="Q250" s="53">
        <v>60097.340599999901</v>
      </c>
      <c r="R250" s="53">
        <v>75537.624800000005</v>
      </c>
      <c r="S250" s="53">
        <v>84906.736199999999</v>
      </c>
      <c r="T250" s="53">
        <v>65866.523799999995</v>
      </c>
      <c r="U250" s="53">
        <v>63750.649599999997</v>
      </c>
      <c r="V250" s="53">
        <v>63094.323600000003</v>
      </c>
      <c r="W250" s="53">
        <v>61531.516199999998</v>
      </c>
      <c r="X250" s="53">
        <v>55081.235000000001</v>
      </c>
      <c r="Y250" s="53">
        <v>46189.6709999999</v>
      </c>
      <c r="Z250" s="53">
        <v>51186.676200000002</v>
      </c>
      <c r="AA250" s="53">
        <v>727158.66299999994</v>
      </c>
      <c r="AB250" s="53">
        <v>48342.188168345398</v>
      </c>
      <c r="AC250" s="53">
        <v>54068.584142187203</v>
      </c>
      <c r="AD250" s="53">
        <v>61318.327695827997</v>
      </c>
      <c r="AE250" s="53">
        <v>77161.959613306899</v>
      </c>
      <c r="AF250" s="53">
        <v>86775.305519904301</v>
      </c>
      <c r="AG250" s="53">
        <v>67308.326042569606</v>
      </c>
      <c r="AH250" s="53">
        <v>65165.107136324397</v>
      </c>
      <c r="AI250" s="53">
        <v>64462.501223645602</v>
      </c>
      <c r="AJ250" s="53">
        <v>62913.796216163697</v>
      </c>
      <c r="AK250" s="53">
        <v>56353.307149767301</v>
      </c>
      <c r="AL250" s="53">
        <v>47256.659619540696</v>
      </c>
      <c r="AM250" s="53">
        <v>52413.619757022803</v>
      </c>
      <c r="AN250" s="53">
        <v>743539.68228460604</v>
      </c>
      <c r="AO250" s="53">
        <v>58869.476091341698</v>
      </c>
      <c r="AP250" s="53">
        <v>64983.645883115998</v>
      </c>
      <c r="AQ250" s="53">
        <v>74527.039750716998</v>
      </c>
      <c r="AR250" s="53">
        <v>93678.412015472597</v>
      </c>
      <c r="AS250" s="53">
        <v>105300.401218452</v>
      </c>
      <c r="AT250" s="53">
        <v>81739.165474335503</v>
      </c>
      <c r="AU250" s="53">
        <v>79141.281640436893</v>
      </c>
      <c r="AV250" s="53">
        <v>78284.473195212006</v>
      </c>
      <c r="AW250" s="53">
        <v>76396.702794408906</v>
      </c>
      <c r="AX250" s="53">
        <v>68443.914233082294</v>
      </c>
      <c r="AY250" s="53">
        <v>57422.715565058701</v>
      </c>
      <c r="AZ250" s="53">
        <v>63661.681716350802</v>
      </c>
      <c r="BA250" s="53">
        <v>902448.90957798494</v>
      </c>
      <c r="BB250" s="53">
        <v>58997.8065179599</v>
      </c>
      <c r="BC250" s="53">
        <v>65104.397603614998</v>
      </c>
      <c r="BD250" s="53">
        <v>74642.172407200196</v>
      </c>
      <c r="BE250" s="53">
        <v>93755.851675264697</v>
      </c>
      <c r="BF250" s="53">
        <v>105357.70168702</v>
      </c>
      <c r="BG250" s="53">
        <v>81847.218329884403</v>
      </c>
      <c r="BH250" s="53">
        <v>79262.359798735299</v>
      </c>
      <c r="BI250" s="53">
        <v>78414.674476835702</v>
      </c>
      <c r="BJ250" s="53">
        <v>76531.694243136502</v>
      </c>
      <c r="BK250" s="53">
        <v>68596.452765463793</v>
      </c>
      <c r="BL250" s="53">
        <v>57596.681136831299</v>
      </c>
      <c r="BM250" s="53">
        <v>63833.426898348996</v>
      </c>
      <c r="BN250" s="53">
        <v>903940.437540296</v>
      </c>
      <c r="BO250" s="53">
        <v>59117.772080132701</v>
      </c>
      <c r="BP250" s="53">
        <v>65211.808380256101</v>
      </c>
      <c r="BQ250" s="53">
        <v>74742.794743903301</v>
      </c>
      <c r="BR250" s="53">
        <v>93812.1027774182</v>
      </c>
      <c r="BS250" s="53">
        <v>105401.97806200699</v>
      </c>
      <c r="BT250" s="53">
        <v>81989.130451698293</v>
      </c>
      <c r="BU250" s="53">
        <v>79431.911436973998</v>
      </c>
      <c r="BV250" s="53">
        <v>78600.162490251605</v>
      </c>
      <c r="BW250" s="53">
        <v>76729.487251584695</v>
      </c>
      <c r="BX250" s="53">
        <v>68829.381281113994</v>
      </c>
      <c r="BY250" s="53">
        <v>57869.457360562999</v>
      </c>
      <c r="BZ250" s="53">
        <v>64092.710177088098</v>
      </c>
      <c r="CA250" s="53">
        <v>905828.69649299199</v>
      </c>
      <c r="CB250" s="53"/>
      <c r="CC250" s="53"/>
      <c r="CD250" s="53"/>
      <c r="CE250" s="53"/>
      <c r="CF250" s="53"/>
      <c r="CG250" s="53"/>
      <c r="CH250" s="53"/>
      <c r="CI250" s="53"/>
      <c r="CJ250" s="53"/>
      <c r="CK250" s="53"/>
      <c r="CL250" s="53"/>
      <c r="CM250" s="53"/>
      <c r="CN250" s="53"/>
    </row>
    <row r="251" spans="1:92" outlineLevel="1">
      <c r="A251" s="52" t="s">
        <v>782</v>
      </c>
      <c r="B251" s="53">
        <v>487.82113804994799</v>
      </c>
      <c r="C251" s="53">
        <v>487.73970504880702</v>
      </c>
      <c r="D251" s="53">
        <v>487.609669400435</v>
      </c>
      <c r="E251" s="53">
        <v>487.45195297712701</v>
      </c>
      <c r="F251" s="53">
        <v>487.278602274994</v>
      </c>
      <c r="G251" s="53">
        <v>487.096552534453</v>
      </c>
      <c r="H251" s="53">
        <v>486.90979547760497</v>
      </c>
      <c r="I251" s="53">
        <v>486.72062769616502</v>
      </c>
      <c r="J251" s="53">
        <v>486.53036959074598</v>
      </c>
      <c r="K251" s="53">
        <v>486.33977940343902</v>
      </c>
      <c r="L251" s="53">
        <v>486.14929165637</v>
      </c>
      <c r="M251" s="53">
        <v>485.95915446665401</v>
      </c>
      <c r="N251" s="53">
        <v>5843.6066385767399</v>
      </c>
      <c r="O251" s="53">
        <v>575.85879999999997</v>
      </c>
      <c r="P251" s="53">
        <v>571.94279999999901</v>
      </c>
      <c r="Q251" s="53">
        <v>568.33259999999996</v>
      </c>
      <c r="R251" s="53">
        <v>565.00839999999903</v>
      </c>
      <c r="S251" s="53">
        <v>561.95259999999996</v>
      </c>
      <c r="T251" s="53">
        <v>559.14099999999996</v>
      </c>
      <c r="U251" s="53">
        <v>556.56259999999997</v>
      </c>
      <c r="V251" s="53">
        <v>554.19759999999997</v>
      </c>
      <c r="W251" s="53">
        <v>552.03279999999995</v>
      </c>
      <c r="X251" s="53">
        <v>550.05499999999995</v>
      </c>
      <c r="Y251" s="53">
        <v>548.24879999999996</v>
      </c>
      <c r="Z251" s="53">
        <v>546.60319999999899</v>
      </c>
      <c r="AA251" s="53">
        <v>6709.9361999999901</v>
      </c>
      <c r="AB251" s="53">
        <v>553.76009180056701</v>
      </c>
      <c r="AC251" s="53">
        <v>552.38337970355599</v>
      </c>
      <c r="AD251" s="53">
        <v>551.13852801843302</v>
      </c>
      <c r="AE251" s="53">
        <v>550.01436213402303</v>
      </c>
      <c r="AF251" s="53">
        <v>549.00641220585305</v>
      </c>
      <c r="AG251" s="53">
        <v>548.10350362274801</v>
      </c>
      <c r="AH251" s="53">
        <v>547.29893161800101</v>
      </c>
      <c r="AI251" s="53">
        <v>546.58599142490596</v>
      </c>
      <c r="AJ251" s="53">
        <v>545.96021319899205</v>
      </c>
      <c r="AK251" s="53">
        <v>545.41265725131598</v>
      </c>
      <c r="AL251" s="53">
        <v>544.93885373741</v>
      </c>
      <c r="AM251" s="53">
        <v>544.53433281280104</v>
      </c>
      <c r="AN251" s="53">
        <v>6579.1372575286096</v>
      </c>
      <c r="AO251" s="53">
        <v>658.46041216003903</v>
      </c>
      <c r="AP251" s="53">
        <v>658.11968232192305</v>
      </c>
      <c r="AQ251" s="53">
        <v>657.84655761041597</v>
      </c>
      <c r="AR251" s="53">
        <v>657.63292541032797</v>
      </c>
      <c r="AS251" s="53">
        <v>657.47878572165598</v>
      </c>
      <c r="AT251" s="53">
        <v>657.37602592920803</v>
      </c>
      <c r="AU251" s="53">
        <v>657.32464603298399</v>
      </c>
      <c r="AV251" s="53">
        <v>657.31923762285498</v>
      </c>
      <c r="AW251" s="53">
        <v>657.35709649375701</v>
      </c>
      <c r="AX251" s="53">
        <v>657.43551844062495</v>
      </c>
      <c r="AY251" s="53">
        <v>657.54909505333103</v>
      </c>
      <c r="AZ251" s="53">
        <v>657.69782633187401</v>
      </c>
      <c r="BA251" s="53">
        <v>7891.5978091289999</v>
      </c>
      <c r="BB251" s="53">
        <v>656.53506280174804</v>
      </c>
      <c r="BC251" s="53">
        <v>656.74555990343504</v>
      </c>
      <c r="BD251" s="53">
        <v>656.98034513224002</v>
      </c>
      <c r="BE251" s="53">
        <v>657.24211716895502</v>
      </c>
      <c r="BF251" s="53">
        <v>657.52817733278596</v>
      </c>
      <c r="BG251" s="53">
        <v>657.835826942945</v>
      </c>
      <c r="BH251" s="53">
        <v>658.16236731864001</v>
      </c>
      <c r="BI251" s="53">
        <v>658.50779845986995</v>
      </c>
      <c r="BJ251" s="53">
        <v>658.87212036663698</v>
      </c>
      <c r="BK251" s="53">
        <v>659.24993567735805</v>
      </c>
      <c r="BL251" s="53">
        <v>659.64394307282498</v>
      </c>
      <c r="BM251" s="53">
        <v>660.05144387224595</v>
      </c>
      <c r="BN251" s="53">
        <v>7897.3546980496803</v>
      </c>
      <c r="BO251" s="53">
        <v>658.31616202028897</v>
      </c>
      <c r="BP251" s="53">
        <v>658.74654302333397</v>
      </c>
      <c r="BQ251" s="53">
        <v>659.18499367018705</v>
      </c>
      <c r="BR251" s="53">
        <v>659.63689372338399</v>
      </c>
      <c r="BS251" s="53">
        <v>660.09417353911897</v>
      </c>
      <c r="BT251" s="53">
        <v>660.56221287993105</v>
      </c>
      <c r="BU251" s="53">
        <v>661.03563198328004</v>
      </c>
      <c r="BV251" s="53">
        <v>661.517120730437</v>
      </c>
      <c r="BW251" s="53">
        <v>662.003989240132</v>
      </c>
      <c r="BX251" s="53">
        <v>662.49892739363395</v>
      </c>
      <c r="BY251" s="53">
        <v>662.99655542840503</v>
      </c>
      <c r="BZ251" s="53">
        <v>663.49956322571302</v>
      </c>
      <c r="CA251" s="53">
        <v>7930.0927668578497</v>
      </c>
      <c r="CB251" s="53">
        <v>8477205.3861828409</v>
      </c>
      <c r="CC251" s="53">
        <v>7789803.8977232501</v>
      </c>
      <c r="CD251" s="53">
        <v>8849237.1831000391</v>
      </c>
      <c r="CE251" s="53">
        <v>9375151.9676862396</v>
      </c>
      <c r="CF251" s="53">
        <v>10781746.437070699</v>
      </c>
      <c r="CG251" s="53">
        <v>11253425.770888399</v>
      </c>
      <c r="CH251" s="53">
        <v>11869963.133580299</v>
      </c>
      <c r="CI251" s="53">
        <v>11891965.4569472</v>
      </c>
      <c r="CJ251" s="53">
        <v>11225252.5189045</v>
      </c>
      <c r="CK251" s="53">
        <v>10368866.7058893</v>
      </c>
      <c r="CL251" s="53">
        <v>8712338.6544131301</v>
      </c>
      <c r="CM251" s="53">
        <v>8608131.3178959806</v>
      </c>
      <c r="CN251" s="53">
        <v>119203088.430282</v>
      </c>
    </row>
    <row r="252" spans="1:92" outlineLevel="1">
      <c r="A252" s="52" t="s">
        <v>783</v>
      </c>
      <c r="B252" s="53">
        <v>65345.466246330798</v>
      </c>
      <c r="C252" s="53">
        <v>64836.105973920101</v>
      </c>
      <c r="D252" s="53">
        <v>66915.466683152306</v>
      </c>
      <c r="E252" s="53">
        <v>71068.534384238403</v>
      </c>
      <c r="F252" s="53">
        <v>78107.114359136001</v>
      </c>
      <c r="G252" s="53">
        <v>79275.776025326704</v>
      </c>
      <c r="H252" s="53">
        <v>74846.482093564802</v>
      </c>
      <c r="I252" s="53">
        <v>77742.903485831295</v>
      </c>
      <c r="J252" s="53">
        <v>81537.705114414101</v>
      </c>
      <c r="K252" s="53">
        <v>75283.432036164304</v>
      </c>
      <c r="L252" s="53">
        <v>67058.977249971198</v>
      </c>
      <c r="M252" s="53">
        <v>65553.015847948598</v>
      </c>
      <c r="N252" s="53">
        <v>867570.97949999897</v>
      </c>
      <c r="O252" s="53">
        <v>57300.469599999997</v>
      </c>
      <c r="P252" s="53">
        <v>50518.2677999999</v>
      </c>
      <c r="Q252" s="53">
        <v>52465.883800000003</v>
      </c>
      <c r="R252" s="53">
        <v>56695.590600000003</v>
      </c>
      <c r="S252" s="53">
        <v>62166.418599999997</v>
      </c>
      <c r="T252" s="53">
        <v>62355.475599999998</v>
      </c>
      <c r="U252" s="53">
        <v>64078.517800000001</v>
      </c>
      <c r="V252" s="53">
        <v>61341.299800000001</v>
      </c>
      <c r="W252" s="53">
        <v>64813.454199999898</v>
      </c>
      <c r="X252" s="53">
        <v>59941.034999999902</v>
      </c>
      <c r="Y252" s="53">
        <v>52583.3</v>
      </c>
      <c r="Z252" s="53">
        <v>50827.779199999997</v>
      </c>
      <c r="AA252" s="53">
        <v>695087.49199999997</v>
      </c>
      <c r="AB252" s="53">
        <v>58087.642563200003</v>
      </c>
      <c r="AC252" s="53">
        <v>51273.121060915997</v>
      </c>
      <c r="AD252" s="53">
        <v>53206.004730820197</v>
      </c>
      <c r="AE252" s="53">
        <v>57504.211643802199</v>
      </c>
      <c r="AF252" s="53">
        <v>63056.019962458398</v>
      </c>
      <c r="AG252" s="53">
        <v>63240.731815370396</v>
      </c>
      <c r="AH252" s="53">
        <v>64985.7479221662</v>
      </c>
      <c r="AI252" s="53">
        <v>62192.287331217798</v>
      </c>
      <c r="AJ252" s="53">
        <v>65730.055248835401</v>
      </c>
      <c r="AK252" s="53">
        <v>60785.124418748797</v>
      </c>
      <c r="AL252" s="53">
        <v>53307.463495541</v>
      </c>
      <c r="AM252" s="53">
        <v>51503.715867321</v>
      </c>
      <c r="AN252" s="53">
        <v>704872.12606039701</v>
      </c>
      <c r="AO252" s="53">
        <v>70062.499949158198</v>
      </c>
      <c r="AP252" s="53">
        <v>61770.741987212103</v>
      </c>
      <c r="AQ252" s="53">
        <v>64214.021009167896</v>
      </c>
      <c r="AR252" s="53">
        <v>69418.523259323207</v>
      </c>
      <c r="AS252" s="53">
        <v>76126.358005709</v>
      </c>
      <c r="AT252" s="53">
        <v>76337.415802576594</v>
      </c>
      <c r="AU252" s="53">
        <v>78440.370617175606</v>
      </c>
      <c r="AV252" s="53">
        <v>75038.553659676705</v>
      </c>
      <c r="AW252" s="53">
        <v>79341.268421770699</v>
      </c>
      <c r="AX252" s="53">
        <v>73369.274915463204</v>
      </c>
      <c r="AY252" s="53">
        <v>64316.683450233402</v>
      </c>
      <c r="AZ252" s="53">
        <v>62095.535944883901</v>
      </c>
      <c r="BA252" s="53">
        <v>850531.24702235102</v>
      </c>
      <c r="BB252" s="53">
        <v>69764.296082987697</v>
      </c>
      <c r="BC252" s="53">
        <v>61507.463610190804</v>
      </c>
      <c r="BD252" s="53">
        <v>63966.1534170054</v>
      </c>
      <c r="BE252" s="53">
        <v>69162.757436023006</v>
      </c>
      <c r="BF252" s="53">
        <v>75850.280042123704</v>
      </c>
      <c r="BG252" s="53">
        <v>76051.893086647702</v>
      </c>
      <c r="BH252" s="53">
        <v>78143.918531768999</v>
      </c>
      <c r="BI252" s="53">
        <v>74733.625301841006</v>
      </c>
      <c r="BJ252" s="53">
        <v>79042.274284197803</v>
      </c>
      <c r="BK252" s="53">
        <v>73090.206961946897</v>
      </c>
      <c r="BL252" s="53">
        <v>64052.942991239601</v>
      </c>
      <c r="BM252" s="53">
        <v>61809.953342677298</v>
      </c>
      <c r="BN252" s="53">
        <v>847175.76508865005</v>
      </c>
      <c r="BO252" s="53">
        <v>69382.972295687097</v>
      </c>
      <c r="BP252" s="53">
        <v>61169.707657994499</v>
      </c>
      <c r="BQ252" s="53">
        <v>63638.975624865299</v>
      </c>
      <c r="BR252" s="53">
        <v>68819.638531157601</v>
      </c>
      <c r="BS252" s="53">
        <v>75477.352900612997</v>
      </c>
      <c r="BT252" s="53">
        <v>75668.310261782797</v>
      </c>
      <c r="BU252" s="53">
        <v>77745.996073033093</v>
      </c>
      <c r="BV252" s="53">
        <v>74330.390217379099</v>
      </c>
      <c r="BW252" s="53">
        <v>78637.769720273893</v>
      </c>
      <c r="BX252" s="53">
        <v>72710.984857696298</v>
      </c>
      <c r="BY252" s="53">
        <v>63698.884660489202</v>
      </c>
      <c r="BZ252" s="53">
        <v>61437.046887679702</v>
      </c>
      <c r="CA252" s="53">
        <v>842718.02968865202</v>
      </c>
      <c r="CB252" s="53">
        <v>2838632.02996998</v>
      </c>
      <c r="CC252" s="53">
        <v>2893136.6264724401</v>
      </c>
      <c r="CD252" s="53">
        <v>3087980.1272485899</v>
      </c>
      <c r="CE252" s="53">
        <v>3059697.7454867698</v>
      </c>
      <c r="CF252" s="53">
        <v>3142458.17003205</v>
      </c>
      <c r="CG252" s="53">
        <v>3204234.92667417</v>
      </c>
      <c r="CH252" s="53">
        <v>3172872.7608490898</v>
      </c>
      <c r="CI252" s="53">
        <v>3238712.8134294399</v>
      </c>
      <c r="CJ252" s="53">
        <v>3150126.2159744799</v>
      </c>
      <c r="CK252" s="53">
        <v>3083141.4974020799</v>
      </c>
      <c r="CL252" s="53">
        <v>3044383.7490520198</v>
      </c>
      <c r="CM252" s="53">
        <v>2935717.6000893102</v>
      </c>
      <c r="CN252" s="53">
        <v>36851094.262680396</v>
      </c>
    </row>
    <row r="253" spans="1:92" outlineLevel="1">
      <c r="A253" s="52" t="s">
        <v>784</v>
      </c>
      <c r="B253" s="53">
        <v>440320.38341378397</v>
      </c>
      <c r="C253" s="53">
        <v>373419.58437986398</v>
      </c>
      <c r="D253" s="53">
        <v>387470.412299502</v>
      </c>
      <c r="E253" s="53">
        <v>406791.64420360199</v>
      </c>
      <c r="F253" s="53">
        <v>505975.068955197</v>
      </c>
      <c r="G253" s="53">
        <v>566595.11374013498</v>
      </c>
      <c r="H253" s="53">
        <v>616454.64496442105</v>
      </c>
      <c r="I253" s="53">
        <v>611994.81893198704</v>
      </c>
      <c r="J253" s="53">
        <v>560001.77134098695</v>
      </c>
      <c r="K253" s="53">
        <v>466097.40051035403</v>
      </c>
      <c r="L253" s="53">
        <v>385312.55666127801</v>
      </c>
      <c r="M253" s="53">
        <v>417330.39059889998</v>
      </c>
      <c r="N253" s="53">
        <v>5737763.7900000103</v>
      </c>
      <c r="O253" s="53">
        <v>485334.47366071498</v>
      </c>
      <c r="P253" s="53">
        <v>266788.00776998</v>
      </c>
      <c r="Q253" s="53">
        <v>284770.74591269699</v>
      </c>
      <c r="R253" s="53">
        <v>302354.61993303598</v>
      </c>
      <c r="S253" s="53">
        <v>388951.05253326701</v>
      </c>
      <c r="T253" s="53">
        <v>444552.01137678302</v>
      </c>
      <c r="U253" s="53">
        <v>478115.89158741903</v>
      </c>
      <c r="V253" s="53">
        <v>625854.41384027502</v>
      </c>
      <c r="W253" s="53">
        <v>432745.46382023598</v>
      </c>
      <c r="X253" s="53">
        <v>356436.43602416897</v>
      </c>
      <c r="Y253" s="53">
        <v>272016.27158130001</v>
      </c>
      <c r="Z253" s="53">
        <v>304618.02720414102</v>
      </c>
      <c r="AA253" s="53">
        <v>4642537.4152440196</v>
      </c>
      <c r="AB253" s="53">
        <v>499046.05188404798</v>
      </c>
      <c r="AC253" s="53">
        <v>282294.47721446399</v>
      </c>
      <c r="AD253" s="53">
        <v>292582.33994715801</v>
      </c>
      <c r="AE253" s="53">
        <v>310595.01965261699</v>
      </c>
      <c r="AF253" s="53">
        <v>405151.02501128201</v>
      </c>
      <c r="AG253" s="53">
        <v>467052.49122985097</v>
      </c>
      <c r="AH253" s="53">
        <v>503701.10076851299</v>
      </c>
      <c r="AI253" s="53">
        <v>654180.85731380398</v>
      </c>
      <c r="AJ253" s="53">
        <v>455002.48147124797</v>
      </c>
      <c r="AK253" s="53">
        <v>371957.66841107502</v>
      </c>
      <c r="AL253" s="53">
        <v>281379.865499612</v>
      </c>
      <c r="AM253" s="53">
        <v>316005.846314959</v>
      </c>
      <c r="AN253" s="53">
        <v>4838949.2247186303</v>
      </c>
      <c r="AO253" s="53">
        <v>603228.26068827801</v>
      </c>
      <c r="AP253" s="53">
        <v>328507.83488557802</v>
      </c>
      <c r="AQ253" s="53">
        <v>349706.20916351699</v>
      </c>
      <c r="AR253" s="53">
        <v>371388.28967895702</v>
      </c>
      <c r="AS253" s="53">
        <v>487908.23119664402</v>
      </c>
      <c r="AT253" s="53">
        <v>565765.53719563805</v>
      </c>
      <c r="AU253" s="53">
        <v>611158.33105768298</v>
      </c>
      <c r="AV253" s="53">
        <v>793807.330185225</v>
      </c>
      <c r="AW253" s="53">
        <v>552209.88970260299</v>
      </c>
      <c r="AX253" s="53">
        <v>450051.73622814502</v>
      </c>
      <c r="AY253" s="53">
        <v>339509.81694619998</v>
      </c>
      <c r="AZ253" s="53">
        <v>382384.36889695801</v>
      </c>
      <c r="BA253" s="53">
        <v>5835625.8358254302</v>
      </c>
      <c r="BB253" s="53">
        <v>600456.06098536798</v>
      </c>
      <c r="BC253" s="53">
        <v>324626.77783999301</v>
      </c>
      <c r="BD253" s="53">
        <v>344097.19845978601</v>
      </c>
      <c r="BE253" s="53">
        <v>365655.10665108397</v>
      </c>
      <c r="BF253" s="53">
        <v>483850.51950627402</v>
      </c>
      <c r="BG253" s="53">
        <v>564476.16102050501</v>
      </c>
      <c r="BH253" s="53">
        <v>610773.86454463704</v>
      </c>
      <c r="BI253" s="53">
        <v>793599.66489276395</v>
      </c>
      <c r="BJ253" s="53">
        <v>551974.51152347901</v>
      </c>
      <c r="BK253" s="53">
        <v>448477.01927612303</v>
      </c>
      <c r="BL253" s="53">
        <v>337320.59460194199</v>
      </c>
      <c r="BM253" s="53">
        <v>381015.41534952499</v>
      </c>
      <c r="BN253" s="53">
        <v>5806322.89465148</v>
      </c>
      <c r="BO253" s="53">
        <v>596746.49443408404</v>
      </c>
      <c r="BP253" s="53">
        <v>320983.17458564602</v>
      </c>
      <c r="BQ253" s="53">
        <v>338900.41539773101</v>
      </c>
      <c r="BR253" s="53">
        <v>360620.65559759497</v>
      </c>
      <c r="BS253" s="53">
        <v>479664.89208029403</v>
      </c>
      <c r="BT253" s="53">
        <v>562487.10741250799</v>
      </c>
      <c r="BU253" s="53">
        <v>609604.42872585298</v>
      </c>
      <c r="BV253" s="53">
        <v>792647.82609377697</v>
      </c>
      <c r="BW253" s="53">
        <v>552078.67151721497</v>
      </c>
      <c r="BX253" s="53">
        <v>448557.74179516401</v>
      </c>
      <c r="BY253" s="53">
        <v>337591.711988981</v>
      </c>
      <c r="BZ253" s="53">
        <v>381654.585760188</v>
      </c>
      <c r="CA253" s="53">
        <v>5781537.7053890396</v>
      </c>
      <c r="CB253" s="53">
        <v>18142.450925809098</v>
      </c>
      <c r="CC253" s="53">
        <v>18136.105838842999</v>
      </c>
      <c r="CD253" s="53">
        <v>18129.780927068201</v>
      </c>
      <c r="CE253" s="53">
        <v>18123.476062590998</v>
      </c>
      <c r="CF253" s="53">
        <v>18117.191118729901</v>
      </c>
      <c r="CG253" s="53">
        <v>18110.925970000299</v>
      </c>
      <c r="CH253" s="53">
        <v>18104.680492099698</v>
      </c>
      <c r="CI253" s="53">
        <v>18098.4545618927</v>
      </c>
      <c r="CJ253" s="53">
        <v>18092.248057396599</v>
      </c>
      <c r="CK253" s="53">
        <v>18086.060857766901</v>
      </c>
      <c r="CL253" s="53">
        <v>18079.892843283</v>
      </c>
      <c r="CM253" s="53">
        <v>18073.743895334799</v>
      </c>
      <c r="CN253" s="53">
        <v>217295.01155081499</v>
      </c>
    </row>
    <row r="254" spans="1:92" outlineLevel="1">
      <c r="A254" s="52" t="s">
        <v>1244</v>
      </c>
      <c r="B254" s="53"/>
      <c r="C254" s="53"/>
      <c r="D254" s="53"/>
      <c r="E254" s="53"/>
      <c r="F254" s="53"/>
      <c r="G254" s="53"/>
      <c r="H254" s="53"/>
      <c r="I254" s="53"/>
      <c r="J254" s="53"/>
      <c r="K254" s="53"/>
      <c r="L254" s="53"/>
      <c r="M254" s="53"/>
      <c r="N254" s="53"/>
      <c r="O254" s="53"/>
      <c r="P254" s="53"/>
      <c r="Q254" s="53"/>
      <c r="R254" s="53"/>
      <c r="S254" s="53"/>
      <c r="T254" s="53"/>
      <c r="U254" s="53"/>
      <c r="V254" s="53"/>
      <c r="W254" s="53"/>
      <c r="X254" s="53"/>
      <c r="Y254" s="53"/>
      <c r="Z254" s="53"/>
      <c r="AA254" s="53"/>
      <c r="AB254" s="53"/>
      <c r="AC254" s="53"/>
      <c r="AD254" s="53"/>
      <c r="AE254" s="53"/>
      <c r="AF254" s="53"/>
      <c r="AG254" s="53"/>
      <c r="AH254" s="53"/>
      <c r="AI254" s="53"/>
      <c r="AJ254" s="53"/>
      <c r="AK254" s="53"/>
      <c r="AL254" s="53"/>
      <c r="AM254" s="53"/>
      <c r="AN254" s="53"/>
      <c r="AO254" s="53"/>
      <c r="AP254" s="53"/>
      <c r="AQ254" s="53"/>
      <c r="AR254" s="53"/>
      <c r="AS254" s="53"/>
      <c r="AT254" s="53"/>
      <c r="AU254" s="53"/>
      <c r="AV254" s="53"/>
      <c r="AW254" s="53"/>
      <c r="AX254" s="53"/>
      <c r="AY254" s="53"/>
      <c r="AZ254" s="53"/>
      <c r="BA254" s="53"/>
      <c r="BB254" s="53"/>
      <c r="BC254" s="53"/>
      <c r="BD254" s="53"/>
      <c r="BE254" s="53"/>
      <c r="BF254" s="53"/>
      <c r="BG254" s="53"/>
      <c r="BH254" s="53"/>
      <c r="BI254" s="53"/>
      <c r="BJ254" s="53"/>
      <c r="BK254" s="53"/>
      <c r="BL254" s="53"/>
      <c r="BM254" s="53"/>
      <c r="BN254" s="53"/>
      <c r="BO254" s="53"/>
      <c r="BP254" s="53"/>
      <c r="BQ254" s="53"/>
      <c r="BR254" s="53"/>
      <c r="BS254" s="53"/>
      <c r="BT254" s="53"/>
      <c r="BU254" s="53"/>
      <c r="BV254" s="53"/>
      <c r="BW254" s="53"/>
      <c r="BX254" s="53"/>
      <c r="BY254" s="53"/>
      <c r="BZ254" s="53"/>
      <c r="CA254" s="53"/>
      <c r="CB254" s="53">
        <v>2488668.42339464</v>
      </c>
      <c r="CC254" s="53">
        <v>2472563.4912020499</v>
      </c>
      <c r="CD254" s="53">
        <v>2554479.0599255399</v>
      </c>
      <c r="CE254" s="53">
        <v>2711673.27883521</v>
      </c>
      <c r="CF254" s="53">
        <v>2976093.5230905199</v>
      </c>
      <c r="CG254" s="53">
        <v>3019414.73454668</v>
      </c>
      <c r="CH254" s="53">
        <v>3055769.9381977501</v>
      </c>
      <c r="CI254" s="53">
        <v>2756688.4887987799</v>
      </c>
      <c r="CJ254" s="53">
        <v>3105903.21836509</v>
      </c>
      <c r="CK254" s="53">
        <v>2872510.29036501</v>
      </c>
      <c r="CL254" s="53">
        <v>2563143.6464444799</v>
      </c>
      <c r="CM254" s="53">
        <v>2502742.1891059</v>
      </c>
      <c r="CN254" s="53">
        <v>33079650.282271702</v>
      </c>
    </row>
    <row r="255" spans="1:92" outlineLevel="1">
      <c r="A255" s="52" t="s">
        <v>780</v>
      </c>
      <c r="B255" s="53">
        <v>2019225.08639929</v>
      </c>
      <c r="C255" s="53">
        <v>1831043.72780319</v>
      </c>
      <c r="D255" s="53">
        <v>2154406.3439329499</v>
      </c>
      <c r="E255" s="53">
        <v>2299325.8954736101</v>
      </c>
      <c r="F255" s="53">
        <v>2495214.77643727</v>
      </c>
      <c r="G255" s="53">
        <v>2649496.7386008301</v>
      </c>
      <c r="H255" s="53">
        <v>2763696.2993115601</v>
      </c>
      <c r="I255" s="53">
        <v>2793032.9005138502</v>
      </c>
      <c r="J255" s="53">
        <v>2642595.3430290599</v>
      </c>
      <c r="K255" s="53">
        <v>2375186.64957467</v>
      </c>
      <c r="L255" s="53">
        <v>2072640.0264838899</v>
      </c>
      <c r="M255" s="53">
        <v>2108667.10758251</v>
      </c>
      <c r="N255" s="53">
        <v>28204530.895142701</v>
      </c>
      <c r="O255" s="53">
        <v>4190838.4244271698</v>
      </c>
      <c r="P255" s="53">
        <v>2674552.4221764798</v>
      </c>
      <c r="Q255" s="53">
        <v>2962011.9782487499</v>
      </c>
      <c r="R255" s="53">
        <v>3273149.4709662902</v>
      </c>
      <c r="S255" s="53">
        <v>3640829.2431150498</v>
      </c>
      <c r="T255" s="53">
        <v>3791589.5887362598</v>
      </c>
      <c r="U255" s="53">
        <v>3906139.24293083</v>
      </c>
      <c r="V255" s="53">
        <v>4942845.6403287305</v>
      </c>
      <c r="W255" s="53">
        <v>3707550.1657642</v>
      </c>
      <c r="X255" s="53">
        <v>3449004.1212069402</v>
      </c>
      <c r="Y255" s="53">
        <v>2862209.7710700701</v>
      </c>
      <c r="Z255" s="53">
        <v>2841704.0245829001</v>
      </c>
      <c r="AA255" s="53">
        <v>42242424.0935537</v>
      </c>
      <c r="AB255" s="53">
        <v>4354573.6951265801</v>
      </c>
      <c r="AC255" s="53">
        <v>2771824.8356349901</v>
      </c>
      <c r="AD255" s="53">
        <v>3008667.9232180002</v>
      </c>
      <c r="AE255" s="53">
        <v>3351916.3250556099</v>
      </c>
      <c r="AF255" s="53">
        <v>3767169.70992913</v>
      </c>
      <c r="AG255" s="53">
        <v>3926033.05113392</v>
      </c>
      <c r="AH255" s="53">
        <v>4023812.5184706999</v>
      </c>
      <c r="AI255" s="53">
        <v>5123325.45041396</v>
      </c>
      <c r="AJ255" s="53">
        <v>3839195.07135962</v>
      </c>
      <c r="AK255" s="53">
        <v>3549726.1625810298</v>
      </c>
      <c r="AL255" s="53">
        <v>2914605.1111535798</v>
      </c>
      <c r="AM255" s="53">
        <v>2888436.81437736</v>
      </c>
      <c r="AN255" s="53">
        <v>43519286.668454498</v>
      </c>
      <c r="AO255" s="53">
        <v>7678165.5326198097</v>
      </c>
      <c r="AP255" s="53">
        <v>4705783.9967674501</v>
      </c>
      <c r="AQ255" s="53">
        <v>5374374.5248304</v>
      </c>
      <c r="AR255" s="53">
        <v>5964139.91271492</v>
      </c>
      <c r="AS255" s="53">
        <v>6729139.5818320904</v>
      </c>
      <c r="AT255" s="53">
        <v>6991736.3740154197</v>
      </c>
      <c r="AU255" s="53">
        <v>7239271.4415278602</v>
      </c>
      <c r="AV255" s="53">
        <v>9131129.2221144792</v>
      </c>
      <c r="AW255" s="53">
        <v>6913018.64968987</v>
      </c>
      <c r="AX255" s="53">
        <v>6250865.5382345598</v>
      </c>
      <c r="AY255" s="53">
        <v>5194507.3875593198</v>
      </c>
      <c r="AZ255" s="53">
        <v>5139106.50227213</v>
      </c>
      <c r="BA255" s="53">
        <v>77311238.664178297</v>
      </c>
      <c r="BB255" s="53">
        <v>10187346.445666401</v>
      </c>
      <c r="BC255" s="53">
        <v>6349308.72984243</v>
      </c>
      <c r="BD255" s="53">
        <v>7157532.3378829602</v>
      </c>
      <c r="BE255" s="53">
        <v>7948254.3850221597</v>
      </c>
      <c r="BF255" s="53">
        <v>8940503.1835184209</v>
      </c>
      <c r="BG255" s="53">
        <v>9379433.67155228</v>
      </c>
      <c r="BH255" s="53">
        <v>9674541.7194894105</v>
      </c>
      <c r="BI255" s="53">
        <v>12176423.196582999</v>
      </c>
      <c r="BJ255" s="53">
        <v>9235836.7501199692</v>
      </c>
      <c r="BK255" s="53">
        <v>8443719.9987386893</v>
      </c>
      <c r="BL255" s="53">
        <v>6889050.5780627802</v>
      </c>
      <c r="BM255" s="53">
        <v>6862211.9819363505</v>
      </c>
      <c r="BN255" s="53">
        <v>103244162.978415</v>
      </c>
      <c r="BO255" s="53">
        <v>12013588.488771999</v>
      </c>
      <c r="BP255" s="53">
        <v>7493940.08649542</v>
      </c>
      <c r="BQ255" s="53">
        <v>8422031.2250033095</v>
      </c>
      <c r="BR255" s="53">
        <v>9342592.1452622693</v>
      </c>
      <c r="BS255" s="53">
        <v>10599146.0064808</v>
      </c>
      <c r="BT255" s="53">
        <v>11148660.813303201</v>
      </c>
      <c r="BU255" s="53">
        <v>11493931.2177587</v>
      </c>
      <c r="BV255" s="53">
        <v>14427388.2630041</v>
      </c>
      <c r="BW255" s="53">
        <v>10976055.942055801</v>
      </c>
      <c r="BX255" s="53">
        <v>10023730.651576299</v>
      </c>
      <c r="BY255" s="53">
        <v>8190713.3092591297</v>
      </c>
      <c r="BZ255" s="53">
        <v>8188452.8477558903</v>
      </c>
      <c r="CA255" s="53">
        <v>122320230.996727</v>
      </c>
      <c r="CB255" s="53">
        <v>16966795.271148399</v>
      </c>
      <c r="CC255" s="53">
        <v>13871960.903105199</v>
      </c>
      <c r="CD255" s="53">
        <v>14338461.329489499</v>
      </c>
      <c r="CE255" s="53">
        <v>14784597.3273915</v>
      </c>
      <c r="CF255" s="53">
        <v>19569115.379577499</v>
      </c>
      <c r="CG255" s="53">
        <v>22576511.939546</v>
      </c>
      <c r="CH255" s="53">
        <v>24466436.034539599</v>
      </c>
      <c r="CI255" s="53">
        <v>24528185.427982301</v>
      </c>
      <c r="CJ255" s="53">
        <v>22190559.3387498</v>
      </c>
      <c r="CK255" s="53">
        <v>18098901.022448901</v>
      </c>
      <c r="CL255" s="53">
        <v>14087569.910292201</v>
      </c>
      <c r="CM255" s="53">
        <v>16182627.200127499</v>
      </c>
      <c r="CN255" s="53">
        <v>221661721.08439901</v>
      </c>
    </row>
    <row r="256" spans="1:92" outlineLevel="1">
      <c r="A256" s="52" t="s">
        <v>781</v>
      </c>
      <c r="B256" s="53">
        <v>656921.646463988</v>
      </c>
      <c r="C256" s="53">
        <v>667828.75088766101</v>
      </c>
      <c r="D256" s="53">
        <v>708861.79324609903</v>
      </c>
      <c r="E256" s="53">
        <v>729181.19410068903</v>
      </c>
      <c r="F256" s="53">
        <v>736558.43354080897</v>
      </c>
      <c r="G256" s="53">
        <v>761656.16682463698</v>
      </c>
      <c r="H256" s="53">
        <v>739123.10119952401</v>
      </c>
      <c r="I256" s="53">
        <v>708485.63368862495</v>
      </c>
      <c r="J256" s="53">
        <v>736280.89698458696</v>
      </c>
      <c r="K256" s="53">
        <v>711257.04337462096</v>
      </c>
      <c r="L256" s="53">
        <v>715212.21830884495</v>
      </c>
      <c r="M256" s="53">
        <v>681260.99850019603</v>
      </c>
      <c r="N256" s="53">
        <v>8552627.8771202806</v>
      </c>
      <c r="O256" s="53">
        <v>768731.80483258294</v>
      </c>
      <c r="P256" s="53">
        <v>847796.69489510194</v>
      </c>
      <c r="Q256" s="53">
        <v>972303.81495001202</v>
      </c>
      <c r="R256" s="53">
        <v>1222109.33182794</v>
      </c>
      <c r="S256" s="53">
        <v>1373690.4611418699</v>
      </c>
      <c r="T256" s="53">
        <v>1065642.3683452599</v>
      </c>
      <c r="U256" s="53">
        <v>1031410.02900919</v>
      </c>
      <c r="V256" s="53">
        <v>1020791.45142689</v>
      </c>
      <c r="W256" s="53">
        <v>995507.07807723596</v>
      </c>
      <c r="X256" s="53">
        <v>891149.16547002899</v>
      </c>
      <c r="Y256" s="53">
        <v>747294.18766636599</v>
      </c>
      <c r="Z256" s="53">
        <v>828139.81528944697</v>
      </c>
      <c r="AA256" s="53">
        <v>11764566.2029319</v>
      </c>
      <c r="AB256" s="53">
        <v>787128.84596398298</v>
      </c>
      <c r="AC256" s="53">
        <v>880368.552837127</v>
      </c>
      <c r="AD256" s="53">
        <v>998412.07740908104</v>
      </c>
      <c r="AE256" s="53">
        <v>1256385.08565717</v>
      </c>
      <c r="AF256" s="53">
        <v>1412913.82703233</v>
      </c>
      <c r="AG256" s="53">
        <v>1095943.87447167</v>
      </c>
      <c r="AH256" s="53">
        <v>1061047.0382249099</v>
      </c>
      <c r="AI256" s="53">
        <v>1049606.8986249301</v>
      </c>
      <c r="AJ256" s="53">
        <v>1024390.20009583</v>
      </c>
      <c r="AK256" s="53">
        <v>917569.42132163304</v>
      </c>
      <c r="AL256" s="53">
        <v>769453.79098082602</v>
      </c>
      <c r="AM256" s="53">
        <v>853421.69221779401</v>
      </c>
      <c r="AN256" s="53">
        <v>12106641.3048373</v>
      </c>
      <c r="AO256" s="53">
        <v>1401918.87767057</v>
      </c>
      <c r="AP256" s="53">
        <v>1547521.8390265</v>
      </c>
      <c r="AQ256" s="53">
        <v>1774788.4109130299</v>
      </c>
      <c r="AR256" s="53">
        <v>2230859.5719608902</v>
      </c>
      <c r="AS256" s="53">
        <v>2507625.8546174699</v>
      </c>
      <c r="AT256" s="53">
        <v>1946538.1167263801</v>
      </c>
      <c r="AU256" s="53">
        <v>1884672.0592964401</v>
      </c>
      <c r="AV256" s="53">
        <v>1864268.0058945599</v>
      </c>
      <c r="AW256" s="53">
        <v>1819312.6039221201</v>
      </c>
      <c r="AX256" s="53">
        <v>1629924.7385205701</v>
      </c>
      <c r="AY256" s="53">
        <v>1367465.69364498</v>
      </c>
      <c r="AZ256" s="53">
        <v>1516040.55799528</v>
      </c>
      <c r="BA256" s="53">
        <v>21490936.3301888</v>
      </c>
      <c r="BB256" s="53">
        <v>1863275.1783056001</v>
      </c>
      <c r="BC256" s="53">
        <v>2056134.2058780801</v>
      </c>
      <c r="BD256" s="53">
        <v>2357357.2529142299</v>
      </c>
      <c r="BE256" s="53">
        <v>2961007.5621072901</v>
      </c>
      <c r="BF256" s="53">
        <v>3327418.4581250502</v>
      </c>
      <c r="BG256" s="53">
        <v>2584907.80129271</v>
      </c>
      <c r="BH256" s="53">
        <v>2503272.5164443599</v>
      </c>
      <c r="BI256" s="53">
        <v>2476500.82589297</v>
      </c>
      <c r="BJ256" s="53">
        <v>2417032.3382022702</v>
      </c>
      <c r="BK256" s="53">
        <v>2166420.6739413701</v>
      </c>
      <c r="BL256" s="53">
        <v>1819024.6832714099</v>
      </c>
      <c r="BM256" s="53">
        <v>2015994.2700525899</v>
      </c>
      <c r="BN256" s="53">
        <v>28548345.766427901</v>
      </c>
      <c r="BO256" s="53">
        <v>2207315.7001398802</v>
      </c>
      <c r="BP256" s="53">
        <v>2434852.3871491901</v>
      </c>
      <c r="BQ256" s="53">
        <v>2790716.5392992599</v>
      </c>
      <c r="BR256" s="53">
        <v>3502718.72632564</v>
      </c>
      <c r="BS256" s="53">
        <v>3935456.8485211302</v>
      </c>
      <c r="BT256" s="53">
        <v>3061277.3201524299</v>
      </c>
      <c r="BU256" s="53">
        <v>2965796.9006223101</v>
      </c>
      <c r="BV256" s="53">
        <v>2934741.39152453</v>
      </c>
      <c r="BW256" s="53">
        <v>2864894.8685774999</v>
      </c>
      <c r="BX256" s="53">
        <v>2569923.8754596901</v>
      </c>
      <c r="BY256" s="53">
        <v>2160706.6250298298</v>
      </c>
      <c r="BZ256" s="53">
        <v>2393067.9465836301</v>
      </c>
      <c r="CA256" s="53">
        <v>33821469.129385002</v>
      </c>
      <c r="CB256" s="53"/>
      <c r="CC256" s="53"/>
      <c r="CD256" s="53"/>
      <c r="CE256" s="53"/>
      <c r="CF256" s="53"/>
      <c r="CG256" s="53"/>
      <c r="CH256" s="53"/>
      <c r="CI256" s="53"/>
      <c r="CJ256" s="53"/>
      <c r="CK256" s="53"/>
      <c r="CL256" s="53"/>
      <c r="CM256" s="53"/>
      <c r="CN256" s="53"/>
    </row>
    <row r="257" spans="1:92" outlineLevel="1">
      <c r="A257" s="52" t="s">
        <v>782</v>
      </c>
      <c r="B257" s="53">
        <v>4379.6498468070304</v>
      </c>
      <c r="C257" s="53">
        <v>4378.9187427134302</v>
      </c>
      <c r="D257" s="53">
        <v>4377.7512848829801</v>
      </c>
      <c r="E257" s="53">
        <v>4376.3353095278699</v>
      </c>
      <c r="F257" s="53">
        <v>4374.7789698844599</v>
      </c>
      <c r="G257" s="53">
        <v>4373.14453042278</v>
      </c>
      <c r="H257" s="53">
        <v>4371.4678287556799</v>
      </c>
      <c r="I257" s="53">
        <v>4369.7694836443698</v>
      </c>
      <c r="J257" s="53">
        <v>4368.0613496229898</v>
      </c>
      <c r="K257" s="53">
        <v>4366.3502341760804</v>
      </c>
      <c r="L257" s="53">
        <v>4364.6400384358903</v>
      </c>
      <c r="M257" s="53">
        <v>4362.9329899936301</v>
      </c>
      <c r="N257" s="53">
        <v>52463.800608867197</v>
      </c>
      <c r="O257" s="53">
        <v>9316.7135604089599</v>
      </c>
      <c r="P257" s="53">
        <v>9253.3573169990104</v>
      </c>
      <c r="Q257" s="53">
        <v>9194.94855551826</v>
      </c>
      <c r="R257" s="53">
        <v>9141.1669354101505</v>
      </c>
      <c r="S257" s="53">
        <v>9091.7277095132904</v>
      </c>
      <c r="T257" s="53">
        <v>9046.2393504807496</v>
      </c>
      <c r="U257" s="53">
        <v>9004.5238913366702</v>
      </c>
      <c r="V257" s="53">
        <v>8966.2609915244793</v>
      </c>
      <c r="W257" s="53">
        <v>8931.2370906731394</v>
      </c>
      <c r="X257" s="53">
        <v>8899.2386284116001</v>
      </c>
      <c r="Y257" s="53">
        <v>8870.0164509736405</v>
      </c>
      <c r="Z257" s="53">
        <v>8843.39259138339</v>
      </c>
      <c r="AA257" s="53">
        <v>108558.82307263299</v>
      </c>
      <c r="AB257" s="53">
        <v>9016.5662440018605</v>
      </c>
      <c r="AC257" s="53">
        <v>8994.1500099585901</v>
      </c>
      <c r="AD257" s="53">
        <v>8973.8807853447906</v>
      </c>
      <c r="AE257" s="53">
        <v>8955.5766202088107</v>
      </c>
      <c r="AF257" s="53">
        <v>8939.1647345699894</v>
      </c>
      <c r="AG257" s="53">
        <v>8924.4631784766807</v>
      </c>
      <c r="AH257" s="53">
        <v>8911.3627819578796</v>
      </c>
      <c r="AI257" s="53">
        <v>8899.7543750426194</v>
      </c>
      <c r="AJ257" s="53">
        <v>8889.5651777502208</v>
      </c>
      <c r="AK257" s="53">
        <v>8880.6496301193802</v>
      </c>
      <c r="AL257" s="53">
        <v>8872.9349521694203</v>
      </c>
      <c r="AM257" s="53">
        <v>8866.3483639196893</v>
      </c>
      <c r="AN257" s="53">
        <v>107124.416853519</v>
      </c>
      <c r="AO257" s="53">
        <v>15680.589386825999</v>
      </c>
      <c r="AP257" s="53">
        <v>15672.475239666001</v>
      </c>
      <c r="AQ257" s="53">
        <v>15665.971042339201</v>
      </c>
      <c r="AR257" s="53">
        <v>15660.8836008659</v>
      </c>
      <c r="AS257" s="53">
        <v>15657.2129152458</v>
      </c>
      <c r="AT257" s="53">
        <v>15654.7657914991</v>
      </c>
      <c r="AU257" s="53">
        <v>15653.5422296258</v>
      </c>
      <c r="AV257" s="53">
        <v>15653.4134336391</v>
      </c>
      <c r="AW257" s="53">
        <v>15654.315005545801</v>
      </c>
      <c r="AX257" s="53">
        <v>15656.1825473525</v>
      </c>
      <c r="AY257" s="53">
        <v>15658.8872630725</v>
      </c>
      <c r="AZ257" s="53">
        <v>15662.429152705899</v>
      </c>
      <c r="BA257" s="53">
        <v>187930.66760838401</v>
      </c>
      <c r="BB257" s="53">
        <v>20734.762161596798</v>
      </c>
      <c r="BC257" s="53">
        <v>20741.410104085298</v>
      </c>
      <c r="BD257" s="53">
        <v>20748.825116860899</v>
      </c>
      <c r="BE257" s="53">
        <v>20757.092429955599</v>
      </c>
      <c r="BF257" s="53">
        <v>20766.1268133374</v>
      </c>
      <c r="BG257" s="53">
        <v>20775.8430369745</v>
      </c>
      <c r="BH257" s="53">
        <v>20786.1558708349</v>
      </c>
      <c r="BI257" s="53">
        <v>20797.0653149186</v>
      </c>
      <c r="BJ257" s="53">
        <v>20808.571369225599</v>
      </c>
      <c r="BK257" s="53">
        <v>20820.5035736922</v>
      </c>
      <c r="BL257" s="53">
        <v>20832.9471583501</v>
      </c>
      <c r="BM257" s="53">
        <v>20845.816893167601</v>
      </c>
      <c r="BN257" s="53">
        <v>249415.11984299999</v>
      </c>
      <c r="BO257" s="53">
        <v>24579.945233957002</v>
      </c>
      <c r="BP257" s="53">
        <v>24596.0146275021</v>
      </c>
      <c r="BQ257" s="53">
        <v>24612.3853221762</v>
      </c>
      <c r="BR257" s="53">
        <v>24629.258185398499</v>
      </c>
      <c r="BS257" s="53">
        <v>24646.331916040101</v>
      </c>
      <c r="BT257" s="53">
        <v>24663.807381520401</v>
      </c>
      <c r="BU257" s="53">
        <v>24681.483714419999</v>
      </c>
      <c r="BV257" s="53">
        <v>24699.461348448502</v>
      </c>
      <c r="BW257" s="53">
        <v>24717.639849896401</v>
      </c>
      <c r="BX257" s="53">
        <v>24736.1196524732</v>
      </c>
      <c r="BY257" s="53">
        <v>24754.6998887597</v>
      </c>
      <c r="BZ257" s="53">
        <v>24773.480992465498</v>
      </c>
      <c r="CA257" s="53">
        <v>296090.62811305799</v>
      </c>
      <c r="CB257" s="53">
        <v>68761.545873078401</v>
      </c>
      <c r="CC257" s="53">
        <v>65016.100453266801</v>
      </c>
      <c r="CD257" s="53">
        <v>73142.370998875893</v>
      </c>
      <c r="CE257" s="53">
        <v>77346.687494002501</v>
      </c>
      <c r="CF257" s="53">
        <v>87582.950099330395</v>
      </c>
      <c r="CG257" s="53">
        <v>89471.3545275387</v>
      </c>
      <c r="CH257" s="53">
        <v>94022.713903270895</v>
      </c>
      <c r="CI257" s="53">
        <v>94367.351581825395</v>
      </c>
      <c r="CJ257" s="53">
        <v>89249.055088425695</v>
      </c>
      <c r="CK257" s="53">
        <v>84054.711216104202</v>
      </c>
      <c r="CL257" s="53">
        <v>72131.523667972302</v>
      </c>
      <c r="CM257" s="53">
        <v>70623.614631129894</v>
      </c>
      <c r="CN257" s="53">
        <v>965769.979534821</v>
      </c>
    </row>
    <row r="258" spans="1:92" outlineLevel="1">
      <c r="A258" s="52" t="s">
        <v>783</v>
      </c>
      <c r="B258" s="53">
        <v>586670.48004380101</v>
      </c>
      <c r="C258" s="53">
        <v>582097.45221653103</v>
      </c>
      <c r="D258" s="53">
        <v>600765.91715441702</v>
      </c>
      <c r="E258" s="53">
        <v>638052.08805211796</v>
      </c>
      <c r="F258" s="53">
        <v>701244.33886770799</v>
      </c>
      <c r="G258" s="53">
        <v>711736.56334933196</v>
      </c>
      <c r="H258" s="53">
        <v>671970.43806978699</v>
      </c>
      <c r="I258" s="53">
        <v>697974.45986686996</v>
      </c>
      <c r="J258" s="53">
        <v>732044.12408380699</v>
      </c>
      <c r="K258" s="53">
        <v>675893.36719257699</v>
      </c>
      <c r="L258" s="53">
        <v>602054.35257256299</v>
      </c>
      <c r="M258" s="53">
        <v>588533.85682276497</v>
      </c>
      <c r="N258" s="53">
        <v>7789037.4382922798</v>
      </c>
      <c r="O258" s="53">
        <v>927053.75369816599</v>
      </c>
      <c r="P258" s="53">
        <v>817325.75878085301</v>
      </c>
      <c r="Q258" s="53">
        <v>848835.87966060499</v>
      </c>
      <c r="R258" s="53">
        <v>917267.52766201505</v>
      </c>
      <c r="S258" s="53">
        <v>1005779.04717732</v>
      </c>
      <c r="T258" s="53">
        <v>1008837.76559161</v>
      </c>
      <c r="U258" s="53">
        <v>1036714.54828539</v>
      </c>
      <c r="V258" s="53">
        <v>992429.60194369103</v>
      </c>
      <c r="W258" s="53">
        <v>1048604.9490640501</v>
      </c>
      <c r="X258" s="53">
        <v>969774.97540968005</v>
      </c>
      <c r="Y258" s="53">
        <v>850735.53475444403</v>
      </c>
      <c r="Z258" s="53">
        <v>822333.28676771501</v>
      </c>
      <c r="AA258" s="53">
        <v>11245692.628795501</v>
      </c>
      <c r="AB258" s="53">
        <v>945808.63605754497</v>
      </c>
      <c r="AC258" s="53">
        <v>834851.58903248096</v>
      </c>
      <c r="AD258" s="53">
        <v>866323.654119318</v>
      </c>
      <c r="AE258" s="53">
        <v>936308.95630192198</v>
      </c>
      <c r="AF258" s="53">
        <v>1026705.94991046</v>
      </c>
      <c r="AG258" s="53">
        <v>1029713.50983126</v>
      </c>
      <c r="AH258" s="53">
        <v>1058126.6323309599</v>
      </c>
      <c r="AI258" s="53">
        <v>1012642.2739576499</v>
      </c>
      <c r="AJ258" s="53">
        <v>1070245.7727605</v>
      </c>
      <c r="AK258" s="53">
        <v>989730.22629613394</v>
      </c>
      <c r="AL258" s="53">
        <v>867975.65051032905</v>
      </c>
      <c r="AM258" s="53">
        <v>838606.23545474804</v>
      </c>
      <c r="AN258" s="53">
        <v>11477039.0865633</v>
      </c>
      <c r="AO258" s="53">
        <v>1668469.77104259</v>
      </c>
      <c r="AP258" s="53">
        <v>1471009.6815746401</v>
      </c>
      <c r="AQ258" s="53">
        <v>1529193.9769297</v>
      </c>
      <c r="AR258" s="53">
        <v>1653134.0973080599</v>
      </c>
      <c r="AS258" s="53">
        <v>1812874.60773254</v>
      </c>
      <c r="AT258" s="53">
        <v>1817900.74231626</v>
      </c>
      <c r="AU258" s="53">
        <v>1867980.5502102601</v>
      </c>
      <c r="AV258" s="53">
        <v>1786969.6133421001</v>
      </c>
      <c r="AW258" s="53">
        <v>1889434.5484954501</v>
      </c>
      <c r="AX258" s="53">
        <v>1747217.37603704</v>
      </c>
      <c r="AY258" s="53">
        <v>1531638.78234863</v>
      </c>
      <c r="AZ258" s="53">
        <v>1478744.3313599899</v>
      </c>
      <c r="BA258" s="53">
        <v>20254568.078697301</v>
      </c>
      <c r="BB258" s="53">
        <v>2203303.62932768</v>
      </c>
      <c r="BC258" s="53">
        <v>1942535.44308491</v>
      </c>
      <c r="BD258" s="53">
        <v>2020186.0534816899</v>
      </c>
      <c r="BE258" s="53">
        <v>2184305.76998625</v>
      </c>
      <c r="BF258" s="53">
        <v>2395511.8403765499</v>
      </c>
      <c r="BG258" s="53">
        <v>2401879.2056000298</v>
      </c>
      <c r="BH258" s="53">
        <v>2467949.7820220799</v>
      </c>
      <c r="BI258" s="53">
        <v>2360245.5282353899</v>
      </c>
      <c r="BJ258" s="53">
        <v>2496321.7516524899</v>
      </c>
      <c r="BK258" s="53">
        <v>2308342.9104768001</v>
      </c>
      <c r="BL258" s="53">
        <v>2022927.0513077199</v>
      </c>
      <c r="BM258" s="53">
        <v>1952088.7069009601</v>
      </c>
      <c r="BN258" s="53">
        <v>26755597.672452599</v>
      </c>
      <c r="BO258" s="53">
        <v>2590593.6350755799</v>
      </c>
      <c r="BP258" s="53">
        <v>2283930.0490458398</v>
      </c>
      <c r="BQ258" s="53">
        <v>2376126.5875713201</v>
      </c>
      <c r="BR258" s="53">
        <v>2569560.1045633098</v>
      </c>
      <c r="BS258" s="53">
        <v>2818143.17759973</v>
      </c>
      <c r="BT258" s="53">
        <v>2825273.0670819702</v>
      </c>
      <c r="BU258" s="53">
        <v>2902848.8678904702</v>
      </c>
      <c r="BV258" s="53">
        <v>2775318.34423583</v>
      </c>
      <c r="BW258" s="53">
        <v>2936145.55521924</v>
      </c>
      <c r="BX258" s="53">
        <v>2714853.6354089598</v>
      </c>
      <c r="BY258" s="53">
        <v>2378363.4471527901</v>
      </c>
      <c r="BZ258" s="53">
        <v>2293911.8541474901</v>
      </c>
      <c r="CA258" s="53">
        <v>31465068.3249925</v>
      </c>
      <c r="CB258" s="53">
        <v>19017.8751848508</v>
      </c>
      <c r="CC258" s="53">
        <v>19828.291627307299</v>
      </c>
      <c r="CD258" s="53">
        <v>20564.442966587401</v>
      </c>
      <c r="CE258" s="53">
        <v>20463.276442836799</v>
      </c>
      <c r="CF258" s="53">
        <v>21307.351650427099</v>
      </c>
      <c r="CG258" s="53">
        <v>20685.311817943501</v>
      </c>
      <c r="CH258" s="53">
        <v>20551.845540085</v>
      </c>
      <c r="CI258" s="53">
        <v>21325.464958454799</v>
      </c>
      <c r="CJ258" s="53">
        <v>21019.216811334401</v>
      </c>
      <c r="CK258" s="53">
        <v>20825.659916605498</v>
      </c>
      <c r="CL258" s="53">
        <v>21371.974168319699</v>
      </c>
      <c r="CM258" s="53">
        <v>19983.897189165498</v>
      </c>
      <c r="CN258" s="53">
        <v>246944.60827391801</v>
      </c>
    </row>
    <row r="259" spans="1:92" outlineLevel="1">
      <c r="A259" s="52" t="s">
        <v>784</v>
      </c>
      <c r="B259" s="53">
        <v>3953188.8828620999</v>
      </c>
      <c r="C259" s="53">
        <v>3352554.6516120001</v>
      </c>
      <c r="D259" s="53">
        <v>3478702.7447261098</v>
      </c>
      <c r="E259" s="53">
        <v>3652168.4348091199</v>
      </c>
      <c r="F259" s="53">
        <v>4542635.5284565501</v>
      </c>
      <c r="G259" s="53">
        <v>5086881.2553168004</v>
      </c>
      <c r="H259" s="53">
        <v>5534519.2751886602</v>
      </c>
      <c r="I259" s="53">
        <v>5494479.03323068</v>
      </c>
      <c r="J259" s="53">
        <v>5027686.33985289</v>
      </c>
      <c r="K259" s="53">
        <v>4184614.5021565501</v>
      </c>
      <c r="L259" s="53">
        <v>3459329.5536562102</v>
      </c>
      <c r="M259" s="53">
        <v>3746785.1199741201</v>
      </c>
      <c r="N259" s="53">
        <v>51513545.321841799</v>
      </c>
      <c r="O259" s="53">
        <v>7852137.1421062499</v>
      </c>
      <c r="P259" s="53">
        <v>4316314.0855797697</v>
      </c>
      <c r="Q259" s="53">
        <v>4607253.4969555</v>
      </c>
      <c r="R259" s="53">
        <v>4891739.75909096</v>
      </c>
      <c r="S259" s="53">
        <v>6292767.5073681697</v>
      </c>
      <c r="T259" s="53">
        <v>7192325.1892671501</v>
      </c>
      <c r="U259" s="53">
        <v>7735349.0310463803</v>
      </c>
      <c r="V259" s="53">
        <v>10125583.3969499</v>
      </c>
      <c r="W259" s="53">
        <v>7001309.2288933704</v>
      </c>
      <c r="X259" s="53">
        <v>5766719.5099392803</v>
      </c>
      <c r="Y259" s="53">
        <v>4400901.2037211005</v>
      </c>
      <c r="Z259" s="53">
        <v>4928359.0088366196</v>
      </c>
      <c r="AA259" s="53">
        <v>75110758.559754506</v>
      </c>
      <c r="AB259" s="53">
        <v>8125688.0953433504</v>
      </c>
      <c r="AC259" s="53">
        <v>4596443.2825844903</v>
      </c>
      <c r="AD259" s="53">
        <v>4763954.8046534099</v>
      </c>
      <c r="AE259" s="53">
        <v>5057245.2064015204</v>
      </c>
      <c r="AF259" s="53">
        <v>6596847.8226038497</v>
      </c>
      <c r="AG259" s="53">
        <v>7604754.8188371202</v>
      </c>
      <c r="AH259" s="53">
        <v>8201483.6560154296</v>
      </c>
      <c r="AI259" s="53">
        <v>10651661.4737418</v>
      </c>
      <c r="AJ259" s="53">
        <v>7408551.2410819298</v>
      </c>
      <c r="AK259" s="53">
        <v>6056378.9389156299</v>
      </c>
      <c r="AL259" s="53">
        <v>4581551.1709343297</v>
      </c>
      <c r="AM259" s="53">
        <v>5145346.6744527603</v>
      </c>
      <c r="AN259" s="53">
        <v>78789907.185565695</v>
      </c>
      <c r="AO259" s="53">
        <v>14365289.8301851</v>
      </c>
      <c r="AP259" s="53">
        <v>7823092.1313824002</v>
      </c>
      <c r="AQ259" s="53">
        <v>8327910.6391954701</v>
      </c>
      <c r="AR259" s="53">
        <v>8844248.13699493</v>
      </c>
      <c r="AS259" s="53">
        <v>11619056.3480491</v>
      </c>
      <c r="AT259" s="53">
        <v>13473151.785814</v>
      </c>
      <c r="AU259" s="53">
        <v>14554136.6841112</v>
      </c>
      <c r="AV259" s="53">
        <v>18903743.591895401</v>
      </c>
      <c r="AW259" s="53">
        <v>13150337.3260752</v>
      </c>
      <c r="AX259" s="53">
        <v>10717541.021898899</v>
      </c>
      <c r="AY259" s="53">
        <v>8085093.5515860897</v>
      </c>
      <c r="AZ259" s="53">
        <v>9106108.9867867194</v>
      </c>
      <c r="BA259" s="53">
        <v>138969710.03397399</v>
      </c>
      <c r="BB259" s="53">
        <v>18963668.992619298</v>
      </c>
      <c r="BC259" s="53">
        <v>10252398.403633</v>
      </c>
      <c r="BD259" s="53">
        <v>10867315.357214799</v>
      </c>
      <c r="BE259" s="53">
        <v>11548159.571597699</v>
      </c>
      <c r="BF259" s="53">
        <v>15281020.0279541</v>
      </c>
      <c r="BG259" s="53">
        <v>17827347.856645498</v>
      </c>
      <c r="BH259" s="53">
        <v>19289526.993132699</v>
      </c>
      <c r="BI259" s="53">
        <v>25063551.416207101</v>
      </c>
      <c r="BJ259" s="53">
        <v>17432519.394868799</v>
      </c>
      <c r="BK259" s="53">
        <v>14163850.2747267</v>
      </c>
      <c r="BL259" s="53">
        <v>10653295.9129887</v>
      </c>
      <c r="BM259" s="53">
        <v>12033270.520937899</v>
      </c>
      <c r="BN259" s="53">
        <v>183375924.722527</v>
      </c>
      <c r="BO259" s="53">
        <v>22281081.641276099</v>
      </c>
      <c r="BP259" s="53">
        <v>11984741.2345524</v>
      </c>
      <c r="BQ259" s="53">
        <v>12653727.997011799</v>
      </c>
      <c r="BR259" s="53">
        <v>13464709.627696101</v>
      </c>
      <c r="BS259" s="53">
        <v>17909535.6580691</v>
      </c>
      <c r="BT259" s="53">
        <v>21001918.3678803</v>
      </c>
      <c r="BU259" s="53">
        <v>22761166.042885799</v>
      </c>
      <c r="BV259" s="53">
        <v>29595567.1138447</v>
      </c>
      <c r="BW259" s="53">
        <v>20613292.356493399</v>
      </c>
      <c r="BX259" s="53">
        <v>16748069.3376213</v>
      </c>
      <c r="BY259" s="53">
        <v>12604864.1532079</v>
      </c>
      <c r="BZ259" s="53">
        <v>14250066.0890426</v>
      </c>
      <c r="CA259" s="53">
        <v>215868739.619582</v>
      </c>
      <c r="CB259" s="53">
        <v>117.91450892712101</v>
      </c>
      <c r="CC259" s="53">
        <v>119.460886262231</v>
      </c>
      <c r="CD259" s="53">
        <v>118.932199958504</v>
      </c>
      <c r="CE259" s="53">
        <v>118.354693769766</v>
      </c>
      <c r="CF259" s="53">
        <v>115.99417620561201</v>
      </c>
      <c r="CG259" s="53">
        <v>115.053799849846</v>
      </c>
      <c r="CH259" s="53">
        <v>115.00259165993199</v>
      </c>
      <c r="CI259" s="53">
        <v>115.177455109194</v>
      </c>
      <c r="CJ259" s="53">
        <v>115.66456706947901</v>
      </c>
      <c r="CK259" s="53">
        <v>117.05853219553499</v>
      </c>
      <c r="CL259" s="53">
        <v>119.24805807258301</v>
      </c>
      <c r="CM259" s="53">
        <v>118.49646551767501</v>
      </c>
      <c r="CN259" s="53">
        <v>1406.3579345974799</v>
      </c>
    </row>
    <row r="260" spans="1:92" outlineLevel="1">
      <c r="A260" s="52" t="s">
        <v>1245</v>
      </c>
      <c r="B260" s="53"/>
      <c r="C260" s="53"/>
      <c r="D260" s="53"/>
      <c r="E260" s="53"/>
      <c r="F260" s="53"/>
      <c r="G260" s="53"/>
      <c r="H260" s="53"/>
      <c r="I260" s="53"/>
      <c r="J260" s="53"/>
      <c r="K260" s="53"/>
      <c r="L260" s="53"/>
      <c r="M260" s="53"/>
      <c r="N260" s="53"/>
      <c r="O260" s="53"/>
      <c r="P260" s="53"/>
      <c r="Q260" s="53"/>
      <c r="R260" s="53"/>
      <c r="S260" s="53"/>
      <c r="T260" s="53"/>
      <c r="U260" s="53"/>
      <c r="V260" s="53"/>
      <c r="W260" s="53"/>
      <c r="X260" s="53"/>
      <c r="Y260" s="53"/>
      <c r="Z260" s="53"/>
      <c r="AA260" s="53"/>
      <c r="AB260" s="53"/>
      <c r="AC260" s="53"/>
      <c r="AD260" s="53"/>
      <c r="AE260" s="53"/>
      <c r="AF260" s="53"/>
      <c r="AG260" s="53"/>
      <c r="AH260" s="53"/>
      <c r="AI260" s="53"/>
      <c r="AJ260" s="53"/>
      <c r="AK260" s="53"/>
      <c r="AL260" s="53"/>
      <c r="AM260" s="53"/>
      <c r="AN260" s="53"/>
      <c r="AO260" s="53"/>
      <c r="AP260" s="53"/>
      <c r="AQ260" s="53"/>
      <c r="AR260" s="53"/>
      <c r="AS260" s="53"/>
      <c r="AT260" s="53"/>
      <c r="AU260" s="53"/>
      <c r="AV260" s="53"/>
      <c r="AW260" s="53"/>
      <c r="AX260" s="53"/>
      <c r="AY260" s="53"/>
      <c r="AZ260" s="53"/>
      <c r="BA260" s="53"/>
      <c r="BB260" s="53"/>
      <c r="BC260" s="53"/>
      <c r="BD260" s="53"/>
      <c r="BE260" s="53"/>
      <c r="BF260" s="53"/>
      <c r="BG260" s="53"/>
      <c r="BH260" s="53"/>
      <c r="BI260" s="53"/>
      <c r="BJ260" s="53"/>
      <c r="BK260" s="53"/>
      <c r="BL260" s="53"/>
      <c r="BM260" s="53"/>
      <c r="BN260" s="53"/>
      <c r="BO260" s="53"/>
      <c r="BP260" s="53"/>
      <c r="BQ260" s="53"/>
      <c r="BR260" s="53"/>
      <c r="BS260" s="53"/>
      <c r="BT260" s="53"/>
      <c r="BU260" s="53"/>
      <c r="BV260" s="53"/>
      <c r="BW260" s="53"/>
      <c r="BX260" s="53"/>
      <c r="BY260" s="53"/>
      <c r="BZ260" s="53"/>
      <c r="CA260" s="53"/>
      <c r="CB260" s="53">
        <v>19049.572225510499</v>
      </c>
      <c r="CC260" s="53">
        <v>19618.091666282799</v>
      </c>
      <c r="CD260" s="53">
        <v>20114.6164682335</v>
      </c>
      <c r="CE260" s="53">
        <v>21145.2332215346</v>
      </c>
      <c r="CF260" s="53">
        <v>23036.678019160801</v>
      </c>
      <c r="CG260" s="53">
        <v>23017.527690247502</v>
      </c>
      <c r="CH260" s="53">
        <v>23161.200433248701</v>
      </c>
      <c r="CI260" s="53">
        <v>20768.915840400801</v>
      </c>
      <c r="CJ260" s="53">
        <v>23833.097428649598</v>
      </c>
      <c r="CK260" s="53">
        <v>22325.900403346201</v>
      </c>
      <c r="CL260" s="53">
        <v>20298.692792106998</v>
      </c>
      <c r="CM260" s="53">
        <v>19564.332968389401</v>
      </c>
      <c r="CN260" s="53">
        <v>255933.85915711199</v>
      </c>
    </row>
    <row r="261" spans="1:92" outlineLevel="1">
      <c r="A261" s="52" t="s">
        <v>780</v>
      </c>
      <c r="B261" s="53">
        <v>71299.921544151701</v>
      </c>
      <c r="C261" s="53">
        <v>65498.4569072206</v>
      </c>
      <c r="D261" s="53">
        <v>76724.371965783794</v>
      </c>
      <c r="E261" s="53">
        <v>82475.320919290098</v>
      </c>
      <c r="F261" s="53">
        <v>89717.125867791401</v>
      </c>
      <c r="G261" s="53">
        <v>94141.749660555404</v>
      </c>
      <c r="H261" s="53">
        <v>97858.184666191504</v>
      </c>
      <c r="I261" s="53">
        <v>98946.223399039998</v>
      </c>
      <c r="J261" s="53">
        <v>93409.436966637106</v>
      </c>
      <c r="K261" s="53">
        <v>84553.139213164905</v>
      </c>
      <c r="L261" s="53">
        <v>73919.453841734401</v>
      </c>
      <c r="M261" s="53">
        <v>75025.098564408807</v>
      </c>
      <c r="N261" s="53">
        <v>1003568.4835159699</v>
      </c>
      <c r="O261" s="53">
        <v>129226.411501058</v>
      </c>
      <c r="P261" s="53">
        <v>84831.041346170401</v>
      </c>
      <c r="Q261" s="53">
        <v>92062.596392355495</v>
      </c>
      <c r="R261" s="53">
        <v>108746.090016199</v>
      </c>
      <c r="S261" s="53">
        <v>119285.362421818</v>
      </c>
      <c r="T261" s="53">
        <v>122670.46545162299</v>
      </c>
      <c r="U261" s="53">
        <v>125317.69230423401</v>
      </c>
      <c r="V261" s="53">
        <v>157432.287582308</v>
      </c>
      <c r="W261" s="53">
        <v>119560.340225016</v>
      </c>
      <c r="X261" s="53">
        <v>114351.792705763</v>
      </c>
      <c r="Y261" s="53">
        <v>97110.045132888394</v>
      </c>
      <c r="Z261" s="53">
        <v>96407.181082631607</v>
      </c>
      <c r="AA261" s="53">
        <v>1367001.30616206</v>
      </c>
      <c r="AB261" s="53">
        <v>132310.90729119099</v>
      </c>
      <c r="AC261" s="53">
        <v>89373.943301946696</v>
      </c>
      <c r="AD261" s="53">
        <v>95370.127093186602</v>
      </c>
      <c r="AE261" s="53">
        <v>95769.142020030398</v>
      </c>
      <c r="AF261" s="53">
        <v>107438.801065163</v>
      </c>
      <c r="AG261" s="53">
        <v>110571.51629022601</v>
      </c>
      <c r="AH261" s="53">
        <v>112670.653129461</v>
      </c>
      <c r="AI261" s="53">
        <v>144206.539966318</v>
      </c>
      <c r="AJ261" s="53">
        <v>107577.177803357</v>
      </c>
      <c r="AK261" s="53">
        <v>101447.410280296</v>
      </c>
      <c r="AL261" s="53">
        <v>83800.203360422704</v>
      </c>
      <c r="AM261" s="53">
        <v>83736.597487684296</v>
      </c>
      <c r="AN261" s="53">
        <v>1264273.0190892799</v>
      </c>
      <c r="AO261" s="53">
        <v>104474.905691305</v>
      </c>
      <c r="AP261" s="53">
        <v>66623.992679354196</v>
      </c>
      <c r="AQ261" s="53">
        <v>74179.3454397553</v>
      </c>
      <c r="AR261" s="53">
        <v>80869.430978758595</v>
      </c>
      <c r="AS261" s="53">
        <v>90907.091369440299</v>
      </c>
      <c r="AT261" s="53">
        <v>92869.269744917896</v>
      </c>
      <c r="AU261" s="53">
        <v>95459.805627606402</v>
      </c>
      <c r="AV261" s="53">
        <v>121074.695783191</v>
      </c>
      <c r="AW261" s="53">
        <v>91268.311063585395</v>
      </c>
      <c r="AX261" s="53">
        <v>84585.175677602805</v>
      </c>
      <c r="AY261" s="53">
        <v>70893.828282771705</v>
      </c>
      <c r="AZ261" s="53">
        <v>70787.775658121202</v>
      </c>
      <c r="BA261" s="53">
        <v>1043993.62799641</v>
      </c>
      <c r="BB261" s="53">
        <v>103339.19693509099</v>
      </c>
      <c r="BC261" s="53">
        <v>67077.639843838901</v>
      </c>
      <c r="BD261" s="53">
        <v>73704.515614839795</v>
      </c>
      <c r="BE261" s="53">
        <v>80376.709470828704</v>
      </c>
      <c r="BF261" s="53">
        <v>90050.685002611295</v>
      </c>
      <c r="BG261" s="53">
        <v>92841.991329041804</v>
      </c>
      <c r="BH261" s="53">
        <v>95054.957967926501</v>
      </c>
      <c r="BI261" s="53">
        <v>120295.23351749701</v>
      </c>
      <c r="BJ261" s="53">
        <v>90861.9547995186</v>
      </c>
      <c r="BK261" s="53">
        <v>85178.436755565897</v>
      </c>
      <c r="BL261" s="53">
        <v>70128.559120544902</v>
      </c>
      <c r="BM261" s="53">
        <v>70496.568998236602</v>
      </c>
      <c r="BN261" s="53">
        <v>1039406.44935554</v>
      </c>
      <c r="BO261" s="53">
        <v>102676.163495935</v>
      </c>
      <c r="BP261" s="53">
        <v>66714.8125025263</v>
      </c>
      <c r="BQ261" s="53">
        <v>73077.407435378598</v>
      </c>
      <c r="BR261" s="53">
        <v>79600.398070072406</v>
      </c>
      <c r="BS261" s="53">
        <v>89937.178273993602</v>
      </c>
      <c r="BT261" s="53">
        <v>92950.424925089406</v>
      </c>
      <c r="BU261" s="53">
        <v>95115.288122310507</v>
      </c>
      <c r="BV261" s="53">
        <v>120062.447533151</v>
      </c>
      <c r="BW261" s="53">
        <v>90943.101048742203</v>
      </c>
      <c r="BX261" s="53">
        <v>85171.3360498767</v>
      </c>
      <c r="BY261" s="53">
        <v>70224.086090970799</v>
      </c>
      <c r="BZ261" s="53">
        <v>70855.6950409243</v>
      </c>
      <c r="CA261" s="53">
        <v>1037328.33858897</v>
      </c>
      <c r="CB261" s="53">
        <v>178256.77431815799</v>
      </c>
      <c r="CC261" s="53">
        <v>149554.99315754499</v>
      </c>
      <c r="CD261" s="53">
        <v>152532.43778443101</v>
      </c>
      <c r="CE261" s="53">
        <v>156266.079843663</v>
      </c>
      <c r="CF261" s="53">
        <v>200504.01027674699</v>
      </c>
      <c r="CG261" s="53">
        <v>230052.681750213</v>
      </c>
      <c r="CH261" s="53">
        <v>249910.01832603</v>
      </c>
      <c r="CI261" s="53">
        <v>250567.662698253</v>
      </c>
      <c r="CJ261" s="53">
        <v>229116.627166408</v>
      </c>
      <c r="CK261" s="53">
        <v>189685.47736611601</v>
      </c>
      <c r="CL261" s="53">
        <v>151544.02258516001</v>
      </c>
      <c r="CM261" s="53">
        <v>170221.009110799</v>
      </c>
      <c r="CN261" s="53">
        <v>2308211.7943835198</v>
      </c>
    </row>
    <row r="262" spans="1:92" outlineLevel="1">
      <c r="A262" s="52" t="s">
        <v>781</v>
      </c>
      <c r="B262" s="53">
        <v>19780.076269337798</v>
      </c>
      <c r="C262" s="53">
        <v>20265.897043381301</v>
      </c>
      <c r="D262" s="53">
        <v>21091.597281148901</v>
      </c>
      <c r="E262" s="53">
        <v>21955.566994042601</v>
      </c>
      <c r="F262" s="53">
        <v>22765.117132495801</v>
      </c>
      <c r="G262" s="53">
        <v>22754.986201977099</v>
      </c>
      <c r="H262" s="53">
        <v>22134.412977637501</v>
      </c>
      <c r="I262" s="53">
        <v>21480.502343489701</v>
      </c>
      <c r="J262" s="53">
        <v>22481.759811315598</v>
      </c>
      <c r="K262" s="53">
        <v>21740.255550334299</v>
      </c>
      <c r="L262" s="53">
        <v>22214.8024203481</v>
      </c>
      <c r="M262" s="53">
        <v>20740.458476679501</v>
      </c>
      <c r="N262" s="53">
        <v>259405.43250218799</v>
      </c>
      <c r="O262" s="53">
        <v>19769.0412218075</v>
      </c>
      <c r="P262" s="53">
        <v>22555.203975910699</v>
      </c>
      <c r="Q262" s="53">
        <v>26012.149992667699</v>
      </c>
      <c r="R262" s="53">
        <v>33741.413689425201</v>
      </c>
      <c r="S262" s="53">
        <v>37921.720826504599</v>
      </c>
      <c r="T262" s="53">
        <v>29432.651423156301</v>
      </c>
      <c r="U262" s="53">
        <v>28303.290813495201</v>
      </c>
      <c r="V262" s="53">
        <v>28367.749729611998</v>
      </c>
      <c r="W262" s="53">
        <v>27490.014436618701</v>
      </c>
      <c r="X262" s="53">
        <v>25317.675165750501</v>
      </c>
      <c r="Y262" s="53">
        <v>21745.1337321961</v>
      </c>
      <c r="Z262" s="53">
        <v>24042.0369964126</v>
      </c>
      <c r="AA262" s="53">
        <v>324698.08200355701</v>
      </c>
      <c r="AB262" s="53">
        <v>19699.049771848098</v>
      </c>
      <c r="AC262" s="53">
        <v>23533.336915390199</v>
      </c>
      <c r="AD262" s="53">
        <v>26971.162037018701</v>
      </c>
      <c r="AE262" s="53">
        <v>29449.481056638298</v>
      </c>
      <c r="AF262" s="53">
        <v>33555.7905770012</v>
      </c>
      <c r="AG262" s="53">
        <v>26065.160134719899</v>
      </c>
      <c r="AH262" s="53">
        <v>25140.430127390398</v>
      </c>
      <c r="AI262" s="53">
        <v>25541.9272072114</v>
      </c>
      <c r="AJ262" s="53">
        <v>24319.139971100401</v>
      </c>
      <c r="AK262" s="53">
        <v>22237.766449122399</v>
      </c>
      <c r="AL262" s="53">
        <v>18779.625503203501</v>
      </c>
      <c r="AM262" s="53">
        <v>20953.387741324001</v>
      </c>
      <c r="AN262" s="53">
        <v>296246.25749196898</v>
      </c>
      <c r="AO262" s="53">
        <v>15076.718266608999</v>
      </c>
      <c r="AP262" s="53">
        <v>17479.853406683898</v>
      </c>
      <c r="AQ262" s="53">
        <v>20203.309363465902</v>
      </c>
      <c r="AR262" s="53">
        <v>23778.369181656501</v>
      </c>
      <c r="AS262" s="53">
        <v>27132.000892375901</v>
      </c>
      <c r="AT262" s="53">
        <v>21061.1875886239</v>
      </c>
      <c r="AU262" s="53">
        <v>20290.438198461899</v>
      </c>
      <c r="AV262" s="53">
        <v>20734.223022184899</v>
      </c>
      <c r="AW262" s="53">
        <v>19642.652876627599</v>
      </c>
      <c r="AX262" s="53">
        <v>18072.304619364499</v>
      </c>
      <c r="AY262" s="53">
        <v>15314.0055564331</v>
      </c>
      <c r="AZ262" s="53">
        <v>17093.2645266787</v>
      </c>
      <c r="BA262" s="53">
        <v>235878.32749916599</v>
      </c>
      <c r="BB262" s="53">
        <v>14882.926090212201</v>
      </c>
      <c r="BC262" s="53">
        <v>17270.579507727201</v>
      </c>
      <c r="BD262" s="53">
        <v>19961.641130816199</v>
      </c>
      <c r="BE262" s="53">
        <v>23447.019772148498</v>
      </c>
      <c r="BF262" s="53">
        <v>26747.324014105801</v>
      </c>
      <c r="BG262" s="53">
        <v>20774.331174843101</v>
      </c>
      <c r="BH262" s="53">
        <v>20015.782276692498</v>
      </c>
      <c r="BI262" s="53">
        <v>20465.869280765401</v>
      </c>
      <c r="BJ262" s="53">
        <v>19383.650098525501</v>
      </c>
      <c r="BK262" s="53">
        <v>17851.892746159599</v>
      </c>
      <c r="BL262" s="53">
        <v>15147.965916401299</v>
      </c>
      <c r="BM262" s="53">
        <v>16900.731172876</v>
      </c>
      <c r="BN262" s="53">
        <v>232849.71318127401</v>
      </c>
      <c r="BO262" s="53">
        <v>14827.510912830699</v>
      </c>
      <c r="BP262" s="53">
        <v>17204.822940343602</v>
      </c>
      <c r="BQ262" s="53">
        <v>19883.394700720801</v>
      </c>
      <c r="BR262" s="53">
        <v>23324.468401631399</v>
      </c>
      <c r="BS262" s="53">
        <v>26604.487810733601</v>
      </c>
      <c r="BT262" s="53">
        <v>20689.276285886299</v>
      </c>
      <c r="BU262" s="53">
        <v>19941.016680853601</v>
      </c>
      <c r="BV262" s="53">
        <v>20401.708444268199</v>
      </c>
      <c r="BW262" s="53">
        <v>19319.316928116201</v>
      </c>
      <c r="BX262" s="53">
        <v>17810.081688227801</v>
      </c>
      <c r="BY262" s="53">
        <v>15131.6172195167</v>
      </c>
      <c r="BZ262" s="53">
        <v>16872.6741701709</v>
      </c>
      <c r="CA262" s="53">
        <v>232010.37618329999</v>
      </c>
      <c r="CB262" s="53"/>
      <c r="CC262" s="53"/>
      <c r="CD262" s="53"/>
      <c r="CE262" s="53"/>
      <c r="CF262" s="53"/>
      <c r="CG262" s="53"/>
      <c r="CH262" s="53"/>
      <c r="CI262" s="53"/>
      <c r="CJ262" s="53"/>
      <c r="CK262" s="53"/>
      <c r="CL262" s="53"/>
      <c r="CM262" s="53"/>
      <c r="CN262" s="53"/>
    </row>
    <row r="263" spans="1:92" outlineLevel="1">
      <c r="A263" s="52" t="s">
        <v>782</v>
      </c>
      <c r="B263" s="53">
        <v>128.69429860862201</v>
      </c>
      <c r="C263" s="53">
        <v>128.699754818705</v>
      </c>
      <c r="D263" s="53">
        <v>128.704539523802</v>
      </c>
      <c r="E263" s="53">
        <v>129.27387045112201</v>
      </c>
      <c r="F263" s="53">
        <v>129.077734699302</v>
      </c>
      <c r="G263" s="53">
        <v>128.98637367557399</v>
      </c>
      <c r="H263" s="53">
        <v>128.881899174148</v>
      </c>
      <c r="I263" s="53">
        <v>128.89952818293401</v>
      </c>
      <c r="J263" s="53">
        <v>128.84778486883999</v>
      </c>
      <c r="K263" s="53">
        <v>128.93840845912499</v>
      </c>
      <c r="L263" s="53">
        <v>128.88614086932199</v>
      </c>
      <c r="M263" s="53">
        <v>128.86385677611401</v>
      </c>
      <c r="N263" s="53">
        <v>1546.7541901076099</v>
      </c>
      <c r="O263" s="53">
        <v>265.022666240077</v>
      </c>
      <c r="P263" s="53">
        <v>260.68352769371501</v>
      </c>
      <c r="Q263" s="53">
        <v>252.53980644236</v>
      </c>
      <c r="R263" s="53">
        <v>282.01653506164899</v>
      </c>
      <c r="S263" s="53">
        <v>275.55513360549497</v>
      </c>
      <c r="T263" s="53">
        <v>275.75762334840698</v>
      </c>
      <c r="U263" s="53">
        <v>274.108832702678</v>
      </c>
      <c r="V263" s="53">
        <v>266.96171567300001</v>
      </c>
      <c r="W263" s="53">
        <v>271.14019492002302</v>
      </c>
      <c r="X263" s="53">
        <v>274.03457266523498</v>
      </c>
      <c r="Y263" s="53">
        <v>279.045145792092</v>
      </c>
      <c r="Z263" s="53">
        <v>279.93647248111898</v>
      </c>
      <c r="AA263" s="53">
        <v>3256.8022266258499</v>
      </c>
      <c r="AB263" s="53">
        <v>251.474190506262</v>
      </c>
      <c r="AC263" s="53">
        <v>255.65078207274701</v>
      </c>
      <c r="AD263" s="53">
        <v>249.343588885234</v>
      </c>
      <c r="AE263" s="53">
        <v>236.51979601335299</v>
      </c>
      <c r="AF263" s="53">
        <v>234.70234518371799</v>
      </c>
      <c r="AG263" s="53">
        <v>235.96925453928901</v>
      </c>
      <c r="AH263" s="53">
        <v>236.02927716103</v>
      </c>
      <c r="AI263" s="53">
        <v>233.20328230098599</v>
      </c>
      <c r="AJ263" s="53">
        <v>233.644337290767</v>
      </c>
      <c r="AK263" s="53">
        <v>234.65197276565499</v>
      </c>
      <c r="AL263" s="53">
        <v>235.45525762601699</v>
      </c>
      <c r="AM263" s="53">
        <v>238.83857193822899</v>
      </c>
      <c r="AN263" s="53">
        <v>2875.48265628329</v>
      </c>
      <c r="AO263" s="53">
        <v>192.68833821254799</v>
      </c>
      <c r="AP263" s="53">
        <v>190.871783953125</v>
      </c>
      <c r="AQ263" s="53">
        <v>184.59154176896101</v>
      </c>
      <c r="AR263" s="53">
        <v>193.384364161874</v>
      </c>
      <c r="AS263" s="53">
        <v>191.67621087453</v>
      </c>
      <c r="AT263" s="53">
        <v>192.94467141696401</v>
      </c>
      <c r="AU263" s="53">
        <v>193.27654084379401</v>
      </c>
      <c r="AV263" s="53">
        <v>190.627819185108</v>
      </c>
      <c r="AW263" s="53">
        <v>191.553821972641</v>
      </c>
      <c r="AX263" s="53">
        <v>192.997897732501</v>
      </c>
      <c r="AY263" s="53">
        <v>194.289866806867</v>
      </c>
      <c r="AZ263" s="53">
        <v>197.78221755595499</v>
      </c>
      <c r="BA263" s="53">
        <v>2306.6850744848698</v>
      </c>
      <c r="BB263" s="53">
        <v>189.675351856726</v>
      </c>
      <c r="BC263" s="53">
        <v>188.08167333732899</v>
      </c>
      <c r="BD263" s="53">
        <v>181.96758212744101</v>
      </c>
      <c r="BE263" s="53">
        <v>190.90393781887599</v>
      </c>
      <c r="BF263" s="53">
        <v>189.270387909981</v>
      </c>
      <c r="BG263" s="53">
        <v>190.62103982314301</v>
      </c>
      <c r="BH263" s="53">
        <v>191.05786496380099</v>
      </c>
      <c r="BI263" s="53">
        <v>188.47471016400601</v>
      </c>
      <c r="BJ263" s="53">
        <v>189.53430782618099</v>
      </c>
      <c r="BK263" s="53">
        <v>191.08485607450399</v>
      </c>
      <c r="BL263" s="53">
        <v>192.54263536893501</v>
      </c>
      <c r="BM263" s="53">
        <v>196.09196141281899</v>
      </c>
      <c r="BN263" s="53">
        <v>2279.3063086837401</v>
      </c>
      <c r="BO263" s="53">
        <v>189.310606662352</v>
      </c>
      <c r="BP263" s="53">
        <v>187.744168894468</v>
      </c>
      <c r="BQ263" s="53">
        <v>181.66958876352399</v>
      </c>
      <c r="BR263" s="53">
        <v>190.72341518642901</v>
      </c>
      <c r="BS263" s="53">
        <v>189.112640898086</v>
      </c>
      <c r="BT263" s="53">
        <v>190.50615915634401</v>
      </c>
      <c r="BU263" s="53">
        <v>190.987525503217</v>
      </c>
      <c r="BV263" s="53">
        <v>188.43870763753</v>
      </c>
      <c r="BW263" s="53">
        <v>189.513952077532</v>
      </c>
      <c r="BX263" s="53">
        <v>191.09634465818499</v>
      </c>
      <c r="BY263" s="53">
        <v>192.563856563136</v>
      </c>
      <c r="BZ263" s="53">
        <v>196.17366446096401</v>
      </c>
      <c r="CA263" s="53">
        <v>2277.8406304617702</v>
      </c>
      <c r="CB263" s="53"/>
      <c r="CC263" s="53"/>
      <c r="CD263" s="53"/>
      <c r="CE263" s="53"/>
      <c r="CF263" s="53"/>
      <c r="CG263" s="53"/>
      <c r="CH263" s="53"/>
      <c r="CI263" s="53"/>
      <c r="CJ263" s="53"/>
      <c r="CK263" s="53"/>
      <c r="CL263" s="53"/>
      <c r="CM263" s="53"/>
      <c r="CN263" s="53"/>
    </row>
    <row r="264" spans="1:92" outlineLevel="1">
      <c r="A264" s="52" t="s">
        <v>783</v>
      </c>
      <c r="B264" s="53">
        <v>19744.821997835399</v>
      </c>
      <c r="C264" s="53">
        <v>19965.665479962499</v>
      </c>
      <c r="D264" s="53">
        <v>20552.2266835839</v>
      </c>
      <c r="E264" s="53">
        <v>21839.310550207199</v>
      </c>
      <c r="F264" s="53">
        <v>24223.175562889599</v>
      </c>
      <c r="G264" s="53">
        <v>24424.103819207801</v>
      </c>
      <c r="H264" s="53">
        <v>22941.187917534698</v>
      </c>
      <c r="I264" s="53">
        <v>23685.9904374986</v>
      </c>
      <c r="J264" s="53">
        <v>25128.5274349713</v>
      </c>
      <c r="K264" s="53">
        <v>23236.360664965501</v>
      </c>
      <c r="L264" s="53">
        <v>20695.6434385789</v>
      </c>
      <c r="M264" s="53">
        <v>20117.434286909302</v>
      </c>
      <c r="N264" s="53">
        <v>266554.44827414502</v>
      </c>
      <c r="O264" s="53">
        <v>28239.7624625996</v>
      </c>
      <c r="P264" s="53">
        <v>25364.1886580504</v>
      </c>
      <c r="Q264" s="53">
        <v>25173.344634008099</v>
      </c>
      <c r="R264" s="53">
        <v>29541.959311853399</v>
      </c>
      <c r="S264" s="53">
        <v>32041.177615450699</v>
      </c>
      <c r="T264" s="53">
        <v>31935.600676394901</v>
      </c>
      <c r="U264" s="53">
        <v>32269.567168749501</v>
      </c>
      <c r="V264" s="53">
        <v>30773.5910156711</v>
      </c>
      <c r="W264" s="53">
        <v>32913.687848732901</v>
      </c>
      <c r="X264" s="53">
        <v>31164.2609725933</v>
      </c>
      <c r="Y264" s="53">
        <v>27932.1066343518</v>
      </c>
      <c r="Z264" s="53">
        <v>27139.889234485399</v>
      </c>
      <c r="AA264" s="53">
        <v>354489.136232941</v>
      </c>
      <c r="AB264" s="53">
        <v>28362.600171120401</v>
      </c>
      <c r="AC264" s="53">
        <v>26296.751770300099</v>
      </c>
      <c r="AD264" s="53">
        <v>26116.279844226399</v>
      </c>
      <c r="AE264" s="53">
        <v>25874.626443675799</v>
      </c>
      <c r="AF264" s="53">
        <v>28413.7544778507</v>
      </c>
      <c r="AG264" s="53">
        <v>28329.240256734502</v>
      </c>
      <c r="AH264" s="53">
        <v>28682.465886943501</v>
      </c>
      <c r="AI264" s="53">
        <v>27694.6928470721</v>
      </c>
      <c r="AJ264" s="53">
        <v>29131.5231953439</v>
      </c>
      <c r="AK264" s="53">
        <v>27354.360699951299</v>
      </c>
      <c r="AL264" s="53">
        <v>24093.7127370942</v>
      </c>
      <c r="AM264" s="53">
        <v>23604.1159366391</v>
      </c>
      <c r="AN264" s="53">
        <v>323954.12426695199</v>
      </c>
      <c r="AO264" s="53">
        <v>22337.335169018199</v>
      </c>
      <c r="AP264" s="53">
        <v>20243.941518822099</v>
      </c>
      <c r="AQ264" s="53">
        <v>19860.0808342409</v>
      </c>
      <c r="AR264" s="53">
        <v>21523.247893059401</v>
      </c>
      <c r="AS264" s="53">
        <v>23609.048468127199</v>
      </c>
      <c r="AT264" s="53">
        <v>23463.373437049999</v>
      </c>
      <c r="AU264" s="53">
        <v>23673.438156649401</v>
      </c>
      <c r="AV264" s="53">
        <v>22875.6769958484</v>
      </c>
      <c r="AW264" s="53">
        <v>24074.992845514698</v>
      </c>
      <c r="AX264" s="53">
        <v>22699.108047220099</v>
      </c>
      <c r="AY264" s="53">
        <v>20029.045800420299</v>
      </c>
      <c r="AZ264" s="53">
        <v>19651.140846413698</v>
      </c>
      <c r="BA264" s="53">
        <v>264040.43001238402</v>
      </c>
      <c r="BB264" s="53">
        <v>21984.6005608329</v>
      </c>
      <c r="BC264" s="53">
        <v>19939.302229144301</v>
      </c>
      <c r="BD264" s="53">
        <v>19555.721423789098</v>
      </c>
      <c r="BE264" s="53">
        <v>21195.995325249602</v>
      </c>
      <c r="BF264" s="53">
        <v>23245.6134334985</v>
      </c>
      <c r="BG264" s="53">
        <v>23091.259453349099</v>
      </c>
      <c r="BH264" s="53">
        <v>23289.663693135801</v>
      </c>
      <c r="BI264" s="53">
        <v>22499.138224782899</v>
      </c>
      <c r="BJ264" s="53">
        <v>23688.4629449803</v>
      </c>
      <c r="BK264" s="53">
        <v>22342.061328658601</v>
      </c>
      <c r="BL264" s="53">
        <v>19718.0125772666</v>
      </c>
      <c r="BM264" s="53">
        <v>19336.747556218201</v>
      </c>
      <c r="BN264" s="53">
        <v>259886.57875090599</v>
      </c>
      <c r="BO264" s="53">
        <v>21776.003933135999</v>
      </c>
      <c r="BP264" s="53">
        <v>19751.063222674798</v>
      </c>
      <c r="BQ264" s="53">
        <v>19372.4643760576</v>
      </c>
      <c r="BR264" s="53">
        <v>21001.4877254653</v>
      </c>
      <c r="BS264" s="53">
        <v>23031.571759485101</v>
      </c>
      <c r="BT264" s="53">
        <v>22872.673698965798</v>
      </c>
      <c r="BU264" s="53">
        <v>23064.835756166402</v>
      </c>
      <c r="BV264" s="53">
        <v>22278.718713679798</v>
      </c>
      <c r="BW264" s="53">
        <v>23458.898651238698</v>
      </c>
      <c r="BX264" s="53">
        <v>22125.8197210006</v>
      </c>
      <c r="BY264" s="53">
        <v>19518.479413632798</v>
      </c>
      <c r="BZ264" s="53">
        <v>19134.167845781802</v>
      </c>
      <c r="CA264" s="53">
        <v>257386.184817284</v>
      </c>
      <c r="CB264" s="53">
        <v>99707176.843383506</v>
      </c>
      <c r="CC264" s="53">
        <v>87583282.197764203</v>
      </c>
      <c r="CD264" s="53">
        <v>93421022.556293994</v>
      </c>
      <c r="CE264" s="53">
        <v>96986310.956328705</v>
      </c>
      <c r="CF264" s="53">
        <v>118159611.06574599</v>
      </c>
      <c r="CG264" s="53">
        <v>129766421.422316</v>
      </c>
      <c r="CH264" s="53">
        <v>137899384.73157299</v>
      </c>
      <c r="CI264" s="53">
        <v>137415263.77950099</v>
      </c>
      <c r="CJ264" s="53">
        <v>128530131.25942899</v>
      </c>
      <c r="CK264" s="53">
        <v>111533853.49240699</v>
      </c>
      <c r="CL264" s="53">
        <v>92051937.552933693</v>
      </c>
      <c r="CM264" s="53">
        <v>97951497.289581195</v>
      </c>
      <c r="CN264" s="53">
        <v>1331005893.14726</v>
      </c>
    </row>
    <row r="265" spans="1:92" outlineLevel="1">
      <c r="A265" s="52" t="s">
        <v>784</v>
      </c>
      <c r="B265" s="53">
        <v>178460.95583545201</v>
      </c>
      <c r="C265" s="53">
        <v>153229.87349176401</v>
      </c>
      <c r="D265" s="53">
        <v>157860.23984611701</v>
      </c>
      <c r="E265" s="53">
        <v>165643.383976301</v>
      </c>
      <c r="F265" s="53">
        <v>203605.62738618901</v>
      </c>
      <c r="G265" s="53">
        <v>228456.01775235799</v>
      </c>
      <c r="H265" s="53">
        <v>248473.17548268</v>
      </c>
      <c r="I265" s="53">
        <v>246534.782318026</v>
      </c>
      <c r="J265" s="53">
        <v>227188.284655086</v>
      </c>
      <c r="K265" s="53">
        <v>190118.247202194</v>
      </c>
      <c r="L265" s="53">
        <v>158597.47719629601</v>
      </c>
      <c r="M265" s="53">
        <v>169442.87408777801</v>
      </c>
      <c r="N265" s="53">
        <v>2327610.93923024</v>
      </c>
      <c r="O265" s="53">
        <v>295063.69077066</v>
      </c>
      <c r="P265" s="53">
        <v>166724.13096293301</v>
      </c>
      <c r="Q265" s="53">
        <v>166117.68199132601</v>
      </c>
      <c r="R265" s="53">
        <v>192023.83087412699</v>
      </c>
      <c r="S265" s="53">
        <v>240948.384821527</v>
      </c>
      <c r="T265" s="53">
        <v>274159.70928266097</v>
      </c>
      <c r="U265" s="53">
        <v>293557.29091346799</v>
      </c>
      <c r="V265" s="53">
        <v>375528.54126708</v>
      </c>
      <c r="W265" s="53">
        <v>267617.05436504399</v>
      </c>
      <c r="X265" s="53">
        <v>224121.28943299499</v>
      </c>
      <c r="Y265" s="53">
        <v>176160.340384685</v>
      </c>
      <c r="Z265" s="53">
        <v>206426.15009415601</v>
      </c>
      <c r="AA265" s="53">
        <v>2878448.0951606599</v>
      </c>
      <c r="AB265" s="53">
        <v>305675.07770690101</v>
      </c>
      <c r="AC265" s="53">
        <v>183707.98752442701</v>
      </c>
      <c r="AD265" s="53">
        <v>178294.00856410401</v>
      </c>
      <c r="AE265" s="53">
        <v>172306.75645249299</v>
      </c>
      <c r="AF265" s="53">
        <v>221745.52720613201</v>
      </c>
      <c r="AG265" s="53">
        <v>254631.396619387</v>
      </c>
      <c r="AH265" s="53">
        <v>274178.91070475499</v>
      </c>
      <c r="AI265" s="53">
        <v>352320.82936455298</v>
      </c>
      <c r="AJ265" s="53">
        <v>248212.26681332599</v>
      </c>
      <c r="AK265" s="53">
        <v>204406.17483731499</v>
      </c>
      <c r="AL265" s="53">
        <v>156428.71116922601</v>
      </c>
      <c r="AM265" s="53">
        <v>186019.58970125901</v>
      </c>
      <c r="AN265" s="53">
        <v>2737927.2366638798</v>
      </c>
      <c r="AO265" s="53">
        <v>251120.68290902601</v>
      </c>
      <c r="AP265" s="53">
        <v>142608.33855309599</v>
      </c>
      <c r="AQ265" s="53">
        <v>139885.47767891499</v>
      </c>
      <c r="AR265" s="53">
        <v>148010.66125631699</v>
      </c>
      <c r="AS265" s="53">
        <v>190903.93678850899</v>
      </c>
      <c r="AT265" s="53">
        <v>220115.78816025899</v>
      </c>
      <c r="AU265" s="53">
        <v>237377.85063577499</v>
      </c>
      <c r="AV265" s="53">
        <v>304147.63884673099</v>
      </c>
      <c r="AW265" s="53">
        <v>215319.83184251099</v>
      </c>
      <c r="AX265" s="53">
        <v>177117.566728556</v>
      </c>
      <c r="AY265" s="53">
        <v>136245.48191276999</v>
      </c>
      <c r="AZ265" s="53">
        <v>163087.40085546899</v>
      </c>
      <c r="BA265" s="53">
        <v>2325940.65616793</v>
      </c>
      <c r="BB265" s="53">
        <v>248253.506269896</v>
      </c>
      <c r="BC265" s="53">
        <v>140291.27839880501</v>
      </c>
      <c r="BD265" s="53">
        <v>136981.02100343999</v>
      </c>
      <c r="BE265" s="53">
        <v>144973.398102537</v>
      </c>
      <c r="BF265" s="53">
        <v>188039.366085961</v>
      </c>
      <c r="BG265" s="53">
        <v>217944.57381524899</v>
      </c>
      <c r="BH265" s="53">
        <v>235372.012724398</v>
      </c>
      <c r="BI265" s="53">
        <v>301520.64425906597</v>
      </c>
      <c r="BJ265" s="53">
        <v>213588.34611180701</v>
      </c>
      <c r="BK265" s="53">
        <v>175266.536611369</v>
      </c>
      <c r="BL265" s="53">
        <v>134614.38457530999</v>
      </c>
      <c r="BM265" s="53">
        <v>161574.87937299599</v>
      </c>
      <c r="BN265" s="53">
        <v>2298419.9473308302</v>
      </c>
      <c r="BO265" s="53">
        <v>246466.913307649</v>
      </c>
      <c r="BP265" s="53">
        <v>138787.48493600401</v>
      </c>
      <c r="BQ265" s="53">
        <v>134992.54856687001</v>
      </c>
      <c r="BR265" s="53">
        <v>143022.28653981999</v>
      </c>
      <c r="BS265" s="53">
        <v>186252.760270381</v>
      </c>
      <c r="BT265" s="53">
        <v>216851.79121109299</v>
      </c>
      <c r="BU265" s="53">
        <v>234526.15537782799</v>
      </c>
      <c r="BV265" s="53">
        <v>300568.82230329397</v>
      </c>
      <c r="BW265" s="53">
        <v>213263.08110983999</v>
      </c>
      <c r="BX265" s="53">
        <v>175041.584834257</v>
      </c>
      <c r="BY265" s="53">
        <v>134571.090129552</v>
      </c>
      <c r="BZ265" s="53">
        <v>161664.16481393599</v>
      </c>
      <c r="CA265" s="53">
        <v>2286008.6834005299</v>
      </c>
      <c r="CB265" s="53"/>
      <c r="CC265" s="53"/>
      <c r="CD265" s="53"/>
      <c r="CE265" s="53"/>
      <c r="CF265" s="53"/>
      <c r="CG265" s="53"/>
      <c r="CH265" s="53"/>
      <c r="CI265" s="53"/>
      <c r="CJ265" s="53"/>
      <c r="CK265" s="53"/>
      <c r="CL265" s="53"/>
      <c r="CM265" s="53"/>
      <c r="CN265" s="53"/>
    </row>
    <row r="266" spans="1:92" outlineLevel="1">
      <c r="A266" s="52" t="s">
        <v>675</v>
      </c>
      <c r="B266" s="53"/>
      <c r="C266" s="53"/>
      <c r="D266" s="53"/>
      <c r="E266" s="53"/>
      <c r="F266" s="53"/>
      <c r="G266" s="53"/>
      <c r="H266" s="53"/>
      <c r="I266" s="53"/>
      <c r="J266" s="53"/>
      <c r="K266" s="53"/>
      <c r="L266" s="53"/>
      <c r="M266" s="53"/>
      <c r="N266" s="53"/>
      <c r="O266" s="53"/>
      <c r="P266" s="53"/>
      <c r="Q266" s="53"/>
      <c r="R266" s="53"/>
      <c r="S266" s="53"/>
      <c r="T266" s="53"/>
      <c r="U266" s="53"/>
      <c r="V266" s="53"/>
      <c r="W266" s="53"/>
      <c r="X266" s="53"/>
      <c r="Y266" s="53"/>
      <c r="Z266" s="53"/>
      <c r="AA266" s="53"/>
      <c r="AB266" s="53"/>
      <c r="AC266" s="53"/>
      <c r="AD266" s="53"/>
      <c r="AE266" s="53"/>
      <c r="AF266" s="53"/>
      <c r="AG266" s="53"/>
      <c r="AH266" s="53"/>
      <c r="AI266" s="53"/>
      <c r="AJ266" s="53"/>
      <c r="AK266" s="53"/>
      <c r="AL266" s="53"/>
      <c r="AM266" s="53"/>
      <c r="AN266" s="53"/>
      <c r="AO266" s="53"/>
      <c r="AP266" s="53"/>
      <c r="AQ266" s="53"/>
      <c r="AR266" s="53"/>
      <c r="AS266" s="53"/>
      <c r="AT266" s="53"/>
      <c r="AU266" s="53"/>
      <c r="AV266" s="53"/>
      <c r="AW266" s="53"/>
      <c r="AX266" s="53"/>
      <c r="AY266" s="53"/>
      <c r="AZ266" s="53"/>
      <c r="BA266" s="53"/>
      <c r="BB266" s="53"/>
      <c r="BC266" s="53"/>
      <c r="BD266" s="53"/>
      <c r="BE266" s="53"/>
      <c r="BF266" s="53"/>
      <c r="BG266" s="53"/>
      <c r="BH266" s="53"/>
      <c r="BI266" s="53"/>
      <c r="BJ266" s="53"/>
      <c r="BK266" s="53"/>
      <c r="BL266" s="53"/>
      <c r="BM266" s="53"/>
      <c r="BN266" s="53"/>
      <c r="BO266" s="53"/>
      <c r="BP266" s="53"/>
      <c r="BQ266" s="53"/>
      <c r="BR266" s="53"/>
      <c r="BS266" s="53"/>
      <c r="BT266" s="53"/>
      <c r="BU266" s="53"/>
      <c r="BV266" s="53"/>
      <c r="BW266" s="53"/>
      <c r="BX266" s="53"/>
      <c r="BY266" s="53"/>
      <c r="BZ266" s="53"/>
      <c r="CA266" s="53"/>
      <c r="CB266" s="53"/>
      <c r="CC266" s="53"/>
      <c r="CD266" s="53"/>
      <c r="CE266" s="53"/>
      <c r="CF266" s="53"/>
      <c r="CG266" s="53"/>
      <c r="CH266" s="53"/>
      <c r="CI266" s="53"/>
      <c r="CJ266" s="53"/>
      <c r="CK266" s="53"/>
      <c r="CL266" s="53"/>
      <c r="CM266" s="53"/>
      <c r="CN266" s="53"/>
    </row>
    <row r="267" spans="1:92" outlineLevel="1">
      <c r="A267" s="52" t="s">
        <v>1246</v>
      </c>
      <c r="B267" s="53"/>
      <c r="C267" s="53"/>
      <c r="D267" s="53"/>
      <c r="E267" s="53"/>
      <c r="F267" s="53"/>
      <c r="G267" s="53"/>
      <c r="H267" s="53"/>
      <c r="I267" s="53"/>
      <c r="J267" s="53"/>
      <c r="K267" s="53"/>
      <c r="L267" s="53"/>
      <c r="M267" s="53"/>
      <c r="N267" s="53"/>
      <c r="O267" s="53"/>
      <c r="P267" s="53"/>
      <c r="Q267" s="53"/>
      <c r="R267" s="53"/>
      <c r="S267" s="53"/>
      <c r="T267" s="53"/>
      <c r="U267" s="53"/>
      <c r="V267" s="53"/>
      <c r="W267" s="53"/>
      <c r="X267" s="53"/>
      <c r="Y267" s="53"/>
      <c r="Z267" s="53"/>
      <c r="AA267" s="53"/>
      <c r="AB267" s="53"/>
      <c r="AC267" s="53"/>
      <c r="AD267" s="53"/>
      <c r="AE267" s="53"/>
      <c r="AF267" s="53"/>
      <c r="AG267" s="53"/>
      <c r="AH267" s="53"/>
      <c r="AI267" s="53"/>
      <c r="AJ267" s="53"/>
      <c r="AK267" s="53"/>
      <c r="AL267" s="53"/>
      <c r="AM267" s="53"/>
      <c r="AN267" s="53"/>
      <c r="AO267" s="53"/>
      <c r="AP267" s="53"/>
      <c r="AQ267" s="53"/>
      <c r="AR267" s="53"/>
      <c r="AS267" s="53"/>
      <c r="AT267" s="53"/>
      <c r="AU267" s="53"/>
      <c r="AV267" s="53"/>
      <c r="AW267" s="53"/>
      <c r="AX267" s="53"/>
      <c r="AY267" s="53"/>
      <c r="AZ267" s="53"/>
      <c r="BA267" s="53"/>
      <c r="BB267" s="53"/>
      <c r="BC267" s="53"/>
      <c r="BD267" s="53"/>
      <c r="BE267" s="53"/>
      <c r="BF267" s="53"/>
      <c r="BG267" s="53"/>
      <c r="BH267" s="53"/>
      <c r="BI267" s="53"/>
      <c r="BJ267" s="53"/>
      <c r="BK267" s="53"/>
      <c r="BL267" s="53"/>
      <c r="BM267" s="53"/>
      <c r="BN267" s="53"/>
      <c r="BO267" s="53"/>
      <c r="BP267" s="53"/>
      <c r="BQ267" s="53"/>
      <c r="BR267" s="53"/>
      <c r="BS267" s="53"/>
      <c r="BT267" s="53"/>
      <c r="BU267" s="53"/>
      <c r="BV267" s="53"/>
      <c r="BW267" s="53"/>
      <c r="BX267" s="53"/>
      <c r="BY267" s="53"/>
      <c r="BZ267" s="53"/>
      <c r="CA267" s="53"/>
      <c r="CB267" s="53">
        <v>-434730.19929067901</v>
      </c>
      <c r="CC267" s="53">
        <v>-443110.86610271898</v>
      </c>
      <c r="CD267" s="53">
        <v>-374766.93418954202</v>
      </c>
      <c r="CE267" s="53">
        <v>-411860.58209293202</v>
      </c>
      <c r="CF267" s="53">
        <v>-309320.21617517201</v>
      </c>
      <c r="CG267" s="53">
        <v>-327877.99139216199</v>
      </c>
      <c r="CH267" s="53">
        <v>-321814.55080753</v>
      </c>
      <c r="CI267" s="53">
        <v>-334998.21706726903</v>
      </c>
      <c r="CJ267" s="53">
        <v>-339585.19625758298</v>
      </c>
      <c r="CK267" s="53">
        <v>-328938.60394039197</v>
      </c>
      <c r="CL267" s="53">
        <v>-386593.26848698198</v>
      </c>
      <c r="CM267" s="53">
        <v>-356849.393456875</v>
      </c>
      <c r="CN267" s="53">
        <v>-4370446.0192598403</v>
      </c>
    </row>
    <row r="268" spans="1:92" outlineLevel="1">
      <c r="A268" s="52" t="s">
        <v>649</v>
      </c>
      <c r="B268" s="53">
        <v>148467618.28847301</v>
      </c>
      <c r="C268" s="53">
        <v>132377996.58886001</v>
      </c>
      <c r="D268" s="53">
        <v>142848538.51376101</v>
      </c>
      <c r="E268" s="53">
        <v>150579739.075681</v>
      </c>
      <c r="F268" s="53">
        <v>174368736.40789601</v>
      </c>
      <c r="G268" s="53">
        <v>189463837.93584201</v>
      </c>
      <c r="H268" s="53">
        <v>199735453.419581</v>
      </c>
      <c r="I268" s="53">
        <v>199420052.97851101</v>
      </c>
      <c r="J268" s="53">
        <v>188000438.660759</v>
      </c>
      <c r="K268" s="53">
        <v>163497252.68417501</v>
      </c>
      <c r="L268" s="53">
        <v>140925682.08928201</v>
      </c>
      <c r="M268" s="53">
        <v>146601062.00343999</v>
      </c>
      <c r="N268" s="53">
        <v>1976286408.64626</v>
      </c>
      <c r="O268" s="53">
        <v>283245030.09121698</v>
      </c>
      <c r="P268" s="53">
        <v>178525816.49096599</v>
      </c>
      <c r="Q268" s="53">
        <v>193655436.75446501</v>
      </c>
      <c r="R268" s="53">
        <v>212482165.36120901</v>
      </c>
      <c r="S268" s="53">
        <v>253867489.742659</v>
      </c>
      <c r="T268" s="53">
        <v>269222200.04559201</v>
      </c>
      <c r="U268" s="53">
        <v>282638070.343274</v>
      </c>
      <c r="V268" s="53">
        <v>352109742.148669</v>
      </c>
      <c r="W268" s="53">
        <v>262927337.557174</v>
      </c>
      <c r="X268" s="53">
        <v>228390189.048022</v>
      </c>
      <c r="Y268" s="53">
        <v>182744561.166394</v>
      </c>
      <c r="Z268" s="53">
        <v>194268967.598189</v>
      </c>
      <c r="AA268" s="53">
        <v>2894077006.3478298</v>
      </c>
      <c r="AB268" s="53">
        <v>262526128.74334899</v>
      </c>
      <c r="AC268" s="53">
        <v>167837011.81703699</v>
      </c>
      <c r="AD268" s="53">
        <v>178060459.393628</v>
      </c>
      <c r="AE268" s="53">
        <v>195863654.83632699</v>
      </c>
      <c r="AF268" s="53">
        <v>236505769.50473401</v>
      </c>
      <c r="AG268" s="53">
        <v>252247374.84284699</v>
      </c>
      <c r="AH268" s="53">
        <v>264947294.12028</v>
      </c>
      <c r="AI268" s="53">
        <v>329419621.46717501</v>
      </c>
      <c r="AJ268" s="53">
        <v>246449481.04071701</v>
      </c>
      <c r="AK268" s="53">
        <v>212688445.619692</v>
      </c>
      <c r="AL268" s="53">
        <v>168759517.225391</v>
      </c>
      <c r="AM268" s="53">
        <v>179691216.695921</v>
      </c>
      <c r="AN268" s="53">
        <v>2694995975.3070998</v>
      </c>
      <c r="AO268" s="53">
        <v>182250131.89121899</v>
      </c>
      <c r="AP268" s="53">
        <v>112870157.723905</v>
      </c>
      <c r="AQ268" s="53">
        <v>123450390.68038499</v>
      </c>
      <c r="AR268" s="53">
        <v>135678779.678303</v>
      </c>
      <c r="AS268" s="53">
        <v>164516699.06465799</v>
      </c>
      <c r="AT268" s="53">
        <v>175835046.54903099</v>
      </c>
      <c r="AU268" s="53">
        <v>185384557.503708</v>
      </c>
      <c r="AV268" s="53">
        <v>229914840.570986</v>
      </c>
      <c r="AW268" s="53">
        <v>172519058.76728201</v>
      </c>
      <c r="AX268" s="53">
        <v>147668224.116034</v>
      </c>
      <c r="AY268" s="53">
        <v>117448502.38436</v>
      </c>
      <c r="AZ268" s="53">
        <v>125145496.084562</v>
      </c>
      <c r="BA268" s="53">
        <v>1872681885.01443</v>
      </c>
      <c r="BB268" s="53">
        <v>176188687.93376201</v>
      </c>
      <c r="BC268" s="53">
        <v>109307774.081778</v>
      </c>
      <c r="BD268" s="53">
        <v>118859873.624975</v>
      </c>
      <c r="BE268" s="53">
        <v>130730120.736339</v>
      </c>
      <c r="BF268" s="53">
        <v>158838692.828664</v>
      </c>
      <c r="BG268" s="53">
        <v>170760782.44633701</v>
      </c>
      <c r="BH268" s="53">
        <v>179993304.77683401</v>
      </c>
      <c r="BI268" s="53">
        <v>223149198.191158</v>
      </c>
      <c r="BJ268" s="53">
        <v>167517636.717388</v>
      </c>
      <c r="BK268" s="53">
        <v>143667547.32617399</v>
      </c>
      <c r="BL268" s="53">
        <v>113463645.403681</v>
      </c>
      <c r="BM268" s="53">
        <v>121304966.911111</v>
      </c>
      <c r="BN268" s="53">
        <v>1813782230.9782</v>
      </c>
      <c r="BO268" s="53">
        <v>168775091.03702599</v>
      </c>
      <c r="BP268" s="53">
        <v>104508619.866825</v>
      </c>
      <c r="BQ268" s="53">
        <v>113332655.664801</v>
      </c>
      <c r="BR268" s="53">
        <v>124710247.991799</v>
      </c>
      <c r="BS268" s="53">
        <v>152249155.592592</v>
      </c>
      <c r="BT268" s="53">
        <v>164221603.481491</v>
      </c>
      <c r="BU268" s="53">
        <v>173224592.589784</v>
      </c>
      <c r="BV268" s="53">
        <v>214684883.40082201</v>
      </c>
      <c r="BW268" s="53">
        <v>161431404.46811101</v>
      </c>
      <c r="BX268" s="53">
        <v>138418195.706265</v>
      </c>
      <c r="BY268" s="53">
        <v>109415803.327226</v>
      </c>
      <c r="BZ268" s="53">
        <v>117142699.88969</v>
      </c>
      <c r="CA268" s="53">
        <v>1742114953.0164299</v>
      </c>
      <c r="CB268" s="53"/>
      <c r="CC268" s="53"/>
      <c r="CD268" s="53"/>
      <c r="CE268" s="53"/>
      <c r="CF268" s="53"/>
      <c r="CG268" s="53"/>
      <c r="CH268" s="53"/>
      <c r="CI268" s="53"/>
      <c r="CJ268" s="53"/>
      <c r="CK268" s="53"/>
      <c r="CL268" s="53"/>
      <c r="CM268" s="53"/>
      <c r="CN268" s="53"/>
    </row>
    <row r="269" spans="1:92" outlineLevel="1">
      <c r="A269" s="52" t="s">
        <v>1247</v>
      </c>
      <c r="B269" s="53"/>
      <c r="C269" s="53"/>
      <c r="D269" s="53"/>
      <c r="E269" s="53"/>
      <c r="F269" s="53"/>
      <c r="G269" s="53"/>
      <c r="H269" s="53"/>
      <c r="I269" s="53"/>
      <c r="J269" s="53"/>
      <c r="K269" s="53"/>
      <c r="L269" s="53"/>
      <c r="M269" s="53"/>
      <c r="N269" s="53"/>
      <c r="O269" s="53"/>
      <c r="P269" s="53"/>
      <c r="Q269" s="53"/>
      <c r="R269" s="53"/>
      <c r="S269" s="53"/>
      <c r="T269" s="53"/>
      <c r="U269" s="53"/>
      <c r="V269" s="53"/>
      <c r="W269" s="53"/>
      <c r="X269" s="53"/>
      <c r="Y269" s="53"/>
      <c r="Z269" s="53"/>
      <c r="AA269" s="53"/>
      <c r="AB269" s="53"/>
      <c r="AC269" s="53"/>
      <c r="AD269" s="53"/>
      <c r="AE269" s="53"/>
      <c r="AF269" s="53"/>
      <c r="AG269" s="53"/>
      <c r="AH269" s="53"/>
      <c r="AI269" s="53"/>
      <c r="AJ269" s="53"/>
      <c r="AK269" s="53"/>
      <c r="AL269" s="53"/>
      <c r="AM269" s="53"/>
      <c r="AN269" s="53"/>
      <c r="AO269" s="53"/>
      <c r="AP269" s="53"/>
      <c r="AQ269" s="53"/>
      <c r="AR269" s="53"/>
      <c r="AS269" s="53"/>
      <c r="AT269" s="53"/>
      <c r="AU269" s="53"/>
      <c r="AV269" s="53"/>
      <c r="AW269" s="53"/>
      <c r="AX269" s="53"/>
      <c r="AY269" s="53"/>
      <c r="AZ269" s="53"/>
      <c r="BA269" s="53"/>
      <c r="BB269" s="53"/>
      <c r="BC269" s="53"/>
      <c r="BD269" s="53"/>
      <c r="BE269" s="53"/>
      <c r="BF269" s="53"/>
      <c r="BG269" s="53"/>
      <c r="BH269" s="53"/>
      <c r="BI269" s="53"/>
      <c r="BJ269" s="53"/>
      <c r="BK269" s="53"/>
      <c r="BL269" s="53"/>
      <c r="BM269" s="53"/>
      <c r="BN269" s="53"/>
      <c r="BO269" s="53"/>
      <c r="BP269" s="53"/>
      <c r="BQ269" s="53"/>
      <c r="BR269" s="53"/>
      <c r="BS269" s="53"/>
      <c r="BT269" s="53"/>
      <c r="BU269" s="53"/>
      <c r="BV269" s="53"/>
      <c r="BW269" s="53"/>
      <c r="BX269" s="53"/>
      <c r="BY269" s="53"/>
      <c r="BZ269" s="53"/>
      <c r="CA269" s="53"/>
      <c r="CB269" s="53">
        <v>-70524.2251436683</v>
      </c>
      <c r="CC269" s="53">
        <v>-22792.929675146501</v>
      </c>
      <c r="CD269" s="53">
        <v>-42923.529018788598</v>
      </c>
      <c r="CE269" s="53">
        <v>-25492.149875914401</v>
      </c>
      <c r="CF269" s="53">
        <v>-30135.2512537445</v>
      </c>
      <c r="CG269" s="53">
        <v>-17897.941782620899</v>
      </c>
      <c r="CH269" s="53">
        <v>-21647.0211627916</v>
      </c>
      <c r="CI269" s="53">
        <v>-60904.237280389199</v>
      </c>
      <c r="CJ269" s="53">
        <v>-70213.233293351106</v>
      </c>
      <c r="CK269" s="53">
        <v>-61201.006357274498</v>
      </c>
      <c r="CL269" s="53">
        <v>-61708.1423847693</v>
      </c>
      <c r="CM269" s="53">
        <v>-60348.043877687996</v>
      </c>
      <c r="CN269" s="53">
        <v>-545787.71110614704</v>
      </c>
    </row>
    <row r="270" spans="1:92" outlineLevel="1">
      <c r="A270" s="52" t="s">
        <v>1248</v>
      </c>
      <c r="B270" s="53"/>
      <c r="C270" s="53"/>
      <c r="D270" s="53"/>
      <c r="E270" s="53"/>
      <c r="F270" s="53"/>
      <c r="G270" s="53"/>
      <c r="H270" s="53"/>
      <c r="I270" s="53"/>
      <c r="J270" s="53"/>
      <c r="K270" s="53"/>
      <c r="L270" s="53"/>
      <c r="M270" s="53"/>
      <c r="N270" s="53"/>
      <c r="O270" s="53"/>
      <c r="P270" s="53"/>
      <c r="Q270" s="53"/>
      <c r="R270" s="53"/>
      <c r="S270" s="53"/>
      <c r="T270" s="53"/>
      <c r="U270" s="53"/>
      <c r="V270" s="53"/>
      <c r="W270" s="53"/>
      <c r="X270" s="53"/>
      <c r="Y270" s="53"/>
      <c r="Z270" s="53"/>
      <c r="AA270" s="53"/>
      <c r="AB270" s="53"/>
      <c r="AC270" s="53"/>
      <c r="AD270" s="53"/>
      <c r="AE270" s="53"/>
      <c r="AF270" s="53"/>
      <c r="AG270" s="53"/>
      <c r="AH270" s="53"/>
      <c r="AI270" s="53"/>
      <c r="AJ270" s="53"/>
      <c r="AK270" s="53"/>
      <c r="AL270" s="53"/>
      <c r="AM270" s="53"/>
      <c r="AN270" s="53"/>
      <c r="AO270" s="53"/>
      <c r="AP270" s="53"/>
      <c r="AQ270" s="53"/>
      <c r="AR270" s="53"/>
      <c r="AS270" s="53"/>
      <c r="AT270" s="53"/>
      <c r="AU270" s="53"/>
      <c r="AV270" s="53"/>
      <c r="AW270" s="53"/>
      <c r="AX270" s="53"/>
      <c r="AY270" s="53"/>
      <c r="AZ270" s="53"/>
      <c r="BA270" s="53"/>
      <c r="BB270" s="53"/>
      <c r="BC270" s="53"/>
      <c r="BD270" s="53"/>
      <c r="BE270" s="53"/>
      <c r="BF270" s="53"/>
      <c r="BG270" s="53"/>
      <c r="BH270" s="53"/>
      <c r="BI270" s="53"/>
      <c r="BJ270" s="53"/>
      <c r="BK270" s="53"/>
      <c r="BL270" s="53"/>
      <c r="BM270" s="53"/>
      <c r="BN270" s="53"/>
      <c r="BO270" s="53"/>
      <c r="BP270" s="53"/>
      <c r="BQ270" s="53"/>
      <c r="BR270" s="53"/>
      <c r="BS270" s="53"/>
      <c r="BT270" s="53"/>
      <c r="BU270" s="53"/>
      <c r="BV270" s="53"/>
      <c r="BW270" s="53"/>
      <c r="BX270" s="53"/>
      <c r="BY270" s="53"/>
      <c r="BZ270" s="53"/>
      <c r="CA270" s="53"/>
      <c r="CB270" s="53"/>
      <c r="CC270" s="53"/>
      <c r="CD270" s="53"/>
      <c r="CE270" s="53"/>
      <c r="CF270" s="53"/>
      <c r="CG270" s="53"/>
      <c r="CH270" s="53"/>
      <c r="CI270" s="53"/>
      <c r="CJ270" s="53"/>
      <c r="CK270" s="53"/>
      <c r="CL270" s="53"/>
      <c r="CM270" s="53"/>
      <c r="CN270" s="53"/>
    </row>
    <row r="271" spans="1:92" outlineLevel="1">
      <c r="A271" s="52" t="s">
        <v>1249</v>
      </c>
      <c r="B271" s="53">
        <v>-511505.23322747898</v>
      </c>
      <c r="C271" s="53">
        <v>-2743416.4631051798</v>
      </c>
      <c r="D271" s="53">
        <v>-2131472.2341688098</v>
      </c>
      <c r="E271" s="53">
        <v>-1781790.0777302</v>
      </c>
      <c r="F271" s="53">
        <v>-694603.66442794004</v>
      </c>
      <c r="G271" s="53">
        <v>-629769.55830318597</v>
      </c>
      <c r="H271" s="53">
        <v>-581901.95061849197</v>
      </c>
      <c r="I271" s="53">
        <v>-873954.861586691</v>
      </c>
      <c r="J271" s="53">
        <v>-874720.62436687702</v>
      </c>
      <c r="K271" s="53">
        <v>-843902.37498390896</v>
      </c>
      <c r="L271" s="53">
        <v>-849344.59679849399</v>
      </c>
      <c r="M271" s="53">
        <v>-656531.54544786399</v>
      </c>
      <c r="N271" s="53">
        <v>-13172913.1847651</v>
      </c>
      <c r="O271" s="53">
        <v>-903934.74421155802</v>
      </c>
      <c r="P271" s="53">
        <v>-2084298.0994595501</v>
      </c>
      <c r="Q271" s="53">
        <v>-1984381.6632226401</v>
      </c>
      <c r="R271" s="53">
        <v>-2416221.7540972899</v>
      </c>
      <c r="S271" s="53">
        <v>-2814683.1936568399</v>
      </c>
      <c r="T271" s="53">
        <v>-2753720.1509282598</v>
      </c>
      <c r="U271" s="53">
        <v>-3679724.9093171102</v>
      </c>
      <c r="V271" s="53">
        <v>-4457509.0419478202</v>
      </c>
      <c r="W271" s="53">
        <v>-3926376.0527628399</v>
      </c>
      <c r="X271" s="53">
        <v>-3448338.94546672</v>
      </c>
      <c r="Y271" s="53">
        <v>-4050786.5327370702</v>
      </c>
      <c r="Z271" s="53">
        <v>-3219439.2831973801</v>
      </c>
      <c r="AA271" s="53">
        <v>-35739414.371005103</v>
      </c>
      <c r="AB271" s="53">
        <v>-4826635.8343028603</v>
      </c>
      <c r="AC271" s="53">
        <v>-1512506.2214154</v>
      </c>
      <c r="AD271" s="53">
        <v>-1531387.4001426101</v>
      </c>
      <c r="AE271" s="53">
        <v>-1825631.1291002601</v>
      </c>
      <c r="AF271" s="53">
        <v>-2227637.2722332501</v>
      </c>
      <c r="AG271" s="53">
        <v>-2169754.93692639</v>
      </c>
      <c r="AH271" s="53">
        <v>-2985010.7197277402</v>
      </c>
      <c r="AI271" s="53">
        <v>-3531556.98984343</v>
      </c>
      <c r="AJ271" s="53">
        <v>-3166526.5268250601</v>
      </c>
      <c r="AK271" s="53">
        <v>-2820611.5984066701</v>
      </c>
      <c r="AL271" s="53">
        <v>-3391245.8875457598</v>
      </c>
      <c r="AM271" s="53">
        <v>-2762181.5588388401</v>
      </c>
      <c r="AN271" s="53">
        <v>-32750686.075308301</v>
      </c>
      <c r="AO271" s="53">
        <v>-4117418.7350950302</v>
      </c>
      <c r="AP271" s="53">
        <v>-636361.84366106999</v>
      </c>
      <c r="AQ271" s="53">
        <v>-566337.86061880295</v>
      </c>
      <c r="AR271" s="53">
        <v>-616104.59002085798</v>
      </c>
      <c r="AS271" s="53">
        <v>-472731.00183010299</v>
      </c>
      <c r="AT271" s="53">
        <v>-443453.97011011897</v>
      </c>
      <c r="AU271" s="53">
        <v>-424517.20318619901</v>
      </c>
      <c r="AV271" s="53">
        <v>-463680.00236431003</v>
      </c>
      <c r="AW271" s="53">
        <v>-498144.87638907402</v>
      </c>
      <c r="AX271" s="53">
        <v>-481132.34443810902</v>
      </c>
      <c r="AY271" s="53">
        <v>-481870.51815674</v>
      </c>
      <c r="AZ271" s="53">
        <v>-503490.238304967</v>
      </c>
      <c r="BA271" s="53">
        <v>-9705243.1841753796</v>
      </c>
      <c r="BB271" s="53">
        <v>-612361.35003153596</v>
      </c>
      <c r="BC271" s="53">
        <v>-632323.61167207395</v>
      </c>
      <c r="BD271" s="53">
        <v>-571086.44043036597</v>
      </c>
      <c r="BE271" s="53">
        <v>-589364.11983287195</v>
      </c>
      <c r="BF271" s="53">
        <v>-429493.90613010002</v>
      </c>
      <c r="BG271" s="53">
        <v>-466370.87115411903</v>
      </c>
      <c r="BH271" s="53">
        <v>-450919.47127108701</v>
      </c>
      <c r="BI271" s="53">
        <v>-475710.05686567101</v>
      </c>
      <c r="BJ271" s="53">
        <v>-492272.99960638297</v>
      </c>
      <c r="BK271" s="53">
        <v>-476425.31707493798</v>
      </c>
      <c r="BL271" s="53">
        <v>-534151.40123273095</v>
      </c>
      <c r="BM271" s="53">
        <v>-549763.75346925994</v>
      </c>
      <c r="BN271" s="53">
        <v>-6280243.2987711402</v>
      </c>
      <c r="BO271" s="53">
        <v>-629221.30396527704</v>
      </c>
      <c r="BP271" s="53">
        <v>-629701.478562259</v>
      </c>
      <c r="BQ271" s="53">
        <v>-545681.13909299602</v>
      </c>
      <c r="BR271" s="53">
        <v>-580947.06194173999</v>
      </c>
      <c r="BS271" s="53">
        <v>-474094.35143996897</v>
      </c>
      <c r="BT271" s="53">
        <v>-460523.52984044602</v>
      </c>
      <c r="BU271" s="53">
        <v>-452007.59052472899</v>
      </c>
      <c r="BV271" s="53">
        <v>-469691.71284920903</v>
      </c>
      <c r="BW271" s="53">
        <v>-482724.15601380798</v>
      </c>
      <c r="BX271" s="53">
        <v>-462175.60266473901</v>
      </c>
      <c r="BY271" s="53">
        <v>-483890.35726451903</v>
      </c>
      <c r="BZ271" s="53">
        <v>-488028.12336450903</v>
      </c>
      <c r="CA271" s="53">
        <v>-6158686.4075242002</v>
      </c>
      <c r="CB271" s="53"/>
      <c r="CC271" s="53"/>
      <c r="CD271" s="53"/>
      <c r="CE271" s="53"/>
      <c r="CF271" s="53"/>
      <c r="CG271" s="53"/>
      <c r="CH271" s="53"/>
      <c r="CI271" s="53"/>
      <c r="CJ271" s="53"/>
      <c r="CK271" s="53"/>
      <c r="CL271" s="53"/>
      <c r="CM271" s="53"/>
      <c r="CN271" s="53"/>
    </row>
    <row r="272" spans="1:92" outlineLevel="1">
      <c r="A272" s="52" t="s">
        <v>1250</v>
      </c>
      <c r="B272" s="53"/>
      <c r="C272" s="53"/>
      <c r="D272" s="53"/>
      <c r="E272" s="53"/>
      <c r="F272" s="53"/>
      <c r="G272" s="53"/>
      <c r="H272" s="53"/>
      <c r="I272" s="53"/>
      <c r="J272" s="53"/>
      <c r="K272" s="53"/>
      <c r="L272" s="53"/>
      <c r="M272" s="53"/>
      <c r="N272" s="53"/>
      <c r="O272" s="53"/>
      <c r="P272" s="53"/>
      <c r="Q272" s="53"/>
      <c r="R272" s="53"/>
      <c r="S272" s="53"/>
      <c r="T272" s="53"/>
      <c r="U272" s="53"/>
      <c r="V272" s="53"/>
      <c r="W272" s="53"/>
      <c r="X272" s="53"/>
      <c r="Y272" s="53"/>
      <c r="Z272" s="53"/>
      <c r="AA272" s="53"/>
      <c r="AB272" s="53"/>
      <c r="AC272" s="53"/>
      <c r="AD272" s="53"/>
      <c r="AE272" s="53"/>
      <c r="AF272" s="53"/>
      <c r="AG272" s="53"/>
      <c r="AH272" s="53"/>
      <c r="AI272" s="53"/>
      <c r="AJ272" s="53"/>
      <c r="AK272" s="53"/>
      <c r="AL272" s="53"/>
      <c r="AM272" s="53"/>
      <c r="AN272" s="53"/>
      <c r="AO272" s="53"/>
      <c r="AP272" s="53"/>
      <c r="AQ272" s="53"/>
      <c r="AR272" s="53"/>
      <c r="AS272" s="53"/>
      <c r="AT272" s="53"/>
      <c r="AU272" s="53"/>
      <c r="AV272" s="53"/>
      <c r="AW272" s="53"/>
      <c r="AX272" s="53"/>
      <c r="AY272" s="53"/>
      <c r="AZ272" s="53"/>
      <c r="BA272" s="53"/>
      <c r="BB272" s="53"/>
      <c r="BC272" s="53"/>
      <c r="BD272" s="53"/>
      <c r="BE272" s="53"/>
      <c r="BF272" s="53"/>
      <c r="BG272" s="53"/>
      <c r="BH272" s="53"/>
      <c r="BI272" s="53"/>
      <c r="BJ272" s="53"/>
      <c r="BK272" s="53"/>
      <c r="BL272" s="53"/>
      <c r="BM272" s="53"/>
      <c r="BN272" s="53"/>
      <c r="BO272" s="53"/>
      <c r="BP272" s="53"/>
      <c r="BQ272" s="53"/>
      <c r="BR272" s="53"/>
      <c r="BS272" s="53"/>
      <c r="BT272" s="53"/>
      <c r="BU272" s="53"/>
      <c r="BV272" s="53"/>
      <c r="BW272" s="53"/>
      <c r="BX272" s="53"/>
      <c r="BY272" s="53"/>
      <c r="BZ272" s="53"/>
      <c r="CA272" s="53"/>
      <c r="CB272" s="53"/>
      <c r="CC272" s="53"/>
      <c r="CD272" s="53"/>
      <c r="CE272" s="53"/>
      <c r="CF272" s="53"/>
      <c r="CG272" s="53"/>
      <c r="CH272" s="53"/>
      <c r="CI272" s="53"/>
      <c r="CJ272" s="53"/>
      <c r="CK272" s="53"/>
      <c r="CL272" s="53"/>
      <c r="CM272" s="53"/>
      <c r="CN272" s="53"/>
    </row>
    <row r="273" spans="1:92" outlineLevel="1">
      <c r="A273" s="52" t="s">
        <v>1249</v>
      </c>
      <c r="B273" s="53">
        <v>-81703.500072296301</v>
      </c>
      <c r="C273" s="53">
        <v>-26259.534003308501</v>
      </c>
      <c r="D273" s="53">
        <v>-47600.570986477702</v>
      </c>
      <c r="E273" s="53">
        <v>-43174.804548433203</v>
      </c>
      <c r="F273" s="53">
        <v>-51544.426838227198</v>
      </c>
      <c r="G273" s="53">
        <v>-33672.378730987803</v>
      </c>
      <c r="H273" s="53">
        <v>-33126.842980366797</v>
      </c>
      <c r="I273" s="53">
        <v>-120195.67607650001</v>
      </c>
      <c r="J273" s="53">
        <v>-141781.718066737</v>
      </c>
      <c r="K273" s="53">
        <v>-159946.056670563</v>
      </c>
      <c r="L273" s="53">
        <v>-158045.50466753199</v>
      </c>
      <c r="M273" s="53">
        <v>-152696.335958674</v>
      </c>
      <c r="N273" s="53">
        <v>-1049747.3496001</v>
      </c>
      <c r="O273" s="53">
        <v>-175549.213041949</v>
      </c>
      <c r="P273" s="53">
        <v>-45798.298789285</v>
      </c>
      <c r="Q273" s="53">
        <v>-85018.962315359095</v>
      </c>
      <c r="R273" s="53">
        <v>-37660.110173381603</v>
      </c>
      <c r="S273" s="53">
        <v>-63057.733443543897</v>
      </c>
      <c r="T273" s="53">
        <v>-34681.823918407397</v>
      </c>
      <c r="U273" s="53">
        <v>-37070.370093831698</v>
      </c>
      <c r="V273" s="53">
        <v>-102483.82395090901</v>
      </c>
      <c r="W273" s="53">
        <v>-119237.331035134</v>
      </c>
      <c r="X273" s="53">
        <v>-106522.463297828</v>
      </c>
      <c r="Y273" s="53">
        <v>-83627.152333526799</v>
      </c>
      <c r="Z273" s="53">
        <v>-100624.96847155099</v>
      </c>
      <c r="AA273" s="53">
        <v>-991332.25086470798</v>
      </c>
      <c r="AB273" s="53">
        <v>-115340.217512654</v>
      </c>
      <c r="AC273" s="53">
        <v>-43127.0262190254</v>
      </c>
      <c r="AD273" s="53">
        <v>-79322.887439561397</v>
      </c>
      <c r="AE273" s="53">
        <v>-30967.503860578101</v>
      </c>
      <c r="AF273" s="53">
        <v>-52274.796800608397</v>
      </c>
      <c r="AG273" s="53">
        <v>-27205.943849929699</v>
      </c>
      <c r="AH273" s="53">
        <v>-30726.311427552399</v>
      </c>
      <c r="AI273" s="53">
        <v>-88209.394814677595</v>
      </c>
      <c r="AJ273" s="53">
        <v>-100257.49385484299</v>
      </c>
      <c r="AK273" s="53">
        <v>-87695.306270033296</v>
      </c>
      <c r="AL273" s="53">
        <v>-70902.108287347801</v>
      </c>
      <c r="AM273" s="53">
        <v>-85528.582469283298</v>
      </c>
      <c r="AN273" s="53">
        <v>-811557.57280609605</v>
      </c>
      <c r="AO273" s="53">
        <v>-101701.599843458</v>
      </c>
      <c r="AP273" s="53">
        <v>-35930.900399412698</v>
      </c>
      <c r="AQ273" s="53">
        <v>-66531.469077179907</v>
      </c>
      <c r="AR273" s="53">
        <v>-27705.615066570899</v>
      </c>
      <c r="AS273" s="53">
        <v>-45394.882634061403</v>
      </c>
      <c r="AT273" s="53">
        <v>-25909.8458810997</v>
      </c>
      <c r="AU273" s="53">
        <v>-29765.923411813601</v>
      </c>
      <c r="AV273" s="53">
        <v>-83365.699501543</v>
      </c>
      <c r="AW273" s="53">
        <v>-97179.469923626501</v>
      </c>
      <c r="AX273" s="53">
        <v>-84918.480501698694</v>
      </c>
      <c r="AY273" s="53">
        <v>-68276.098677540896</v>
      </c>
      <c r="AZ273" s="53">
        <v>-82770.659489733196</v>
      </c>
      <c r="BA273" s="53">
        <v>-749450.64440773905</v>
      </c>
      <c r="BB273" s="53">
        <v>-97022.617716270703</v>
      </c>
      <c r="BC273" s="53">
        <v>-34724.037776647499</v>
      </c>
      <c r="BD273" s="53">
        <v>-65761.081449644102</v>
      </c>
      <c r="BE273" s="53">
        <v>-26842.709695682701</v>
      </c>
      <c r="BF273" s="53">
        <v>-44238.485313627803</v>
      </c>
      <c r="BG273" s="53">
        <v>-24948.571048864898</v>
      </c>
      <c r="BH273" s="53">
        <v>-28577.649044941401</v>
      </c>
      <c r="BI273" s="53">
        <v>-80634.402099777202</v>
      </c>
      <c r="BJ273" s="53">
        <v>-93859.264579023598</v>
      </c>
      <c r="BK273" s="53">
        <v>-82454.536228373094</v>
      </c>
      <c r="BL273" s="53">
        <v>-66925.677227510998</v>
      </c>
      <c r="BM273" s="53">
        <v>-81457.791908049505</v>
      </c>
      <c r="BN273" s="53">
        <v>-727446.82408841304</v>
      </c>
      <c r="BO273" s="53">
        <v>-96470.128126115407</v>
      </c>
      <c r="BP273" s="53">
        <v>-34674.345282950002</v>
      </c>
      <c r="BQ273" s="53">
        <v>-63737.574700382203</v>
      </c>
      <c r="BR273" s="53">
        <v>-26165.798645435301</v>
      </c>
      <c r="BS273" s="53">
        <v>-43206.837874316501</v>
      </c>
      <c r="BT273" s="53">
        <v>-24684.116948143201</v>
      </c>
      <c r="BU273" s="53">
        <v>-28158.362205160101</v>
      </c>
      <c r="BV273" s="53">
        <v>-77158.209328815094</v>
      </c>
      <c r="BW273" s="53">
        <v>-89685.936345769005</v>
      </c>
      <c r="BX273" s="53">
        <v>-78638.778298201098</v>
      </c>
      <c r="BY273" s="53">
        <v>-63711.106720048097</v>
      </c>
      <c r="BZ273" s="53">
        <v>-77491.411204959906</v>
      </c>
      <c r="CA273" s="53">
        <v>-703782.60568029596</v>
      </c>
      <c r="CB273" s="53"/>
      <c r="CC273" s="53"/>
      <c r="CD273" s="53"/>
      <c r="CE273" s="53"/>
      <c r="CF273" s="53"/>
      <c r="CG273" s="53"/>
      <c r="CH273" s="53"/>
      <c r="CI273" s="53"/>
      <c r="CJ273" s="53"/>
      <c r="CK273" s="53"/>
      <c r="CL273" s="53"/>
      <c r="CM273" s="53"/>
      <c r="CN273" s="53"/>
    </row>
    <row r="274" spans="1:92" outlineLevel="1">
      <c r="A274" s="52" t="s">
        <v>650</v>
      </c>
      <c r="B274" s="53"/>
      <c r="C274" s="53"/>
      <c r="D274" s="53"/>
      <c r="E274" s="53"/>
      <c r="F274" s="53"/>
      <c r="G274" s="53"/>
      <c r="H274" s="53"/>
      <c r="I274" s="53"/>
      <c r="J274" s="53"/>
      <c r="K274" s="53"/>
      <c r="L274" s="53"/>
      <c r="M274" s="53"/>
      <c r="N274" s="53"/>
      <c r="O274" s="53"/>
      <c r="P274" s="53"/>
      <c r="Q274" s="53"/>
      <c r="R274" s="53"/>
      <c r="S274" s="53"/>
      <c r="T274" s="53"/>
      <c r="U274" s="53"/>
      <c r="V274" s="53"/>
      <c r="W274" s="53"/>
      <c r="X274" s="53"/>
      <c r="Y274" s="53"/>
      <c r="Z274" s="53"/>
      <c r="AA274" s="53"/>
      <c r="AB274" s="53"/>
      <c r="AC274" s="53"/>
      <c r="AD274" s="53"/>
      <c r="AE274" s="53"/>
      <c r="AF274" s="53"/>
      <c r="AG274" s="53"/>
      <c r="AH274" s="53"/>
      <c r="AI274" s="53"/>
      <c r="AJ274" s="53"/>
      <c r="AK274" s="53"/>
      <c r="AL274" s="53"/>
      <c r="AM274" s="53"/>
      <c r="AN274" s="53"/>
      <c r="AO274" s="53"/>
      <c r="AP274" s="53"/>
      <c r="AQ274" s="53"/>
      <c r="AR274" s="53"/>
      <c r="AS274" s="53"/>
      <c r="AT274" s="53"/>
      <c r="AU274" s="53"/>
      <c r="AV274" s="53"/>
      <c r="AW274" s="53"/>
      <c r="AX274" s="53"/>
      <c r="AY274" s="53"/>
      <c r="AZ274" s="53"/>
      <c r="BA274" s="53"/>
      <c r="BB274" s="53"/>
      <c r="BC274" s="53"/>
      <c r="BD274" s="53"/>
      <c r="BE274" s="53"/>
      <c r="BF274" s="53"/>
      <c r="BG274" s="53"/>
      <c r="BH274" s="53"/>
      <c r="BI274" s="53"/>
      <c r="BJ274" s="53"/>
      <c r="BK274" s="53"/>
      <c r="BL274" s="53"/>
      <c r="BM274" s="53"/>
      <c r="BN274" s="53"/>
      <c r="BO274" s="53"/>
      <c r="BP274" s="53"/>
      <c r="BQ274" s="53"/>
      <c r="BR274" s="53"/>
      <c r="BS274" s="53"/>
      <c r="BT274" s="53"/>
      <c r="BU274" s="53"/>
      <c r="BV274" s="53"/>
      <c r="BW274" s="53"/>
      <c r="BX274" s="53"/>
      <c r="BY274" s="53"/>
      <c r="BZ274" s="53"/>
      <c r="CA274" s="53"/>
      <c r="CB274" s="53"/>
      <c r="CC274" s="53"/>
      <c r="CD274" s="53"/>
      <c r="CE274" s="53"/>
      <c r="CF274" s="53"/>
      <c r="CG274" s="53"/>
      <c r="CH274" s="53"/>
      <c r="CI274" s="53"/>
      <c r="CJ274" s="53"/>
      <c r="CK274" s="53"/>
      <c r="CL274" s="53"/>
      <c r="CM274" s="53"/>
      <c r="CN274" s="53"/>
    </row>
    <row r="275" spans="1:92" outlineLevel="1">
      <c r="A275" s="52" t="s">
        <v>1251</v>
      </c>
      <c r="B275" s="53"/>
      <c r="C275" s="53"/>
      <c r="D275" s="53"/>
      <c r="E275" s="53"/>
      <c r="F275" s="53"/>
      <c r="G275" s="53"/>
      <c r="H275" s="53"/>
      <c r="I275" s="53"/>
      <c r="J275" s="53"/>
      <c r="K275" s="53"/>
      <c r="L275" s="53"/>
      <c r="M275" s="53"/>
      <c r="N275" s="53"/>
      <c r="O275" s="53"/>
      <c r="P275" s="53"/>
      <c r="Q275" s="53"/>
      <c r="R275" s="53"/>
      <c r="S275" s="53"/>
      <c r="T275" s="53"/>
      <c r="U275" s="53"/>
      <c r="V275" s="53"/>
      <c r="W275" s="53"/>
      <c r="X275" s="53"/>
      <c r="Y275" s="53"/>
      <c r="Z275" s="53"/>
      <c r="AA275" s="53"/>
      <c r="AB275" s="53"/>
      <c r="AC275" s="53"/>
      <c r="AD275" s="53"/>
      <c r="AE275" s="53"/>
      <c r="AF275" s="53"/>
      <c r="AG275" s="53"/>
      <c r="AH275" s="53"/>
      <c r="AI275" s="53"/>
      <c r="AJ275" s="53"/>
      <c r="AK275" s="53"/>
      <c r="AL275" s="53"/>
      <c r="AM275" s="53"/>
      <c r="AN275" s="53"/>
      <c r="AO275" s="53"/>
      <c r="AP275" s="53"/>
      <c r="AQ275" s="53"/>
      <c r="AR275" s="53"/>
      <c r="AS275" s="53"/>
      <c r="AT275" s="53"/>
      <c r="AU275" s="53"/>
      <c r="AV275" s="53"/>
      <c r="AW275" s="53"/>
      <c r="AX275" s="53"/>
      <c r="AY275" s="53"/>
      <c r="AZ275" s="53"/>
      <c r="BA275" s="53"/>
      <c r="BB275" s="53"/>
      <c r="BC275" s="53"/>
      <c r="BD275" s="53"/>
      <c r="BE275" s="53"/>
      <c r="BF275" s="53"/>
      <c r="BG275" s="53"/>
      <c r="BH275" s="53"/>
      <c r="BI275" s="53"/>
      <c r="BJ275" s="53"/>
      <c r="BK275" s="53"/>
      <c r="BL275" s="53"/>
      <c r="BM275" s="53"/>
      <c r="BN275" s="53"/>
      <c r="BO275" s="53"/>
      <c r="BP275" s="53"/>
      <c r="BQ275" s="53"/>
      <c r="BR275" s="53"/>
      <c r="BS275" s="53"/>
      <c r="BT275" s="53"/>
      <c r="BU275" s="53"/>
      <c r="BV275" s="53"/>
      <c r="BW275" s="53"/>
      <c r="BX275" s="53"/>
      <c r="BY275" s="53"/>
      <c r="BZ275" s="53"/>
      <c r="CA275" s="53"/>
      <c r="CB275" s="53"/>
      <c r="CC275" s="53"/>
      <c r="CD275" s="53"/>
      <c r="CE275" s="53"/>
      <c r="CF275" s="53"/>
      <c r="CG275" s="53"/>
      <c r="CH275" s="53"/>
      <c r="CI275" s="53"/>
      <c r="CJ275" s="53"/>
      <c r="CK275" s="53"/>
      <c r="CL275" s="53"/>
      <c r="CM275" s="53"/>
      <c r="CN275" s="53"/>
    </row>
    <row r="276" spans="1:92" outlineLevel="1">
      <c r="A276" s="52" t="s">
        <v>649</v>
      </c>
      <c r="B276" s="53"/>
      <c r="C276" s="53"/>
      <c r="D276" s="53"/>
      <c r="E276" s="53"/>
      <c r="F276" s="53"/>
      <c r="G276" s="53"/>
      <c r="H276" s="53"/>
      <c r="I276" s="53"/>
      <c r="J276" s="53"/>
      <c r="K276" s="53"/>
      <c r="L276" s="53"/>
      <c r="M276" s="53"/>
      <c r="N276" s="53"/>
      <c r="O276" s="53">
        <v>4789101.6814871104</v>
      </c>
      <c r="P276" s="53">
        <v>3018511.17271291</v>
      </c>
      <c r="Q276" s="53">
        <v>3274322.5097056599</v>
      </c>
      <c r="R276" s="53">
        <v>3592644.4855525899</v>
      </c>
      <c r="S276" s="53">
        <v>4292386.77766011</v>
      </c>
      <c r="T276" s="53">
        <v>4552003.9328378802</v>
      </c>
      <c r="U276" s="53">
        <v>4778839.2173989099</v>
      </c>
      <c r="V276" s="53">
        <v>5953464.9474665998</v>
      </c>
      <c r="W276" s="53">
        <v>4445570.5153890196</v>
      </c>
      <c r="X276" s="53">
        <v>3861617.0530963801</v>
      </c>
      <c r="Y276" s="53">
        <v>3089841.6289343401</v>
      </c>
      <c r="Z276" s="53">
        <v>3284696.0777586601</v>
      </c>
      <c r="AA276" s="53">
        <v>48933000.000000097</v>
      </c>
      <c r="AB276" s="53">
        <v>4789101.6814871104</v>
      </c>
      <c r="AC276" s="53">
        <v>3018511.17271291</v>
      </c>
      <c r="AD276" s="53">
        <v>3274322.5097056599</v>
      </c>
      <c r="AE276" s="53">
        <v>3592644.4855525899</v>
      </c>
      <c r="AF276" s="53">
        <v>4292386.77766011</v>
      </c>
      <c r="AG276" s="53">
        <v>4552003.9328378802</v>
      </c>
      <c r="AH276" s="53">
        <v>4778839.2173989099</v>
      </c>
      <c r="AI276" s="53">
        <v>5953464.9474665998</v>
      </c>
      <c r="AJ276" s="53">
        <v>4445570.5153890196</v>
      </c>
      <c r="AK276" s="53">
        <v>3861617.0530963801</v>
      </c>
      <c r="AL276" s="53">
        <v>3089841.6289343401</v>
      </c>
      <c r="AM276" s="53">
        <v>3284696.0777586601</v>
      </c>
      <c r="AN276" s="53">
        <v>48933000.000000097</v>
      </c>
      <c r="AO276" s="53"/>
      <c r="AP276" s="53"/>
      <c r="AQ276" s="53"/>
      <c r="AR276" s="53"/>
      <c r="AS276" s="53"/>
      <c r="AT276" s="53"/>
      <c r="AU276" s="53"/>
      <c r="AV276" s="53"/>
      <c r="AW276" s="53"/>
      <c r="AX276" s="53"/>
      <c r="AY276" s="53"/>
      <c r="AZ276" s="53"/>
      <c r="BA276" s="53"/>
      <c r="BB276" s="53"/>
      <c r="BC276" s="53"/>
      <c r="BD276" s="53"/>
      <c r="BE276" s="53"/>
      <c r="BF276" s="53"/>
      <c r="BG276" s="53"/>
      <c r="BH276" s="53"/>
      <c r="BI276" s="53"/>
      <c r="BJ276" s="53"/>
      <c r="BK276" s="53"/>
      <c r="BL276" s="53"/>
      <c r="BM276" s="53"/>
      <c r="BN276" s="53"/>
      <c r="BO276" s="53"/>
      <c r="BP276" s="53"/>
      <c r="BQ276" s="53"/>
      <c r="BR276" s="53"/>
      <c r="BS276" s="53"/>
      <c r="BT276" s="53"/>
      <c r="BU276" s="53"/>
      <c r="BV276" s="53"/>
      <c r="BW276" s="53"/>
      <c r="BX276" s="53"/>
      <c r="BY276" s="53"/>
      <c r="BZ276" s="53"/>
      <c r="CA276" s="53"/>
      <c r="CB276" s="53"/>
      <c r="CC276" s="53"/>
      <c r="CD276" s="53"/>
      <c r="CE276" s="53"/>
      <c r="CF276" s="53"/>
      <c r="CG276" s="53"/>
      <c r="CH276" s="53"/>
      <c r="CI276" s="53"/>
      <c r="CJ276" s="53"/>
      <c r="CK276" s="53"/>
      <c r="CL276" s="53"/>
      <c r="CM276" s="53"/>
      <c r="CN276" s="53"/>
    </row>
    <row r="277" spans="1:92" outlineLevel="1">
      <c r="A277" s="52" t="s">
        <v>1252</v>
      </c>
      <c r="B277" s="53"/>
      <c r="C277" s="53"/>
      <c r="D277" s="53"/>
      <c r="E277" s="53"/>
      <c r="F277" s="53"/>
      <c r="G277" s="53"/>
      <c r="H277" s="53"/>
      <c r="I277" s="53"/>
      <c r="J277" s="53"/>
      <c r="K277" s="53"/>
      <c r="L277" s="53"/>
      <c r="M277" s="53"/>
      <c r="N277" s="53"/>
      <c r="O277" s="53"/>
      <c r="P277" s="53"/>
      <c r="Q277" s="53"/>
      <c r="R277" s="53"/>
      <c r="S277" s="53"/>
      <c r="T277" s="53"/>
      <c r="U277" s="53"/>
      <c r="V277" s="53"/>
      <c r="W277" s="53"/>
      <c r="X277" s="53"/>
      <c r="Y277" s="53"/>
      <c r="Z277" s="53"/>
      <c r="AA277" s="53"/>
      <c r="AB277" s="53"/>
      <c r="AC277" s="53"/>
      <c r="AD277" s="53"/>
      <c r="AE277" s="53"/>
      <c r="AF277" s="53"/>
      <c r="AG277" s="53"/>
      <c r="AH277" s="53"/>
      <c r="AI277" s="53"/>
      <c r="AJ277" s="53"/>
      <c r="AK277" s="53"/>
      <c r="AL277" s="53"/>
      <c r="AM277" s="53"/>
      <c r="AN277" s="53"/>
      <c r="AO277" s="53"/>
      <c r="AP277" s="53"/>
      <c r="AQ277" s="53"/>
      <c r="AR277" s="53"/>
      <c r="AS277" s="53"/>
      <c r="AT277" s="53"/>
      <c r="AU277" s="53"/>
      <c r="AV277" s="53"/>
      <c r="AW277" s="53"/>
      <c r="AX277" s="53"/>
      <c r="AY277" s="53"/>
      <c r="AZ277" s="53"/>
      <c r="BA277" s="53"/>
      <c r="BB277" s="53"/>
      <c r="BC277" s="53"/>
      <c r="BD277" s="53"/>
      <c r="BE277" s="53"/>
      <c r="BF277" s="53"/>
      <c r="BG277" s="53"/>
      <c r="BH277" s="53"/>
      <c r="BI277" s="53"/>
      <c r="BJ277" s="53"/>
      <c r="BK277" s="53"/>
      <c r="BL277" s="53"/>
      <c r="BM277" s="53"/>
      <c r="BN277" s="53"/>
      <c r="BO277" s="53"/>
      <c r="BP277" s="53"/>
      <c r="BQ277" s="53"/>
      <c r="BR277" s="53"/>
      <c r="BS277" s="53"/>
      <c r="BT277" s="53"/>
      <c r="BU277" s="53"/>
      <c r="BV277" s="53"/>
      <c r="BW277" s="53"/>
      <c r="BX277" s="53"/>
      <c r="BY277" s="53"/>
      <c r="BZ277" s="53"/>
      <c r="CA277" s="53"/>
      <c r="CB277" s="53"/>
      <c r="CC277" s="53"/>
      <c r="CD277" s="53"/>
      <c r="CE277" s="53"/>
      <c r="CF277" s="53"/>
      <c r="CG277" s="53"/>
      <c r="CH277" s="53"/>
      <c r="CI277" s="53"/>
      <c r="CJ277" s="53"/>
      <c r="CK277" s="53"/>
      <c r="CL277" s="53"/>
      <c r="CM277" s="53"/>
      <c r="CN277" s="53"/>
    </row>
    <row r="278" spans="1:92" outlineLevel="1">
      <c r="A278" s="52" t="s">
        <v>649</v>
      </c>
      <c r="B278" s="53"/>
      <c r="C278" s="53"/>
      <c r="D278" s="53"/>
      <c r="E278" s="53"/>
      <c r="F278" s="53"/>
      <c r="G278" s="53"/>
      <c r="H278" s="53"/>
      <c r="I278" s="53"/>
      <c r="J278" s="53"/>
      <c r="K278" s="53"/>
      <c r="L278" s="53"/>
      <c r="M278" s="53"/>
      <c r="N278" s="53"/>
      <c r="O278" s="53"/>
      <c r="P278" s="53"/>
      <c r="Q278" s="53"/>
      <c r="R278" s="53"/>
      <c r="S278" s="53"/>
      <c r="T278" s="53"/>
      <c r="U278" s="53"/>
      <c r="V278" s="53"/>
      <c r="W278" s="53"/>
      <c r="X278" s="53"/>
      <c r="Y278" s="53"/>
      <c r="Z278" s="53"/>
      <c r="AA278" s="53"/>
      <c r="AB278" s="53">
        <v>7714967.6885789502</v>
      </c>
      <c r="AC278" s="53">
        <v>4932298.0890102796</v>
      </c>
      <c r="AD278" s="53">
        <v>5232738.9178787498</v>
      </c>
      <c r="AE278" s="53">
        <v>5755929.0409013303</v>
      </c>
      <c r="AF278" s="53">
        <v>6950296.2567026</v>
      </c>
      <c r="AG278" s="53">
        <v>7412901.5491024004</v>
      </c>
      <c r="AH278" s="53">
        <v>7786119.51160374</v>
      </c>
      <c r="AI278" s="53">
        <v>9680795.3850862104</v>
      </c>
      <c r="AJ278" s="53">
        <v>7242516.3628378501</v>
      </c>
      <c r="AK278" s="53">
        <v>6250366.3675099202</v>
      </c>
      <c r="AL278" s="53">
        <v>4959408.1502147</v>
      </c>
      <c r="AM278" s="53">
        <v>5280662.6805736199</v>
      </c>
      <c r="AN278" s="53">
        <v>79199000.000000298</v>
      </c>
      <c r="AO278" s="53"/>
      <c r="AP278" s="53"/>
      <c r="AQ278" s="53"/>
      <c r="AR278" s="53"/>
      <c r="AS278" s="53"/>
      <c r="AT278" s="53"/>
      <c r="AU278" s="53"/>
      <c r="AV278" s="53"/>
      <c r="AW278" s="53"/>
      <c r="AX278" s="53"/>
      <c r="AY278" s="53"/>
      <c r="AZ278" s="53"/>
      <c r="BA278" s="53"/>
      <c r="BB278" s="53"/>
      <c r="BC278" s="53"/>
      <c r="BD278" s="53"/>
      <c r="BE278" s="53"/>
      <c r="BF278" s="53"/>
      <c r="BG278" s="53"/>
      <c r="BH278" s="53"/>
      <c r="BI278" s="53"/>
      <c r="BJ278" s="53"/>
      <c r="BK278" s="53"/>
      <c r="BL278" s="53"/>
      <c r="BM278" s="53"/>
      <c r="BN278" s="53"/>
      <c r="BO278" s="53"/>
      <c r="BP278" s="53"/>
      <c r="BQ278" s="53"/>
      <c r="BR278" s="53"/>
      <c r="BS278" s="53"/>
      <c r="BT278" s="53"/>
      <c r="BU278" s="53"/>
      <c r="BV278" s="53"/>
      <c r="BW278" s="53"/>
      <c r="BX278" s="53"/>
      <c r="BY278" s="53"/>
      <c r="BZ278" s="53"/>
      <c r="CA278" s="53"/>
      <c r="CB278" s="53">
        <v>14636984.920697</v>
      </c>
      <c r="CC278" s="53">
        <v>13239664.975370999</v>
      </c>
      <c r="CD278" s="53">
        <v>14183658.045549201</v>
      </c>
      <c r="CE278" s="53">
        <v>14620125.3385897</v>
      </c>
      <c r="CF278" s="53">
        <v>17025925.064432099</v>
      </c>
      <c r="CG278" s="53">
        <v>18398724.701769501</v>
      </c>
      <c r="CH278" s="53">
        <v>19662962.669333499</v>
      </c>
      <c r="CI278" s="53">
        <v>20136690.254781</v>
      </c>
      <c r="CJ278" s="53">
        <v>18800869.083927698</v>
      </c>
      <c r="CK278" s="53">
        <v>16145176.3461945</v>
      </c>
      <c r="CL278" s="53">
        <v>13960036.1488743</v>
      </c>
      <c r="CM278" s="53">
        <v>14567182.450480299</v>
      </c>
      <c r="CN278" s="53">
        <v>195378000</v>
      </c>
    </row>
    <row r="279" spans="1:92" outlineLevel="1">
      <c r="A279" s="52" t="s">
        <v>1253</v>
      </c>
      <c r="B279" s="53"/>
      <c r="C279" s="53"/>
      <c r="D279" s="53"/>
      <c r="E279" s="53"/>
      <c r="F279" s="53"/>
      <c r="G279" s="53"/>
      <c r="H279" s="53"/>
      <c r="I279" s="53"/>
      <c r="J279" s="53"/>
      <c r="K279" s="53"/>
      <c r="L279" s="53"/>
      <c r="M279" s="53"/>
      <c r="N279" s="53"/>
      <c r="O279" s="53"/>
      <c r="P279" s="53"/>
      <c r="Q279" s="53"/>
      <c r="R279" s="53"/>
      <c r="S279" s="53"/>
      <c r="T279" s="53"/>
      <c r="U279" s="53"/>
      <c r="V279" s="53"/>
      <c r="W279" s="53"/>
      <c r="X279" s="53"/>
      <c r="Y279" s="53"/>
      <c r="Z279" s="53"/>
      <c r="AA279" s="53"/>
      <c r="AB279" s="53"/>
      <c r="AC279" s="53"/>
      <c r="AD279" s="53"/>
      <c r="AE279" s="53"/>
      <c r="AF279" s="53"/>
      <c r="AG279" s="53"/>
      <c r="AH279" s="53"/>
      <c r="AI279" s="53"/>
      <c r="AJ279" s="53"/>
      <c r="AK279" s="53"/>
      <c r="AL279" s="53"/>
      <c r="AM279" s="53"/>
      <c r="AN279" s="53"/>
      <c r="AO279" s="53"/>
      <c r="AP279" s="53"/>
      <c r="AQ279" s="53"/>
      <c r="AR279" s="53"/>
      <c r="AS279" s="53"/>
      <c r="AT279" s="53"/>
      <c r="AU279" s="53"/>
      <c r="AV279" s="53"/>
      <c r="AW279" s="53"/>
      <c r="AX279" s="53"/>
      <c r="AY279" s="53"/>
      <c r="AZ279" s="53"/>
      <c r="BA279" s="53"/>
      <c r="BB279" s="53"/>
      <c r="BC279" s="53"/>
      <c r="BD279" s="53"/>
      <c r="BE279" s="53"/>
      <c r="BF279" s="53"/>
      <c r="BG279" s="53"/>
      <c r="BH279" s="53"/>
      <c r="BI279" s="53"/>
      <c r="BJ279" s="53"/>
      <c r="BK279" s="53"/>
      <c r="BL279" s="53"/>
      <c r="BM279" s="53"/>
      <c r="BN279" s="53"/>
      <c r="BO279" s="53"/>
      <c r="BP279" s="53"/>
      <c r="BQ279" s="53"/>
      <c r="BR279" s="53"/>
      <c r="BS279" s="53"/>
      <c r="BT279" s="53"/>
      <c r="BU279" s="53"/>
      <c r="BV279" s="53"/>
      <c r="BW279" s="53"/>
      <c r="BX279" s="53"/>
      <c r="BY279" s="53"/>
      <c r="BZ279" s="53"/>
      <c r="CA279" s="53"/>
      <c r="CB279" s="53"/>
      <c r="CC279" s="53"/>
      <c r="CD279" s="53"/>
      <c r="CE279" s="53"/>
      <c r="CF279" s="53"/>
      <c r="CG279" s="53"/>
      <c r="CH279" s="53"/>
      <c r="CI279" s="53"/>
      <c r="CJ279" s="53"/>
      <c r="CK279" s="53"/>
      <c r="CL279" s="53"/>
      <c r="CM279" s="53"/>
      <c r="CN279" s="53"/>
    </row>
    <row r="280" spans="1:92" outlineLevel="1">
      <c r="A280" s="52" t="s">
        <v>649</v>
      </c>
      <c r="B280" s="53"/>
      <c r="C280" s="53"/>
      <c r="D280" s="53"/>
      <c r="E280" s="53"/>
      <c r="F280" s="53"/>
      <c r="G280" s="53"/>
      <c r="H280" s="53"/>
      <c r="I280" s="53"/>
      <c r="J280" s="53"/>
      <c r="K280" s="53"/>
      <c r="L280" s="53"/>
      <c r="M280" s="53"/>
      <c r="N280" s="53"/>
      <c r="O280" s="53"/>
      <c r="P280" s="53"/>
      <c r="Q280" s="53"/>
      <c r="R280" s="53"/>
      <c r="S280" s="53"/>
      <c r="T280" s="53"/>
      <c r="U280" s="53"/>
      <c r="V280" s="53"/>
      <c r="W280" s="53"/>
      <c r="X280" s="53"/>
      <c r="Y280" s="53"/>
      <c r="Z280" s="53"/>
      <c r="AA280" s="53"/>
      <c r="AB280" s="53"/>
      <c r="AC280" s="53"/>
      <c r="AD280" s="53"/>
      <c r="AE280" s="53"/>
      <c r="AF280" s="53"/>
      <c r="AG280" s="53"/>
      <c r="AH280" s="53"/>
      <c r="AI280" s="53"/>
      <c r="AJ280" s="53"/>
      <c r="AK280" s="53"/>
      <c r="AL280" s="53"/>
      <c r="AM280" s="53"/>
      <c r="AN280" s="53"/>
      <c r="AO280" s="53">
        <v>12540354.7023951</v>
      </c>
      <c r="AP280" s="53">
        <v>7904029.4603243396</v>
      </c>
      <c r="AQ280" s="53">
        <v>8573876.3577464297</v>
      </c>
      <c r="AR280" s="53">
        <v>9407408.5631950591</v>
      </c>
      <c r="AS280" s="53">
        <v>11239697.1899361</v>
      </c>
      <c r="AT280" s="53">
        <v>11919509.6953464</v>
      </c>
      <c r="AU280" s="53">
        <v>12513482.243143801</v>
      </c>
      <c r="AV280" s="53">
        <v>15589262.269813601</v>
      </c>
      <c r="AW280" s="53">
        <v>11640811.7482644</v>
      </c>
      <c r="AX280" s="53">
        <v>10111718.395507</v>
      </c>
      <c r="AY280" s="53">
        <v>8090809.6294650901</v>
      </c>
      <c r="AZ280" s="53">
        <v>8601039.7448628303</v>
      </c>
      <c r="BA280" s="53">
        <v>128132000</v>
      </c>
      <c r="BB280" s="53">
        <v>12540354.7023951</v>
      </c>
      <c r="BC280" s="53">
        <v>7904029.4603243396</v>
      </c>
      <c r="BD280" s="53">
        <v>8573876.3577464297</v>
      </c>
      <c r="BE280" s="53">
        <v>9407408.5631950591</v>
      </c>
      <c r="BF280" s="53">
        <v>11239697.1899361</v>
      </c>
      <c r="BG280" s="53">
        <v>11919509.6953464</v>
      </c>
      <c r="BH280" s="53">
        <v>12513482.243143801</v>
      </c>
      <c r="BI280" s="53">
        <v>15589262.269813601</v>
      </c>
      <c r="BJ280" s="53">
        <v>11640811.7482644</v>
      </c>
      <c r="BK280" s="53">
        <v>10111718.395507</v>
      </c>
      <c r="BL280" s="53">
        <v>8090809.6294650901</v>
      </c>
      <c r="BM280" s="53">
        <v>8601039.7448628303</v>
      </c>
      <c r="BN280" s="53">
        <v>128132000</v>
      </c>
      <c r="BO280" s="53">
        <v>12540354.7023951</v>
      </c>
      <c r="BP280" s="53">
        <v>7904029.4603243396</v>
      </c>
      <c r="BQ280" s="53">
        <v>8573876.3577464297</v>
      </c>
      <c r="BR280" s="53">
        <v>9407408.5631950591</v>
      </c>
      <c r="BS280" s="53">
        <v>11239697.1899361</v>
      </c>
      <c r="BT280" s="53">
        <v>11919509.6953464</v>
      </c>
      <c r="BU280" s="53">
        <v>12513482.243143801</v>
      </c>
      <c r="BV280" s="53">
        <v>15589262.269813601</v>
      </c>
      <c r="BW280" s="53">
        <v>11640811.7482644</v>
      </c>
      <c r="BX280" s="53">
        <v>10111718.395507</v>
      </c>
      <c r="BY280" s="53">
        <v>8090809.6294650901</v>
      </c>
      <c r="BZ280" s="53">
        <v>8601039.7448628303</v>
      </c>
      <c r="CA280" s="53">
        <v>128132000</v>
      </c>
      <c r="CB280" s="53">
        <v>16698580.1769762</v>
      </c>
      <c r="CC280" s="53">
        <v>16698580.1769762</v>
      </c>
      <c r="CD280" s="53">
        <v>16698580.1769762</v>
      </c>
      <c r="CE280" s="53">
        <v>16698580.1769762</v>
      </c>
      <c r="CF280" s="53">
        <v>16698580.1769762</v>
      </c>
      <c r="CG280" s="53">
        <v>16698580.1769762</v>
      </c>
      <c r="CH280" s="53">
        <v>16698580.1769762</v>
      </c>
      <c r="CI280" s="53">
        <v>16698580.1769762</v>
      </c>
      <c r="CJ280" s="53">
        <v>16698580.1769762</v>
      </c>
      <c r="CK280" s="53">
        <v>16698580.1769762</v>
      </c>
      <c r="CL280" s="53">
        <v>16698580.1769762</v>
      </c>
      <c r="CM280" s="53">
        <v>16698580.1769762</v>
      </c>
      <c r="CN280" s="53">
        <v>200382962.123714</v>
      </c>
    </row>
    <row r="281" spans="1:92" outlineLevel="1">
      <c r="A281" s="52" t="s">
        <v>1254</v>
      </c>
      <c r="B281" s="53"/>
      <c r="C281" s="53"/>
      <c r="D281" s="53"/>
      <c r="E281" s="53"/>
      <c r="F281" s="53"/>
      <c r="G281" s="53"/>
      <c r="H281" s="53"/>
      <c r="I281" s="53"/>
      <c r="J281" s="53"/>
      <c r="K281" s="53"/>
      <c r="L281" s="53"/>
      <c r="M281" s="53"/>
      <c r="N281" s="53"/>
      <c r="O281" s="53"/>
      <c r="P281" s="53"/>
      <c r="Q281" s="53"/>
      <c r="R281" s="53"/>
      <c r="S281" s="53"/>
      <c r="T281" s="53"/>
      <c r="U281" s="53"/>
      <c r="V281" s="53"/>
      <c r="W281" s="53"/>
      <c r="X281" s="53"/>
      <c r="Y281" s="53"/>
      <c r="Z281" s="53"/>
      <c r="AA281" s="53"/>
      <c r="AB281" s="53"/>
      <c r="AC281" s="53"/>
      <c r="AD281" s="53"/>
      <c r="AE281" s="53"/>
      <c r="AF281" s="53"/>
      <c r="AG281" s="53"/>
      <c r="AH281" s="53"/>
      <c r="AI281" s="53"/>
      <c r="AJ281" s="53"/>
      <c r="AK281" s="53"/>
      <c r="AL281" s="53"/>
      <c r="AM281" s="53"/>
      <c r="AN281" s="53"/>
      <c r="AO281" s="53"/>
      <c r="AP281" s="53"/>
      <c r="AQ281" s="53"/>
      <c r="AR281" s="53"/>
      <c r="AS281" s="53"/>
      <c r="AT281" s="53"/>
      <c r="AU281" s="53"/>
      <c r="AV281" s="53"/>
      <c r="AW281" s="53"/>
      <c r="AX281" s="53"/>
      <c r="AY281" s="53"/>
      <c r="AZ281" s="53"/>
      <c r="BA281" s="53"/>
      <c r="BB281" s="53"/>
      <c r="BC281" s="53"/>
      <c r="BD281" s="53"/>
      <c r="BE281" s="53"/>
      <c r="BF281" s="53"/>
      <c r="BG281" s="53"/>
      <c r="BH281" s="53"/>
      <c r="BI281" s="53"/>
      <c r="BJ281" s="53"/>
      <c r="BK281" s="53"/>
      <c r="BL281" s="53"/>
      <c r="BM281" s="53"/>
      <c r="BN281" s="53"/>
      <c r="BO281" s="53"/>
      <c r="BP281" s="53"/>
      <c r="BQ281" s="53"/>
      <c r="BR281" s="53"/>
      <c r="BS281" s="53"/>
      <c r="BT281" s="53"/>
      <c r="BU281" s="53"/>
      <c r="BV281" s="53"/>
      <c r="BW281" s="53"/>
      <c r="BX281" s="53"/>
      <c r="BY281" s="53"/>
      <c r="BZ281" s="53"/>
      <c r="CA281" s="53"/>
      <c r="CB281" s="53"/>
      <c r="CC281" s="53"/>
      <c r="CD281" s="53"/>
      <c r="CE281" s="53"/>
      <c r="CF281" s="53"/>
      <c r="CG281" s="53"/>
      <c r="CH281" s="53"/>
      <c r="CI281" s="53"/>
      <c r="CJ281" s="53"/>
      <c r="CK281" s="53"/>
      <c r="CL281" s="53"/>
      <c r="CM281" s="53"/>
      <c r="CN281" s="53"/>
    </row>
    <row r="282" spans="1:92" outlineLevel="1">
      <c r="A282" s="52" t="s">
        <v>649</v>
      </c>
      <c r="B282" s="53"/>
      <c r="C282" s="53"/>
      <c r="D282" s="53"/>
      <c r="E282" s="53"/>
      <c r="F282" s="53"/>
      <c r="G282" s="53"/>
      <c r="H282" s="53"/>
      <c r="I282" s="53"/>
      <c r="J282" s="53"/>
      <c r="K282" s="53"/>
      <c r="L282" s="53"/>
      <c r="M282" s="53"/>
      <c r="N282" s="53"/>
      <c r="O282" s="53">
        <v>686781.66666666698</v>
      </c>
      <c r="P282" s="53">
        <v>686781.66666666698</v>
      </c>
      <c r="Q282" s="53">
        <v>686781.66666666698</v>
      </c>
      <c r="R282" s="53">
        <v>686781.66666666698</v>
      </c>
      <c r="S282" s="53">
        <v>686781.66666666698</v>
      </c>
      <c r="T282" s="53">
        <v>686781.66666666698</v>
      </c>
      <c r="U282" s="53">
        <v>686781.66666666698</v>
      </c>
      <c r="V282" s="53">
        <v>686781.66666666698</v>
      </c>
      <c r="W282" s="53">
        <v>686781.66666666698</v>
      </c>
      <c r="X282" s="53">
        <v>686781.66666666698</v>
      </c>
      <c r="Y282" s="53">
        <v>686781.66666666698</v>
      </c>
      <c r="Z282" s="53">
        <v>686781.66666666698</v>
      </c>
      <c r="AA282" s="53">
        <v>8241380</v>
      </c>
      <c r="AB282" s="53">
        <v>-3040862.6666666698</v>
      </c>
      <c r="AC282" s="53">
        <v>-3040862.6666666698</v>
      </c>
      <c r="AD282" s="53">
        <v>-3040862.6666666698</v>
      </c>
      <c r="AE282" s="53">
        <v>-3040862.6666666698</v>
      </c>
      <c r="AF282" s="53">
        <v>-3040862.6666666698</v>
      </c>
      <c r="AG282" s="53">
        <v>-3040862.6666666698</v>
      </c>
      <c r="AH282" s="53">
        <v>-3040862.6666666698</v>
      </c>
      <c r="AI282" s="53">
        <v>-3040862.6666666698</v>
      </c>
      <c r="AJ282" s="53">
        <v>-3040862.6666666698</v>
      </c>
      <c r="AK282" s="53">
        <v>-3040862.6666666698</v>
      </c>
      <c r="AL282" s="53">
        <v>-3040862.6666666698</v>
      </c>
      <c r="AM282" s="53">
        <v>-3040862.6666666698</v>
      </c>
      <c r="AN282" s="53">
        <v>-36490352</v>
      </c>
      <c r="AO282" s="53">
        <v>-831727.83333333302</v>
      </c>
      <c r="AP282" s="53">
        <v>-831727.83333333302</v>
      </c>
      <c r="AQ282" s="53">
        <v>-831727.83333333302</v>
      </c>
      <c r="AR282" s="53">
        <v>-831727.83333333302</v>
      </c>
      <c r="AS282" s="53">
        <v>-831727.83333333302</v>
      </c>
      <c r="AT282" s="53">
        <v>-831727.83333333302</v>
      </c>
      <c r="AU282" s="53">
        <v>-831727.83333333302</v>
      </c>
      <c r="AV282" s="53">
        <v>-831727.83333333302</v>
      </c>
      <c r="AW282" s="53">
        <v>-831727.83333333302</v>
      </c>
      <c r="AX282" s="53">
        <v>-831727.83333333302</v>
      </c>
      <c r="AY282" s="53">
        <v>-831727.83333333302</v>
      </c>
      <c r="AZ282" s="53">
        <v>-831727.83333333302</v>
      </c>
      <c r="BA282" s="53">
        <v>-9980733.9999999907</v>
      </c>
      <c r="BB282" s="53">
        <v>-435411.91666666698</v>
      </c>
      <c r="BC282" s="53">
        <v>-435411.91666666698</v>
      </c>
      <c r="BD282" s="53">
        <v>-435411.91666666698</v>
      </c>
      <c r="BE282" s="53">
        <v>-435411.91666666698</v>
      </c>
      <c r="BF282" s="53">
        <v>-435411.91666666698</v>
      </c>
      <c r="BG282" s="53">
        <v>-435411.91666666698</v>
      </c>
      <c r="BH282" s="53">
        <v>-435411.91666666698</v>
      </c>
      <c r="BI282" s="53">
        <v>-435411.91666666698</v>
      </c>
      <c r="BJ282" s="53">
        <v>-435411.91666666698</v>
      </c>
      <c r="BK282" s="53">
        <v>-435411.91666666698</v>
      </c>
      <c r="BL282" s="53">
        <v>-435411.91666666698</v>
      </c>
      <c r="BM282" s="53">
        <v>-435411.91666666698</v>
      </c>
      <c r="BN282" s="53">
        <v>-5224943</v>
      </c>
      <c r="BO282" s="53">
        <v>-593572.33333333198</v>
      </c>
      <c r="BP282" s="53">
        <v>-593572.33333333198</v>
      </c>
      <c r="BQ282" s="53">
        <v>-593572.33333333198</v>
      </c>
      <c r="BR282" s="53">
        <v>-593572.33333333198</v>
      </c>
      <c r="BS282" s="53">
        <v>-593572.33333333198</v>
      </c>
      <c r="BT282" s="53">
        <v>-593572.33333333198</v>
      </c>
      <c r="BU282" s="53">
        <v>-593572.33333333198</v>
      </c>
      <c r="BV282" s="53">
        <v>-593572.33333333198</v>
      </c>
      <c r="BW282" s="53">
        <v>-593572.33333333198</v>
      </c>
      <c r="BX282" s="53">
        <v>-593572.33333333198</v>
      </c>
      <c r="BY282" s="53">
        <v>-593572.33333333198</v>
      </c>
      <c r="BZ282" s="53">
        <v>-593572.33333333198</v>
      </c>
      <c r="CA282" s="53">
        <v>-7122867.9999999898</v>
      </c>
      <c r="CB282" s="53">
        <v>6254150</v>
      </c>
      <c r="CC282" s="53">
        <v>6254150</v>
      </c>
      <c r="CD282" s="53">
        <v>6254150</v>
      </c>
      <c r="CE282" s="53">
        <v>6254150</v>
      </c>
      <c r="CF282" s="53">
        <v>6254150</v>
      </c>
      <c r="CG282" s="53">
        <v>6254150</v>
      </c>
      <c r="CH282" s="53">
        <v>6254150</v>
      </c>
      <c r="CI282" s="53">
        <v>6254150</v>
      </c>
      <c r="CJ282" s="53">
        <v>6254150</v>
      </c>
      <c r="CK282" s="53">
        <v>6254150</v>
      </c>
      <c r="CL282" s="53">
        <v>6254150</v>
      </c>
      <c r="CM282" s="53">
        <v>6254150</v>
      </c>
      <c r="CN282" s="53">
        <v>75049800</v>
      </c>
    </row>
    <row r="283" spans="1:92" outlineLevel="1">
      <c r="A283" s="52" t="s">
        <v>1255</v>
      </c>
      <c r="B283" s="53"/>
      <c r="C283" s="53"/>
      <c r="D283" s="53"/>
      <c r="E283" s="53"/>
      <c r="F283" s="53"/>
      <c r="G283" s="53"/>
      <c r="H283" s="53"/>
      <c r="I283" s="53"/>
      <c r="J283" s="53"/>
      <c r="K283" s="53"/>
      <c r="L283" s="53"/>
      <c r="M283" s="53"/>
      <c r="N283" s="53"/>
      <c r="O283" s="53"/>
      <c r="P283" s="53"/>
      <c r="Q283" s="53"/>
      <c r="R283" s="53"/>
      <c r="S283" s="53"/>
      <c r="T283" s="53"/>
      <c r="U283" s="53"/>
      <c r="V283" s="53"/>
      <c r="W283" s="53"/>
      <c r="X283" s="53"/>
      <c r="Y283" s="53"/>
      <c r="Z283" s="53"/>
      <c r="AA283" s="53"/>
      <c r="AB283" s="53"/>
      <c r="AC283" s="53"/>
      <c r="AD283" s="53"/>
      <c r="AE283" s="53"/>
      <c r="AF283" s="53"/>
      <c r="AG283" s="53"/>
      <c r="AH283" s="53"/>
      <c r="AI283" s="53"/>
      <c r="AJ283" s="53"/>
      <c r="AK283" s="53"/>
      <c r="AL283" s="53"/>
      <c r="AM283" s="53"/>
      <c r="AN283" s="53"/>
      <c r="AO283" s="53"/>
      <c r="AP283" s="53"/>
      <c r="AQ283" s="53"/>
      <c r="AR283" s="53"/>
      <c r="AS283" s="53"/>
      <c r="AT283" s="53"/>
      <c r="AU283" s="53"/>
      <c r="AV283" s="53"/>
      <c r="AW283" s="53"/>
      <c r="AX283" s="53"/>
      <c r="AY283" s="53"/>
      <c r="AZ283" s="53"/>
      <c r="BA283" s="53"/>
      <c r="BB283" s="53"/>
      <c r="BC283" s="53"/>
      <c r="BD283" s="53"/>
      <c r="BE283" s="53"/>
      <c r="BF283" s="53"/>
      <c r="BG283" s="53"/>
      <c r="BH283" s="53"/>
      <c r="BI283" s="53"/>
      <c r="BJ283" s="53"/>
      <c r="BK283" s="53"/>
      <c r="BL283" s="53"/>
      <c r="BM283" s="53"/>
      <c r="BN283" s="53"/>
      <c r="BO283" s="53"/>
      <c r="BP283" s="53"/>
      <c r="BQ283" s="53"/>
      <c r="BR283" s="53"/>
      <c r="BS283" s="53"/>
      <c r="BT283" s="53"/>
      <c r="BU283" s="53"/>
      <c r="BV283" s="53"/>
      <c r="BW283" s="53"/>
      <c r="BX283" s="53"/>
      <c r="BY283" s="53"/>
      <c r="BZ283" s="53"/>
      <c r="CA283" s="53"/>
      <c r="CB283" s="53"/>
      <c r="CC283" s="53"/>
      <c r="CD283" s="53"/>
      <c r="CE283" s="53"/>
      <c r="CF283" s="53"/>
      <c r="CG283" s="53"/>
      <c r="CH283" s="53"/>
      <c r="CI283" s="53"/>
      <c r="CJ283" s="53"/>
      <c r="CK283" s="53"/>
      <c r="CL283" s="53"/>
      <c r="CM283" s="53"/>
      <c r="CN283" s="53"/>
    </row>
    <row r="284" spans="1:92" outlineLevel="1">
      <c r="A284" s="52" t="s">
        <v>649</v>
      </c>
      <c r="B284" s="53"/>
      <c r="C284" s="53"/>
      <c r="D284" s="53"/>
      <c r="E284" s="53"/>
      <c r="F284" s="53"/>
      <c r="G284" s="53"/>
      <c r="H284" s="53"/>
      <c r="I284" s="53"/>
      <c r="J284" s="53"/>
      <c r="K284" s="53"/>
      <c r="L284" s="53"/>
      <c r="M284" s="53"/>
      <c r="N284" s="53"/>
      <c r="O284" s="53">
        <v>2388042.4463712601</v>
      </c>
      <c r="P284" s="53">
        <v>1505153.42640334</v>
      </c>
      <c r="Q284" s="53">
        <v>1632711.4470156699</v>
      </c>
      <c r="R284" s="53">
        <v>1791439.8350291799</v>
      </c>
      <c r="S284" s="53">
        <v>2140360.0305500599</v>
      </c>
      <c r="T284" s="53">
        <v>2269815.78814387</v>
      </c>
      <c r="U284" s="53">
        <v>2382925.1610269798</v>
      </c>
      <c r="V284" s="53">
        <v>2968641.7084213998</v>
      </c>
      <c r="W284" s="53">
        <v>2216743.7225490198</v>
      </c>
      <c r="X284" s="53">
        <v>1925560.5847904501</v>
      </c>
      <c r="Y284" s="53">
        <v>1540721.7163467801</v>
      </c>
      <c r="Z284" s="53">
        <v>1637884.13335195</v>
      </c>
      <c r="AA284" s="53">
        <v>24399999.999999899</v>
      </c>
      <c r="AB284" s="53">
        <v>2388042.4463712601</v>
      </c>
      <c r="AC284" s="53">
        <v>1505153.42640334</v>
      </c>
      <c r="AD284" s="53">
        <v>1632711.4470156699</v>
      </c>
      <c r="AE284" s="53">
        <v>1791439.8350291799</v>
      </c>
      <c r="AF284" s="53">
        <v>2140360.0305500599</v>
      </c>
      <c r="AG284" s="53">
        <v>2269815.78814387</v>
      </c>
      <c r="AH284" s="53">
        <v>2382925.1610269798</v>
      </c>
      <c r="AI284" s="53">
        <v>2968641.7084213998</v>
      </c>
      <c r="AJ284" s="53">
        <v>2216743.7225490198</v>
      </c>
      <c r="AK284" s="53">
        <v>1925560.5847904501</v>
      </c>
      <c r="AL284" s="53">
        <v>1540721.7163467801</v>
      </c>
      <c r="AM284" s="53">
        <v>1637884.13335195</v>
      </c>
      <c r="AN284" s="53">
        <v>24399999.999999899</v>
      </c>
      <c r="AO284" s="53"/>
      <c r="AP284" s="53"/>
      <c r="AQ284" s="53"/>
      <c r="AR284" s="53"/>
      <c r="AS284" s="53"/>
      <c r="AT284" s="53"/>
      <c r="AU284" s="53"/>
      <c r="AV284" s="53"/>
      <c r="AW284" s="53"/>
      <c r="AX284" s="53"/>
      <c r="AY284" s="53"/>
      <c r="AZ284" s="53"/>
      <c r="BA284" s="53"/>
      <c r="BB284" s="53"/>
      <c r="BC284" s="53"/>
      <c r="BD284" s="53"/>
      <c r="BE284" s="53"/>
      <c r="BF284" s="53"/>
      <c r="BG284" s="53"/>
      <c r="BH284" s="53"/>
      <c r="BI284" s="53"/>
      <c r="BJ284" s="53"/>
      <c r="BK284" s="53"/>
      <c r="BL284" s="53"/>
      <c r="BM284" s="53"/>
      <c r="BN284" s="53"/>
      <c r="BO284" s="53"/>
      <c r="BP284" s="53"/>
      <c r="BQ284" s="53"/>
      <c r="BR284" s="53"/>
      <c r="BS284" s="53"/>
      <c r="BT284" s="53"/>
      <c r="BU284" s="53"/>
      <c r="BV284" s="53"/>
      <c r="BW284" s="53"/>
      <c r="BX284" s="53"/>
      <c r="BY284" s="53"/>
      <c r="BZ284" s="53"/>
      <c r="CA284" s="53"/>
      <c r="CB284" s="53"/>
      <c r="CC284" s="53"/>
      <c r="CD284" s="53"/>
      <c r="CE284" s="53"/>
      <c r="CF284" s="53"/>
      <c r="CG284" s="53"/>
      <c r="CH284" s="53"/>
      <c r="CI284" s="53"/>
      <c r="CJ284" s="53"/>
      <c r="CK284" s="53"/>
      <c r="CL284" s="53"/>
      <c r="CM284" s="53"/>
      <c r="CN284" s="53"/>
    </row>
    <row r="285" spans="1:92" outlineLevel="1">
      <c r="A285" s="52" t="s">
        <v>1256</v>
      </c>
      <c r="B285" s="53"/>
      <c r="C285" s="53"/>
      <c r="D285" s="53"/>
      <c r="E285" s="53"/>
      <c r="F285" s="53"/>
      <c r="G285" s="53"/>
      <c r="H285" s="53"/>
      <c r="I285" s="53"/>
      <c r="J285" s="53"/>
      <c r="K285" s="53"/>
      <c r="L285" s="53"/>
      <c r="M285" s="53"/>
      <c r="N285" s="53"/>
      <c r="O285" s="53"/>
      <c r="P285" s="53"/>
      <c r="Q285" s="53"/>
      <c r="R285" s="53"/>
      <c r="S285" s="53"/>
      <c r="T285" s="53"/>
      <c r="U285" s="53"/>
      <c r="V285" s="53"/>
      <c r="W285" s="53"/>
      <c r="X285" s="53"/>
      <c r="Y285" s="53"/>
      <c r="Z285" s="53"/>
      <c r="AA285" s="53"/>
      <c r="AB285" s="53"/>
      <c r="AC285" s="53"/>
      <c r="AD285" s="53"/>
      <c r="AE285" s="53"/>
      <c r="AF285" s="53"/>
      <c r="AG285" s="53"/>
      <c r="AH285" s="53"/>
      <c r="AI285" s="53"/>
      <c r="AJ285" s="53"/>
      <c r="AK285" s="53"/>
      <c r="AL285" s="53"/>
      <c r="AM285" s="53"/>
      <c r="AN285" s="53"/>
      <c r="AO285" s="53"/>
      <c r="AP285" s="53"/>
      <c r="AQ285" s="53"/>
      <c r="AR285" s="53"/>
      <c r="AS285" s="53"/>
      <c r="AT285" s="53"/>
      <c r="AU285" s="53"/>
      <c r="AV285" s="53"/>
      <c r="AW285" s="53"/>
      <c r="AX285" s="53"/>
      <c r="AY285" s="53"/>
      <c r="AZ285" s="53"/>
      <c r="BA285" s="53"/>
      <c r="BB285" s="53"/>
      <c r="BC285" s="53"/>
      <c r="BD285" s="53"/>
      <c r="BE285" s="53"/>
      <c r="BF285" s="53"/>
      <c r="BG285" s="53"/>
      <c r="BH285" s="53"/>
      <c r="BI285" s="53"/>
      <c r="BJ285" s="53"/>
      <c r="BK285" s="53"/>
      <c r="BL285" s="53"/>
      <c r="BM285" s="53"/>
      <c r="BN285" s="53"/>
      <c r="BO285" s="53"/>
      <c r="BP285" s="53"/>
      <c r="BQ285" s="53"/>
      <c r="BR285" s="53"/>
      <c r="BS285" s="53"/>
      <c r="BT285" s="53"/>
      <c r="BU285" s="53"/>
      <c r="BV285" s="53"/>
      <c r="BW285" s="53"/>
      <c r="BX285" s="53"/>
      <c r="BY285" s="53"/>
      <c r="BZ285" s="53"/>
      <c r="CA285" s="53"/>
      <c r="CB285" s="53"/>
      <c r="CC285" s="53"/>
      <c r="CD285" s="53"/>
      <c r="CE285" s="53"/>
      <c r="CF285" s="53"/>
      <c r="CG285" s="53"/>
      <c r="CH285" s="53"/>
      <c r="CI285" s="53"/>
      <c r="CJ285" s="53"/>
      <c r="CK285" s="53"/>
      <c r="CL285" s="53"/>
      <c r="CM285" s="53"/>
      <c r="CN285" s="53"/>
    </row>
    <row r="286" spans="1:92" outlineLevel="1">
      <c r="A286" s="52" t="s">
        <v>649</v>
      </c>
      <c r="B286" s="53"/>
      <c r="C286" s="53"/>
      <c r="D286" s="53"/>
      <c r="E286" s="53"/>
      <c r="F286" s="53"/>
      <c r="G286" s="53"/>
      <c r="H286" s="53"/>
      <c r="I286" s="53"/>
      <c r="J286" s="53"/>
      <c r="K286" s="53"/>
      <c r="L286" s="53"/>
      <c r="M286" s="53"/>
      <c r="N286" s="53"/>
      <c r="O286" s="53">
        <v>-5452118.15077643</v>
      </c>
      <c r="P286" s="53">
        <v>-3485623.4039634899</v>
      </c>
      <c r="Q286" s="53">
        <v>-3697943.00949249</v>
      </c>
      <c r="R286" s="53">
        <v>-4067678.1115929298</v>
      </c>
      <c r="S286" s="53">
        <v>-4911729.7575385701</v>
      </c>
      <c r="T286" s="53">
        <v>-5238649.9486719603</v>
      </c>
      <c r="U286" s="53">
        <v>-5502400.6874549296</v>
      </c>
      <c r="V286" s="53">
        <v>-6841355.9671956599</v>
      </c>
      <c r="W286" s="53">
        <v>-5118239.83107269</v>
      </c>
      <c r="X286" s="53">
        <v>-4417093.7970033605</v>
      </c>
      <c r="Y286" s="53">
        <v>-3504781.910224</v>
      </c>
      <c r="Z286" s="53">
        <v>-3731810.4250137499</v>
      </c>
      <c r="AA286" s="53">
        <v>-55969425.000000201</v>
      </c>
      <c r="AB286" s="53">
        <v>-5452118.15077643</v>
      </c>
      <c r="AC286" s="53">
        <v>-3485623.4039634899</v>
      </c>
      <c r="AD286" s="53">
        <v>-3697943.00949249</v>
      </c>
      <c r="AE286" s="53">
        <v>-4067678.1115929298</v>
      </c>
      <c r="AF286" s="53">
        <v>-4911729.7575385701</v>
      </c>
      <c r="AG286" s="53">
        <v>-5238649.9486719603</v>
      </c>
      <c r="AH286" s="53">
        <v>-5502400.6874549296</v>
      </c>
      <c r="AI286" s="53">
        <v>-6841355.9671956599</v>
      </c>
      <c r="AJ286" s="53">
        <v>-5118239.83107269</v>
      </c>
      <c r="AK286" s="53">
        <v>-4417093.7970033605</v>
      </c>
      <c r="AL286" s="53">
        <v>-3504781.910224</v>
      </c>
      <c r="AM286" s="53">
        <v>-3731810.4250137499</v>
      </c>
      <c r="AN286" s="53">
        <v>-55969425.000000201</v>
      </c>
      <c r="AO286" s="53">
        <v>-5452118.15077643</v>
      </c>
      <c r="AP286" s="53">
        <v>-3485623.4039634899</v>
      </c>
      <c r="AQ286" s="53">
        <v>-3697943.00949249</v>
      </c>
      <c r="AR286" s="53">
        <v>-4067678.1115929298</v>
      </c>
      <c r="AS286" s="53">
        <v>-4911729.7575385701</v>
      </c>
      <c r="AT286" s="53">
        <v>-5238649.9486719603</v>
      </c>
      <c r="AU286" s="53">
        <v>-5502400.6874549296</v>
      </c>
      <c r="AV286" s="53">
        <v>-6841355.9671956599</v>
      </c>
      <c r="AW286" s="53">
        <v>-5118239.83107269</v>
      </c>
      <c r="AX286" s="53">
        <v>-4417093.7970033605</v>
      </c>
      <c r="AY286" s="53">
        <v>-3504781.910224</v>
      </c>
      <c r="AZ286" s="53">
        <v>-3731810.4250137499</v>
      </c>
      <c r="BA286" s="53">
        <v>-55969425.000000201</v>
      </c>
      <c r="BB286" s="53">
        <v>-5452118.15077643</v>
      </c>
      <c r="BC286" s="53">
        <v>-3485623.4039634899</v>
      </c>
      <c r="BD286" s="53">
        <v>-3697943.00949249</v>
      </c>
      <c r="BE286" s="53">
        <v>-4067678.1115929298</v>
      </c>
      <c r="BF286" s="53">
        <v>-4911729.7575385701</v>
      </c>
      <c r="BG286" s="53">
        <v>-5238649.9486719603</v>
      </c>
      <c r="BH286" s="53">
        <v>-5502400.6874549296</v>
      </c>
      <c r="BI286" s="53">
        <v>-6841355.9671956599</v>
      </c>
      <c r="BJ286" s="53">
        <v>-5118239.83107269</v>
      </c>
      <c r="BK286" s="53">
        <v>-4417093.7970033605</v>
      </c>
      <c r="BL286" s="53">
        <v>-3504781.910224</v>
      </c>
      <c r="BM286" s="53">
        <v>-3731810.4250137499</v>
      </c>
      <c r="BN286" s="53">
        <v>-55969425.000000201</v>
      </c>
      <c r="BO286" s="53">
        <v>-5452118.15077643</v>
      </c>
      <c r="BP286" s="53">
        <v>-3485623.4039634899</v>
      </c>
      <c r="BQ286" s="53">
        <v>-3697943.00949249</v>
      </c>
      <c r="BR286" s="53">
        <v>-4067678.1115929298</v>
      </c>
      <c r="BS286" s="53">
        <v>-4911729.7575385701</v>
      </c>
      <c r="BT286" s="53">
        <v>-5238649.9486719603</v>
      </c>
      <c r="BU286" s="53">
        <v>-5502400.6874549296</v>
      </c>
      <c r="BV286" s="53">
        <v>-6841355.9671956599</v>
      </c>
      <c r="BW286" s="53">
        <v>-5118239.83107269</v>
      </c>
      <c r="BX286" s="53">
        <v>-4417093.7970033605</v>
      </c>
      <c r="BY286" s="53">
        <v>-3504781.910224</v>
      </c>
      <c r="BZ286" s="53">
        <v>-3731810.4250137499</v>
      </c>
      <c r="CA286" s="53">
        <v>-55969425.000000201</v>
      </c>
      <c r="CB286" s="53">
        <v>5211941.8569540102</v>
      </c>
      <c r="CC286" s="53">
        <v>5211941.8569540102</v>
      </c>
      <c r="CD286" s="53">
        <v>5211941.8569540102</v>
      </c>
      <c r="CE286" s="53">
        <v>2963163.0301156901</v>
      </c>
      <c r="CF286" s="53">
        <v>2963163.0301156901</v>
      </c>
      <c r="CG286" s="53">
        <v>2963163.0301156901</v>
      </c>
      <c r="CH286" s="53">
        <v>2963163.0301156901</v>
      </c>
      <c r="CI286" s="53">
        <v>2963163.0301156901</v>
      </c>
      <c r="CJ286" s="53">
        <v>2963163.0301156901</v>
      </c>
      <c r="CK286" s="53">
        <v>2963163.0301156901</v>
      </c>
      <c r="CL286" s="53">
        <v>2963163.0301156901</v>
      </c>
      <c r="CM286" s="53">
        <v>2963163.0301156901</v>
      </c>
      <c r="CN286" s="53">
        <v>42304292.841903202</v>
      </c>
    </row>
    <row r="287" spans="1:92" outlineLevel="1">
      <c r="A287" s="52" t="s">
        <v>1257</v>
      </c>
      <c r="B287" s="53"/>
      <c r="C287" s="53"/>
      <c r="D287" s="53"/>
      <c r="E287" s="53"/>
      <c r="F287" s="53"/>
      <c r="G287" s="53"/>
      <c r="H287" s="53"/>
      <c r="I287" s="53"/>
      <c r="J287" s="53"/>
      <c r="K287" s="53"/>
      <c r="L287" s="53"/>
      <c r="M287" s="53"/>
      <c r="N287" s="53"/>
      <c r="O287" s="53"/>
      <c r="P287" s="53"/>
      <c r="Q287" s="53"/>
      <c r="R287" s="53"/>
      <c r="S287" s="53"/>
      <c r="T287" s="53"/>
      <c r="U287" s="53"/>
      <c r="V287" s="53"/>
      <c r="W287" s="53"/>
      <c r="X287" s="53"/>
      <c r="Y287" s="53"/>
      <c r="Z287" s="53"/>
      <c r="AA287" s="53"/>
      <c r="AB287" s="53"/>
      <c r="AC287" s="53"/>
      <c r="AD287" s="53"/>
      <c r="AE287" s="53"/>
      <c r="AF287" s="53"/>
      <c r="AG287" s="53"/>
      <c r="AH287" s="53"/>
      <c r="AI287" s="53"/>
      <c r="AJ287" s="53"/>
      <c r="AK287" s="53"/>
      <c r="AL287" s="53"/>
      <c r="AM287" s="53"/>
      <c r="AN287" s="53"/>
      <c r="AO287" s="53"/>
      <c r="AP287" s="53"/>
      <c r="AQ287" s="53"/>
      <c r="AR287" s="53"/>
      <c r="AS287" s="53"/>
      <c r="AT287" s="53"/>
      <c r="AU287" s="53"/>
      <c r="AV287" s="53"/>
      <c r="AW287" s="53"/>
      <c r="AX287" s="53"/>
      <c r="AY287" s="53"/>
      <c r="AZ287" s="53"/>
      <c r="BA287" s="53"/>
      <c r="BB287" s="53"/>
      <c r="BC287" s="53"/>
      <c r="BD287" s="53"/>
      <c r="BE287" s="53"/>
      <c r="BF287" s="53"/>
      <c r="BG287" s="53"/>
      <c r="BH287" s="53"/>
      <c r="BI287" s="53"/>
      <c r="BJ287" s="53"/>
      <c r="BK287" s="53"/>
      <c r="BL287" s="53"/>
      <c r="BM287" s="53"/>
      <c r="BN287" s="53"/>
      <c r="BO287" s="53"/>
      <c r="BP287" s="53"/>
      <c r="BQ287" s="53"/>
      <c r="BR287" s="53"/>
      <c r="BS287" s="53"/>
      <c r="BT287" s="53"/>
      <c r="BU287" s="53"/>
      <c r="BV287" s="53"/>
      <c r="BW287" s="53"/>
      <c r="BX287" s="53"/>
      <c r="BY287" s="53"/>
      <c r="BZ287" s="53"/>
      <c r="CA287" s="53"/>
      <c r="CB287" s="53"/>
      <c r="CC287" s="53"/>
      <c r="CD287" s="53"/>
      <c r="CE287" s="53"/>
      <c r="CF287" s="53"/>
      <c r="CG287" s="53"/>
      <c r="CH287" s="53"/>
      <c r="CI287" s="53"/>
      <c r="CJ287" s="53"/>
      <c r="CK287" s="53"/>
      <c r="CL287" s="53"/>
      <c r="CM287" s="53"/>
      <c r="CN287" s="53"/>
    </row>
    <row r="288" spans="1:92" outlineLevel="1">
      <c r="A288" s="52" t="s">
        <v>649</v>
      </c>
      <c r="B288" s="53"/>
      <c r="C288" s="53"/>
      <c r="D288" s="53"/>
      <c r="E288" s="53"/>
      <c r="F288" s="53"/>
      <c r="G288" s="53"/>
      <c r="H288" s="53"/>
      <c r="I288" s="53"/>
      <c r="J288" s="53"/>
      <c r="K288" s="53"/>
      <c r="L288" s="53"/>
      <c r="M288" s="53"/>
      <c r="N288" s="53"/>
      <c r="O288" s="53">
        <v>1250830</v>
      </c>
      <c r="P288" s="53">
        <v>1250830</v>
      </c>
      <c r="Q288" s="53">
        <v>1250830</v>
      </c>
      <c r="R288" s="53">
        <v>1250830</v>
      </c>
      <c r="S288" s="53">
        <v>1250830</v>
      </c>
      <c r="T288" s="53">
        <v>3752490</v>
      </c>
      <c r="U288" s="53">
        <v>3752490</v>
      </c>
      <c r="V288" s="53">
        <v>3752490</v>
      </c>
      <c r="W288" s="53">
        <v>3752490</v>
      </c>
      <c r="X288" s="53">
        <v>3752490</v>
      </c>
      <c r="Y288" s="53">
        <v>3752490</v>
      </c>
      <c r="Z288" s="53">
        <v>3752490</v>
      </c>
      <c r="AA288" s="53">
        <v>32521579.999999899</v>
      </c>
      <c r="AB288" s="53">
        <v>3752490</v>
      </c>
      <c r="AC288" s="53">
        <v>3752490</v>
      </c>
      <c r="AD288" s="53">
        <v>5628735</v>
      </c>
      <c r="AE288" s="53">
        <v>5628735</v>
      </c>
      <c r="AF288" s="53">
        <v>5628735</v>
      </c>
      <c r="AG288" s="53">
        <v>6254150</v>
      </c>
      <c r="AH288" s="53">
        <v>6254150</v>
      </c>
      <c r="AI288" s="53">
        <v>6254150</v>
      </c>
      <c r="AJ288" s="53">
        <v>6254150</v>
      </c>
      <c r="AK288" s="53">
        <v>6254150</v>
      </c>
      <c r="AL288" s="53">
        <v>6254150</v>
      </c>
      <c r="AM288" s="53">
        <v>6254150</v>
      </c>
      <c r="AN288" s="53">
        <v>68170235</v>
      </c>
      <c r="AO288" s="53">
        <v>6254150</v>
      </c>
      <c r="AP288" s="53">
        <v>6254150</v>
      </c>
      <c r="AQ288" s="53">
        <v>6254150</v>
      </c>
      <c r="AR288" s="53">
        <v>6254150</v>
      </c>
      <c r="AS288" s="53">
        <v>6254150</v>
      </c>
      <c r="AT288" s="53">
        <v>6254150</v>
      </c>
      <c r="AU288" s="53">
        <v>6254150</v>
      </c>
      <c r="AV288" s="53">
        <v>6254150</v>
      </c>
      <c r="AW288" s="53">
        <v>6254150</v>
      </c>
      <c r="AX288" s="53">
        <v>6254150</v>
      </c>
      <c r="AY288" s="53">
        <v>6254150</v>
      </c>
      <c r="AZ288" s="53">
        <v>6254150</v>
      </c>
      <c r="BA288" s="53">
        <v>75049800</v>
      </c>
      <c r="BB288" s="53">
        <v>6254150</v>
      </c>
      <c r="BC288" s="53">
        <v>6254150</v>
      </c>
      <c r="BD288" s="53">
        <v>6254150</v>
      </c>
      <c r="BE288" s="53">
        <v>6254150</v>
      </c>
      <c r="BF288" s="53">
        <v>6254150</v>
      </c>
      <c r="BG288" s="53">
        <v>6254150</v>
      </c>
      <c r="BH288" s="53">
        <v>6254150</v>
      </c>
      <c r="BI288" s="53">
        <v>6254150</v>
      </c>
      <c r="BJ288" s="53">
        <v>6254150</v>
      </c>
      <c r="BK288" s="53">
        <v>6254150</v>
      </c>
      <c r="BL288" s="53">
        <v>6254150</v>
      </c>
      <c r="BM288" s="53">
        <v>6254150</v>
      </c>
      <c r="BN288" s="53">
        <v>75049800</v>
      </c>
      <c r="BO288" s="53">
        <v>6254150</v>
      </c>
      <c r="BP288" s="53">
        <v>6254150</v>
      </c>
      <c r="BQ288" s="53">
        <v>6254150</v>
      </c>
      <c r="BR288" s="53">
        <v>6254150</v>
      </c>
      <c r="BS288" s="53">
        <v>6254150</v>
      </c>
      <c r="BT288" s="53">
        <v>6254150</v>
      </c>
      <c r="BU288" s="53">
        <v>6254150</v>
      </c>
      <c r="BV288" s="53">
        <v>6254150</v>
      </c>
      <c r="BW288" s="53">
        <v>6254150</v>
      </c>
      <c r="BX288" s="53">
        <v>6254150</v>
      </c>
      <c r="BY288" s="53">
        <v>6254150</v>
      </c>
      <c r="BZ288" s="53">
        <v>6254150</v>
      </c>
      <c r="CA288" s="53">
        <v>75049800</v>
      </c>
      <c r="CB288" s="53">
        <v>5262777.5798480297</v>
      </c>
      <c r="CC288" s="53">
        <v>5262777.5798480297</v>
      </c>
      <c r="CD288" s="53">
        <v>5262777.5798480297</v>
      </c>
      <c r="CE288" s="53">
        <v>5262777.5798480297</v>
      </c>
      <c r="CF288" s="53">
        <v>5262777.5798480297</v>
      </c>
      <c r="CG288" s="53">
        <v>5262777.5798480297</v>
      </c>
      <c r="CH288" s="53">
        <v>7577309.3457095502</v>
      </c>
      <c r="CI288" s="53">
        <v>7577309.3457095502</v>
      </c>
      <c r="CJ288" s="53">
        <v>7577309.3457095502</v>
      </c>
      <c r="CK288" s="53">
        <v>7577309.3457095502</v>
      </c>
      <c r="CL288" s="53">
        <v>7577309.3457095502</v>
      </c>
      <c r="CM288" s="53">
        <v>7577309.3457095502</v>
      </c>
      <c r="CN288" s="53">
        <v>77040521.553345397</v>
      </c>
    </row>
    <row r="289" spans="1:92" outlineLevel="1">
      <c r="A289" s="52" t="s">
        <v>1258</v>
      </c>
      <c r="B289" s="53"/>
      <c r="C289" s="53"/>
      <c r="D289" s="53"/>
      <c r="E289" s="53"/>
      <c r="F289" s="53"/>
      <c r="G289" s="53"/>
      <c r="H289" s="53"/>
      <c r="I289" s="53"/>
      <c r="J289" s="53"/>
      <c r="K289" s="53"/>
      <c r="L289" s="53"/>
      <c r="M289" s="53"/>
      <c r="N289" s="53"/>
      <c r="O289" s="53"/>
      <c r="P289" s="53"/>
      <c r="Q289" s="53"/>
      <c r="R289" s="53"/>
      <c r="S289" s="53"/>
      <c r="T289" s="53"/>
      <c r="U289" s="53"/>
      <c r="V289" s="53"/>
      <c r="W289" s="53"/>
      <c r="X289" s="53"/>
      <c r="Y289" s="53"/>
      <c r="Z289" s="53"/>
      <c r="AA289" s="53"/>
      <c r="AB289" s="53"/>
      <c r="AC289" s="53"/>
      <c r="AD289" s="53"/>
      <c r="AE289" s="53"/>
      <c r="AF289" s="53"/>
      <c r="AG289" s="53"/>
      <c r="AH289" s="53"/>
      <c r="AI289" s="53"/>
      <c r="AJ289" s="53"/>
      <c r="AK289" s="53"/>
      <c r="AL289" s="53"/>
      <c r="AM289" s="53"/>
      <c r="AN289" s="53"/>
      <c r="AO289" s="53"/>
      <c r="AP289" s="53"/>
      <c r="AQ289" s="53"/>
      <c r="AR289" s="53"/>
      <c r="AS289" s="53"/>
      <c r="AT289" s="53"/>
      <c r="AU289" s="53"/>
      <c r="AV289" s="53"/>
      <c r="AW289" s="53"/>
      <c r="AX289" s="53"/>
      <c r="AY289" s="53"/>
      <c r="AZ289" s="53"/>
      <c r="BA289" s="53"/>
      <c r="BB289" s="53"/>
      <c r="BC289" s="53"/>
      <c r="BD289" s="53"/>
      <c r="BE289" s="53"/>
      <c r="BF289" s="53"/>
      <c r="BG289" s="53"/>
      <c r="BH289" s="53"/>
      <c r="BI289" s="53"/>
      <c r="BJ289" s="53"/>
      <c r="BK289" s="53"/>
      <c r="BL289" s="53"/>
      <c r="BM289" s="53"/>
      <c r="BN289" s="53"/>
      <c r="BO289" s="53"/>
      <c r="BP289" s="53"/>
      <c r="BQ289" s="53"/>
      <c r="BR289" s="53"/>
      <c r="BS289" s="53"/>
      <c r="BT289" s="53"/>
      <c r="BU289" s="53"/>
      <c r="BV289" s="53"/>
      <c r="BW289" s="53"/>
      <c r="BX289" s="53"/>
      <c r="BY289" s="53"/>
      <c r="BZ289" s="53"/>
      <c r="CA289" s="53"/>
      <c r="CB289" s="53"/>
      <c r="CC289" s="53"/>
      <c r="CD289" s="53"/>
      <c r="CE289" s="53"/>
      <c r="CF289" s="53"/>
      <c r="CG289" s="53"/>
      <c r="CH289" s="53"/>
      <c r="CI289" s="53"/>
      <c r="CJ289" s="53"/>
      <c r="CK289" s="53"/>
      <c r="CL289" s="53"/>
      <c r="CM289" s="53"/>
      <c r="CN289" s="53"/>
    </row>
    <row r="290" spans="1:92" outlineLevel="1">
      <c r="A290" s="52" t="s">
        <v>649</v>
      </c>
      <c r="B290" s="53"/>
      <c r="C290" s="53"/>
      <c r="D290" s="53"/>
      <c r="E290" s="53"/>
      <c r="F290" s="53"/>
      <c r="G290" s="53"/>
      <c r="H290" s="53"/>
      <c r="I290" s="53"/>
      <c r="J290" s="53"/>
      <c r="K290" s="53"/>
      <c r="L290" s="53"/>
      <c r="M290" s="53"/>
      <c r="N290" s="53"/>
      <c r="O290" s="53"/>
      <c r="P290" s="53"/>
      <c r="Q290" s="53"/>
      <c r="R290" s="53">
        <v>37711166.130963199</v>
      </c>
      <c r="S290" s="53">
        <v>37711166.130963199</v>
      </c>
      <c r="T290" s="53">
        <v>37711166.130963199</v>
      </c>
      <c r="U290" s="53">
        <v>37711166.130963199</v>
      </c>
      <c r="V290" s="53">
        <v>37711166.130963199</v>
      </c>
      <c r="W290" s="53">
        <v>37711166.130963199</v>
      </c>
      <c r="X290" s="53">
        <v>37711166.130963199</v>
      </c>
      <c r="Y290" s="53">
        <v>37711166.130963199</v>
      </c>
      <c r="Z290" s="53">
        <v>37711166.130963199</v>
      </c>
      <c r="AA290" s="53">
        <v>339400495.17866898</v>
      </c>
      <c r="AB290" s="53">
        <v>37711166.130963199</v>
      </c>
      <c r="AC290" s="53">
        <v>37711166.130963199</v>
      </c>
      <c r="AD290" s="53">
        <v>37711166.130963199</v>
      </c>
      <c r="AE290" s="53"/>
      <c r="AF290" s="53"/>
      <c r="AG290" s="53"/>
      <c r="AH290" s="53"/>
      <c r="AI290" s="53"/>
      <c r="AJ290" s="53"/>
      <c r="AK290" s="53"/>
      <c r="AL290" s="53"/>
      <c r="AM290" s="53"/>
      <c r="AN290" s="53">
        <v>113133498.39288899</v>
      </c>
      <c r="AO290" s="53"/>
      <c r="AP290" s="53"/>
      <c r="AQ290" s="53"/>
      <c r="AR290" s="53"/>
      <c r="AS290" s="53"/>
      <c r="AT290" s="53"/>
      <c r="AU290" s="53"/>
      <c r="AV290" s="53"/>
      <c r="AW290" s="53"/>
      <c r="AX290" s="53"/>
      <c r="AY290" s="53"/>
      <c r="AZ290" s="53"/>
      <c r="BA290" s="53"/>
      <c r="BB290" s="53"/>
      <c r="BC290" s="53"/>
      <c r="BD290" s="53"/>
      <c r="BE290" s="53"/>
      <c r="BF290" s="53"/>
      <c r="BG290" s="53"/>
      <c r="BH290" s="53"/>
      <c r="BI290" s="53"/>
      <c r="BJ290" s="53"/>
      <c r="BK290" s="53"/>
      <c r="BL290" s="53"/>
      <c r="BM290" s="53"/>
      <c r="BN290" s="53"/>
      <c r="BO290" s="53"/>
      <c r="BP290" s="53"/>
      <c r="BQ290" s="53"/>
      <c r="BR290" s="53"/>
      <c r="BS290" s="53"/>
      <c r="BT290" s="53"/>
      <c r="BU290" s="53"/>
      <c r="BV290" s="53"/>
      <c r="BW290" s="53"/>
      <c r="BX290" s="53"/>
      <c r="BY290" s="53"/>
      <c r="BZ290" s="53"/>
      <c r="CA290" s="53"/>
      <c r="CB290" s="53"/>
      <c r="CC290" s="53"/>
      <c r="CD290" s="53"/>
      <c r="CE290" s="53"/>
      <c r="CF290" s="53"/>
      <c r="CG290" s="53"/>
      <c r="CH290" s="53"/>
      <c r="CI290" s="53"/>
      <c r="CJ290" s="53"/>
      <c r="CK290" s="53"/>
      <c r="CL290" s="53"/>
      <c r="CM290" s="53"/>
      <c r="CN290" s="53"/>
    </row>
    <row r="291" spans="1:92" outlineLevel="1">
      <c r="A291" s="52" t="s">
        <v>1259</v>
      </c>
      <c r="B291" s="53"/>
      <c r="C291" s="53"/>
      <c r="D291" s="53"/>
      <c r="E291" s="53"/>
      <c r="F291" s="53"/>
      <c r="G291" s="53"/>
      <c r="H291" s="53"/>
      <c r="I291" s="53"/>
      <c r="J291" s="53"/>
      <c r="K291" s="53"/>
      <c r="L291" s="53"/>
      <c r="M291" s="53"/>
      <c r="N291" s="53"/>
      <c r="O291" s="53"/>
      <c r="P291" s="53"/>
      <c r="Q291" s="53"/>
      <c r="R291" s="53"/>
      <c r="S291" s="53"/>
      <c r="T291" s="53"/>
      <c r="U291" s="53"/>
      <c r="V291" s="53"/>
      <c r="W291" s="53"/>
      <c r="X291" s="53"/>
      <c r="Y291" s="53"/>
      <c r="Z291" s="53"/>
      <c r="AA291" s="53"/>
      <c r="AB291" s="53"/>
      <c r="AC291" s="53"/>
      <c r="AD291" s="53"/>
      <c r="AE291" s="53"/>
      <c r="AF291" s="53"/>
      <c r="AG291" s="53"/>
      <c r="AH291" s="53"/>
      <c r="AI291" s="53"/>
      <c r="AJ291" s="53"/>
      <c r="AK291" s="53"/>
      <c r="AL291" s="53"/>
      <c r="AM291" s="53"/>
      <c r="AN291" s="53"/>
      <c r="AO291" s="53"/>
      <c r="AP291" s="53"/>
      <c r="AQ291" s="53"/>
      <c r="AR291" s="53"/>
      <c r="AS291" s="53"/>
      <c r="AT291" s="53"/>
      <c r="AU291" s="53"/>
      <c r="AV291" s="53"/>
      <c r="AW291" s="53"/>
      <c r="AX291" s="53"/>
      <c r="AY291" s="53"/>
      <c r="AZ291" s="53"/>
      <c r="BA291" s="53"/>
      <c r="BB291" s="53"/>
      <c r="BC291" s="53"/>
      <c r="BD291" s="53"/>
      <c r="BE291" s="53"/>
      <c r="BF291" s="53"/>
      <c r="BG291" s="53"/>
      <c r="BH291" s="53"/>
      <c r="BI291" s="53"/>
      <c r="BJ291" s="53"/>
      <c r="BK291" s="53"/>
      <c r="BL291" s="53"/>
      <c r="BM291" s="53"/>
      <c r="BN291" s="53"/>
      <c r="BO291" s="53"/>
      <c r="BP291" s="53"/>
      <c r="BQ291" s="53"/>
      <c r="BR291" s="53"/>
      <c r="BS291" s="53"/>
      <c r="BT291" s="53"/>
      <c r="BU291" s="53"/>
      <c r="BV291" s="53"/>
      <c r="BW291" s="53"/>
      <c r="BX291" s="53"/>
      <c r="BY291" s="53"/>
      <c r="BZ291" s="53"/>
      <c r="CA291" s="53"/>
      <c r="CB291" s="53"/>
      <c r="CC291" s="53"/>
      <c r="CD291" s="53"/>
      <c r="CE291" s="53"/>
      <c r="CF291" s="53"/>
      <c r="CG291" s="53"/>
      <c r="CH291" s="53"/>
      <c r="CI291" s="53"/>
      <c r="CJ291" s="53"/>
      <c r="CK291" s="53"/>
      <c r="CL291" s="53"/>
      <c r="CM291" s="53"/>
      <c r="CN291" s="53"/>
    </row>
    <row r="292" spans="1:92" outlineLevel="1">
      <c r="A292" s="52" t="s">
        <v>649</v>
      </c>
      <c r="B292" s="53"/>
      <c r="C292" s="53"/>
      <c r="D292" s="53"/>
      <c r="E292" s="53"/>
      <c r="F292" s="53"/>
      <c r="G292" s="53"/>
      <c r="H292" s="53"/>
      <c r="I292" s="53"/>
      <c r="J292" s="53"/>
      <c r="K292" s="53"/>
      <c r="L292" s="53"/>
      <c r="M292" s="53"/>
      <c r="N292" s="53"/>
      <c r="O292" s="53">
        <v>1846524.7876208101</v>
      </c>
      <c r="P292" s="53">
        <v>1846524.7876208101</v>
      </c>
      <c r="Q292" s="53">
        <v>1846524.7876208101</v>
      </c>
      <c r="R292" s="53">
        <v>1846524.7876208101</v>
      </c>
      <c r="S292" s="53">
        <v>1846524.7876208101</v>
      </c>
      <c r="T292" s="53">
        <v>1039615.05620038</v>
      </c>
      <c r="U292" s="53">
        <v>1039615.05620038</v>
      </c>
      <c r="V292" s="53">
        <v>1039615.05620038</v>
      </c>
      <c r="W292" s="53"/>
      <c r="X292" s="53"/>
      <c r="Y292" s="53"/>
      <c r="Z292" s="53"/>
      <c r="AA292" s="53">
        <v>12351469.106705099</v>
      </c>
      <c r="AB292" s="53">
        <v>1846524.7876208101</v>
      </c>
      <c r="AC292" s="53">
        <v>1846524.7876208101</v>
      </c>
      <c r="AD292" s="53">
        <v>1846524.7876208101</v>
      </c>
      <c r="AE292" s="53">
        <v>1846524.7876208101</v>
      </c>
      <c r="AF292" s="53">
        <v>1846524.7876208101</v>
      </c>
      <c r="AG292" s="53">
        <v>1039615.05620038</v>
      </c>
      <c r="AH292" s="53">
        <v>1039615.05620038</v>
      </c>
      <c r="AI292" s="53">
        <v>1039615.05620038</v>
      </c>
      <c r="AJ292" s="53"/>
      <c r="AK292" s="53"/>
      <c r="AL292" s="53"/>
      <c r="AM292" s="53"/>
      <c r="AN292" s="53">
        <v>12351469.106705099</v>
      </c>
      <c r="AO292" s="53">
        <v>1846524.7876208101</v>
      </c>
      <c r="AP292" s="53">
        <v>1846524.7876208101</v>
      </c>
      <c r="AQ292" s="53">
        <v>1846524.7876208101</v>
      </c>
      <c r="AR292" s="53">
        <v>1846524.7876208101</v>
      </c>
      <c r="AS292" s="53">
        <v>1846524.7876208101</v>
      </c>
      <c r="AT292" s="53">
        <v>1039615.05620038</v>
      </c>
      <c r="AU292" s="53">
        <v>1039615.05620038</v>
      </c>
      <c r="AV292" s="53">
        <v>1039615.05620038</v>
      </c>
      <c r="AW292" s="53"/>
      <c r="AX292" s="53"/>
      <c r="AY292" s="53"/>
      <c r="AZ292" s="53"/>
      <c r="BA292" s="53">
        <v>12351469.106705099</v>
      </c>
      <c r="BB292" s="53">
        <v>1846524.7876208101</v>
      </c>
      <c r="BC292" s="53">
        <v>1846524.7876208101</v>
      </c>
      <c r="BD292" s="53">
        <v>1846524.7876208101</v>
      </c>
      <c r="BE292" s="53">
        <v>1846524.7876208101</v>
      </c>
      <c r="BF292" s="53">
        <v>1846524.7876208101</v>
      </c>
      <c r="BG292" s="53">
        <v>1039615.05620038</v>
      </c>
      <c r="BH292" s="53">
        <v>1039615.05620038</v>
      </c>
      <c r="BI292" s="53">
        <v>1039615.05620038</v>
      </c>
      <c r="BJ292" s="53"/>
      <c r="BK292" s="53"/>
      <c r="BL292" s="53"/>
      <c r="BM292" s="53"/>
      <c r="BN292" s="53">
        <v>12351469.106705099</v>
      </c>
      <c r="BO292" s="53">
        <v>1846524.7876208101</v>
      </c>
      <c r="BP292" s="53">
        <v>1846524.7876208101</v>
      </c>
      <c r="BQ292" s="53">
        <v>1846524.7876208101</v>
      </c>
      <c r="BR292" s="53">
        <v>1846524.7876208101</v>
      </c>
      <c r="BS292" s="53">
        <v>1846524.7876208101</v>
      </c>
      <c r="BT292" s="53">
        <v>1039615.05620038</v>
      </c>
      <c r="BU292" s="53">
        <v>1039615.05620038</v>
      </c>
      <c r="BV292" s="53">
        <v>1039615.05620038</v>
      </c>
      <c r="BW292" s="53"/>
      <c r="BX292" s="53"/>
      <c r="BY292" s="53"/>
      <c r="BZ292" s="53"/>
      <c r="CA292" s="53">
        <v>12351469.106705099</v>
      </c>
      <c r="CB292" s="53">
        <v>416666.66666666698</v>
      </c>
      <c r="CC292" s="53">
        <v>416666.66666666698</v>
      </c>
      <c r="CD292" s="53">
        <v>416666.66666666698</v>
      </c>
      <c r="CE292" s="53">
        <v>416666.66666666698</v>
      </c>
      <c r="CF292" s="53">
        <v>416666.66666666698</v>
      </c>
      <c r="CG292" s="53">
        <v>416666.66666666698</v>
      </c>
      <c r="CH292" s="53">
        <v>416666.66666666698</v>
      </c>
      <c r="CI292" s="53">
        <v>416666.66666666698</v>
      </c>
      <c r="CJ292" s="53">
        <v>416666.66666666698</v>
      </c>
      <c r="CK292" s="53">
        <v>416666.66666666698</v>
      </c>
      <c r="CL292" s="53">
        <v>416666.66666666698</v>
      </c>
      <c r="CM292" s="53">
        <v>416666.66666666698</v>
      </c>
      <c r="CN292" s="53">
        <v>5000000</v>
      </c>
    </row>
    <row r="293" spans="1:92" outlineLevel="1">
      <c r="A293" s="52" t="s">
        <v>1260</v>
      </c>
      <c r="B293" s="53"/>
      <c r="C293" s="53"/>
      <c r="D293" s="53"/>
      <c r="E293" s="53"/>
      <c r="F293" s="53"/>
      <c r="G293" s="53"/>
      <c r="H293" s="53"/>
      <c r="I293" s="53"/>
      <c r="J293" s="53"/>
      <c r="K293" s="53"/>
      <c r="L293" s="53"/>
      <c r="M293" s="53"/>
      <c r="N293" s="53"/>
      <c r="O293" s="53"/>
      <c r="P293" s="53"/>
      <c r="Q293" s="53"/>
      <c r="R293" s="53"/>
      <c r="S293" s="53"/>
      <c r="T293" s="53"/>
      <c r="U293" s="53"/>
      <c r="V293" s="53"/>
      <c r="W293" s="53"/>
      <c r="X293" s="53"/>
      <c r="Y293" s="53"/>
      <c r="Z293" s="53"/>
      <c r="AA293" s="53"/>
      <c r="AB293" s="53"/>
      <c r="AC293" s="53"/>
      <c r="AD293" s="53"/>
      <c r="AE293" s="53"/>
      <c r="AF293" s="53"/>
      <c r="AG293" s="53"/>
      <c r="AH293" s="53"/>
      <c r="AI293" s="53"/>
      <c r="AJ293" s="53"/>
      <c r="AK293" s="53"/>
      <c r="AL293" s="53"/>
      <c r="AM293" s="53"/>
      <c r="AN293" s="53"/>
      <c r="AO293" s="53"/>
      <c r="AP293" s="53"/>
      <c r="AQ293" s="53"/>
      <c r="AR293" s="53"/>
      <c r="AS293" s="53"/>
      <c r="AT293" s="53"/>
      <c r="AU293" s="53"/>
      <c r="AV293" s="53"/>
      <c r="AW293" s="53"/>
      <c r="AX293" s="53"/>
      <c r="AY293" s="53"/>
      <c r="AZ293" s="53"/>
      <c r="BA293" s="53"/>
      <c r="BB293" s="53"/>
      <c r="BC293" s="53"/>
      <c r="BD293" s="53"/>
      <c r="BE293" s="53"/>
      <c r="BF293" s="53"/>
      <c r="BG293" s="53"/>
      <c r="BH293" s="53"/>
      <c r="BI293" s="53"/>
      <c r="BJ293" s="53"/>
      <c r="BK293" s="53"/>
      <c r="BL293" s="53"/>
      <c r="BM293" s="53"/>
      <c r="BN293" s="53"/>
      <c r="BO293" s="53"/>
      <c r="BP293" s="53"/>
      <c r="BQ293" s="53"/>
      <c r="BR293" s="53"/>
      <c r="BS293" s="53"/>
      <c r="BT293" s="53"/>
      <c r="BU293" s="53"/>
      <c r="BV293" s="53"/>
      <c r="BW293" s="53"/>
      <c r="BX293" s="53"/>
      <c r="BY293" s="53"/>
      <c r="BZ293" s="53"/>
      <c r="CA293" s="53"/>
      <c r="CB293" s="53"/>
      <c r="CC293" s="53"/>
      <c r="CD293" s="53"/>
      <c r="CE293" s="53"/>
      <c r="CF293" s="53"/>
      <c r="CG293" s="53"/>
      <c r="CH293" s="53"/>
      <c r="CI293" s="53"/>
      <c r="CJ293" s="53"/>
      <c r="CK293" s="53"/>
      <c r="CL293" s="53"/>
      <c r="CM293" s="53"/>
      <c r="CN293" s="53"/>
    </row>
    <row r="294" spans="1:92" outlineLevel="1">
      <c r="A294" s="52" t="s">
        <v>649</v>
      </c>
      <c r="B294" s="53">
        <v>666666.66666666698</v>
      </c>
      <c r="C294" s="53">
        <v>666666.66666666698</v>
      </c>
      <c r="D294" s="53">
        <v>666666.66666666698</v>
      </c>
      <c r="E294" s="53">
        <v>666666.66666666698</v>
      </c>
      <c r="F294" s="53">
        <v>666666.66666666698</v>
      </c>
      <c r="G294" s="53">
        <v>666666.66666666698</v>
      </c>
      <c r="H294" s="53">
        <v>666666.66666666698</v>
      </c>
      <c r="I294" s="53">
        <v>666666.66666666698</v>
      </c>
      <c r="J294" s="53">
        <v>666666.66666666698</v>
      </c>
      <c r="K294" s="53">
        <v>666666.66666666698</v>
      </c>
      <c r="L294" s="53">
        <v>666666.66666666698</v>
      </c>
      <c r="M294" s="53">
        <v>666666.66666666698</v>
      </c>
      <c r="N294" s="53">
        <v>8000000</v>
      </c>
      <c r="O294" s="53">
        <v>583333.33333333302</v>
      </c>
      <c r="P294" s="53">
        <v>583333.33333333302</v>
      </c>
      <c r="Q294" s="53">
        <v>583333.33333333302</v>
      </c>
      <c r="R294" s="53">
        <v>583333.33333333302</v>
      </c>
      <c r="S294" s="53">
        <v>583333.33333333302</v>
      </c>
      <c r="T294" s="53">
        <v>583333.33333333302</v>
      </c>
      <c r="U294" s="53">
        <v>583333.33333333302</v>
      </c>
      <c r="V294" s="53">
        <v>583333.33333333302</v>
      </c>
      <c r="W294" s="53">
        <v>583333.33333333302</v>
      </c>
      <c r="X294" s="53">
        <v>583333.33333333302</v>
      </c>
      <c r="Y294" s="53">
        <v>583333.33333333302</v>
      </c>
      <c r="Z294" s="53">
        <v>583333.33333333302</v>
      </c>
      <c r="AA294" s="53">
        <v>6999999.9999999898</v>
      </c>
      <c r="AB294" s="53">
        <v>583333.33333333302</v>
      </c>
      <c r="AC294" s="53">
        <v>583333.33333333302</v>
      </c>
      <c r="AD294" s="53">
        <v>583333.33333333302</v>
      </c>
      <c r="AE294" s="53">
        <v>583333.33333333302</v>
      </c>
      <c r="AF294" s="53">
        <v>583333.33333333302</v>
      </c>
      <c r="AG294" s="53">
        <v>583333.33333333302</v>
      </c>
      <c r="AH294" s="53">
        <v>583333.33333333302</v>
      </c>
      <c r="AI294" s="53">
        <v>583333.33333333302</v>
      </c>
      <c r="AJ294" s="53">
        <v>583333.33333333302</v>
      </c>
      <c r="AK294" s="53">
        <v>583333.33333333302</v>
      </c>
      <c r="AL294" s="53">
        <v>583333.33333333302</v>
      </c>
      <c r="AM294" s="53">
        <v>583333.33333333302</v>
      </c>
      <c r="AN294" s="53">
        <v>6999999.9999999898</v>
      </c>
      <c r="AO294" s="53">
        <v>416666.66666666698</v>
      </c>
      <c r="AP294" s="53">
        <v>416666.66666666698</v>
      </c>
      <c r="AQ294" s="53">
        <v>416666.66666666698</v>
      </c>
      <c r="AR294" s="53">
        <v>416666.66666666698</v>
      </c>
      <c r="AS294" s="53">
        <v>416666.66666666698</v>
      </c>
      <c r="AT294" s="53">
        <v>416666.66666666698</v>
      </c>
      <c r="AU294" s="53">
        <v>416666.66666666698</v>
      </c>
      <c r="AV294" s="53">
        <v>416666.66666666698</v>
      </c>
      <c r="AW294" s="53">
        <v>416666.66666666698</v>
      </c>
      <c r="AX294" s="53">
        <v>416666.66666666698</v>
      </c>
      <c r="AY294" s="53">
        <v>416666.66666666698</v>
      </c>
      <c r="AZ294" s="53">
        <v>416666.66666666698</v>
      </c>
      <c r="BA294" s="53">
        <v>5000000</v>
      </c>
      <c r="BB294" s="53">
        <v>416666.66666666698</v>
      </c>
      <c r="BC294" s="53">
        <v>416666.66666666698</v>
      </c>
      <c r="BD294" s="53">
        <v>416666.66666666698</v>
      </c>
      <c r="BE294" s="53">
        <v>416666.66666666698</v>
      </c>
      <c r="BF294" s="53">
        <v>416666.66666666698</v>
      </c>
      <c r="BG294" s="53">
        <v>416666.66666666698</v>
      </c>
      <c r="BH294" s="53">
        <v>416666.66666666698</v>
      </c>
      <c r="BI294" s="53">
        <v>416666.66666666698</v>
      </c>
      <c r="BJ294" s="53">
        <v>416666.66666666698</v>
      </c>
      <c r="BK294" s="53">
        <v>416666.66666666698</v>
      </c>
      <c r="BL294" s="53">
        <v>416666.66666666698</v>
      </c>
      <c r="BM294" s="53">
        <v>416666.66666666698</v>
      </c>
      <c r="BN294" s="53">
        <v>5000000</v>
      </c>
      <c r="BO294" s="53">
        <v>416666.66666666698</v>
      </c>
      <c r="BP294" s="53">
        <v>416666.66666666698</v>
      </c>
      <c r="BQ294" s="53">
        <v>416666.66666666698</v>
      </c>
      <c r="BR294" s="53">
        <v>416666.66666666698</v>
      </c>
      <c r="BS294" s="53">
        <v>416666.66666666698</v>
      </c>
      <c r="BT294" s="53">
        <v>416666.66666666698</v>
      </c>
      <c r="BU294" s="53">
        <v>416666.66666666698</v>
      </c>
      <c r="BV294" s="53">
        <v>416666.66666666698</v>
      </c>
      <c r="BW294" s="53">
        <v>416666.66666666698</v>
      </c>
      <c r="BX294" s="53">
        <v>416666.66666666698</v>
      </c>
      <c r="BY294" s="53">
        <v>416666.66666666698</v>
      </c>
      <c r="BZ294" s="53">
        <v>416666.66666666698</v>
      </c>
      <c r="CA294" s="53">
        <v>5000000</v>
      </c>
      <c r="CB294" s="53"/>
      <c r="CC294" s="53"/>
      <c r="CD294" s="53"/>
      <c r="CE294" s="53"/>
      <c r="CF294" s="53"/>
      <c r="CG294" s="53"/>
      <c r="CH294" s="53"/>
      <c r="CI294" s="53"/>
      <c r="CJ294" s="53"/>
      <c r="CK294" s="53"/>
      <c r="CL294" s="53"/>
      <c r="CM294" s="53"/>
      <c r="CN294" s="53"/>
    </row>
    <row r="295" spans="1:92" outlineLevel="1">
      <c r="A295" s="52" t="s">
        <v>672</v>
      </c>
      <c r="B295" s="53"/>
      <c r="C295" s="53"/>
      <c r="D295" s="53"/>
      <c r="E295" s="53"/>
      <c r="F295" s="53"/>
      <c r="G295" s="53"/>
      <c r="H295" s="53"/>
      <c r="I295" s="53"/>
      <c r="J295" s="53"/>
      <c r="K295" s="53"/>
      <c r="L295" s="53"/>
      <c r="M295" s="53"/>
      <c r="N295" s="53"/>
      <c r="O295" s="53"/>
      <c r="P295" s="53"/>
      <c r="Q295" s="53"/>
      <c r="R295" s="53"/>
      <c r="S295" s="53"/>
      <c r="T295" s="53"/>
      <c r="U295" s="53"/>
      <c r="V295" s="53"/>
      <c r="W295" s="53"/>
      <c r="X295" s="53"/>
      <c r="Y295" s="53"/>
      <c r="Z295" s="53"/>
      <c r="AA295" s="53"/>
      <c r="AB295" s="53"/>
      <c r="AC295" s="53"/>
      <c r="AD295" s="53"/>
      <c r="AE295" s="53"/>
      <c r="AF295" s="53"/>
      <c r="AG295" s="53"/>
      <c r="AH295" s="53"/>
      <c r="AI295" s="53"/>
      <c r="AJ295" s="53"/>
      <c r="AK295" s="53"/>
      <c r="AL295" s="53"/>
      <c r="AM295" s="53"/>
      <c r="AN295" s="53"/>
      <c r="AO295" s="53"/>
      <c r="AP295" s="53"/>
      <c r="AQ295" s="53"/>
      <c r="AR295" s="53"/>
      <c r="AS295" s="53"/>
      <c r="AT295" s="53"/>
      <c r="AU295" s="53"/>
      <c r="AV295" s="53"/>
      <c r="AW295" s="53"/>
      <c r="AX295" s="53"/>
      <c r="AY295" s="53"/>
      <c r="AZ295" s="53"/>
      <c r="BA295" s="53"/>
      <c r="BB295" s="53"/>
      <c r="BC295" s="53"/>
      <c r="BD295" s="53"/>
      <c r="BE295" s="53"/>
      <c r="BF295" s="53"/>
      <c r="BG295" s="53"/>
      <c r="BH295" s="53"/>
      <c r="BI295" s="53"/>
      <c r="BJ295" s="53"/>
      <c r="BK295" s="53"/>
      <c r="BL295" s="53"/>
      <c r="BM295" s="53"/>
      <c r="BN295" s="53"/>
      <c r="BO295" s="53"/>
      <c r="BP295" s="53"/>
      <c r="BQ295" s="53"/>
      <c r="BR295" s="53"/>
      <c r="BS295" s="53"/>
      <c r="BT295" s="53"/>
      <c r="BU295" s="53"/>
      <c r="BV295" s="53"/>
      <c r="BW295" s="53"/>
      <c r="BX295" s="53"/>
      <c r="BY295" s="53"/>
      <c r="BZ295" s="53"/>
      <c r="CA295" s="53"/>
      <c r="CB295" s="53"/>
      <c r="CC295" s="53"/>
      <c r="CD295" s="53"/>
      <c r="CE295" s="53"/>
      <c r="CF295" s="53"/>
      <c r="CG295" s="53"/>
      <c r="CH295" s="53"/>
      <c r="CI295" s="53"/>
      <c r="CJ295" s="53"/>
      <c r="CK295" s="53"/>
      <c r="CL295" s="53"/>
      <c r="CM295" s="53"/>
      <c r="CN295" s="53"/>
    </row>
    <row r="296" spans="1:92" outlineLevel="1">
      <c r="A296" s="52" t="s">
        <v>778</v>
      </c>
      <c r="B296" s="53"/>
      <c r="C296" s="53"/>
      <c r="D296" s="53"/>
      <c r="E296" s="53"/>
      <c r="F296" s="53"/>
      <c r="G296" s="53"/>
      <c r="H296" s="53"/>
      <c r="I296" s="53"/>
      <c r="J296" s="53"/>
      <c r="K296" s="53"/>
      <c r="L296" s="53"/>
      <c r="M296" s="53"/>
      <c r="N296" s="53"/>
      <c r="O296" s="53"/>
      <c r="P296" s="53"/>
      <c r="Q296" s="53"/>
      <c r="R296" s="53"/>
      <c r="S296" s="53"/>
      <c r="T296" s="53"/>
      <c r="U296" s="53"/>
      <c r="V296" s="53"/>
      <c r="W296" s="53"/>
      <c r="X296" s="53"/>
      <c r="Y296" s="53"/>
      <c r="Z296" s="53"/>
      <c r="AA296" s="53"/>
      <c r="AB296" s="53"/>
      <c r="AC296" s="53"/>
      <c r="AD296" s="53"/>
      <c r="AE296" s="53"/>
      <c r="AF296" s="53"/>
      <c r="AG296" s="53"/>
      <c r="AH296" s="53"/>
      <c r="AI296" s="53"/>
      <c r="AJ296" s="53"/>
      <c r="AK296" s="53"/>
      <c r="AL296" s="53"/>
      <c r="AM296" s="53"/>
      <c r="AN296" s="53"/>
      <c r="AO296" s="53"/>
      <c r="AP296" s="53"/>
      <c r="AQ296" s="53"/>
      <c r="AR296" s="53"/>
      <c r="AS296" s="53"/>
      <c r="AT296" s="53"/>
      <c r="AU296" s="53"/>
      <c r="AV296" s="53"/>
      <c r="AW296" s="53"/>
      <c r="AX296" s="53"/>
      <c r="AY296" s="53"/>
      <c r="AZ296" s="53"/>
      <c r="BA296" s="53"/>
      <c r="BB296" s="53"/>
      <c r="BC296" s="53"/>
      <c r="BD296" s="53"/>
      <c r="BE296" s="53"/>
      <c r="BF296" s="53"/>
      <c r="BG296" s="53"/>
      <c r="BH296" s="53"/>
      <c r="BI296" s="53"/>
      <c r="BJ296" s="53"/>
      <c r="BK296" s="53"/>
      <c r="BL296" s="53"/>
      <c r="BM296" s="53"/>
      <c r="BN296" s="53"/>
      <c r="BO296" s="53"/>
      <c r="BP296" s="53"/>
      <c r="BQ296" s="53"/>
      <c r="BR296" s="53"/>
      <c r="BS296" s="53"/>
      <c r="BT296" s="53"/>
      <c r="BU296" s="53"/>
      <c r="BV296" s="53"/>
      <c r="BW296" s="53"/>
      <c r="BX296" s="53"/>
      <c r="BY296" s="53"/>
      <c r="BZ296" s="53"/>
      <c r="CA296" s="53"/>
      <c r="CB296" s="53">
        <v>-20161917.376749501</v>
      </c>
      <c r="CC296" s="53">
        <v>-20617263.355098698</v>
      </c>
      <c r="CD296" s="53">
        <v>-21712703.990340099</v>
      </c>
      <c r="CE296" s="53">
        <v>-21747301.479328599</v>
      </c>
      <c r="CF296" s="53">
        <v>-20923967.110188998</v>
      </c>
      <c r="CG296" s="53">
        <v>-21169406.239618801</v>
      </c>
      <c r="CH296" s="53">
        <v>-22364903.000026301</v>
      </c>
      <c r="CI296" s="53">
        <v>-22180169.034013599</v>
      </c>
      <c r="CJ296" s="53">
        <v>-20860177.574848</v>
      </c>
      <c r="CK296" s="53">
        <v>-23672237.356111199</v>
      </c>
      <c r="CL296" s="53">
        <v>-18954499.102572199</v>
      </c>
      <c r="CM296" s="53">
        <v>-22433130.3953062</v>
      </c>
      <c r="CN296" s="53">
        <v>-256797676.014202</v>
      </c>
    </row>
    <row r="297" spans="1:92" outlineLevel="1">
      <c r="A297" s="52" t="s">
        <v>1236</v>
      </c>
      <c r="B297" s="53"/>
      <c r="C297" s="53"/>
      <c r="D297" s="53"/>
      <c r="E297" s="53"/>
      <c r="F297" s="53"/>
      <c r="G297" s="53"/>
      <c r="H297" s="53"/>
      <c r="I297" s="53"/>
      <c r="J297" s="53"/>
      <c r="K297" s="53"/>
      <c r="L297" s="53"/>
      <c r="M297" s="53"/>
      <c r="N297" s="53"/>
      <c r="O297" s="53"/>
      <c r="P297" s="53"/>
      <c r="Q297" s="53"/>
      <c r="R297" s="53"/>
      <c r="S297" s="53"/>
      <c r="T297" s="53"/>
      <c r="U297" s="53"/>
      <c r="V297" s="53"/>
      <c r="W297" s="53"/>
      <c r="X297" s="53"/>
      <c r="Y297" s="53"/>
      <c r="Z297" s="53"/>
      <c r="AA297" s="53"/>
      <c r="AB297" s="53"/>
      <c r="AC297" s="53"/>
      <c r="AD297" s="53"/>
      <c r="AE297" s="53"/>
      <c r="AF297" s="53"/>
      <c r="AG297" s="53"/>
      <c r="AH297" s="53"/>
      <c r="AI297" s="53"/>
      <c r="AJ297" s="53"/>
      <c r="AK297" s="53"/>
      <c r="AL297" s="53"/>
      <c r="AM297" s="53"/>
      <c r="AN297" s="53"/>
      <c r="AO297" s="53"/>
      <c r="AP297" s="53"/>
      <c r="AQ297" s="53"/>
      <c r="AR297" s="53"/>
      <c r="AS297" s="53"/>
      <c r="AT297" s="53"/>
      <c r="AU297" s="53"/>
      <c r="AV297" s="53"/>
      <c r="AW297" s="53"/>
      <c r="AX297" s="53"/>
      <c r="AY297" s="53"/>
      <c r="AZ297" s="53"/>
      <c r="BA297" s="53"/>
      <c r="BB297" s="53"/>
      <c r="BC297" s="53"/>
      <c r="BD297" s="53"/>
      <c r="BE297" s="53"/>
      <c r="BF297" s="53"/>
      <c r="BG297" s="53"/>
      <c r="BH297" s="53"/>
      <c r="BI297" s="53"/>
      <c r="BJ297" s="53"/>
      <c r="BK297" s="53"/>
      <c r="BL297" s="53"/>
      <c r="BM297" s="53"/>
      <c r="BN297" s="53"/>
      <c r="BO297" s="53"/>
      <c r="BP297" s="53"/>
      <c r="BQ297" s="53"/>
      <c r="BR297" s="53"/>
      <c r="BS297" s="53"/>
      <c r="BT297" s="53"/>
      <c r="BU297" s="53"/>
      <c r="BV297" s="53"/>
      <c r="BW297" s="53"/>
      <c r="BX297" s="53"/>
      <c r="BY297" s="53"/>
      <c r="BZ297" s="53"/>
      <c r="CA297" s="53"/>
      <c r="CB297" s="53">
        <v>-366.666666666666</v>
      </c>
      <c r="CC297" s="53">
        <v>-1595</v>
      </c>
      <c r="CD297" s="53">
        <v>-1796.6666666666599</v>
      </c>
      <c r="CE297" s="53">
        <v>-1869.99999999999</v>
      </c>
      <c r="CF297" s="53">
        <v>-1796.6666666666599</v>
      </c>
      <c r="CG297" s="53">
        <v>-1815</v>
      </c>
      <c r="CH297" s="53">
        <v>-1914.5238095238001</v>
      </c>
      <c r="CI297" s="53">
        <v>-1895.81632653061</v>
      </c>
      <c r="CJ297" s="53">
        <v>-1780.5782312925101</v>
      </c>
      <c r="CK297" s="53">
        <v>-2017.4149659863899</v>
      </c>
      <c r="CL297" s="53">
        <v>-1613.3333333333301</v>
      </c>
      <c r="CM297" s="53">
        <v>-1906.6666666666599</v>
      </c>
      <c r="CN297" s="53">
        <v>-20368.333333333299</v>
      </c>
    </row>
    <row r="298" spans="1:92" outlineLevel="1">
      <c r="A298" s="52" t="s">
        <v>1261</v>
      </c>
      <c r="B298" s="53"/>
      <c r="C298" s="53"/>
      <c r="D298" s="53"/>
      <c r="E298" s="53"/>
      <c r="F298" s="53"/>
      <c r="G298" s="53"/>
      <c r="H298" s="53"/>
      <c r="I298" s="53"/>
      <c r="J298" s="53"/>
      <c r="K298" s="53"/>
      <c r="L298" s="53"/>
      <c r="M298" s="53"/>
      <c r="N298" s="53"/>
      <c r="O298" s="53"/>
      <c r="P298" s="53"/>
      <c r="Q298" s="53"/>
      <c r="R298" s="53"/>
      <c r="S298" s="53"/>
      <c r="T298" s="53"/>
      <c r="U298" s="53"/>
      <c r="V298" s="53"/>
      <c r="W298" s="53"/>
      <c r="X298" s="53"/>
      <c r="Y298" s="53"/>
      <c r="Z298" s="53"/>
      <c r="AA298" s="53"/>
      <c r="AB298" s="53"/>
      <c r="AC298" s="53"/>
      <c r="AD298" s="53"/>
      <c r="AE298" s="53"/>
      <c r="AF298" s="53"/>
      <c r="AG298" s="53"/>
      <c r="AH298" s="53"/>
      <c r="AI298" s="53"/>
      <c r="AJ298" s="53"/>
      <c r="AK298" s="53"/>
      <c r="AL298" s="53"/>
      <c r="AM298" s="53"/>
      <c r="AN298" s="53"/>
      <c r="AO298" s="53"/>
      <c r="AP298" s="53"/>
      <c r="AQ298" s="53"/>
      <c r="AR298" s="53"/>
      <c r="AS298" s="53"/>
      <c r="AT298" s="53"/>
      <c r="AU298" s="53"/>
      <c r="AV298" s="53"/>
      <c r="AW298" s="53"/>
      <c r="AX298" s="53"/>
      <c r="AY298" s="53"/>
      <c r="AZ298" s="53"/>
      <c r="BA298" s="53"/>
      <c r="BB298" s="53"/>
      <c r="BC298" s="53"/>
      <c r="BD298" s="53"/>
      <c r="BE298" s="53"/>
      <c r="BF298" s="53"/>
      <c r="BG298" s="53"/>
      <c r="BH298" s="53"/>
      <c r="BI298" s="53"/>
      <c r="BJ298" s="53"/>
      <c r="BK298" s="53"/>
      <c r="BL298" s="53"/>
      <c r="BM298" s="53"/>
      <c r="BN298" s="53"/>
      <c r="BO298" s="53"/>
      <c r="BP298" s="53"/>
      <c r="BQ298" s="53"/>
      <c r="BR298" s="53"/>
      <c r="BS298" s="53"/>
      <c r="BT298" s="53"/>
      <c r="BU298" s="53"/>
      <c r="BV298" s="53"/>
      <c r="BW298" s="53"/>
      <c r="BX298" s="53"/>
      <c r="BY298" s="53"/>
      <c r="BZ298" s="53"/>
      <c r="CA298" s="53"/>
      <c r="CB298" s="53"/>
      <c r="CC298" s="53"/>
      <c r="CD298" s="53"/>
      <c r="CE298" s="53"/>
      <c r="CF298" s="53"/>
      <c r="CG298" s="53"/>
      <c r="CH298" s="53"/>
      <c r="CI298" s="53"/>
      <c r="CJ298" s="53"/>
      <c r="CK298" s="53"/>
      <c r="CL298" s="53"/>
      <c r="CM298" s="53"/>
      <c r="CN298" s="53"/>
    </row>
    <row r="299" spans="1:92" outlineLevel="1">
      <c r="A299" s="52" t="s">
        <v>1262</v>
      </c>
      <c r="B299" s="53"/>
      <c r="C299" s="53"/>
      <c r="D299" s="53"/>
      <c r="E299" s="53"/>
      <c r="F299" s="53"/>
      <c r="G299" s="53"/>
      <c r="H299" s="53"/>
      <c r="I299" s="53"/>
      <c r="J299" s="53"/>
      <c r="K299" s="53"/>
      <c r="L299" s="53"/>
      <c r="M299" s="53"/>
      <c r="N299" s="53"/>
      <c r="O299" s="53"/>
      <c r="P299" s="53"/>
      <c r="Q299" s="53"/>
      <c r="R299" s="53"/>
      <c r="S299" s="53"/>
      <c r="T299" s="53"/>
      <c r="U299" s="53"/>
      <c r="V299" s="53"/>
      <c r="W299" s="53"/>
      <c r="X299" s="53"/>
      <c r="Y299" s="53"/>
      <c r="Z299" s="53"/>
      <c r="AA299" s="53"/>
      <c r="AB299" s="53"/>
      <c r="AC299" s="53"/>
      <c r="AD299" s="53"/>
      <c r="AE299" s="53"/>
      <c r="AF299" s="53"/>
      <c r="AG299" s="53"/>
      <c r="AH299" s="53"/>
      <c r="AI299" s="53"/>
      <c r="AJ299" s="53"/>
      <c r="AK299" s="53"/>
      <c r="AL299" s="53"/>
      <c r="AM299" s="53"/>
      <c r="AN299" s="53"/>
      <c r="AO299" s="53"/>
      <c r="AP299" s="53"/>
      <c r="AQ299" s="53"/>
      <c r="AR299" s="53"/>
      <c r="AS299" s="53"/>
      <c r="AT299" s="53"/>
      <c r="AU299" s="53"/>
      <c r="AV299" s="53"/>
      <c r="AW299" s="53"/>
      <c r="AX299" s="53"/>
      <c r="AY299" s="53"/>
      <c r="AZ299" s="53"/>
      <c r="BA299" s="53"/>
      <c r="BB299" s="53"/>
      <c r="BC299" s="53"/>
      <c r="BD299" s="53"/>
      <c r="BE299" s="53"/>
      <c r="BF299" s="53"/>
      <c r="BG299" s="53"/>
      <c r="BH299" s="53"/>
      <c r="BI299" s="53"/>
      <c r="BJ299" s="53"/>
      <c r="BK299" s="53"/>
      <c r="BL299" s="53"/>
      <c r="BM299" s="53"/>
      <c r="BN299" s="53"/>
      <c r="BO299" s="53"/>
      <c r="BP299" s="53"/>
      <c r="BQ299" s="53"/>
      <c r="BR299" s="53"/>
      <c r="BS299" s="53"/>
      <c r="BT299" s="53"/>
      <c r="BU299" s="53"/>
      <c r="BV299" s="53"/>
      <c r="BW299" s="53"/>
      <c r="BX299" s="53"/>
      <c r="BY299" s="53"/>
      <c r="BZ299" s="53"/>
      <c r="CA299" s="53"/>
      <c r="CB299" s="53">
        <v>-38535342.511081897</v>
      </c>
      <c r="CC299" s="53">
        <v>-37814273.513877399</v>
      </c>
      <c r="CD299" s="53">
        <v>-38973182.962211899</v>
      </c>
      <c r="CE299" s="53">
        <v>-42890154.586634897</v>
      </c>
      <c r="CF299" s="53">
        <v>-44791174.580760397</v>
      </c>
      <c r="CG299" s="53">
        <v>-50813420.757621802</v>
      </c>
      <c r="CH299" s="53">
        <v>-55351318.099226601</v>
      </c>
      <c r="CI299" s="53">
        <v>-56893859.624385297</v>
      </c>
      <c r="CJ299" s="53">
        <v>-52964163.561358698</v>
      </c>
      <c r="CK299" s="53">
        <v>-56516108.185811102</v>
      </c>
      <c r="CL299" s="53">
        <v>-41879213.212958202</v>
      </c>
      <c r="CM299" s="53">
        <v>-43557717.458121501</v>
      </c>
      <c r="CN299" s="53">
        <v>-560979929.05404997</v>
      </c>
    </row>
    <row r="300" spans="1:92" outlineLevel="1">
      <c r="A300" s="52" t="s">
        <v>1263</v>
      </c>
      <c r="B300" s="53"/>
      <c r="C300" s="53"/>
      <c r="D300" s="53"/>
      <c r="E300" s="53"/>
      <c r="F300" s="53"/>
      <c r="G300" s="53"/>
      <c r="H300" s="53"/>
      <c r="I300" s="53"/>
      <c r="J300" s="53"/>
      <c r="K300" s="53"/>
      <c r="L300" s="53"/>
      <c r="M300" s="53"/>
      <c r="N300" s="53"/>
      <c r="O300" s="53"/>
      <c r="P300" s="53"/>
      <c r="Q300" s="53"/>
      <c r="R300" s="53"/>
      <c r="S300" s="53"/>
      <c r="T300" s="53"/>
      <c r="U300" s="53"/>
      <c r="V300" s="53"/>
      <c r="W300" s="53"/>
      <c r="X300" s="53"/>
      <c r="Y300" s="53"/>
      <c r="Z300" s="53"/>
      <c r="AA300" s="53"/>
      <c r="AB300" s="53"/>
      <c r="AC300" s="53"/>
      <c r="AD300" s="53"/>
      <c r="AE300" s="53"/>
      <c r="AF300" s="53"/>
      <c r="AG300" s="53"/>
      <c r="AH300" s="53"/>
      <c r="AI300" s="53"/>
      <c r="AJ300" s="53"/>
      <c r="AK300" s="53"/>
      <c r="AL300" s="53"/>
      <c r="AM300" s="53"/>
      <c r="AN300" s="53"/>
      <c r="AO300" s="53"/>
      <c r="AP300" s="53"/>
      <c r="AQ300" s="53"/>
      <c r="AR300" s="53"/>
      <c r="AS300" s="53"/>
      <c r="AT300" s="53"/>
      <c r="AU300" s="53"/>
      <c r="AV300" s="53"/>
      <c r="AW300" s="53"/>
      <c r="AX300" s="53"/>
      <c r="AY300" s="53"/>
      <c r="AZ300" s="53"/>
      <c r="BA300" s="53"/>
      <c r="BB300" s="53"/>
      <c r="BC300" s="53"/>
      <c r="BD300" s="53"/>
      <c r="BE300" s="53"/>
      <c r="BF300" s="53"/>
      <c r="BG300" s="53"/>
      <c r="BH300" s="53"/>
      <c r="BI300" s="53"/>
      <c r="BJ300" s="53"/>
      <c r="BK300" s="53"/>
      <c r="BL300" s="53"/>
      <c r="BM300" s="53"/>
      <c r="BN300" s="53"/>
      <c r="BO300" s="53"/>
      <c r="BP300" s="53"/>
      <c r="BQ300" s="53"/>
      <c r="BR300" s="53"/>
      <c r="BS300" s="53"/>
      <c r="BT300" s="53"/>
      <c r="BU300" s="53"/>
      <c r="BV300" s="53"/>
      <c r="BW300" s="53"/>
      <c r="BX300" s="53"/>
      <c r="BY300" s="53"/>
      <c r="BZ300" s="53"/>
      <c r="CA300" s="53"/>
      <c r="CB300" s="53">
        <v>-8808426.4809097201</v>
      </c>
      <c r="CC300" s="53">
        <v>-8616074.3981727399</v>
      </c>
      <c r="CD300" s="53">
        <v>-9267340.1550383195</v>
      </c>
      <c r="CE300" s="53">
        <v>-9354590.6625894196</v>
      </c>
      <c r="CF300" s="53">
        <v>-9362736.5570452195</v>
      </c>
      <c r="CG300" s="53">
        <v>-10078958.806493901</v>
      </c>
      <c r="CH300" s="53">
        <v>-10071600.649500901</v>
      </c>
      <c r="CI300" s="53">
        <v>-10068898.3983876</v>
      </c>
      <c r="CJ300" s="53">
        <v>-9792474.7193289995</v>
      </c>
      <c r="CK300" s="53">
        <v>-11040895.08592</v>
      </c>
      <c r="CL300" s="53">
        <v>-8810214.0959618203</v>
      </c>
      <c r="CM300" s="53">
        <v>-10415667.828328401</v>
      </c>
      <c r="CN300" s="53">
        <v>-115687877.837677</v>
      </c>
    </row>
    <row r="301" spans="1:92" outlineLevel="1">
      <c r="A301" s="52" t="s">
        <v>1264</v>
      </c>
      <c r="B301" s="53">
        <v>-17359939.089818299</v>
      </c>
      <c r="C301" s="53">
        <v>-18877880.788452599</v>
      </c>
      <c r="D301" s="53">
        <v>-19999235.590780701</v>
      </c>
      <c r="E301" s="53">
        <v>-20108108.2657477</v>
      </c>
      <c r="F301" s="53">
        <v>-19355087.734903298</v>
      </c>
      <c r="G301" s="53">
        <v>-19590932.5542612</v>
      </c>
      <c r="H301" s="53">
        <v>-20706712.231226999</v>
      </c>
      <c r="I301" s="53">
        <v>-20544834.2012976</v>
      </c>
      <c r="J301" s="53">
        <v>-19330009.272897899</v>
      </c>
      <c r="K301" s="53">
        <v>-21946085.499559201</v>
      </c>
      <c r="L301" s="53">
        <v>-17578816.790139101</v>
      </c>
      <c r="M301" s="53">
        <v>-20813689.1806468</v>
      </c>
      <c r="N301" s="53">
        <v>-236211331.19973201</v>
      </c>
      <c r="O301" s="53">
        <v>-19366722.667056601</v>
      </c>
      <c r="P301" s="53">
        <v>-20875512.712237801</v>
      </c>
      <c r="Q301" s="53">
        <v>-22096702.886351898</v>
      </c>
      <c r="R301" s="53">
        <v>-22204331.104499899</v>
      </c>
      <c r="S301" s="53">
        <v>-21370958.482499901</v>
      </c>
      <c r="T301" s="53">
        <v>-21629541.123</v>
      </c>
      <c r="U301" s="53">
        <v>-22859644.769142799</v>
      </c>
      <c r="V301" s="53">
        <v>-22678685.1599693</v>
      </c>
      <c r="W301" s="53">
        <v>-21334059.797540799</v>
      </c>
      <c r="X301" s="53">
        <v>-24216582.1093469</v>
      </c>
      <c r="Y301" s="53">
        <v>-19394481.515999898</v>
      </c>
      <c r="Z301" s="53">
        <v>-22959514.1159999</v>
      </c>
      <c r="AA301" s="53">
        <v>-260986736.44364601</v>
      </c>
      <c r="AB301" s="53">
        <v>-21006425.4705</v>
      </c>
      <c r="AC301" s="53">
        <v>-21482076.475499999</v>
      </c>
      <c r="AD301" s="53">
        <v>-22626487.696499899</v>
      </c>
      <c r="AE301" s="53">
        <v>-22665844.885499999</v>
      </c>
      <c r="AF301" s="53">
        <v>-21810667.582499899</v>
      </c>
      <c r="AG301" s="53">
        <v>-22069707.5114999</v>
      </c>
      <c r="AH301" s="53">
        <v>-23319563.153785702</v>
      </c>
      <c r="AI301" s="53">
        <v>-23130725.9519387</v>
      </c>
      <c r="AJ301" s="53">
        <v>-21758241.509081598</v>
      </c>
      <c r="AK301" s="53">
        <v>-24696869.578193799</v>
      </c>
      <c r="AL301" s="53">
        <v>-19778478.982499901</v>
      </c>
      <c r="AM301" s="53">
        <v>-23413194.979499899</v>
      </c>
      <c r="AN301" s="53">
        <v>-267758283.776999</v>
      </c>
      <c r="AO301" s="53">
        <v>-21420719.638499901</v>
      </c>
      <c r="AP301" s="53">
        <v>-21904963.010999899</v>
      </c>
      <c r="AQ301" s="53">
        <v>-23071010.339999899</v>
      </c>
      <c r="AR301" s="53">
        <v>-23110191.1124999</v>
      </c>
      <c r="AS301" s="53">
        <v>-22237428.433499999</v>
      </c>
      <c r="AT301" s="53">
        <v>-22500647.204999998</v>
      </c>
      <c r="AU301" s="53">
        <v>-23773926.134999901</v>
      </c>
      <c r="AV301" s="53">
        <v>-23580706.2968571</v>
      </c>
      <c r="AW301" s="53">
        <v>-22181668.920857102</v>
      </c>
      <c r="AX301" s="53">
        <v>-25177718.0592857</v>
      </c>
      <c r="AY301" s="53">
        <v>-20163743.858999901</v>
      </c>
      <c r="AZ301" s="53">
        <v>-23869489.844999898</v>
      </c>
      <c r="BA301" s="53">
        <v>-272992212.85649902</v>
      </c>
      <c r="BB301" s="53">
        <v>-21838373.688000001</v>
      </c>
      <c r="BC301" s="53">
        <v>-22332242.653499998</v>
      </c>
      <c r="BD301" s="53">
        <v>-23521228.982999999</v>
      </c>
      <c r="BE301" s="53">
        <v>-23561378.365499899</v>
      </c>
      <c r="BF301" s="53">
        <v>-22671747.679499902</v>
      </c>
      <c r="BG301" s="53">
        <v>-22940281.355999999</v>
      </c>
      <c r="BH301" s="53">
        <v>-24238618.383214202</v>
      </c>
      <c r="BI301" s="53">
        <v>-24041731.6770612</v>
      </c>
      <c r="BJ301" s="53">
        <v>-22615237.248918299</v>
      </c>
      <c r="BK301" s="53">
        <v>-25669699.668306101</v>
      </c>
      <c r="BL301" s="53">
        <v>-20557641.689999901</v>
      </c>
      <c r="BM301" s="53">
        <v>-24335627.431499999</v>
      </c>
      <c r="BN301" s="53">
        <v>-278323808.82449901</v>
      </c>
      <c r="BO301" s="53">
        <v>-22264705.885499999</v>
      </c>
      <c r="BP301" s="53">
        <v>-22768076.566500001</v>
      </c>
      <c r="BQ301" s="53">
        <v>-23980109.588999901</v>
      </c>
      <c r="BR301" s="53">
        <v>-24020865.535499901</v>
      </c>
      <c r="BS301" s="53">
        <v>-23113731.27</v>
      </c>
      <c r="BT301" s="53">
        <v>-23387326.2449999</v>
      </c>
      <c r="BU301" s="53">
        <v>-24710778.923999902</v>
      </c>
      <c r="BV301" s="53">
        <v>-24509943.456428502</v>
      </c>
      <c r="BW301" s="53">
        <v>-23055804.870428499</v>
      </c>
      <c r="BX301" s="53">
        <v>-26169962.196642801</v>
      </c>
      <c r="BY301" s="53">
        <v>-20958399.0974999</v>
      </c>
      <c r="BZ301" s="53">
        <v>-24810205.868999999</v>
      </c>
      <c r="CA301" s="53">
        <v>-283749909.50550002</v>
      </c>
      <c r="CB301" s="53">
        <v>-49376.530325675703</v>
      </c>
      <c r="CC301" s="53">
        <v>-49907.653423199197</v>
      </c>
      <c r="CD301" s="53">
        <v>-52449.5275017971</v>
      </c>
      <c r="CE301" s="53">
        <v>-52609.110611679702</v>
      </c>
      <c r="CF301" s="53">
        <v>-51031.4083067424</v>
      </c>
      <c r="CG301" s="53">
        <v>-51452.309632148201</v>
      </c>
      <c r="CH301" s="53">
        <v>-54206.013263014502</v>
      </c>
      <c r="CI301" s="53">
        <v>-53616.0472143187</v>
      </c>
      <c r="CJ301" s="53">
        <v>-50392.3521839311</v>
      </c>
      <c r="CK301" s="53">
        <v>-57135.965466207701</v>
      </c>
      <c r="CL301" s="53">
        <v>-45775.564153114297</v>
      </c>
      <c r="CM301" s="53">
        <v>-54102.8818621549</v>
      </c>
      <c r="CN301" s="53">
        <v>-622055.36394398403</v>
      </c>
    </row>
    <row r="302" spans="1:92" outlineLevel="1">
      <c r="A302" s="52" t="s">
        <v>1265</v>
      </c>
      <c r="B302" s="53">
        <v>-250.8</v>
      </c>
      <c r="C302" s="53">
        <v>-256.08</v>
      </c>
      <c r="D302" s="53">
        <v>-269.27999999999997</v>
      </c>
      <c r="E302" s="53">
        <v>-269.27999999999997</v>
      </c>
      <c r="F302" s="53">
        <v>-258.72000000000003</v>
      </c>
      <c r="G302" s="53">
        <v>-261.35999999999899</v>
      </c>
      <c r="H302" s="53">
        <v>-275.69142857142799</v>
      </c>
      <c r="I302" s="53">
        <v>-272.99755102040803</v>
      </c>
      <c r="J302" s="53">
        <v>-256.40326530612202</v>
      </c>
      <c r="K302" s="53">
        <v>-290.50775510203999</v>
      </c>
      <c r="L302" s="53">
        <v>-232.32</v>
      </c>
      <c r="M302" s="53">
        <v>-274.55999999999898</v>
      </c>
      <c r="N302" s="53">
        <v>-3168</v>
      </c>
      <c r="O302" s="53">
        <v>-198</v>
      </c>
      <c r="P302" s="53">
        <v>-26.4</v>
      </c>
      <c r="Q302" s="53">
        <v>-10.56</v>
      </c>
      <c r="R302" s="53"/>
      <c r="S302" s="53"/>
      <c r="T302" s="53"/>
      <c r="U302" s="53"/>
      <c r="V302" s="53"/>
      <c r="W302" s="53"/>
      <c r="X302" s="53"/>
      <c r="Y302" s="53"/>
      <c r="Z302" s="53"/>
      <c r="AA302" s="53">
        <v>-234.96</v>
      </c>
      <c r="AB302" s="53"/>
      <c r="AC302" s="53"/>
      <c r="AD302" s="53"/>
      <c r="AE302" s="53"/>
      <c r="AF302" s="53"/>
      <c r="AG302" s="53"/>
      <c r="AH302" s="53"/>
      <c r="AI302" s="53"/>
      <c r="AJ302" s="53"/>
      <c r="AK302" s="53"/>
      <c r="AL302" s="53"/>
      <c r="AM302" s="53"/>
      <c r="AN302" s="53"/>
      <c r="AO302" s="53"/>
      <c r="AP302" s="53"/>
      <c r="AQ302" s="53"/>
      <c r="AR302" s="53"/>
      <c r="AS302" s="53"/>
      <c r="AT302" s="53"/>
      <c r="AU302" s="53"/>
      <c r="AV302" s="53"/>
      <c r="AW302" s="53"/>
      <c r="AX302" s="53"/>
      <c r="AY302" s="53"/>
      <c r="AZ302" s="53"/>
      <c r="BA302" s="53"/>
      <c r="BB302" s="53"/>
      <c r="BC302" s="53"/>
      <c r="BD302" s="53"/>
      <c r="BE302" s="53"/>
      <c r="BF302" s="53"/>
      <c r="BG302" s="53"/>
      <c r="BH302" s="53"/>
      <c r="BI302" s="53"/>
      <c r="BJ302" s="53"/>
      <c r="BK302" s="53"/>
      <c r="BL302" s="53"/>
      <c r="BM302" s="53"/>
      <c r="BN302" s="53"/>
      <c r="BO302" s="53"/>
      <c r="BP302" s="53"/>
      <c r="BQ302" s="53"/>
      <c r="BR302" s="53"/>
      <c r="BS302" s="53"/>
      <c r="BT302" s="53"/>
      <c r="BU302" s="53"/>
      <c r="BV302" s="53"/>
      <c r="BW302" s="53"/>
      <c r="BX302" s="53"/>
      <c r="BY302" s="53"/>
      <c r="BZ302" s="53"/>
      <c r="CA302" s="53"/>
      <c r="CB302" s="53">
        <v>-10046258.445913401</v>
      </c>
      <c r="CC302" s="53">
        <v>-9979372.4781778995</v>
      </c>
      <c r="CD302" s="53">
        <v>-10814609.434807301</v>
      </c>
      <c r="CE302" s="53">
        <v>-11184681.5184875</v>
      </c>
      <c r="CF302" s="53">
        <v>-11483818.979884701</v>
      </c>
      <c r="CG302" s="53">
        <v>-12668340.537964299</v>
      </c>
      <c r="CH302" s="53">
        <v>-13469513.030078501</v>
      </c>
      <c r="CI302" s="53">
        <v>-13023133.765371799</v>
      </c>
      <c r="CJ302" s="53">
        <v>-11686194.2783795</v>
      </c>
      <c r="CK302" s="53">
        <v>-14215491.267811401</v>
      </c>
      <c r="CL302" s="53">
        <v>-10655322.298410499</v>
      </c>
      <c r="CM302" s="53">
        <v>-11535804.8243379</v>
      </c>
      <c r="CN302" s="53">
        <v>-140762540.85962501</v>
      </c>
    </row>
    <row r="303" spans="1:92" outlineLevel="1">
      <c r="A303" s="52" t="s">
        <v>1238</v>
      </c>
      <c r="B303" s="53"/>
      <c r="C303" s="53"/>
      <c r="D303" s="53"/>
      <c r="E303" s="53"/>
      <c r="F303" s="53"/>
      <c r="G303" s="53"/>
      <c r="H303" s="53"/>
      <c r="I303" s="53"/>
      <c r="J303" s="53"/>
      <c r="K303" s="53"/>
      <c r="L303" s="53"/>
      <c r="M303" s="53"/>
      <c r="N303" s="53"/>
      <c r="O303" s="53"/>
      <c r="P303" s="53"/>
      <c r="Q303" s="53"/>
      <c r="R303" s="53"/>
      <c r="S303" s="53"/>
      <c r="T303" s="53"/>
      <c r="U303" s="53"/>
      <c r="V303" s="53"/>
      <c r="W303" s="53"/>
      <c r="X303" s="53"/>
      <c r="Y303" s="53"/>
      <c r="Z303" s="53"/>
      <c r="AA303" s="53"/>
      <c r="AB303" s="53"/>
      <c r="AC303" s="53"/>
      <c r="AD303" s="53"/>
      <c r="AE303" s="53"/>
      <c r="AF303" s="53"/>
      <c r="AG303" s="53"/>
      <c r="AH303" s="53"/>
      <c r="AI303" s="53"/>
      <c r="AJ303" s="53"/>
      <c r="AK303" s="53"/>
      <c r="AL303" s="53"/>
      <c r="AM303" s="53"/>
      <c r="AN303" s="53"/>
      <c r="AO303" s="53"/>
      <c r="AP303" s="53"/>
      <c r="AQ303" s="53"/>
      <c r="AR303" s="53"/>
      <c r="AS303" s="53"/>
      <c r="AT303" s="53"/>
      <c r="AU303" s="53"/>
      <c r="AV303" s="53"/>
      <c r="AW303" s="53"/>
      <c r="AX303" s="53"/>
      <c r="AY303" s="53"/>
      <c r="AZ303" s="53"/>
      <c r="BA303" s="53"/>
      <c r="BB303" s="53"/>
      <c r="BC303" s="53"/>
      <c r="BD303" s="53"/>
      <c r="BE303" s="53"/>
      <c r="BF303" s="53"/>
      <c r="BG303" s="53"/>
      <c r="BH303" s="53"/>
      <c r="BI303" s="53"/>
      <c r="BJ303" s="53"/>
      <c r="BK303" s="53"/>
      <c r="BL303" s="53"/>
      <c r="BM303" s="53"/>
      <c r="BN303" s="53"/>
      <c r="BO303" s="53"/>
      <c r="BP303" s="53"/>
      <c r="BQ303" s="53"/>
      <c r="BR303" s="53"/>
      <c r="BS303" s="53"/>
      <c r="BT303" s="53"/>
      <c r="BU303" s="53"/>
      <c r="BV303" s="53"/>
      <c r="BW303" s="53"/>
      <c r="BX303" s="53"/>
      <c r="BY303" s="53"/>
      <c r="BZ303" s="53"/>
      <c r="CA303" s="53"/>
      <c r="CB303" s="53">
        <v>-100699982.184112</v>
      </c>
      <c r="CC303" s="53">
        <v>-104006422.67884099</v>
      </c>
      <c r="CD303" s="53">
        <v>-95439177.5551534</v>
      </c>
      <c r="CE303" s="53">
        <v>-96548193.388047293</v>
      </c>
      <c r="CF303" s="53">
        <v>-100691957.71725599</v>
      </c>
      <c r="CG303" s="53">
        <v>-129458164.096973</v>
      </c>
      <c r="CH303" s="53">
        <v>-159971453.52361199</v>
      </c>
      <c r="CI303" s="53">
        <v>-171620463.746696</v>
      </c>
      <c r="CJ303" s="53">
        <v>-159232770.90698299</v>
      </c>
      <c r="CK303" s="53">
        <v>-159376266.74031901</v>
      </c>
      <c r="CL303" s="53">
        <v>-105253752.25376201</v>
      </c>
      <c r="CM303" s="53">
        <v>-104006436.47570001</v>
      </c>
      <c r="CN303" s="53">
        <v>-1486305041.2674501</v>
      </c>
    </row>
    <row r="304" spans="1:92" outlineLevel="1">
      <c r="A304" s="52" t="s">
        <v>1261</v>
      </c>
      <c r="B304" s="53">
        <v>-35833419.965693399</v>
      </c>
      <c r="C304" s="53">
        <v>-37335077.3251746</v>
      </c>
      <c r="D304" s="53">
        <v>-38578274.963325702</v>
      </c>
      <c r="E304" s="53">
        <v>-43732381.780357197</v>
      </c>
      <c r="F304" s="53">
        <v>-45415296.929751001</v>
      </c>
      <c r="G304" s="53">
        <v>-49685235.890136696</v>
      </c>
      <c r="H304" s="53">
        <v>-54485874.176458202</v>
      </c>
      <c r="I304" s="53">
        <v>-55660025.676018499</v>
      </c>
      <c r="J304" s="53">
        <v>-52139555.1837686</v>
      </c>
      <c r="K304" s="53">
        <v>-55327731.122124001</v>
      </c>
      <c r="L304" s="53">
        <v>-40650691.7382873</v>
      </c>
      <c r="M304" s="53">
        <v>-43576742.566139899</v>
      </c>
      <c r="N304" s="53">
        <v>-552420307.31723499</v>
      </c>
      <c r="O304" s="53">
        <v>-43585558.450341001</v>
      </c>
      <c r="P304" s="53">
        <v>-54186718.484494701</v>
      </c>
      <c r="Q304" s="53">
        <v>-44414297.516844504</v>
      </c>
      <c r="R304" s="53">
        <v>-45793138.718396902</v>
      </c>
      <c r="S304" s="53">
        <v>-46430722.9761663</v>
      </c>
      <c r="T304" s="53">
        <v>-51047668.571521498</v>
      </c>
      <c r="U304" s="53">
        <v>-54923111.987704903</v>
      </c>
      <c r="V304" s="53">
        <v>-58866073.098152503</v>
      </c>
      <c r="W304" s="53">
        <v>-61516566.868992202</v>
      </c>
      <c r="X304" s="53">
        <v>-57062809.6939153</v>
      </c>
      <c r="Y304" s="53">
        <v>-42932457.901245303</v>
      </c>
      <c r="Z304" s="53">
        <v>-44547819.671386398</v>
      </c>
      <c r="AA304" s="53">
        <v>-605306943.93916094</v>
      </c>
      <c r="AB304" s="53">
        <v>-44593560.594113402</v>
      </c>
      <c r="AC304" s="53">
        <v>-55076256.603010103</v>
      </c>
      <c r="AD304" s="53">
        <v>-44892045.631248198</v>
      </c>
      <c r="AE304" s="53">
        <v>-45668783.491442502</v>
      </c>
      <c r="AF304" s="53">
        <v>-46599918.637905203</v>
      </c>
      <c r="AG304" s="53">
        <v>-51610956.767013498</v>
      </c>
      <c r="AH304" s="53">
        <v>-55547578.187567502</v>
      </c>
      <c r="AI304" s="53">
        <v>-59438682.296991803</v>
      </c>
      <c r="AJ304" s="53">
        <v>-62333786.984302998</v>
      </c>
      <c r="AK304" s="53">
        <v>-57696064.3989738</v>
      </c>
      <c r="AL304" s="53">
        <v>-43166512.484590501</v>
      </c>
      <c r="AM304" s="53">
        <v>-44414629.300017998</v>
      </c>
      <c r="AN304" s="53">
        <v>-611038775.377177</v>
      </c>
      <c r="AO304" s="53">
        <v>-44385067.1977024</v>
      </c>
      <c r="AP304" s="53">
        <v>-54603207.714410797</v>
      </c>
      <c r="AQ304" s="53">
        <v>-43680962.007158197</v>
      </c>
      <c r="AR304" s="53">
        <v>-45907467.087740801</v>
      </c>
      <c r="AS304" s="53">
        <v>-46825264.069624603</v>
      </c>
      <c r="AT304" s="53">
        <v>-52054523.041789703</v>
      </c>
      <c r="AU304" s="53">
        <v>-56028189.395715997</v>
      </c>
      <c r="AV304" s="53">
        <v>-60223843.127523199</v>
      </c>
      <c r="AW304" s="53">
        <v>-62920083.9965363</v>
      </c>
      <c r="AX304" s="53">
        <v>-58294039.100521304</v>
      </c>
      <c r="AY304" s="53">
        <v>-43160499.755432397</v>
      </c>
      <c r="AZ304" s="53">
        <v>-44686558.9432275</v>
      </c>
      <c r="BA304" s="53">
        <v>-612769705.43738306</v>
      </c>
      <c r="BB304" s="53">
        <v>-44577109.036670901</v>
      </c>
      <c r="BC304" s="53">
        <v>-54872051.073246501</v>
      </c>
      <c r="BD304" s="53">
        <v>-44329166.783008002</v>
      </c>
      <c r="BE304" s="53">
        <v>-46227189.869008698</v>
      </c>
      <c r="BF304" s="53">
        <v>-47139269.088123001</v>
      </c>
      <c r="BG304" s="53">
        <v>-52358517.427905299</v>
      </c>
      <c r="BH304" s="53">
        <v>-56699848.658984102</v>
      </c>
      <c r="BI304" s="53">
        <v>-60777422.642735697</v>
      </c>
      <c r="BJ304" s="53">
        <v>-63437475.835789502</v>
      </c>
      <c r="BK304" s="53">
        <v>-59015203.151133597</v>
      </c>
      <c r="BL304" s="53">
        <v>-43826669.6605727</v>
      </c>
      <c r="BM304" s="53">
        <v>-44925425.898474403</v>
      </c>
      <c r="BN304" s="53">
        <v>-618185349.12565196</v>
      </c>
      <c r="BO304" s="53">
        <v>-44873235.337700397</v>
      </c>
      <c r="BP304" s="53">
        <v>-54942242.325894497</v>
      </c>
      <c r="BQ304" s="53">
        <v>-44384649.998617597</v>
      </c>
      <c r="BR304" s="53">
        <v>-46161080.634572104</v>
      </c>
      <c r="BS304" s="53">
        <v>-47113428.931624398</v>
      </c>
      <c r="BT304" s="53">
        <v>-52661516.023336701</v>
      </c>
      <c r="BU304" s="53">
        <v>-57161230.511903301</v>
      </c>
      <c r="BV304" s="53">
        <v>-61228468.642005399</v>
      </c>
      <c r="BW304" s="53">
        <v>-63836018.857780099</v>
      </c>
      <c r="BX304" s="53">
        <v>-59484554.869651698</v>
      </c>
      <c r="BY304" s="53">
        <v>-44164716.952122003</v>
      </c>
      <c r="BZ304" s="53">
        <v>-45359692.9774829</v>
      </c>
      <c r="CA304" s="53">
        <v>-621370836.06269097</v>
      </c>
      <c r="CB304" s="53">
        <v>-38319.176596266603</v>
      </c>
      <c r="CC304" s="53">
        <v>-39334.990474999999</v>
      </c>
      <c r="CD304" s="53">
        <v>-39441.555312466597</v>
      </c>
      <c r="CE304" s="53">
        <v>-41096.115565599997</v>
      </c>
      <c r="CF304" s="53">
        <v>-36379.557334500001</v>
      </c>
      <c r="CG304" s="53">
        <v>-37156.541782833301</v>
      </c>
      <c r="CH304" s="53">
        <v>-38465.939734476196</v>
      </c>
      <c r="CI304" s="53">
        <v>-38953.446999412197</v>
      </c>
      <c r="CJ304" s="53">
        <v>-36355.384284450301</v>
      </c>
      <c r="CK304" s="53">
        <v>-40699.005100261202</v>
      </c>
      <c r="CL304" s="53">
        <v>-32884.874348400001</v>
      </c>
      <c r="CM304" s="53">
        <v>-39267.981789666599</v>
      </c>
      <c r="CN304" s="53">
        <v>-458354.56932333298</v>
      </c>
    </row>
    <row r="305" spans="1:92" outlineLevel="1">
      <c r="A305" s="52" t="s">
        <v>1262</v>
      </c>
      <c r="B305" s="53">
        <v>-8659878.2111340202</v>
      </c>
      <c r="C305" s="53">
        <v>-8355623.3244918901</v>
      </c>
      <c r="D305" s="53">
        <v>-8967980.3751117196</v>
      </c>
      <c r="E305" s="53">
        <v>-9077851.3581020702</v>
      </c>
      <c r="F305" s="53">
        <v>-9286321.1037489902</v>
      </c>
      <c r="G305" s="53">
        <v>-9929539.5232666805</v>
      </c>
      <c r="H305" s="53">
        <v>-9983959.7768100407</v>
      </c>
      <c r="I305" s="53">
        <v>-9699349.1396242902</v>
      </c>
      <c r="J305" s="53">
        <v>-9176888.1065155491</v>
      </c>
      <c r="K305" s="53">
        <v>-10730491.255589901</v>
      </c>
      <c r="L305" s="53">
        <v>-8548852.3437493704</v>
      </c>
      <c r="M305" s="53">
        <v>-10215183.3162928</v>
      </c>
      <c r="N305" s="53">
        <v>-112631917.834437</v>
      </c>
      <c r="O305" s="53">
        <v>-8146230.9046978801</v>
      </c>
      <c r="P305" s="53">
        <v>-6728729.0327937501</v>
      </c>
      <c r="Q305" s="53">
        <v>-8226557.7732544104</v>
      </c>
      <c r="R305" s="53">
        <v>-9327014.2027629092</v>
      </c>
      <c r="S305" s="53">
        <v>-9641727.6607531495</v>
      </c>
      <c r="T305" s="53">
        <v>-10699986.819682701</v>
      </c>
      <c r="U305" s="53">
        <v>-9454777.8357465602</v>
      </c>
      <c r="V305" s="53">
        <v>-9152451.2519369498</v>
      </c>
      <c r="W305" s="53">
        <v>-8825836.8178707398</v>
      </c>
      <c r="X305" s="53">
        <v>-9172844.8865717109</v>
      </c>
      <c r="Y305" s="53">
        <v>-6906815.6089095203</v>
      </c>
      <c r="Z305" s="53">
        <v>-7502447.6168505503</v>
      </c>
      <c r="AA305" s="53">
        <v>-103785420.41182999</v>
      </c>
      <c r="AB305" s="53">
        <v>-7083761.18507089</v>
      </c>
      <c r="AC305" s="53">
        <v>-6552424.6132201599</v>
      </c>
      <c r="AD305" s="53">
        <v>-8274853.4236278096</v>
      </c>
      <c r="AE305" s="53">
        <v>-9374973.0924604591</v>
      </c>
      <c r="AF305" s="53">
        <v>-9698627.5352318808</v>
      </c>
      <c r="AG305" s="53">
        <v>-10763620.333509499</v>
      </c>
      <c r="AH305" s="53">
        <v>-9511289.16829882</v>
      </c>
      <c r="AI305" s="53">
        <v>-9208001.5253405292</v>
      </c>
      <c r="AJ305" s="53">
        <v>-8878000.6392491907</v>
      </c>
      <c r="AK305" s="53">
        <v>-9233401.4055009708</v>
      </c>
      <c r="AL305" s="53">
        <v>-6955163.0496762404</v>
      </c>
      <c r="AM305" s="53">
        <v>-7557262.6525602303</v>
      </c>
      <c r="AN305" s="53">
        <v>-103091378.62374599</v>
      </c>
      <c r="AO305" s="53">
        <v>-7137708.6589984102</v>
      </c>
      <c r="AP305" s="53">
        <v>-6577621.1093542101</v>
      </c>
      <c r="AQ305" s="53">
        <v>-8248541.5314477095</v>
      </c>
      <c r="AR305" s="53">
        <v>-9409792.5836294796</v>
      </c>
      <c r="AS305" s="53">
        <v>-9727805.3016330898</v>
      </c>
      <c r="AT305" s="53">
        <v>-10796728.3297584</v>
      </c>
      <c r="AU305" s="53">
        <v>-9545467.8917988501</v>
      </c>
      <c r="AV305" s="53">
        <v>-9241799.3403679896</v>
      </c>
      <c r="AW305" s="53">
        <v>-8910445.2299594004</v>
      </c>
      <c r="AX305" s="53">
        <v>-9267050.9054935891</v>
      </c>
      <c r="AY305" s="53">
        <v>-6981956.9711368699</v>
      </c>
      <c r="AZ305" s="53">
        <v>-7588154.0670653898</v>
      </c>
      <c r="BA305" s="53">
        <v>-103433071.920643</v>
      </c>
      <c r="BB305" s="53">
        <v>-7165681.9184153201</v>
      </c>
      <c r="BC305" s="53">
        <v>-6604830.2525950503</v>
      </c>
      <c r="BD305" s="53">
        <v>-8280375.6232824801</v>
      </c>
      <c r="BE305" s="53">
        <v>-9442429.6138889492</v>
      </c>
      <c r="BF305" s="53">
        <v>-9755987.0636243597</v>
      </c>
      <c r="BG305" s="53">
        <v>-10826386.071132399</v>
      </c>
      <c r="BH305" s="53">
        <v>-9577264.3784104697</v>
      </c>
      <c r="BI305" s="53">
        <v>-9274734.1806887705</v>
      </c>
      <c r="BJ305" s="53">
        <v>-8943525.3697367907</v>
      </c>
      <c r="BK305" s="53">
        <v>-9303522.0407217909</v>
      </c>
      <c r="BL305" s="53">
        <v>-7012523.2251861701</v>
      </c>
      <c r="BM305" s="53">
        <v>-7625314.6325213797</v>
      </c>
      <c r="BN305" s="53">
        <v>-103812574.370204</v>
      </c>
      <c r="BO305" s="53">
        <v>-7200465.6916119298</v>
      </c>
      <c r="BP305" s="53">
        <v>-6639058.5694790799</v>
      </c>
      <c r="BQ305" s="53">
        <v>-8320777.1362973396</v>
      </c>
      <c r="BR305" s="53">
        <v>-9484836.5702921003</v>
      </c>
      <c r="BS305" s="53">
        <v>-9794227.1962826904</v>
      </c>
      <c r="BT305" s="53">
        <v>-10868782.5990272</v>
      </c>
      <c r="BU305" s="53">
        <v>-9624612.11212622</v>
      </c>
      <c r="BV305" s="53">
        <v>-9324678.1157143004</v>
      </c>
      <c r="BW305" s="53">
        <v>-8994048.2946130391</v>
      </c>
      <c r="BX305" s="53">
        <v>-9359981.8499752209</v>
      </c>
      <c r="BY305" s="53">
        <v>-7060455.5721890097</v>
      </c>
      <c r="BZ305" s="53">
        <v>-7683883.5058196001</v>
      </c>
      <c r="CA305" s="53">
        <v>-104355807.21342701</v>
      </c>
      <c r="CB305" s="53"/>
      <c r="CC305" s="53"/>
      <c r="CD305" s="53"/>
      <c r="CE305" s="53"/>
      <c r="CF305" s="53"/>
      <c r="CG305" s="53"/>
      <c r="CH305" s="53"/>
      <c r="CI305" s="53"/>
      <c r="CJ305" s="53"/>
      <c r="CK305" s="53"/>
      <c r="CL305" s="53"/>
      <c r="CM305" s="53"/>
      <c r="CN305" s="53"/>
    </row>
    <row r="306" spans="1:92" outlineLevel="1">
      <c r="A306" s="52" t="s">
        <v>1266</v>
      </c>
      <c r="B306" s="53">
        <v>-50512.2504303436</v>
      </c>
      <c r="C306" s="53">
        <v>-50571.0602741365</v>
      </c>
      <c r="D306" s="53">
        <v>-53107.844963198397</v>
      </c>
      <c r="E306" s="53">
        <v>-53243.701755727998</v>
      </c>
      <c r="F306" s="53">
        <v>-51648.218763725599</v>
      </c>
      <c r="G306" s="53">
        <v>-52073.904250096297</v>
      </c>
      <c r="H306" s="53">
        <v>-54859.3296169358</v>
      </c>
      <c r="I306" s="53">
        <v>-54260.093643056898</v>
      </c>
      <c r="J306" s="53">
        <v>-50995.503797079196</v>
      </c>
      <c r="K306" s="53">
        <v>-57816.733480540199</v>
      </c>
      <c r="L306" s="53">
        <v>-46318.923758021701</v>
      </c>
      <c r="M306" s="53">
        <v>-54742.246357219301</v>
      </c>
      <c r="N306" s="53">
        <v>-630149.81109008205</v>
      </c>
      <c r="O306" s="53">
        <v>-61471.648100884297</v>
      </c>
      <c r="P306" s="53">
        <v>-100011.682850609</v>
      </c>
      <c r="Q306" s="53">
        <v>-103460.60427828399</v>
      </c>
      <c r="R306" s="53">
        <v>-100915.992685598</v>
      </c>
      <c r="S306" s="53">
        <v>-103876.820056371</v>
      </c>
      <c r="T306" s="53">
        <v>-104556.87293569899</v>
      </c>
      <c r="U306" s="53">
        <v>-112104.03066204301</v>
      </c>
      <c r="V306" s="53">
        <v>-110403.77793783</v>
      </c>
      <c r="W306" s="53">
        <v>-101695.465710276</v>
      </c>
      <c r="X306" s="53">
        <v>-115638.012257375</v>
      </c>
      <c r="Y306" s="53">
        <v>-93068.316216483203</v>
      </c>
      <c r="Z306" s="53">
        <v>-111589.98408186799</v>
      </c>
      <c r="AA306" s="53">
        <v>-1218793.2077733199</v>
      </c>
      <c r="AB306" s="53">
        <v>-103674.621385265</v>
      </c>
      <c r="AC306" s="53">
        <v>-100676.200027268</v>
      </c>
      <c r="AD306" s="53">
        <v>-100837.360441789</v>
      </c>
      <c r="AE306" s="53">
        <v>-96365.385455118507</v>
      </c>
      <c r="AF306" s="53">
        <v>-99549.414066590398</v>
      </c>
      <c r="AG306" s="53">
        <v>-100565.037090542</v>
      </c>
      <c r="AH306" s="53">
        <v>-108198.74215041799</v>
      </c>
      <c r="AI306" s="53">
        <v>-106901.86352329901</v>
      </c>
      <c r="AJ306" s="53">
        <v>-98746.425120097003</v>
      </c>
      <c r="AK306" s="53">
        <v>-112632.38088890701</v>
      </c>
      <c r="AL306" s="53">
        <v>-90856.327888692205</v>
      </c>
      <c r="AM306" s="53">
        <v>-109209.37818106799</v>
      </c>
      <c r="AN306" s="53">
        <v>-1228213.13621905</v>
      </c>
      <c r="AO306" s="53">
        <v>-101682.83817585</v>
      </c>
      <c r="AP306" s="53">
        <v>-98937.517053966905</v>
      </c>
      <c r="AQ306" s="53">
        <v>-99288.529140535902</v>
      </c>
      <c r="AR306" s="53">
        <v>-95076.200136052998</v>
      </c>
      <c r="AS306" s="53">
        <v>-98375.963826755804</v>
      </c>
      <c r="AT306" s="53">
        <v>-99540.269498962603</v>
      </c>
      <c r="AU306" s="53">
        <v>-107260.644928931</v>
      </c>
      <c r="AV306" s="53">
        <v>-106125.711227801</v>
      </c>
      <c r="AW306" s="53">
        <v>-98149.974513386696</v>
      </c>
      <c r="AX306" s="53">
        <v>-112102.738700407</v>
      </c>
      <c r="AY306" s="53">
        <v>-90518.534563313093</v>
      </c>
      <c r="AZ306" s="53">
        <v>-108920.00861338701</v>
      </c>
      <c r="BA306" s="53">
        <v>-1215978.93037935</v>
      </c>
      <c r="BB306" s="53">
        <v>-101507.511082935</v>
      </c>
      <c r="BC306" s="53">
        <v>-98850.451383530904</v>
      </c>
      <c r="BD306" s="53">
        <v>-99282.980515057498</v>
      </c>
      <c r="BE306" s="53">
        <v>-95151.333504323105</v>
      </c>
      <c r="BF306" s="53">
        <v>-98520.447213638196</v>
      </c>
      <c r="BG306" s="53">
        <v>-99753.920367253406</v>
      </c>
      <c r="BH306" s="53">
        <v>-107559.80875122899</v>
      </c>
      <c r="BI306" s="53">
        <v>-106484.222605441</v>
      </c>
      <c r="BJ306" s="53">
        <v>-98531.379153656904</v>
      </c>
      <c r="BK306" s="53">
        <v>-112600.43939743</v>
      </c>
      <c r="BL306" s="53">
        <v>-90956.890294655605</v>
      </c>
      <c r="BM306" s="53">
        <v>-109495.19136564501</v>
      </c>
      <c r="BN306" s="53">
        <v>-1218694.5756347899</v>
      </c>
      <c r="BO306" s="53">
        <v>-102081.674254328</v>
      </c>
      <c r="BP306" s="53">
        <v>-99442.979860508</v>
      </c>
      <c r="BQ306" s="53">
        <v>-99910.859913111795</v>
      </c>
      <c r="BR306" s="53">
        <v>-95785.324411086898</v>
      </c>
      <c r="BS306" s="53">
        <v>-99203.423113143697</v>
      </c>
      <c r="BT306" s="53">
        <v>-100471.734262395</v>
      </c>
      <c r="BU306" s="53">
        <v>-108360.60041377701</v>
      </c>
      <c r="BV306" s="53">
        <v>-107301.15040052</v>
      </c>
      <c r="BW306" s="53">
        <v>-99306.340492591102</v>
      </c>
      <c r="BX306" s="53">
        <v>-113509.457304218</v>
      </c>
      <c r="BY306" s="53">
        <v>-91705.0539046169</v>
      </c>
      <c r="BZ306" s="53">
        <v>-110413.311548713</v>
      </c>
      <c r="CA306" s="53">
        <v>-1227491.9098790099</v>
      </c>
      <c r="CB306" s="53"/>
      <c r="CC306" s="53"/>
      <c r="CD306" s="53"/>
      <c r="CE306" s="53"/>
      <c r="CF306" s="53"/>
      <c r="CG306" s="53"/>
      <c r="CH306" s="53"/>
      <c r="CI306" s="53"/>
      <c r="CJ306" s="53"/>
      <c r="CK306" s="53"/>
      <c r="CL306" s="53"/>
      <c r="CM306" s="53"/>
      <c r="CN306" s="53"/>
    </row>
    <row r="307" spans="1:92" outlineLevel="1">
      <c r="A307" s="52" t="s">
        <v>1263</v>
      </c>
      <c r="B307" s="53">
        <v>-9692509.1434391402</v>
      </c>
      <c r="C307" s="53">
        <v>-9836075.0835206099</v>
      </c>
      <c r="D307" s="53">
        <v>-10657661.7620652</v>
      </c>
      <c r="E307" s="53">
        <v>-11027538.390344501</v>
      </c>
      <c r="F307" s="53">
        <v>-11328544.497295801</v>
      </c>
      <c r="G307" s="53">
        <v>-12510225.253610499</v>
      </c>
      <c r="H307" s="53">
        <v>-13123003.9230798</v>
      </c>
      <c r="I307" s="53">
        <v>-12464908.6311845</v>
      </c>
      <c r="J307" s="53">
        <v>-12048091.770978499</v>
      </c>
      <c r="K307" s="53">
        <v>-14078019.349103799</v>
      </c>
      <c r="L307" s="53">
        <v>-10531989.289309001</v>
      </c>
      <c r="M307" s="53">
        <v>-11362652.1387362</v>
      </c>
      <c r="N307" s="53">
        <v>-138661219.23266801</v>
      </c>
      <c r="O307" s="53">
        <v>-10532890.070170101</v>
      </c>
      <c r="P307" s="53">
        <v>-12225238.2688327</v>
      </c>
      <c r="Q307" s="53">
        <v>-12054268.3683125</v>
      </c>
      <c r="R307" s="53">
        <v>-11490991.926020499</v>
      </c>
      <c r="S307" s="53">
        <v>-11848703.547599601</v>
      </c>
      <c r="T307" s="53">
        <v>-12884499.6100566</v>
      </c>
      <c r="U307" s="53">
        <v>-13577029.3509693</v>
      </c>
      <c r="V307" s="53">
        <v>-13300319.2172173</v>
      </c>
      <c r="W307" s="53">
        <v>-12473967.699011</v>
      </c>
      <c r="X307" s="53">
        <v>-14366615.143689699</v>
      </c>
      <c r="Y307" s="53">
        <v>-10954446.396882899</v>
      </c>
      <c r="Z307" s="53">
        <v>-11900165.448494099</v>
      </c>
      <c r="AA307" s="53">
        <v>-147609135.04725599</v>
      </c>
      <c r="AB307" s="53">
        <v>-11151947.3681744</v>
      </c>
      <c r="AC307" s="53">
        <v>-12273479.411761699</v>
      </c>
      <c r="AD307" s="53">
        <v>-12076268.018150499</v>
      </c>
      <c r="AE307" s="53">
        <v>-11471837.938852699</v>
      </c>
      <c r="AF307" s="53">
        <v>-11830225.303221099</v>
      </c>
      <c r="AG307" s="53">
        <v>-12864314.541095801</v>
      </c>
      <c r="AH307" s="53">
        <v>-13554639.290858399</v>
      </c>
      <c r="AI307" s="53">
        <v>-13277090.877534101</v>
      </c>
      <c r="AJ307" s="53">
        <v>-12450525.034866299</v>
      </c>
      <c r="AK307" s="53">
        <v>-14341653.6958673</v>
      </c>
      <c r="AL307" s="53">
        <v>-10934413.8246287</v>
      </c>
      <c r="AM307" s="53">
        <v>-11874690.486543899</v>
      </c>
      <c r="AN307" s="53">
        <v>-148101085.79155499</v>
      </c>
      <c r="AO307" s="53">
        <v>-11122656.9198949</v>
      </c>
      <c r="AP307" s="53">
        <v>-12233215.1888311</v>
      </c>
      <c r="AQ307" s="53">
        <v>-12029368.066102499</v>
      </c>
      <c r="AR307" s="53">
        <v>-11441699.6726512</v>
      </c>
      <c r="AS307" s="53">
        <v>-11801996.934342301</v>
      </c>
      <c r="AT307" s="53">
        <v>-12835138.7629</v>
      </c>
      <c r="AU307" s="53">
        <v>-13522375.791543201</v>
      </c>
      <c r="AV307" s="53">
        <v>-13243756.376744499</v>
      </c>
      <c r="AW307" s="53">
        <v>-12417071.495544201</v>
      </c>
      <c r="AX307" s="53">
        <v>-14306722.840195</v>
      </c>
      <c r="AY307" s="53">
        <v>-10906706.056787699</v>
      </c>
      <c r="AZ307" s="53">
        <v>-11839386.2902504</v>
      </c>
      <c r="BA307" s="53">
        <v>-147700094.395787</v>
      </c>
      <c r="BB307" s="53">
        <v>-11087332.196148699</v>
      </c>
      <c r="BC307" s="53">
        <v>-12204862.247265</v>
      </c>
      <c r="BD307" s="53">
        <v>-12002799.7104133</v>
      </c>
      <c r="BE307" s="53">
        <v>-11420861.607514801</v>
      </c>
      <c r="BF307" s="53">
        <v>-11782310.303900899</v>
      </c>
      <c r="BG307" s="53">
        <v>-12814393.2014405</v>
      </c>
      <c r="BH307" s="53">
        <v>-13499392.7337931</v>
      </c>
      <c r="BI307" s="53">
        <v>-13219938.4719841</v>
      </c>
      <c r="BJ307" s="53">
        <v>-12393139.390766799</v>
      </c>
      <c r="BK307" s="53">
        <v>-14281576.845895</v>
      </c>
      <c r="BL307" s="53">
        <v>-10886728.964469001</v>
      </c>
      <c r="BM307" s="53">
        <v>-11814016.9823338</v>
      </c>
      <c r="BN307" s="53">
        <v>-147407352.65592501</v>
      </c>
      <c r="BO307" s="53">
        <v>-11060474.9472128</v>
      </c>
      <c r="BP307" s="53">
        <v>-12177639.4624121</v>
      </c>
      <c r="BQ307" s="53">
        <v>-11976554.5843064</v>
      </c>
      <c r="BR307" s="53">
        <v>-11399593.8876394</v>
      </c>
      <c r="BS307" s="53">
        <v>-11761945.1294361</v>
      </c>
      <c r="BT307" s="53">
        <v>-12792720.520373801</v>
      </c>
      <c r="BU307" s="53">
        <v>-13475257.3995778</v>
      </c>
      <c r="BV307" s="53">
        <v>-13194832.533572899</v>
      </c>
      <c r="BW307" s="53">
        <v>-12367787.338492701</v>
      </c>
      <c r="BX307" s="53">
        <v>-14254442.829213601</v>
      </c>
      <c r="BY307" s="53">
        <v>-10864898.9822072</v>
      </c>
      <c r="BZ307" s="53">
        <v>-11786242.471875601</v>
      </c>
      <c r="CA307" s="53">
        <v>-147112390.086321</v>
      </c>
      <c r="CB307" s="53">
        <v>-681516.78961111105</v>
      </c>
      <c r="CC307" s="53">
        <v>-735242.59630833298</v>
      </c>
      <c r="CD307" s="53">
        <v>-784539.88049444405</v>
      </c>
      <c r="CE307" s="53">
        <v>-742169.65001666604</v>
      </c>
      <c r="CF307" s="53">
        <v>-572735.546094444</v>
      </c>
      <c r="CG307" s="53">
        <v>-561544.07207499899</v>
      </c>
      <c r="CH307" s="53">
        <v>-585690.35596944403</v>
      </c>
      <c r="CI307" s="53">
        <v>-579967.37027499999</v>
      </c>
      <c r="CJ307" s="53">
        <v>-544713.77839722205</v>
      </c>
      <c r="CK307" s="53">
        <v>-617166.777288888</v>
      </c>
      <c r="CL307" s="53">
        <v>-493550.28628888802</v>
      </c>
      <c r="CM307" s="53">
        <v>-633686.70197777695</v>
      </c>
      <c r="CN307" s="53">
        <v>-7532523.80479722</v>
      </c>
    </row>
    <row r="308" spans="1:92" outlineLevel="1">
      <c r="A308" s="52" t="s">
        <v>1264</v>
      </c>
      <c r="B308" s="53">
        <v>-96476917.299643606</v>
      </c>
      <c r="C308" s="53">
        <v>-102045461.45875099</v>
      </c>
      <c r="D308" s="53">
        <v>-96194070.7930222</v>
      </c>
      <c r="E308" s="53">
        <v>-98397542.251211703</v>
      </c>
      <c r="F308" s="53">
        <v>-102586776.90828399</v>
      </c>
      <c r="G308" s="53">
        <v>-125758792.652539</v>
      </c>
      <c r="H308" s="53">
        <v>-151733935.37013501</v>
      </c>
      <c r="I308" s="53">
        <v>-162406715.18274999</v>
      </c>
      <c r="J308" s="53">
        <v>-149973568.23335901</v>
      </c>
      <c r="K308" s="53">
        <v>-151976340.81050199</v>
      </c>
      <c r="L308" s="53">
        <v>-102763902.112174</v>
      </c>
      <c r="M308" s="53">
        <v>-104672701.968393</v>
      </c>
      <c r="N308" s="53">
        <v>-1444986725.04076</v>
      </c>
      <c r="O308" s="53">
        <v>-111904963.086228</v>
      </c>
      <c r="P308" s="53">
        <v>-147772271.166365</v>
      </c>
      <c r="Q308" s="53">
        <v>-101422918.980101</v>
      </c>
      <c r="R308" s="53">
        <v>-93165444.739720598</v>
      </c>
      <c r="S308" s="53">
        <v>-95654729.063668206</v>
      </c>
      <c r="T308" s="53">
        <v>-119321925.559071</v>
      </c>
      <c r="U308" s="53">
        <v>-144784852.48529401</v>
      </c>
      <c r="V308" s="53">
        <v>-164792817.679405</v>
      </c>
      <c r="W308" s="53">
        <v>-172878743.82465401</v>
      </c>
      <c r="X308" s="53">
        <v>-146128259.27547199</v>
      </c>
      <c r="Y308" s="53">
        <v>-96585241.359138906</v>
      </c>
      <c r="Z308" s="53">
        <v>-96660571.778990999</v>
      </c>
      <c r="AA308" s="53">
        <v>-1491072738.9981101</v>
      </c>
      <c r="AB308" s="53">
        <v>-115067595.634261</v>
      </c>
      <c r="AC308" s="53">
        <v>-149772259.97396499</v>
      </c>
      <c r="AD308" s="53">
        <v>-104862649.812287</v>
      </c>
      <c r="AE308" s="53">
        <v>-94398686.352270201</v>
      </c>
      <c r="AF308" s="53">
        <v>-97149812.205328196</v>
      </c>
      <c r="AG308" s="53">
        <v>-122429195.35957199</v>
      </c>
      <c r="AH308" s="53">
        <v>-149689549.894595</v>
      </c>
      <c r="AI308" s="53">
        <v>-170449828.11737499</v>
      </c>
      <c r="AJ308" s="53">
        <v>-178157094.162512</v>
      </c>
      <c r="AK308" s="53">
        <v>-150890181.13051099</v>
      </c>
      <c r="AL308" s="53">
        <v>-99149126.257414907</v>
      </c>
      <c r="AM308" s="53">
        <v>-98639412.543214902</v>
      </c>
      <c r="AN308" s="53">
        <v>-1530655391.4433</v>
      </c>
      <c r="AO308" s="53">
        <v>-116729791.55898701</v>
      </c>
      <c r="AP308" s="53">
        <v>-149203402.68706301</v>
      </c>
      <c r="AQ308" s="53">
        <v>-101981816.449955</v>
      </c>
      <c r="AR308" s="53">
        <v>-93160910.043833494</v>
      </c>
      <c r="AS308" s="53">
        <v>-96055077.787432</v>
      </c>
      <c r="AT308" s="53">
        <v>-121928005.79379199</v>
      </c>
      <c r="AU308" s="53">
        <v>-149827469.33423001</v>
      </c>
      <c r="AV308" s="53">
        <v>-170885098.52526</v>
      </c>
      <c r="AW308" s="53">
        <v>-178660816.28900501</v>
      </c>
      <c r="AX308" s="53">
        <v>-151232744.77643001</v>
      </c>
      <c r="AY308" s="53">
        <v>-99147117.385742098</v>
      </c>
      <c r="AZ308" s="53">
        <v>-98486080.895389602</v>
      </c>
      <c r="BA308" s="53">
        <v>-1527298331.5271201</v>
      </c>
      <c r="BB308" s="53">
        <v>-116630185.74033201</v>
      </c>
      <c r="BC308" s="53">
        <v>-148721100.58808899</v>
      </c>
      <c r="BD308" s="53">
        <v>-101049495.32373901</v>
      </c>
      <c r="BE308" s="53">
        <v>-91950719.469027907</v>
      </c>
      <c r="BF308" s="53">
        <v>-94933651.318914905</v>
      </c>
      <c r="BG308" s="53">
        <v>-121242838.03173999</v>
      </c>
      <c r="BH308" s="53">
        <v>-149758642.19441101</v>
      </c>
      <c r="BI308" s="53">
        <v>-171102458.67176801</v>
      </c>
      <c r="BJ308" s="53">
        <v>-178959666.090415</v>
      </c>
      <c r="BK308" s="53">
        <v>-151367076.80569801</v>
      </c>
      <c r="BL308" s="53">
        <v>-99002172.9160579</v>
      </c>
      <c r="BM308" s="53">
        <v>-98176815.488043606</v>
      </c>
      <c r="BN308" s="53">
        <v>-1522894822.6382401</v>
      </c>
      <c r="BO308" s="53">
        <v>-116387532.008775</v>
      </c>
      <c r="BP308" s="53">
        <v>-148208717.232678</v>
      </c>
      <c r="BQ308" s="53">
        <v>-100272687.38721099</v>
      </c>
      <c r="BR308" s="53">
        <v>-90953121.302162394</v>
      </c>
      <c r="BS308" s="53">
        <v>-94047172.657816306</v>
      </c>
      <c r="BT308" s="53">
        <v>-120663347.10967299</v>
      </c>
      <c r="BU308" s="53">
        <v>-149701062.85348299</v>
      </c>
      <c r="BV308" s="53">
        <v>-171329816.44545799</v>
      </c>
      <c r="BW308" s="53">
        <v>-179350816.37101001</v>
      </c>
      <c r="BX308" s="53">
        <v>-151864069.12317899</v>
      </c>
      <c r="BY308" s="53">
        <v>-99346209.107069105</v>
      </c>
      <c r="BZ308" s="53">
        <v>-98592801.923969105</v>
      </c>
      <c r="CA308" s="53">
        <v>-1520717353.52248</v>
      </c>
      <c r="CB308" s="53">
        <v>-26889.711166666599</v>
      </c>
      <c r="CC308" s="53">
        <v>-39000.5344999999</v>
      </c>
      <c r="CD308" s="53">
        <v>-41997.720666666602</v>
      </c>
      <c r="CE308" s="53">
        <v>-40806.332499999997</v>
      </c>
      <c r="CF308" s="53">
        <v>-39089.598666666599</v>
      </c>
      <c r="CG308" s="53">
        <v>-40239.443999999901</v>
      </c>
      <c r="CH308" s="53">
        <v>-45206.6509523809</v>
      </c>
      <c r="CI308" s="53">
        <v>-41441.770224489701</v>
      </c>
      <c r="CJ308" s="53">
        <v>-38840.7307006802</v>
      </c>
      <c r="CK308" s="53">
        <v>-44581.903455782303</v>
      </c>
      <c r="CL308" s="53">
        <v>-34960.186333333302</v>
      </c>
      <c r="CM308" s="53">
        <v>-36286.150166666601</v>
      </c>
      <c r="CN308" s="53">
        <v>-469340.73333333299</v>
      </c>
    </row>
    <row r="309" spans="1:92" outlineLevel="1">
      <c r="A309" s="52" t="s">
        <v>1265</v>
      </c>
      <c r="B309" s="53">
        <v>-40989.333897333301</v>
      </c>
      <c r="C309" s="53">
        <v>-51461.0068124666</v>
      </c>
      <c r="D309" s="53">
        <v>-52361.075346866601</v>
      </c>
      <c r="E309" s="53">
        <v>-53624.643471199997</v>
      </c>
      <c r="F309" s="53">
        <v>-42455.585434499997</v>
      </c>
      <c r="G309" s="53">
        <v>-42713.329882833299</v>
      </c>
      <c r="H309" s="53">
        <v>-43959.938177333301</v>
      </c>
      <c r="I309" s="53">
        <v>-44514.124054514199</v>
      </c>
      <c r="J309" s="53">
        <v>-41544.399010980902</v>
      </c>
      <c r="K309" s="53">
        <v>-46507.527975771402</v>
      </c>
      <c r="L309" s="53">
        <v>-37578.942248400002</v>
      </c>
      <c r="M309" s="53">
        <v>-46863.1654896666</v>
      </c>
      <c r="N309" s="53">
        <v>-544573.07180186606</v>
      </c>
      <c r="O309" s="53">
        <v>-55562.231896266603</v>
      </c>
      <c r="P309" s="53">
        <v>-68845.913075000004</v>
      </c>
      <c r="Q309" s="53">
        <v>-70258.811712466602</v>
      </c>
      <c r="R309" s="53">
        <v>-73135.611565600004</v>
      </c>
      <c r="S309" s="53">
        <v>-62115.926134499998</v>
      </c>
      <c r="T309" s="53">
        <v>-63102.252982833299</v>
      </c>
      <c r="U309" s="53">
        <v>-65183.862077333302</v>
      </c>
      <c r="V309" s="53">
        <v>-65995.634811657103</v>
      </c>
      <c r="W309" s="53">
        <v>-61590.137068123797</v>
      </c>
      <c r="X309" s="53">
        <v>-68946.494561485699</v>
      </c>
      <c r="Y309" s="53">
        <v>-55712.645948400001</v>
      </c>
      <c r="Z309" s="53">
        <v>-67583.686989666603</v>
      </c>
      <c r="AA309" s="53">
        <v>-778033.20882333303</v>
      </c>
      <c r="AB309" s="53">
        <v>-64145.551396266601</v>
      </c>
      <c r="AC309" s="53">
        <v>-46326.759274999997</v>
      </c>
      <c r="AD309" s="53">
        <v>-45764.158512466602</v>
      </c>
      <c r="AE309" s="53">
        <v>-45523.985965599997</v>
      </c>
      <c r="AF309" s="53">
        <v>-40691.097334500002</v>
      </c>
      <c r="AG309" s="53">
        <v>-41553.027382833301</v>
      </c>
      <c r="AH309" s="53">
        <v>-43037.158877333299</v>
      </c>
      <c r="AI309" s="53">
        <v>-43580.145325942802</v>
      </c>
      <c r="AJ309" s="53">
        <v>-40672.845182409503</v>
      </c>
      <c r="AK309" s="53">
        <v>-45531.920732914201</v>
      </c>
      <c r="AL309" s="53">
        <v>-36790.520348400001</v>
      </c>
      <c r="AM309" s="53">
        <v>-43771.652589666599</v>
      </c>
      <c r="AN309" s="53">
        <v>-537388.82292333303</v>
      </c>
      <c r="AO309" s="53">
        <v>-43186.473796266597</v>
      </c>
      <c r="AP309" s="53">
        <v>-43774.1432749999</v>
      </c>
      <c r="AQ309" s="53">
        <v>-43823.248512466598</v>
      </c>
      <c r="AR309" s="53">
        <v>-45739.5863656</v>
      </c>
      <c r="AS309" s="53">
        <v>-40849.3425345</v>
      </c>
      <c r="AT309" s="53">
        <v>-41768.195782833303</v>
      </c>
      <c r="AU309" s="53">
        <v>-43257.1843630476</v>
      </c>
      <c r="AV309" s="53">
        <v>-43802.841179003997</v>
      </c>
      <c r="AW309" s="53">
        <v>-40880.656578327798</v>
      </c>
      <c r="AX309" s="53">
        <v>-45764.542398220401</v>
      </c>
      <c r="AY309" s="53">
        <v>-36978.5099483999</v>
      </c>
      <c r="AZ309" s="53">
        <v>-44016.853389666598</v>
      </c>
      <c r="BA309" s="53">
        <v>-513841.57812333299</v>
      </c>
      <c r="BB309" s="53">
        <v>-43653.436996266602</v>
      </c>
      <c r="BC309" s="53">
        <v>-44802.101674999998</v>
      </c>
      <c r="BD309" s="53">
        <v>-44901.776112466599</v>
      </c>
      <c r="BE309" s="53">
        <v>-46897.400365599999</v>
      </c>
      <c r="BF309" s="53">
        <v>-41872.480534499999</v>
      </c>
      <c r="BG309" s="53">
        <v>-42812.933782833301</v>
      </c>
      <c r="BH309" s="53">
        <v>-44338.344077333299</v>
      </c>
      <c r="BI309" s="53">
        <v>-44897.122525942803</v>
      </c>
      <c r="BJ309" s="53">
        <v>-41901.798782409503</v>
      </c>
      <c r="BK309" s="53">
        <v>-46907.597132914198</v>
      </c>
      <c r="BL309" s="53">
        <v>-37902.2519484</v>
      </c>
      <c r="BM309" s="53">
        <v>-45121.279389666597</v>
      </c>
      <c r="BN309" s="53">
        <v>-526008.52332333301</v>
      </c>
      <c r="BO309" s="53">
        <v>-44775.382996266599</v>
      </c>
      <c r="BP309" s="53">
        <v>-46002.543275000004</v>
      </c>
      <c r="BQ309" s="53">
        <v>-46108.948512466603</v>
      </c>
      <c r="BR309" s="53">
        <v>-48159.391165599998</v>
      </c>
      <c r="BS309" s="53">
        <v>-42991.820134499998</v>
      </c>
      <c r="BT309" s="53">
        <v>-43956.441382833298</v>
      </c>
      <c r="BU309" s="53">
        <v>-45521.929448761897</v>
      </c>
      <c r="BV309" s="53">
        <v>-46095.072632065298</v>
      </c>
      <c r="BW309" s="53">
        <v>-43019.680774246197</v>
      </c>
      <c r="BX309" s="53">
        <v>-48158.941263526503</v>
      </c>
      <c r="BY309" s="53">
        <v>-38913.506348399897</v>
      </c>
      <c r="BZ309" s="53">
        <v>-45379.6441896666</v>
      </c>
      <c r="CA309" s="53">
        <v>-539083.30212333298</v>
      </c>
      <c r="CB309" s="53"/>
      <c r="CC309" s="53"/>
      <c r="CD309" s="53"/>
      <c r="CE309" s="53"/>
      <c r="CF309" s="53"/>
      <c r="CG309" s="53"/>
      <c r="CH309" s="53"/>
      <c r="CI309" s="53"/>
      <c r="CJ309" s="53"/>
      <c r="CK309" s="53"/>
      <c r="CL309" s="53"/>
      <c r="CM309" s="53"/>
      <c r="CN309" s="53"/>
    </row>
    <row r="310" spans="1:92" outlineLevel="1">
      <c r="A310" s="52" t="s">
        <v>1239</v>
      </c>
      <c r="B310" s="53"/>
      <c r="C310" s="53"/>
      <c r="D310" s="53"/>
      <c r="E310" s="53"/>
      <c r="F310" s="53"/>
      <c r="G310" s="53"/>
      <c r="H310" s="53"/>
      <c r="I310" s="53"/>
      <c r="J310" s="53"/>
      <c r="K310" s="53"/>
      <c r="L310" s="53"/>
      <c r="M310" s="53"/>
      <c r="N310" s="53"/>
      <c r="O310" s="53"/>
      <c r="P310" s="53"/>
      <c r="Q310" s="53"/>
      <c r="R310" s="53"/>
      <c r="S310" s="53"/>
      <c r="T310" s="53"/>
      <c r="U310" s="53"/>
      <c r="V310" s="53"/>
      <c r="W310" s="53"/>
      <c r="X310" s="53"/>
      <c r="Y310" s="53"/>
      <c r="Z310" s="53"/>
      <c r="AA310" s="53"/>
      <c r="AB310" s="53"/>
      <c r="AC310" s="53"/>
      <c r="AD310" s="53"/>
      <c r="AE310" s="53"/>
      <c r="AF310" s="53"/>
      <c r="AG310" s="53"/>
      <c r="AH310" s="53"/>
      <c r="AI310" s="53"/>
      <c r="AJ310" s="53"/>
      <c r="AK310" s="53"/>
      <c r="AL310" s="53"/>
      <c r="AM310" s="53"/>
      <c r="AN310" s="53"/>
      <c r="AO310" s="53"/>
      <c r="AP310" s="53"/>
      <c r="AQ310" s="53"/>
      <c r="AR310" s="53"/>
      <c r="AS310" s="53"/>
      <c r="AT310" s="53"/>
      <c r="AU310" s="53"/>
      <c r="AV310" s="53"/>
      <c r="AW310" s="53"/>
      <c r="AX310" s="53"/>
      <c r="AY310" s="53"/>
      <c r="AZ310" s="53"/>
      <c r="BA310" s="53"/>
      <c r="BB310" s="53"/>
      <c r="BC310" s="53"/>
      <c r="BD310" s="53"/>
      <c r="BE310" s="53"/>
      <c r="BF310" s="53"/>
      <c r="BG310" s="53"/>
      <c r="BH310" s="53"/>
      <c r="BI310" s="53"/>
      <c r="BJ310" s="53"/>
      <c r="BK310" s="53"/>
      <c r="BL310" s="53"/>
      <c r="BM310" s="53"/>
      <c r="BN310" s="53"/>
      <c r="BO310" s="53"/>
      <c r="BP310" s="53"/>
      <c r="BQ310" s="53"/>
      <c r="BR310" s="53"/>
      <c r="BS310" s="53"/>
      <c r="BT310" s="53"/>
      <c r="BU310" s="53"/>
      <c r="BV310" s="53"/>
      <c r="BW310" s="53"/>
      <c r="BX310" s="53"/>
      <c r="BY310" s="53"/>
      <c r="BZ310" s="53"/>
      <c r="CA310" s="53"/>
      <c r="CB310" s="53">
        <v>-2372209.1306063002</v>
      </c>
      <c r="CC310" s="53">
        <v>-1130417.88500873</v>
      </c>
      <c r="CD310" s="53">
        <v>-1027808.9726234101</v>
      </c>
      <c r="CE310" s="53">
        <v>-1050687.4057925099</v>
      </c>
      <c r="CF310" s="53">
        <v>-1082997.9368328201</v>
      </c>
      <c r="CG310" s="53">
        <v>-1228749.02501105</v>
      </c>
      <c r="CH310" s="53">
        <v>-1367519.5197646101</v>
      </c>
      <c r="CI310" s="53">
        <v>-1415707.64848123</v>
      </c>
      <c r="CJ310" s="53">
        <v>-1319788.22269202</v>
      </c>
      <c r="CK310" s="53">
        <v>-1407358.5143894299</v>
      </c>
      <c r="CL310" s="53">
        <v>-1031788.3484706799</v>
      </c>
      <c r="CM310" s="53">
        <v>-1069844.9881228199</v>
      </c>
      <c r="CN310" s="53">
        <v>-15504877.5977956</v>
      </c>
    </row>
    <row r="311" spans="1:92" outlineLevel="1">
      <c r="A311" s="52" t="s">
        <v>1265</v>
      </c>
      <c r="B311" s="53">
        <v>-6534007.9419999998</v>
      </c>
      <c r="C311" s="53">
        <v>-7459982.6091999998</v>
      </c>
      <c r="D311" s="53">
        <v>-7928995.5271999901</v>
      </c>
      <c r="E311" s="53">
        <v>-7830215.5271999901</v>
      </c>
      <c r="F311" s="53">
        <v>-7060061.1928000003</v>
      </c>
      <c r="G311" s="53">
        <v>-7096284.7763999999</v>
      </c>
      <c r="H311" s="53">
        <v>-7555268.5159428502</v>
      </c>
      <c r="I311" s="53">
        <v>-7489726.0836979598</v>
      </c>
      <c r="J311" s="53">
        <v>-7037840.7010693802</v>
      </c>
      <c r="K311" s="53">
        <v>-7973951.8932897896</v>
      </c>
      <c r="L311" s="53">
        <v>-6376795.3568000002</v>
      </c>
      <c r="M311" s="53">
        <v>-7702532.6943999901</v>
      </c>
      <c r="N311" s="53">
        <v>-88045662.819999993</v>
      </c>
      <c r="O311" s="53">
        <v>-6714370.4419999998</v>
      </c>
      <c r="P311" s="53">
        <v>-4342880.1091999998</v>
      </c>
      <c r="Q311" s="53">
        <v>-4346460.5271999901</v>
      </c>
      <c r="R311" s="53">
        <v>-4068590.5271999999</v>
      </c>
      <c r="S311" s="53">
        <v>-3512106.1927999998</v>
      </c>
      <c r="T311" s="53">
        <v>-3507917.2763999999</v>
      </c>
      <c r="U311" s="53">
        <v>-3718191.7302285698</v>
      </c>
      <c r="V311" s="53">
        <v>-3685173.07349387</v>
      </c>
      <c r="W311" s="53">
        <v>-3462520.5480081602</v>
      </c>
      <c r="X311" s="53">
        <v>-3923074.3422693801</v>
      </c>
      <c r="Y311" s="53">
        <v>-3137295.3568000002</v>
      </c>
      <c r="Z311" s="53">
        <v>-3850272.6943999999</v>
      </c>
      <c r="AA311" s="53">
        <v>-48268852.82</v>
      </c>
      <c r="AB311" s="53">
        <v>-3702992.9419999998</v>
      </c>
      <c r="AC311" s="53">
        <v>-3163630.1091999998</v>
      </c>
      <c r="AD311" s="53">
        <v>-3288260.5271999999</v>
      </c>
      <c r="AE311" s="53">
        <v>-3207740.5271999999</v>
      </c>
      <c r="AF311" s="53">
        <v>-2949636.1927999998</v>
      </c>
      <c r="AG311" s="53">
        <v>-2972172.2763999999</v>
      </c>
      <c r="AH311" s="53">
        <v>-3167131.0159428502</v>
      </c>
      <c r="AI311" s="53">
        <v>-3139635.01226938</v>
      </c>
      <c r="AJ311" s="53">
        <v>-2950199.6296408102</v>
      </c>
      <c r="AK311" s="53">
        <v>-3342609.03614693</v>
      </c>
      <c r="AL311" s="53">
        <v>-2673095.3568000002</v>
      </c>
      <c r="AM311" s="53">
        <v>-3206632.6943999999</v>
      </c>
      <c r="AN311" s="53">
        <v>-37763735.32</v>
      </c>
      <c r="AO311" s="53">
        <v>-2554407.9419999998</v>
      </c>
      <c r="AP311" s="53">
        <v>-948660.10919999902</v>
      </c>
      <c r="AQ311" s="53">
        <v>-842480.52719999896</v>
      </c>
      <c r="AR311" s="53">
        <v>-699320.52719999896</v>
      </c>
      <c r="AS311" s="53">
        <v>-535576.19279999996</v>
      </c>
      <c r="AT311" s="53">
        <v>-524492.27639999997</v>
      </c>
      <c r="AU311" s="53">
        <v>-546796.73022857099</v>
      </c>
      <c r="AV311" s="53">
        <v>-541453.78777959105</v>
      </c>
      <c r="AW311" s="53">
        <v>-508541.26229387702</v>
      </c>
      <c r="AX311" s="53">
        <v>-576182.91369795904</v>
      </c>
      <c r="AY311" s="53">
        <v>-460775.35679999902</v>
      </c>
      <c r="AZ311" s="53">
        <v>-593512.69439999899</v>
      </c>
      <c r="BA311" s="53">
        <v>-9332200.3200000003</v>
      </c>
      <c r="BB311" s="53">
        <v>-676867.94199999899</v>
      </c>
      <c r="BC311" s="53">
        <v>-715020.10919999902</v>
      </c>
      <c r="BD311" s="53">
        <v>-761760.52720000001</v>
      </c>
      <c r="BE311" s="53">
        <v>-718460.52719999896</v>
      </c>
      <c r="BF311" s="53">
        <v>-549956.19279999996</v>
      </c>
      <c r="BG311" s="53">
        <v>-538532.27639999997</v>
      </c>
      <c r="BH311" s="53">
        <v>-561416.73022857099</v>
      </c>
      <c r="BI311" s="53">
        <v>-555930.930636734</v>
      </c>
      <c r="BJ311" s="53">
        <v>-522138.40515101998</v>
      </c>
      <c r="BK311" s="53">
        <v>-591588.62798367301</v>
      </c>
      <c r="BL311" s="53">
        <v>-473095.35679999902</v>
      </c>
      <c r="BM311" s="53">
        <v>-609512.69440000004</v>
      </c>
      <c r="BN311" s="53">
        <v>-7274280.3199999901</v>
      </c>
      <c r="BO311" s="53">
        <v>-695527.94200000004</v>
      </c>
      <c r="BP311" s="53">
        <v>-735050.10919999902</v>
      </c>
      <c r="BQ311" s="53">
        <v>-783140.52719999896</v>
      </c>
      <c r="BR311" s="53">
        <v>-738515.52719999896</v>
      </c>
      <c r="BS311" s="53">
        <v>-564881.19279999903</v>
      </c>
      <c r="BT311" s="53">
        <v>-553082.27639999997</v>
      </c>
      <c r="BU311" s="53">
        <v>-576558.87308571395</v>
      </c>
      <c r="BV311" s="53">
        <v>-570925.11431020405</v>
      </c>
      <c r="BW311" s="53">
        <v>-536221.16025306098</v>
      </c>
      <c r="BX311" s="53">
        <v>-607544.54635101999</v>
      </c>
      <c r="BY311" s="53">
        <v>-485855.35679999902</v>
      </c>
      <c r="BZ311" s="53">
        <v>-574192.69439999899</v>
      </c>
      <c r="CA311" s="53">
        <v>-7421495.3199999901</v>
      </c>
      <c r="CB311" s="53">
        <v>-804029.76701976696</v>
      </c>
      <c r="CC311" s="53">
        <v>-386807.30642257602</v>
      </c>
      <c r="CD311" s="53">
        <v>-371535.78564166598</v>
      </c>
      <c r="CE311" s="53">
        <v>-362285.53615660698</v>
      </c>
      <c r="CF311" s="53">
        <v>-348846.17609889799</v>
      </c>
      <c r="CG311" s="53">
        <v>-361065.64149764599</v>
      </c>
      <c r="CH311" s="53">
        <v>-386184.89035136398</v>
      </c>
      <c r="CI311" s="53">
        <v>-382361.54694071098</v>
      </c>
      <c r="CJ311" s="53">
        <v>-361923.14951321902</v>
      </c>
      <c r="CK311" s="53">
        <v>-400202.53553362499</v>
      </c>
      <c r="CL311" s="53">
        <v>-314764.228921581</v>
      </c>
      <c r="CM311" s="53">
        <v>-364759.24424593803</v>
      </c>
      <c r="CN311" s="53">
        <v>-4844765.8083435996</v>
      </c>
    </row>
    <row r="312" spans="1:92">
      <c r="A312" s="52" t="s">
        <v>1267</v>
      </c>
      <c r="B312" s="53">
        <v>-697748.04449999996</v>
      </c>
      <c r="C312" s="53">
        <v>-700746.78449999995</v>
      </c>
      <c r="D312" s="53">
        <v>-687981.054</v>
      </c>
      <c r="E312" s="53">
        <v>-714596.33249999897</v>
      </c>
      <c r="F312" s="53">
        <v>-733597.93199999898</v>
      </c>
      <c r="G312" s="53">
        <v>-782285.69399999897</v>
      </c>
      <c r="H312" s="53">
        <v>-1020518.73428571</v>
      </c>
      <c r="I312" s="53">
        <v>-1057367.6630816299</v>
      </c>
      <c r="J312" s="53">
        <v>-965235.79022448906</v>
      </c>
      <c r="K312" s="53">
        <v>-1075904.28440816</v>
      </c>
      <c r="L312" s="53">
        <v>-814676.85299999896</v>
      </c>
      <c r="M312" s="53">
        <v>-885589.48349999904</v>
      </c>
      <c r="N312" s="53">
        <v>-10136248.65</v>
      </c>
      <c r="O312" s="53">
        <v>-634530.54449999996</v>
      </c>
      <c r="P312" s="53">
        <v>-107714.28449999999</v>
      </c>
      <c r="Q312" s="53">
        <v>-59923.553999999996</v>
      </c>
      <c r="R312" s="53">
        <v>-25803.832499999899</v>
      </c>
      <c r="S312" s="53">
        <v>-24675.431999999899</v>
      </c>
      <c r="T312" s="53">
        <v>-25678.194</v>
      </c>
      <c r="U312" s="53">
        <v>-29846.9485714285</v>
      </c>
      <c r="V312" s="53">
        <v>-26232.152877551001</v>
      </c>
      <c r="W312" s="53">
        <v>-24555.637163265299</v>
      </c>
      <c r="X312" s="53">
        <v>-28396.733387755099</v>
      </c>
      <c r="Y312" s="53">
        <v>-22016.852999999999</v>
      </c>
      <c r="Z312" s="53">
        <v>-20989.4834999999</v>
      </c>
      <c r="AA312" s="53">
        <v>-1030363.64999999</v>
      </c>
      <c r="AB312" s="53">
        <v>-23948.0445</v>
      </c>
      <c r="AC312" s="53">
        <v>-26204.284500000002</v>
      </c>
      <c r="AD312" s="53">
        <v>-27583.553999999898</v>
      </c>
      <c r="AE312" s="53">
        <v>-25803.832499999899</v>
      </c>
      <c r="AF312" s="53">
        <v>-24675.431999999899</v>
      </c>
      <c r="AG312" s="53">
        <v>-25678.194</v>
      </c>
      <c r="AH312" s="53">
        <v>-29846.9485714285</v>
      </c>
      <c r="AI312" s="53">
        <v>-26232.152877551001</v>
      </c>
      <c r="AJ312" s="53">
        <v>-24555.637163265299</v>
      </c>
      <c r="AK312" s="53">
        <v>-28396.733387755099</v>
      </c>
      <c r="AL312" s="53">
        <v>-22016.852999999999</v>
      </c>
      <c r="AM312" s="53">
        <v>-20989.4834999999</v>
      </c>
      <c r="AN312" s="53">
        <v>-305931.15000000002</v>
      </c>
      <c r="AO312" s="53">
        <v>-23948.0445</v>
      </c>
      <c r="AP312" s="53">
        <v>-26204.284500000002</v>
      </c>
      <c r="AQ312" s="53">
        <v>-27583.553999999898</v>
      </c>
      <c r="AR312" s="53">
        <v>-25803.832499999899</v>
      </c>
      <c r="AS312" s="53">
        <v>-24675.431999999899</v>
      </c>
      <c r="AT312" s="53">
        <v>-25678.194</v>
      </c>
      <c r="AU312" s="53">
        <v>-29846.9485714285</v>
      </c>
      <c r="AV312" s="53">
        <v>-26232.152877551001</v>
      </c>
      <c r="AW312" s="53">
        <v>-24555.637163265299</v>
      </c>
      <c r="AX312" s="53">
        <v>-28396.733387755099</v>
      </c>
      <c r="AY312" s="53">
        <v>-22016.852999999999</v>
      </c>
      <c r="AZ312" s="53">
        <v>-20989.4834999999</v>
      </c>
      <c r="BA312" s="53">
        <v>-305931.15000000002</v>
      </c>
      <c r="BB312" s="53">
        <v>-23948.0445</v>
      </c>
      <c r="BC312" s="53">
        <v>-26204.284500000002</v>
      </c>
      <c r="BD312" s="53">
        <v>-27583.553999999898</v>
      </c>
      <c r="BE312" s="53">
        <v>-25803.832499999899</v>
      </c>
      <c r="BF312" s="53">
        <v>-24675.431999999899</v>
      </c>
      <c r="BG312" s="53">
        <v>-25678.194</v>
      </c>
      <c r="BH312" s="53">
        <v>-29846.9485714285</v>
      </c>
      <c r="BI312" s="53">
        <v>-26232.152877551001</v>
      </c>
      <c r="BJ312" s="53">
        <v>-24555.637163265299</v>
      </c>
      <c r="BK312" s="53">
        <v>-28396.733387755099</v>
      </c>
      <c r="BL312" s="53">
        <v>-22016.852999999999</v>
      </c>
      <c r="BM312" s="53">
        <v>-20989.4834999999</v>
      </c>
      <c r="BN312" s="53">
        <v>-305931.15000000002</v>
      </c>
      <c r="BO312" s="53">
        <v>-23948.0445</v>
      </c>
      <c r="BP312" s="53">
        <v>-26204.284500000002</v>
      </c>
      <c r="BQ312" s="53">
        <v>-27583.553999999898</v>
      </c>
      <c r="BR312" s="53">
        <v>-25803.832499999899</v>
      </c>
      <c r="BS312" s="53">
        <v>-24675.431999999899</v>
      </c>
      <c r="BT312" s="53">
        <v>-25678.194</v>
      </c>
      <c r="BU312" s="53">
        <v>-29846.9485714285</v>
      </c>
      <c r="BV312" s="53">
        <v>-26232.152877551001</v>
      </c>
      <c r="BW312" s="53">
        <v>-24555.637163265299</v>
      </c>
      <c r="BX312" s="53">
        <v>-28396.733387755099</v>
      </c>
      <c r="BY312" s="53">
        <v>-22016.852999999999</v>
      </c>
      <c r="BZ312" s="53">
        <v>-20989.4834999999</v>
      </c>
      <c r="CA312" s="53">
        <v>-305931.15000000002</v>
      </c>
      <c r="CB312" s="53">
        <v>-4951.6470760955499</v>
      </c>
      <c r="CC312" s="53">
        <v>-2434.1213803262699</v>
      </c>
      <c r="CD312" s="53">
        <v>-2302.2932455240598</v>
      </c>
      <c r="CE312" s="53">
        <v>-2144.0354232053601</v>
      </c>
      <c r="CF312" s="53">
        <v>-2059.2806591096</v>
      </c>
      <c r="CG312" s="53">
        <v>-2079.5652570993402</v>
      </c>
      <c r="CH312" s="53">
        <v>-2192.8072625755699</v>
      </c>
      <c r="CI312" s="53">
        <v>-2170.6055544513101</v>
      </c>
      <c r="CJ312" s="53">
        <v>-2037.99512708722</v>
      </c>
      <c r="CK312" s="53">
        <v>-2308.1851490921399</v>
      </c>
      <c r="CL312" s="53">
        <v>-1845.30197402668</v>
      </c>
      <c r="CM312" s="53">
        <v>-2180.04833866628</v>
      </c>
      <c r="CN312" s="53">
        <v>-28705.8864472594</v>
      </c>
    </row>
    <row r="313" spans="1:92">
      <c r="A313" s="52" t="s">
        <v>1241</v>
      </c>
      <c r="B313" s="53"/>
      <c r="C313" s="53"/>
      <c r="D313" s="53"/>
      <c r="E313" s="53"/>
      <c r="F313" s="53"/>
      <c r="G313" s="53"/>
      <c r="H313" s="53"/>
      <c r="I313" s="53"/>
      <c r="J313" s="53"/>
      <c r="K313" s="53"/>
      <c r="L313" s="53"/>
      <c r="M313" s="53"/>
      <c r="N313" s="53"/>
      <c r="O313" s="53"/>
      <c r="P313" s="53"/>
      <c r="Q313" s="53"/>
      <c r="R313" s="53"/>
      <c r="S313" s="53"/>
      <c r="T313" s="53"/>
      <c r="U313" s="53"/>
      <c r="V313" s="53"/>
      <c r="W313" s="53"/>
      <c r="X313" s="53"/>
      <c r="Y313" s="53"/>
      <c r="Z313" s="53"/>
      <c r="AA313" s="53"/>
      <c r="AB313" s="53"/>
      <c r="AC313" s="53"/>
      <c r="AD313" s="53"/>
      <c r="AE313" s="53"/>
      <c r="AF313" s="53"/>
      <c r="AG313" s="53"/>
      <c r="AH313" s="53"/>
      <c r="AI313" s="53"/>
      <c r="AJ313" s="53"/>
      <c r="AK313" s="53"/>
      <c r="AL313" s="53"/>
      <c r="AM313" s="53"/>
      <c r="AN313" s="53"/>
      <c r="AO313" s="53"/>
      <c r="AP313" s="53"/>
      <c r="AQ313" s="53"/>
      <c r="AR313" s="53"/>
      <c r="AS313" s="53"/>
      <c r="AT313" s="53"/>
      <c r="AU313" s="53"/>
      <c r="AV313" s="53"/>
      <c r="AW313" s="53"/>
      <c r="AX313" s="53"/>
      <c r="AY313" s="53"/>
      <c r="AZ313" s="53"/>
      <c r="BA313" s="53"/>
      <c r="BB313" s="53"/>
      <c r="BC313" s="53"/>
      <c r="BD313" s="53"/>
      <c r="BE313" s="53"/>
      <c r="BF313" s="53"/>
      <c r="BG313" s="53"/>
      <c r="BH313" s="53"/>
      <c r="BI313" s="53"/>
      <c r="BJ313" s="53"/>
      <c r="BK313" s="53"/>
      <c r="BL313" s="53"/>
      <c r="BM313" s="53"/>
      <c r="BN313" s="53"/>
      <c r="BO313" s="53"/>
      <c r="BP313" s="53"/>
      <c r="BQ313" s="53"/>
      <c r="BR313" s="53"/>
      <c r="BS313" s="53"/>
      <c r="BT313" s="53"/>
      <c r="BU313" s="53"/>
      <c r="BV313" s="53"/>
      <c r="BW313" s="53"/>
      <c r="BX313" s="53"/>
      <c r="BY313" s="53"/>
      <c r="BZ313" s="53"/>
      <c r="CA313" s="53"/>
      <c r="CB313" s="53">
        <v>-686770.03544979298</v>
      </c>
      <c r="CC313" s="53">
        <v>-334736.581019053</v>
      </c>
      <c r="CD313" s="53">
        <v>-316078.23430970998</v>
      </c>
      <c r="CE313" s="53">
        <v>-305131.63985554001</v>
      </c>
      <c r="CF313" s="53">
        <v>-311250.90997102001</v>
      </c>
      <c r="CG313" s="53">
        <v>-338854.18240626698</v>
      </c>
      <c r="CH313" s="53">
        <v>-365071.461903369</v>
      </c>
      <c r="CI313" s="53">
        <v>-357524.25404694502</v>
      </c>
      <c r="CJ313" s="53">
        <v>-322271.62754151202</v>
      </c>
      <c r="CK313" s="53">
        <v>-384660.39204839501</v>
      </c>
      <c r="CL313" s="53">
        <v>-287404.604986633</v>
      </c>
      <c r="CM313" s="53">
        <v>-311789.36194683902</v>
      </c>
      <c r="CN313" s="53">
        <v>-4321543.2854850804</v>
      </c>
    </row>
    <row r="314" spans="1:92">
      <c r="A314" s="52" t="s">
        <v>1261</v>
      </c>
      <c r="B314" s="53">
        <v>-8074712.3398336899</v>
      </c>
      <c r="C314" s="53">
        <v>-8105864.1365096197</v>
      </c>
      <c r="D314" s="53">
        <v>-8191595.16481415</v>
      </c>
      <c r="E314" s="53">
        <v>-9279651.4624909796</v>
      </c>
      <c r="F314" s="53">
        <v>-9512238.7229777593</v>
      </c>
      <c r="G314" s="53">
        <v>-10408141.7210341</v>
      </c>
      <c r="H314" s="53">
        <v>-11660223.160380101</v>
      </c>
      <c r="I314" s="53">
        <v>-11997081.2667064</v>
      </c>
      <c r="J314" s="53">
        <v>-11254154.2828329</v>
      </c>
      <c r="K314" s="53">
        <v>-11935382.380141299</v>
      </c>
      <c r="L314" s="53">
        <v>-8675333.8392577097</v>
      </c>
      <c r="M314" s="53">
        <v>-9271226.9166596793</v>
      </c>
      <c r="N314" s="53">
        <v>-118365605.393638</v>
      </c>
      <c r="O314" s="53">
        <v>-9232011.4581839293</v>
      </c>
      <c r="P314" s="53">
        <v>-11190558.6571391</v>
      </c>
      <c r="Q314" s="53">
        <v>-8810159.8421475105</v>
      </c>
      <c r="R314" s="53">
        <v>-9450826.0759350304</v>
      </c>
      <c r="S314" s="53">
        <v>-9821826.8199540898</v>
      </c>
      <c r="T314" s="53">
        <v>-10904378.210998399</v>
      </c>
      <c r="U314" s="53">
        <v>-12042279.517861599</v>
      </c>
      <c r="V314" s="53">
        <v>-13001602.8350116</v>
      </c>
      <c r="W314" s="53">
        <v>-13483649.419080099</v>
      </c>
      <c r="X314" s="53">
        <v>-12436791.5367584</v>
      </c>
      <c r="Y314" s="53">
        <v>-9068893.2205120195</v>
      </c>
      <c r="Z314" s="53">
        <v>-9243945.0217688009</v>
      </c>
      <c r="AA314" s="53">
        <v>-128686922.61535101</v>
      </c>
      <c r="AB314" s="53">
        <v>-8451151.1834696308</v>
      </c>
      <c r="AC314" s="53">
        <v>-8575139.25084823</v>
      </c>
      <c r="AD314" s="53">
        <v>-6631160.7231752602</v>
      </c>
      <c r="AE314" s="53">
        <v>-6936400.7043118896</v>
      </c>
      <c r="AF314" s="53">
        <v>-7254634.9616125599</v>
      </c>
      <c r="AG314" s="53">
        <v>-8113807.4671334997</v>
      </c>
      <c r="AH314" s="53">
        <v>-8963206.6844728608</v>
      </c>
      <c r="AI314" s="53">
        <v>-9661335.7513103895</v>
      </c>
      <c r="AJ314" s="53">
        <v>-10055026.696940601</v>
      </c>
      <c r="AK314" s="53">
        <v>-9254933.1526622605</v>
      </c>
      <c r="AL314" s="53">
        <v>-6711068.44400026</v>
      </c>
      <c r="AM314" s="53">
        <v>-6783123.2280115699</v>
      </c>
      <c r="AN314" s="53">
        <v>-97390988.247949094</v>
      </c>
      <c r="AO314" s="53">
        <v>-5605616.619771</v>
      </c>
      <c r="AP314" s="53">
        <v>-3908544.4929586402</v>
      </c>
      <c r="AQ314" s="53">
        <v>-2872127.9688084899</v>
      </c>
      <c r="AR314" s="53">
        <v>-2987355.5716861999</v>
      </c>
      <c r="AS314" s="53">
        <v>-3123200.1113841599</v>
      </c>
      <c r="AT314" s="53">
        <v>-3505642.3063620799</v>
      </c>
      <c r="AU314" s="53">
        <v>-3873001.0492400401</v>
      </c>
      <c r="AV314" s="53">
        <v>-4193586.17010176</v>
      </c>
      <c r="AW314" s="53">
        <v>-4348015.1475964598</v>
      </c>
      <c r="AX314" s="53">
        <v>-4006590.7492767</v>
      </c>
      <c r="AY314" s="53">
        <v>-2874714.3643285199</v>
      </c>
      <c r="AZ314" s="53">
        <v>-2923618.9588472899</v>
      </c>
      <c r="BA314" s="53">
        <v>-44222013.510361299</v>
      </c>
      <c r="BB314" s="53">
        <v>-2349710.26247678</v>
      </c>
      <c r="BC314" s="53">
        <v>-1429431.0631502699</v>
      </c>
      <c r="BD314" s="53">
        <v>-1043199.67814992</v>
      </c>
      <c r="BE314" s="53">
        <v>-1057061.4784377499</v>
      </c>
      <c r="BF314" s="53">
        <v>-1104845.8883026501</v>
      </c>
      <c r="BG314" s="53">
        <v>-1239166.4395779399</v>
      </c>
      <c r="BH314" s="53">
        <v>-1377348.54478848</v>
      </c>
      <c r="BI314" s="53">
        <v>-1487234.2588533401</v>
      </c>
      <c r="BJ314" s="53">
        <v>-1540511.7069067401</v>
      </c>
      <c r="BK314" s="53">
        <v>-1425227.46770564</v>
      </c>
      <c r="BL314" s="53">
        <v>-1025787.0672842</v>
      </c>
      <c r="BM314" s="53">
        <v>-1032886.49553045</v>
      </c>
      <c r="BN314" s="53">
        <v>-16112410.351164199</v>
      </c>
      <c r="BO314" s="53">
        <v>-865779.198334869</v>
      </c>
      <c r="BP314" s="53">
        <v>-638324.06076408003</v>
      </c>
      <c r="BQ314" s="53">
        <v>-476412.37386024703</v>
      </c>
      <c r="BR314" s="53">
        <v>-494167.60934009799</v>
      </c>
      <c r="BS314" s="53">
        <v>-516968.36850116699</v>
      </c>
      <c r="BT314" s="53">
        <v>-583509.03689250001</v>
      </c>
      <c r="BU314" s="53">
        <v>-650086.65049442102</v>
      </c>
      <c r="BV314" s="53">
        <v>-701450.94009525899</v>
      </c>
      <c r="BW314" s="53">
        <v>-725755.46172066405</v>
      </c>
      <c r="BX314" s="53">
        <v>-672560.24538292899</v>
      </c>
      <c r="BY314" s="53">
        <v>-483944.11293334299</v>
      </c>
      <c r="BZ314" s="53">
        <v>-488229.216844354</v>
      </c>
      <c r="CA314" s="53">
        <v>-7297187.2751639299</v>
      </c>
      <c r="CB314" s="53">
        <v>-4372761.9880392496</v>
      </c>
      <c r="CC314" s="53">
        <v>-2156280.8911530999</v>
      </c>
      <c r="CD314" s="53">
        <v>-1824525.0341577299</v>
      </c>
      <c r="CE314" s="53">
        <v>-1712483.84948908</v>
      </c>
      <c r="CF314" s="53">
        <v>-1771917.8463169101</v>
      </c>
      <c r="CG314" s="53">
        <v>-2248505.8787237401</v>
      </c>
      <c r="CH314" s="53">
        <v>-2729004.6909225699</v>
      </c>
      <c r="CI314" s="53">
        <v>-2904981.4993206202</v>
      </c>
      <c r="CJ314" s="53">
        <v>-2695680.6656156899</v>
      </c>
      <c r="CK314" s="53">
        <v>-2703773.2742900499</v>
      </c>
      <c r="CL314" s="53">
        <v>-1809214.7995178299</v>
      </c>
      <c r="CM314" s="53">
        <v>-1817760.8855522899</v>
      </c>
      <c r="CN314" s="53">
        <v>-28746891.303098898</v>
      </c>
    </row>
    <row r="315" spans="1:92">
      <c r="A315" s="52" t="s">
        <v>1262</v>
      </c>
      <c r="B315" s="53">
        <v>-2781697.2655807501</v>
      </c>
      <c r="C315" s="53">
        <v>-2712401.8279358</v>
      </c>
      <c r="D315" s="53">
        <v>-2901499.72679045</v>
      </c>
      <c r="E315" s="53">
        <v>-3044650.2100445698</v>
      </c>
      <c r="F315" s="53">
        <v>-2997348.8240129901</v>
      </c>
      <c r="G315" s="53">
        <v>-3081804.0071491501</v>
      </c>
      <c r="H315" s="53">
        <v>-3316334.1604659902</v>
      </c>
      <c r="I315" s="53">
        <v>-3191770.1627433202</v>
      </c>
      <c r="J315" s="53">
        <v>-2937949.7136561899</v>
      </c>
      <c r="K315" s="53">
        <v>-3368898.4934509299</v>
      </c>
      <c r="L315" s="53">
        <v>-2645086.68262028</v>
      </c>
      <c r="M315" s="53">
        <v>-3098285.99459117</v>
      </c>
      <c r="N315" s="53">
        <v>-36077727.069041602</v>
      </c>
      <c r="O315" s="53">
        <v>-2630956.2858962999</v>
      </c>
      <c r="P315" s="53">
        <v>-2368240.7665488799</v>
      </c>
      <c r="Q315" s="53">
        <v>-2693941.51131423</v>
      </c>
      <c r="R315" s="53">
        <v>-3135758.36591698</v>
      </c>
      <c r="S315" s="53">
        <v>-3628231.4181824899</v>
      </c>
      <c r="T315" s="53">
        <v>-3909486.4388244702</v>
      </c>
      <c r="U315" s="53">
        <v>-3443438.8384914501</v>
      </c>
      <c r="V315" s="53">
        <v>-3274817.36459027</v>
      </c>
      <c r="W315" s="53">
        <v>-3007729.3442442399</v>
      </c>
      <c r="X315" s="53">
        <v>-3239025.11504813</v>
      </c>
      <c r="Y315" s="53">
        <v>-2332531.9719465799</v>
      </c>
      <c r="Z315" s="53">
        <v>-2476963.97783277</v>
      </c>
      <c r="AA315" s="53">
        <v>-36141121.398836799</v>
      </c>
      <c r="AB315" s="53">
        <v>-2225527.59330515</v>
      </c>
      <c r="AC315" s="53">
        <v>-1776661.9159408901</v>
      </c>
      <c r="AD315" s="53">
        <v>-2022603.9086849601</v>
      </c>
      <c r="AE315" s="53">
        <v>-2319660.81474589</v>
      </c>
      <c r="AF315" s="53">
        <v>-2685854.3464926402</v>
      </c>
      <c r="AG315" s="53">
        <v>-2894299.5202983101</v>
      </c>
      <c r="AH315" s="53">
        <v>-2549337.9157790001</v>
      </c>
      <c r="AI315" s="53">
        <v>-2424743.9512596298</v>
      </c>
      <c r="AJ315" s="53">
        <v>-2226642.4739594501</v>
      </c>
      <c r="AK315" s="53">
        <v>-2399479.53197427</v>
      </c>
      <c r="AL315" s="53">
        <v>-1728633.6396196601</v>
      </c>
      <c r="AM315" s="53">
        <v>-1836222.2855263399</v>
      </c>
      <c r="AN315" s="53">
        <v>-27089667.8975862</v>
      </c>
      <c r="AO315" s="53">
        <v>-1543672.59443014</v>
      </c>
      <c r="AP315" s="53">
        <v>-839311.37369218597</v>
      </c>
      <c r="AQ315" s="53">
        <v>-895090.31162847602</v>
      </c>
      <c r="AR315" s="53">
        <v>-997375.715592516</v>
      </c>
      <c r="AS315" s="53">
        <v>-1154075.33687771</v>
      </c>
      <c r="AT315" s="53">
        <v>-1243676.2633357199</v>
      </c>
      <c r="AU315" s="53">
        <v>-1096015.82101248</v>
      </c>
      <c r="AV315" s="53">
        <v>-1042531.00769201</v>
      </c>
      <c r="AW315" s="53">
        <v>-957339.969055678</v>
      </c>
      <c r="AX315" s="53">
        <v>-1031638.50510771</v>
      </c>
      <c r="AY315" s="53">
        <v>-743367.15229277499</v>
      </c>
      <c r="AZ315" s="53">
        <v>-789820.88293912995</v>
      </c>
      <c r="BA315" s="53">
        <v>-12333914.933656501</v>
      </c>
      <c r="BB315" s="53">
        <v>-652363.39617673005</v>
      </c>
      <c r="BC315" s="53">
        <v>-310035.66146421398</v>
      </c>
      <c r="BD315" s="53">
        <v>-321535.83145971101</v>
      </c>
      <c r="BE315" s="53">
        <v>-351696.41739735001</v>
      </c>
      <c r="BF315" s="53">
        <v>-406725.65813226602</v>
      </c>
      <c r="BG315" s="53">
        <v>-438240.68878189899</v>
      </c>
      <c r="BH315" s="53">
        <v>-386434.61628378899</v>
      </c>
      <c r="BI315" s="53">
        <v>-367661.19258933899</v>
      </c>
      <c r="BJ315" s="53">
        <v>-337668.69673378801</v>
      </c>
      <c r="BK315" s="53">
        <v>-363953.83857414301</v>
      </c>
      <c r="BL315" s="53">
        <v>-262369.52216255898</v>
      </c>
      <c r="BM315" s="53">
        <v>-278910.019015053</v>
      </c>
      <c r="BN315" s="53">
        <v>-4477595.5387708396</v>
      </c>
      <c r="BO315" s="53">
        <v>-236505.30551983099</v>
      </c>
      <c r="BP315" s="53">
        <v>-136834.72996532699</v>
      </c>
      <c r="BQ315" s="53">
        <v>-147495.199633557</v>
      </c>
      <c r="BR315" s="53">
        <v>-165388.84760670399</v>
      </c>
      <c r="BS315" s="53">
        <v>-191160.545693817</v>
      </c>
      <c r="BT315" s="53">
        <v>-205973.267028539</v>
      </c>
      <c r="BU315" s="53">
        <v>-181810.65873012101</v>
      </c>
      <c r="BV315" s="53">
        <v>-173053.38164268099</v>
      </c>
      <c r="BW315" s="53">
        <v>-158979.0052819</v>
      </c>
      <c r="BX315" s="53">
        <v>-171424.21517661001</v>
      </c>
      <c r="BY315" s="53">
        <v>-123671.616934859</v>
      </c>
      <c r="BZ315" s="53">
        <v>-131579.23784477101</v>
      </c>
      <c r="CA315" s="53">
        <v>-2023876.0110587201</v>
      </c>
      <c r="CB315" s="53"/>
      <c r="CC315" s="53"/>
      <c r="CD315" s="53"/>
      <c r="CE315" s="53"/>
      <c r="CF315" s="53"/>
      <c r="CG315" s="53"/>
      <c r="CH315" s="53"/>
      <c r="CI315" s="53"/>
      <c r="CJ315" s="53"/>
      <c r="CK315" s="53"/>
      <c r="CL315" s="53"/>
      <c r="CM315" s="53"/>
      <c r="CN315" s="53"/>
    </row>
    <row r="316" spans="1:92">
      <c r="A316" s="52" t="s">
        <v>1266</v>
      </c>
      <c r="B316" s="53">
        <v>-18364.9706098733</v>
      </c>
      <c r="C316" s="53">
        <v>-17996.0560085531</v>
      </c>
      <c r="D316" s="53">
        <v>-18846.354109027699</v>
      </c>
      <c r="E316" s="53">
        <v>-18795.854905395201</v>
      </c>
      <c r="F316" s="53">
        <v>-18053.283210174199</v>
      </c>
      <c r="G316" s="53">
        <v>-18231.009217160201</v>
      </c>
      <c r="H316" s="53">
        <v>-19223.2307563836</v>
      </c>
      <c r="I316" s="53">
        <v>-19027.842838378299</v>
      </c>
      <c r="J316" s="53">
        <v>-17864.600014009</v>
      </c>
      <c r="K316" s="53">
        <v>-20231.940522691799</v>
      </c>
      <c r="L316" s="53">
        <v>-16173.9132474208</v>
      </c>
      <c r="M316" s="53">
        <v>-19106.944578068102</v>
      </c>
      <c r="N316" s="53">
        <v>-221916.00001713599</v>
      </c>
      <c r="O316" s="53">
        <v>-19444.421184671999</v>
      </c>
      <c r="P316" s="53">
        <v>-26465.677407478201</v>
      </c>
      <c r="Q316" s="53">
        <v>-28306.9503715061</v>
      </c>
      <c r="R316" s="53">
        <v>-28523.123046434801</v>
      </c>
      <c r="S316" s="53">
        <v>-27254.332815096801</v>
      </c>
      <c r="T316" s="53">
        <v>-27381.931458843999</v>
      </c>
      <c r="U316" s="53">
        <v>-28733.791884306</v>
      </c>
      <c r="V316" s="53">
        <v>-28318.169645633599</v>
      </c>
      <c r="W316" s="53">
        <v>-26489.865607768199</v>
      </c>
      <c r="X316" s="53">
        <v>-29883.1570961176</v>
      </c>
      <c r="Y316" s="53">
        <v>-23822.444241265301</v>
      </c>
      <c r="Z316" s="53">
        <v>-28059.432878056599</v>
      </c>
      <c r="AA316" s="53">
        <v>-322683.29763717903</v>
      </c>
      <c r="AB316" s="53">
        <v>-24139.399747221101</v>
      </c>
      <c r="AC316" s="53">
        <v>-19865.9860994923</v>
      </c>
      <c r="AD316" s="53">
        <v>-20376.270799628699</v>
      </c>
      <c r="AE316" s="53">
        <v>-20044.272993546001</v>
      </c>
      <c r="AF316" s="53">
        <v>-19221.486234973599</v>
      </c>
      <c r="AG316" s="53">
        <v>-19381.649592768001</v>
      </c>
      <c r="AH316" s="53">
        <v>-20409.663183850698</v>
      </c>
      <c r="AI316" s="53">
        <v>-20179.841925351699</v>
      </c>
      <c r="AJ316" s="53">
        <v>-18929.9413418734</v>
      </c>
      <c r="AK316" s="53">
        <v>-21420.659235895801</v>
      </c>
      <c r="AL316" s="53">
        <v>-17115.199283264301</v>
      </c>
      <c r="AM316" s="53">
        <v>-20209.189630695299</v>
      </c>
      <c r="AN316" s="53">
        <v>-241293.560068561</v>
      </c>
      <c r="AO316" s="53">
        <v>-16228.4526957002</v>
      </c>
      <c r="AP316" s="53">
        <v>-9174.3494656912408</v>
      </c>
      <c r="AQ316" s="53">
        <v>-8919.3224751462003</v>
      </c>
      <c r="AR316" s="53">
        <v>-8471.6157333092397</v>
      </c>
      <c r="AS316" s="53">
        <v>-8136.9586007026301</v>
      </c>
      <c r="AT316" s="53">
        <v>-8218.0319409142903</v>
      </c>
      <c r="AU316" s="53">
        <v>-8667.2962400706801</v>
      </c>
      <c r="AV316" s="53">
        <v>-8581.9665275495499</v>
      </c>
      <c r="AW316" s="53">
        <v>-8060.2985391879702</v>
      </c>
      <c r="AX316" s="53">
        <v>-9133.0580484696493</v>
      </c>
      <c r="AY316" s="53">
        <v>-7304.56114292847</v>
      </c>
      <c r="AZ316" s="53">
        <v>-8634.2270849025608</v>
      </c>
      <c r="BA316" s="53">
        <v>-109530.13849457201</v>
      </c>
      <c r="BB316" s="53">
        <v>-6811.3689758189003</v>
      </c>
      <c r="BC316" s="53">
        <v>-3369.8445589518301</v>
      </c>
      <c r="BD316" s="53">
        <v>-3193.64664278705</v>
      </c>
      <c r="BE316" s="53">
        <v>-2979.35201996245</v>
      </c>
      <c r="BF316" s="53">
        <v>-2863.5967707453201</v>
      </c>
      <c r="BG316" s="53">
        <v>-2894.0868733504699</v>
      </c>
      <c r="BH316" s="53">
        <v>-3054.2715861782399</v>
      </c>
      <c r="BI316" s="53">
        <v>-3025.9905007953698</v>
      </c>
      <c r="BJ316" s="53">
        <v>-2843.4874634115699</v>
      </c>
      <c r="BK316" s="53">
        <v>-3223.7015724824701</v>
      </c>
      <c r="BL316" s="53">
        <v>-2579.3289045152801</v>
      </c>
      <c r="BM316" s="53">
        <v>-3050.1706912878299</v>
      </c>
      <c r="BN316" s="53">
        <v>-39888.846560286802</v>
      </c>
      <c r="BO316" s="53">
        <v>-2475.5738716442402</v>
      </c>
      <c r="BP316" s="53">
        <v>-1489.5129106644099</v>
      </c>
      <c r="BQ316" s="53">
        <v>-1465.56382877746</v>
      </c>
      <c r="BR316" s="53">
        <v>-1404.1297556654499</v>
      </c>
      <c r="BS316" s="53">
        <v>-1349.9367614892899</v>
      </c>
      <c r="BT316" s="53">
        <v>-1364.6675456631001</v>
      </c>
      <c r="BU316" s="53">
        <v>-1440.5592282001101</v>
      </c>
      <c r="BV316" s="53">
        <v>-1427.54369512931</v>
      </c>
      <c r="BW316" s="53">
        <v>-1341.70293511368</v>
      </c>
      <c r="BX316" s="53">
        <v>-1521.41963988049</v>
      </c>
      <c r="BY316" s="53">
        <v>-1217.49316414542</v>
      </c>
      <c r="BZ316" s="53">
        <v>-1439.96601549459</v>
      </c>
      <c r="CA316" s="53">
        <v>-17938.0693518675</v>
      </c>
      <c r="CB316" s="53">
        <v>-2279690.8742275899</v>
      </c>
      <c r="CC316" s="53">
        <v>-2262259.6434833901</v>
      </c>
      <c r="CD316" s="53">
        <v>-2289049.9101053299</v>
      </c>
      <c r="CE316" s="53">
        <v>-2524834.71062375</v>
      </c>
      <c r="CF316" s="53">
        <v>-2602477.9276638599</v>
      </c>
      <c r="CG316" s="53">
        <v>-2952722.35289898</v>
      </c>
      <c r="CH316" s="53">
        <v>-3286192.1937218299</v>
      </c>
      <c r="CI316" s="53">
        <v>-3401989.7747654198</v>
      </c>
      <c r="CJ316" s="53">
        <v>-3171492.3934124801</v>
      </c>
      <c r="CK316" s="53">
        <v>-3381926.54431037</v>
      </c>
      <c r="CL316" s="53">
        <v>-2479419.6845549499</v>
      </c>
      <c r="CM316" s="53">
        <v>-2570870.9803767898</v>
      </c>
      <c r="CN316" s="53">
        <v>-33202926.9901448</v>
      </c>
    </row>
    <row r="317" spans="1:92">
      <c r="A317" s="52" t="s">
        <v>1263</v>
      </c>
      <c r="B317" s="53">
        <v>-2410914.1919059502</v>
      </c>
      <c r="C317" s="53">
        <v>-2402246.5249848301</v>
      </c>
      <c r="D317" s="53">
        <v>-2518351.0024705902</v>
      </c>
      <c r="E317" s="53">
        <v>-2605949.55723105</v>
      </c>
      <c r="F317" s="53">
        <v>-2659616.3975985702</v>
      </c>
      <c r="G317" s="53">
        <v>-2898547.28909866</v>
      </c>
      <c r="H317" s="53">
        <v>-3080447.9896591501</v>
      </c>
      <c r="I317" s="53">
        <v>-2965055.53953917</v>
      </c>
      <c r="J317" s="53">
        <v>-2879289.6210934399</v>
      </c>
      <c r="K317" s="53">
        <v>-3300090.5241024802</v>
      </c>
      <c r="L317" s="53">
        <v>-2460903.7962324601</v>
      </c>
      <c r="M317" s="53">
        <v>-2660216.6588241998</v>
      </c>
      <c r="N317" s="53">
        <v>-32841629.092740599</v>
      </c>
      <c r="O317" s="53">
        <v>-2436631.96750532</v>
      </c>
      <c r="P317" s="53">
        <v>-2647199.6663675499</v>
      </c>
      <c r="Q317" s="53">
        <v>-2576750.9057108099</v>
      </c>
      <c r="R317" s="53">
        <v>-2679397.7798572402</v>
      </c>
      <c r="S317" s="53">
        <v>-2756761.5452693002</v>
      </c>
      <c r="T317" s="53">
        <v>-2997947.6515640402</v>
      </c>
      <c r="U317" s="53">
        <v>-3214547.8477415801</v>
      </c>
      <c r="V317" s="53">
        <v>-3221518.8647264498</v>
      </c>
      <c r="W317" s="53">
        <v>-2978777.2977410601</v>
      </c>
      <c r="X317" s="53">
        <v>-3421337.5069847102</v>
      </c>
      <c r="Y317" s="53">
        <v>-2542947.0282560498</v>
      </c>
      <c r="Z317" s="53">
        <v>-2714624.8094824199</v>
      </c>
      <c r="AA317" s="53">
        <v>-34188442.8712065</v>
      </c>
      <c r="AB317" s="53">
        <v>-2309434.3608804899</v>
      </c>
      <c r="AC317" s="53">
        <v>-2014516.5778187499</v>
      </c>
      <c r="AD317" s="53">
        <v>-1921378.76335246</v>
      </c>
      <c r="AE317" s="53">
        <v>-1968601.14425271</v>
      </c>
      <c r="AF317" s="53">
        <v>-2025662.65138425</v>
      </c>
      <c r="AG317" s="53">
        <v>-2202876.2932030801</v>
      </c>
      <c r="AH317" s="53">
        <v>-2361837.4576356001</v>
      </c>
      <c r="AI317" s="53">
        <v>-2366731.76966597</v>
      </c>
      <c r="AJ317" s="53">
        <v>-2188106.7998714899</v>
      </c>
      <c r="AK317" s="53">
        <v>-2513552.7662101099</v>
      </c>
      <c r="AL317" s="53">
        <v>-1868055.4699843901</v>
      </c>
      <c r="AM317" s="53">
        <v>-1993554.9953292599</v>
      </c>
      <c r="AN317" s="53">
        <v>-25734309.049588598</v>
      </c>
      <c r="AO317" s="53">
        <v>-1568208.2811235699</v>
      </c>
      <c r="AP317" s="53">
        <v>-938021.76345325005</v>
      </c>
      <c r="AQ317" s="53">
        <v>-850635.31424172502</v>
      </c>
      <c r="AR317" s="53">
        <v>-841110.957555815</v>
      </c>
      <c r="AS317" s="53">
        <v>-865695.70231604704</v>
      </c>
      <c r="AT317" s="53">
        <v>-941533.42823281395</v>
      </c>
      <c r="AU317" s="53">
        <v>-1009361.42643666</v>
      </c>
      <c r="AV317" s="53">
        <v>-1011322.76528295</v>
      </c>
      <c r="AW317" s="53">
        <v>-934829.60485369898</v>
      </c>
      <c r="AX317" s="53">
        <v>-1074140.26026864</v>
      </c>
      <c r="AY317" s="53">
        <v>-798215.33833463804</v>
      </c>
      <c r="AZ317" s="53">
        <v>-851471.29976259696</v>
      </c>
      <c r="BA317" s="53">
        <v>-11684546.1418624</v>
      </c>
      <c r="BB317" s="53">
        <v>-655974.08489721001</v>
      </c>
      <c r="BC317" s="53">
        <v>-343118.40373472899</v>
      </c>
      <c r="BD317" s="53">
        <v>-303878.40310965001</v>
      </c>
      <c r="BE317" s="53">
        <v>-295038.479198154</v>
      </c>
      <c r="BF317" s="53">
        <v>-303708.24659074598</v>
      </c>
      <c r="BG317" s="53">
        <v>-330330.31752572698</v>
      </c>
      <c r="BH317" s="53">
        <v>-354097.68520645198</v>
      </c>
      <c r="BI317" s="53">
        <v>-354751.131703705</v>
      </c>
      <c r="BJ317" s="53">
        <v>-327876.52298153099</v>
      </c>
      <c r="BK317" s="53">
        <v>-376801.36852192099</v>
      </c>
      <c r="BL317" s="53">
        <v>-279988.017330918</v>
      </c>
      <c r="BM317" s="53">
        <v>-298576.66094058001</v>
      </c>
      <c r="BN317" s="53">
        <v>-4224139.3217413202</v>
      </c>
      <c r="BO317" s="53">
        <v>-237176.665279129</v>
      </c>
      <c r="BP317" s="53">
        <v>-151013.24300649099</v>
      </c>
      <c r="BQ317" s="53">
        <v>-138300.48048487899</v>
      </c>
      <c r="BR317" s="53">
        <v>-137871.08395060501</v>
      </c>
      <c r="BS317" s="53">
        <v>-141941.26438760301</v>
      </c>
      <c r="BT317" s="53">
        <v>-154388.738144748</v>
      </c>
      <c r="BU317" s="53">
        <v>-165481.00239446401</v>
      </c>
      <c r="BV317" s="53">
        <v>-165768.159367213</v>
      </c>
      <c r="BW317" s="53">
        <v>-153187.66705530899</v>
      </c>
      <c r="BX317" s="53">
        <v>-176071.58482878099</v>
      </c>
      <c r="BY317" s="53">
        <v>-130818.906824127</v>
      </c>
      <c r="BZ317" s="53">
        <v>-139456.35084921899</v>
      </c>
      <c r="CA317" s="53">
        <v>-1891475.1465725701</v>
      </c>
      <c r="CB317" s="53">
        <v>-771410.07357766805</v>
      </c>
      <c r="CC317" s="53">
        <v>-773230.62658205896</v>
      </c>
      <c r="CD317" s="53">
        <v>-831215.34318165702</v>
      </c>
      <c r="CE317" s="53">
        <v>-870583.47877995798</v>
      </c>
      <c r="CF317" s="53">
        <v>-838288.27606295201</v>
      </c>
      <c r="CG317" s="53">
        <v>-867652.033745719</v>
      </c>
      <c r="CH317" s="53">
        <v>-928014.374686528</v>
      </c>
      <c r="CI317" s="53">
        <v>-918826.76084378897</v>
      </c>
      <c r="CJ317" s="53">
        <v>-869712.65233733703</v>
      </c>
      <c r="CK317" s="53">
        <v>-961699.21465154504</v>
      </c>
      <c r="CL317" s="53">
        <v>-756388.29062053701</v>
      </c>
      <c r="CM317" s="53">
        <v>-876527.87671740295</v>
      </c>
      <c r="CN317" s="53">
        <v>-10263549.0017871</v>
      </c>
    </row>
    <row r="318" spans="1:92">
      <c r="A318" s="52" t="s">
        <v>1264</v>
      </c>
      <c r="B318" s="53">
        <v>-15260944.6965314</v>
      </c>
      <c r="C318" s="53">
        <v>-15588400.5462719</v>
      </c>
      <c r="D318" s="53">
        <v>-14741452.5508203</v>
      </c>
      <c r="E318" s="53">
        <v>-15117764.731916901</v>
      </c>
      <c r="F318" s="53">
        <v>-15639367.2899625</v>
      </c>
      <c r="G318" s="53">
        <v>-18923588.347091001</v>
      </c>
      <c r="H318" s="53">
        <v>-22423598.3278207</v>
      </c>
      <c r="I318" s="53">
        <v>-23812634.9738518</v>
      </c>
      <c r="J318" s="53">
        <v>-21992348.2085521</v>
      </c>
      <c r="K318" s="53">
        <v>-22334365.347283099</v>
      </c>
      <c r="L318" s="53">
        <v>-15304431.3276479</v>
      </c>
      <c r="M318" s="53">
        <v>-15846602.5534543</v>
      </c>
      <c r="N318" s="53">
        <v>-216985498.90120399</v>
      </c>
      <c r="O318" s="53">
        <v>-16589792.9575141</v>
      </c>
      <c r="P318" s="53">
        <v>-20484766.739462402</v>
      </c>
      <c r="Q318" s="53">
        <v>-14413265.0554781</v>
      </c>
      <c r="R318" s="53">
        <v>-14723043.0592747</v>
      </c>
      <c r="S318" s="53">
        <v>-15222412.598291</v>
      </c>
      <c r="T318" s="53">
        <v>-18967708.122406401</v>
      </c>
      <c r="U318" s="53">
        <v>-22804652.989735901</v>
      </c>
      <c r="V318" s="53">
        <v>-25851964.631903</v>
      </c>
      <c r="W318" s="53">
        <v>-27122738.798602998</v>
      </c>
      <c r="X318" s="53">
        <v>-22949754.5644897</v>
      </c>
      <c r="Y318" s="53">
        <v>-15269809.027920701</v>
      </c>
      <c r="Z318" s="53">
        <v>-14839012.7418654</v>
      </c>
      <c r="AA318" s="53">
        <v>-229238921.286944</v>
      </c>
      <c r="AB318" s="53">
        <v>-14785649.989961401</v>
      </c>
      <c r="AC318" s="53">
        <v>-15604193.015145499</v>
      </c>
      <c r="AD318" s="53">
        <v>-11072460.964079401</v>
      </c>
      <c r="AE318" s="53">
        <v>-10976210.6787642</v>
      </c>
      <c r="AF318" s="53">
        <v>-11376219.9709257</v>
      </c>
      <c r="AG318" s="53">
        <v>-14322405.139644301</v>
      </c>
      <c r="AH318" s="53">
        <v>-17351302.953882899</v>
      </c>
      <c r="AI318" s="53">
        <v>-19678720.036359798</v>
      </c>
      <c r="AJ318" s="53">
        <v>-20570353.334994499</v>
      </c>
      <c r="AK318" s="53">
        <v>-17440018.535381202</v>
      </c>
      <c r="AL318" s="53">
        <v>-11535864.528432701</v>
      </c>
      <c r="AM318" s="53">
        <v>-11143857.6269948</v>
      </c>
      <c r="AN318" s="53">
        <v>-175857256.77456701</v>
      </c>
      <c r="AO318" s="53">
        <v>-9960789.5732186995</v>
      </c>
      <c r="AP318" s="53">
        <v>-7113836.3300907305</v>
      </c>
      <c r="AQ318" s="53">
        <v>-4806350.2320352402</v>
      </c>
      <c r="AR318" s="53">
        <v>-4640967.3589823702</v>
      </c>
      <c r="AS318" s="53">
        <v>-4819161.1474180697</v>
      </c>
      <c r="AT318" s="53">
        <v>-6110259.1994688204</v>
      </c>
      <c r="AU318" s="53">
        <v>-7439774.6677730298</v>
      </c>
      <c r="AV318" s="53">
        <v>-8451526.8842530902</v>
      </c>
      <c r="AW318" s="53">
        <v>-8836895.7373956591</v>
      </c>
      <c r="AX318" s="53">
        <v>-7487927.5640554698</v>
      </c>
      <c r="AY318" s="53">
        <v>-4941624.9564454602</v>
      </c>
      <c r="AZ318" s="53">
        <v>-4766107.4701088602</v>
      </c>
      <c r="BA318" s="53">
        <v>-79375221.121245503</v>
      </c>
      <c r="BB318" s="53">
        <v>-4147894.9893764998</v>
      </c>
      <c r="BC318" s="53">
        <v>-2575137.2499293098</v>
      </c>
      <c r="BD318" s="53">
        <v>-1708898.7850131399</v>
      </c>
      <c r="BE318" s="53">
        <v>-1609513.43025397</v>
      </c>
      <c r="BF318" s="53">
        <v>-1673702.77324492</v>
      </c>
      <c r="BG318" s="53">
        <v>-2135112.1873636199</v>
      </c>
      <c r="BH318" s="53">
        <v>-2613192.0907011498</v>
      </c>
      <c r="BI318" s="53">
        <v>-2973728.8902048301</v>
      </c>
      <c r="BJ318" s="53">
        <v>-3110576.09768885</v>
      </c>
      <c r="BK318" s="53">
        <v>-2633664.65950411</v>
      </c>
      <c r="BL318" s="53">
        <v>-1733988.0475287</v>
      </c>
      <c r="BM318" s="53">
        <v>-1669495.9225637501</v>
      </c>
      <c r="BN318" s="53">
        <v>-28584905.123372801</v>
      </c>
      <c r="BO318" s="53">
        <v>-1517010.5967834301</v>
      </c>
      <c r="BP318" s="53">
        <v>-1147857.83278352</v>
      </c>
      <c r="BQ318" s="53">
        <v>-771672.90442333301</v>
      </c>
      <c r="BR318" s="53">
        <v>-745278.96837296698</v>
      </c>
      <c r="BS318" s="53">
        <v>-776247.54599512101</v>
      </c>
      <c r="BT318" s="53">
        <v>-994802.208130994</v>
      </c>
      <c r="BU318" s="53">
        <v>-1222934.57549162</v>
      </c>
      <c r="BV318" s="53">
        <v>-1394053.58537337</v>
      </c>
      <c r="BW318" s="53">
        <v>-1459456.78645142</v>
      </c>
      <c r="BX318" s="53">
        <v>-1237048.1918013699</v>
      </c>
      <c r="BY318" s="53">
        <v>-814621.34049397998</v>
      </c>
      <c r="BZ318" s="53">
        <v>-784897.734806236</v>
      </c>
      <c r="CA318" s="53">
        <v>-12865882.2709073</v>
      </c>
      <c r="CB318" s="53">
        <v>-4774.8445468154996</v>
      </c>
      <c r="CC318" s="53">
        <v>-4899.3072571827097</v>
      </c>
      <c r="CD318" s="53">
        <v>-5152.5511271683699</v>
      </c>
      <c r="CE318" s="53">
        <v>-5152.18420576061</v>
      </c>
      <c r="CF318" s="53">
        <v>-4948.5158557833001</v>
      </c>
      <c r="CG318" s="53">
        <v>-4997.2603794286697</v>
      </c>
      <c r="CH318" s="53">
        <v>-5269.3844617682298</v>
      </c>
      <c r="CI318" s="53">
        <v>-5216.0330624859698</v>
      </c>
      <c r="CJ318" s="53">
        <v>-4897.3660563396897</v>
      </c>
      <c r="CK318" s="53">
        <v>-5546.6411330763904</v>
      </c>
      <c r="CL318" s="53">
        <v>-4434.3183804423898</v>
      </c>
      <c r="CM318" s="53">
        <v>-5238.7243684057503</v>
      </c>
      <c r="CN318" s="53">
        <v>-60527.130834657597</v>
      </c>
    </row>
    <row r="319" spans="1:92">
      <c r="A319" s="52" t="s">
        <v>1242</v>
      </c>
      <c r="B319" s="53"/>
      <c r="C319" s="53"/>
      <c r="D319" s="53"/>
      <c r="E319" s="53"/>
      <c r="F319" s="53"/>
      <c r="G319" s="53"/>
      <c r="H319" s="53"/>
      <c r="I319" s="53"/>
      <c r="J319" s="53"/>
      <c r="K319" s="53"/>
      <c r="L319" s="53"/>
      <c r="M319" s="53"/>
      <c r="N319" s="53"/>
      <c r="O319" s="53"/>
      <c r="P319" s="53"/>
      <c r="Q319" s="53"/>
      <c r="R319" s="53"/>
      <c r="S319" s="53"/>
      <c r="T319" s="53"/>
      <c r="U319" s="53"/>
      <c r="V319" s="53"/>
      <c r="W319" s="53"/>
      <c r="X319" s="53"/>
      <c r="Y319" s="53"/>
      <c r="Z319" s="53"/>
      <c r="AA319" s="53"/>
      <c r="AB319" s="53"/>
      <c r="AC319" s="53"/>
      <c r="AD319" s="53"/>
      <c r="AE319" s="53"/>
      <c r="AF319" s="53"/>
      <c r="AG319" s="53"/>
      <c r="AH319" s="53"/>
      <c r="AI319" s="53"/>
      <c r="AJ319" s="53"/>
      <c r="AK319" s="53"/>
      <c r="AL319" s="53"/>
      <c r="AM319" s="53"/>
      <c r="AN319" s="53"/>
      <c r="AO319" s="53"/>
      <c r="AP319" s="53"/>
      <c r="AQ319" s="53"/>
      <c r="AR319" s="53"/>
      <c r="AS319" s="53"/>
      <c r="AT319" s="53"/>
      <c r="AU319" s="53"/>
      <c r="AV319" s="53"/>
      <c r="AW319" s="53"/>
      <c r="AX319" s="53"/>
      <c r="AY319" s="53"/>
      <c r="AZ319" s="53"/>
      <c r="BA319" s="53"/>
      <c r="BB319" s="53"/>
      <c r="BC319" s="53"/>
      <c r="BD319" s="53"/>
      <c r="BE319" s="53"/>
      <c r="BF319" s="53"/>
      <c r="BG319" s="53"/>
      <c r="BH319" s="53"/>
      <c r="BI319" s="53"/>
      <c r="BJ319" s="53"/>
      <c r="BK319" s="53"/>
      <c r="BL319" s="53"/>
      <c r="BM319" s="53"/>
      <c r="BN319" s="53"/>
      <c r="BO319" s="53"/>
      <c r="BP319" s="53"/>
      <c r="BQ319" s="53"/>
      <c r="BR319" s="53"/>
      <c r="BS319" s="53"/>
      <c r="BT319" s="53"/>
      <c r="BU319" s="53"/>
      <c r="BV319" s="53"/>
      <c r="BW319" s="53"/>
      <c r="BX319" s="53"/>
      <c r="BY319" s="53"/>
      <c r="BZ319" s="53"/>
      <c r="CA319" s="53"/>
      <c r="CB319" s="53">
        <v>-661241.90885616501</v>
      </c>
      <c r="CC319" s="53">
        <v>-672281.24921154696</v>
      </c>
      <c r="CD319" s="53">
        <v>-707203.31239734695</v>
      </c>
      <c r="CE319" s="53">
        <v>-733240.87770492304</v>
      </c>
      <c r="CF319" s="53">
        <v>-747945.67525562202</v>
      </c>
      <c r="CG319" s="53">
        <v>-814277.20258438599</v>
      </c>
      <c r="CH319" s="53">
        <v>-877278.14551705495</v>
      </c>
      <c r="CI319" s="53">
        <v>-859141.96889674105</v>
      </c>
      <c r="CJ319" s="53">
        <v>-774428.80439998303</v>
      </c>
      <c r="CK319" s="53">
        <v>-924350.95756512496</v>
      </c>
      <c r="CL319" s="53">
        <v>-690642.25826140295</v>
      </c>
      <c r="CM319" s="53">
        <v>-749239.59220090497</v>
      </c>
      <c r="CN319" s="53">
        <v>-9211271.9528512005</v>
      </c>
    </row>
    <row r="320" spans="1:92">
      <c r="A320" s="52" t="s">
        <v>1261</v>
      </c>
      <c r="B320" s="53">
        <v>-2337549.1405652501</v>
      </c>
      <c r="C320" s="53">
        <v>-2218917.6661985498</v>
      </c>
      <c r="D320" s="53">
        <v>-2230502.2264253702</v>
      </c>
      <c r="E320" s="53">
        <v>-2517981.4379357202</v>
      </c>
      <c r="F320" s="53">
        <v>-2581092.6880697701</v>
      </c>
      <c r="G320" s="53">
        <v>-2824190.9475696399</v>
      </c>
      <c r="H320" s="53">
        <v>-3163936.2317325799</v>
      </c>
      <c r="I320" s="53">
        <v>-3255340.7917396198</v>
      </c>
      <c r="J320" s="53">
        <v>-3053751.7166869398</v>
      </c>
      <c r="K320" s="53">
        <v>-3238599.14451935</v>
      </c>
      <c r="L320" s="53">
        <v>-2354003.2363761598</v>
      </c>
      <c r="M320" s="53">
        <v>-2515695.4846203402</v>
      </c>
      <c r="N320" s="53">
        <v>-32291560.712439299</v>
      </c>
      <c r="O320" s="53">
        <v>-2486034.2084738398</v>
      </c>
      <c r="P320" s="53">
        <v>-2959606.23647267</v>
      </c>
      <c r="Q320" s="53">
        <v>-2327525.4623120199</v>
      </c>
      <c r="R320" s="53">
        <v>-2493940.1110107498</v>
      </c>
      <c r="S320" s="53">
        <v>-2591841.9906231598</v>
      </c>
      <c r="T320" s="53">
        <v>-2877512.0806939802</v>
      </c>
      <c r="U320" s="53">
        <v>-3177788.23526038</v>
      </c>
      <c r="V320" s="53">
        <v>-3430940.1693712398</v>
      </c>
      <c r="W320" s="53">
        <v>-3558145.4847293799</v>
      </c>
      <c r="X320" s="53">
        <v>-3281894.4097151002</v>
      </c>
      <c r="Y320" s="53">
        <v>-2393153.4009179901</v>
      </c>
      <c r="Z320" s="53">
        <v>-2439347.1098225098</v>
      </c>
      <c r="AA320" s="53">
        <v>-34017728.899402998</v>
      </c>
      <c r="AB320" s="53">
        <v>-2447794.0750341001</v>
      </c>
      <c r="AC320" s="53">
        <v>-3142410.2687355801</v>
      </c>
      <c r="AD320" s="53">
        <v>-2467077.4694482102</v>
      </c>
      <c r="AE320" s="53">
        <v>-2621919.9333917401</v>
      </c>
      <c r="AF320" s="53">
        <v>-2742210.66892927</v>
      </c>
      <c r="AG320" s="53">
        <v>-3066972.9793083598</v>
      </c>
      <c r="AH320" s="53">
        <v>-3388041.0424560099</v>
      </c>
      <c r="AI320" s="53">
        <v>-3651929.85085251</v>
      </c>
      <c r="AJ320" s="53">
        <v>-3800742.7845260301</v>
      </c>
      <c r="AK320" s="53">
        <v>-3498311.98478613</v>
      </c>
      <c r="AL320" s="53">
        <v>-2536745.6232369002</v>
      </c>
      <c r="AM320" s="53">
        <v>-2563981.9209291702</v>
      </c>
      <c r="AN320" s="53">
        <v>-35928138.601634003</v>
      </c>
      <c r="AO320" s="53">
        <v>-2528977.18289191</v>
      </c>
      <c r="AP320" s="53">
        <v>-3126341.76203288</v>
      </c>
      <c r="AQ320" s="53">
        <v>-2404881.3672773298</v>
      </c>
      <c r="AR320" s="53">
        <v>-2633935.4540872802</v>
      </c>
      <c r="AS320" s="53">
        <v>-2753708.8592841201</v>
      </c>
      <c r="AT320" s="53">
        <v>-3090906.1002281299</v>
      </c>
      <c r="AU320" s="53">
        <v>-3414804.34200624</v>
      </c>
      <c r="AV320" s="53">
        <v>-3697462.5310392599</v>
      </c>
      <c r="AW320" s="53">
        <v>-3833621.7357944399</v>
      </c>
      <c r="AX320" s="53">
        <v>-3532589.6671153</v>
      </c>
      <c r="AY320" s="53">
        <v>-2534620.3031013799</v>
      </c>
      <c r="AZ320" s="53">
        <v>-2577739.2229218301</v>
      </c>
      <c r="BA320" s="53">
        <v>-36129588.527780101</v>
      </c>
      <c r="BB320" s="53">
        <v>-2548739.78864979</v>
      </c>
      <c r="BC320" s="53">
        <v>-3182571.8152907798</v>
      </c>
      <c r="BD320" s="53">
        <v>-2473514.46622254</v>
      </c>
      <c r="BE320" s="53">
        <v>-2690046.0924523701</v>
      </c>
      <c r="BF320" s="53">
        <v>-2811649.4879589202</v>
      </c>
      <c r="BG320" s="53">
        <v>-3153473.0067084199</v>
      </c>
      <c r="BH320" s="53">
        <v>-3505123.5395779102</v>
      </c>
      <c r="BI320" s="53">
        <v>-3784764.4514512499</v>
      </c>
      <c r="BJ320" s="53">
        <v>-3920346.7178334198</v>
      </c>
      <c r="BK320" s="53">
        <v>-3626967.4551224401</v>
      </c>
      <c r="BL320" s="53">
        <v>-2610457.90460002</v>
      </c>
      <c r="BM320" s="53">
        <v>-2628524.7716669198</v>
      </c>
      <c r="BN320" s="53">
        <v>-36936179.497534797</v>
      </c>
      <c r="BO320" s="53">
        <v>-2636335.3952802601</v>
      </c>
      <c r="BP320" s="53">
        <v>-3369800.2752602799</v>
      </c>
      <c r="BQ320" s="53">
        <v>-2623234.5289457198</v>
      </c>
      <c r="BR320" s="53">
        <v>-2850167.2244483801</v>
      </c>
      <c r="BS320" s="53">
        <v>-2981673.1653986601</v>
      </c>
      <c r="BT320" s="53">
        <v>-3365453.9485931001</v>
      </c>
      <c r="BU320" s="53">
        <v>-3749447.8174417298</v>
      </c>
      <c r="BV320" s="53">
        <v>-4045697.1303476901</v>
      </c>
      <c r="BW320" s="53">
        <v>-4185876.1903130598</v>
      </c>
      <c r="BX320" s="53">
        <v>-3879066.8016813002</v>
      </c>
      <c r="BY320" s="53">
        <v>-2791202.05994335</v>
      </c>
      <c r="BZ320" s="53">
        <v>-2815916.8783363001</v>
      </c>
      <c r="CA320" s="53">
        <v>-39293871.415989801</v>
      </c>
      <c r="CB320" s="53">
        <v>-4251096.5824809596</v>
      </c>
      <c r="CC320" s="53">
        <v>-4386322.7256369898</v>
      </c>
      <c r="CD320" s="53">
        <v>-4048773.8182084002</v>
      </c>
      <c r="CE320" s="53">
        <v>-4115152.27148963</v>
      </c>
      <c r="CF320" s="53">
        <v>-4257974.0254715402</v>
      </c>
      <c r="CG320" s="53">
        <v>-5403229.9791022297</v>
      </c>
      <c r="CH320" s="53">
        <v>-6557883.6589357601</v>
      </c>
      <c r="CI320" s="53">
        <v>-6980761.4355786098</v>
      </c>
      <c r="CJ320" s="53">
        <v>-6477804.9834623002</v>
      </c>
      <c r="CK320" s="53">
        <v>-6497251.7753129303</v>
      </c>
      <c r="CL320" s="53">
        <v>-4347599.7709816098</v>
      </c>
      <c r="CM320" s="53">
        <v>-4368136.2831172301</v>
      </c>
      <c r="CN320" s="53">
        <v>-61691987.309778199</v>
      </c>
    </row>
    <row r="321" spans="1:92">
      <c r="A321" s="52" t="s">
        <v>1262</v>
      </c>
      <c r="B321" s="53">
        <v>-806022.46845556598</v>
      </c>
      <c r="C321" s="53">
        <v>-742862.68838183896</v>
      </c>
      <c r="D321" s="53">
        <v>-790032.63877833402</v>
      </c>
      <c r="E321" s="53">
        <v>-826148.777773323</v>
      </c>
      <c r="F321" s="53">
        <v>-813313.81166521204</v>
      </c>
      <c r="G321" s="53">
        <v>-836230.25247485796</v>
      </c>
      <c r="H321" s="53">
        <v>-899868.69569387601</v>
      </c>
      <c r="I321" s="53">
        <v>-866068.95274355705</v>
      </c>
      <c r="J321" s="53">
        <v>-797196.19583525602</v>
      </c>
      <c r="K321" s="53">
        <v>-914131.73297372996</v>
      </c>
      <c r="L321" s="53">
        <v>-717729.45303928503</v>
      </c>
      <c r="M321" s="53">
        <v>-840702.54743195302</v>
      </c>
      <c r="N321" s="53">
        <v>-9850308.2152467892</v>
      </c>
      <c r="O321" s="53">
        <v>-710406.31187899096</v>
      </c>
      <c r="P321" s="53">
        <v>-627126.97317804105</v>
      </c>
      <c r="Q321" s="53">
        <v>-711748.84376939596</v>
      </c>
      <c r="R321" s="53">
        <v>-827482.54008305795</v>
      </c>
      <c r="S321" s="53">
        <v>-957439.25378920103</v>
      </c>
      <c r="T321" s="53">
        <v>-1031658.49893944</v>
      </c>
      <c r="U321" s="53">
        <v>-908675.09042340296</v>
      </c>
      <c r="V321" s="53">
        <v>-864178.25448958704</v>
      </c>
      <c r="W321" s="53">
        <v>-793697.48151170602</v>
      </c>
      <c r="X321" s="53">
        <v>-854733.18311918702</v>
      </c>
      <c r="Y321" s="53">
        <v>-615522.38908142794</v>
      </c>
      <c r="Z321" s="53">
        <v>-653635.96454024699</v>
      </c>
      <c r="AA321" s="53">
        <v>-9556304.7848036997</v>
      </c>
      <c r="AB321" s="53">
        <v>-626628.40067028801</v>
      </c>
      <c r="AC321" s="53">
        <v>-643939.31469086395</v>
      </c>
      <c r="AD321" s="53">
        <v>-753032.15470209799</v>
      </c>
      <c r="AE321" s="53">
        <v>-876818.56746096595</v>
      </c>
      <c r="AF321" s="53">
        <v>-1015237.63540337</v>
      </c>
      <c r="AG321" s="53">
        <v>-1094028.7231040399</v>
      </c>
      <c r="AH321" s="53">
        <v>-963635.20264583698</v>
      </c>
      <c r="AI321" s="53">
        <v>-916539.39415966196</v>
      </c>
      <c r="AJ321" s="53">
        <v>-841658.16478593298</v>
      </c>
      <c r="AK321" s="53">
        <v>-906989.58766006597</v>
      </c>
      <c r="AL321" s="53">
        <v>-653413.66372228903</v>
      </c>
      <c r="AM321" s="53">
        <v>-694081.558691793</v>
      </c>
      <c r="AN321" s="53">
        <v>-9986002.3676972091</v>
      </c>
      <c r="AO321" s="53">
        <v>-658375.05871495395</v>
      </c>
      <c r="AP321" s="53">
        <v>-649573.92411481997</v>
      </c>
      <c r="AQ321" s="53">
        <v>-751537.26880061498</v>
      </c>
      <c r="AR321" s="53">
        <v>-879380.84212117596</v>
      </c>
      <c r="AS321" s="53">
        <v>-1017542.06138044</v>
      </c>
      <c r="AT321" s="53">
        <v>-1096542.7197398299</v>
      </c>
      <c r="AU321" s="53">
        <v>-966351.29629911901</v>
      </c>
      <c r="AV321" s="53">
        <v>-919194.02202108002</v>
      </c>
      <c r="AW321" s="53">
        <v>-844081.53820379602</v>
      </c>
      <c r="AX321" s="53">
        <v>-909590.16066208098</v>
      </c>
      <c r="AY321" s="53">
        <v>-655422.84834967402</v>
      </c>
      <c r="AZ321" s="53">
        <v>-696380.85458225396</v>
      </c>
      <c r="BA321" s="53">
        <v>-10043972.594989801</v>
      </c>
      <c r="BB321" s="53">
        <v>-662431.40886540897</v>
      </c>
      <c r="BC321" s="53">
        <v>-660553.13669605204</v>
      </c>
      <c r="BD321" s="53">
        <v>-764784.78609799303</v>
      </c>
      <c r="BE321" s="53">
        <v>-895009.034618743</v>
      </c>
      <c r="BF321" s="53">
        <v>-1035049.32274688</v>
      </c>
      <c r="BG321" s="53">
        <v>-1115249.8472971199</v>
      </c>
      <c r="BH321" s="53">
        <v>-983411.98759684898</v>
      </c>
      <c r="BI321" s="53">
        <v>-935636.73887068604</v>
      </c>
      <c r="BJ321" s="53">
        <v>-859310.81277757196</v>
      </c>
      <c r="BK321" s="53">
        <v>-926202.13796492503</v>
      </c>
      <c r="BL321" s="53">
        <v>-667686.90588846104</v>
      </c>
      <c r="BM321" s="53">
        <v>-709779.72625216295</v>
      </c>
      <c r="BN321" s="53">
        <v>-10215105.845672799</v>
      </c>
      <c r="BO321" s="53">
        <v>-681437.025049082</v>
      </c>
      <c r="BP321" s="53">
        <v>-701324.30422257003</v>
      </c>
      <c r="BQ321" s="53">
        <v>-814111.23935651802</v>
      </c>
      <c r="BR321" s="53">
        <v>-953898.76598224603</v>
      </c>
      <c r="BS321" s="53">
        <v>-1102539.93108078</v>
      </c>
      <c r="BT321" s="53">
        <v>-1187973.9661230401</v>
      </c>
      <c r="BU321" s="53">
        <v>-1048613.4072201599</v>
      </c>
      <c r="BV321" s="53">
        <v>-998104.82742197497</v>
      </c>
      <c r="BW321" s="53">
        <v>-916929.27999664203</v>
      </c>
      <c r="BX321" s="53">
        <v>-988708.42673321394</v>
      </c>
      <c r="BY321" s="53">
        <v>-713289.949644765</v>
      </c>
      <c r="BZ321" s="53">
        <v>-758898.04194949998</v>
      </c>
      <c r="CA321" s="53">
        <v>-10865829.164780499</v>
      </c>
      <c r="CB321" s="53"/>
      <c r="CC321" s="53"/>
      <c r="CD321" s="53"/>
      <c r="CE321" s="53"/>
      <c r="CF321" s="53"/>
      <c r="CG321" s="53"/>
      <c r="CH321" s="53"/>
      <c r="CI321" s="53"/>
      <c r="CJ321" s="53"/>
      <c r="CK321" s="53"/>
      <c r="CL321" s="53"/>
      <c r="CM321" s="53"/>
      <c r="CN321" s="53"/>
    </row>
    <row r="322" spans="1:92" outlineLevel="1">
      <c r="A322" s="52" t="s">
        <v>1266</v>
      </c>
      <c r="B322" s="53">
        <v>-5320.5953858314697</v>
      </c>
      <c r="C322" s="53">
        <v>-4928.1158363972299</v>
      </c>
      <c r="D322" s="53">
        <v>-5131.8439762386297</v>
      </c>
      <c r="E322" s="53">
        <v>-5100.1499305464304</v>
      </c>
      <c r="F322" s="53">
        <v>-4898.65726107916</v>
      </c>
      <c r="G322" s="53">
        <v>-4946.8822174191901</v>
      </c>
      <c r="H322" s="53">
        <v>-5216.1159734695402</v>
      </c>
      <c r="I322" s="53">
        <v>-5163.0985565198998</v>
      </c>
      <c r="J322" s="53">
        <v>-4847.4591328397</v>
      </c>
      <c r="K322" s="53">
        <v>-5489.8237175690901</v>
      </c>
      <c r="L322" s="53">
        <v>-4388.7007502818797</v>
      </c>
      <c r="M322" s="53">
        <v>-5184.5623704414102</v>
      </c>
      <c r="N322" s="53">
        <v>-60616.005108633603</v>
      </c>
      <c r="O322" s="53">
        <v>-5233.8502723237798</v>
      </c>
      <c r="P322" s="53">
        <v>-6997.62020447942</v>
      </c>
      <c r="Q322" s="53">
        <v>-7475.2853452786603</v>
      </c>
      <c r="R322" s="53">
        <v>-7526.8511011891796</v>
      </c>
      <c r="S322" s="53">
        <v>-7192.0351999157801</v>
      </c>
      <c r="T322" s="53">
        <v>-7225.7066878042297</v>
      </c>
      <c r="U322" s="53">
        <v>-7582.4436452361997</v>
      </c>
      <c r="V322" s="53">
        <v>-7472.7667806187701</v>
      </c>
      <c r="W322" s="53">
        <v>-6990.3030532662997</v>
      </c>
      <c r="X322" s="53">
        <v>-7885.7449631216496</v>
      </c>
      <c r="Y322" s="53">
        <v>-6286.4080619249798</v>
      </c>
      <c r="Z322" s="53">
        <v>-7404.48978581759</v>
      </c>
      <c r="AA322" s="53">
        <v>-85273.505100976501</v>
      </c>
      <c r="AB322" s="53">
        <v>-6820.7220641425602</v>
      </c>
      <c r="AC322" s="53">
        <v>-7201.8334967041701</v>
      </c>
      <c r="AD322" s="53">
        <v>-7579.30371374263</v>
      </c>
      <c r="AE322" s="53">
        <v>-7576.6209526295897</v>
      </c>
      <c r="AF322" s="53">
        <v>-7265.6122472226698</v>
      </c>
      <c r="AG322" s="53">
        <v>-7326.1530836450702</v>
      </c>
      <c r="AH322" s="53">
        <v>-7714.7363620854103</v>
      </c>
      <c r="AI322" s="53">
        <v>-7627.8652362000303</v>
      </c>
      <c r="AJ322" s="53">
        <v>-7155.40993924141</v>
      </c>
      <c r="AK322" s="53">
        <v>-8096.8871077580898</v>
      </c>
      <c r="AL322" s="53">
        <v>-6469.4477839013998</v>
      </c>
      <c r="AM322" s="53">
        <v>-7638.9585015576404</v>
      </c>
      <c r="AN322" s="53">
        <v>-88473.550488830704</v>
      </c>
      <c r="AO322" s="53">
        <v>-6971.7531608404997</v>
      </c>
      <c r="AP322" s="53">
        <v>-7110.5672638795104</v>
      </c>
      <c r="AQ322" s="53">
        <v>-7472.8721868011899</v>
      </c>
      <c r="AR322" s="53">
        <v>-7469.3783508241504</v>
      </c>
      <c r="AS322" s="53">
        <v>-7174.3129441848596</v>
      </c>
      <c r="AT322" s="53">
        <v>-7245.7948752909797</v>
      </c>
      <c r="AU322" s="53">
        <v>-7641.9088086369702</v>
      </c>
      <c r="AV322" s="53">
        <v>-7566.6740567960296</v>
      </c>
      <c r="AW322" s="53">
        <v>-7106.7221773375004</v>
      </c>
      <c r="AX322" s="53">
        <v>-8052.5685077799799</v>
      </c>
      <c r="AY322" s="53">
        <v>-6440.3925509435703</v>
      </c>
      <c r="AZ322" s="53">
        <v>-7612.7519111254896</v>
      </c>
      <c r="BA322" s="53">
        <v>-87865.696794440795</v>
      </c>
      <c r="BB322" s="53">
        <v>-6976.4331486992996</v>
      </c>
      <c r="BC322" s="53">
        <v>-7194.7904575196799</v>
      </c>
      <c r="BD322" s="53">
        <v>-7574.8889495805397</v>
      </c>
      <c r="BE322" s="53">
        <v>-7581.95660595343</v>
      </c>
      <c r="BF322" s="53">
        <v>-7287.3787008938598</v>
      </c>
      <c r="BG322" s="53">
        <v>-7364.9709536099999</v>
      </c>
      <c r="BH322" s="53">
        <v>-7772.6144725563099</v>
      </c>
      <c r="BI322" s="53">
        <v>-7700.64380218722</v>
      </c>
      <c r="BJ322" s="53">
        <v>-7236.2038499334103</v>
      </c>
      <c r="BK322" s="53">
        <v>-8203.7856786772209</v>
      </c>
      <c r="BL322" s="53">
        <v>-6563.96414236501</v>
      </c>
      <c r="BM322" s="53">
        <v>-7762.1783754129101</v>
      </c>
      <c r="BN322" s="53">
        <v>-89219.809137388904</v>
      </c>
      <c r="BO322" s="53">
        <v>-7185.9931659256099</v>
      </c>
      <c r="BP322" s="53">
        <v>-7645.4530318862999</v>
      </c>
      <c r="BQ322" s="53">
        <v>-8074.51864118102</v>
      </c>
      <c r="BR322" s="53">
        <v>-8098.4761704932098</v>
      </c>
      <c r="BS322" s="53">
        <v>-7785.9119860419596</v>
      </c>
      <c r="BT322" s="53">
        <v>-7870.8734393000896</v>
      </c>
      <c r="BU322" s="53">
        <v>-8308.5872475038705</v>
      </c>
      <c r="BV322" s="53">
        <v>-8233.5186977528301</v>
      </c>
      <c r="BW322" s="53">
        <v>-7738.4224670528502</v>
      </c>
      <c r="BX322" s="53">
        <v>-8774.9587594582699</v>
      </c>
      <c r="BY322" s="53">
        <v>-7022.0286535394098</v>
      </c>
      <c r="BZ322" s="53">
        <v>-8305.1658265559399</v>
      </c>
      <c r="CA322" s="53">
        <v>-95043.908086691299</v>
      </c>
      <c r="CB322" s="53">
        <v>-228163.20949341601</v>
      </c>
      <c r="CC322" s="53">
        <v>-223159.534086789</v>
      </c>
      <c r="CD322" s="53">
        <v>-225493.30535113299</v>
      </c>
      <c r="CE322" s="53">
        <v>-248499.32371231599</v>
      </c>
      <c r="CF322" s="53">
        <v>-256141.12570598</v>
      </c>
      <c r="CG322" s="53">
        <v>-290612.88832818798</v>
      </c>
      <c r="CH322" s="53">
        <v>-323433.66252550599</v>
      </c>
      <c r="CI322" s="53">
        <v>-334830.69396513799</v>
      </c>
      <c r="CJ322" s="53">
        <v>-312144.67687948397</v>
      </c>
      <c r="CK322" s="53">
        <v>-332856.03036494902</v>
      </c>
      <c r="CL322" s="53">
        <v>-244029.48526428299</v>
      </c>
      <c r="CM322" s="53">
        <v>-253030.30621653001</v>
      </c>
      <c r="CN322" s="53">
        <v>-3272394.2418937101</v>
      </c>
    </row>
    <row r="323" spans="1:92" outlineLevel="1">
      <c r="A323" s="52" t="s">
        <v>1263</v>
      </c>
      <c r="B323" s="53">
        <v>-698249.64237701404</v>
      </c>
      <c r="C323" s="53">
        <v>-657743.00225386606</v>
      </c>
      <c r="D323" s="53">
        <v>-685674.36984767602</v>
      </c>
      <c r="E323" s="53">
        <v>-707109.813318701</v>
      </c>
      <c r="F323" s="53">
        <v>-721672.00980035705</v>
      </c>
      <c r="G323" s="53">
        <v>-786504.56867160997</v>
      </c>
      <c r="H323" s="53">
        <v>-835862.30472561799</v>
      </c>
      <c r="I323" s="53">
        <v>-804551.20983649604</v>
      </c>
      <c r="J323" s="53">
        <v>-781279.10834359506</v>
      </c>
      <c r="K323" s="53">
        <v>-895461.07596664596</v>
      </c>
      <c r="L323" s="53">
        <v>-667752.45864628104</v>
      </c>
      <c r="M323" s="53">
        <v>-721834.88732115296</v>
      </c>
      <c r="N323" s="53">
        <v>-8963694.4511090107</v>
      </c>
      <c r="O323" s="53">
        <v>-656958.94270147395</v>
      </c>
      <c r="P323" s="53">
        <v>-700423.51888032199</v>
      </c>
      <c r="Q323" s="53">
        <v>-680707.43975731102</v>
      </c>
      <c r="R323" s="53">
        <v>-707055.39842219802</v>
      </c>
      <c r="S323" s="53">
        <v>-727470.60828319204</v>
      </c>
      <c r="T323" s="53">
        <v>-791116.23035622702</v>
      </c>
      <c r="U323" s="53">
        <v>-848273.97645796405</v>
      </c>
      <c r="V323" s="53">
        <v>-850113.52981905802</v>
      </c>
      <c r="W323" s="53">
        <v>-786057.44354148197</v>
      </c>
      <c r="X323" s="53">
        <v>-902842.85981112299</v>
      </c>
      <c r="Y323" s="53">
        <v>-671047.96374277899</v>
      </c>
      <c r="Z323" s="53">
        <v>-716351.31620421004</v>
      </c>
      <c r="AA323" s="53">
        <v>-9038419.2279773392</v>
      </c>
      <c r="AB323" s="53">
        <v>-656701.48886836204</v>
      </c>
      <c r="AC323" s="53">
        <v>-732531.45927340095</v>
      </c>
      <c r="AD323" s="53">
        <v>-714850.26346978301</v>
      </c>
      <c r="AE323" s="53">
        <v>-744120.012819533</v>
      </c>
      <c r="AF323" s="53">
        <v>-765688.93730288197</v>
      </c>
      <c r="AG323" s="53">
        <v>-832674.68391133496</v>
      </c>
      <c r="AH323" s="53">
        <v>-892761.09809465997</v>
      </c>
      <c r="AI323" s="53">
        <v>-894611.12014784</v>
      </c>
      <c r="AJ323" s="53">
        <v>-827091.89960821404</v>
      </c>
      <c r="AK323" s="53">
        <v>-950108.62006018299</v>
      </c>
      <c r="AL323" s="53">
        <v>-706114.32098910795</v>
      </c>
      <c r="AM323" s="53">
        <v>-753552.426306232</v>
      </c>
      <c r="AN323" s="53">
        <v>-9470806.33085154</v>
      </c>
      <c r="AO323" s="53">
        <v>-681885.72599342396</v>
      </c>
      <c r="AP323" s="53">
        <v>-733239.50351146795</v>
      </c>
      <c r="AQ323" s="53">
        <v>-712995.29909788095</v>
      </c>
      <c r="AR323" s="53">
        <v>-741603.03946579399</v>
      </c>
      <c r="AS323" s="53">
        <v>-763279.27763020899</v>
      </c>
      <c r="AT323" s="53">
        <v>-830144.99557244102</v>
      </c>
      <c r="AU323" s="53">
        <v>-889948.57936479396</v>
      </c>
      <c r="AV323" s="53">
        <v>-891677.88135137095</v>
      </c>
      <c r="AW323" s="53">
        <v>-824234.27029971301</v>
      </c>
      <c r="AX323" s="53">
        <v>-947063.731214019</v>
      </c>
      <c r="AY323" s="53">
        <v>-703782.20107529999</v>
      </c>
      <c r="AZ323" s="53">
        <v>-750737.69786185399</v>
      </c>
      <c r="BA323" s="53">
        <v>-9470592.2024382707</v>
      </c>
      <c r="BB323" s="53">
        <v>-681536.44232300797</v>
      </c>
      <c r="BC323" s="53">
        <v>-740926.01278707595</v>
      </c>
      <c r="BD323" s="53">
        <v>-721164.99362916197</v>
      </c>
      <c r="BE323" s="53">
        <v>-750823.98165057797</v>
      </c>
      <c r="BF323" s="53">
        <v>-772887.10132019501</v>
      </c>
      <c r="BG323" s="53">
        <v>-840635.855155661</v>
      </c>
      <c r="BH323" s="53">
        <v>-901119.86281423597</v>
      </c>
      <c r="BI323" s="53">
        <v>-902782.77574070101</v>
      </c>
      <c r="BJ323" s="53">
        <v>-834391.355133723</v>
      </c>
      <c r="BK323" s="53">
        <v>-958896.97023216495</v>
      </c>
      <c r="BL323" s="53">
        <v>-712523.05312237598</v>
      </c>
      <c r="BM323" s="53">
        <v>-759828.06718840799</v>
      </c>
      <c r="BN323" s="53">
        <v>-9577516.4710972905</v>
      </c>
      <c r="BO323" s="53">
        <v>-696962.09103024798</v>
      </c>
      <c r="BP323" s="53">
        <v>-781139.81536551297</v>
      </c>
      <c r="BQ323" s="53">
        <v>-762239.34656018903</v>
      </c>
      <c r="BR323" s="53">
        <v>-795186.971481057</v>
      </c>
      <c r="BS323" s="53">
        <v>-818662.19458322204</v>
      </c>
      <c r="BT323" s="53">
        <v>-890454.39840081695</v>
      </c>
      <c r="BU323" s="53">
        <v>-954430.27907757403</v>
      </c>
      <c r="BV323" s="53">
        <v>-956086.48919035902</v>
      </c>
      <c r="BW323" s="53">
        <v>-883527.08590875601</v>
      </c>
      <c r="BX323" s="53">
        <v>-1015512.65350194</v>
      </c>
      <c r="BY323" s="53">
        <v>-754512.74733728403</v>
      </c>
      <c r="BZ323" s="53">
        <v>-804330.17648080899</v>
      </c>
      <c r="CA323" s="53">
        <v>-10113044.248917701</v>
      </c>
      <c r="CB323" s="53">
        <v>-77210.192203910396</v>
      </c>
      <c r="CC323" s="53">
        <v>-76276.129424501298</v>
      </c>
      <c r="CD323" s="53">
        <v>-81878.1608937126</v>
      </c>
      <c r="CE323" s="53">
        <v>-85684.581569495596</v>
      </c>
      <c r="CF323" s="53">
        <v>-82506.022592719906</v>
      </c>
      <c r="CG323" s="53">
        <v>-85396.062837777004</v>
      </c>
      <c r="CH323" s="53">
        <v>-91337.046157741599</v>
      </c>
      <c r="CI323" s="53">
        <v>-90432.782675920898</v>
      </c>
      <c r="CJ323" s="53">
        <v>-85598.873074935007</v>
      </c>
      <c r="CK323" s="53">
        <v>-94652.376034760193</v>
      </c>
      <c r="CL323" s="53">
        <v>-74445.2608688521</v>
      </c>
      <c r="CM323" s="53">
        <v>-86269.641201762497</v>
      </c>
      <c r="CN323" s="53">
        <v>-1011687.1295360801</v>
      </c>
    </row>
    <row r="324" spans="1:92" outlineLevel="1">
      <c r="A324" s="52" t="s">
        <v>1264</v>
      </c>
      <c r="B324" s="53">
        <v>-4415242.6689480403</v>
      </c>
      <c r="C324" s="53">
        <v>-4265237.5950375404</v>
      </c>
      <c r="D324" s="53">
        <v>-4014689.8766712099</v>
      </c>
      <c r="E324" s="53">
        <v>-4102120.7673491598</v>
      </c>
      <c r="F324" s="53">
        <v>-4243654.6993559096</v>
      </c>
      <c r="G324" s="53">
        <v>-5134809.6843630197</v>
      </c>
      <c r="H324" s="53">
        <v>-6084517.7848978098</v>
      </c>
      <c r="I324" s="53">
        <v>-6461425.0971450498</v>
      </c>
      <c r="J324" s="53">
        <v>-5967500.48098124</v>
      </c>
      <c r="K324" s="53">
        <v>-6060304.9155294299</v>
      </c>
      <c r="L324" s="53">
        <v>-4152771.7023582198</v>
      </c>
      <c r="M324" s="53">
        <v>-4299886.8271321896</v>
      </c>
      <c r="N324" s="53">
        <v>-59202162.099768803</v>
      </c>
      <c r="O324" s="53">
        <v>-4465909.9663504297</v>
      </c>
      <c r="P324" s="53">
        <v>-5417044.3668747302</v>
      </c>
      <c r="Q324" s="53">
        <v>-3808163.3659261502</v>
      </c>
      <c r="R324" s="53">
        <v>-3885204.0389528498</v>
      </c>
      <c r="S324" s="53">
        <v>-4016980.6385392998</v>
      </c>
      <c r="T324" s="53">
        <v>-5005311.4638165496</v>
      </c>
      <c r="U324" s="53">
        <v>-6017827.2620636299</v>
      </c>
      <c r="V324" s="53">
        <v>-6821969.95542059</v>
      </c>
      <c r="W324" s="53">
        <v>-7157309.3893394303</v>
      </c>
      <c r="X324" s="53">
        <v>-6056117.5273316503</v>
      </c>
      <c r="Y324" s="53">
        <v>-4029487.88986554</v>
      </c>
      <c r="Z324" s="53">
        <v>-3915806.8075098302</v>
      </c>
      <c r="AA324" s="53">
        <v>-60597132.6719907</v>
      </c>
      <c r="AB324" s="53">
        <v>-4307870.3777198596</v>
      </c>
      <c r="AC324" s="53">
        <v>-5734517.4289958198</v>
      </c>
      <c r="AD324" s="53">
        <v>-4116885.7218252802</v>
      </c>
      <c r="AE324" s="53">
        <v>-4148945.07952367</v>
      </c>
      <c r="AF324" s="53">
        <v>-4300146.3121756501</v>
      </c>
      <c r="AG324" s="53">
        <v>-5413787.5146691296</v>
      </c>
      <c r="AH324" s="53">
        <v>-6558693.6257624803</v>
      </c>
      <c r="AI324" s="53">
        <v>-7438444.0182202198</v>
      </c>
      <c r="AJ324" s="53">
        <v>-7775476.3233915502</v>
      </c>
      <c r="AK324" s="53">
        <v>-6592227.6099494305</v>
      </c>
      <c r="AL324" s="53">
        <v>-4360491.0450462503</v>
      </c>
      <c r="AM324" s="53">
        <v>-4212314.6704794997</v>
      </c>
      <c r="AN324" s="53">
        <v>-64959799.727758802</v>
      </c>
      <c r="AO324" s="53">
        <v>-4532362.8902036697</v>
      </c>
      <c r="AP324" s="53">
        <v>-5729486.3085939297</v>
      </c>
      <c r="AQ324" s="53">
        <v>-4010683.77608656</v>
      </c>
      <c r="AR324" s="53">
        <v>-4091916.13611153</v>
      </c>
      <c r="AS324" s="53">
        <v>-4249028.6477614203</v>
      </c>
      <c r="AT324" s="53">
        <v>-5387382.9053632403</v>
      </c>
      <c r="AU324" s="53">
        <v>-6559609.59371401</v>
      </c>
      <c r="AV324" s="53">
        <v>-7451666.11989245</v>
      </c>
      <c r="AW324" s="53">
        <v>-7791443.7797109</v>
      </c>
      <c r="AX324" s="53">
        <v>-6602065.7452138104</v>
      </c>
      <c r="AY324" s="53">
        <v>-4357004.3341835598</v>
      </c>
      <c r="AZ324" s="53">
        <v>-4202251.5038021104</v>
      </c>
      <c r="BA324" s="53">
        <v>-64964901.740637198</v>
      </c>
      <c r="BB324" s="53">
        <v>-4545132.6072183801</v>
      </c>
      <c r="BC324" s="53">
        <v>-5786379.8482276797</v>
      </c>
      <c r="BD324" s="53">
        <v>-4027692.5694319098</v>
      </c>
      <c r="BE324" s="53">
        <v>-4095944.6561264801</v>
      </c>
      <c r="BF324" s="53">
        <v>-4259295.8848034404</v>
      </c>
      <c r="BG324" s="53">
        <v>-5433506.2943107197</v>
      </c>
      <c r="BH324" s="53">
        <v>-6650140.3331878204</v>
      </c>
      <c r="BI324" s="53">
        <v>-7567646.6736170603</v>
      </c>
      <c r="BJ324" s="53">
        <v>-7915900.11323673</v>
      </c>
      <c r="BK324" s="53">
        <v>-6702239.6243210398</v>
      </c>
      <c r="BL324" s="53">
        <v>-4412711.9063192299</v>
      </c>
      <c r="BM324" s="53">
        <v>-4248590.14775101</v>
      </c>
      <c r="BN324" s="53">
        <v>-65645180.658551499</v>
      </c>
      <c r="BO324" s="53">
        <v>-4663738.2432803595</v>
      </c>
      <c r="BP324" s="53">
        <v>-6099526.9942900101</v>
      </c>
      <c r="BQ324" s="53">
        <v>-4232344.5131007796</v>
      </c>
      <c r="BR324" s="53">
        <v>-4298480.2091013398</v>
      </c>
      <c r="BS324" s="53">
        <v>-4477094.9609753396</v>
      </c>
      <c r="BT324" s="53">
        <v>-5737633.5373540903</v>
      </c>
      <c r="BU324" s="53">
        <v>-7053412.6050177496</v>
      </c>
      <c r="BV324" s="53">
        <v>-8040360.7259119796</v>
      </c>
      <c r="BW324" s="53">
        <v>-8417581.0385415498</v>
      </c>
      <c r="BX324" s="53">
        <v>-7134814.4732587403</v>
      </c>
      <c r="BY324" s="53">
        <v>-4698420.1334293196</v>
      </c>
      <c r="BZ324" s="53">
        <v>-4526985.8971045902</v>
      </c>
      <c r="CA324" s="53">
        <v>-69380393.331365898</v>
      </c>
      <c r="CB324" s="53">
        <v>-477.845826307599</v>
      </c>
      <c r="CC324" s="53">
        <v>-483.25258847438499</v>
      </c>
      <c r="CD324" s="53">
        <v>-507.54556852345797</v>
      </c>
      <c r="CE324" s="53">
        <v>-507.088359244115</v>
      </c>
      <c r="CF324" s="53">
        <v>-487.04290952892899</v>
      </c>
      <c r="CG324" s="53">
        <v>-491.84044384259403</v>
      </c>
      <c r="CH324" s="53">
        <v>-518.62344478229204</v>
      </c>
      <c r="CI324" s="53">
        <v>-513.37249247837997</v>
      </c>
      <c r="CJ324" s="53">
        <v>-482.008643120805</v>
      </c>
      <c r="CK324" s="53">
        <v>-545.91160547847596</v>
      </c>
      <c r="CL324" s="53">
        <v>-436.43455709336303</v>
      </c>
      <c r="CM324" s="53">
        <v>-515.60581656549198</v>
      </c>
      <c r="CN324" s="53">
        <v>-5966.5722554398899</v>
      </c>
    </row>
    <row r="325" spans="1:92" outlineLevel="1">
      <c r="A325" s="52" t="s">
        <v>1243</v>
      </c>
      <c r="B325" s="53"/>
      <c r="C325" s="53"/>
      <c r="D325" s="53"/>
      <c r="E325" s="53"/>
      <c r="F325" s="53"/>
      <c r="G325" s="53"/>
      <c r="H325" s="53"/>
      <c r="I325" s="53"/>
      <c r="J325" s="53"/>
      <c r="K325" s="53"/>
      <c r="L325" s="53"/>
      <c r="M325" s="53"/>
      <c r="N325" s="53"/>
      <c r="O325" s="53"/>
      <c r="P325" s="53"/>
      <c r="Q325" s="53"/>
      <c r="R325" s="53"/>
      <c r="S325" s="53"/>
      <c r="T325" s="53"/>
      <c r="U325" s="53"/>
      <c r="V325" s="53"/>
      <c r="W325" s="53"/>
      <c r="X325" s="53"/>
      <c r="Y325" s="53"/>
      <c r="Z325" s="53"/>
      <c r="AA325" s="53"/>
      <c r="AB325" s="53"/>
      <c r="AC325" s="53"/>
      <c r="AD325" s="53"/>
      <c r="AE325" s="53"/>
      <c r="AF325" s="53"/>
      <c r="AG325" s="53"/>
      <c r="AH325" s="53"/>
      <c r="AI325" s="53"/>
      <c r="AJ325" s="53"/>
      <c r="AK325" s="53"/>
      <c r="AL325" s="53"/>
      <c r="AM325" s="53"/>
      <c r="AN325" s="53"/>
      <c r="AO325" s="53"/>
      <c r="AP325" s="53"/>
      <c r="AQ325" s="53"/>
      <c r="AR325" s="53"/>
      <c r="AS325" s="53"/>
      <c r="AT325" s="53"/>
      <c r="AU325" s="53"/>
      <c r="AV325" s="53"/>
      <c r="AW325" s="53"/>
      <c r="AX325" s="53"/>
      <c r="AY325" s="53"/>
      <c r="AZ325" s="53"/>
      <c r="BA325" s="53"/>
      <c r="BB325" s="53"/>
      <c r="BC325" s="53"/>
      <c r="BD325" s="53"/>
      <c r="BE325" s="53"/>
      <c r="BF325" s="53"/>
      <c r="BG325" s="53"/>
      <c r="BH325" s="53"/>
      <c r="BI325" s="53"/>
      <c r="BJ325" s="53"/>
      <c r="BK325" s="53"/>
      <c r="BL325" s="53"/>
      <c r="BM325" s="53"/>
      <c r="BN325" s="53"/>
      <c r="BO325" s="53"/>
      <c r="BP325" s="53"/>
      <c r="BQ325" s="53"/>
      <c r="BR325" s="53"/>
      <c r="BS325" s="53"/>
      <c r="BT325" s="53"/>
      <c r="BU325" s="53"/>
      <c r="BV325" s="53"/>
      <c r="BW325" s="53"/>
      <c r="BX325" s="53"/>
      <c r="BY325" s="53"/>
      <c r="BZ325" s="53"/>
      <c r="CA325" s="53"/>
      <c r="CB325" s="53">
        <v>-66177.015083783699</v>
      </c>
      <c r="CC325" s="53">
        <v>-66313.690284731405</v>
      </c>
      <c r="CD325" s="53">
        <v>-69662.389877846406</v>
      </c>
      <c r="CE325" s="53">
        <v>-72167.045811440097</v>
      </c>
      <c r="CF325" s="53">
        <v>-73614.321639556496</v>
      </c>
      <c r="CG325" s="53">
        <v>-80142.804321074596</v>
      </c>
      <c r="CH325" s="53">
        <v>-86343.484169989795</v>
      </c>
      <c r="CI325" s="53">
        <v>-84558.485094243704</v>
      </c>
      <c r="CJ325" s="53">
        <v>-76220.844614889793</v>
      </c>
      <c r="CK325" s="53">
        <v>-90976.485257135297</v>
      </c>
      <c r="CL325" s="53">
        <v>-67974.403782933601</v>
      </c>
      <c r="CM325" s="53">
        <v>-73741.671554578599</v>
      </c>
      <c r="CN325" s="53">
        <v>-907892.64149220404</v>
      </c>
    </row>
    <row r="326" spans="1:92" outlineLevel="1">
      <c r="A326" s="52" t="s">
        <v>1261</v>
      </c>
      <c r="B326" s="53">
        <v>-641844.33219154505</v>
      </c>
      <c r="C326" s="53">
        <v>-271284.30152495898</v>
      </c>
      <c r="D326" s="53">
        <v>-239425.401424638</v>
      </c>
      <c r="E326" s="53">
        <v>-245541.83282484199</v>
      </c>
      <c r="F326" s="53">
        <v>-251696.148260338</v>
      </c>
      <c r="G326" s="53">
        <v>-275401.95930994698</v>
      </c>
      <c r="H326" s="53">
        <v>-308532.33847404202</v>
      </c>
      <c r="I326" s="53">
        <v>-317445.68583019997</v>
      </c>
      <c r="J326" s="53">
        <v>-297787.65729187999</v>
      </c>
      <c r="K326" s="53">
        <v>-315813.11829771497</v>
      </c>
      <c r="L326" s="53">
        <v>-229551.44165370401</v>
      </c>
      <c r="M326" s="53">
        <v>-245318.91729482499</v>
      </c>
      <c r="N326" s="53">
        <v>-3639643.1343786302</v>
      </c>
      <c r="O326" s="53">
        <v>-228609.48848005201</v>
      </c>
      <c r="P326" s="53">
        <v>-232752.337387926</v>
      </c>
      <c r="Q326" s="53">
        <v>-181159.20546044601</v>
      </c>
      <c r="R326" s="53">
        <v>-191992.313502</v>
      </c>
      <c r="S326" s="53">
        <v>-199529.14579399899</v>
      </c>
      <c r="T326" s="53">
        <v>-221521.03776000001</v>
      </c>
      <c r="U326" s="53">
        <v>-244637.35613114201</v>
      </c>
      <c r="V326" s="53">
        <v>-264125.88566032599</v>
      </c>
      <c r="W326" s="53">
        <v>-273918.59987889702</v>
      </c>
      <c r="X326" s="53">
        <v>-252651.81694163199</v>
      </c>
      <c r="Y326" s="53">
        <v>-184233.39677599899</v>
      </c>
      <c r="Z326" s="53">
        <v>-187789.55155399899</v>
      </c>
      <c r="AA326" s="53">
        <v>-2662920.13532642</v>
      </c>
      <c r="AB326" s="53">
        <v>-186422.75148277401</v>
      </c>
      <c r="AC326" s="53">
        <v>-233762.721099057</v>
      </c>
      <c r="AD326" s="53">
        <v>-183277.71910194901</v>
      </c>
      <c r="AE326" s="53">
        <v>-194509.530623022</v>
      </c>
      <c r="AF326" s="53">
        <v>-203433.40896488901</v>
      </c>
      <c r="AG326" s="53">
        <v>-227526.19827984201</v>
      </c>
      <c r="AH326" s="53">
        <v>-251344.92648185301</v>
      </c>
      <c r="AI326" s="53">
        <v>-270921.75932261499</v>
      </c>
      <c r="AJ326" s="53">
        <v>-281961.583045237</v>
      </c>
      <c r="AK326" s="53">
        <v>-259525.47729151999</v>
      </c>
      <c r="AL326" s="53">
        <v>-188190.79644721301</v>
      </c>
      <c r="AM326" s="53">
        <v>-190211.34612631</v>
      </c>
      <c r="AN326" s="53">
        <v>-2671088.2182662799</v>
      </c>
      <c r="AO326" s="53">
        <v>-198846.10617417801</v>
      </c>
      <c r="AP326" s="53">
        <v>-277092.26751651702</v>
      </c>
      <c r="AQ326" s="53">
        <v>-214540.07437764801</v>
      </c>
      <c r="AR326" s="53">
        <v>-236613.18243749099</v>
      </c>
      <c r="AS326" s="53">
        <v>-247372.73485211999</v>
      </c>
      <c r="AT326" s="53">
        <v>-277664.02849984198</v>
      </c>
      <c r="AU326" s="53">
        <v>-306760.63891757198</v>
      </c>
      <c r="AV326" s="53">
        <v>-332152.54954519903</v>
      </c>
      <c r="AW326" s="53">
        <v>-344384.08039204899</v>
      </c>
      <c r="AX326" s="53">
        <v>-317341.59699505399</v>
      </c>
      <c r="AY326" s="53">
        <v>-227691.447509413</v>
      </c>
      <c r="AZ326" s="53">
        <v>-231564.93075143901</v>
      </c>
      <c r="BA326" s="53">
        <v>-3212023.6379685202</v>
      </c>
      <c r="BB326" s="53">
        <v>-227904.828075489</v>
      </c>
      <c r="BC326" s="53">
        <v>-281647.15504496102</v>
      </c>
      <c r="BD326" s="53">
        <v>-218765.76722231999</v>
      </c>
      <c r="BE326" s="53">
        <v>-237765.487170237</v>
      </c>
      <c r="BF326" s="53">
        <v>-248513.66381125999</v>
      </c>
      <c r="BG326" s="53">
        <v>-278726.46785567899</v>
      </c>
      <c r="BH326" s="53">
        <v>-309807.853596979</v>
      </c>
      <c r="BI326" s="53">
        <v>-334524.51470953302</v>
      </c>
      <c r="BJ326" s="53">
        <v>-346508.24380192597</v>
      </c>
      <c r="BK326" s="53">
        <v>-320577.28911686101</v>
      </c>
      <c r="BL326" s="53">
        <v>-230730.91467320701</v>
      </c>
      <c r="BM326" s="53">
        <v>-232327.79342627199</v>
      </c>
      <c r="BN326" s="53">
        <v>-3267799.9785047201</v>
      </c>
      <c r="BO326" s="53">
        <v>-228865.64377361201</v>
      </c>
      <c r="BP326" s="53">
        <v>-281111.49328955798</v>
      </c>
      <c r="BQ326" s="53">
        <v>-218332.30163449899</v>
      </c>
      <c r="BR326" s="53">
        <v>-236647.534902004</v>
      </c>
      <c r="BS326" s="53">
        <v>-247566.38783242201</v>
      </c>
      <c r="BT326" s="53">
        <v>-279431.45718929201</v>
      </c>
      <c r="BU326" s="53">
        <v>-311314.218909738</v>
      </c>
      <c r="BV326" s="53">
        <v>-335911.60709603201</v>
      </c>
      <c r="BW326" s="53">
        <v>-347550.58346946299</v>
      </c>
      <c r="BX326" s="53">
        <v>-322076.39904909203</v>
      </c>
      <c r="BY326" s="53">
        <v>-231751.69556124101</v>
      </c>
      <c r="BZ326" s="53">
        <v>-233803.75089261701</v>
      </c>
      <c r="CA326" s="53">
        <v>-3274363.07359957</v>
      </c>
      <c r="CB326" s="53">
        <v>-425336.19150545198</v>
      </c>
      <c r="CC326" s="53">
        <v>-432592.182954185</v>
      </c>
      <c r="CD326" s="53">
        <v>-398860.46391308698</v>
      </c>
      <c r="CE326" s="53">
        <v>-405021.58503110101</v>
      </c>
      <c r="CF326" s="53">
        <v>-419078.39006731799</v>
      </c>
      <c r="CG326" s="53">
        <v>-531796.79050645803</v>
      </c>
      <c r="CH326" s="53">
        <v>-645440.13410960604</v>
      </c>
      <c r="CI326" s="53">
        <v>-687060.61764722201</v>
      </c>
      <c r="CJ326" s="53">
        <v>-637558.62938567298</v>
      </c>
      <c r="CK326" s="53">
        <v>-639472.62185532704</v>
      </c>
      <c r="CL326" s="53">
        <v>-427899.53667653998</v>
      </c>
      <c r="CM326" s="53">
        <v>-429920.78161413397</v>
      </c>
      <c r="CN326" s="53">
        <v>-6080037.9252661001</v>
      </c>
    </row>
    <row r="327" spans="1:92">
      <c r="A327" s="52" t="s">
        <v>1262</v>
      </c>
      <c r="B327" s="53">
        <v>-223300.05624002399</v>
      </c>
      <c r="C327" s="53">
        <v>-91840.449261874397</v>
      </c>
      <c r="D327" s="53">
        <v>-84743.455827216705</v>
      </c>
      <c r="E327" s="53">
        <v>-80562.184464221893</v>
      </c>
      <c r="F327" s="53">
        <v>-79310.578294712599</v>
      </c>
      <c r="G327" s="53">
        <v>-81545.282964670594</v>
      </c>
      <c r="H327" s="53">
        <v>-87751.007816608893</v>
      </c>
      <c r="I327" s="53">
        <v>-84455.014165506494</v>
      </c>
      <c r="J327" s="53">
        <v>-77738.863399586699</v>
      </c>
      <c r="K327" s="53">
        <v>-89141.872841498</v>
      </c>
      <c r="L327" s="53">
        <v>-69989.636427230798</v>
      </c>
      <c r="M327" s="53">
        <v>-81981.400357814899</v>
      </c>
      <c r="N327" s="53">
        <v>-1132359.8020609601</v>
      </c>
      <c r="O327" s="53">
        <v>-66741.044804616293</v>
      </c>
      <c r="P327" s="53">
        <v>-49907.974486549901</v>
      </c>
      <c r="Q327" s="53">
        <v>-55432.009567983703</v>
      </c>
      <c r="R327" s="53">
        <v>-63702.526997999899</v>
      </c>
      <c r="S327" s="53">
        <v>-73707.053574000005</v>
      </c>
      <c r="T327" s="53">
        <v>-79420.713063999996</v>
      </c>
      <c r="U327" s="53">
        <v>-69953.016137714207</v>
      </c>
      <c r="V327" s="53">
        <v>-66527.492631061206</v>
      </c>
      <c r="W327" s="53">
        <v>-61101.633925918301</v>
      </c>
      <c r="X327" s="53">
        <v>-65800.377695306102</v>
      </c>
      <c r="Y327" s="53">
        <v>-47385.086342000002</v>
      </c>
      <c r="Z327" s="53">
        <v>-50319.203923999899</v>
      </c>
      <c r="AA327" s="53">
        <v>-749998.13315114996</v>
      </c>
      <c r="AB327" s="53">
        <v>-47875.4612356691</v>
      </c>
      <c r="AC327" s="53">
        <v>-47949.978434013603</v>
      </c>
      <c r="AD327" s="53">
        <v>-55938.785628829901</v>
      </c>
      <c r="AE327" s="53">
        <v>-65047.588153372199</v>
      </c>
      <c r="AF327" s="53">
        <v>-75316.333431160005</v>
      </c>
      <c r="AG327" s="53">
        <v>-81161.522405374199</v>
      </c>
      <c r="AH327" s="53">
        <v>-71488.159715080605</v>
      </c>
      <c r="AI327" s="53">
        <v>-67994.314046381201</v>
      </c>
      <c r="AJ327" s="53">
        <v>-62439.181491621101</v>
      </c>
      <c r="AK327" s="53">
        <v>-67285.852908372894</v>
      </c>
      <c r="AL327" s="53">
        <v>-48474.090842614001</v>
      </c>
      <c r="AM327" s="53">
        <v>-51491.075862332596</v>
      </c>
      <c r="AN327" s="53">
        <v>-742462.34415482101</v>
      </c>
      <c r="AO327" s="53">
        <v>-50892.883049568802</v>
      </c>
      <c r="AP327" s="53">
        <v>-57290.9366342719</v>
      </c>
      <c r="AQ327" s="53">
        <v>-67070.336766478606</v>
      </c>
      <c r="AR327" s="53">
        <v>-78997.038179492694</v>
      </c>
      <c r="AS327" s="53">
        <v>-91408.415127872402</v>
      </c>
      <c r="AT327" s="53">
        <v>-98505.2470415274</v>
      </c>
      <c r="AU327" s="53">
        <v>-86809.817307828605</v>
      </c>
      <c r="AV327" s="53">
        <v>-82573.558319519099</v>
      </c>
      <c r="AW327" s="53">
        <v>-75826.011104870093</v>
      </c>
      <c r="AX327" s="53">
        <v>-81710.818803136906</v>
      </c>
      <c r="AY327" s="53">
        <v>-58878.316759664398</v>
      </c>
      <c r="AZ327" s="53">
        <v>-62557.679587613296</v>
      </c>
      <c r="BA327" s="53">
        <v>-892521.05868184404</v>
      </c>
      <c r="BB327" s="53">
        <v>-59314.951597279498</v>
      </c>
      <c r="BC327" s="53">
        <v>-58482.821680769899</v>
      </c>
      <c r="BD327" s="53">
        <v>-67638.115008846202</v>
      </c>
      <c r="BE327" s="53">
        <v>-79107.291036745402</v>
      </c>
      <c r="BF327" s="53">
        <v>-91485.051932244794</v>
      </c>
      <c r="BG327" s="53">
        <v>-98573.747120219399</v>
      </c>
      <c r="BH327" s="53">
        <v>-86920.975434608205</v>
      </c>
      <c r="BI327" s="53">
        <v>-82698.257719872097</v>
      </c>
      <c r="BJ327" s="53">
        <v>-75952.027217663694</v>
      </c>
      <c r="BK327" s="53">
        <v>-81864.360305657101</v>
      </c>
      <c r="BL327" s="53">
        <v>-59014.937662659897</v>
      </c>
      <c r="BM327" s="53">
        <v>-62735.401772262201</v>
      </c>
      <c r="BN327" s="53">
        <v>-903787.93848882895</v>
      </c>
      <c r="BO327" s="53">
        <v>-59467.3106201107</v>
      </c>
      <c r="BP327" s="53">
        <v>-58602.320740110597</v>
      </c>
      <c r="BQ327" s="53">
        <v>-67749.9042930328</v>
      </c>
      <c r="BR327" s="53">
        <v>-79201.595464087499</v>
      </c>
      <c r="BS327" s="53">
        <v>-91543.174934863506</v>
      </c>
      <c r="BT327" s="53">
        <v>-98636.707418170598</v>
      </c>
      <c r="BU327" s="53">
        <v>-87065.690656754407</v>
      </c>
      <c r="BV327" s="53">
        <v>-82871.996055920506</v>
      </c>
      <c r="BW327" s="53">
        <v>-76132.0430357101</v>
      </c>
      <c r="BX327" s="53">
        <v>-82091.819004948702</v>
      </c>
      <c r="BY327" s="53">
        <v>-59224.001597477203</v>
      </c>
      <c r="BZ327" s="53">
        <v>-63010.811902120702</v>
      </c>
      <c r="CA327" s="53">
        <v>-905597.37572330702</v>
      </c>
      <c r="CB327" s="53"/>
      <c r="CC327" s="53"/>
      <c r="CD327" s="53"/>
      <c r="CE327" s="53"/>
      <c r="CF327" s="53"/>
      <c r="CG327" s="53"/>
      <c r="CH327" s="53"/>
      <c r="CI327" s="53"/>
      <c r="CJ327" s="53"/>
      <c r="CK327" s="53"/>
      <c r="CL327" s="53"/>
      <c r="CM327" s="53"/>
      <c r="CN327" s="53"/>
    </row>
    <row r="328" spans="1:92" outlineLevel="1">
      <c r="A328" s="52" t="s">
        <v>1266</v>
      </c>
      <c r="B328" s="53">
        <v>-1471.8341865697801</v>
      </c>
      <c r="C328" s="53">
        <v>-607.64713917276094</v>
      </c>
      <c r="D328" s="53">
        <v>-551.256103188412</v>
      </c>
      <c r="E328" s="53">
        <v>-497.34288853793601</v>
      </c>
      <c r="F328" s="53">
        <v>-477.69426102369903</v>
      </c>
      <c r="G328" s="53">
        <v>-482.39693435926398</v>
      </c>
      <c r="H328" s="53">
        <v>-508.65135741534402</v>
      </c>
      <c r="I328" s="53">
        <v>-503.481345622037</v>
      </c>
      <c r="J328" s="53">
        <v>-472.70165779965498</v>
      </c>
      <c r="K328" s="53">
        <v>-535.34206296703098</v>
      </c>
      <c r="L328" s="53">
        <v>-427.96567508750502</v>
      </c>
      <c r="M328" s="53">
        <v>-505.57439687741902</v>
      </c>
      <c r="N328" s="53">
        <v>-7041.8880086208501</v>
      </c>
      <c r="O328" s="53">
        <v>-479.66395282947701</v>
      </c>
      <c r="P328" s="53">
        <v>-548.93495693425405</v>
      </c>
      <c r="Q328" s="53">
        <v>-579.56659417866604</v>
      </c>
      <c r="R328" s="53">
        <v>-579.443567999999</v>
      </c>
      <c r="S328" s="53">
        <v>-553.66825799999901</v>
      </c>
      <c r="T328" s="53">
        <v>-556.26040799999998</v>
      </c>
      <c r="U328" s="53">
        <v>-583.72327828571395</v>
      </c>
      <c r="V328" s="53">
        <v>-575.27996608163198</v>
      </c>
      <c r="W328" s="53">
        <v>-538.13820522448896</v>
      </c>
      <c r="X328" s="53">
        <v>-607.07248440816295</v>
      </c>
      <c r="Y328" s="53">
        <v>-483.949884</v>
      </c>
      <c r="Z328" s="53">
        <v>-570.02376199999901</v>
      </c>
      <c r="AA328" s="53">
        <v>-6655.7253179423897</v>
      </c>
      <c r="AB328" s="53">
        <v>-520.90670836011304</v>
      </c>
      <c r="AC328" s="53">
        <v>-536.26338281000096</v>
      </c>
      <c r="AD328" s="53">
        <v>-563.07213665295296</v>
      </c>
      <c r="AE328" s="53">
        <v>-562.07856175764698</v>
      </c>
      <c r="AF328" s="53">
        <v>-539.00609621896206</v>
      </c>
      <c r="AG328" s="53">
        <v>-543.49737359401604</v>
      </c>
      <c r="AH328" s="53">
        <v>-572.324779852608</v>
      </c>
      <c r="AI328" s="53">
        <v>-565.88016584839602</v>
      </c>
      <c r="AJ328" s="53">
        <v>-530.83063711129898</v>
      </c>
      <c r="AK328" s="53">
        <v>-600.67498277885704</v>
      </c>
      <c r="AL328" s="53">
        <v>-479.94190661992201</v>
      </c>
      <c r="AM328" s="53">
        <v>-566.70312989482102</v>
      </c>
      <c r="AN328" s="53">
        <v>-6581.1798614995996</v>
      </c>
      <c r="AO328" s="53">
        <v>-540.14345303024095</v>
      </c>
      <c r="AP328" s="53">
        <v>-627.27224862501896</v>
      </c>
      <c r="AQ328" s="53">
        <v>-666.71335062859305</v>
      </c>
      <c r="AR328" s="53">
        <v>-670.99342911978499</v>
      </c>
      <c r="AS328" s="53">
        <v>-644.48694628862995</v>
      </c>
      <c r="AT328" s="53">
        <v>-650.90835163459303</v>
      </c>
      <c r="AU328" s="53">
        <v>-686.49228298392995</v>
      </c>
      <c r="AV328" s="53">
        <v>-679.73375211888697</v>
      </c>
      <c r="AW328" s="53">
        <v>-638.41509421559397</v>
      </c>
      <c r="AX328" s="53">
        <v>-723.38289780984303</v>
      </c>
      <c r="AY328" s="53">
        <v>-578.55699358947697</v>
      </c>
      <c r="AZ328" s="53">
        <v>-683.87304404263796</v>
      </c>
      <c r="BA328" s="53">
        <v>-7790.9718440872302</v>
      </c>
      <c r="BB328" s="53">
        <v>-624.56358919580498</v>
      </c>
      <c r="BC328" s="53">
        <v>-636.98512252685305</v>
      </c>
      <c r="BD328" s="53">
        <v>-669.94608830270795</v>
      </c>
      <c r="BE328" s="53">
        <v>-670.14747857895202</v>
      </c>
      <c r="BF328" s="53">
        <v>-644.11057932187396</v>
      </c>
      <c r="BG328" s="53">
        <v>-650.96873681570105</v>
      </c>
      <c r="BH328" s="53">
        <v>-686.99918259356502</v>
      </c>
      <c r="BI328" s="53">
        <v>-680.63790069944105</v>
      </c>
      <c r="BJ328" s="53">
        <v>-639.58738048018404</v>
      </c>
      <c r="BK328" s="53">
        <v>-725.10917340924402</v>
      </c>
      <c r="BL328" s="53">
        <v>-580.17003368689302</v>
      </c>
      <c r="BM328" s="53">
        <v>-686.07676578872997</v>
      </c>
      <c r="BN328" s="53">
        <v>-7895.3020313999496</v>
      </c>
      <c r="BO328" s="53">
        <v>-626.65332001443005</v>
      </c>
      <c r="BP328" s="53">
        <v>-638.797070083417</v>
      </c>
      <c r="BQ328" s="53">
        <v>-672.02246436397797</v>
      </c>
      <c r="BR328" s="53">
        <v>-672.41122056645395</v>
      </c>
      <c r="BS328" s="53">
        <v>-646.45921918402303</v>
      </c>
      <c r="BT328" s="53">
        <v>-653.513513508497</v>
      </c>
      <c r="BU328" s="53">
        <v>-689.85660692963495</v>
      </c>
      <c r="BV328" s="53">
        <v>-683.62371396291098</v>
      </c>
      <c r="BW328" s="53">
        <v>-642.51619524281205</v>
      </c>
      <c r="BX328" s="53">
        <v>-728.57913089448402</v>
      </c>
      <c r="BY328" s="53">
        <v>-583.03448184271099</v>
      </c>
      <c r="BZ328" s="53">
        <v>-689.57252856881303</v>
      </c>
      <c r="CA328" s="53">
        <v>-7927.03946516216</v>
      </c>
      <c r="CB328" s="53">
        <v>-6715638.1194463801</v>
      </c>
      <c r="CC328" s="53">
        <v>-7924827.3722459497</v>
      </c>
      <c r="CD328" s="53">
        <v>-8138167.4952927101</v>
      </c>
      <c r="CE328" s="53">
        <v>-9061937.0804950204</v>
      </c>
      <c r="CF328" s="53">
        <v>-9340607.9751021694</v>
      </c>
      <c r="CG328" s="53">
        <v>-10597677.568972901</v>
      </c>
      <c r="CH328" s="53">
        <v>-11794541.150998401</v>
      </c>
      <c r="CI328" s="53">
        <v>-12210152.671655601</v>
      </c>
      <c r="CJ328" s="53">
        <v>-11382869.6981405</v>
      </c>
      <c r="CK328" s="53">
        <v>-12138143.311498299</v>
      </c>
      <c r="CL328" s="53">
        <v>-8898937.0603302103</v>
      </c>
      <c r="CM328" s="53">
        <v>-9227166.8193636201</v>
      </c>
      <c r="CN328" s="53">
        <v>-117430666.323542</v>
      </c>
    </row>
    <row r="329" spans="1:92" outlineLevel="1">
      <c r="A329" s="52" t="s">
        <v>1263</v>
      </c>
      <c r="B329" s="53">
        <v>-192556.531890301</v>
      </c>
      <c r="C329" s="53">
        <v>-80825.9272247466</v>
      </c>
      <c r="D329" s="53">
        <v>-73456.739316338295</v>
      </c>
      <c r="E329" s="53">
        <v>-68954.058578384793</v>
      </c>
      <c r="F329" s="53">
        <v>-70374.096216546401</v>
      </c>
      <c r="G329" s="53">
        <v>-76696.265670274704</v>
      </c>
      <c r="H329" s="53">
        <v>-81509.402412347597</v>
      </c>
      <c r="I329" s="53">
        <v>-78456.090139668406</v>
      </c>
      <c r="J329" s="53">
        <v>-76186.703094886499</v>
      </c>
      <c r="K329" s="53">
        <v>-87321.197250925805</v>
      </c>
      <c r="L329" s="53">
        <v>-65116.112493553497</v>
      </c>
      <c r="M329" s="53">
        <v>-70389.979274451398</v>
      </c>
      <c r="N329" s="53">
        <v>-1021843.10356242</v>
      </c>
      <c r="O329" s="53">
        <v>-61007.125975729301</v>
      </c>
      <c r="P329" s="53">
        <v>-55313.974286875702</v>
      </c>
      <c r="Q329" s="53">
        <v>-52955.348083917903</v>
      </c>
      <c r="R329" s="53">
        <v>-54431.620517999901</v>
      </c>
      <c r="S329" s="53">
        <v>-56003.255440000001</v>
      </c>
      <c r="T329" s="53">
        <v>-60902.920100000003</v>
      </c>
      <c r="U329" s="53">
        <v>-65303.125165142803</v>
      </c>
      <c r="V329" s="53">
        <v>-65444.740476612198</v>
      </c>
      <c r="W329" s="53">
        <v>-60513.476833183602</v>
      </c>
      <c r="X329" s="53">
        <v>-69504.030437061199</v>
      </c>
      <c r="Y329" s="53">
        <v>-51659.641087999997</v>
      </c>
      <c r="Z329" s="53">
        <v>-55147.253083999902</v>
      </c>
      <c r="AA329" s="53">
        <v>-708186.51148852299</v>
      </c>
      <c r="AB329" s="53">
        <v>-50117.091834639999</v>
      </c>
      <c r="AC329" s="53">
        <v>-54530.779126595698</v>
      </c>
      <c r="AD329" s="53">
        <v>-53105.705373440302</v>
      </c>
      <c r="AE329" s="53">
        <v>-55203.224391939897</v>
      </c>
      <c r="AF329" s="53">
        <v>-56803.334801060097</v>
      </c>
      <c r="AG329" s="53">
        <v>-61772.733738573697</v>
      </c>
      <c r="AH329" s="53">
        <v>-66230.299383799298</v>
      </c>
      <c r="AI329" s="53">
        <v>-66367.544963507302</v>
      </c>
      <c r="AJ329" s="53">
        <v>-61358.569774014803</v>
      </c>
      <c r="AK329" s="53">
        <v>-70484.677802394901</v>
      </c>
      <c r="AL329" s="53">
        <v>-52383.737349337498</v>
      </c>
      <c r="AM329" s="53">
        <v>-55902.976621813199</v>
      </c>
      <c r="AN329" s="53">
        <v>-704260.67516111699</v>
      </c>
      <c r="AO329" s="53">
        <v>-53026.9540045584</v>
      </c>
      <c r="AP329" s="53">
        <v>-64767.297594097698</v>
      </c>
      <c r="AQ329" s="53">
        <v>-63615.689063448997</v>
      </c>
      <c r="AR329" s="53">
        <v>-66620.104528766198</v>
      </c>
      <c r="AS329" s="53">
        <v>-68567.3366400909</v>
      </c>
      <c r="AT329" s="53">
        <v>-74574.055708976201</v>
      </c>
      <c r="AU329" s="53">
        <v>-79946.365140597904</v>
      </c>
      <c r="AV329" s="53">
        <v>-80101.7127767005</v>
      </c>
      <c r="AW329" s="53">
        <v>-74043.080086500893</v>
      </c>
      <c r="AX329" s="53">
        <v>-85077.165830293801</v>
      </c>
      <c r="AY329" s="53">
        <v>-63222.561540329603</v>
      </c>
      <c r="AZ329" s="53">
        <v>-67440.694338671106</v>
      </c>
      <c r="BA329" s="53">
        <v>-841003.01725303195</v>
      </c>
      <c r="BB329" s="53">
        <v>-60995.992194698803</v>
      </c>
      <c r="BC329" s="53">
        <v>-65589.675566526203</v>
      </c>
      <c r="BD329" s="53">
        <v>-63781.678214104701</v>
      </c>
      <c r="BE329" s="53">
        <v>-66363.186220909804</v>
      </c>
      <c r="BF329" s="53">
        <v>-68313.282322036102</v>
      </c>
      <c r="BG329" s="53">
        <v>-74301.401078091003</v>
      </c>
      <c r="BH329" s="53">
        <v>-79647.409678947006</v>
      </c>
      <c r="BI329" s="53">
        <v>-79794.389800660094</v>
      </c>
      <c r="BJ329" s="53">
        <v>-73749.467565123894</v>
      </c>
      <c r="BK329" s="53">
        <v>-84754.163102635503</v>
      </c>
      <c r="BL329" s="53">
        <v>-62977.876595126203</v>
      </c>
      <c r="BM329" s="53">
        <v>-67159.031611972503</v>
      </c>
      <c r="BN329" s="53">
        <v>-847427.55395083199</v>
      </c>
      <c r="BO329" s="53">
        <v>-60707.046453637202</v>
      </c>
      <c r="BP329" s="53">
        <v>-65237.6458290503</v>
      </c>
      <c r="BQ329" s="53">
        <v>-63438.1083972169</v>
      </c>
      <c r="BR329" s="53">
        <v>-66023.858169796396</v>
      </c>
      <c r="BS329" s="53">
        <v>-67972.9907086694</v>
      </c>
      <c r="BT329" s="53">
        <v>-73933.850798871397</v>
      </c>
      <c r="BU329" s="53">
        <v>-79245.726651443299</v>
      </c>
      <c r="BV329" s="53">
        <v>-79383.240702235998</v>
      </c>
      <c r="BW329" s="53">
        <v>-73358.680538446002</v>
      </c>
      <c r="BX329" s="53">
        <v>-84317.356557750696</v>
      </c>
      <c r="BY329" s="53">
        <v>-62646.703736502299</v>
      </c>
      <c r="BZ329" s="53">
        <v>-66783.0125470325</v>
      </c>
      <c r="CA329" s="53">
        <v>-843048.22109065298</v>
      </c>
      <c r="CB329" s="53">
        <v>-2271109.3946672198</v>
      </c>
      <c r="CC329" s="53">
        <v>-2708223.4947422501</v>
      </c>
      <c r="CD329" s="53">
        <v>-2956926.7349187499</v>
      </c>
      <c r="CE329" s="53">
        <v>-3124629.3766586501</v>
      </c>
      <c r="CF329" s="53">
        <v>-3008717.9889579401</v>
      </c>
      <c r="CG329" s="53">
        <v>-3114108.06595921</v>
      </c>
      <c r="CH329" s="53">
        <v>-3330755.8066352201</v>
      </c>
      <c r="CI329" s="53">
        <v>-3297780.3495835299</v>
      </c>
      <c r="CJ329" s="53">
        <v>-3121503.8752553901</v>
      </c>
      <c r="CK329" s="53">
        <v>-3451654.7704545702</v>
      </c>
      <c r="CL329" s="53">
        <v>-2714769.0378247099</v>
      </c>
      <c r="CM329" s="53">
        <v>-3145964.53965523</v>
      </c>
      <c r="CN329" s="53">
        <v>-36246143.435312703</v>
      </c>
    </row>
    <row r="330" spans="1:92" outlineLevel="1">
      <c r="A330" s="52" t="s">
        <v>1264</v>
      </c>
      <c r="B330" s="53">
        <v>-1205322.3295772499</v>
      </c>
      <c r="C330" s="53">
        <v>-515960.23040942597</v>
      </c>
      <c r="D330" s="53">
        <v>-432960.432887776</v>
      </c>
      <c r="E330" s="53">
        <v>-400019.72870360297</v>
      </c>
      <c r="F330" s="53">
        <v>-413821.45914857998</v>
      </c>
      <c r="G330" s="53">
        <v>-500722.74644680199</v>
      </c>
      <c r="H330" s="53">
        <v>-593333.86110421701</v>
      </c>
      <c r="I330" s="53">
        <v>-630088.10831985401</v>
      </c>
      <c r="J330" s="53">
        <v>-581922.87814659497</v>
      </c>
      <c r="K330" s="53">
        <v>-590972.73475392396</v>
      </c>
      <c r="L330" s="53">
        <v>-404958.97219008999</v>
      </c>
      <c r="M330" s="53">
        <v>-419304.95458258502</v>
      </c>
      <c r="N330" s="53">
        <v>-6689388.4362707101</v>
      </c>
      <c r="O330" s="53">
        <v>-409606.62794240401</v>
      </c>
      <c r="P330" s="53">
        <v>-425540.418585782</v>
      </c>
      <c r="Q330" s="53">
        <v>-296680.608716577</v>
      </c>
      <c r="R330" s="53">
        <v>-299096.72191909899</v>
      </c>
      <c r="S330" s="53">
        <v>-309241.349734471</v>
      </c>
      <c r="T330" s="53">
        <v>-385326.54553069902</v>
      </c>
      <c r="U330" s="53">
        <v>-463273.585920532</v>
      </c>
      <c r="V330" s="53">
        <v>-525179.32912651496</v>
      </c>
      <c r="W330" s="53">
        <v>-550994.942517663</v>
      </c>
      <c r="X330" s="53">
        <v>-466221.30570776999</v>
      </c>
      <c r="Y330" s="53">
        <v>-310204.20209290303</v>
      </c>
      <c r="Z330" s="53">
        <v>-301452.63107220299</v>
      </c>
      <c r="AA330" s="53">
        <v>-4742818.26886662</v>
      </c>
      <c r="AB330" s="53">
        <v>-327871.17770714598</v>
      </c>
      <c r="AC330" s="53">
        <v>-426480.029940793</v>
      </c>
      <c r="AD330" s="53">
        <v>-305857.73427709599</v>
      </c>
      <c r="AE330" s="53">
        <v>-307793.28907839302</v>
      </c>
      <c r="AF330" s="53">
        <v>-319010.29094721598</v>
      </c>
      <c r="AG330" s="53">
        <v>-401626.78309129598</v>
      </c>
      <c r="AH330" s="53">
        <v>-486562.691102841</v>
      </c>
      <c r="AI330" s="53">
        <v>-551827.77937768097</v>
      </c>
      <c r="AJ330" s="53">
        <v>-576830.82948946103</v>
      </c>
      <c r="AK330" s="53">
        <v>-489050.44042007002</v>
      </c>
      <c r="AL330" s="53">
        <v>-323487.02020074701</v>
      </c>
      <c r="AM330" s="53">
        <v>-312494.42019823199</v>
      </c>
      <c r="AN330" s="53">
        <v>-4828892.4858309701</v>
      </c>
      <c r="AO330" s="53">
        <v>-357251.03268783801</v>
      </c>
      <c r="AP330" s="53">
        <v>-508321.65981122502</v>
      </c>
      <c r="AQ330" s="53">
        <v>-357624.04921668302</v>
      </c>
      <c r="AR330" s="53">
        <v>-367587.32934409601</v>
      </c>
      <c r="AS330" s="53">
        <v>-381701.14953074499</v>
      </c>
      <c r="AT330" s="53">
        <v>-483962.434337274</v>
      </c>
      <c r="AU330" s="53">
        <v>-589266.56653931004</v>
      </c>
      <c r="AV330" s="53">
        <v>-669402.29395270499</v>
      </c>
      <c r="AW330" s="53">
        <v>-699925.39325115201</v>
      </c>
      <c r="AX330" s="53">
        <v>-593080.51160194597</v>
      </c>
      <c r="AY330" s="53">
        <v>-391400.88258630299</v>
      </c>
      <c r="AZ330" s="53">
        <v>-377499.03862465802</v>
      </c>
      <c r="BA330" s="53">
        <v>-5777022.3414839404</v>
      </c>
      <c r="BB330" s="53">
        <v>-406337.03677268198</v>
      </c>
      <c r="BC330" s="53">
        <v>-512029.24973422202</v>
      </c>
      <c r="BD330" s="53">
        <v>-356242.34257081099</v>
      </c>
      <c r="BE330" s="53">
        <v>-362028.84378773399</v>
      </c>
      <c r="BF330" s="53">
        <v>-376466.99210616201</v>
      </c>
      <c r="BG330" s="53">
        <v>-480252.09483737301</v>
      </c>
      <c r="BH330" s="53">
        <v>-587786.90094093396</v>
      </c>
      <c r="BI330" s="53">
        <v>-668882.66455108998</v>
      </c>
      <c r="BJ330" s="53">
        <v>-699663.79092740198</v>
      </c>
      <c r="BK330" s="53">
        <v>-592391.80840786197</v>
      </c>
      <c r="BL330" s="53">
        <v>-390026.99585396599</v>
      </c>
      <c r="BM330" s="53">
        <v>-375520.742600278</v>
      </c>
      <c r="BN330" s="53">
        <v>-5807629.4630905204</v>
      </c>
      <c r="BO330" s="53">
        <v>-404513.01927190297</v>
      </c>
      <c r="BP330" s="53">
        <v>-508643.43448846799</v>
      </c>
      <c r="BQ330" s="53">
        <v>-352332.66344347998</v>
      </c>
      <c r="BR330" s="53">
        <v>-356900.02207002201</v>
      </c>
      <c r="BS330" s="53">
        <v>-371730.28899805999</v>
      </c>
      <c r="BT330" s="53">
        <v>-476391.98891170201</v>
      </c>
      <c r="BU330" s="53">
        <v>-585640.27096593298</v>
      </c>
      <c r="BV330" s="53">
        <v>-667585.93291950098</v>
      </c>
      <c r="BW330" s="53">
        <v>-698906.29066308099</v>
      </c>
      <c r="BX330" s="53">
        <v>-592399.01525658602</v>
      </c>
      <c r="BY330" s="53">
        <v>-390106.77442800999</v>
      </c>
      <c r="BZ330" s="53">
        <v>-375872.70104591001</v>
      </c>
      <c r="CA330" s="53">
        <v>-5781022.4024626603</v>
      </c>
      <c r="CB330" s="53">
        <v>-14083.4884010322</v>
      </c>
      <c r="CC330" s="53">
        <v>-17176.9710107305</v>
      </c>
      <c r="CD330" s="53">
        <v>-18330.2578946539</v>
      </c>
      <c r="CE330" s="53">
        <v>-18491.812118737998</v>
      </c>
      <c r="CF330" s="53">
        <v>-17760.821783007599</v>
      </c>
      <c r="CG330" s="53">
        <v>-17935.771772578999</v>
      </c>
      <c r="CH330" s="53">
        <v>-18912.458009453199</v>
      </c>
      <c r="CI330" s="53">
        <v>-18720.9733861557</v>
      </c>
      <c r="CJ330" s="53">
        <v>-17577.238967749399</v>
      </c>
      <c r="CK330" s="53">
        <v>-19907.5657287705</v>
      </c>
      <c r="CL330" s="53">
        <v>-15915.3048670359</v>
      </c>
      <c r="CM330" s="53">
        <v>-18802.415226943998</v>
      </c>
      <c r="CN330" s="53">
        <v>-213615.07916684999</v>
      </c>
    </row>
    <row r="331" spans="1:92" outlineLevel="1">
      <c r="A331" s="52" t="s">
        <v>1244</v>
      </c>
      <c r="B331" s="53"/>
      <c r="C331" s="53"/>
      <c r="D331" s="53"/>
      <c r="E331" s="53"/>
      <c r="F331" s="53"/>
      <c r="G331" s="53"/>
      <c r="H331" s="53"/>
      <c r="I331" s="53"/>
      <c r="J331" s="53"/>
      <c r="K331" s="53"/>
      <c r="L331" s="53"/>
      <c r="M331" s="53"/>
      <c r="N331" s="53"/>
      <c r="O331" s="53"/>
      <c r="P331" s="53"/>
      <c r="Q331" s="53"/>
      <c r="R331" s="53"/>
      <c r="S331" s="53"/>
      <c r="T331" s="53"/>
      <c r="U331" s="53"/>
      <c r="V331" s="53"/>
      <c r="W331" s="53"/>
      <c r="X331" s="53"/>
      <c r="Y331" s="53"/>
      <c r="Z331" s="53"/>
      <c r="AA331" s="53"/>
      <c r="AB331" s="53"/>
      <c r="AC331" s="53"/>
      <c r="AD331" s="53"/>
      <c r="AE331" s="53"/>
      <c r="AF331" s="53"/>
      <c r="AG331" s="53"/>
      <c r="AH331" s="53"/>
      <c r="AI331" s="53"/>
      <c r="AJ331" s="53"/>
      <c r="AK331" s="53"/>
      <c r="AL331" s="53"/>
      <c r="AM331" s="53"/>
      <c r="AN331" s="53"/>
      <c r="AO331" s="53"/>
      <c r="AP331" s="53"/>
      <c r="AQ331" s="53"/>
      <c r="AR331" s="53"/>
      <c r="AS331" s="53"/>
      <c r="AT331" s="53"/>
      <c r="AU331" s="53"/>
      <c r="AV331" s="53"/>
      <c r="AW331" s="53"/>
      <c r="AX331" s="53"/>
      <c r="AY331" s="53"/>
      <c r="AZ331" s="53"/>
      <c r="BA331" s="53"/>
      <c r="BB331" s="53"/>
      <c r="BC331" s="53"/>
      <c r="BD331" s="53"/>
      <c r="BE331" s="53"/>
      <c r="BF331" s="53"/>
      <c r="BG331" s="53"/>
      <c r="BH331" s="53"/>
      <c r="BI331" s="53"/>
      <c r="BJ331" s="53"/>
      <c r="BK331" s="53"/>
      <c r="BL331" s="53"/>
      <c r="BM331" s="53"/>
      <c r="BN331" s="53"/>
      <c r="BO331" s="53"/>
      <c r="BP331" s="53"/>
      <c r="BQ331" s="53"/>
      <c r="BR331" s="53"/>
      <c r="BS331" s="53"/>
      <c r="BT331" s="53"/>
      <c r="BU331" s="53"/>
      <c r="BV331" s="53"/>
      <c r="BW331" s="53"/>
      <c r="BX331" s="53"/>
      <c r="BY331" s="53"/>
      <c r="BZ331" s="53"/>
      <c r="CA331" s="53"/>
      <c r="CB331" s="53">
        <v>-1949269.5185721801</v>
      </c>
      <c r="CC331" s="53">
        <v>-2356268.8178556799</v>
      </c>
      <c r="CD331" s="53">
        <v>-2515799.70209616</v>
      </c>
      <c r="CE331" s="53">
        <v>-2631690.17387575</v>
      </c>
      <c r="CF331" s="53">
        <v>-2684467.4703954598</v>
      </c>
      <c r="CG331" s="53">
        <v>-2922539.3428143398</v>
      </c>
      <c r="CH331" s="53">
        <v>-3148657.3450999898</v>
      </c>
      <c r="CI331" s="53">
        <v>-3083564.4141756399</v>
      </c>
      <c r="CJ331" s="53">
        <v>-2779518.6232455899</v>
      </c>
      <c r="CK331" s="53">
        <v>-3317607.3596045799</v>
      </c>
      <c r="CL331" s="53">
        <v>-2478798.57765012</v>
      </c>
      <c r="CM331" s="53">
        <v>-2689111.4947730498</v>
      </c>
      <c r="CN331" s="53">
        <v>-32557292.8401586</v>
      </c>
    </row>
    <row r="332" spans="1:92" outlineLevel="1">
      <c r="A332" s="52" t="s">
        <v>1261</v>
      </c>
      <c r="B332" s="53">
        <v>-464113.94954341702</v>
      </c>
      <c r="C332" s="53">
        <v>-1732730.0006018099</v>
      </c>
      <c r="D332" s="53">
        <v>-1868992.25365567</v>
      </c>
      <c r="E332" s="53">
        <v>-2204470.3819413502</v>
      </c>
      <c r="F332" s="53">
        <v>-2259723.7208229299</v>
      </c>
      <c r="G332" s="53">
        <v>-2472554.0875981199</v>
      </c>
      <c r="H332" s="53">
        <v>-2769998.0659601898</v>
      </c>
      <c r="I332" s="53">
        <v>-2850021.9463089998</v>
      </c>
      <c r="J332" s="53">
        <v>-2673532.5017955001</v>
      </c>
      <c r="K332" s="53">
        <v>-2835364.7828819901</v>
      </c>
      <c r="L332" s="53">
        <v>-2060908.92307754</v>
      </c>
      <c r="M332" s="53">
        <v>-2202469.0501196301</v>
      </c>
      <c r="N332" s="53">
        <v>-26394879.664307099</v>
      </c>
      <c r="O332" s="53">
        <v>-2425501.9769661701</v>
      </c>
      <c r="P332" s="53">
        <v>-3597686.4363833298</v>
      </c>
      <c r="Q332" s="53">
        <v>-2863290.7982867998</v>
      </c>
      <c r="R332" s="53">
        <v>-3106208.3113054298</v>
      </c>
      <c r="S332" s="53">
        <v>-3228145.3340919199</v>
      </c>
      <c r="T332" s="53">
        <v>-3583948.1074430998</v>
      </c>
      <c r="U332" s="53">
        <v>-3957942.7686954001</v>
      </c>
      <c r="V332" s="53">
        <v>-4273244.1018294599</v>
      </c>
      <c r="W332" s="53">
        <v>-4431678.6231971504</v>
      </c>
      <c r="X332" s="53">
        <v>-4087607.2553932802</v>
      </c>
      <c r="Y332" s="53">
        <v>-2980678.2253273898</v>
      </c>
      <c r="Z332" s="53">
        <v>-3038212.5991063602</v>
      </c>
      <c r="AA332" s="53">
        <v>-41574144.538025796</v>
      </c>
      <c r="AB332" s="53">
        <v>-3021642.1051504398</v>
      </c>
      <c r="AC332" s="53">
        <v>-3804402.44096433</v>
      </c>
      <c r="AD332" s="53">
        <v>-2983480.6758349598</v>
      </c>
      <c r="AE332" s="53">
        <v>-3167090.0339705301</v>
      </c>
      <c r="AF332" s="53">
        <v>-3312392.5601262702</v>
      </c>
      <c r="AG332" s="53">
        <v>-3704681.9902921701</v>
      </c>
      <c r="AH332" s="53">
        <v>-4092509.0364467599</v>
      </c>
      <c r="AI332" s="53">
        <v>-4411267.66995994</v>
      </c>
      <c r="AJ332" s="53">
        <v>-4591022.9527818896</v>
      </c>
      <c r="AK332" s="53">
        <v>-4225708.3756189803</v>
      </c>
      <c r="AL332" s="53">
        <v>-3064205.6150353099</v>
      </c>
      <c r="AM332" s="53">
        <v>-3097105.0967795299</v>
      </c>
      <c r="AN332" s="53">
        <v>-43475508.552961104</v>
      </c>
      <c r="AO332" s="53">
        <v>-3723369.4955596598</v>
      </c>
      <c r="AP332" s="53">
        <v>-6464589.5655931197</v>
      </c>
      <c r="AQ332" s="53">
        <v>-5055618.7919681901</v>
      </c>
      <c r="AR332" s="53">
        <v>-5634711.04533266</v>
      </c>
      <c r="AS332" s="53">
        <v>-5890939.2411118997</v>
      </c>
      <c r="AT332" s="53">
        <v>-6612296.7121366803</v>
      </c>
      <c r="AU332" s="53">
        <v>-7305203.9728969196</v>
      </c>
      <c r="AV332" s="53">
        <v>-7909887.4389729798</v>
      </c>
      <c r="AW332" s="53">
        <v>-8201169.3584927497</v>
      </c>
      <c r="AX332" s="53">
        <v>-7557179.1195696499</v>
      </c>
      <c r="AY332" s="53">
        <v>-5422248.6718296297</v>
      </c>
      <c r="AZ332" s="53">
        <v>-5514491.8790039504</v>
      </c>
      <c r="BA332" s="53">
        <v>-75291705.292468101</v>
      </c>
      <c r="BB332" s="53">
        <v>-5928475.9900334897</v>
      </c>
      <c r="BC332" s="53">
        <v>-8726651.6816784292</v>
      </c>
      <c r="BD332" s="53">
        <v>-6842029.7048914498</v>
      </c>
      <c r="BE332" s="53">
        <v>-7509135.6212909203</v>
      </c>
      <c r="BF332" s="53">
        <v>-7848585.7115441104</v>
      </c>
      <c r="BG332" s="53">
        <v>-8802769.7933851909</v>
      </c>
      <c r="BH332" s="53">
        <v>-9784385.5173778497</v>
      </c>
      <c r="BI332" s="53">
        <v>-10564989.8120068</v>
      </c>
      <c r="BJ332" s="53">
        <v>-10943461.2549171</v>
      </c>
      <c r="BK332" s="53">
        <v>-10124507.007868299</v>
      </c>
      <c r="BL332" s="53">
        <v>-7286968.98328688</v>
      </c>
      <c r="BM332" s="53">
        <v>-7337401.78272398</v>
      </c>
      <c r="BN332" s="53">
        <v>-101699362.86100399</v>
      </c>
      <c r="BO332" s="53">
        <v>-7598432.2404783303</v>
      </c>
      <c r="BP332" s="53">
        <v>-10370776.4988833</v>
      </c>
      <c r="BQ332" s="53">
        <v>-8101981.5571337501</v>
      </c>
      <c r="BR332" s="53">
        <v>-8835850.8923603501</v>
      </c>
      <c r="BS332" s="53">
        <v>-9243534.6506075691</v>
      </c>
      <c r="BT332" s="53">
        <v>-10433299.849846199</v>
      </c>
      <c r="BU332" s="53">
        <v>-11623725.639471101</v>
      </c>
      <c r="BV332" s="53">
        <v>-12542133.0695151</v>
      </c>
      <c r="BW332" s="53">
        <v>-12976704.5085032</v>
      </c>
      <c r="BX332" s="53">
        <v>-12025559.611785401</v>
      </c>
      <c r="BY332" s="53">
        <v>-8653052.0036001205</v>
      </c>
      <c r="BZ332" s="53">
        <v>-8729670.8238148205</v>
      </c>
      <c r="CA332" s="53">
        <v>-121134721.345999</v>
      </c>
      <c r="CB332" s="53">
        <v>-12575505.8348723</v>
      </c>
      <c r="CC332" s="53">
        <v>-15402114.361613801</v>
      </c>
      <c r="CD332" s="53">
        <v>-14387664.7111529</v>
      </c>
      <c r="CE332" s="53">
        <v>-14769779.1083054</v>
      </c>
      <c r="CF332" s="53">
        <v>-15282383.653412599</v>
      </c>
      <c r="CG332" s="53">
        <v>-19392845.755820699</v>
      </c>
      <c r="CH332" s="53">
        <v>-23537037.433947802</v>
      </c>
      <c r="CI332" s="53">
        <v>-25054796.908876199</v>
      </c>
      <c r="CJ332" s="53">
        <v>-23249625.3845268</v>
      </c>
      <c r="CK332" s="53">
        <v>-23319422.271992899</v>
      </c>
      <c r="CL332" s="53">
        <v>-15604061.2916307</v>
      </c>
      <c r="CM332" s="53">
        <v>-15677769.3169691</v>
      </c>
      <c r="CN332" s="53">
        <v>-218253006.03312099</v>
      </c>
    </row>
    <row r="333" spans="1:92">
      <c r="A333" s="52" t="s">
        <v>1262</v>
      </c>
      <c r="B333" s="53">
        <v>-152454.63322252201</v>
      </c>
      <c r="C333" s="53">
        <v>-576200.92726216395</v>
      </c>
      <c r="D333" s="53">
        <v>-662216.30647674098</v>
      </c>
      <c r="E333" s="53">
        <v>-723285.91634551506</v>
      </c>
      <c r="F333" s="53">
        <v>-712049.01752955397</v>
      </c>
      <c r="G333" s="53">
        <v>-732112.15789400204</v>
      </c>
      <c r="H333" s="53">
        <v>-787827.04963847401</v>
      </c>
      <c r="I333" s="53">
        <v>-758235.67492512695</v>
      </c>
      <c r="J333" s="53">
        <v>-697938.18804155895</v>
      </c>
      <c r="K333" s="53">
        <v>-800314.21207988705</v>
      </c>
      <c r="L333" s="53">
        <v>-628365.76061862905</v>
      </c>
      <c r="M333" s="53">
        <v>-736027.612402</v>
      </c>
      <c r="N333" s="53">
        <v>-7967027.4564361796</v>
      </c>
      <c r="O333" s="53">
        <v>-667629.06437641499</v>
      </c>
      <c r="P333" s="53">
        <v>-751721.85015734099</v>
      </c>
      <c r="Q333" s="53">
        <v>-874967.94024271495</v>
      </c>
      <c r="R333" s="53">
        <v>-1030631.46228656</v>
      </c>
      <c r="S333" s="53">
        <v>-1192492.8568091199</v>
      </c>
      <c r="T333" s="53">
        <v>-1284933.1023172999</v>
      </c>
      <c r="U333" s="53">
        <v>-1131756.9759144899</v>
      </c>
      <c r="V333" s="53">
        <v>-1076336.06143696</v>
      </c>
      <c r="W333" s="53">
        <v>-988552.09186826297</v>
      </c>
      <c r="X333" s="53">
        <v>-1064572.20268907</v>
      </c>
      <c r="Y333" s="53">
        <v>-766634.59251410398</v>
      </c>
      <c r="Z333" s="53">
        <v>-814105.14096114296</v>
      </c>
      <c r="AA333" s="53">
        <v>-11644333.341573499</v>
      </c>
      <c r="AB333" s="53">
        <v>-775570.17350791395</v>
      </c>
      <c r="AC333" s="53">
        <v>-780233.00258112105</v>
      </c>
      <c r="AD333" s="53">
        <v>-910607.82933379395</v>
      </c>
      <c r="AE333" s="53">
        <v>-1059133.54227169</v>
      </c>
      <c r="AF333" s="53">
        <v>-1226333.78550138</v>
      </c>
      <c r="AG333" s="53">
        <v>-1321507.7324417401</v>
      </c>
      <c r="AH333" s="53">
        <v>-1164001.77130306</v>
      </c>
      <c r="AI333" s="53">
        <v>-1107113.4339443401</v>
      </c>
      <c r="AJ333" s="53">
        <v>-1016662.31365624</v>
      </c>
      <c r="AK333" s="53">
        <v>-1095577.9569810601</v>
      </c>
      <c r="AL333" s="53">
        <v>-789276.54352816904</v>
      </c>
      <c r="AM333" s="53">
        <v>-838400.42531423795</v>
      </c>
      <c r="AN333" s="53">
        <v>-12084418.5103647</v>
      </c>
      <c r="AO333" s="53">
        <v>-917336.40249635698</v>
      </c>
      <c r="AP333" s="53">
        <v>-1326405.3801762001</v>
      </c>
      <c r="AQ333" s="53">
        <v>-1581424.0455793401</v>
      </c>
      <c r="AR333" s="53">
        <v>-1881237.04264088</v>
      </c>
      <c r="AS333" s="53">
        <v>-2176801.8208091301</v>
      </c>
      <c r="AT333" s="53">
        <v>-2345805.9175327201</v>
      </c>
      <c r="AU333" s="53">
        <v>-2067290.72061298</v>
      </c>
      <c r="AV333" s="53">
        <v>-1966408.3645818499</v>
      </c>
      <c r="AW333" s="53">
        <v>-1805722.1406461601</v>
      </c>
      <c r="AX333" s="53">
        <v>-1945863.06853315</v>
      </c>
      <c r="AY333" s="53">
        <v>-1402129.4095223099</v>
      </c>
      <c r="AZ333" s="53">
        <v>-1489749.8292844601</v>
      </c>
      <c r="BA333" s="53">
        <v>-20906174.142415501</v>
      </c>
      <c r="BB333" s="53">
        <v>-1504187.4877123199</v>
      </c>
      <c r="BC333" s="53">
        <v>-1799496.5010387099</v>
      </c>
      <c r="BD333" s="53">
        <v>-2116373.1606167601</v>
      </c>
      <c r="BE333" s="53">
        <v>-2498375.11784263</v>
      </c>
      <c r="BF333" s="53">
        <v>-2889290.9162556599</v>
      </c>
      <c r="BG333" s="53">
        <v>-3113166.8630047399</v>
      </c>
      <c r="BH333" s="53">
        <v>-2745147.7531137299</v>
      </c>
      <c r="BI333" s="53">
        <v>-2611785.42038931</v>
      </c>
      <c r="BJ333" s="53">
        <v>-2398725.2308029998</v>
      </c>
      <c r="BK333" s="53">
        <v>-2585449.1810464598</v>
      </c>
      <c r="BL333" s="53">
        <v>-1863816.21599122</v>
      </c>
      <c r="BM333" s="53">
        <v>-1981316.32042457</v>
      </c>
      <c r="BN333" s="53">
        <v>-28107130.168239102</v>
      </c>
      <c r="BO333" s="53">
        <v>-1946153.45947721</v>
      </c>
      <c r="BP333" s="53">
        <v>-2152766.5394472899</v>
      </c>
      <c r="BQ333" s="53">
        <v>-2514923.0895046699</v>
      </c>
      <c r="BR333" s="53">
        <v>-2957197.4550569998</v>
      </c>
      <c r="BS333" s="53">
        <v>-3418002.4071354098</v>
      </c>
      <c r="BT333" s="53">
        <v>-3682857.8823829</v>
      </c>
      <c r="BU333" s="53">
        <v>-3250823.8921737298</v>
      </c>
      <c r="BV333" s="53">
        <v>-3094241.4025382102</v>
      </c>
      <c r="BW333" s="53">
        <v>-2842587.7356924801</v>
      </c>
      <c r="BX333" s="53">
        <v>-3065111.4642319302</v>
      </c>
      <c r="BY333" s="53">
        <v>-2211282.05531875</v>
      </c>
      <c r="BZ333" s="53">
        <v>-2352672.46204045</v>
      </c>
      <c r="CA333" s="53">
        <v>-33488619.844999999</v>
      </c>
      <c r="CB333" s="53"/>
      <c r="CC333" s="53"/>
      <c r="CD333" s="53"/>
      <c r="CE333" s="53"/>
      <c r="CF333" s="53"/>
      <c r="CG333" s="53"/>
      <c r="CH333" s="53"/>
      <c r="CI333" s="53"/>
      <c r="CJ333" s="53"/>
      <c r="CK333" s="53"/>
      <c r="CL333" s="53"/>
      <c r="CM333" s="53"/>
      <c r="CN333" s="53"/>
    </row>
    <row r="334" spans="1:92">
      <c r="A334" s="52" t="s">
        <v>1266</v>
      </c>
      <c r="B334" s="53">
        <v>-1014.69855677438</v>
      </c>
      <c r="C334" s="53">
        <v>-3828.6756372714399</v>
      </c>
      <c r="D334" s="53">
        <v>-4298.5818387498302</v>
      </c>
      <c r="E334" s="53">
        <v>-4465.1359600836104</v>
      </c>
      <c r="F334" s="53">
        <v>-4288.7309178037804</v>
      </c>
      <c r="G334" s="53">
        <v>-4330.95143870213</v>
      </c>
      <c r="H334" s="53">
        <v>-4566.6632005483098</v>
      </c>
      <c r="I334" s="53">
        <v>-4520.2469229571798</v>
      </c>
      <c r="J334" s="53">
        <v>-4243.9074113178604</v>
      </c>
      <c r="K334" s="53">
        <v>-4806.2918991895904</v>
      </c>
      <c r="L334" s="53">
        <v>-3842.2685224922402</v>
      </c>
      <c r="M334" s="53">
        <v>-4539.0383013846103</v>
      </c>
      <c r="N334" s="53">
        <v>-48745.190607274999</v>
      </c>
      <c r="O334" s="53">
        <v>-5135.7473948090201</v>
      </c>
      <c r="P334" s="53">
        <v>-8531.1318171131497</v>
      </c>
      <c r="Q334" s="53">
        <v>-9236.7288502309293</v>
      </c>
      <c r="R334" s="53">
        <v>-9374.7108622414908</v>
      </c>
      <c r="S334" s="53">
        <v>-8957.6968647116391</v>
      </c>
      <c r="T334" s="53">
        <v>-8999.6347825755493</v>
      </c>
      <c r="U334" s="53">
        <v>-9443.9515074370393</v>
      </c>
      <c r="V334" s="53">
        <v>-9307.3487129559398</v>
      </c>
      <c r="W334" s="53">
        <v>-8706.4389985689904</v>
      </c>
      <c r="X334" s="53">
        <v>-9821.7140167636408</v>
      </c>
      <c r="Y334" s="53">
        <v>-7829.7361207663098</v>
      </c>
      <c r="Z334" s="53">
        <v>-9222.30955432257</v>
      </c>
      <c r="AA334" s="53">
        <v>-104567.149482496</v>
      </c>
      <c r="AB334" s="53">
        <v>-8439.1305050241808</v>
      </c>
      <c r="AC334" s="53">
        <v>-8726.0060860162102</v>
      </c>
      <c r="AD334" s="53">
        <v>-9165.9233893673008</v>
      </c>
      <c r="AE334" s="53">
        <v>-9152.0112436096697</v>
      </c>
      <c r="AF334" s="53">
        <v>-8776.3351755391595</v>
      </c>
      <c r="AG334" s="53">
        <v>-8849.4641362063903</v>
      </c>
      <c r="AH334" s="53">
        <v>-9318.8446893051096</v>
      </c>
      <c r="AI334" s="53">
        <v>-9213.9106394405608</v>
      </c>
      <c r="AJ334" s="53">
        <v>-8643.2187417064506</v>
      </c>
      <c r="AK334" s="53">
        <v>-9780.4552071094095</v>
      </c>
      <c r="AL334" s="53">
        <v>-7814.6259695969202</v>
      </c>
      <c r="AM334" s="53">
        <v>-9227.3105033001793</v>
      </c>
      <c r="AN334" s="53">
        <v>-107107.236286221</v>
      </c>
      <c r="AO334" s="53">
        <v>-9786.7033835859602</v>
      </c>
      <c r="AP334" s="53">
        <v>-14527.6316614434</v>
      </c>
      <c r="AQ334" s="53">
        <v>-15713.076904211801</v>
      </c>
      <c r="AR334" s="53">
        <v>-15979.050902650801</v>
      </c>
      <c r="AS334" s="53">
        <v>-15347.824991892099</v>
      </c>
      <c r="AT334" s="53">
        <v>-15500.744466862599</v>
      </c>
      <c r="AU334" s="53">
        <v>-16348.140917664499</v>
      </c>
      <c r="AV334" s="53">
        <v>-16187.1931288593</v>
      </c>
      <c r="AW334" s="53">
        <v>-15203.2297855341</v>
      </c>
      <c r="AX334" s="53">
        <v>-17226.654754836702</v>
      </c>
      <c r="AY334" s="53">
        <v>-13777.7677834763</v>
      </c>
      <c r="AZ334" s="53">
        <v>-16285.7663092812</v>
      </c>
      <c r="BA334" s="53">
        <v>-181883.784990299</v>
      </c>
      <c r="BB334" s="53">
        <v>-15893.374385310201</v>
      </c>
      <c r="BC334" s="53">
        <v>-19606.474470497498</v>
      </c>
      <c r="BD334" s="53">
        <v>-20953.9484144372</v>
      </c>
      <c r="BE334" s="53">
        <v>-21164.670965523601</v>
      </c>
      <c r="BF334" s="53">
        <v>-20342.370765413802</v>
      </c>
      <c r="BG334" s="53">
        <v>-20558.965845491301</v>
      </c>
      <c r="BH334" s="53">
        <v>-21696.8833248597</v>
      </c>
      <c r="BI334" s="53">
        <v>-21495.980624317501</v>
      </c>
      <c r="BJ334" s="53">
        <v>-20199.518604872901</v>
      </c>
      <c r="BK334" s="53">
        <v>-22900.4772230616</v>
      </c>
      <c r="BL334" s="53">
        <v>-18322.993459704801</v>
      </c>
      <c r="BM334" s="53">
        <v>-21667.751456440601</v>
      </c>
      <c r="BN334" s="53">
        <v>-244803.40953993099</v>
      </c>
      <c r="BO334" s="53">
        <v>-20548.820132993798</v>
      </c>
      <c r="BP334" s="53">
        <v>-23471.351050369401</v>
      </c>
      <c r="BQ334" s="53">
        <v>-24939.748878171999</v>
      </c>
      <c r="BR334" s="53">
        <v>-25106.220885569401</v>
      </c>
      <c r="BS334" s="53">
        <v>-24137.235450464599</v>
      </c>
      <c r="BT334" s="53">
        <v>-24400.625867050501</v>
      </c>
      <c r="BU334" s="53">
        <v>-25757.589735570298</v>
      </c>
      <c r="BV334" s="53">
        <v>-25524.868473948802</v>
      </c>
      <c r="BW334" s="53">
        <v>-23990.0124015367</v>
      </c>
      <c r="BX334" s="53">
        <v>-27203.395828885201</v>
      </c>
      <c r="BY334" s="53">
        <v>-21769.108006132599</v>
      </c>
      <c r="BZ334" s="53">
        <v>-25746.982931493501</v>
      </c>
      <c r="CA334" s="53">
        <v>-292595.95964218699</v>
      </c>
      <c r="CB334" s="53"/>
      <c r="CC334" s="53"/>
      <c r="CD334" s="53"/>
      <c r="CE334" s="53"/>
      <c r="CF334" s="53"/>
      <c r="CG334" s="53"/>
      <c r="CH334" s="53"/>
      <c r="CI334" s="53"/>
      <c r="CJ334" s="53"/>
      <c r="CK334" s="53"/>
      <c r="CL334" s="53"/>
      <c r="CM334" s="53"/>
      <c r="CN334" s="53"/>
    </row>
    <row r="335" spans="1:92" outlineLevel="1">
      <c r="A335" s="52" t="s">
        <v>1263</v>
      </c>
      <c r="B335" s="53">
        <v>-135458.059321938</v>
      </c>
      <c r="C335" s="53">
        <v>-512055.58899023099</v>
      </c>
      <c r="D335" s="53">
        <v>-575095.96168116899</v>
      </c>
      <c r="E335" s="53">
        <v>-619068.36037643102</v>
      </c>
      <c r="F335" s="53">
        <v>-631817.43404161895</v>
      </c>
      <c r="G335" s="53">
        <v>-688577.76343241695</v>
      </c>
      <c r="H335" s="53">
        <v>-731790.02290798398</v>
      </c>
      <c r="I335" s="53">
        <v>-704377.43746580905</v>
      </c>
      <c r="J335" s="53">
        <v>-684002.919332469</v>
      </c>
      <c r="K335" s="53">
        <v>-783968.21771971998</v>
      </c>
      <c r="L335" s="53">
        <v>-584611.34596807999</v>
      </c>
      <c r="M335" s="53">
        <v>-631960.03186425206</v>
      </c>
      <c r="N335" s="53">
        <v>-7282783.1431021197</v>
      </c>
      <c r="O335" s="53">
        <v>-630243.15841278899</v>
      </c>
      <c r="P335" s="53">
        <v>-847277.21209372894</v>
      </c>
      <c r="Q335" s="53">
        <v>-837873.37928071397</v>
      </c>
      <c r="R335" s="53">
        <v>-880639.17230245494</v>
      </c>
      <c r="S335" s="53">
        <v>-906066.36450618599</v>
      </c>
      <c r="T335" s="53">
        <v>-985337.13744441001</v>
      </c>
      <c r="U335" s="53">
        <v>-1056527.2455038801</v>
      </c>
      <c r="V335" s="53">
        <v>-1058818.4135692599</v>
      </c>
      <c r="W335" s="53">
        <v>-979036.40649273002</v>
      </c>
      <c r="X335" s="53">
        <v>-1124492.9188822701</v>
      </c>
      <c r="Y335" s="53">
        <v>-835791.82718129701</v>
      </c>
      <c r="Z335" s="53">
        <v>-892217.25990296097</v>
      </c>
      <c r="AA335" s="53">
        <v>-11034320.495572601</v>
      </c>
      <c r="AB335" s="53">
        <v>-812039.07782575802</v>
      </c>
      <c r="AC335" s="53">
        <v>-887360.23397204396</v>
      </c>
      <c r="AD335" s="53">
        <v>-864479.853729925</v>
      </c>
      <c r="AE335" s="53">
        <v>-898843.26621298795</v>
      </c>
      <c r="AF335" s="53">
        <v>-924896.97018186201</v>
      </c>
      <c r="AG335" s="53">
        <v>-1005810.91717156</v>
      </c>
      <c r="AH335" s="53">
        <v>-1078390.96857338</v>
      </c>
      <c r="AI335" s="53">
        <v>-1080625.66168229</v>
      </c>
      <c r="AJ335" s="53">
        <v>-999067.31668894202</v>
      </c>
      <c r="AK335" s="53">
        <v>-1147662.63586452</v>
      </c>
      <c r="AL335" s="53">
        <v>-852935.13366578799</v>
      </c>
      <c r="AM335" s="53">
        <v>-910236.94088991405</v>
      </c>
      <c r="AN335" s="53">
        <v>-11462348.976459</v>
      </c>
      <c r="AO335" s="53">
        <v>-968944.51542815601</v>
      </c>
      <c r="AP335" s="53">
        <v>-1503035.8857452001</v>
      </c>
      <c r="AQ335" s="53">
        <v>-1499429.1167880101</v>
      </c>
      <c r="AR335" s="53">
        <v>-1586492.49784983</v>
      </c>
      <c r="AS335" s="53">
        <v>-1632863.9221824801</v>
      </c>
      <c r="AT335" s="53">
        <v>-1775908.0498806499</v>
      </c>
      <c r="AU335" s="53">
        <v>-1903844.3338250199</v>
      </c>
      <c r="AV335" s="53">
        <v>-1907543.7855292601</v>
      </c>
      <c r="AW335" s="53">
        <v>-1763263.3858178</v>
      </c>
      <c r="AX335" s="53">
        <v>-2026029.3237727699</v>
      </c>
      <c r="AY335" s="53">
        <v>-1505583.34136615</v>
      </c>
      <c r="AZ335" s="53">
        <v>-1606034.03994789</v>
      </c>
      <c r="BA335" s="53">
        <v>-19678972.1981332</v>
      </c>
      <c r="BB335" s="53">
        <v>-1560946.83278516</v>
      </c>
      <c r="BC335" s="53">
        <v>-2022533.7770293599</v>
      </c>
      <c r="BD335" s="53">
        <v>-1995065.3903860301</v>
      </c>
      <c r="BE335" s="53">
        <v>-2095889.4056688601</v>
      </c>
      <c r="BF335" s="53">
        <v>-2157477.5540254102</v>
      </c>
      <c r="BG335" s="53">
        <v>-2346594.9755266099</v>
      </c>
      <c r="BH335" s="53">
        <v>-2515433.2038758402</v>
      </c>
      <c r="BI335" s="53">
        <v>-2520075.14615566</v>
      </c>
      <c r="BJ335" s="53">
        <v>-2329163.7509526298</v>
      </c>
      <c r="BK335" s="53">
        <v>-2676715.2490513599</v>
      </c>
      <c r="BL335" s="53">
        <v>-1988974.1868008201</v>
      </c>
      <c r="BM335" s="53">
        <v>-2121023.88185459</v>
      </c>
      <c r="BN335" s="53">
        <v>-26329893.354112301</v>
      </c>
      <c r="BO335" s="53">
        <v>-1997123.18396252</v>
      </c>
      <c r="BP335" s="53">
        <v>-2399726.05735707</v>
      </c>
      <c r="BQ335" s="53">
        <v>-2354396.8242976302</v>
      </c>
      <c r="BR335" s="53">
        <v>-2465172.3770046602</v>
      </c>
      <c r="BS335" s="53">
        <v>-2537948.3072084598</v>
      </c>
      <c r="BT335" s="53">
        <v>-2760512.5142223099</v>
      </c>
      <c r="BU335" s="53">
        <v>-2958845.2076580999</v>
      </c>
      <c r="BV335" s="53">
        <v>-2963979.6522189202</v>
      </c>
      <c r="BW335" s="53">
        <v>-2739037.0373662198</v>
      </c>
      <c r="BX335" s="53">
        <v>-3148207.69415907</v>
      </c>
      <c r="BY335" s="53">
        <v>-2339077.53716018</v>
      </c>
      <c r="BZ335" s="53">
        <v>-2493517.3791375598</v>
      </c>
      <c r="CA335" s="53">
        <v>-31157543.7717527</v>
      </c>
      <c r="CB335" s="53">
        <v>-94432748.220314205</v>
      </c>
      <c r="CC335" s="53">
        <v>-94369961.312156901</v>
      </c>
      <c r="CD335" s="53">
        <v>-91701246.418512106</v>
      </c>
      <c r="CE335" s="53">
        <v>-95876473.778528094</v>
      </c>
      <c r="CF335" s="53">
        <v>-98232087.418552399</v>
      </c>
      <c r="CG335" s="53">
        <v>-116726884.052763</v>
      </c>
      <c r="CH335" s="53">
        <v>-135460117.89834899</v>
      </c>
      <c r="CI335" s="53">
        <v>-141402860.86805001</v>
      </c>
      <c r="CJ335" s="53">
        <v>-131318877.989205</v>
      </c>
      <c r="CK335" s="53">
        <v>-136809965.308929</v>
      </c>
      <c r="CL335" s="53">
        <v>-96219589.637727901</v>
      </c>
      <c r="CM335" s="53">
        <v>-99607989.318804502</v>
      </c>
      <c r="CN335" s="53">
        <v>-1332158802.22189</v>
      </c>
    </row>
    <row r="336" spans="1:92" outlineLevel="1">
      <c r="A336" s="52" t="s">
        <v>1264</v>
      </c>
      <c r="B336" s="53">
        <v>-903454.29309368401</v>
      </c>
      <c r="C336" s="53">
        <v>-3351732.79648074</v>
      </c>
      <c r="D336" s="53">
        <v>-3356292.6901871702</v>
      </c>
      <c r="E336" s="53">
        <v>-3591370.2930953</v>
      </c>
      <c r="F336" s="53">
        <v>-3715281.9933357802</v>
      </c>
      <c r="G336" s="53">
        <v>-4495480.2666709898</v>
      </c>
      <c r="H336" s="53">
        <v>-5326941.2725293497</v>
      </c>
      <c r="I336" s="53">
        <v>-5656920.27637274</v>
      </c>
      <c r="J336" s="53">
        <v>-5224493.66240313</v>
      </c>
      <c r="K336" s="53">
        <v>-5305743.1204777798</v>
      </c>
      <c r="L336" s="53">
        <v>-3635714.7367686601</v>
      </c>
      <c r="M336" s="53">
        <v>-3764512.7216996802</v>
      </c>
      <c r="N336" s="53">
        <v>-48327938.123115003</v>
      </c>
      <c r="O336" s="53">
        <v>-4376403.81588824</v>
      </c>
      <c r="P336" s="53">
        <v>-6593449.6833676295</v>
      </c>
      <c r="Q336" s="53">
        <v>-4679735.91667163</v>
      </c>
      <c r="R336" s="53">
        <v>-4839030.8266150299</v>
      </c>
      <c r="S336" s="53">
        <v>-5003158.8933091098</v>
      </c>
      <c r="T336" s="53">
        <v>-6234127.2755255299</v>
      </c>
      <c r="U336" s="53">
        <v>-7495218.0988205997</v>
      </c>
      <c r="V336" s="53">
        <v>-8496779.7267654594</v>
      </c>
      <c r="W336" s="53">
        <v>-8914445.7854443993</v>
      </c>
      <c r="X336" s="53">
        <v>-7542908.7148432098</v>
      </c>
      <c r="Y336" s="53">
        <v>-5018736.7044400303</v>
      </c>
      <c r="Z336" s="53">
        <v>-4877146.6472881101</v>
      </c>
      <c r="AA336" s="53">
        <v>-74071142.088979006</v>
      </c>
      <c r="AB336" s="53">
        <v>-5314910.2224222897</v>
      </c>
      <c r="AC336" s="53">
        <v>-6941114.6134587498</v>
      </c>
      <c r="AD336" s="53">
        <v>-4978847.9881517999</v>
      </c>
      <c r="AE336" s="53">
        <v>-5011626.1925101504</v>
      </c>
      <c r="AF336" s="53">
        <v>-5194266.3681148598</v>
      </c>
      <c r="AG336" s="53">
        <v>-6539464.5600647898</v>
      </c>
      <c r="AH336" s="53">
        <v>-7922428.5049572904</v>
      </c>
      <c r="AI336" s="53">
        <v>-8985103.4802111201</v>
      </c>
      <c r="AJ336" s="53">
        <v>-9392214.1784594096</v>
      </c>
      <c r="AK336" s="53">
        <v>-7962935.1374311699</v>
      </c>
      <c r="AL336" s="53">
        <v>-5267158.4498459203</v>
      </c>
      <c r="AM336" s="53">
        <v>-5088172.0844792398</v>
      </c>
      <c r="AN336" s="53">
        <v>-78598241.780106798</v>
      </c>
      <c r="AO336" s="53">
        <v>-6725571.2095993897</v>
      </c>
      <c r="AP336" s="53">
        <v>-11877611.3907691</v>
      </c>
      <c r="AQ336" s="53">
        <v>-8421265.3260554094</v>
      </c>
      <c r="AR336" s="53">
        <v>-8753731.9917781707</v>
      </c>
      <c r="AS336" s="53">
        <v>-9089838.7871743292</v>
      </c>
      <c r="AT336" s="53">
        <v>-11525091.062949199</v>
      </c>
      <c r="AU336" s="53">
        <v>-14032805.7672842</v>
      </c>
      <c r="AV336" s="53">
        <v>-15941159.578050001</v>
      </c>
      <c r="AW336" s="53">
        <v>-16668037.2734641</v>
      </c>
      <c r="AX336" s="53">
        <v>-14123631.131067101</v>
      </c>
      <c r="AY336" s="53">
        <v>-9320828.4236007202</v>
      </c>
      <c r="AZ336" s="53">
        <v>-8989769.6342542507</v>
      </c>
      <c r="BA336" s="53">
        <v>-135469341.57604599</v>
      </c>
      <c r="BB336" s="53">
        <v>-10609397.573555199</v>
      </c>
      <c r="BC336" s="53">
        <v>-15887246.3047217</v>
      </c>
      <c r="BD336" s="53">
        <v>-11132068.7879056</v>
      </c>
      <c r="BE336" s="53">
        <v>-11433634.541226801</v>
      </c>
      <c r="BF336" s="53">
        <v>-11889621.720584501</v>
      </c>
      <c r="BG336" s="53">
        <v>-15167374.186485</v>
      </c>
      <c r="BH336" s="53">
        <v>-18563550.194412999</v>
      </c>
      <c r="BI336" s="53">
        <v>-21124725.470557202</v>
      </c>
      <c r="BJ336" s="53">
        <v>-22096858.3704441</v>
      </c>
      <c r="BK336" s="53">
        <v>-18708982.885692898</v>
      </c>
      <c r="BL336" s="53">
        <v>-12317875.2420663</v>
      </c>
      <c r="BM336" s="53">
        <v>-11859737.1651942</v>
      </c>
      <c r="BN336" s="53">
        <v>-180791072.44284701</v>
      </c>
      <c r="BO336" s="53">
        <v>-13462288.135095401</v>
      </c>
      <c r="BP336" s="53">
        <v>-18782291.226543002</v>
      </c>
      <c r="BQ336" s="53">
        <v>-13067538.676412201</v>
      </c>
      <c r="BR336" s="53">
        <v>-13325790.102976101</v>
      </c>
      <c r="BS336" s="53">
        <v>-13879516.6707357</v>
      </c>
      <c r="BT336" s="53">
        <v>-17787333.310198501</v>
      </c>
      <c r="BU336" s="53">
        <v>-21866401.916923799</v>
      </c>
      <c r="BV336" s="53">
        <v>-24926056.227700099</v>
      </c>
      <c r="BW336" s="53">
        <v>-26095483.202852201</v>
      </c>
      <c r="BX336" s="53">
        <v>-22118757.204700399</v>
      </c>
      <c r="BY336" s="53">
        <v>-14565650.5248318</v>
      </c>
      <c r="BZ336" s="53">
        <v>-14034184.392944001</v>
      </c>
      <c r="CA336" s="53">
        <v>-213911291.59191301</v>
      </c>
      <c r="CB336" s="53"/>
      <c r="CC336" s="53"/>
      <c r="CD336" s="53"/>
      <c r="CE336" s="53"/>
      <c r="CF336" s="53"/>
      <c r="CG336" s="53"/>
      <c r="CH336" s="53"/>
      <c r="CI336" s="53"/>
      <c r="CJ336" s="53"/>
      <c r="CK336" s="53"/>
      <c r="CL336" s="53"/>
      <c r="CM336" s="53"/>
      <c r="CN336" s="53"/>
    </row>
    <row r="337" spans="1:92" outlineLevel="1">
      <c r="A337" s="52" t="s">
        <v>675</v>
      </c>
      <c r="B337" s="53"/>
      <c r="C337" s="53"/>
      <c r="D337" s="53"/>
      <c r="E337" s="53"/>
      <c r="F337" s="53"/>
      <c r="G337" s="53"/>
      <c r="H337" s="53"/>
      <c r="I337" s="53"/>
      <c r="J337" s="53"/>
      <c r="K337" s="53"/>
      <c r="L337" s="53"/>
      <c r="M337" s="53"/>
      <c r="N337" s="53"/>
      <c r="O337" s="53"/>
      <c r="P337" s="53"/>
      <c r="Q337" s="53"/>
      <c r="R337" s="53"/>
      <c r="S337" s="53"/>
      <c r="T337" s="53"/>
      <c r="U337" s="53"/>
      <c r="V337" s="53"/>
      <c r="W337" s="53"/>
      <c r="X337" s="53"/>
      <c r="Y337" s="53"/>
      <c r="Z337" s="53"/>
      <c r="AA337" s="53"/>
      <c r="AB337" s="53"/>
      <c r="AC337" s="53"/>
      <c r="AD337" s="53"/>
      <c r="AE337" s="53"/>
      <c r="AF337" s="53"/>
      <c r="AG337" s="53"/>
      <c r="AH337" s="53"/>
      <c r="AI337" s="53"/>
      <c r="AJ337" s="53"/>
      <c r="AK337" s="53"/>
      <c r="AL337" s="53"/>
      <c r="AM337" s="53"/>
      <c r="AN337" s="53"/>
      <c r="AO337" s="53"/>
      <c r="AP337" s="53"/>
      <c r="AQ337" s="53"/>
      <c r="AR337" s="53"/>
      <c r="AS337" s="53"/>
      <c r="AT337" s="53"/>
      <c r="AU337" s="53"/>
      <c r="AV337" s="53"/>
      <c r="AW337" s="53"/>
      <c r="AX337" s="53"/>
      <c r="AY337" s="53"/>
      <c r="AZ337" s="53"/>
      <c r="BA337" s="53"/>
      <c r="BB337" s="53"/>
      <c r="BC337" s="53"/>
      <c r="BD337" s="53"/>
      <c r="BE337" s="53"/>
      <c r="BF337" s="53"/>
      <c r="BG337" s="53"/>
      <c r="BH337" s="53"/>
      <c r="BI337" s="53"/>
      <c r="BJ337" s="53"/>
      <c r="BK337" s="53"/>
      <c r="BL337" s="53"/>
      <c r="BM337" s="53"/>
      <c r="BN337" s="53"/>
      <c r="BO337" s="53"/>
      <c r="BP337" s="53"/>
      <c r="BQ337" s="53"/>
      <c r="BR337" s="53"/>
      <c r="BS337" s="53"/>
      <c r="BT337" s="53"/>
      <c r="BU337" s="53"/>
      <c r="BV337" s="53"/>
      <c r="BW337" s="53"/>
      <c r="BX337" s="53"/>
      <c r="BY337" s="53"/>
      <c r="BZ337" s="53"/>
      <c r="CA337" s="53"/>
      <c r="CB337" s="53"/>
      <c r="CC337" s="53"/>
      <c r="CD337" s="53"/>
      <c r="CE337" s="53"/>
      <c r="CF337" s="53"/>
      <c r="CG337" s="53"/>
      <c r="CH337" s="53"/>
      <c r="CI337" s="53"/>
      <c r="CJ337" s="53"/>
      <c r="CK337" s="53"/>
      <c r="CL337" s="53"/>
      <c r="CM337" s="53"/>
      <c r="CN337" s="53"/>
    </row>
    <row r="338" spans="1:92" outlineLevel="1">
      <c r="A338" s="52" t="s">
        <v>1246</v>
      </c>
      <c r="B338" s="53"/>
      <c r="C338" s="53"/>
      <c r="D338" s="53"/>
      <c r="E338" s="53"/>
      <c r="F338" s="53"/>
      <c r="G338" s="53"/>
      <c r="H338" s="53"/>
      <c r="I338" s="53"/>
      <c r="J338" s="53"/>
      <c r="K338" s="53"/>
      <c r="L338" s="53"/>
      <c r="M338" s="53"/>
      <c r="N338" s="53"/>
      <c r="O338" s="53"/>
      <c r="P338" s="53"/>
      <c r="Q338" s="53"/>
      <c r="R338" s="53"/>
      <c r="S338" s="53"/>
      <c r="T338" s="53"/>
      <c r="U338" s="53"/>
      <c r="V338" s="53"/>
      <c r="W338" s="53"/>
      <c r="X338" s="53"/>
      <c r="Y338" s="53"/>
      <c r="Z338" s="53"/>
      <c r="AA338" s="53"/>
      <c r="AB338" s="53"/>
      <c r="AC338" s="53"/>
      <c r="AD338" s="53"/>
      <c r="AE338" s="53"/>
      <c r="AF338" s="53"/>
      <c r="AG338" s="53"/>
      <c r="AH338" s="53"/>
      <c r="AI338" s="53"/>
      <c r="AJ338" s="53"/>
      <c r="AK338" s="53"/>
      <c r="AL338" s="53"/>
      <c r="AM338" s="53"/>
      <c r="AN338" s="53"/>
      <c r="AO338" s="53"/>
      <c r="AP338" s="53"/>
      <c r="AQ338" s="53"/>
      <c r="AR338" s="53"/>
      <c r="AS338" s="53"/>
      <c r="AT338" s="53"/>
      <c r="AU338" s="53"/>
      <c r="AV338" s="53"/>
      <c r="AW338" s="53"/>
      <c r="AX338" s="53"/>
      <c r="AY338" s="53"/>
      <c r="AZ338" s="53"/>
      <c r="BA338" s="53"/>
      <c r="BB338" s="53"/>
      <c r="BC338" s="53"/>
      <c r="BD338" s="53"/>
      <c r="BE338" s="53"/>
      <c r="BF338" s="53"/>
      <c r="BG338" s="53"/>
      <c r="BH338" s="53"/>
      <c r="BI338" s="53"/>
      <c r="BJ338" s="53"/>
      <c r="BK338" s="53"/>
      <c r="BL338" s="53"/>
      <c r="BM338" s="53"/>
      <c r="BN338" s="53"/>
      <c r="BO338" s="53"/>
      <c r="BP338" s="53"/>
      <c r="BQ338" s="53"/>
      <c r="BR338" s="53"/>
      <c r="BS338" s="53"/>
      <c r="BT338" s="53"/>
      <c r="BU338" s="53"/>
      <c r="BV338" s="53"/>
      <c r="BW338" s="53"/>
      <c r="BX338" s="53"/>
      <c r="BY338" s="53"/>
      <c r="BZ338" s="53"/>
      <c r="CA338" s="53"/>
      <c r="CB338" s="53">
        <v>443110.86610271898</v>
      </c>
      <c r="CC338" s="53">
        <v>374766.93418954202</v>
      </c>
      <c r="CD338" s="53">
        <v>411860.58209293202</v>
      </c>
      <c r="CE338" s="53">
        <v>309320.21617517201</v>
      </c>
      <c r="CF338" s="53">
        <v>327877.99139216199</v>
      </c>
      <c r="CG338" s="53">
        <v>321814.55080753</v>
      </c>
      <c r="CH338" s="53">
        <v>334998.21706726903</v>
      </c>
      <c r="CI338" s="53">
        <v>339585.19625758298</v>
      </c>
      <c r="CJ338" s="53">
        <v>328938.60394039197</v>
      </c>
      <c r="CK338" s="53">
        <v>386593.26848698198</v>
      </c>
      <c r="CL338" s="53">
        <v>356849.393456875</v>
      </c>
      <c r="CM338" s="53">
        <v>437325.99130017002</v>
      </c>
      <c r="CN338" s="53">
        <v>4373041.8112693299</v>
      </c>
    </row>
    <row r="339" spans="1:92" outlineLevel="1">
      <c r="A339" s="52" t="s">
        <v>1249</v>
      </c>
      <c r="B339" s="53">
        <v>-96463546.520651296</v>
      </c>
      <c r="C339" s="53">
        <v>-135180838.53455499</v>
      </c>
      <c r="D339" s="53">
        <v>-136299216.23783001</v>
      </c>
      <c r="E339" s="53">
        <v>-146869401.279787</v>
      </c>
      <c r="F339" s="53">
        <v>-150580910.07515901</v>
      </c>
      <c r="G339" s="53">
        <v>-172580380.553489</v>
      </c>
      <c r="H339" s="53">
        <v>-197832259.71818399</v>
      </c>
      <c r="I339" s="53">
        <v>-205089769.22558799</v>
      </c>
      <c r="J339" s="53">
        <v>-190904581.831781</v>
      </c>
      <c r="K339" s="53">
        <v>-200075060.98661199</v>
      </c>
      <c r="L339" s="53">
        <v>-142156175.27028599</v>
      </c>
      <c r="M339" s="53">
        <v>-150917053.19103801</v>
      </c>
      <c r="N339" s="53">
        <v>-1924949193.4249599</v>
      </c>
      <c r="O339" s="53">
        <v>-166766165.44639599</v>
      </c>
      <c r="P339" s="53">
        <v>-243054000.87109399</v>
      </c>
      <c r="Q339" s="53">
        <v>-190873019.240731</v>
      </c>
      <c r="R339" s="53">
        <v>-203262069.08126301</v>
      </c>
      <c r="S339" s="53">
        <v>-213005755.48536399</v>
      </c>
      <c r="T339" s="53">
        <v>-249235781.30038401</v>
      </c>
      <c r="U339" s="53">
        <v>-281242696.06394899</v>
      </c>
      <c r="V339" s="53">
        <v>-307275968.82789898</v>
      </c>
      <c r="W339" s="53">
        <v>-315680430.36062098</v>
      </c>
      <c r="X339" s="53">
        <v>-284920529.24478102</v>
      </c>
      <c r="Y339" s="53">
        <v>-197983427.77459401</v>
      </c>
      <c r="Z339" s="53">
        <v>-198420878.40011799</v>
      </c>
      <c r="AA339" s="53">
        <v>-2851720722.0971899</v>
      </c>
      <c r="AB339" s="53">
        <v>-198539123.70489901</v>
      </c>
      <c r="AC339" s="53">
        <v>-231266502.631787</v>
      </c>
      <c r="AD339" s="53">
        <v>-180719489.033252</v>
      </c>
      <c r="AE339" s="53">
        <v>-187280902.850364</v>
      </c>
      <c r="AF339" s="53">
        <v>-196894672.97815299</v>
      </c>
      <c r="AG339" s="53">
        <v>-232218477.38704401</v>
      </c>
      <c r="AH339" s="53">
        <v>-263346317.314331</v>
      </c>
      <c r="AI339" s="53">
        <v>-287835248.13905197</v>
      </c>
      <c r="AJ339" s="53">
        <v>-295482499.08592302</v>
      </c>
      <c r="AK339" s="53">
        <v>-266576905.65420601</v>
      </c>
      <c r="AL339" s="53">
        <v>-184245254.221365</v>
      </c>
      <c r="AM339" s="53">
        <v>-183539229.68939501</v>
      </c>
      <c r="AN339" s="53">
        <v>-2707944622.6897702</v>
      </c>
      <c r="AO339" s="53">
        <v>-171552453.79966599</v>
      </c>
      <c r="AP339" s="53">
        <v>-164294872.82768801</v>
      </c>
      <c r="AQ339" s="53">
        <v>-124561443.36114199</v>
      </c>
      <c r="AR339" s="53">
        <v>-129616538.44249199</v>
      </c>
      <c r="AS339" s="53">
        <v>-136387697.46625099</v>
      </c>
      <c r="AT339" s="53">
        <v>-161545007.53778201</v>
      </c>
      <c r="AU339" s="53">
        <v>-183671378.627891</v>
      </c>
      <c r="AV339" s="53">
        <v>-201191027.417795</v>
      </c>
      <c r="AW339" s="53">
        <v>-206356273.92914799</v>
      </c>
      <c r="AX339" s="53">
        <v>-186169379.42292699</v>
      </c>
      <c r="AY339" s="53">
        <v>-128111049.795011</v>
      </c>
      <c r="AZ339" s="53">
        <v>-127761218.18048801</v>
      </c>
      <c r="BA339" s="53">
        <v>-1921218340.80828</v>
      </c>
      <c r="BB339" s="53">
        <v>-129310721.86910599</v>
      </c>
      <c r="BC339" s="53">
        <v>-154121073.007983</v>
      </c>
      <c r="BD339" s="53">
        <v>-118528480.33093899</v>
      </c>
      <c r="BE339" s="53">
        <v>-124876561.447532</v>
      </c>
      <c r="BF339" s="53">
        <v>-131487250.134253</v>
      </c>
      <c r="BG339" s="53">
        <v>-156110096.512808</v>
      </c>
      <c r="BH339" s="53">
        <v>-178265977.18667299</v>
      </c>
      <c r="BI339" s="53">
        <v>-195296595.19141099</v>
      </c>
      <c r="BJ339" s="53">
        <v>-200307604.06631199</v>
      </c>
      <c r="BK339" s="53">
        <v>-180854561.103302</v>
      </c>
      <c r="BL339" s="53">
        <v>-124440617.04586899</v>
      </c>
      <c r="BM339" s="53">
        <v>-123620001.255597</v>
      </c>
      <c r="BN339" s="53">
        <v>-1817219539.1517899</v>
      </c>
      <c r="BO339" s="53">
        <v>-124934141.51274399</v>
      </c>
      <c r="BP339" s="53">
        <v>-147725872.93409199</v>
      </c>
      <c r="BQ339" s="53">
        <v>-113357625.571483</v>
      </c>
      <c r="BR339" s="53">
        <v>-119122434.080054</v>
      </c>
      <c r="BS339" s="53">
        <v>-125568549.812217</v>
      </c>
      <c r="BT339" s="53">
        <v>-149666761.64789</v>
      </c>
      <c r="BU339" s="53">
        <v>-171400074.42767799</v>
      </c>
      <c r="BV339" s="53">
        <v>-187909396.85914099</v>
      </c>
      <c r="BW339" s="53">
        <v>-192767069.42352101</v>
      </c>
      <c r="BX339" s="53">
        <v>-174244629.314197</v>
      </c>
      <c r="BY339" s="53">
        <v>-119906458.989871</v>
      </c>
      <c r="BZ339" s="53">
        <v>-119237526.136066</v>
      </c>
      <c r="CA339" s="53">
        <v>-1745840540.70895</v>
      </c>
      <c r="CB339" s="53"/>
      <c r="CC339" s="53"/>
      <c r="CD339" s="53"/>
      <c r="CE339" s="53"/>
      <c r="CF339" s="53"/>
      <c r="CG339" s="53"/>
      <c r="CH339" s="53"/>
      <c r="CI339" s="53"/>
      <c r="CJ339" s="53"/>
      <c r="CK339" s="53"/>
      <c r="CL339" s="53"/>
      <c r="CM339" s="53"/>
      <c r="CN339" s="53"/>
    </row>
    <row r="340" spans="1:92">
      <c r="A340" s="52" t="s">
        <v>1247</v>
      </c>
      <c r="B340" s="53"/>
      <c r="C340" s="53"/>
      <c r="D340" s="53"/>
      <c r="E340" s="53"/>
      <c r="F340" s="53"/>
      <c r="G340" s="53"/>
      <c r="H340" s="53"/>
      <c r="I340" s="53"/>
      <c r="J340" s="53"/>
      <c r="K340" s="53"/>
      <c r="L340" s="53"/>
      <c r="M340" s="53"/>
      <c r="N340" s="53"/>
      <c r="O340" s="53"/>
      <c r="P340" s="53"/>
      <c r="Q340" s="53"/>
      <c r="R340" s="53"/>
      <c r="S340" s="53"/>
      <c r="T340" s="53"/>
      <c r="U340" s="53"/>
      <c r="V340" s="53"/>
      <c r="W340" s="53"/>
      <c r="X340" s="53"/>
      <c r="Y340" s="53"/>
      <c r="Z340" s="53"/>
      <c r="AA340" s="53"/>
      <c r="AB340" s="53"/>
      <c r="AC340" s="53"/>
      <c r="AD340" s="53"/>
      <c r="AE340" s="53"/>
      <c r="AF340" s="53"/>
      <c r="AG340" s="53"/>
      <c r="AH340" s="53"/>
      <c r="AI340" s="53"/>
      <c r="AJ340" s="53"/>
      <c r="AK340" s="53"/>
      <c r="AL340" s="53"/>
      <c r="AM340" s="53"/>
      <c r="AN340" s="53"/>
      <c r="AO340" s="53"/>
      <c r="AP340" s="53"/>
      <c r="AQ340" s="53"/>
      <c r="AR340" s="53"/>
      <c r="AS340" s="53"/>
      <c r="AT340" s="53"/>
      <c r="AU340" s="53"/>
      <c r="AV340" s="53"/>
      <c r="AW340" s="53"/>
      <c r="AX340" s="53"/>
      <c r="AY340" s="53"/>
      <c r="AZ340" s="53"/>
      <c r="BA340" s="53"/>
      <c r="BB340" s="53"/>
      <c r="BC340" s="53"/>
      <c r="BD340" s="53"/>
      <c r="BE340" s="53"/>
      <c r="BF340" s="53"/>
      <c r="BG340" s="53"/>
      <c r="BH340" s="53"/>
      <c r="BI340" s="53"/>
      <c r="BJ340" s="53"/>
      <c r="BK340" s="53"/>
      <c r="BL340" s="53"/>
      <c r="BM340" s="53"/>
      <c r="BN340" s="53"/>
      <c r="BO340" s="53"/>
      <c r="BP340" s="53"/>
      <c r="BQ340" s="53"/>
      <c r="BR340" s="53"/>
      <c r="BS340" s="53"/>
      <c r="BT340" s="53"/>
      <c r="BU340" s="53"/>
      <c r="BV340" s="53"/>
      <c r="BW340" s="53"/>
      <c r="BX340" s="53"/>
      <c r="BY340" s="53"/>
      <c r="BZ340" s="53"/>
      <c r="CA340" s="53"/>
      <c r="CB340" s="53">
        <v>22792.929675146501</v>
      </c>
      <c r="CC340" s="53">
        <v>42923.529018788598</v>
      </c>
      <c r="CD340" s="53">
        <v>25492.149875914401</v>
      </c>
      <c r="CE340" s="53">
        <v>30135.2512537445</v>
      </c>
      <c r="CF340" s="53">
        <v>17897.941782620899</v>
      </c>
      <c r="CG340" s="53">
        <v>21647.0211627916</v>
      </c>
      <c r="CH340" s="53">
        <v>60904.237280389199</v>
      </c>
      <c r="CI340" s="53">
        <v>70213.233293351106</v>
      </c>
      <c r="CJ340" s="53">
        <v>61201.006357274498</v>
      </c>
      <c r="CK340" s="53">
        <v>61708.1423847693</v>
      </c>
      <c r="CL340" s="53">
        <v>60348.043877687996</v>
      </c>
      <c r="CM340" s="53">
        <v>68736.952508731396</v>
      </c>
      <c r="CN340" s="53">
        <v>544000.43847120996</v>
      </c>
    </row>
    <row r="341" spans="1:92" outlineLevel="1">
      <c r="A341" s="52" t="s">
        <v>1248</v>
      </c>
      <c r="B341" s="53"/>
      <c r="C341" s="53"/>
      <c r="D341" s="53"/>
      <c r="E341" s="53"/>
      <c r="F341" s="53"/>
      <c r="G341" s="53"/>
      <c r="H341" s="53"/>
      <c r="I341" s="53"/>
      <c r="J341" s="53"/>
      <c r="K341" s="53"/>
      <c r="L341" s="53"/>
      <c r="M341" s="53"/>
      <c r="N341" s="53"/>
      <c r="O341" s="53"/>
      <c r="P341" s="53"/>
      <c r="Q341" s="53"/>
      <c r="R341" s="53"/>
      <c r="S341" s="53"/>
      <c r="T341" s="53"/>
      <c r="U341" s="53"/>
      <c r="V341" s="53"/>
      <c r="W341" s="53"/>
      <c r="X341" s="53"/>
      <c r="Y341" s="53"/>
      <c r="Z341" s="53"/>
      <c r="AA341" s="53"/>
      <c r="AB341" s="53"/>
      <c r="AC341" s="53"/>
      <c r="AD341" s="53"/>
      <c r="AE341" s="53"/>
      <c r="AF341" s="53"/>
      <c r="AG341" s="53"/>
      <c r="AH341" s="53"/>
      <c r="AI341" s="53"/>
      <c r="AJ341" s="53"/>
      <c r="AK341" s="53"/>
      <c r="AL341" s="53"/>
      <c r="AM341" s="53"/>
      <c r="AN341" s="53"/>
      <c r="AO341" s="53"/>
      <c r="AP341" s="53"/>
      <c r="AQ341" s="53"/>
      <c r="AR341" s="53"/>
      <c r="AS341" s="53"/>
      <c r="AT341" s="53"/>
      <c r="AU341" s="53"/>
      <c r="AV341" s="53"/>
      <c r="AW341" s="53"/>
      <c r="AX341" s="53"/>
      <c r="AY341" s="53"/>
      <c r="AZ341" s="53"/>
      <c r="BA341" s="53"/>
      <c r="BB341" s="53"/>
      <c r="BC341" s="53"/>
      <c r="BD341" s="53"/>
      <c r="BE341" s="53"/>
      <c r="BF341" s="53"/>
      <c r="BG341" s="53"/>
      <c r="BH341" s="53"/>
      <c r="BI341" s="53"/>
      <c r="BJ341" s="53"/>
      <c r="BK341" s="53"/>
      <c r="BL341" s="53"/>
      <c r="BM341" s="53"/>
      <c r="BN341" s="53"/>
      <c r="BO341" s="53"/>
      <c r="BP341" s="53"/>
      <c r="BQ341" s="53"/>
      <c r="BR341" s="53"/>
      <c r="BS341" s="53"/>
      <c r="BT341" s="53"/>
      <c r="BU341" s="53"/>
      <c r="BV341" s="53"/>
      <c r="BW341" s="53"/>
      <c r="BX341" s="53"/>
      <c r="BY341" s="53"/>
      <c r="BZ341" s="53"/>
      <c r="CA341" s="53"/>
      <c r="CB341" s="53"/>
      <c r="CC341" s="53"/>
      <c r="CD341" s="53"/>
      <c r="CE341" s="53"/>
      <c r="CF341" s="53"/>
      <c r="CG341" s="53"/>
      <c r="CH341" s="53"/>
      <c r="CI341" s="53"/>
      <c r="CJ341" s="53"/>
      <c r="CK341" s="53"/>
      <c r="CL341" s="53"/>
      <c r="CM341" s="53"/>
      <c r="CN341" s="53"/>
    </row>
    <row r="342" spans="1:92" outlineLevel="1">
      <c r="A342" s="52" t="s">
        <v>649</v>
      </c>
      <c r="B342" s="53">
        <v>2743416.4631051798</v>
      </c>
      <c r="C342" s="53">
        <v>2131472.2341688098</v>
      </c>
      <c r="D342" s="53">
        <v>1781790.0777302</v>
      </c>
      <c r="E342" s="53">
        <v>694603.66442794004</v>
      </c>
      <c r="F342" s="53">
        <v>629769.55830318597</v>
      </c>
      <c r="G342" s="53">
        <v>581901.95061849197</v>
      </c>
      <c r="H342" s="53">
        <v>873954.861586691</v>
      </c>
      <c r="I342" s="53">
        <v>874720.62436687702</v>
      </c>
      <c r="J342" s="53">
        <v>843902.37498390896</v>
      </c>
      <c r="K342" s="53">
        <v>849344.59679849399</v>
      </c>
      <c r="L342" s="53">
        <v>656531.54544786399</v>
      </c>
      <c r="M342" s="53">
        <v>903934.74421155802</v>
      </c>
      <c r="N342" s="53">
        <v>13565342.695749201</v>
      </c>
      <c r="O342" s="53">
        <v>2084298.0994595501</v>
      </c>
      <c r="P342" s="53">
        <v>1984381.6632226401</v>
      </c>
      <c r="Q342" s="53">
        <v>2416221.7540972899</v>
      </c>
      <c r="R342" s="53">
        <v>2814683.1936568399</v>
      </c>
      <c r="S342" s="53">
        <v>2753720.1509282598</v>
      </c>
      <c r="T342" s="53">
        <v>3679724.9093171102</v>
      </c>
      <c r="U342" s="53">
        <v>4457509.0419478202</v>
      </c>
      <c r="V342" s="53">
        <v>3926376.0527628399</v>
      </c>
      <c r="W342" s="53">
        <v>3448338.94546672</v>
      </c>
      <c r="X342" s="53">
        <v>4050786.5327370702</v>
      </c>
      <c r="Y342" s="53">
        <v>3219439.2831973801</v>
      </c>
      <c r="Z342" s="53">
        <v>4826635.8343028603</v>
      </c>
      <c r="AA342" s="53">
        <v>39662115.461096399</v>
      </c>
      <c r="AB342" s="53">
        <v>1512506.2214154</v>
      </c>
      <c r="AC342" s="53">
        <v>1531387.4001426101</v>
      </c>
      <c r="AD342" s="53">
        <v>1825631.1291002601</v>
      </c>
      <c r="AE342" s="53">
        <v>2227637.2722332501</v>
      </c>
      <c r="AF342" s="53">
        <v>2169754.93692639</v>
      </c>
      <c r="AG342" s="53">
        <v>2985010.7197277402</v>
      </c>
      <c r="AH342" s="53">
        <v>3531556.98984343</v>
      </c>
      <c r="AI342" s="53">
        <v>3166526.5268250601</v>
      </c>
      <c r="AJ342" s="53">
        <v>2820611.5984066701</v>
      </c>
      <c r="AK342" s="53">
        <v>3391245.8875457598</v>
      </c>
      <c r="AL342" s="53">
        <v>2762181.5588388401</v>
      </c>
      <c r="AM342" s="53">
        <v>4117418.7350950302</v>
      </c>
      <c r="AN342" s="53">
        <v>32041468.9761004</v>
      </c>
      <c r="AO342" s="53">
        <v>636361.84366106999</v>
      </c>
      <c r="AP342" s="53">
        <v>566337.86061880295</v>
      </c>
      <c r="AQ342" s="53">
        <v>616104.59002085798</v>
      </c>
      <c r="AR342" s="53">
        <v>472731.00183010299</v>
      </c>
      <c r="AS342" s="53">
        <v>443453.97011011897</v>
      </c>
      <c r="AT342" s="53">
        <v>424517.20318619901</v>
      </c>
      <c r="AU342" s="53">
        <v>463680.00236431003</v>
      </c>
      <c r="AV342" s="53">
        <v>498144.87638907402</v>
      </c>
      <c r="AW342" s="53">
        <v>481132.34443810902</v>
      </c>
      <c r="AX342" s="53">
        <v>481870.51815674</v>
      </c>
      <c r="AY342" s="53">
        <v>503490.238304967</v>
      </c>
      <c r="AZ342" s="53">
        <v>612361.35003153596</v>
      </c>
      <c r="BA342" s="53">
        <v>6200185.7991118897</v>
      </c>
      <c r="BB342" s="53">
        <v>632323.61167207395</v>
      </c>
      <c r="BC342" s="53">
        <v>571086.44043036597</v>
      </c>
      <c r="BD342" s="53">
        <v>589364.11983287195</v>
      </c>
      <c r="BE342" s="53">
        <v>429493.90613010002</v>
      </c>
      <c r="BF342" s="53">
        <v>466370.87115411903</v>
      </c>
      <c r="BG342" s="53">
        <v>450919.47127108701</v>
      </c>
      <c r="BH342" s="53">
        <v>475710.05686567101</v>
      </c>
      <c r="BI342" s="53">
        <v>492272.99960638297</v>
      </c>
      <c r="BJ342" s="53">
        <v>476425.31707493798</v>
      </c>
      <c r="BK342" s="53">
        <v>534151.40123273095</v>
      </c>
      <c r="BL342" s="53">
        <v>549763.75346925994</v>
      </c>
      <c r="BM342" s="53">
        <v>629221.30396527704</v>
      </c>
      <c r="BN342" s="53">
        <v>6297103.2527048802</v>
      </c>
      <c r="BO342" s="53">
        <v>629701.478562259</v>
      </c>
      <c r="BP342" s="53">
        <v>545681.13909299602</v>
      </c>
      <c r="BQ342" s="53">
        <v>580947.06194173999</v>
      </c>
      <c r="BR342" s="53">
        <v>474094.35143996897</v>
      </c>
      <c r="BS342" s="53">
        <v>460523.52984044602</v>
      </c>
      <c r="BT342" s="53">
        <v>452007.59052472899</v>
      </c>
      <c r="BU342" s="53">
        <v>469691.71284920903</v>
      </c>
      <c r="BV342" s="53">
        <v>482724.15601380798</v>
      </c>
      <c r="BW342" s="53">
        <v>462175.60266473901</v>
      </c>
      <c r="BX342" s="53">
        <v>483890.35726451903</v>
      </c>
      <c r="BY342" s="53">
        <v>488028.12336450903</v>
      </c>
      <c r="BZ342" s="53">
        <v>564490.95935285103</v>
      </c>
      <c r="CA342" s="53">
        <v>6093956.0629117796</v>
      </c>
      <c r="CB342" s="53"/>
      <c r="CC342" s="53"/>
      <c r="CD342" s="53"/>
      <c r="CE342" s="53"/>
      <c r="CF342" s="53"/>
      <c r="CG342" s="53"/>
      <c r="CH342" s="53"/>
      <c r="CI342" s="53"/>
      <c r="CJ342" s="53"/>
      <c r="CK342" s="53"/>
      <c r="CL342" s="53"/>
      <c r="CM342" s="53"/>
      <c r="CN342" s="53"/>
    </row>
    <row r="343" spans="1:92" outlineLevel="1">
      <c r="A343" s="52" t="s">
        <v>1250</v>
      </c>
      <c r="B343" s="53"/>
      <c r="C343" s="53"/>
      <c r="D343" s="53"/>
      <c r="E343" s="53"/>
      <c r="F343" s="53"/>
      <c r="G343" s="53"/>
      <c r="H343" s="53"/>
      <c r="I343" s="53"/>
      <c r="J343" s="53"/>
      <c r="K343" s="53"/>
      <c r="L343" s="53"/>
      <c r="M343" s="53"/>
      <c r="N343" s="53"/>
      <c r="O343" s="53"/>
      <c r="P343" s="53"/>
      <c r="Q343" s="53"/>
      <c r="R343" s="53"/>
      <c r="S343" s="53"/>
      <c r="T343" s="53"/>
      <c r="U343" s="53"/>
      <c r="V343" s="53"/>
      <c r="W343" s="53"/>
      <c r="X343" s="53"/>
      <c r="Y343" s="53"/>
      <c r="Z343" s="53"/>
      <c r="AA343" s="53"/>
      <c r="AB343" s="53"/>
      <c r="AC343" s="53"/>
      <c r="AD343" s="53"/>
      <c r="AE343" s="53"/>
      <c r="AF343" s="53"/>
      <c r="AG343" s="53"/>
      <c r="AH343" s="53"/>
      <c r="AI343" s="53"/>
      <c r="AJ343" s="53"/>
      <c r="AK343" s="53"/>
      <c r="AL343" s="53"/>
      <c r="AM343" s="53"/>
      <c r="AN343" s="53"/>
      <c r="AO343" s="53"/>
      <c r="AP343" s="53"/>
      <c r="AQ343" s="53"/>
      <c r="AR343" s="53"/>
      <c r="AS343" s="53"/>
      <c r="AT343" s="53"/>
      <c r="AU343" s="53"/>
      <c r="AV343" s="53"/>
      <c r="AW343" s="53"/>
      <c r="AX343" s="53"/>
      <c r="AY343" s="53"/>
      <c r="AZ343" s="53"/>
      <c r="BA343" s="53"/>
      <c r="BB343" s="53"/>
      <c r="BC343" s="53"/>
      <c r="BD343" s="53"/>
      <c r="BE343" s="53"/>
      <c r="BF343" s="53"/>
      <c r="BG343" s="53"/>
      <c r="BH343" s="53"/>
      <c r="BI343" s="53"/>
      <c r="BJ343" s="53"/>
      <c r="BK343" s="53"/>
      <c r="BL343" s="53"/>
      <c r="BM343" s="53"/>
      <c r="BN343" s="53"/>
      <c r="BO343" s="53"/>
      <c r="BP343" s="53"/>
      <c r="BQ343" s="53"/>
      <c r="BR343" s="53"/>
      <c r="BS343" s="53"/>
      <c r="BT343" s="53"/>
      <c r="BU343" s="53"/>
      <c r="BV343" s="53"/>
      <c r="BW343" s="53"/>
      <c r="BX343" s="53"/>
      <c r="BY343" s="53"/>
      <c r="BZ343" s="53"/>
      <c r="CA343" s="53"/>
      <c r="CB343" s="53"/>
      <c r="CC343" s="53"/>
      <c r="CD343" s="53"/>
      <c r="CE343" s="53"/>
      <c r="CF343" s="53"/>
      <c r="CG343" s="53"/>
      <c r="CH343" s="53"/>
      <c r="CI343" s="53"/>
      <c r="CJ343" s="53"/>
      <c r="CK343" s="53"/>
      <c r="CL343" s="53"/>
      <c r="CM343" s="53"/>
      <c r="CN343" s="53"/>
    </row>
    <row r="344" spans="1:92" outlineLevel="1">
      <c r="A344" s="52" t="s">
        <v>649</v>
      </c>
      <c r="B344" s="53">
        <v>26259.534003308501</v>
      </c>
      <c r="C344" s="53">
        <v>47600.570986477702</v>
      </c>
      <c r="D344" s="53">
        <v>43174.804548433203</v>
      </c>
      <c r="E344" s="53">
        <v>51544.426838227198</v>
      </c>
      <c r="F344" s="53">
        <v>33672.378730987803</v>
      </c>
      <c r="G344" s="53">
        <v>33126.842980366797</v>
      </c>
      <c r="H344" s="53">
        <v>120195.67607650001</v>
      </c>
      <c r="I344" s="53">
        <v>141781.718066737</v>
      </c>
      <c r="J344" s="53">
        <v>159946.056670563</v>
      </c>
      <c r="K344" s="53">
        <v>158045.50466753199</v>
      </c>
      <c r="L344" s="53">
        <v>152696.335958674</v>
      </c>
      <c r="M344" s="53">
        <v>175549.213041949</v>
      </c>
      <c r="N344" s="53">
        <v>1143593.06256975</v>
      </c>
      <c r="O344" s="53">
        <v>45798.298789285</v>
      </c>
      <c r="P344" s="53">
        <v>85018.962315359095</v>
      </c>
      <c r="Q344" s="53">
        <v>37660.110173381603</v>
      </c>
      <c r="R344" s="53">
        <v>63057.733443543897</v>
      </c>
      <c r="S344" s="53">
        <v>34681.823918407397</v>
      </c>
      <c r="T344" s="53">
        <v>37070.370093831698</v>
      </c>
      <c r="U344" s="53">
        <v>102483.82395090901</v>
      </c>
      <c r="V344" s="53">
        <v>119237.331035134</v>
      </c>
      <c r="W344" s="53">
        <v>106522.463297828</v>
      </c>
      <c r="X344" s="53">
        <v>83627.152333526799</v>
      </c>
      <c r="Y344" s="53">
        <v>100624.96847155099</v>
      </c>
      <c r="Z344" s="53">
        <v>115340.217512654</v>
      </c>
      <c r="AA344" s="53">
        <v>931123.25533541397</v>
      </c>
      <c r="AB344" s="53">
        <v>43127.0262190254</v>
      </c>
      <c r="AC344" s="53">
        <v>79322.887439561397</v>
      </c>
      <c r="AD344" s="53">
        <v>30967.503860578101</v>
      </c>
      <c r="AE344" s="53">
        <v>52274.796800608397</v>
      </c>
      <c r="AF344" s="53">
        <v>27205.943849929699</v>
      </c>
      <c r="AG344" s="53">
        <v>30726.311427552399</v>
      </c>
      <c r="AH344" s="53">
        <v>88209.394814677595</v>
      </c>
      <c r="AI344" s="53">
        <v>100257.49385484299</v>
      </c>
      <c r="AJ344" s="53">
        <v>87695.306270033296</v>
      </c>
      <c r="AK344" s="53">
        <v>70902.108287347801</v>
      </c>
      <c r="AL344" s="53">
        <v>85528.582469283298</v>
      </c>
      <c r="AM344" s="53">
        <v>101701.599843458</v>
      </c>
      <c r="AN344" s="53">
        <v>797918.95513689995</v>
      </c>
      <c r="AO344" s="53">
        <v>35930.900399412698</v>
      </c>
      <c r="AP344" s="53">
        <v>66531.469077179907</v>
      </c>
      <c r="AQ344" s="53">
        <v>27705.615066570899</v>
      </c>
      <c r="AR344" s="53">
        <v>45394.882634061403</v>
      </c>
      <c r="AS344" s="53">
        <v>25909.8458810997</v>
      </c>
      <c r="AT344" s="53">
        <v>29765.923411813601</v>
      </c>
      <c r="AU344" s="53">
        <v>83365.699501543</v>
      </c>
      <c r="AV344" s="53">
        <v>97179.469923626501</v>
      </c>
      <c r="AW344" s="53">
        <v>84918.480501698694</v>
      </c>
      <c r="AX344" s="53">
        <v>68276.098677540896</v>
      </c>
      <c r="AY344" s="53">
        <v>82770.659489733196</v>
      </c>
      <c r="AZ344" s="53">
        <v>97022.617716270703</v>
      </c>
      <c r="BA344" s="53">
        <v>744771.66228055104</v>
      </c>
      <c r="BB344" s="53">
        <v>34724.037776647499</v>
      </c>
      <c r="BC344" s="53">
        <v>65761.081449644102</v>
      </c>
      <c r="BD344" s="53">
        <v>26842.709695682701</v>
      </c>
      <c r="BE344" s="53">
        <v>44238.485313627803</v>
      </c>
      <c r="BF344" s="53">
        <v>24948.571048864898</v>
      </c>
      <c r="BG344" s="53">
        <v>28577.649044941401</v>
      </c>
      <c r="BH344" s="53">
        <v>80634.402099777202</v>
      </c>
      <c r="BI344" s="53">
        <v>93859.264579023598</v>
      </c>
      <c r="BJ344" s="53">
        <v>82454.536228373094</v>
      </c>
      <c r="BK344" s="53">
        <v>66925.677227510998</v>
      </c>
      <c r="BL344" s="53">
        <v>81457.791908049505</v>
      </c>
      <c r="BM344" s="53">
        <v>96470.128126115407</v>
      </c>
      <c r="BN344" s="53">
        <v>726894.33449825796</v>
      </c>
      <c r="BO344" s="53">
        <v>34674.345282950002</v>
      </c>
      <c r="BP344" s="53">
        <v>63737.574700382203</v>
      </c>
      <c r="BQ344" s="53">
        <v>26165.798645435301</v>
      </c>
      <c r="BR344" s="53">
        <v>43206.837874316501</v>
      </c>
      <c r="BS344" s="53">
        <v>24684.116948143201</v>
      </c>
      <c r="BT344" s="53">
        <v>28158.362205160101</v>
      </c>
      <c r="BU344" s="53">
        <v>77158.209328815094</v>
      </c>
      <c r="BV344" s="53">
        <v>89685.936345769005</v>
      </c>
      <c r="BW344" s="53">
        <v>78638.778298201098</v>
      </c>
      <c r="BX344" s="53">
        <v>63711.106720048097</v>
      </c>
      <c r="BY344" s="53">
        <v>77491.411204959906</v>
      </c>
      <c r="BZ344" s="53">
        <v>91415.410575249305</v>
      </c>
      <c r="CA344" s="53">
        <v>698727.88812943001</v>
      </c>
      <c r="CB344" s="53"/>
      <c r="CC344" s="53"/>
      <c r="CD344" s="53"/>
      <c r="CE344" s="53"/>
      <c r="CF344" s="53"/>
      <c r="CG344" s="53"/>
      <c r="CH344" s="53"/>
      <c r="CI344" s="53"/>
      <c r="CJ344" s="53"/>
      <c r="CK344" s="53"/>
      <c r="CL344" s="53"/>
      <c r="CM344" s="53"/>
      <c r="CN344" s="53"/>
    </row>
    <row r="345" spans="1:92" outlineLevel="1">
      <c r="A345" s="52" t="s">
        <v>650</v>
      </c>
      <c r="B345" s="53"/>
      <c r="C345" s="53"/>
      <c r="D345" s="53"/>
      <c r="E345" s="53"/>
      <c r="F345" s="53"/>
      <c r="G345" s="53"/>
      <c r="H345" s="53"/>
      <c r="I345" s="53"/>
      <c r="J345" s="53"/>
      <c r="K345" s="53"/>
      <c r="L345" s="53"/>
      <c r="M345" s="53"/>
      <c r="N345" s="53"/>
      <c r="O345" s="53"/>
      <c r="P345" s="53"/>
      <c r="Q345" s="53"/>
      <c r="R345" s="53"/>
      <c r="S345" s="53"/>
      <c r="T345" s="53"/>
      <c r="U345" s="53"/>
      <c r="V345" s="53"/>
      <c r="W345" s="53"/>
      <c r="X345" s="53"/>
      <c r="Y345" s="53"/>
      <c r="Z345" s="53"/>
      <c r="AA345" s="53"/>
      <c r="AB345" s="53"/>
      <c r="AC345" s="53"/>
      <c r="AD345" s="53"/>
      <c r="AE345" s="53"/>
      <c r="AF345" s="53"/>
      <c r="AG345" s="53"/>
      <c r="AH345" s="53"/>
      <c r="AI345" s="53"/>
      <c r="AJ345" s="53"/>
      <c r="AK345" s="53"/>
      <c r="AL345" s="53"/>
      <c r="AM345" s="53"/>
      <c r="AN345" s="53"/>
      <c r="AO345" s="53"/>
      <c r="AP345" s="53"/>
      <c r="AQ345" s="53"/>
      <c r="AR345" s="53"/>
      <c r="AS345" s="53"/>
      <c r="AT345" s="53"/>
      <c r="AU345" s="53"/>
      <c r="AV345" s="53"/>
      <c r="AW345" s="53"/>
      <c r="AX345" s="53"/>
      <c r="AY345" s="53"/>
      <c r="AZ345" s="53"/>
      <c r="BA345" s="53"/>
      <c r="BB345" s="53"/>
      <c r="BC345" s="53"/>
      <c r="BD345" s="53"/>
      <c r="BE345" s="53"/>
      <c r="BF345" s="53"/>
      <c r="BG345" s="53"/>
      <c r="BH345" s="53"/>
      <c r="BI345" s="53"/>
      <c r="BJ345" s="53"/>
      <c r="BK345" s="53"/>
      <c r="BL345" s="53"/>
      <c r="BM345" s="53"/>
      <c r="BN345" s="53"/>
      <c r="BO345" s="53"/>
      <c r="BP345" s="53"/>
      <c r="BQ345" s="53"/>
      <c r="BR345" s="53"/>
      <c r="BS345" s="53"/>
      <c r="BT345" s="53"/>
      <c r="BU345" s="53"/>
      <c r="BV345" s="53"/>
      <c r="BW345" s="53"/>
      <c r="BX345" s="53"/>
      <c r="BY345" s="53"/>
      <c r="BZ345" s="53"/>
      <c r="CA345" s="53"/>
      <c r="CB345" s="53"/>
      <c r="CC345" s="53"/>
      <c r="CD345" s="53"/>
      <c r="CE345" s="53"/>
      <c r="CF345" s="53"/>
      <c r="CG345" s="53"/>
      <c r="CH345" s="53"/>
      <c r="CI345" s="53"/>
      <c r="CJ345" s="53"/>
      <c r="CK345" s="53"/>
      <c r="CL345" s="53"/>
      <c r="CM345" s="53"/>
      <c r="CN345" s="53"/>
    </row>
    <row r="346" spans="1:92" outlineLevel="1">
      <c r="A346" s="52" t="s">
        <v>1251</v>
      </c>
      <c r="B346" s="53"/>
      <c r="C346" s="53"/>
      <c r="D346" s="53"/>
      <c r="E346" s="53"/>
      <c r="F346" s="53"/>
      <c r="G346" s="53"/>
      <c r="H346" s="53"/>
      <c r="I346" s="53"/>
      <c r="J346" s="53"/>
      <c r="K346" s="53"/>
      <c r="L346" s="53"/>
      <c r="M346" s="53"/>
      <c r="N346" s="53"/>
      <c r="O346" s="53"/>
      <c r="P346" s="53"/>
      <c r="Q346" s="53"/>
      <c r="R346" s="53"/>
      <c r="S346" s="53"/>
      <c r="T346" s="53"/>
      <c r="U346" s="53"/>
      <c r="V346" s="53"/>
      <c r="W346" s="53"/>
      <c r="X346" s="53"/>
      <c r="Y346" s="53"/>
      <c r="Z346" s="53"/>
      <c r="AA346" s="53"/>
      <c r="AB346" s="53"/>
      <c r="AC346" s="53"/>
      <c r="AD346" s="53"/>
      <c r="AE346" s="53"/>
      <c r="AF346" s="53"/>
      <c r="AG346" s="53"/>
      <c r="AH346" s="53"/>
      <c r="AI346" s="53"/>
      <c r="AJ346" s="53"/>
      <c r="AK346" s="53"/>
      <c r="AL346" s="53"/>
      <c r="AM346" s="53"/>
      <c r="AN346" s="53"/>
      <c r="AO346" s="53"/>
      <c r="AP346" s="53"/>
      <c r="AQ346" s="53"/>
      <c r="AR346" s="53"/>
      <c r="AS346" s="53"/>
      <c r="AT346" s="53"/>
      <c r="AU346" s="53"/>
      <c r="AV346" s="53"/>
      <c r="AW346" s="53"/>
      <c r="AX346" s="53"/>
      <c r="AY346" s="53"/>
      <c r="AZ346" s="53"/>
      <c r="BA346" s="53"/>
      <c r="BB346" s="53"/>
      <c r="BC346" s="53"/>
      <c r="BD346" s="53"/>
      <c r="BE346" s="53"/>
      <c r="BF346" s="53"/>
      <c r="BG346" s="53"/>
      <c r="BH346" s="53"/>
      <c r="BI346" s="53"/>
      <c r="BJ346" s="53"/>
      <c r="BK346" s="53"/>
      <c r="BL346" s="53"/>
      <c r="BM346" s="53"/>
      <c r="BN346" s="53"/>
      <c r="BO346" s="53"/>
      <c r="BP346" s="53"/>
      <c r="BQ346" s="53"/>
      <c r="BR346" s="53"/>
      <c r="BS346" s="53"/>
      <c r="BT346" s="53"/>
      <c r="BU346" s="53"/>
      <c r="BV346" s="53"/>
      <c r="BW346" s="53"/>
      <c r="BX346" s="53"/>
      <c r="BY346" s="53"/>
      <c r="BZ346" s="53"/>
      <c r="CA346" s="53"/>
      <c r="CB346" s="53"/>
      <c r="CC346" s="53"/>
      <c r="CD346" s="53"/>
      <c r="CE346" s="53"/>
      <c r="CF346" s="53"/>
      <c r="CG346" s="53"/>
      <c r="CH346" s="53"/>
      <c r="CI346" s="53"/>
      <c r="CJ346" s="53"/>
      <c r="CK346" s="53"/>
      <c r="CL346" s="53"/>
      <c r="CM346" s="53"/>
      <c r="CN346" s="53"/>
    </row>
    <row r="347" spans="1:92" outlineLevel="1">
      <c r="A347" s="52" t="s">
        <v>1249</v>
      </c>
      <c r="B347" s="53"/>
      <c r="C347" s="53"/>
      <c r="D347" s="53"/>
      <c r="E347" s="53"/>
      <c r="F347" s="53"/>
      <c r="G347" s="53"/>
      <c r="H347" s="53"/>
      <c r="I347" s="53"/>
      <c r="J347" s="53"/>
      <c r="K347" s="53"/>
      <c r="L347" s="53"/>
      <c r="M347" s="53"/>
      <c r="N347" s="53"/>
      <c r="O347" s="53">
        <v>-957820.33629742195</v>
      </c>
      <c r="P347" s="53">
        <v>-3865518.0764021701</v>
      </c>
      <c r="Q347" s="53">
        <v>-3128128.32553154</v>
      </c>
      <c r="R347" s="53">
        <v>-3436751.2697614999</v>
      </c>
      <c r="S347" s="53">
        <v>-3601497.33759801</v>
      </c>
      <c r="T347" s="53">
        <v>-4214073.9377775602</v>
      </c>
      <c r="U347" s="53">
        <v>-4755246.2551313397</v>
      </c>
      <c r="V347" s="53">
        <v>-5195416.3450647602</v>
      </c>
      <c r="W347" s="53">
        <v>-5337518.8237751396</v>
      </c>
      <c r="X347" s="53">
        <v>-4817430.9898992497</v>
      </c>
      <c r="Y347" s="53">
        <v>-3347500.1010839902</v>
      </c>
      <c r="Z347" s="53">
        <v>-3354896.5080945301</v>
      </c>
      <c r="AA347" s="53">
        <v>-46011798.306417197</v>
      </c>
      <c r="AB347" s="53">
        <v>-3426958.7569470899</v>
      </c>
      <c r="AC347" s="53">
        <v>-4186193.5062250602</v>
      </c>
      <c r="AD347" s="53">
        <v>-3259516.1686418802</v>
      </c>
      <c r="AE347" s="53">
        <v>-3436751.2697614999</v>
      </c>
      <c r="AF347" s="53">
        <v>-3601497.33759801</v>
      </c>
      <c r="AG347" s="53">
        <v>-4214073.9377775602</v>
      </c>
      <c r="AH347" s="53">
        <v>-4755246.2551313397</v>
      </c>
      <c r="AI347" s="53">
        <v>-5195416.3450647602</v>
      </c>
      <c r="AJ347" s="53">
        <v>-5337518.8237751396</v>
      </c>
      <c r="AK347" s="53">
        <v>-4817430.9898992497</v>
      </c>
      <c r="AL347" s="53">
        <v>-3347500.1010839902</v>
      </c>
      <c r="AM347" s="53">
        <v>-3354896.5080945301</v>
      </c>
      <c r="AN347" s="53">
        <v>-48933000.000000097</v>
      </c>
      <c r="AO347" s="53">
        <v>-2469138.4206496598</v>
      </c>
      <c r="AP347" s="53">
        <v>-320675.429822893</v>
      </c>
      <c r="AQ347" s="53">
        <v>-131387.843110346</v>
      </c>
      <c r="AR347" s="53"/>
      <c r="AS347" s="53"/>
      <c r="AT347" s="53"/>
      <c r="AU347" s="53"/>
      <c r="AV347" s="53"/>
      <c r="AW347" s="53"/>
      <c r="AX347" s="53"/>
      <c r="AY347" s="53"/>
      <c r="AZ347" s="53"/>
      <c r="BA347" s="53">
        <v>-2921201.6935828999</v>
      </c>
      <c r="BB347" s="53"/>
      <c r="BC347" s="53"/>
      <c r="BD347" s="53"/>
      <c r="BE347" s="53"/>
      <c r="BF347" s="53"/>
      <c r="BG347" s="53"/>
      <c r="BH347" s="53"/>
      <c r="BI347" s="53"/>
      <c r="BJ347" s="53"/>
      <c r="BK347" s="53"/>
      <c r="BL347" s="53"/>
      <c r="BM347" s="53"/>
      <c r="BN347" s="53"/>
      <c r="BO347" s="53"/>
      <c r="BP347" s="53"/>
      <c r="BQ347" s="53"/>
      <c r="BR347" s="53"/>
      <c r="BS347" s="53"/>
      <c r="BT347" s="53"/>
      <c r="BU347" s="53"/>
      <c r="BV347" s="53"/>
      <c r="BW347" s="53"/>
      <c r="BX347" s="53"/>
      <c r="BY347" s="53"/>
      <c r="BZ347" s="53"/>
      <c r="CA347" s="53"/>
      <c r="CB347" s="53"/>
      <c r="CC347" s="53"/>
      <c r="CD347" s="53"/>
      <c r="CE347" s="53"/>
      <c r="CF347" s="53"/>
      <c r="CG347" s="53"/>
      <c r="CH347" s="53"/>
      <c r="CI347" s="53"/>
      <c r="CJ347" s="53"/>
      <c r="CK347" s="53"/>
      <c r="CL347" s="53"/>
      <c r="CM347" s="53"/>
      <c r="CN347" s="53"/>
    </row>
    <row r="348" spans="1:92">
      <c r="A348" s="52" t="s">
        <v>1252</v>
      </c>
      <c r="B348" s="53"/>
      <c r="C348" s="53"/>
      <c r="D348" s="53"/>
      <c r="E348" s="53"/>
      <c r="F348" s="53"/>
      <c r="G348" s="53"/>
      <c r="H348" s="53"/>
      <c r="I348" s="53"/>
      <c r="J348" s="53"/>
      <c r="K348" s="53"/>
      <c r="L348" s="53"/>
      <c r="M348" s="53"/>
      <c r="N348" s="53"/>
      <c r="O348" s="53"/>
      <c r="P348" s="53"/>
      <c r="Q348" s="53"/>
      <c r="R348" s="53"/>
      <c r="S348" s="53"/>
      <c r="T348" s="53"/>
      <c r="U348" s="53"/>
      <c r="V348" s="53"/>
      <c r="W348" s="53"/>
      <c r="X348" s="53"/>
      <c r="Y348" s="53"/>
      <c r="Z348" s="53"/>
      <c r="AA348" s="53"/>
      <c r="AB348" s="53"/>
      <c r="AC348" s="53"/>
      <c r="AD348" s="53"/>
      <c r="AE348" s="53"/>
      <c r="AF348" s="53"/>
      <c r="AG348" s="53"/>
      <c r="AH348" s="53"/>
      <c r="AI348" s="53"/>
      <c r="AJ348" s="53"/>
      <c r="AK348" s="53"/>
      <c r="AL348" s="53"/>
      <c r="AM348" s="53"/>
      <c r="AN348" s="53"/>
      <c r="AO348" s="53"/>
      <c r="AP348" s="53"/>
      <c r="AQ348" s="53"/>
      <c r="AR348" s="53"/>
      <c r="AS348" s="53"/>
      <c r="AT348" s="53"/>
      <c r="AU348" s="53"/>
      <c r="AV348" s="53"/>
      <c r="AW348" s="53"/>
      <c r="AX348" s="53"/>
      <c r="AY348" s="53"/>
      <c r="AZ348" s="53"/>
      <c r="BA348" s="53"/>
      <c r="BB348" s="53"/>
      <c r="BC348" s="53"/>
      <c r="BD348" s="53"/>
      <c r="BE348" s="53"/>
      <c r="BF348" s="53"/>
      <c r="BG348" s="53"/>
      <c r="BH348" s="53"/>
      <c r="BI348" s="53"/>
      <c r="BJ348" s="53"/>
      <c r="BK348" s="53"/>
      <c r="BL348" s="53"/>
      <c r="BM348" s="53"/>
      <c r="BN348" s="53"/>
      <c r="BO348" s="53"/>
      <c r="BP348" s="53"/>
      <c r="BQ348" s="53"/>
      <c r="BR348" s="53"/>
      <c r="BS348" s="53"/>
      <c r="BT348" s="53"/>
      <c r="BU348" s="53"/>
      <c r="BV348" s="53"/>
      <c r="BW348" s="53"/>
      <c r="BX348" s="53"/>
      <c r="BY348" s="53"/>
      <c r="BZ348" s="53"/>
      <c r="CA348" s="53"/>
      <c r="CB348" s="53"/>
      <c r="CC348" s="53"/>
      <c r="CD348" s="53"/>
      <c r="CE348" s="53"/>
      <c r="CF348" s="53"/>
      <c r="CG348" s="53"/>
      <c r="CH348" s="53"/>
      <c r="CI348" s="53"/>
      <c r="CJ348" s="53"/>
      <c r="CK348" s="53"/>
      <c r="CL348" s="53"/>
      <c r="CM348" s="53"/>
      <c r="CN348" s="53"/>
    </row>
    <row r="349" spans="1:92" outlineLevel="1">
      <c r="A349" s="52" t="s">
        <v>1249</v>
      </c>
      <c r="B349" s="53"/>
      <c r="C349" s="53"/>
      <c r="D349" s="53"/>
      <c r="E349" s="53"/>
      <c r="F349" s="53"/>
      <c r="G349" s="53"/>
      <c r="H349" s="53"/>
      <c r="I349" s="53"/>
      <c r="J349" s="53"/>
      <c r="K349" s="53"/>
      <c r="L349" s="53"/>
      <c r="M349" s="53"/>
      <c r="N349" s="53"/>
      <c r="O349" s="53"/>
      <c r="P349" s="53"/>
      <c r="Q349" s="53"/>
      <c r="R349" s="53"/>
      <c r="S349" s="53"/>
      <c r="T349" s="53"/>
      <c r="U349" s="53"/>
      <c r="V349" s="53"/>
      <c r="W349" s="53"/>
      <c r="X349" s="53"/>
      <c r="Y349" s="53"/>
      <c r="Z349" s="53"/>
      <c r="AA349" s="53"/>
      <c r="AB349" s="53">
        <v>-1542993.5377157901</v>
      </c>
      <c r="AC349" s="53">
        <v>-6238968.0571370097</v>
      </c>
      <c r="AD349" s="53">
        <v>-5082518.3483961998</v>
      </c>
      <c r="AE349" s="53">
        <v>-5503704.0354599599</v>
      </c>
      <c r="AF349" s="53">
        <v>-5786228.0122403102</v>
      </c>
      <c r="AG349" s="53">
        <v>-6824303.7685727403</v>
      </c>
      <c r="AH349" s="53">
        <v>-7739070.9210989196</v>
      </c>
      <c r="AI349" s="53">
        <v>-8458737.6108297296</v>
      </c>
      <c r="AJ349" s="53">
        <v>-8683470.6469049305</v>
      </c>
      <c r="AK349" s="53">
        <v>-7834009.60311333</v>
      </c>
      <c r="AL349" s="53">
        <v>-5414494.1301499298</v>
      </c>
      <c r="AM349" s="53">
        <v>-5393745.8850987898</v>
      </c>
      <c r="AN349" s="53">
        <v>-74502244.556717604</v>
      </c>
      <c r="AO349" s="53">
        <v>-3970312.8492167699</v>
      </c>
      <c r="AP349" s="53">
        <v>-515216.08684300497</v>
      </c>
      <c r="AQ349" s="53">
        <v>-211226.50722294499</v>
      </c>
      <c r="AR349" s="53"/>
      <c r="AS349" s="53"/>
      <c r="AT349" s="53"/>
      <c r="AU349" s="53"/>
      <c r="AV349" s="53"/>
      <c r="AW349" s="53"/>
      <c r="AX349" s="53"/>
      <c r="AY349" s="53"/>
      <c r="AZ349" s="53"/>
      <c r="BA349" s="53">
        <v>-4696755.4432827197</v>
      </c>
      <c r="BB349" s="53"/>
      <c r="BC349" s="53"/>
      <c r="BD349" s="53"/>
      <c r="BE349" s="53"/>
      <c r="BF349" s="53"/>
      <c r="BG349" s="53"/>
      <c r="BH349" s="53"/>
      <c r="BI349" s="53"/>
      <c r="BJ349" s="53"/>
      <c r="BK349" s="53"/>
      <c r="BL349" s="53"/>
      <c r="BM349" s="53"/>
      <c r="BN349" s="53"/>
      <c r="BO349" s="53"/>
      <c r="BP349" s="53"/>
      <c r="BQ349" s="53"/>
      <c r="BR349" s="53"/>
      <c r="BS349" s="53"/>
      <c r="BT349" s="53"/>
      <c r="BU349" s="53"/>
      <c r="BV349" s="53"/>
      <c r="BW349" s="53"/>
      <c r="BX349" s="53"/>
      <c r="BY349" s="53"/>
      <c r="BZ349" s="53"/>
      <c r="CA349" s="53"/>
      <c r="CB349" s="53">
        <v>-13863694.8607747</v>
      </c>
      <c r="CC349" s="53">
        <v>-13929064.8832848</v>
      </c>
      <c r="CD349" s="53">
        <v>-13825290.122687601</v>
      </c>
      <c r="CE349" s="53">
        <v>-14515949.5600424</v>
      </c>
      <c r="CF349" s="53">
        <v>-14674995.6574279</v>
      </c>
      <c r="CG349" s="53">
        <v>-16835367.7607597</v>
      </c>
      <c r="CH349" s="53">
        <v>-19274979.547531199</v>
      </c>
      <c r="CI349" s="53">
        <v>-20291837.754207101</v>
      </c>
      <c r="CJ349" s="53">
        <v>-19178201.921157099</v>
      </c>
      <c r="CK349" s="53">
        <v>-19949909.3689624</v>
      </c>
      <c r="CL349" s="53">
        <v>-14076371.054086</v>
      </c>
      <c r="CM349" s="53">
        <v>-14962337.5090787</v>
      </c>
      <c r="CN349" s="53">
        <v>-195378000</v>
      </c>
    </row>
    <row r="350" spans="1:92" outlineLevel="1">
      <c r="A350" s="52" t="s">
        <v>1253</v>
      </c>
      <c r="B350" s="53"/>
      <c r="C350" s="53"/>
      <c r="D350" s="53"/>
      <c r="E350" s="53"/>
      <c r="F350" s="53"/>
      <c r="G350" s="53"/>
      <c r="H350" s="53"/>
      <c r="I350" s="53"/>
      <c r="J350" s="53"/>
      <c r="K350" s="53"/>
      <c r="L350" s="53"/>
      <c r="M350" s="53"/>
      <c r="N350" s="53"/>
      <c r="O350" s="53"/>
      <c r="P350" s="53"/>
      <c r="Q350" s="53"/>
      <c r="R350" s="53"/>
      <c r="S350" s="53"/>
      <c r="T350" s="53"/>
      <c r="U350" s="53"/>
      <c r="V350" s="53"/>
      <c r="W350" s="53"/>
      <c r="X350" s="53"/>
      <c r="Y350" s="53"/>
      <c r="Z350" s="53"/>
      <c r="AA350" s="53"/>
      <c r="AB350" s="53"/>
      <c r="AC350" s="53"/>
      <c r="AD350" s="53"/>
      <c r="AE350" s="53"/>
      <c r="AF350" s="53"/>
      <c r="AG350" s="53"/>
      <c r="AH350" s="53"/>
      <c r="AI350" s="53"/>
      <c r="AJ350" s="53"/>
      <c r="AK350" s="53"/>
      <c r="AL350" s="53"/>
      <c r="AM350" s="53"/>
      <c r="AN350" s="53"/>
      <c r="AO350" s="53"/>
      <c r="AP350" s="53"/>
      <c r="AQ350" s="53"/>
      <c r="AR350" s="53"/>
      <c r="AS350" s="53"/>
      <c r="AT350" s="53"/>
      <c r="AU350" s="53"/>
      <c r="AV350" s="53"/>
      <c r="AW350" s="53"/>
      <c r="AX350" s="53"/>
      <c r="AY350" s="53"/>
      <c r="AZ350" s="53"/>
      <c r="BA350" s="53"/>
      <c r="BB350" s="53"/>
      <c r="BC350" s="53"/>
      <c r="BD350" s="53"/>
      <c r="BE350" s="53"/>
      <c r="BF350" s="53"/>
      <c r="BG350" s="53"/>
      <c r="BH350" s="53"/>
      <c r="BI350" s="53"/>
      <c r="BJ350" s="53"/>
      <c r="BK350" s="53"/>
      <c r="BL350" s="53"/>
      <c r="BM350" s="53"/>
      <c r="BN350" s="53"/>
      <c r="BO350" s="53"/>
      <c r="BP350" s="53"/>
      <c r="BQ350" s="53"/>
      <c r="BR350" s="53"/>
      <c r="BS350" s="53"/>
      <c r="BT350" s="53"/>
      <c r="BU350" s="53"/>
      <c r="BV350" s="53"/>
      <c r="BW350" s="53"/>
      <c r="BX350" s="53"/>
      <c r="BY350" s="53"/>
      <c r="BZ350" s="53"/>
      <c r="CA350" s="53"/>
      <c r="CB350" s="53"/>
      <c r="CC350" s="53"/>
      <c r="CD350" s="53"/>
      <c r="CE350" s="53"/>
      <c r="CF350" s="53"/>
      <c r="CG350" s="53"/>
      <c r="CH350" s="53"/>
      <c r="CI350" s="53"/>
      <c r="CJ350" s="53"/>
      <c r="CK350" s="53"/>
      <c r="CL350" s="53"/>
      <c r="CM350" s="53"/>
      <c r="CN350" s="53"/>
    </row>
    <row r="351" spans="1:92" outlineLevel="1">
      <c r="A351" s="52" t="s">
        <v>1249</v>
      </c>
      <c r="B351" s="53"/>
      <c r="C351" s="53"/>
      <c r="D351" s="53"/>
      <c r="E351" s="53"/>
      <c r="F351" s="53"/>
      <c r="G351" s="53"/>
      <c r="H351" s="53"/>
      <c r="I351" s="53"/>
      <c r="J351" s="53"/>
      <c r="K351" s="53"/>
      <c r="L351" s="53"/>
      <c r="M351" s="53"/>
      <c r="N351" s="53"/>
      <c r="O351" s="53"/>
      <c r="P351" s="53"/>
      <c r="Q351" s="53"/>
      <c r="R351" s="53"/>
      <c r="S351" s="53"/>
      <c r="T351" s="53"/>
      <c r="U351" s="53"/>
      <c r="V351" s="53"/>
      <c r="W351" s="53"/>
      <c r="X351" s="53"/>
      <c r="Y351" s="53"/>
      <c r="Z351" s="53"/>
      <c r="AA351" s="53"/>
      <c r="AB351" s="53"/>
      <c r="AC351" s="53"/>
      <c r="AD351" s="53"/>
      <c r="AE351" s="53"/>
      <c r="AF351" s="53"/>
      <c r="AG351" s="53"/>
      <c r="AH351" s="53"/>
      <c r="AI351" s="53"/>
      <c r="AJ351" s="53"/>
      <c r="AK351" s="53"/>
      <c r="AL351" s="53"/>
      <c r="AM351" s="53"/>
      <c r="AN351" s="53"/>
      <c r="AO351" s="53">
        <v>-2508070.9404790401</v>
      </c>
      <c r="AP351" s="53">
        <v>-10121933.299931699</v>
      </c>
      <c r="AQ351" s="53">
        <v>-8191064.0795987798</v>
      </c>
      <c r="AR351" s="53">
        <v>-8999199.1845397092</v>
      </c>
      <c r="AS351" s="53">
        <v>-9430589.9262483101</v>
      </c>
      <c r="AT351" s="53">
        <v>-11034633.515118901</v>
      </c>
      <c r="AU351" s="53">
        <v>-12451703.618467901</v>
      </c>
      <c r="AV351" s="53">
        <v>-13604297.450101901</v>
      </c>
      <c r="AW351" s="53">
        <v>-13976395.518933101</v>
      </c>
      <c r="AX351" s="53">
        <v>-12614535.5403872</v>
      </c>
      <c r="AY351" s="53">
        <v>-8765493.2857600003</v>
      </c>
      <c r="AZ351" s="53">
        <v>-8784860.9195260592</v>
      </c>
      <c r="BA351" s="53">
        <v>-120482777.279092</v>
      </c>
      <c r="BB351" s="53">
        <v>-8973557.3017216194</v>
      </c>
      <c r="BC351" s="53">
        <v>-10961628.0698021</v>
      </c>
      <c r="BD351" s="53">
        <v>-8535105.6693932991</v>
      </c>
      <c r="BE351" s="53">
        <v>-8999199.1845397092</v>
      </c>
      <c r="BF351" s="53">
        <v>-9430589.9262483101</v>
      </c>
      <c r="BG351" s="53">
        <v>-11034633.515118901</v>
      </c>
      <c r="BH351" s="53">
        <v>-12451703.618467901</v>
      </c>
      <c r="BI351" s="53">
        <v>-13604297.450101901</v>
      </c>
      <c r="BJ351" s="53">
        <v>-13976395.518933101</v>
      </c>
      <c r="BK351" s="53">
        <v>-12614535.5403872</v>
      </c>
      <c r="BL351" s="53">
        <v>-8765493.2857600003</v>
      </c>
      <c r="BM351" s="53">
        <v>-8784860.9195260592</v>
      </c>
      <c r="BN351" s="53">
        <v>-128132000</v>
      </c>
      <c r="BO351" s="53">
        <v>-8973557.3017216194</v>
      </c>
      <c r="BP351" s="53">
        <v>-10961628.0698021</v>
      </c>
      <c r="BQ351" s="53">
        <v>-8535105.6693932991</v>
      </c>
      <c r="BR351" s="53">
        <v>-8999199.1845397092</v>
      </c>
      <c r="BS351" s="53">
        <v>-9430589.9262483101</v>
      </c>
      <c r="BT351" s="53">
        <v>-11034633.515118901</v>
      </c>
      <c r="BU351" s="53">
        <v>-12451703.618467901</v>
      </c>
      <c r="BV351" s="53">
        <v>-13604297.450101901</v>
      </c>
      <c r="BW351" s="53">
        <v>-13976395.518933101</v>
      </c>
      <c r="BX351" s="53">
        <v>-12614535.5403872</v>
      </c>
      <c r="BY351" s="53">
        <v>-8765493.2857600003</v>
      </c>
      <c r="BZ351" s="53">
        <v>-8784860.9195260592</v>
      </c>
      <c r="CA351" s="53">
        <v>-128132000</v>
      </c>
      <c r="CB351" s="53">
        <v>-13335176.984782601</v>
      </c>
      <c r="CC351" s="53">
        <v>-15860492.880554199</v>
      </c>
      <c r="CD351" s="53">
        <v>-16897699.824070599</v>
      </c>
      <c r="CE351" s="53">
        <v>-17032551.780515701</v>
      </c>
      <c r="CF351" s="53">
        <v>-16364608.573436599</v>
      </c>
      <c r="CG351" s="53">
        <v>-16531594.3752064</v>
      </c>
      <c r="CH351" s="53">
        <v>-17438088.7276708</v>
      </c>
      <c r="CI351" s="53">
        <v>-17267695.0523955</v>
      </c>
      <c r="CJ351" s="53">
        <v>-16218070.0126999</v>
      </c>
      <c r="CK351" s="53">
        <v>-18375253.941684801</v>
      </c>
      <c r="CL351" s="53">
        <v>-14694750.555739</v>
      </c>
      <c r="CM351" s="53">
        <v>-17366523.384055201</v>
      </c>
      <c r="CN351" s="53">
        <v>-197382506.092812</v>
      </c>
    </row>
    <row r="352" spans="1:92" outlineLevel="1">
      <c r="A352" s="52" t="s">
        <v>1254</v>
      </c>
      <c r="B352" s="53"/>
      <c r="C352" s="53"/>
      <c r="D352" s="53"/>
      <c r="E352" s="53"/>
      <c r="F352" s="53"/>
      <c r="G352" s="53"/>
      <c r="H352" s="53"/>
      <c r="I352" s="53"/>
      <c r="J352" s="53"/>
      <c r="K352" s="53"/>
      <c r="L352" s="53"/>
      <c r="M352" s="53"/>
      <c r="N352" s="53"/>
      <c r="O352" s="53"/>
      <c r="P352" s="53"/>
      <c r="Q352" s="53"/>
      <c r="R352" s="53"/>
      <c r="S352" s="53"/>
      <c r="T352" s="53"/>
      <c r="U352" s="53"/>
      <c r="V352" s="53"/>
      <c r="W352" s="53"/>
      <c r="X352" s="53"/>
      <c r="Y352" s="53"/>
      <c r="Z352" s="53"/>
      <c r="AA352" s="53"/>
      <c r="AB352" s="53"/>
      <c r="AC352" s="53"/>
      <c r="AD352" s="53"/>
      <c r="AE352" s="53"/>
      <c r="AF352" s="53"/>
      <c r="AG352" s="53"/>
      <c r="AH352" s="53"/>
      <c r="AI352" s="53"/>
      <c r="AJ352" s="53"/>
      <c r="AK352" s="53"/>
      <c r="AL352" s="53"/>
      <c r="AM352" s="53"/>
      <c r="AN352" s="53"/>
      <c r="AO352" s="53"/>
      <c r="AP352" s="53"/>
      <c r="AQ352" s="53"/>
      <c r="AR352" s="53"/>
      <c r="AS352" s="53"/>
      <c r="AT352" s="53"/>
      <c r="AU352" s="53"/>
      <c r="AV352" s="53"/>
      <c r="AW352" s="53"/>
      <c r="AX352" s="53"/>
      <c r="AY352" s="53"/>
      <c r="AZ352" s="53"/>
      <c r="BA352" s="53"/>
      <c r="BB352" s="53"/>
      <c r="BC352" s="53"/>
      <c r="BD352" s="53"/>
      <c r="BE352" s="53"/>
      <c r="BF352" s="53"/>
      <c r="BG352" s="53"/>
      <c r="BH352" s="53"/>
      <c r="BI352" s="53"/>
      <c r="BJ352" s="53"/>
      <c r="BK352" s="53"/>
      <c r="BL352" s="53"/>
      <c r="BM352" s="53"/>
      <c r="BN352" s="53"/>
      <c r="BO352" s="53"/>
      <c r="BP352" s="53"/>
      <c r="BQ352" s="53"/>
      <c r="BR352" s="53"/>
      <c r="BS352" s="53"/>
      <c r="BT352" s="53"/>
      <c r="BU352" s="53"/>
      <c r="BV352" s="53"/>
      <c r="BW352" s="53"/>
      <c r="BX352" s="53"/>
      <c r="BY352" s="53"/>
      <c r="BZ352" s="53"/>
      <c r="CA352" s="53"/>
      <c r="CB352" s="53"/>
      <c r="CC352" s="53"/>
      <c r="CD352" s="53"/>
      <c r="CE352" s="53"/>
      <c r="CF352" s="53"/>
      <c r="CG352" s="53"/>
      <c r="CH352" s="53"/>
      <c r="CI352" s="53"/>
      <c r="CJ352" s="53"/>
      <c r="CK352" s="53"/>
      <c r="CL352" s="53"/>
      <c r="CM352" s="53"/>
      <c r="CN352" s="53"/>
    </row>
    <row r="353" spans="1:92" outlineLevel="1">
      <c r="A353" s="52" t="s">
        <v>1249</v>
      </c>
      <c r="B353" s="53"/>
      <c r="C353" s="53"/>
      <c r="D353" s="53"/>
      <c r="E353" s="53"/>
      <c r="F353" s="53"/>
      <c r="G353" s="53"/>
      <c r="H353" s="53"/>
      <c r="I353" s="53"/>
      <c r="J353" s="53"/>
      <c r="K353" s="53"/>
      <c r="L353" s="53"/>
      <c r="M353" s="53"/>
      <c r="N353" s="53"/>
      <c r="O353" s="53">
        <v>-137356.33333333299</v>
      </c>
      <c r="P353" s="53">
        <v>-597500.05000000005</v>
      </c>
      <c r="Q353" s="53">
        <v>-673046.03333333298</v>
      </c>
      <c r="R353" s="53">
        <v>-700517.3</v>
      </c>
      <c r="S353" s="53">
        <v>-673046.03333333298</v>
      </c>
      <c r="T353" s="53">
        <v>-679913.85</v>
      </c>
      <c r="U353" s="53">
        <v>-717196.28333333298</v>
      </c>
      <c r="V353" s="53">
        <v>-710188.307142857</v>
      </c>
      <c r="W353" s="53">
        <v>-667019.17380952404</v>
      </c>
      <c r="X353" s="53">
        <v>-755740.15238095203</v>
      </c>
      <c r="Y353" s="53">
        <v>-604367.866666666</v>
      </c>
      <c r="Z353" s="53">
        <v>-714252.933333333</v>
      </c>
      <c r="AA353" s="53">
        <v>-7630144.3166666701</v>
      </c>
      <c r="AB353" s="53">
        <v>93086.283333333806</v>
      </c>
      <c r="AC353" s="53">
        <v>2576872.3533333298</v>
      </c>
      <c r="AD353" s="53">
        <v>2952574.14666666</v>
      </c>
      <c r="AE353" s="53">
        <v>3101679.92</v>
      </c>
      <c r="AF353" s="53">
        <v>2980045.4133333298</v>
      </c>
      <c r="AG353" s="53">
        <v>3010454.04</v>
      </c>
      <c r="AH353" s="53">
        <v>3175529.44190476</v>
      </c>
      <c r="AI353" s="53">
        <v>3144500.2310204101</v>
      </c>
      <c r="AJ353" s="53">
        <v>2953360.2919727899</v>
      </c>
      <c r="AK353" s="53">
        <v>3346190.1017687102</v>
      </c>
      <c r="AL353" s="53">
        <v>2675959.14666666</v>
      </c>
      <c r="AM353" s="53">
        <v>3162497.1733333301</v>
      </c>
      <c r="AN353" s="53">
        <v>33172748.543333299</v>
      </c>
      <c r="AO353" s="53">
        <v>2446992.5666666599</v>
      </c>
      <c r="AP353" s="53">
        <v>1027689.4816666601</v>
      </c>
      <c r="AQ353" s="53">
        <v>936727.78333333298</v>
      </c>
      <c r="AR353" s="53">
        <v>848362.38999999897</v>
      </c>
      <c r="AS353" s="53">
        <v>815093.27666666603</v>
      </c>
      <c r="AT353" s="53">
        <v>823410.554999999</v>
      </c>
      <c r="AU353" s="53">
        <v>868561.49452380894</v>
      </c>
      <c r="AV353" s="53">
        <v>860074.47581632598</v>
      </c>
      <c r="AW353" s="53">
        <v>807794.44057822996</v>
      </c>
      <c r="AX353" s="53">
        <v>915240.09741496504</v>
      </c>
      <c r="AY353" s="53">
        <v>731920.49333333306</v>
      </c>
      <c r="AZ353" s="53">
        <v>864996.94666666596</v>
      </c>
      <c r="BA353" s="53">
        <v>11946864.0016666</v>
      </c>
      <c r="BB353" s="53">
        <v>710878.25833333295</v>
      </c>
      <c r="BC353" s="53">
        <v>461981.15083333303</v>
      </c>
      <c r="BD353" s="53">
        <v>459972.79166666698</v>
      </c>
      <c r="BE353" s="53">
        <v>444120.15500000003</v>
      </c>
      <c r="BF353" s="53">
        <v>426703.67833333299</v>
      </c>
      <c r="BG353" s="53">
        <v>431057.79749999999</v>
      </c>
      <c r="BH353" s="53">
        <v>454694.44440476201</v>
      </c>
      <c r="BI353" s="53">
        <v>450251.46566326497</v>
      </c>
      <c r="BJ353" s="53">
        <v>422882.71661564597</v>
      </c>
      <c r="BK353" s="53">
        <v>479130.82748299302</v>
      </c>
      <c r="BL353" s="53">
        <v>383162.48666666599</v>
      </c>
      <c r="BM353" s="53">
        <v>452828.39333333302</v>
      </c>
      <c r="BN353" s="53">
        <v>5577664.1658333298</v>
      </c>
      <c r="BO353" s="53">
        <v>445273.40416666598</v>
      </c>
      <c r="BP353" s="53">
        <v>559949.121666666</v>
      </c>
      <c r="BQ353" s="53">
        <v>599117.363333332</v>
      </c>
      <c r="BR353" s="53">
        <v>605443.77999999898</v>
      </c>
      <c r="BS353" s="53">
        <v>581700.88666666602</v>
      </c>
      <c r="BT353" s="53">
        <v>587636.60999999905</v>
      </c>
      <c r="BU353" s="53">
        <v>619859.10809523705</v>
      </c>
      <c r="BV353" s="53">
        <v>613802.24755102</v>
      </c>
      <c r="BW353" s="53">
        <v>576491.98659863905</v>
      </c>
      <c r="BX353" s="53">
        <v>653171.84108843398</v>
      </c>
      <c r="BY353" s="53">
        <v>522343.65333333297</v>
      </c>
      <c r="BZ353" s="53">
        <v>617315.22666666599</v>
      </c>
      <c r="CA353" s="53">
        <v>6982105.2291666605</v>
      </c>
      <c r="CB353" s="53">
        <v>-5941442.4999999898</v>
      </c>
      <c r="CC353" s="53">
        <v>-6066525.5</v>
      </c>
      <c r="CD353" s="53">
        <v>-6379233</v>
      </c>
      <c r="CE353" s="53">
        <v>-6379232.9999999898</v>
      </c>
      <c r="CF353" s="53">
        <v>-6129066.9999999898</v>
      </c>
      <c r="CG353" s="53">
        <v>-6191608.4999999898</v>
      </c>
      <c r="CH353" s="53">
        <v>-6531119.5</v>
      </c>
      <c r="CI353" s="53">
        <v>-6467301.6428571399</v>
      </c>
      <c r="CJ353" s="53">
        <v>-6074183.6428571399</v>
      </c>
      <c r="CK353" s="53">
        <v>-6882117.7142857099</v>
      </c>
      <c r="CL353" s="53">
        <v>-5503651.9999999898</v>
      </c>
      <c r="CM353" s="53">
        <v>-6504316</v>
      </c>
      <c r="CN353" s="53">
        <v>-75049800</v>
      </c>
    </row>
    <row r="354" spans="1:92" outlineLevel="1">
      <c r="A354" s="52" t="s">
        <v>1255</v>
      </c>
      <c r="B354" s="53"/>
      <c r="C354" s="53"/>
      <c r="D354" s="53"/>
      <c r="E354" s="53"/>
      <c r="F354" s="53"/>
      <c r="G354" s="53"/>
      <c r="H354" s="53"/>
      <c r="I354" s="53"/>
      <c r="J354" s="53"/>
      <c r="K354" s="53"/>
      <c r="L354" s="53"/>
      <c r="M354" s="53"/>
      <c r="N354" s="53"/>
      <c r="O354" s="53"/>
      <c r="P354" s="53"/>
      <c r="Q354" s="53"/>
      <c r="R354" s="53"/>
      <c r="S354" s="53"/>
      <c r="T354" s="53"/>
      <c r="U354" s="53"/>
      <c r="V354" s="53"/>
      <c r="W354" s="53"/>
      <c r="X354" s="53"/>
      <c r="Y354" s="53"/>
      <c r="Z354" s="53"/>
      <c r="AA354" s="53"/>
      <c r="AB354" s="53"/>
      <c r="AC354" s="53"/>
      <c r="AD354" s="53"/>
      <c r="AE354" s="53"/>
      <c r="AF354" s="53"/>
      <c r="AG354" s="53"/>
      <c r="AH354" s="53"/>
      <c r="AI354" s="53"/>
      <c r="AJ354" s="53"/>
      <c r="AK354" s="53"/>
      <c r="AL354" s="53"/>
      <c r="AM354" s="53"/>
      <c r="AN354" s="53"/>
      <c r="AO354" s="53"/>
      <c r="AP354" s="53"/>
      <c r="AQ354" s="53"/>
      <c r="AR354" s="53"/>
      <c r="AS354" s="53"/>
      <c r="AT354" s="53"/>
      <c r="AU354" s="53"/>
      <c r="AV354" s="53"/>
      <c r="AW354" s="53"/>
      <c r="AX354" s="53"/>
      <c r="AY354" s="53"/>
      <c r="AZ354" s="53"/>
      <c r="BA354" s="53"/>
      <c r="BB354" s="53"/>
      <c r="BC354" s="53"/>
      <c r="BD354" s="53"/>
      <c r="BE354" s="53"/>
      <c r="BF354" s="53"/>
      <c r="BG354" s="53"/>
      <c r="BH354" s="53"/>
      <c r="BI354" s="53"/>
      <c r="BJ354" s="53"/>
      <c r="BK354" s="53"/>
      <c r="BL354" s="53"/>
      <c r="BM354" s="53"/>
      <c r="BN354" s="53"/>
      <c r="BO354" s="53"/>
      <c r="BP354" s="53"/>
      <c r="BQ354" s="53"/>
      <c r="BR354" s="53"/>
      <c r="BS354" s="53"/>
      <c r="BT354" s="53"/>
      <c r="BU354" s="53"/>
      <c r="BV354" s="53"/>
      <c r="BW354" s="53"/>
      <c r="BX354" s="53"/>
      <c r="BY354" s="53"/>
      <c r="BZ354" s="53"/>
      <c r="CA354" s="53"/>
      <c r="CB354" s="53"/>
      <c r="CC354" s="53"/>
      <c r="CD354" s="53"/>
      <c r="CE354" s="53"/>
      <c r="CF354" s="53"/>
      <c r="CG354" s="53"/>
      <c r="CH354" s="53"/>
      <c r="CI354" s="53"/>
      <c r="CJ354" s="53"/>
      <c r="CK354" s="53"/>
      <c r="CL354" s="53"/>
      <c r="CM354" s="53"/>
      <c r="CN354" s="53"/>
    </row>
    <row r="355" spans="1:92" outlineLevel="1">
      <c r="A355" s="52" t="s">
        <v>1249</v>
      </c>
      <c r="B355" s="53"/>
      <c r="C355" s="53"/>
      <c r="D355" s="53"/>
      <c r="E355" s="53"/>
      <c r="F355" s="53"/>
      <c r="G355" s="53"/>
      <c r="H355" s="53"/>
      <c r="I355" s="53"/>
      <c r="J355" s="53"/>
      <c r="K355" s="53"/>
      <c r="L355" s="53"/>
      <c r="M355" s="53"/>
      <c r="N355" s="53"/>
      <c r="O355" s="53">
        <v>-477608.48927425197</v>
      </c>
      <c r="P355" s="53">
        <v>-1927505.79494844</v>
      </c>
      <c r="Q355" s="53">
        <v>-1559813.03298324</v>
      </c>
      <c r="R355" s="53">
        <v>-1713705.0861827401</v>
      </c>
      <c r="S355" s="53">
        <v>-1795854.2300163701</v>
      </c>
      <c r="T355" s="53">
        <v>-2101310.0378430099</v>
      </c>
      <c r="U355" s="53">
        <v>-2371160.7427544701</v>
      </c>
      <c r="V355" s="53">
        <v>-2590647.5960921999</v>
      </c>
      <c r="W355" s="53">
        <v>-2661505.7180249002</v>
      </c>
      <c r="X355" s="53">
        <v>-2402168.6010165098</v>
      </c>
      <c r="Y355" s="53">
        <v>-1669200.7942788899</v>
      </c>
      <c r="Z355" s="53">
        <v>-1672888.94605902</v>
      </c>
      <c r="AA355" s="53">
        <v>-22943369.069474101</v>
      </c>
      <c r="AB355" s="53">
        <v>-1708822.1378110501</v>
      </c>
      <c r="AC355" s="53">
        <v>-2087407.7116034301</v>
      </c>
      <c r="AD355" s="53">
        <v>-1625328.39831732</v>
      </c>
      <c r="AE355" s="53">
        <v>-1713705.0861827401</v>
      </c>
      <c r="AF355" s="53">
        <v>-1795854.2300163701</v>
      </c>
      <c r="AG355" s="53">
        <v>-2101310.0378430099</v>
      </c>
      <c r="AH355" s="53">
        <v>-2371160.7427544701</v>
      </c>
      <c r="AI355" s="53">
        <v>-2590647.5960921999</v>
      </c>
      <c r="AJ355" s="53">
        <v>-2661505.7180249002</v>
      </c>
      <c r="AK355" s="53">
        <v>-2402168.6010165098</v>
      </c>
      <c r="AL355" s="53">
        <v>-1669200.7942788899</v>
      </c>
      <c r="AM355" s="53">
        <v>-1672888.94605902</v>
      </c>
      <c r="AN355" s="53">
        <v>-24399999.999999899</v>
      </c>
      <c r="AO355" s="53">
        <v>-1231213.6485367999</v>
      </c>
      <c r="AP355" s="53">
        <v>-159901.91665498799</v>
      </c>
      <c r="AQ355" s="53">
        <v>-65515.365334078</v>
      </c>
      <c r="AR355" s="53"/>
      <c r="AS355" s="53"/>
      <c r="AT355" s="53"/>
      <c r="AU355" s="53"/>
      <c r="AV355" s="53"/>
      <c r="AW355" s="53"/>
      <c r="AX355" s="53"/>
      <c r="AY355" s="53"/>
      <c r="AZ355" s="53"/>
      <c r="BA355" s="53">
        <v>-1456630.9305258701</v>
      </c>
      <c r="BB355" s="53"/>
      <c r="BC355" s="53"/>
      <c r="BD355" s="53"/>
      <c r="BE355" s="53"/>
      <c r="BF355" s="53"/>
      <c r="BG355" s="53"/>
      <c r="BH355" s="53"/>
      <c r="BI355" s="53"/>
      <c r="BJ355" s="53"/>
      <c r="BK355" s="53"/>
      <c r="BL355" s="53"/>
      <c r="BM355" s="53"/>
      <c r="BN355" s="53"/>
      <c r="BO355" s="53"/>
      <c r="BP355" s="53"/>
      <c r="BQ355" s="53"/>
      <c r="BR355" s="53"/>
      <c r="BS355" s="53"/>
      <c r="BT355" s="53"/>
      <c r="BU355" s="53"/>
      <c r="BV355" s="53"/>
      <c r="BW355" s="53"/>
      <c r="BX355" s="53"/>
      <c r="BY355" s="53"/>
      <c r="BZ355" s="53"/>
      <c r="CA355" s="53"/>
      <c r="CB355" s="53"/>
      <c r="CC355" s="53"/>
      <c r="CD355" s="53"/>
      <c r="CE355" s="53"/>
      <c r="CF355" s="53"/>
      <c r="CG355" s="53"/>
      <c r="CH355" s="53"/>
      <c r="CI355" s="53"/>
      <c r="CJ355" s="53"/>
      <c r="CK355" s="53"/>
      <c r="CL355" s="53"/>
      <c r="CM355" s="53"/>
      <c r="CN355" s="53"/>
    </row>
    <row r="356" spans="1:92">
      <c r="A356" s="52" t="s">
        <v>1256</v>
      </c>
      <c r="B356" s="53"/>
      <c r="C356" s="53"/>
      <c r="D356" s="53"/>
      <c r="E356" s="53"/>
      <c r="F356" s="53"/>
      <c r="G356" s="53"/>
      <c r="H356" s="53"/>
      <c r="I356" s="53"/>
      <c r="J356" s="53"/>
      <c r="K356" s="53"/>
      <c r="L356" s="53"/>
      <c r="M356" s="53"/>
      <c r="N356" s="53"/>
      <c r="O356" s="53"/>
      <c r="P356" s="53"/>
      <c r="Q356" s="53"/>
      <c r="R356" s="53"/>
      <c r="S356" s="53"/>
      <c r="T356" s="53"/>
      <c r="U356" s="53"/>
      <c r="V356" s="53"/>
      <c r="W356" s="53"/>
      <c r="X356" s="53"/>
      <c r="Y356" s="53"/>
      <c r="Z356" s="53"/>
      <c r="AA356" s="53"/>
      <c r="AB356" s="53"/>
      <c r="AC356" s="53"/>
      <c r="AD356" s="53"/>
      <c r="AE356" s="53"/>
      <c r="AF356" s="53"/>
      <c r="AG356" s="53"/>
      <c r="AH356" s="53"/>
      <c r="AI356" s="53"/>
      <c r="AJ356" s="53"/>
      <c r="AK356" s="53"/>
      <c r="AL356" s="53"/>
      <c r="AM356" s="53"/>
      <c r="AN356" s="53"/>
      <c r="AO356" s="53"/>
      <c r="AP356" s="53"/>
      <c r="AQ356" s="53"/>
      <c r="AR356" s="53"/>
      <c r="AS356" s="53"/>
      <c r="AT356" s="53"/>
      <c r="AU356" s="53"/>
      <c r="AV356" s="53"/>
      <c r="AW356" s="53"/>
      <c r="AX356" s="53"/>
      <c r="AY356" s="53"/>
      <c r="AZ356" s="53"/>
      <c r="BA356" s="53"/>
      <c r="BB356" s="53"/>
      <c r="BC356" s="53"/>
      <c r="BD356" s="53"/>
      <c r="BE356" s="53"/>
      <c r="BF356" s="53"/>
      <c r="BG356" s="53"/>
      <c r="BH356" s="53"/>
      <c r="BI356" s="53"/>
      <c r="BJ356" s="53"/>
      <c r="BK356" s="53"/>
      <c r="BL356" s="53"/>
      <c r="BM356" s="53"/>
      <c r="BN356" s="53"/>
      <c r="BO356" s="53"/>
      <c r="BP356" s="53"/>
      <c r="BQ356" s="53"/>
      <c r="BR356" s="53"/>
      <c r="BS356" s="53"/>
      <c r="BT356" s="53"/>
      <c r="BU356" s="53"/>
      <c r="BV356" s="53"/>
      <c r="BW356" s="53"/>
      <c r="BX356" s="53"/>
      <c r="BY356" s="53"/>
      <c r="BZ356" s="53"/>
      <c r="CA356" s="53"/>
      <c r="CB356" s="53"/>
      <c r="CC356" s="53"/>
      <c r="CD356" s="53"/>
      <c r="CE356" s="53"/>
      <c r="CF356" s="53"/>
      <c r="CG356" s="53"/>
      <c r="CH356" s="53"/>
      <c r="CI356" s="53"/>
      <c r="CJ356" s="53"/>
      <c r="CK356" s="53"/>
      <c r="CL356" s="53"/>
      <c r="CM356" s="53"/>
      <c r="CN356" s="53"/>
    </row>
    <row r="357" spans="1:92">
      <c r="A357" s="52" t="s">
        <v>1249</v>
      </c>
      <c r="B357" s="53"/>
      <c r="C357" s="53"/>
      <c r="D357" s="53"/>
      <c r="E357" s="53"/>
      <c r="F357" s="53"/>
      <c r="G357" s="53"/>
      <c r="H357" s="53"/>
      <c r="I357" s="53"/>
      <c r="J357" s="53"/>
      <c r="K357" s="53"/>
      <c r="L357" s="53"/>
      <c r="M357" s="53"/>
      <c r="N357" s="53"/>
      <c r="O357" s="53">
        <v>1090423.63015528</v>
      </c>
      <c r="P357" s="53">
        <v>4409038.68421729</v>
      </c>
      <c r="Q357" s="53">
        <v>3591783.0971563398</v>
      </c>
      <c r="R357" s="53">
        <v>3889432.3190302099</v>
      </c>
      <c r="S357" s="53">
        <v>4089090.20017908</v>
      </c>
      <c r="T357" s="53">
        <v>4822691.67479828</v>
      </c>
      <c r="U357" s="53">
        <v>5469151.7505035</v>
      </c>
      <c r="V357" s="53">
        <v>5977735.5813080203</v>
      </c>
      <c r="W357" s="53">
        <v>6136552.9755634097</v>
      </c>
      <c r="X357" s="53">
        <v>5536244.3077656403</v>
      </c>
      <c r="Y357" s="53">
        <v>3826388.2514976999</v>
      </c>
      <c r="Z357" s="53">
        <v>3811725.59988251</v>
      </c>
      <c r="AA357" s="53">
        <v>52650258.072057299</v>
      </c>
      <c r="AB357" s="53">
        <v>3896218.2391879</v>
      </c>
      <c r="AC357" s="53">
        <v>4773138.58612708</v>
      </c>
      <c r="AD357" s="53">
        <v>3741055.5141568901</v>
      </c>
      <c r="AE357" s="53">
        <v>3889432.3190302099</v>
      </c>
      <c r="AF357" s="53">
        <v>4089090.20017908</v>
      </c>
      <c r="AG357" s="53">
        <v>4822691.67479828</v>
      </c>
      <c r="AH357" s="53">
        <v>5469151.7505035</v>
      </c>
      <c r="AI357" s="53">
        <v>5977735.5813080203</v>
      </c>
      <c r="AJ357" s="53">
        <v>6136552.9755634097</v>
      </c>
      <c r="AK357" s="53">
        <v>5536244.3077656403</v>
      </c>
      <c r="AL357" s="53">
        <v>3826388.2514976999</v>
      </c>
      <c r="AM357" s="53">
        <v>3811725.59988251</v>
      </c>
      <c r="AN357" s="53">
        <v>55969425.000000201</v>
      </c>
      <c r="AO357" s="53">
        <v>3896218.2391879</v>
      </c>
      <c r="AP357" s="53">
        <v>4773138.58612708</v>
      </c>
      <c r="AQ357" s="53">
        <v>3741055.5141568901</v>
      </c>
      <c r="AR357" s="53">
        <v>3889432.3190302099</v>
      </c>
      <c r="AS357" s="53">
        <v>4089090.20017908</v>
      </c>
      <c r="AT357" s="53">
        <v>4822691.67479828</v>
      </c>
      <c r="AU357" s="53">
        <v>5469151.7505035</v>
      </c>
      <c r="AV357" s="53">
        <v>5977735.5813080203</v>
      </c>
      <c r="AW357" s="53">
        <v>6136552.9755634097</v>
      </c>
      <c r="AX357" s="53">
        <v>5536244.3077656403</v>
      </c>
      <c r="AY357" s="53">
        <v>3826388.2514976999</v>
      </c>
      <c r="AZ357" s="53">
        <v>3811725.59988251</v>
      </c>
      <c r="BA357" s="53">
        <v>55969425.000000201</v>
      </c>
      <c r="BB357" s="53">
        <v>3896218.2391879</v>
      </c>
      <c r="BC357" s="53">
        <v>4773138.58612708</v>
      </c>
      <c r="BD357" s="53">
        <v>3741055.5141568901</v>
      </c>
      <c r="BE357" s="53">
        <v>3889432.3190302099</v>
      </c>
      <c r="BF357" s="53">
        <v>4089090.20017908</v>
      </c>
      <c r="BG357" s="53">
        <v>4822691.67479828</v>
      </c>
      <c r="BH357" s="53">
        <v>5469151.7505035</v>
      </c>
      <c r="BI357" s="53">
        <v>5977735.5813080203</v>
      </c>
      <c r="BJ357" s="53">
        <v>6136552.9755634097</v>
      </c>
      <c r="BK357" s="53">
        <v>5536244.3077656403</v>
      </c>
      <c r="BL357" s="53">
        <v>3826388.2514976999</v>
      </c>
      <c r="BM357" s="53">
        <v>3811725.59988251</v>
      </c>
      <c r="BN357" s="53">
        <v>55969425.000000201</v>
      </c>
      <c r="BO357" s="53">
        <v>3896218.2391879</v>
      </c>
      <c r="BP357" s="53">
        <v>4773138.58612708</v>
      </c>
      <c r="BQ357" s="53">
        <v>3741055.5141568901</v>
      </c>
      <c r="BR357" s="53">
        <v>3889432.3190302099</v>
      </c>
      <c r="BS357" s="53">
        <v>4089090.20017908</v>
      </c>
      <c r="BT357" s="53">
        <v>4822691.67479828</v>
      </c>
      <c r="BU357" s="53">
        <v>5469151.7505035</v>
      </c>
      <c r="BV357" s="53">
        <v>5977735.5813080203</v>
      </c>
      <c r="BW357" s="53">
        <v>6136552.9755634097</v>
      </c>
      <c r="BX357" s="53">
        <v>5536244.3077656403</v>
      </c>
      <c r="BY357" s="53">
        <v>3826388.2514976999</v>
      </c>
      <c r="BZ357" s="53">
        <v>3811725.59988251</v>
      </c>
      <c r="CA357" s="53">
        <v>55969425.000000201</v>
      </c>
      <c r="CB357" s="53">
        <v>-3264760.6439775699</v>
      </c>
      <c r="CC357" s="53">
        <v>-4830705.7185615497</v>
      </c>
      <c r="CD357" s="53">
        <v>-5226229.5410195496</v>
      </c>
      <c r="CE357" s="53">
        <v>-4843937.1404570397</v>
      </c>
      <c r="CF357" s="53">
        <v>-3151265.44046559</v>
      </c>
      <c r="CG357" s="53">
        <v>-3000994.7646196801</v>
      </c>
      <c r="CH357" s="53">
        <v>-3094388.8214493799</v>
      </c>
      <c r="CI357" s="53">
        <v>-3064152.4639992202</v>
      </c>
      <c r="CJ357" s="53">
        <v>-2877896.5021062298</v>
      </c>
      <c r="CK357" s="53">
        <v>-3260688.7874252601</v>
      </c>
      <c r="CL357" s="53">
        <v>-2607583.4665017999</v>
      </c>
      <c r="CM357" s="53">
        <v>-3081689.5513203102</v>
      </c>
      <c r="CN357" s="53">
        <v>-42304292.841903202</v>
      </c>
    </row>
    <row r="358" spans="1:92">
      <c r="A358" s="52" t="s">
        <v>1257</v>
      </c>
      <c r="B358" s="53"/>
      <c r="C358" s="53"/>
      <c r="D358" s="53"/>
      <c r="E358" s="53"/>
      <c r="F358" s="53"/>
      <c r="G358" s="53"/>
      <c r="H358" s="53"/>
      <c r="I358" s="53"/>
      <c r="J358" s="53"/>
      <c r="K358" s="53"/>
      <c r="L358" s="53"/>
      <c r="M358" s="53"/>
      <c r="N358" s="53"/>
      <c r="O358" s="53"/>
      <c r="P358" s="53"/>
      <c r="Q358" s="53"/>
      <c r="R358" s="53"/>
      <c r="S358" s="53"/>
      <c r="T358" s="53"/>
      <c r="U358" s="53"/>
      <c r="V358" s="53"/>
      <c r="W358" s="53"/>
      <c r="X358" s="53"/>
      <c r="Y358" s="53"/>
      <c r="Z358" s="53"/>
      <c r="AA358" s="53"/>
      <c r="AB358" s="53"/>
      <c r="AC358" s="53"/>
      <c r="AD358" s="53"/>
      <c r="AE358" s="53"/>
      <c r="AF358" s="53"/>
      <c r="AG358" s="53"/>
      <c r="AH358" s="53"/>
      <c r="AI358" s="53"/>
      <c r="AJ358" s="53"/>
      <c r="AK358" s="53"/>
      <c r="AL358" s="53"/>
      <c r="AM358" s="53"/>
      <c r="AN358" s="53"/>
      <c r="AO358" s="53"/>
      <c r="AP358" s="53"/>
      <c r="AQ358" s="53"/>
      <c r="AR358" s="53"/>
      <c r="AS358" s="53"/>
      <c r="AT358" s="53"/>
      <c r="AU358" s="53"/>
      <c r="AV358" s="53"/>
      <c r="AW358" s="53"/>
      <c r="AX358" s="53"/>
      <c r="AY358" s="53"/>
      <c r="AZ358" s="53"/>
      <c r="BA358" s="53"/>
      <c r="BB358" s="53"/>
      <c r="BC358" s="53"/>
      <c r="BD358" s="53"/>
      <c r="BE358" s="53"/>
      <c r="BF358" s="53"/>
      <c r="BG358" s="53"/>
      <c r="BH358" s="53"/>
      <c r="BI358" s="53"/>
      <c r="BJ358" s="53"/>
      <c r="BK358" s="53"/>
      <c r="BL358" s="53"/>
      <c r="BM358" s="53"/>
      <c r="BN358" s="53"/>
      <c r="BO358" s="53"/>
      <c r="BP358" s="53"/>
      <c r="BQ358" s="53"/>
      <c r="BR358" s="53"/>
      <c r="BS358" s="53"/>
      <c r="BT358" s="53"/>
      <c r="BU358" s="53"/>
      <c r="BV358" s="53"/>
      <c r="BW358" s="53"/>
      <c r="BX358" s="53"/>
      <c r="BY358" s="53"/>
      <c r="BZ358" s="53"/>
      <c r="CA358" s="53"/>
      <c r="CB358" s="53"/>
      <c r="CC358" s="53"/>
      <c r="CD358" s="53"/>
      <c r="CE358" s="53"/>
      <c r="CF358" s="53"/>
      <c r="CG358" s="53"/>
      <c r="CH358" s="53"/>
      <c r="CI358" s="53"/>
      <c r="CJ358" s="53"/>
      <c r="CK358" s="53"/>
      <c r="CL358" s="53"/>
      <c r="CM358" s="53"/>
      <c r="CN358" s="53"/>
    </row>
    <row r="359" spans="1:92">
      <c r="A359" s="52" t="s">
        <v>1249</v>
      </c>
      <c r="B359" s="53"/>
      <c r="C359" s="53"/>
      <c r="D359" s="53"/>
      <c r="E359" s="53"/>
      <c r="F359" s="53"/>
      <c r="G359" s="53"/>
      <c r="H359" s="53"/>
      <c r="I359" s="53"/>
      <c r="J359" s="53"/>
      <c r="K359" s="53"/>
      <c r="L359" s="53"/>
      <c r="M359" s="53"/>
      <c r="N359" s="53"/>
      <c r="O359" s="53">
        <v>-250166</v>
      </c>
      <c r="P359" s="53">
        <v>-1088222.0999999901</v>
      </c>
      <c r="Q359" s="53">
        <v>-1225813.3999999899</v>
      </c>
      <c r="R359" s="53">
        <v>-1275846.5999999901</v>
      </c>
      <c r="S359" s="53">
        <v>-1225813.3999999899</v>
      </c>
      <c r="T359" s="53">
        <v>-1663603.9</v>
      </c>
      <c r="U359" s="53">
        <v>-3668505.6999999899</v>
      </c>
      <c r="V359" s="53">
        <v>-3805331.1857142802</v>
      </c>
      <c r="W359" s="53">
        <v>-3644510.1857142802</v>
      </c>
      <c r="X359" s="53">
        <v>-4129270.62857142</v>
      </c>
      <c r="Y359" s="53">
        <v>-3302191.2</v>
      </c>
      <c r="Z359" s="53">
        <v>-3902589.5999999898</v>
      </c>
      <c r="AA359" s="53">
        <v>-29181863.899999999</v>
      </c>
      <c r="AB359" s="53">
        <v>-3564865.5</v>
      </c>
      <c r="AC359" s="53">
        <v>-3639915.29999999</v>
      </c>
      <c r="AD359" s="53">
        <v>-4165263.9</v>
      </c>
      <c r="AE359" s="53">
        <v>-5572447.6500000004</v>
      </c>
      <c r="AF359" s="53">
        <v>-5441110.4999999898</v>
      </c>
      <c r="AG359" s="53">
        <v>-5678768.1999999899</v>
      </c>
      <c r="AH359" s="53">
        <v>-6468577.9999999898</v>
      </c>
      <c r="AI359" s="53">
        <v>-6448539.1928571397</v>
      </c>
      <c r="AJ359" s="53">
        <v>-6074183.6428571399</v>
      </c>
      <c r="AK359" s="53">
        <v>-6882117.7142857099</v>
      </c>
      <c r="AL359" s="53">
        <v>-5503651.9999999898</v>
      </c>
      <c r="AM359" s="53">
        <v>-6504316</v>
      </c>
      <c r="AN359" s="53">
        <v>-65943757.599999897</v>
      </c>
      <c r="AO359" s="53">
        <v>-5941442.4999999898</v>
      </c>
      <c r="AP359" s="53">
        <v>-6066525.5</v>
      </c>
      <c r="AQ359" s="53">
        <v>-6379233</v>
      </c>
      <c r="AR359" s="53">
        <v>-6379232.9999999898</v>
      </c>
      <c r="AS359" s="53">
        <v>-6129066.9999999898</v>
      </c>
      <c r="AT359" s="53">
        <v>-6191608.4999999898</v>
      </c>
      <c r="AU359" s="53">
        <v>-6531119.5</v>
      </c>
      <c r="AV359" s="53">
        <v>-6467301.6428571399</v>
      </c>
      <c r="AW359" s="53">
        <v>-6074183.6428571399</v>
      </c>
      <c r="AX359" s="53">
        <v>-6882117.7142857099</v>
      </c>
      <c r="AY359" s="53">
        <v>-5503651.9999999898</v>
      </c>
      <c r="AZ359" s="53">
        <v>-6504316</v>
      </c>
      <c r="BA359" s="53">
        <v>-75049800</v>
      </c>
      <c r="BB359" s="53">
        <v>-5941442.4999999898</v>
      </c>
      <c r="BC359" s="53">
        <v>-6066525.5</v>
      </c>
      <c r="BD359" s="53">
        <v>-6379233</v>
      </c>
      <c r="BE359" s="53">
        <v>-6379232.9999999898</v>
      </c>
      <c r="BF359" s="53">
        <v>-6129066.9999999898</v>
      </c>
      <c r="BG359" s="53">
        <v>-6191608.4999999898</v>
      </c>
      <c r="BH359" s="53">
        <v>-6531119.5</v>
      </c>
      <c r="BI359" s="53">
        <v>-6467301.6428571399</v>
      </c>
      <c r="BJ359" s="53">
        <v>-6074183.6428571399</v>
      </c>
      <c r="BK359" s="53">
        <v>-6882117.7142857099</v>
      </c>
      <c r="BL359" s="53">
        <v>-5503651.9999999898</v>
      </c>
      <c r="BM359" s="53">
        <v>-6504316</v>
      </c>
      <c r="BN359" s="53">
        <v>-75049800</v>
      </c>
      <c r="BO359" s="53">
        <v>-5941442.4999999898</v>
      </c>
      <c r="BP359" s="53">
        <v>-6066525.5</v>
      </c>
      <c r="BQ359" s="53">
        <v>-6379233</v>
      </c>
      <c r="BR359" s="53">
        <v>-6379232.9999999898</v>
      </c>
      <c r="BS359" s="53">
        <v>-6129066.9999999898</v>
      </c>
      <c r="BT359" s="53">
        <v>-6191608.4999999898</v>
      </c>
      <c r="BU359" s="53">
        <v>-6531119.5</v>
      </c>
      <c r="BV359" s="53">
        <v>-6467301.6428571399</v>
      </c>
      <c r="BW359" s="53">
        <v>-6074183.6428571399</v>
      </c>
      <c r="BX359" s="53">
        <v>-6882117.7142857099</v>
      </c>
      <c r="BY359" s="53">
        <v>-5503651.9999999898</v>
      </c>
      <c r="BZ359" s="53">
        <v>-6504316</v>
      </c>
      <c r="CA359" s="53">
        <v>-75049800</v>
      </c>
      <c r="CB359" s="53">
        <v>-4999638.7008556202</v>
      </c>
      <c r="CC359" s="53">
        <v>-5104894.2524525896</v>
      </c>
      <c r="CD359" s="53">
        <v>-5368033.1314449897</v>
      </c>
      <c r="CE359" s="53">
        <v>-5368033.1314449897</v>
      </c>
      <c r="CF359" s="53">
        <v>-5157522.0282510603</v>
      </c>
      <c r="CG359" s="53">
        <v>-5210149.8040495403</v>
      </c>
      <c r="CH359" s="53">
        <v>-5991814.5367830498</v>
      </c>
      <c r="CI359" s="53">
        <v>-7627248.5604010904</v>
      </c>
      <c r="CJ359" s="53">
        <v>-7266687.13267814</v>
      </c>
      <c r="CK359" s="53">
        <v>-8338133.0596052799</v>
      </c>
      <c r="CL359" s="53">
        <v>-6668032.2242243998</v>
      </c>
      <c r="CM359" s="53">
        <v>-7880401.7195379296</v>
      </c>
      <c r="CN359" s="53">
        <v>-74980588.2817287</v>
      </c>
    </row>
    <row r="360" spans="1:92">
      <c r="A360" s="52" t="s">
        <v>1258</v>
      </c>
      <c r="B360" s="53"/>
      <c r="C360" s="53"/>
      <c r="D360" s="53"/>
      <c r="E360" s="53"/>
      <c r="F360" s="53"/>
      <c r="G360" s="53"/>
      <c r="H360" s="53"/>
      <c r="I360" s="53"/>
      <c r="J360" s="53"/>
      <c r="K360" s="53"/>
      <c r="L360" s="53"/>
      <c r="M360" s="53"/>
      <c r="N360" s="53"/>
      <c r="O360" s="53"/>
      <c r="P360" s="53"/>
      <c r="Q360" s="53"/>
      <c r="R360" s="53"/>
      <c r="S360" s="53"/>
      <c r="T360" s="53"/>
      <c r="U360" s="53"/>
      <c r="V360" s="53"/>
      <c r="W360" s="53"/>
      <c r="X360" s="53"/>
      <c r="Y360" s="53"/>
      <c r="Z360" s="53"/>
      <c r="AA360" s="53"/>
      <c r="AB360" s="53"/>
      <c r="AC360" s="53"/>
      <c r="AD360" s="53"/>
      <c r="AE360" s="53"/>
      <c r="AF360" s="53"/>
      <c r="AG360" s="53"/>
      <c r="AH360" s="53"/>
      <c r="AI360" s="53"/>
      <c r="AJ360" s="53"/>
      <c r="AK360" s="53"/>
      <c r="AL360" s="53"/>
      <c r="AM360" s="53"/>
      <c r="AN360" s="53"/>
      <c r="AO360" s="53"/>
      <c r="AP360" s="53"/>
      <c r="AQ360" s="53"/>
      <c r="AR360" s="53"/>
      <c r="AS360" s="53"/>
      <c r="AT360" s="53"/>
      <c r="AU360" s="53"/>
      <c r="AV360" s="53"/>
      <c r="AW360" s="53"/>
      <c r="AX360" s="53"/>
      <c r="AY360" s="53"/>
      <c r="AZ360" s="53"/>
      <c r="BA360" s="53"/>
      <c r="BB360" s="53"/>
      <c r="BC360" s="53"/>
      <c r="BD360" s="53"/>
      <c r="BE360" s="53"/>
      <c r="BF360" s="53"/>
      <c r="BG360" s="53"/>
      <c r="BH360" s="53"/>
      <c r="BI360" s="53"/>
      <c r="BJ360" s="53"/>
      <c r="BK360" s="53"/>
      <c r="BL360" s="53"/>
      <c r="BM360" s="53"/>
      <c r="BN360" s="53"/>
      <c r="BO360" s="53"/>
      <c r="BP360" s="53"/>
      <c r="BQ360" s="53"/>
      <c r="BR360" s="53"/>
      <c r="BS360" s="53"/>
      <c r="BT360" s="53"/>
      <c r="BU360" s="53"/>
      <c r="BV360" s="53"/>
      <c r="BW360" s="53"/>
      <c r="BX360" s="53"/>
      <c r="BY360" s="53"/>
      <c r="BZ360" s="53"/>
      <c r="CA360" s="53"/>
      <c r="CB360" s="53">
        <v>236192527.75420499</v>
      </c>
      <c r="CC360" s="53">
        <v>216332521.87176299</v>
      </c>
      <c r="CD360" s="53">
        <v>219770254.09023899</v>
      </c>
      <c r="CE360" s="53">
        <v>222143255.68029699</v>
      </c>
      <c r="CF360" s="53">
        <v>294074942.87593102</v>
      </c>
      <c r="CG360" s="53">
        <v>341347322.81503099</v>
      </c>
      <c r="CH360" s="53">
        <v>352331723.65049303</v>
      </c>
      <c r="CI360" s="53">
        <v>338935474.71575898</v>
      </c>
      <c r="CJ360" s="53">
        <v>331091971.216878</v>
      </c>
      <c r="CK360" s="53">
        <v>238267512.19165701</v>
      </c>
      <c r="CL360" s="53">
        <v>228948802.17698899</v>
      </c>
      <c r="CM360" s="53">
        <v>221774562.128333</v>
      </c>
      <c r="CN360" s="53">
        <v>221774562.128333</v>
      </c>
    </row>
    <row r="361" spans="1:92" outlineLevel="1">
      <c r="A361" s="52" t="s">
        <v>1249</v>
      </c>
      <c r="B361" s="53"/>
      <c r="C361" s="53"/>
      <c r="D361" s="53"/>
      <c r="E361" s="53"/>
      <c r="F361" s="53"/>
      <c r="G361" s="53"/>
      <c r="H361" s="53"/>
      <c r="I361" s="53"/>
      <c r="J361" s="53"/>
      <c r="K361" s="53"/>
      <c r="L361" s="53"/>
      <c r="M361" s="53"/>
      <c r="N361" s="53"/>
      <c r="O361" s="53"/>
      <c r="P361" s="53"/>
      <c r="Q361" s="53"/>
      <c r="R361" s="53">
        <v>-7919344.8875022903</v>
      </c>
      <c r="S361" s="53">
        <v>-32808714.533938002</v>
      </c>
      <c r="T361" s="53">
        <v>-36202719.485724702</v>
      </c>
      <c r="U361" s="53">
        <v>-39381232.059620202</v>
      </c>
      <c r="V361" s="53">
        <v>-38996424.241957299</v>
      </c>
      <c r="W361" s="53">
        <v>-36626008.0851539</v>
      </c>
      <c r="X361" s="53">
        <v>-41497675.0567661</v>
      </c>
      <c r="Y361" s="53">
        <v>-33185826.195247699</v>
      </c>
      <c r="Z361" s="53">
        <v>-39219612.7762018</v>
      </c>
      <c r="AA361" s="53">
        <v>-305837557.32211202</v>
      </c>
      <c r="AB361" s="53">
        <v>-35825607.824415103</v>
      </c>
      <c r="AC361" s="53">
        <v>-36579831.147034399</v>
      </c>
      <c r="AD361" s="53">
        <v>-38465389.453582503</v>
      </c>
      <c r="AE361" s="53">
        <v>-30546044.566080201</v>
      </c>
      <c r="AF361" s="53">
        <v>-4148228.27440596</v>
      </c>
      <c r="AG361" s="53">
        <v>-1131334.98392889</v>
      </c>
      <c r="AH361" s="53"/>
      <c r="AI361" s="53"/>
      <c r="AJ361" s="53"/>
      <c r="AK361" s="53"/>
      <c r="AL361" s="53"/>
      <c r="AM361" s="53"/>
      <c r="AN361" s="53">
        <v>-146696436.24944699</v>
      </c>
      <c r="AO361" s="53"/>
      <c r="AP361" s="53"/>
      <c r="AQ361" s="53"/>
      <c r="AR361" s="53"/>
      <c r="AS361" s="53"/>
      <c r="AT361" s="53"/>
      <c r="AU361" s="53"/>
      <c r="AV361" s="53"/>
      <c r="AW361" s="53"/>
      <c r="AX361" s="53"/>
      <c r="AY361" s="53"/>
      <c r="AZ361" s="53"/>
      <c r="BA361" s="53"/>
      <c r="BB361" s="53"/>
      <c r="BC361" s="53"/>
      <c r="BD361" s="53"/>
      <c r="BE361" s="53"/>
      <c r="BF361" s="53"/>
      <c r="BG361" s="53"/>
      <c r="BH361" s="53"/>
      <c r="BI361" s="53"/>
      <c r="BJ361" s="53"/>
      <c r="BK361" s="53"/>
      <c r="BL361" s="53"/>
      <c r="BM361" s="53"/>
      <c r="BN361" s="53"/>
      <c r="BO361" s="53"/>
      <c r="BP361" s="53"/>
      <c r="BQ361" s="53"/>
      <c r="BR361" s="53"/>
      <c r="BS361" s="53"/>
      <c r="BT361" s="53"/>
      <c r="BU361" s="53"/>
      <c r="BV361" s="53"/>
      <c r="BW361" s="53"/>
      <c r="BX361" s="53"/>
      <c r="BY361" s="53"/>
      <c r="BZ361" s="53"/>
      <c r="CA361" s="53"/>
      <c r="CB361" s="53"/>
      <c r="CC361" s="53"/>
      <c r="CD361" s="53"/>
      <c r="CE361" s="53"/>
      <c r="CF361" s="53"/>
      <c r="CG361" s="53"/>
      <c r="CH361" s="53"/>
      <c r="CI361" s="53"/>
      <c r="CJ361" s="53"/>
      <c r="CK361" s="53"/>
      <c r="CL361" s="53"/>
      <c r="CM361" s="53"/>
      <c r="CN361" s="53"/>
    </row>
    <row r="362" spans="1:92" outlineLevel="1">
      <c r="A362" s="52" t="s">
        <v>1259</v>
      </c>
      <c r="B362" s="53"/>
      <c r="C362" s="53"/>
      <c r="D362" s="53"/>
      <c r="E362" s="53"/>
      <c r="F362" s="53"/>
      <c r="G362" s="53"/>
      <c r="H362" s="53"/>
      <c r="I362" s="53"/>
      <c r="J362" s="53"/>
      <c r="K362" s="53"/>
      <c r="L362" s="53"/>
      <c r="M362" s="53"/>
      <c r="N362" s="53"/>
      <c r="O362" s="53"/>
      <c r="P362" s="53"/>
      <c r="Q362" s="53"/>
      <c r="R362" s="53"/>
      <c r="S362" s="53"/>
      <c r="T362" s="53"/>
      <c r="U362" s="53"/>
      <c r="V362" s="53"/>
      <c r="W362" s="53"/>
      <c r="X362" s="53"/>
      <c r="Y362" s="53"/>
      <c r="Z362" s="53"/>
      <c r="AA362" s="53"/>
      <c r="AB362" s="53"/>
      <c r="AC362" s="53"/>
      <c r="AD362" s="53"/>
      <c r="AE362" s="53"/>
      <c r="AF362" s="53"/>
      <c r="AG362" s="53"/>
      <c r="AH362" s="53"/>
      <c r="AI362" s="53"/>
      <c r="AJ362" s="53"/>
      <c r="AK362" s="53"/>
      <c r="AL362" s="53"/>
      <c r="AM362" s="53"/>
      <c r="AN362" s="53"/>
      <c r="AO362" s="53"/>
      <c r="AP362" s="53"/>
      <c r="AQ362" s="53"/>
      <c r="AR362" s="53"/>
      <c r="AS362" s="53"/>
      <c r="AT362" s="53"/>
      <c r="AU362" s="53"/>
      <c r="AV362" s="53"/>
      <c r="AW362" s="53"/>
      <c r="AX362" s="53"/>
      <c r="AY362" s="53"/>
      <c r="AZ362" s="53"/>
      <c r="BA362" s="53"/>
      <c r="BB362" s="53"/>
      <c r="BC362" s="53"/>
      <c r="BD362" s="53"/>
      <c r="BE362" s="53"/>
      <c r="BF362" s="53"/>
      <c r="BG362" s="53"/>
      <c r="BH362" s="53"/>
      <c r="BI362" s="53"/>
      <c r="BJ362" s="53"/>
      <c r="BK362" s="53"/>
      <c r="BL362" s="53"/>
      <c r="BM362" s="53"/>
      <c r="BN362" s="53"/>
      <c r="BO362" s="53"/>
      <c r="BP362" s="53"/>
      <c r="BQ362" s="53"/>
      <c r="BR362" s="53"/>
      <c r="BS362" s="53"/>
      <c r="BT362" s="53"/>
      <c r="BU362" s="53"/>
      <c r="BV362" s="53"/>
      <c r="BW362" s="53"/>
      <c r="BX362" s="53"/>
      <c r="BY362" s="53"/>
      <c r="BZ362" s="53"/>
      <c r="CA362" s="53"/>
      <c r="CB362" s="53">
        <v>-7718042.21</v>
      </c>
      <c r="CC362" s="53">
        <v>-7718042.21</v>
      </c>
      <c r="CD362" s="53">
        <v>-7718042.21</v>
      </c>
      <c r="CE362" s="53">
        <v>-7718042.21</v>
      </c>
      <c r="CF362" s="53">
        <v>-7718042.21</v>
      </c>
      <c r="CG362" s="53">
        <v>-7718042.21</v>
      </c>
      <c r="CH362" s="53">
        <v>-7718042.21</v>
      </c>
      <c r="CI362" s="53">
        <v>-7718042.21</v>
      </c>
      <c r="CJ362" s="53">
        <v>-7718042.21</v>
      </c>
      <c r="CK362" s="53">
        <v>-7718042.21</v>
      </c>
      <c r="CL362" s="53">
        <v>-7718042.21</v>
      </c>
      <c r="CM362" s="53">
        <v>-7718042.21</v>
      </c>
      <c r="CN362" s="53">
        <v>-7718042.21</v>
      </c>
    </row>
    <row r="363" spans="1:92" outlineLevel="1">
      <c r="A363" s="52" t="s">
        <v>1249</v>
      </c>
      <c r="B363" s="53"/>
      <c r="C363" s="53"/>
      <c r="D363" s="53"/>
      <c r="E363" s="53"/>
      <c r="F363" s="53"/>
      <c r="G363" s="53"/>
      <c r="H363" s="53"/>
      <c r="I363" s="53"/>
      <c r="J363" s="53"/>
      <c r="K363" s="53"/>
      <c r="L363" s="53"/>
      <c r="M363" s="53"/>
      <c r="N363" s="53"/>
      <c r="O363" s="53">
        <v>-369304.95752416202</v>
      </c>
      <c r="P363" s="53">
        <v>-1606476.5652300999</v>
      </c>
      <c r="Q363" s="53">
        <v>-1809594.29186839</v>
      </c>
      <c r="R363" s="53">
        <v>-1883455.2833732199</v>
      </c>
      <c r="S363" s="53">
        <v>-1809594.29186839</v>
      </c>
      <c r="T363" s="53">
        <v>-1690884.88540312</v>
      </c>
      <c r="U363" s="53">
        <v>-1166346.12468844</v>
      </c>
      <c r="V363" s="53">
        <v>-1099254.126589</v>
      </c>
      <c r="W363" s="53">
        <v>-791380.44074028905</v>
      </c>
      <c r="X363" s="53">
        <v>-93989.687734034305</v>
      </c>
      <c r="Y363" s="53">
        <v>-31188.4516860113</v>
      </c>
      <c r="Z363" s="53"/>
      <c r="AA363" s="53">
        <v>-12351469.106705099</v>
      </c>
      <c r="AB363" s="53">
        <v>-369304.95752416202</v>
      </c>
      <c r="AC363" s="53">
        <v>-1606476.5652300999</v>
      </c>
      <c r="AD363" s="53">
        <v>-1809594.29186839</v>
      </c>
      <c r="AE363" s="53">
        <v>-1883455.2833732199</v>
      </c>
      <c r="AF363" s="53">
        <v>-1809594.29186839</v>
      </c>
      <c r="AG363" s="53">
        <v>-1690884.88540312</v>
      </c>
      <c r="AH363" s="53">
        <v>-1166346.12468844</v>
      </c>
      <c r="AI363" s="53">
        <v>-1099254.126589</v>
      </c>
      <c r="AJ363" s="53">
        <v>-791380.44074028905</v>
      </c>
      <c r="AK363" s="53">
        <v>-93989.687734034305</v>
      </c>
      <c r="AL363" s="53">
        <v>-31188.4516860113</v>
      </c>
      <c r="AM363" s="53"/>
      <c r="AN363" s="53">
        <v>-12351469.106705099</v>
      </c>
      <c r="AO363" s="53">
        <v>-369304.95752416202</v>
      </c>
      <c r="AP363" s="53">
        <v>-1606476.5652300999</v>
      </c>
      <c r="AQ363" s="53">
        <v>-1809594.29186839</v>
      </c>
      <c r="AR363" s="53">
        <v>-1883455.2833732199</v>
      </c>
      <c r="AS363" s="53">
        <v>-1809594.29186839</v>
      </c>
      <c r="AT363" s="53">
        <v>-1690884.88540312</v>
      </c>
      <c r="AU363" s="53">
        <v>-1166346.12468844</v>
      </c>
      <c r="AV363" s="53">
        <v>-1099254.126589</v>
      </c>
      <c r="AW363" s="53">
        <v>-791380.44074028905</v>
      </c>
      <c r="AX363" s="53">
        <v>-93989.687734034305</v>
      </c>
      <c r="AY363" s="53">
        <v>-31188.4516860113</v>
      </c>
      <c r="AZ363" s="53"/>
      <c r="BA363" s="53">
        <v>-12351469.106705099</v>
      </c>
      <c r="BB363" s="53">
        <v>-369304.95752416202</v>
      </c>
      <c r="BC363" s="53">
        <v>-1606476.5652300999</v>
      </c>
      <c r="BD363" s="53">
        <v>-1809594.29186839</v>
      </c>
      <c r="BE363" s="53">
        <v>-1883455.2833732199</v>
      </c>
      <c r="BF363" s="53">
        <v>-1809594.29186839</v>
      </c>
      <c r="BG363" s="53">
        <v>-1690884.88540312</v>
      </c>
      <c r="BH363" s="53">
        <v>-1166346.12468844</v>
      </c>
      <c r="BI363" s="53">
        <v>-1099254.126589</v>
      </c>
      <c r="BJ363" s="53">
        <v>-791380.44074028905</v>
      </c>
      <c r="BK363" s="53">
        <v>-93989.687734034305</v>
      </c>
      <c r="BL363" s="53">
        <v>-31188.4516860113</v>
      </c>
      <c r="BM363" s="53"/>
      <c r="BN363" s="53">
        <v>-12351469.106705099</v>
      </c>
      <c r="BO363" s="53">
        <v>-369304.95752416202</v>
      </c>
      <c r="BP363" s="53">
        <v>-1606476.5652300999</v>
      </c>
      <c r="BQ363" s="53">
        <v>-1809594.29186839</v>
      </c>
      <c r="BR363" s="53">
        <v>-1883455.2833732199</v>
      </c>
      <c r="BS363" s="53">
        <v>-1809594.29186839</v>
      </c>
      <c r="BT363" s="53">
        <v>-1690884.88540312</v>
      </c>
      <c r="BU363" s="53">
        <v>-1166346.12468844</v>
      </c>
      <c r="BV363" s="53">
        <v>-1099254.126589</v>
      </c>
      <c r="BW363" s="53">
        <v>-791380.44074028905</v>
      </c>
      <c r="BX363" s="53">
        <v>-93989.687734034305</v>
      </c>
      <c r="BY363" s="53">
        <v>-31188.4516860113</v>
      </c>
      <c r="BZ363" s="53"/>
      <c r="CA363" s="53">
        <v>-12351469.106705099</v>
      </c>
      <c r="CB363" s="53">
        <v>435325370.07999998</v>
      </c>
      <c r="CC363" s="53">
        <v>435325370.07999998</v>
      </c>
      <c r="CD363" s="53">
        <v>435325370.07999998</v>
      </c>
      <c r="CE363" s="53">
        <v>435325370.07999998</v>
      </c>
      <c r="CF363" s="53">
        <v>435325370.07999998</v>
      </c>
      <c r="CG363" s="53">
        <v>435325370.07999998</v>
      </c>
      <c r="CH363" s="53">
        <v>435325370.07999998</v>
      </c>
      <c r="CI363" s="53">
        <v>435325370.07999998</v>
      </c>
      <c r="CJ363" s="53">
        <v>435325370.07999998</v>
      </c>
      <c r="CK363" s="53">
        <v>435325370.07999998</v>
      </c>
      <c r="CL363" s="53">
        <v>435325370.07999998</v>
      </c>
      <c r="CM363" s="53">
        <v>435325370.07999998</v>
      </c>
      <c r="CN363" s="53">
        <v>435325370.07999998</v>
      </c>
    </row>
    <row r="364" spans="1:92" outlineLevel="1">
      <c r="A364" s="59" t="s">
        <v>1275</v>
      </c>
      <c r="B364" s="53">
        <v>130078576.72999901</v>
      </c>
      <c r="C364" s="53">
        <v>124341329.639999</v>
      </c>
      <c r="D364" s="53">
        <v>96709066.069999993</v>
      </c>
      <c r="E364" s="53">
        <v>285606821.02999997</v>
      </c>
      <c r="F364" s="53">
        <v>302874765.44999999</v>
      </c>
      <c r="G364" s="53">
        <v>126191891.67</v>
      </c>
      <c r="H364" s="53">
        <v>129112844.39</v>
      </c>
      <c r="I364" s="53">
        <v>96828896.9799999</v>
      </c>
      <c r="J364" s="53">
        <v>159005328.389999</v>
      </c>
      <c r="K364" s="53">
        <v>125721620.299999</v>
      </c>
      <c r="L364" s="53">
        <v>138406270.09999999</v>
      </c>
      <c r="M364" s="53">
        <v>147623695.66</v>
      </c>
      <c r="N364" s="53">
        <v>147623695.66</v>
      </c>
      <c r="O364" s="53">
        <v>369371710.55639797</v>
      </c>
      <c r="P364" s="53">
        <v>225871240.233372</v>
      </c>
      <c r="Q364" s="53">
        <v>214820943.271548</v>
      </c>
      <c r="R364" s="53">
        <v>257892035.04606</v>
      </c>
      <c r="S364" s="53">
        <v>348493175.48175699</v>
      </c>
      <c r="T364" s="53">
        <v>398167288.20523101</v>
      </c>
      <c r="U364" s="53">
        <v>401271559.359052</v>
      </c>
      <c r="V364" s="53">
        <v>496582375.16965801</v>
      </c>
      <c r="W364" s="53">
        <v>385534500.19067597</v>
      </c>
      <c r="X364" s="53">
        <v>264835045.423226</v>
      </c>
      <c r="Y364" s="53">
        <v>240760645.082894</v>
      </c>
      <c r="Z364" s="53">
        <v>245491799.93476799</v>
      </c>
      <c r="AA364" s="53">
        <v>245491799.93476799</v>
      </c>
      <c r="AB364" s="53">
        <v>406252800.89106101</v>
      </c>
      <c r="AC364" s="53">
        <v>267279077.79149801</v>
      </c>
      <c r="AD364" s="53">
        <v>247235548.70337799</v>
      </c>
      <c r="AE364" s="53">
        <v>229738695.80895501</v>
      </c>
      <c r="AF364" s="53">
        <v>312342670.77737898</v>
      </c>
      <c r="AG364" s="53">
        <v>359725349.45270097</v>
      </c>
      <c r="AH364" s="53">
        <v>364800460.84918898</v>
      </c>
      <c r="AI364" s="53">
        <v>458386439.83248103</v>
      </c>
      <c r="AJ364" s="53">
        <v>349637772.35650098</v>
      </c>
      <c r="AK364" s="53">
        <v>233367827.064762</v>
      </c>
      <c r="AL364" s="53">
        <v>202839412.14398801</v>
      </c>
      <c r="AM364" s="53">
        <v>209071090.292402</v>
      </c>
      <c r="AN364" s="53">
        <v>209071090.292402</v>
      </c>
      <c r="AO364" s="53">
        <v>309440282.22461402</v>
      </c>
      <c r="AP364" s="53">
        <v>177725895.91375899</v>
      </c>
      <c r="AQ364" s="53">
        <v>162256049.45049101</v>
      </c>
      <c r="AR364" s="53">
        <v>171709786.71629399</v>
      </c>
      <c r="AS364" s="53">
        <v>246279917.82924601</v>
      </c>
      <c r="AT364" s="53">
        <v>287378196.66648901</v>
      </c>
      <c r="AU364" s="53">
        <v>292566107.86659199</v>
      </c>
      <c r="AV364" s="53">
        <v>371788557.809075</v>
      </c>
      <c r="AW364" s="53">
        <v>280346232.55281901</v>
      </c>
      <c r="AX364" s="53">
        <v>179067498.11529201</v>
      </c>
      <c r="AY364" s="53">
        <v>154475581.37364301</v>
      </c>
      <c r="AZ364" s="53">
        <v>160741141.41899201</v>
      </c>
      <c r="BA364" s="53">
        <v>160741141.41899201</v>
      </c>
      <c r="BB364" s="53">
        <v>305295643.85399503</v>
      </c>
      <c r="BC364" s="53">
        <v>181090089.07359499</v>
      </c>
      <c r="BD364" s="53">
        <v>166464416.45860299</v>
      </c>
      <c r="BE364" s="53">
        <v>175620965.14962801</v>
      </c>
      <c r="BF364" s="53">
        <v>249723028.47928399</v>
      </c>
      <c r="BG364" s="53">
        <v>292480067.33779699</v>
      </c>
      <c r="BH364" s="53">
        <v>297795166.964127</v>
      </c>
      <c r="BI364" s="53">
        <v>376183080.20184797</v>
      </c>
      <c r="BJ364" s="53">
        <v>285769882.556113</v>
      </c>
      <c r="BK364" s="53">
        <v>185875730.01947701</v>
      </c>
      <c r="BL364" s="53">
        <v>160083622.233284</v>
      </c>
      <c r="BM364" s="53">
        <v>166933458.050587</v>
      </c>
      <c r="BN364" s="53">
        <v>166933458.050587</v>
      </c>
      <c r="BO364" s="53">
        <v>310910869.502891</v>
      </c>
      <c r="BP364" s="53">
        <v>187198685.44739601</v>
      </c>
      <c r="BQ364" s="53">
        <v>171887879.30093101</v>
      </c>
      <c r="BR364" s="53">
        <v>180922281.701336</v>
      </c>
      <c r="BS364" s="53">
        <v>255678763.35678899</v>
      </c>
      <c r="BT364" s="53">
        <v>299571572.44972599</v>
      </c>
      <c r="BU364" s="53">
        <v>305316321.45830899</v>
      </c>
      <c r="BV364" s="53">
        <v>383421992.02359498</v>
      </c>
      <c r="BW364" s="53">
        <v>293881906.67001301</v>
      </c>
      <c r="BX364" s="53">
        <v>194156759.10853499</v>
      </c>
      <c r="BY364" s="53">
        <v>168675805.85340399</v>
      </c>
      <c r="BZ364" s="53">
        <v>175790239.48092499</v>
      </c>
      <c r="CA364" s="53">
        <v>175790239.48092499</v>
      </c>
      <c r="CB364" s="53">
        <v>427607327.87</v>
      </c>
      <c r="CC364" s="53">
        <v>427607327.87</v>
      </c>
      <c r="CD364" s="53">
        <v>427607327.87</v>
      </c>
      <c r="CE364" s="53">
        <v>427607327.87</v>
      </c>
      <c r="CF364" s="53">
        <v>427607327.87</v>
      </c>
      <c r="CG364" s="53">
        <v>427607327.87</v>
      </c>
      <c r="CH364" s="53">
        <v>427607327.87</v>
      </c>
      <c r="CI364" s="53">
        <v>427607327.87</v>
      </c>
      <c r="CJ364" s="53">
        <v>427607327.87</v>
      </c>
      <c r="CK364" s="53">
        <v>427607327.87</v>
      </c>
      <c r="CL364" s="53">
        <v>427607327.87</v>
      </c>
      <c r="CM364" s="53">
        <v>427607327.87</v>
      </c>
      <c r="CN364" s="53">
        <v>427607327.87</v>
      </c>
    </row>
    <row r="365" spans="1:92" outlineLevel="1">
      <c r="A365" s="52" t="s">
        <v>1276</v>
      </c>
      <c r="B365" s="53"/>
      <c r="C365" s="53"/>
      <c r="D365" s="53"/>
      <c r="E365" s="53"/>
      <c r="F365" s="53"/>
      <c r="G365" s="53"/>
      <c r="H365" s="53"/>
      <c r="I365" s="53"/>
      <c r="J365" s="53"/>
      <c r="K365" s="53"/>
      <c r="L365" s="53"/>
      <c r="M365" s="53"/>
      <c r="N365" s="53"/>
      <c r="O365" s="53"/>
      <c r="P365" s="53"/>
      <c r="Q365" s="53"/>
      <c r="R365" s="53"/>
      <c r="S365" s="53"/>
      <c r="T365" s="53"/>
      <c r="U365" s="53"/>
      <c r="V365" s="53"/>
      <c r="W365" s="53"/>
      <c r="X365" s="53"/>
      <c r="Y365" s="53"/>
      <c r="Z365" s="53"/>
      <c r="AA365" s="53"/>
      <c r="AB365" s="53"/>
      <c r="AC365" s="53"/>
      <c r="AD365" s="53"/>
      <c r="AE365" s="53"/>
      <c r="AF365" s="53"/>
      <c r="AG365" s="53"/>
      <c r="AH365" s="53"/>
      <c r="AI365" s="53"/>
      <c r="AJ365" s="53"/>
      <c r="AK365" s="53"/>
      <c r="AL365" s="53"/>
      <c r="AM365" s="53"/>
      <c r="AN365" s="53"/>
      <c r="AO365" s="53"/>
      <c r="AP365" s="53"/>
      <c r="AQ365" s="53"/>
      <c r="AR365" s="53"/>
      <c r="AS365" s="53"/>
      <c r="AT365" s="53"/>
      <c r="AU365" s="53"/>
      <c r="AV365" s="53"/>
      <c r="AW365" s="53"/>
      <c r="AX365" s="53"/>
      <c r="AY365" s="53"/>
      <c r="AZ365" s="53"/>
      <c r="BA365" s="53"/>
      <c r="BB365" s="53"/>
      <c r="BC365" s="53"/>
      <c r="BD365" s="53"/>
      <c r="BE365" s="53"/>
      <c r="BF365" s="53"/>
      <c r="BG365" s="53"/>
      <c r="BH365" s="53"/>
      <c r="BI365" s="53"/>
      <c r="BJ365" s="53"/>
      <c r="BK365" s="53"/>
      <c r="BL365" s="53"/>
      <c r="BM365" s="53"/>
      <c r="BN365" s="53"/>
      <c r="BO365" s="53"/>
      <c r="BP365" s="53"/>
      <c r="BQ365" s="53"/>
      <c r="BR365" s="53"/>
      <c r="BS365" s="53"/>
      <c r="BT365" s="53"/>
      <c r="BU365" s="53"/>
      <c r="BV365" s="53"/>
      <c r="BW365" s="53"/>
      <c r="BX365" s="53"/>
      <c r="BY365" s="53"/>
      <c r="BZ365" s="53"/>
      <c r="CA365" s="53"/>
      <c r="CB365" s="53"/>
      <c r="CC365" s="53"/>
      <c r="CD365" s="53"/>
      <c r="CE365" s="53"/>
      <c r="CF365" s="53"/>
      <c r="CG365" s="53"/>
      <c r="CH365" s="53"/>
      <c r="CI365" s="53"/>
      <c r="CJ365" s="53"/>
      <c r="CK365" s="53"/>
      <c r="CL365" s="53"/>
      <c r="CM365" s="53"/>
      <c r="CN365" s="53"/>
    </row>
    <row r="366" spans="1:92" outlineLevel="1">
      <c r="A366" s="52" t="s">
        <v>1277</v>
      </c>
      <c r="B366" s="53">
        <v>-7718042.21</v>
      </c>
      <c r="C366" s="53">
        <v>-7718042.21</v>
      </c>
      <c r="D366" s="53">
        <v>-12718042.210000001</v>
      </c>
      <c r="E366" s="53">
        <v>-12718042.210000001</v>
      </c>
      <c r="F366" s="53">
        <v>-12718042.210000001</v>
      </c>
      <c r="G366" s="53">
        <v>-12718042.210000001</v>
      </c>
      <c r="H366" s="53">
        <v>-12718042.210000001</v>
      </c>
      <c r="I366" s="53">
        <v>-12718042.210000001</v>
      </c>
      <c r="J366" s="53">
        <v>-17718042.210000001</v>
      </c>
      <c r="K366" s="53">
        <v>-17718042.210000001</v>
      </c>
      <c r="L366" s="53">
        <v>-17718042.210000001</v>
      </c>
      <c r="M366" s="53">
        <v>-27718042.210000001</v>
      </c>
      <c r="N366" s="53">
        <v>-27718042.210000001</v>
      </c>
      <c r="O366" s="53">
        <v>-27718042.210000001</v>
      </c>
      <c r="P366" s="53">
        <v>-27718042.210000001</v>
      </c>
      <c r="Q366" s="53">
        <v>-27718042.210000001</v>
      </c>
      <c r="R366" s="53">
        <v>-27718042.210000001</v>
      </c>
      <c r="S366" s="53">
        <v>-27718042.210000001</v>
      </c>
      <c r="T366" s="53">
        <v>-27718042.210000001</v>
      </c>
      <c r="U366" s="53">
        <v>-27718042.210000001</v>
      </c>
      <c r="V366" s="53">
        <v>-27718042.210000001</v>
      </c>
      <c r="W366" s="53">
        <v>-27718042.210000001</v>
      </c>
      <c r="X366" s="53">
        <v>-27718042.210000001</v>
      </c>
      <c r="Y366" s="53">
        <v>-27718042.210000001</v>
      </c>
      <c r="Z366" s="53">
        <v>-27718042.210000001</v>
      </c>
      <c r="AA366" s="53">
        <v>-27718042.210000001</v>
      </c>
      <c r="AB366" s="53">
        <v>-27718042.210000001</v>
      </c>
      <c r="AC366" s="53">
        <v>-27718042.210000001</v>
      </c>
      <c r="AD366" s="53">
        <v>-27718042.210000001</v>
      </c>
      <c r="AE366" s="53">
        <v>-27718042.210000001</v>
      </c>
      <c r="AF366" s="53">
        <v>-27718042.210000001</v>
      </c>
      <c r="AG366" s="53">
        <v>-27718042.210000001</v>
      </c>
      <c r="AH366" s="53">
        <v>-27718042.210000001</v>
      </c>
      <c r="AI366" s="53">
        <v>-27718042.210000001</v>
      </c>
      <c r="AJ366" s="53">
        <v>-27718042.210000001</v>
      </c>
      <c r="AK366" s="53">
        <v>-27718042.210000001</v>
      </c>
      <c r="AL366" s="53">
        <v>-27718042.210000001</v>
      </c>
      <c r="AM366" s="53">
        <v>-27718042.210000001</v>
      </c>
      <c r="AN366" s="53">
        <v>-27718042.210000001</v>
      </c>
      <c r="AO366" s="53">
        <v>-27718042.210000001</v>
      </c>
      <c r="AP366" s="53">
        <v>-27718042.210000001</v>
      </c>
      <c r="AQ366" s="53">
        <v>-27718042.210000001</v>
      </c>
      <c r="AR366" s="53">
        <v>-27718042.210000001</v>
      </c>
      <c r="AS366" s="53">
        <v>-27718042.210000001</v>
      </c>
      <c r="AT366" s="53">
        <v>-27718042.210000001</v>
      </c>
      <c r="AU366" s="53">
        <v>-27718042.210000001</v>
      </c>
      <c r="AV366" s="53">
        <v>-27718042.210000001</v>
      </c>
      <c r="AW366" s="53">
        <v>-27718042.210000001</v>
      </c>
      <c r="AX366" s="53">
        <v>-27718042.210000001</v>
      </c>
      <c r="AY366" s="53">
        <v>-27718042.210000001</v>
      </c>
      <c r="AZ366" s="53">
        <v>-27718042.210000001</v>
      </c>
      <c r="BA366" s="53">
        <v>-27718042.210000001</v>
      </c>
      <c r="BB366" s="53">
        <v>-27718042.210000001</v>
      </c>
      <c r="BC366" s="53">
        <v>-27718042.210000001</v>
      </c>
      <c r="BD366" s="53">
        <v>-27718042.210000001</v>
      </c>
      <c r="BE366" s="53">
        <v>-27718042.210000001</v>
      </c>
      <c r="BF366" s="53">
        <v>-27718042.210000001</v>
      </c>
      <c r="BG366" s="53">
        <v>-27718042.210000001</v>
      </c>
      <c r="BH366" s="53">
        <v>-27718042.210000001</v>
      </c>
      <c r="BI366" s="53">
        <v>-27718042.210000001</v>
      </c>
      <c r="BJ366" s="53">
        <v>-27718042.210000001</v>
      </c>
      <c r="BK366" s="53">
        <v>-27718042.210000001</v>
      </c>
      <c r="BL366" s="53">
        <v>-27718042.210000001</v>
      </c>
      <c r="BM366" s="53">
        <v>-27718042.210000001</v>
      </c>
      <c r="BN366" s="53">
        <v>-27718042.210000001</v>
      </c>
      <c r="BO366" s="53">
        <v>-27718042.210000001</v>
      </c>
      <c r="BP366" s="53">
        <v>-27718042.210000001</v>
      </c>
      <c r="BQ366" s="53">
        <v>-27718042.210000001</v>
      </c>
      <c r="BR366" s="53">
        <v>-27718042.210000001</v>
      </c>
      <c r="BS366" s="53">
        <v>-27718042.210000001</v>
      </c>
      <c r="BT366" s="53">
        <v>-27718042.210000001</v>
      </c>
      <c r="BU366" s="53">
        <v>-27718042.210000001</v>
      </c>
      <c r="BV366" s="53">
        <v>-27718042.210000001</v>
      </c>
      <c r="BW366" s="53">
        <v>-27718042.210000001</v>
      </c>
      <c r="BX366" s="53">
        <v>-27718042.210000001</v>
      </c>
      <c r="BY366" s="53">
        <v>-27718042.210000001</v>
      </c>
      <c r="BZ366" s="53">
        <v>-27718042.210000001</v>
      </c>
      <c r="CA366" s="53">
        <v>-27718042.210000001</v>
      </c>
      <c r="CB366" s="53">
        <v>16439055.16</v>
      </c>
      <c r="CC366" s="53">
        <v>16439055.16</v>
      </c>
      <c r="CD366" s="53">
        <v>16439055.16</v>
      </c>
      <c r="CE366" s="53">
        <v>16439055.16</v>
      </c>
      <c r="CF366" s="53">
        <v>16439055.16</v>
      </c>
      <c r="CG366" s="53">
        <v>16439055.16</v>
      </c>
      <c r="CH366" s="53">
        <v>16439055.16</v>
      </c>
      <c r="CI366" s="53">
        <v>16439055.16</v>
      </c>
      <c r="CJ366" s="53">
        <v>16439055.16</v>
      </c>
      <c r="CK366" s="53">
        <v>16439055.16</v>
      </c>
      <c r="CL366" s="53">
        <v>16439055.16</v>
      </c>
      <c r="CM366" s="53">
        <v>16439055.16</v>
      </c>
      <c r="CN366" s="53">
        <v>16439055.16</v>
      </c>
    </row>
    <row r="367" spans="1:92" outlineLevel="1">
      <c r="A367" s="52" t="s">
        <v>1278</v>
      </c>
      <c r="B367" s="53">
        <v>527034150.5</v>
      </c>
      <c r="C367" s="53">
        <v>478838565.31999999</v>
      </c>
      <c r="D367" s="53">
        <v>515160257.19999999</v>
      </c>
      <c r="E367" s="53">
        <v>529464193.44999999</v>
      </c>
      <c r="F367" s="53">
        <v>553709637.73000002</v>
      </c>
      <c r="G367" s="53">
        <v>653053648.31999898</v>
      </c>
      <c r="H367" s="53">
        <v>698611020.34000003</v>
      </c>
      <c r="I367" s="53">
        <v>678277278.19999897</v>
      </c>
      <c r="J367" s="53">
        <v>620704901.27999902</v>
      </c>
      <c r="K367" s="53">
        <v>545163886.30999994</v>
      </c>
      <c r="L367" s="53">
        <v>465411543.52999997</v>
      </c>
      <c r="M367" s="53">
        <v>518241428.30000001</v>
      </c>
      <c r="N367" s="53">
        <v>518241428.30000001</v>
      </c>
      <c r="O367" s="53">
        <v>518241428.30000001</v>
      </c>
      <c r="P367" s="53">
        <v>518241428.30000001</v>
      </c>
      <c r="Q367" s="53">
        <v>518241428.30000001</v>
      </c>
      <c r="R367" s="53">
        <v>518241428.30000001</v>
      </c>
      <c r="S367" s="53">
        <v>518241428.30000001</v>
      </c>
      <c r="T367" s="53">
        <v>518241428.30000001</v>
      </c>
      <c r="U367" s="53">
        <v>518241428.30000001</v>
      </c>
      <c r="V367" s="53">
        <v>518241428.30000001</v>
      </c>
      <c r="W367" s="53">
        <v>518241428.30000001</v>
      </c>
      <c r="X367" s="53">
        <v>518241428.30000001</v>
      </c>
      <c r="Y367" s="53">
        <v>518241428.30000001</v>
      </c>
      <c r="Z367" s="53">
        <v>518241428.30000001</v>
      </c>
      <c r="AA367" s="53">
        <v>518241428.30000001</v>
      </c>
      <c r="AB367" s="53">
        <v>518241428.30000001</v>
      </c>
      <c r="AC367" s="53">
        <v>518241428.30000001</v>
      </c>
      <c r="AD367" s="53">
        <v>518241428.30000001</v>
      </c>
      <c r="AE367" s="53">
        <v>518241428.30000001</v>
      </c>
      <c r="AF367" s="53">
        <v>518241428.30000001</v>
      </c>
      <c r="AG367" s="53">
        <v>518241428.30000001</v>
      </c>
      <c r="AH367" s="53">
        <v>518241428.30000001</v>
      </c>
      <c r="AI367" s="53">
        <v>518241428.30000001</v>
      </c>
      <c r="AJ367" s="53">
        <v>518241428.30000001</v>
      </c>
      <c r="AK367" s="53">
        <v>518241428.30000001</v>
      </c>
      <c r="AL367" s="53">
        <v>518241428.30000001</v>
      </c>
      <c r="AM367" s="53">
        <v>518241428.30000001</v>
      </c>
      <c r="AN367" s="53">
        <v>518241428.30000001</v>
      </c>
      <c r="AO367" s="53">
        <v>518241428.30000001</v>
      </c>
      <c r="AP367" s="53">
        <v>518241428.30000001</v>
      </c>
      <c r="AQ367" s="53">
        <v>518241428.30000001</v>
      </c>
      <c r="AR367" s="53">
        <v>518241428.30000001</v>
      </c>
      <c r="AS367" s="53">
        <v>518241428.30000001</v>
      </c>
      <c r="AT367" s="53">
        <v>518241428.30000001</v>
      </c>
      <c r="AU367" s="53">
        <v>518241428.30000001</v>
      </c>
      <c r="AV367" s="53">
        <v>518241428.30000001</v>
      </c>
      <c r="AW367" s="53">
        <v>518241428.30000001</v>
      </c>
      <c r="AX367" s="53">
        <v>518241428.30000001</v>
      </c>
      <c r="AY367" s="53">
        <v>518241428.30000001</v>
      </c>
      <c r="AZ367" s="53">
        <v>518241428.30000001</v>
      </c>
      <c r="BA367" s="53">
        <v>518241428.30000001</v>
      </c>
      <c r="BB367" s="53">
        <v>518241428.30000001</v>
      </c>
      <c r="BC367" s="53">
        <v>518241428.30000001</v>
      </c>
      <c r="BD367" s="53">
        <v>518241428.30000001</v>
      </c>
      <c r="BE367" s="53">
        <v>518241428.30000001</v>
      </c>
      <c r="BF367" s="53">
        <v>518241428.30000001</v>
      </c>
      <c r="BG367" s="53">
        <v>518241428.30000001</v>
      </c>
      <c r="BH367" s="53">
        <v>518241428.30000001</v>
      </c>
      <c r="BI367" s="53">
        <v>518241428.30000001</v>
      </c>
      <c r="BJ367" s="53">
        <v>518241428.30000001</v>
      </c>
      <c r="BK367" s="53">
        <v>518241428.30000001</v>
      </c>
      <c r="BL367" s="53">
        <v>518241428.30000001</v>
      </c>
      <c r="BM367" s="53">
        <v>518241428.30000001</v>
      </c>
      <c r="BN367" s="53">
        <v>518241428.30000001</v>
      </c>
      <c r="BO367" s="53">
        <v>518241428.30000001</v>
      </c>
      <c r="BP367" s="53">
        <v>518241428.30000001</v>
      </c>
      <c r="BQ367" s="53">
        <v>518241428.30000001</v>
      </c>
      <c r="BR367" s="53">
        <v>518241428.30000001</v>
      </c>
      <c r="BS367" s="53">
        <v>518241428.30000001</v>
      </c>
      <c r="BT367" s="53">
        <v>518241428.30000001</v>
      </c>
      <c r="BU367" s="53">
        <v>518241428.30000001</v>
      </c>
      <c r="BV367" s="53">
        <v>518241428.30000001</v>
      </c>
      <c r="BW367" s="53">
        <v>518241428.30000001</v>
      </c>
      <c r="BX367" s="53">
        <v>518241428.30000001</v>
      </c>
      <c r="BY367" s="53">
        <v>518241428.30000001</v>
      </c>
      <c r="BZ367" s="53">
        <v>518241428.30000001</v>
      </c>
      <c r="CA367" s="53">
        <v>518241428.30000001</v>
      </c>
      <c r="CB367" s="53">
        <v>0</v>
      </c>
      <c r="CC367" s="53">
        <v>0</v>
      </c>
      <c r="CD367" s="53">
        <v>0</v>
      </c>
      <c r="CE367" s="53">
        <v>0</v>
      </c>
      <c r="CF367" s="53">
        <v>0</v>
      </c>
      <c r="CG367" s="53">
        <v>0</v>
      </c>
      <c r="CH367" s="53">
        <v>0</v>
      </c>
      <c r="CI367" s="53">
        <v>0</v>
      </c>
      <c r="CJ367" s="53">
        <v>0</v>
      </c>
      <c r="CK367" s="53">
        <v>0</v>
      </c>
      <c r="CL367" s="53">
        <v>0</v>
      </c>
      <c r="CM367" s="53">
        <v>0</v>
      </c>
      <c r="CN367" s="53">
        <v>0</v>
      </c>
    </row>
    <row r="368" spans="1:92" outlineLevel="1">
      <c r="A368" s="59" t="s">
        <v>1279</v>
      </c>
      <c r="B368" s="53">
        <v>519316108.29000002</v>
      </c>
      <c r="C368" s="53">
        <v>471120523.11000001</v>
      </c>
      <c r="D368" s="53">
        <v>502442214.99000001</v>
      </c>
      <c r="E368" s="53">
        <v>516746151.24000001</v>
      </c>
      <c r="F368" s="53">
        <v>540991595.51999998</v>
      </c>
      <c r="G368" s="53">
        <v>640335606.10999894</v>
      </c>
      <c r="H368" s="53">
        <v>685892978.13</v>
      </c>
      <c r="I368" s="53">
        <v>665559235.99000001</v>
      </c>
      <c r="J368" s="53">
        <v>602986859.06999898</v>
      </c>
      <c r="K368" s="53">
        <v>527445844.09999901</v>
      </c>
      <c r="L368" s="53">
        <v>447693501.31999999</v>
      </c>
      <c r="M368" s="53">
        <v>490523386.08999997</v>
      </c>
      <c r="N368" s="53">
        <v>490523386.08999997</v>
      </c>
      <c r="O368" s="53">
        <v>490523386.08999997</v>
      </c>
      <c r="P368" s="53">
        <v>490523386.08999997</v>
      </c>
      <c r="Q368" s="53">
        <v>490523386.08999997</v>
      </c>
      <c r="R368" s="53">
        <v>490523386.08999997</v>
      </c>
      <c r="S368" s="53">
        <v>490523386.08999997</v>
      </c>
      <c r="T368" s="53">
        <v>490523386.08999997</v>
      </c>
      <c r="U368" s="53">
        <v>490523386.08999997</v>
      </c>
      <c r="V368" s="53">
        <v>490523386.08999997</v>
      </c>
      <c r="W368" s="53">
        <v>490523386.08999997</v>
      </c>
      <c r="X368" s="53">
        <v>490523386.08999997</v>
      </c>
      <c r="Y368" s="53">
        <v>490523386.08999997</v>
      </c>
      <c r="Z368" s="53">
        <v>490523386.08999997</v>
      </c>
      <c r="AA368" s="53">
        <v>490523386.08999997</v>
      </c>
      <c r="AB368" s="53">
        <v>490523386.08999997</v>
      </c>
      <c r="AC368" s="53">
        <v>490523386.08999997</v>
      </c>
      <c r="AD368" s="53">
        <v>490523386.08999997</v>
      </c>
      <c r="AE368" s="53">
        <v>490523386.08999997</v>
      </c>
      <c r="AF368" s="53">
        <v>490523386.08999997</v>
      </c>
      <c r="AG368" s="53">
        <v>490523386.08999997</v>
      </c>
      <c r="AH368" s="53">
        <v>490523386.08999997</v>
      </c>
      <c r="AI368" s="53">
        <v>490523386.08999997</v>
      </c>
      <c r="AJ368" s="53">
        <v>490523386.08999997</v>
      </c>
      <c r="AK368" s="53">
        <v>490523386.08999997</v>
      </c>
      <c r="AL368" s="53">
        <v>490523386.08999997</v>
      </c>
      <c r="AM368" s="53">
        <v>490523386.08999997</v>
      </c>
      <c r="AN368" s="53">
        <v>490523386.08999997</v>
      </c>
      <c r="AO368" s="53">
        <v>490523386.08999997</v>
      </c>
      <c r="AP368" s="53">
        <v>490523386.08999997</v>
      </c>
      <c r="AQ368" s="53">
        <v>490523386.08999997</v>
      </c>
      <c r="AR368" s="53">
        <v>490523386.08999997</v>
      </c>
      <c r="AS368" s="53">
        <v>490523386.08999997</v>
      </c>
      <c r="AT368" s="53">
        <v>490523386.08999997</v>
      </c>
      <c r="AU368" s="53">
        <v>490523386.08999997</v>
      </c>
      <c r="AV368" s="53">
        <v>490523386.08999997</v>
      </c>
      <c r="AW368" s="53">
        <v>490523386.08999997</v>
      </c>
      <c r="AX368" s="53">
        <v>490523386.08999997</v>
      </c>
      <c r="AY368" s="53">
        <v>490523386.08999997</v>
      </c>
      <c r="AZ368" s="53">
        <v>490523386.08999997</v>
      </c>
      <c r="BA368" s="53">
        <v>490523386.08999997</v>
      </c>
      <c r="BB368" s="53">
        <v>490523386.08999997</v>
      </c>
      <c r="BC368" s="53">
        <v>490523386.08999997</v>
      </c>
      <c r="BD368" s="53">
        <v>490523386.08999997</v>
      </c>
      <c r="BE368" s="53">
        <v>490523386.08999997</v>
      </c>
      <c r="BF368" s="53">
        <v>490523386.08999997</v>
      </c>
      <c r="BG368" s="53">
        <v>490523386.08999997</v>
      </c>
      <c r="BH368" s="53">
        <v>490523386.08999997</v>
      </c>
      <c r="BI368" s="53">
        <v>490523386.08999997</v>
      </c>
      <c r="BJ368" s="53">
        <v>490523386.08999997</v>
      </c>
      <c r="BK368" s="53">
        <v>490523386.08999997</v>
      </c>
      <c r="BL368" s="53">
        <v>490523386.08999997</v>
      </c>
      <c r="BM368" s="53">
        <v>490523386.08999997</v>
      </c>
      <c r="BN368" s="53">
        <v>490523386.08999997</v>
      </c>
      <c r="BO368" s="53">
        <v>490523386.08999997</v>
      </c>
      <c r="BP368" s="53">
        <v>490523386.08999997</v>
      </c>
      <c r="BQ368" s="53">
        <v>490523386.08999997</v>
      </c>
      <c r="BR368" s="53">
        <v>490523386.08999997</v>
      </c>
      <c r="BS368" s="53">
        <v>490523386.08999997</v>
      </c>
      <c r="BT368" s="53">
        <v>490523386.08999997</v>
      </c>
      <c r="BU368" s="53">
        <v>490523386.08999997</v>
      </c>
      <c r="BV368" s="53">
        <v>490523386.08999997</v>
      </c>
      <c r="BW368" s="53">
        <v>490523386.08999997</v>
      </c>
      <c r="BX368" s="53">
        <v>490523386.08999997</v>
      </c>
      <c r="BY368" s="53">
        <v>490523386.08999997</v>
      </c>
      <c r="BZ368" s="53">
        <v>490523386.08999997</v>
      </c>
      <c r="CA368" s="53">
        <v>490523386.08999997</v>
      </c>
      <c r="CB368" s="53">
        <v>16439055.16</v>
      </c>
      <c r="CC368" s="53">
        <v>16439055.16</v>
      </c>
      <c r="CD368" s="53">
        <v>16439055.16</v>
      </c>
      <c r="CE368" s="53">
        <v>16439055.16</v>
      </c>
      <c r="CF368" s="53">
        <v>16439055.16</v>
      </c>
      <c r="CG368" s="53">
        <v>16439055.16</v>
      </c>
      <c r="CH368" s="53">
        <v>16439055.16</v>
      </c>
      <c r="CI368" s="53">
        <v>16439055.16</v>
      </c>
      <c r="CJ368" s="53">
        <v>16439055.16</v>
      </c>
      <c r="CK368" s="53">
        <v>16439055.16</v>
      </c>
      <c r="CL368" s="53">
        <v>16439055.16</v>
      </c>
      <c r="CM368" s="53">
        <v>16439055.16</v>
      </c>
      <c r="CN368" s="53">
        <v>16439055.16</v>
      </c>
    </row>
    <row r="369" spans="1:92" outlineLevel="1">
      <c r="A369" s="52" t="s">
        <v>1280</v>
      </c>
      <c r="B369" s="53"/>
      <c r="C369" s="53"/>
      <c r="D369" s="53"/>
      <c r="E369" s="53"/>
      <c r="F369" s="53"/>
      <c r="G369" s="53"/>
      <c r="H369" s="53"/>
      <c r="I369" s="53"/>
      <c r="J369" s="53"/>
      <c r="K369" s="53"/>
      <c r="L369" s="53"/>
      <c r="M369" s="53"/>
      <c r="N369" s="53"/>
      <c r="O369" s="53"/>
      <c r="P369" s="53"/>
      <c r="Q369" s="53"/>
      <c r="R369" s="53"/>
      <c r="S369" s="53"/>
      <c r="T369" s="53"/>
      <c r="U369" s="53"/>
      <c r="V369" s="53"/>
      <c r="W369" s="53"/>
      <c r="X369" s="53"/>
      <c r="Y369" s="53"/>
      <c r="Z369" s="53"/>
      <c r="AA369" s="53"/>
      <c r="AB369" s="53"/>
      <c r="AC369" s="53"/>
      <c r="AD369" s="53"/>
      <c r="AE369" s="53"/>
      <c r="AF369" s="53"/>
      <c r="AG369" s="53"/>
      <c r="AH369" s="53"/>
      <c r="AI369" s="53"/>
      <c r="AJ369" s="53"/>
      <c r="AK369" s="53"/>
      <c r="AL369" s="53"/>
      <c r="AM369" s="53"/>
      <c r="AN369" s="53"/>
      <c r="AO369" s="53"/>
      <c r="AP369" s="53"/>
      <c r="AQ369" s="53"/>
      <c r="AR369" s="53"/>
      <c r="AS369" s="53"/>
      <c r="AT369" s="53"/>
      <c r="AU369" s="53"/>
      <c r="AV369" s="53"/>
      <c r="AW369" s="53"/>
      <c r="AX369" s="53"/>
      <c r="AY369" s="53"/>
      <c r="AZ369" s="53"/>
      <c r="BA369" s="53"/>
      <c r="BB369" s="53"/>
      <c r="BC369" s="53"/>
      <c r="BD369" s="53"/>
      <c r="BE369" s="53"/>
      <c r="BF369" s="53"/>
      <c r="BG369" s="53"/>
      <c r="BH369" s="53"/>
      <c r="BI369" s="53"/>
      <c r="BJ369" s="53"/>
      <c r="BK369" s="53"/>
      <c r="BL369" s="53"/>
      <c r="BM369" s="53"/>
      <c r="BN369" s="53"/>
      <c r="BO369" s="53"/>
      <c r="BP369" s="53"/>
      <c r="BQ369" s="53"/>
      <c r="BR369" s="53"/>
      <c r="BS369" s="53"/>
      <c r="BT369" s="53"/>
      <c r="BU369" s="53"/>
      <c r="BV369" s="53"/>
      <c r="BW369" s="53"/>
      <c r="BX369" s="53"/>
      <c r="BY369" s="53"/>
      <c r="BZ369" s="53"/>
      <c r="CA369" s="53"/>
      <c r="CB369" s="53"/>
      <c r="CC369" s="53"/>
      <c r="CD369" s="53"/>
      <c r="CE369" s="53"/>
      <c r="CF369" s="53"/>
      <c r="CG369" s="53"/>
      <c r="CH369" s="53"/>
      <c r="CI369" s="53"/>
      <c r="CJ369" s="53"/>
      <c r="CK369" s="53"/>
      <c r="CL369" s="53"/>
      <c r="CM369" s="53"/>
      <c r="CN369" s="53"/>
    </row>
    <row r="370" spans="1:92" outlineLevel="1">
      <c r="A370" s="52" t="s">
        <v>1281</v>
      </c>
      <c r="B370" s="53">
        <v>16320859.3099999</v>
      </c>
      <c r="C370" s="53">
        <v>56513947.979999997</v>
      </c>
      <c r="D370" s="53">
        <v>17660816.940000001</v>
      </c>
      <c r="E370" s="53">
        <v>17956139.9799999</v>
      </c>
      <c r="F370" s="53">
        <v>28411720.359999999</v>
      </c>
      <c r="G370" s="53">
        <v>6325840.73999999</v>
      </c>
      <c r="H370" s="53">
        <v>5664897.2199999597</v>
      </c>
      <c r="I370" s="53">
        <v>5944042.6699999496</v>
      </c>
      <c r="J370" s="53">
        <v>6805612.0899999496</v>
      </c>
      <c r="K370" s="53">
        <v>1721938.3699999801</v>
      </c>
      <c r="L370" s="53">
        <v>90307585.609999999</v>
      </c>
      <c r="M370" s="53">
        <v>2930281.8400000301</v>
      </c>
      <c r="N370" s="53">
        <v>2930281.8400000301</v>
      </c>
      <c r="O370" s="53">
        <v>2930281.8400000301</v>
      </c>
      <c r="P370" s="53">
        <v>2930281.8400000301</v>
      </c>
      <c r="Q370" s="53">
        <v>2930281.8400000301</v>
      </c>
      <c r="R370" s="53">
        <v>2930281.8400000301</v>
      </c>
      <c r="S370" s="53">
        <v>2930281.8400000301</v>
      </c>
      <c r="T370" s="53">
        <v>2930281.8400000301</v>
      </c>
      <c r="U370" s="53">
        <v>2930281.8400000301</v>
      </c>
      <c r="V370" s="53">
        <v>2930281.8400000301</v>
      </c>
      <c r="W370" s="53">
        <v>2930281.8400000301</v>
      </c>
      <c r="X370" s="53">
        <v>2930281.8400000301</v>
      </c>
      <c r="Y370" s="53">
        <v>2930281.8400000301</v>
      </c>
      <c r="Z370" s="53">
        <v>2930281.8400000301</v>
      </c>
      <c r="AA370" s="53">
        <v>2930281.8400000301</v>
      </c>
      <c r="AB370" s="53">
        <v>2930281.8400000301</v>
      </c>
      <c r="AC370" s="53">
        <v>2930281.8400000301</v>
      </c>
      <c r="AD370" s="53">
        <v>2930281.8400000301</v>
      </c>
      <c r="AE370" s="53">
        <v>2930281.8400000301</v>
      </c>
      <c r="AF370" s="53">
        <v>2930281.8400000301</v>
      </c>
      <c r="AG370" s="53">
        <v>2930281.8400000301</v>
      </c>
      <c r="AH370" s="53">
        <v>2930281.8400000301</v>
      </c>
      <c r="AI370" s="53">
        <v>2930281.8400000301</v>
      </c>
      <c r="AJ370" s="53">
        <v>2930281.8400000301</v>
      </c>
      <c r="AK370" s="53">
        <v>2930281.8400000301</v>
      </c>
      <c r="AL370" s="53">
        <v>2930281.8400000301</v>
      </c>
      <c r="AM370" s="53">
        <v>2930281.8400000301</v>
      </c>
      <c r="AN370" s="53">
        <v>2930281.8400000301</v>
      </c>
      <c r="AO370" s="53">
        <v>2930281.8400000301</v>
      </c>
      <c r="AP370" s="53">
        <v>2930281.8400000301</v>
      </c>
      <c r="AQ370" s="53">
        <v>2930281.8400000301</v>
      </c>
      <c r="AR370" s="53">
        <v>2930281.8400000301</v>
      </c>
      <c r="AS370" s="53">
        <v>2930281.8400000301</v>
      </c>
      <c r="AT370" s="53">
        <v>2930281.8400000301</v>
      </c>
      <c r="AU370" s="53">
        <v>2930281.8400000301</v>
      </c>
      <c r="AV370" s="53">
        <v>2930281.8400000301</v>
      </c>
      <c r="AW370" s="53">
        <v>2930281.8400000301</v>
      </c>
      <c r="AX370" s="53">
        <v>2930281.8400000301</v>
      </c>
      <c r="AY370" s="53">
        <v>2930281.8400000301</v>
      </c>
      <c r="AZ370" s="53">
        <v>2930281.8400000301</v>
      </c>
      <c r="BA370" s="53">
        <v>2930281.8400000301</v>
      </c>
      <c r="BB370" s="53">
        <v>2930281.8400000301</v>
      </c>
      <c r="BC370" s="53">
        <v>2930281.8400000301</v>
      </c>
      <c r="BD370" s="53">
        <v>2930281.8400000301</v>
      </c>
      <c r="BE370" s="53">
        <v>2930281.8400000301</v>
      </c>
      <c r="BF370" s="53">
        <v>2930281.8400000301</v>
      </c>
      <c r="BG370" s="53">
        <v>2930281.8400000301</v>
      </c>
      <c r="BH370" s="53">
        <v>2930281.8400000301</v>
      </c>
      <c r="BI370" s="53">
        <v>2930281.8400000301</v>
      </c>
      <c r="BJ370" s="53">
        <v>2930281.8400000301</v>
      </c>
      <c r="BK370" s="53">
        <v>2930281.8400000301</v>
      </c>
      <c r="BL370" s="53">
        <v>2930281.8400000301</v>
      </c>
      <c r="BM370" s="53">
        <v>2930281.8400000301</v>
      </c>
      <c r="BN370" s="53">
        <v>2930281.8400000301</v>
      </c>
      <c r="BO370" s="53">
        <v>2930281.8400000301</v>
      </c>
      <c r="BP370" s="53">
        <v>2930281.8400000301</v>
      </c>
      <c r="BQ370" s="53">
        <v>2930281.8400000301</v>
      </c>
      <c r="BR370" s="53">
        <v>2930281.8400000301</v>
      </c>
      <c r="BS370" s="53">
        <v>2930281.8400000301</v>
      </c>
      <c r="BT370" s="53">
        <v>2930281.8400000301</v>
      </c>
      <c r="BU370" s="53">
        <v>2930281.8400000301</v>
      </c>
      <c r="BV370" s="53">
        <v>2930281.8400000301</v>
      </c>
      <c r="BW370" s="53">
        <v>2930281.8400000301</v>
      </c>
      <c r="BX370" s="53">
        <v>2930281.8400000301</v>
      </c>
      <c r="BY370" s="53">
        <v>2930281.8400000301</v>
      </c>
      <c r="BZ370" s="53">
        <v>2930281.8400000301</v>
      </c>
      <c r="CA370" s="53">
        <v>2930281.8400000301</v>
      </c>
      <c r="CB370" s="53"/>
      <c r="CC370" s="53"/>
      <c r="CD370" s="53"/>
      <c r="CE370" s="53"/>
      <c r="CF370" s="53"/>
      <c r="CG370" s="53"/>
      <c r="CH370" s="53"/>
      <c r="CI370" s="53"/>
      <c r="CJ370" s="53"/>
      <c r="CK370" s="53"/>
      <c r="CL370" s="53"/>
      <c r="CM370" s="53"/>
      <c r="CN370" s="53"/>
    </row>
    <row r="371" spans="1:92" outlineLevel="1">
      <c r="A371" s="52" t="s">
        <v>1282</v>
      </c>
      <c r="B371" s="53">
        <v>0</v>
      </c>
      <c r="C371" s="53">
        <v>0</v>
      </c>
      <c r="D371" s="53">
        <v>0</v>
      </c>
      <c r="E371" s="53">
        <v>0</v>
      </c>
      <c r="F371" s="53">
        <v>0</v>
      </c>
      <c r="G371" s="53">
        <v>0</v>
      </c>
      <c r="H371" s="53">
        <v>0</v>
      </c>
      <c r="I371" s="53">
        <v>0</v>
      </c>
      <c r="J371" s="53">
        <v>0</v>
      </c>
      <c r="K371" s="53">
        <v>0</v>
      </c>
      <c r="L371" s="53">
        <v>0</v>
      </c>
      <c r="M371" s="53">
        <v>0</v>
      </c>
      <c r="N371" s="53">
        <v>0</v>
      </c>
      <c r="O371" s="53">
        <v>0</v>
      </c>
      <c r="P371" s="53">
        <v>0</v>
      </c>
      <c r="Q371" s="53">
        <v>0</v>
      </c>
      <c r="R371" s="53">
        <v>0</v>
      </c>
      <c r="S371" s="53">
        <v>0</v>
      </c>
      <c r="T371" s="53">
        <v>0</v>
      </c>
      <c r="U371" s="53">
        <v>0</v>
      </c>
      <c r="V371" s="53">
        <v>0</v>
      </c>
      <c r="W371" s="53">
        <v>0</v>
      </c>
      <c r="X371" s="53">
        <v>0</v>
      </c>
      <c r="Y371" s="53">
        <v>0</v>
      </c>
      <c r="Z371" s="53">
        <v>0</v>
      </c>
      <c r="AA371" s="53">
        <v>0</v>
      </c>
      <c r="AB371" s="53">
        <v>0</v>
      </c>
      <c r="AC371" s="53">
        <v>0</v>
      </c>
      <c r="AD371" s="53">
        <v>0</v>
      </c>
      <c r="AE371" s="53">
        <v>0</v>
      </c>
      <c r="AF371" s="53">
        <v>0</v>
      </c>
      <c r="AG371" s="53">
        <v>0</v>
      </c>
      <c r="AH371" s="53">
        <v>0</v>
      </c>
      <c r="AI371" s="53">
        <v>0</v>
      </c>
      <c r="AJ371" s="53">
        <v>0</v>
      </c>
      <c r="AK371" s="53">
        <v>0</v>
      </c>
      <c r="AL371" s="53">
        <v>0</v>
      </c>
      <c r="AM371" s="53">
        <v>0</v>
      </c>
      <c r="AN371" s="53">
        <v>0</v>
      </c>
      <c r="AO371" s="53">
        <v>0</v>
      </c>
      <c r="AP371" s="53">
        <v>0</v>
      </c>
      <c r="AQ371" s="53">
        <v>0</v>
      </c>
      <c r="AR371" s="53">
        <v>0</v>
      </c>
      <c r="AS371" s="53">
        <v>0</v>
      </c>
      <c r="AT371" s="53">
        <v>0</v>
      </c>
      <c r="AU371" s="53">
        <v>0</v>
      </c>
      <c r="AV371" s="53">
        <v>0</v>
      </c>
      <c r="AW371" s="53">
        <v>0</v>
      </c>
      <c r="AX371" s="53">
        <v>0</v>
      </c>
      <c r="AY371" s="53">
        <v>0</v>
      </c>
      <c r="AZ371" s="53">
        <v>0</v>
      </c>
      <c r="BA371" s="53">
        <v>0</v>
      </c>
      <c r="BB371" s="53">
        <v>0</v>
      </c>
      <c r="BC371" s="53">
        <v>0</v>
      </c>
      <c r="BD371" s="53">
        <v>0</v>
      </c>
      <c r="BE371" s="53">
        <v>0</v>
      </c>
      <c r="BF371" s="53">
        <v>0</v>
      </c>
      <c r="BG371" s="53">
        <v>0</v>
      </c>
      <c r="BH371" s="53">
        <v>0</v>
      </c>
      <c r="BI371" s="53">
        <v>0</v>
      </c>
      <c r="BJ371" s="53">
        <v>0</v>
      </c>
      <c r="BK371" s="53">
        <v>0</v>
      </c>
      <c r="BL371" s="53">
        <v>0</v>
      </c>
      <c r="BM371" s="53">
        <v>0</v>
      </c>
      <c r="BN371" s="53">
        <v>0</v>
      </c>
      <c r="BO371" s="53">
        <v>0</v>
      </c>
      <c r="BP371" s="53">
        <v>0</v>
      </c>
      <c r="BQ371" s="53">
        <v>0</v>
      </c>
      <c r="BR371" s="53">
        <v>0</v>
      </c>
      <c r="BS371" s="53">
        <v>0</v>
      </c>
      <c r="BT371" s="53">
        <v>0</v>
      </c>
      <c r="BU371" s="53">
        <v>0</v>
      </c>
      <c r="BV371" s="53">
        <v>0</v>
      </c>
      <c r="BW371" s="53">
        <v>0</v>
      </c>
      <c r="BX371" s="53">
        <v>0</v>
      </c>
      <c r="BY371" s="53">
        <v>0</v>
      </c>
      <c r="BZ371" s="53">
        <v>0</v>
      </c>
      <c r="CA371" s="53">
        <v>0</v>
      </c>
      <c r="CB371" s="53"/>
      <c r="CC371" s="53"/>
      <c r="CD371" s="53"/>
      <c r="CE371" s="53"/>
      <c r="CF371" s="53"/>
      <c r="CG371" s="53"/>
      <c r="CH371" s="53"/>
      <c r="CI371" s="53"/>
      <c r="CJ371" s="53"/>
      <c r="CK371" s="53"/>
      <c r="CL371" s="53"/>
      <c r="CM371" s="53"/>
      <c r="CN371" s="53"/>
    </row>
    <row r="372" spans="1:92" outlineLevel="1">
      <c r="A372" s="59" t="s">
        <v>1283</v>
      </c>
      <c r="B372" s="53">
        <v>16320859.3099999</v>
      </c>
      <c r="C372" s="53">
        <v>56513947.979999997</v>
      </c>
      <c r="D372" s="53">
        <v>17660816.940000001</v>
      </c>
      <c r="E372" s="53">
        <v>17956139.9799999</v>
      </c>
      <c r="F372" s="53">
        <v>28411720.359999999</v>
      </c>
      <c r="G372" s="53">
        <v>6325840.73999999</v>
      </c>
      <c r="H372" s="53">
        <v>5664897.2199999597</v>
      </c>
      <c r="I372" s="53">
        <v>5944042.6699999496</v>
      </c>
      <c r="J372" s="53">
        <v>6805612.0899999496</v>
      </c>
      <c r="K372" s="53">
        <v>1721938.3699999801</v>
      </c>
      <c r="L372" s="53">
        <v>90307585.609999999</v>
      </c>
      <c r="M372" s="53">
        <v>2930281.8400000301</v>
      </c>
      <c r="N372" s="53">
        <v>2930281.8400000301</v>
      </c>
      <c r="O372" s="53">
        <v>2930281.8400000301</v>
      </c>
      <c r="P372" s="53">
        <v>2930281.8400000301</v>
      </c>
      <c r="Q372" s="53">
        <v>2930281.8400000301</v>
      </c>
      <c r="R372" s="53">
        <v>2930281.8400000301</v>
      </c>
      <c r="S372" s="53">
        <v>2930281.8400000301</v>
      </c>
      <c r="T372" s="53">
        <v>2930281.8400000301</v>
      </c>
      <c r="U372" s="53">
        <v>2930281.8400000301</v>
      </c>
      <c r="V372" s="53">
        <v>2930281.8400000301</v>
      </c>
      <c r="W372" s="53">
        <v>2930281.8400000301</v>
      </c>
      <c r="X372" s="53">
        <v>2930281.8400000301</v>
      </c>
      <c r="Y372" s="53">
        <v>2930281.8400000301</v>
      </c>
      <c r="Z372" s="53">
        <v>2930281.8400000301</v>
      </c>
      <c r="AA372" s="53">
        <v>2930281.8400000301</v>
      </c>
      <c r="AB372" s="53">
        <v>2930281.8400000301</v>
      </c>
      <c r="AC372" s="53">
        <v>2930281.8400000301</v>
      </c>
      <c r="AD372" s="53">
        <v>2930281.8400000301</v>
      </c>
      <c r="AE372" s="53">
        <v>2930281.8400000301</v>
      </c>
      <c r="AF372" s="53">
        <v>2930281.8400000301</v>
      </c>
      <c r="AG372" s="53">
        <v>2930281.8400000301</v>
      </c>
      <c r="AH372" s="53">
        <v>2930281.8400000301</v>
      </c>
      <c r="AI372" s="53">
        <v>2930281.8400000301</v>
      </c>
      <c r="AJ372" s="53">
        <v>2930281.8400000301</v>
      </c>
      <c r="AK372" s="53">
        <v>2930281.8400000301</v>
      </c>
      <c r="AL372" s="53">
        <v>2930281.8400000301</v>
      </c>
      <c r="AM372" s="53">
        <v>2930281.8400000301</v>
      </c>
      <c r="AN372" s="53">
        <v>2930281.8400000301</v>
      </c>
      <c r="AO372" s="53">
        <v>2930281.8400000301</v>
      </c>
      <c r="AP372" s="53">
        <v>2930281.8400000301</v>
      </c>
      <c r="AQ372" s="53">
        <v>2930281.8400000301</v>
      </c>
      <c r="AR372" s="53">
        <v>2930281.8400000301</v>
      </c>
      <c r="AS372" s="53">
        <v>2930281.8400000301</v>
      </c>
      <c r="AT372" s="53">
        <v>2930281.8400000301</v>
      </c>
      <c r="AU372" s="53">
        <v>2930281.8400000301</v>
      </c>
      <c r="AV372" s="53">
        <v>2930281.8400000301</v>
      </c>
      <c r="AW372" s="53">
        <v>2930281.8400000301</v>
      </c>
      <c r="AX372" s="53">
        <v>2930281.8400000301</v>
      </c>
      <c r="AY372" s="53">
        <v>2930281.8400000301</v>
      </c>
      <c r="AZ372" s="53">
        <v>2930281.8400000301</v>
      </c>
      <c r="BA372" s="53">
        <v>2930281.8400000301</v>
      </c>
      <c r="BB372" s="53">
        <v>2930281.8400000301</v>
      </c>
      <c r="BC372" s="53">
        <v>2930281.8400000301</v>
      </c>
      <c r="BD372" s="53">
        <v>2930281.8400000301</v>
      </c>
      <c r="BE372" s="53">
        <v>2930281.8400000301</v>
      </c>
      <c r="BF372" s="53">
        <v>2930281.8400000301</v>
      </c>
      <c r="BG372" s="53">
        <v>2930281.8400000301</v>
      </c>
      <c r="BH372" s="53">
        <v>2930281.8400000301</v>
      </c>
      <c r="BI372" s="53">
        <v>2930281.8400000301</v>
      </c>
      <c r="BJ372" s="53">
        <v>2930281.8400000301</v>
      </c>
      <c r="BK372" s="53">
        <v>2930281.8400000301</v>
      </c>
      <c r="BL372" s="53">
        <v>2930281.8400000301</v>
      </c>
      <c r="BM372" s="53">
        <v>2930281.8400000301</v>
      </c>
      <c r="BN372" s="53">
        <v>2930281.8400000301</v>
      </c>
      <c r="BO372" s="53">
        <v>2930281.8400000301</v>
      </c>
      <c r="BP372" s="53">
        <v>2930281.8400000301</v>
      </c>
      <c r="BQ372" s="53">
        <v>2930281.8400000301</v>
      </c>
      <c r="BR372" s="53">
        <v>2930281.8400000301</v>
      </c>
      <c r="BS372" s="53">
        <v>2930281.8400000301</v>
      </c>
      <c r="BT372" s="53">
        <v>2930281.8400000301</v>
      </c>
      <c r="BU372" s="53">
        <v>2930281.8400000301</v>
      </c>
      <c r="BV372" s="53">
        <v>2930281.8400000301</v>
      </c>
      <c r="BW372" s="53">
        <v>2930281.8400000301</v>
      </c>
      <c r="BX372" s="53">
        <v>2930281.8400000301</v>
      </c>
      <c r="BY372" s="53">
        <v>2930281.8400000301</v>
      </c>
      <c r="BZ372" s="53">
        <v>2930281.8400000301</v>
      </c>
      <c r="CA372" s="53">
        <v>2930281.8400000301</v>
      </c>
      <c r="CB372" s="53"/>
      <c r="CC372" s="53"/>
      <c r="CD372" s="53"/>
      <c r="CE372" s="53"/>
      <c r="CF372" s="53"/>
      <c r="CG372" s="53"/>
      <c r="CH372" s="53"/>
      <c r="CI372" s="53"/>
      <c r="CJ372" s="53"/>
      <c r="CK372" s="53"/>
      <c r="CL372" s="53"/>
      <c r="CM372" s="53"/>
      <c r="CN372" s="53"/>
    </row>
    <row r="373" spans="1:92" outlineLevel="1">
      <c r="A373" s="52" t="s">
        <v>1284</v>
      </c>
      <c r="B373" s="53"/>
      <c r="C373" s="53"/>
      <c r="D373" s="53"/>
      <c r="E373" s="53"/>
      <c r="F373" s="53"/>
      <c r="G373" s="53"/>
      <c r="H373" s="53"/>
      <c r="I373" s="53"/>
      <c r="J373" s="53"/>
      <c r="K373" s="53"/>
      <c r="L373" s="53"/>
      <c r="M373" s="53"/>
      <c r="N373" s="53"/>
      <c r="O373" s="53"/>
      <c r="P373" s="53"/>
      <c r="Q373" s="53"/>
      <c r="R373" s="53"/>
      <c r="S373" s="53"/>
      <c r="T373" s="53"/>
      <c r="U373" s="53"/>
      <c r="V373" s="53"/>
      <c r="W373" s="53"/>
      <c r="X373" s="53"/>
      <c r="Y373" s="53"/>
      <c r="Z373" s="53"/>
      <c r="AA373" s="53"/>
      <c r="AB373" s="53"/>
      <c r="AC373" s="53"/>
      <c r="AD373" s="53"/>
      <c r="AE373" s="53"/>
      <c r="AF373" s="53"/>
      <c r="AG373" s="53"/>
      <c r="AH373" s="53"/>
      <c r="AI373" s="53"/>
      <c r="AJ373" s="53"/>
      <c r="AK373" s="53"/>
      <c r="AL373" s="53"/>
      <c r="AM373" s="53"/>
      <c r="AN373" s="53"/>
      <c r="AO373" s="53"/>
      <c r="AP373" s="53"/>
      <c r="AQ373" s="53"/>
      <c r="AR373" s="53"/>
      <c r="AS373" s="53"/>
      <c r="AT373" s="53"/>
      <c r="AU373" s="53"/>
      <c r="AV373" s="53"/>
      <c r="AW373" s="53"/>
      <c r="AX373" s="53"/>
      <c r="AY373" s="53"/>
      <c r="AZ373" s="53"/>
      <c r="BA373" s="53"/>
      <c r="BB373" s="53"/>
      <c r="BC373" s="53"/>
      <c r="BD373" s="53"/>
      <c r="BE373" s="53"/>
      <c r="BF373" s="53"/>
      <c r="BG373" s="53"/>
      <c r="BH373" s="53"/>
      <c r="BI373" s="53"/>
      <c r="BJ373" s="53"/>
      <c r="BK373" s="53"/>
      <c r="BL373" s="53"/>
      <c r="BM373" s="53"/>
      <c r="BN373" s="53"/>
      <c r="BO373" s="53"/>
      <c r="BP373" s="53"/>
      <c r="BQ373" s="53"/>
      <c r="BR373" s="53"/>
      <c r="BS373" s="53"/>
      <c r="BT373" s="53"/>
      <c r="BU373" s="53"/>
      <c r="BV373" s="53"/>
      <c r="BW373" s="53"/>
      <c r="BX373" s="53"/>
      <c r="BY373" s="53"/>
      <c r="BZ373" s="53"/>
      <c r="CA373" s="53"/>
      <c r="CB373" s="53"/>
      <c r="CC373" s="53"/>
      <c r="CD373" s="53"/>
      <c r="CE373" s="53"/>
      <c r="CF373" s="53"/>
      <c r="CG373" s="53"/>
      <c r="CH373" s="53"/>
      <c r="CI373" s="53"/>
      <c r="CJ373" s="53"/>
      <c r="CK373" s="53"/>
      <c r="CL373" s="53"/>
      <c r="CM373" s="53"/>
      <c r="CN373" s="53"/>
    </row>
    <row r="374" spans="1:92">
      <c r="A374" s="52" t="s">
        <v>1285</v>
      </c>
      <c r="B374" s="53">
        <v>0</v>
      </c>
      <c r="C374" s="53">
        <v>0</v>
      </c>
      <c r="D374" s="53">
        <v>0</v>
      </c>
      <c r="E374" s="53">
        <v>0</v>
      </c>
      <c r="F374" s="53">
        <v>0</v>
      </c>
      <c r="G374" s="53">
        <v>0</v>
      </c>
      <c r="H374" s="53">
        <v>0</v>
      </c>
      <c r="I374" s="53">
        <v>0</v>
      </c>
      <c r="J374" s="53">
        <v>0</v>
      </c>
      <c r="K374" s="53">
        <v>0</v>
      </c>
      <c r="L374" s="53">
        <v>0</v>
      </c>
      <c r="M374" s="53">
        <v>0</v>
      </c>
      <c r="N374" s="53">
        <v>0</v>
      </c>
      <c r="O374" s="53">
        <v>0</v>
      </c>
      <c r="P374" s="53">
        <v>0</v>
      </c>
      <c r="Q374" s="53">
        <v>0</v>
      </c>
      <c r="R374" s="53">
        <v>0</v>
      </c>
      <c r="S374" s="53">
        <v>0</v>
      </c>
      <c r="T374" s="53">
        <v>0</v>
      </c>
      <c r="U374" s="53">
        <v>0</v>
      </c>
      <c r="V374" s="53">
        <v>0</v>
      </c>
      <c r="W374" s="53">
        <v>0</v>
      </c>
      <c r="X374" s="53">
        <v>0</v>
      </c>
      <c r="Y374" s="53">
        <v>0</v>
      </c>
      <c r="Z374" s="53">
        <v>0</v>
      </c>
      <c r="AA374" s="53">
        <v>0</v>
      </c>
      <c r="AB374" s="53">
        <v>0</v>
      </c>
      <c r="AC374" s="53">
        <v>0</v>
      </c>
      <c r="AD374" s="53">
        <v>0</v>
      </c>
      <c r="AE374" s="53">
        <v>0</v>
      </c>
      <c r="AF374" s="53">
        <v>0</v>
      </c>
      <c r="AG374" s="53">
        <v>0</v>
      </c>
      <c r="AH374" s="53">
        <v>0</v>
      </c>
      <c r="AI374" s="53">
        <v>0</v>
      </c>
      <c r="AJ374" s="53">
        <v>0</v>
      </c>
      <c r="AK374" s="53">
        <v>0</v>
      </c>
      <c r="AL374" s="53">
        <v>0</v>
      </c>
      <c r="AM374" s="53">
        <v>0</v>
      </c>
      <c r="AN374" s="53">
        <v>0</v>
      </c>
      <c r="AO374" s="53">
        <v>0</v>
      </c>
      <c r="AP374" s="53">
        <v>0</v>
      </c>
      <c r="AQ374" s="53">
        <v>0</v>
      </c>
      <c r="AR374" s="53">
        <v>0</v>
      </c>
      <c r="AS374" s="53">
        <v>0</v>
      </c>
      <c r="AT374" s="53">
        <v>0</v>
      </c>
      <c r="AU374" s="53">
        <v>0</v>
      </c>
      <c r="AV374" s="53">
        <v>0</v>
      </c>
      <c r="AW374" s="53">
        <v>0</v>
      </c>
      <c r="AX374" s="53">
        <v>0</v>
      </c>
      <c r="AY374" s="53">
        <v>0</v>
      </c>
      <c r="AZ374" s="53">
        <v>0</v>
      </c>
      <c r="BA374" s="53">
        <v>0</v>
      </c>
      <c r="BB374" s="53">
        <v>0</v>
      </c>
      <c r="BC374" s="53">
        <v>0</v>
      </c>
      <c r="BD374" s="53">
        <v>0</v>
      </c>
      <c r="BE374" s="53">
        <v>0</v>
      </c>
      <c r="BF374" s="53">
        <v>0</v>
      </c>
      <c r="BG374" s="53">
        <v>0</v>
      </c>
      <c r="BH374" s="53">
        <v>0</v>
      </c>
      <c r="BI374" s="53">
        <v>0</v>
      </c>
      <c r="BJ374" s="53">
        <v>0</v>
      </c>
      <c r="BK374" s="53">
        <v>0</v>
      </c>
      <c r="BL374" s="53">
        <v>0</v>
      </c>
      <c r="BM374" s="53">
        <v>0</v>
      </c>
      <c r="BN374" s="53">
        <v>0</v>
      </c>
      <c r="BO374" s="53">
        <v>0</v>
      </c>
      <c r="BP374" s="53">
        <v>0</v>
      </c>
      <c r="BQ374" s="53">
        <v>0</v>
      </c>
      <c r="BR374" s="53">
        <v>0</v>
      </c>
      <c r="BS374" s="53">
        <v>0</v>
      </c>
      <c r="BT374" s="53">
        <v>0</v>
      </c>
      <c r="BU374" s="53">
        <v>0</v>
      </c>
      <c r="BV374" s="53">
        <v>0</v>
      </c>
      <c r="BW374" s="53">
        <v>0</v>
      </c>
      <c r="BX374" s="53">
        <v>0</v>
      </c>
      <c r="BY374" s="53">
        <v>0</v>
      </c>
      <c r="BZ374" s="53">
        <v>0</v>
      </c>
      <c r="CA374" s="53">
        <v>0</v>
      </c>
      <c r="CB374" s="53"/>
      <c r="CC374" s="53"/>
      <c r="CD374" s="53"/>
      <c r="CE374" s="53"/>
      <c r="CF374" s="53"/>
      <c r="CG374" s="53"/>
      <c r="CH374" s="53"/>
      <c r="CI374" s="53"/>
      <c r="CJ374" s="53"/>
      <c r="CK374" s="53"/>
      <c r="CL374" s="53"/>
      <c r="CM374" s="53"/>
      <c r="CN374" s="53"/>
    </row>
    <row r="375" spans="1:92">
      <c r="A375" s="59" t="s">
        <v>1286</v>
      </c>
      <c r="B375" s="53">
        <v>0</v>
      </c>
      <c r="C375" s="53">
        <v>0</v>
      </c>
      <c r="D375" s="53">
        <v>0</v>
      </c>
      <c r="E375" s="53">
        <v>0</v>
      </c>
      <c r="F375" s="53">
        <v>0</v>
      </c>
      <c r="G375" s="53">
        <v>0</v>
      </c>
      <c r="H375" s="53">
        <v>0</v>
      </c>
      <c r="I375" s="53">
        <v>0</v>
      </c>
      <c r="J375" s="53">
        <v>0</v>
      </c>
      <c r="K375" s="53">
        <v>0</v>
      </c>
      <c r="L375" s="53">
        <v>0</v>
      </c>
      <c r="M375" s="53">
        <v>0</v>
      </c>
      <c r="N375" s="53">
        <v>0</v>
      </c>
      <c r="O375" s="53">
        <v>0</v>
      </c>
      <c r="P375" s="53">
        <v>0</v>
      </c>
      <c r="Q375" s="53">
        <v>0</v>
      </c>
      <c r="R375" s="53">
        <v>0</v>
      </c>
      <c r="S375" s="53">
        <v>0</v>
      </c>
      <c r="T375" s="53">
        <v>0</v>
      </c>
      <c r="U375" s="53">
        <v>0</v>
      </c>
      <c r="V375" s="53">
        <v>0</v>
      </c>
      <c r="W375" s="53">
        <v>0</v>
      </c>
      <c r="X375" s="53">
        <v>0</v>
      </c>
      <c r="Y375" s="53">
        <v>0</v>
      </c>
      <c r="Z375" s="53">
        <v>0</v>
      </c>
      <c r="AA375" s="53">
        <v>0</v>
      </c>
      <c r="AB375" s="53">
        <v>0</v>
      </c>
      <c r="AC375" s="53">
        <v>0</v>
      </c>
      <c r="AD375" s="53">
        <v>0</v>
      </c>
      <c r="AE375" s="53">
        <v>0</v>
      </c>
      <c r="AF375" s="53">
        <v>0</v>
      </c>
      <c r="AG375" s="53">
        <v>0</v>
      </c>
      <c r="AH375" s="53">
        <v>0</v>
      </c>
      <c r="AI375" s="53">
        <v>0</v>
      </c>
      <c r="AJ375" s="53">
        <v>0</v>
      </c>
      <c r="AK375" s="53">
        <v>0</v>
      </c>
      <c r="AL375" s="53">
        <v>0</v>
      </c>
      <c r="AM375" s="53">
        <v>0</v>
      </c>
      <c r="AN375" s="53">
        <v>0</v>
      </c>
      <c r="AO375" s="53">
        <v>0</v>
      </c>
      <c r="AP375" s="53">
        <v>0</v>
      </c>
      <c r="AQ375" s="53">
        <v>0</v>
      </c>
      <c r="AR375" s="53">
        <v>0</v>
      </c>
      <c r="AS375" s="53">
        <v>0</v>
      </c>
      <c r="AT375" s="53">
        <v>0</v>
      </c>
      <c r="AU375" s="53">
        <v>0</v>
      </c>
      <c r="AV375" s="53">
        <v>0</v>
      </c>
      <c r="AW375" s="53">
        <v>0</v>
      </c>
      <c r="AX375" s="53">
        <v>0</v>
      </c>
      <c r="AY375" s="53">
        <v>0</v>
      </c>
      <c r="AZ375" s="53">
        <v>0</v>
      </c>
      <c r="BA375" s="53">
        <v>0</v>
      </c>
      <c r="BB375" s="53">
        <v>0</v>
      </c>
      <c r="BC375" s="53">
        <v>0</v>
      </c>
      <c r="BD375" s="53">
        <v>0</v>
      </c>
      <c r="BE375" s="53">
        <v>0</v>
      </c>
      <c r="BF375" s="53">
        <v>0</v>
      </c>
      <c r="BG375" s="53">
        <v>0</v>
      </c>
      <c r="BH375" s="53">
        <v>0</v>
      </c>
      <c r="BI375" s="53">
        <v>0</v>
      </c>
      <c r="BJ375" s="53">
        <v>0</v>
      </c>
      <c r="BK375" s="53">
        <v>0</v>
      </c>
      <c r="BL375" s="53">
        <v>0</v>
      </c>
      <c r="BM375" s="53">
        <v>0</v>
      </c>
      <c r="BN375" s="53">
        <v>0</v>
      </c>
      <c r="BO375" s="53">
        <v>0</v>
      </c>
      <c r="BP375" s="53">
        <v>0</v>
      </c>
      <c r="BQ375" s="53">
        <v>0</v>
      </c>
      <c r="BR375" s="53">
        <v>0</v>
      </c>
      <c r="BS375" s="53">
        <v>0</v>
      </c>
      <c r="BT375" s="53">
        <v>0</v>
      </c>
      <c r="BU375" s="53">
        <v>0</v>
      </c>
      <c r="BV375" s="53">
        <v>0</v>
      </c>
      <c r="BW375" s="53">
        <v>0</v>
      </c>
      <c r="BX375" s="53">
        <v>0</v>
      </c>
      <c r="BY375" s="53">
        <v>0</v>
      </c>
      <c r="BZ375" s="53">
        <v>0</v>
      </c>
      <c r="CA375" s="53">
        <v>0</v>
      </c>
      <c r="CB375" s="53">
        <v>0</v>
      </c>
      <c r="CC375" s="53">
        <v>0</v>
      </c>
      <c r="CD375" s="53">
        <v>0</v>
      </c>
      <c r="CE375" s="53">
        <v>0</v>
      </c>
      <c r="CF375" s="53">
        <v>0</v>
      </c>
      <c r="CG375" s="53">
        <v>0</v>
      </c>
      <c r="CH375" s="53">
        <v>0</v>
      </c>
      <c r="CI375" s="53">
        <v>0</v>
      </c>
      <c r="CJ375" s="53">
        <v>0</v>
      </c>
      <c r="CK375" s="53">
        <v>0</v>
      </c>
      <c r="CL375" s="53">
        <v>0</v>
      </c>
      <c r="CM375" s="53">
        <v>0</v>
      </c>
      <c r="CN375" s="53">
        <v>0</v>
      </c>
    </row>
    <row r="376" spans="1:92">
      <c r="A376" s="52" t="s">
        <v>226</v>
      </c>
      <c r="B376" s="53"/>
      <c r="C376" s="53"/>
      <c r="D376" s="53"/>
      <c r="E376" s="53"/>
      <c r="F376" s="53"/>
      <c r="G376" s="53"/>
      <c r="H376" s="53"/>
      <c r="I376" s="53"/>
      <c r="J376" s="53"/>
      <c r="K376" s="53"/>
      <c r="L376" s="53"/>
      <c r="M376" s="53"/>
      <c r="N376" s="53"/>
      <c r="O376" s="53"/>
      <c r="P376" s="53"/>
      <c r="Q376" s="53"/>
      <c r="R376" s="53"/>
      <c r="S376" s="53"/>
      <c r="T376" s="53"/>
      <c r="U376" s="53"/>
      <c r="V376" s="53"/>
      <c r="W376" s="53"/>
      <c r="X376" s="53"/>
      <c r="Y376" s="53"/>
      <c r="Z376" s="53"/>
      <c r="AA376" s="53"/>
      <c r="AB376" s="53"/>
      <c r="AC376" s="53"/>
      <c r="AD376" s="53"/>
      <c r="AE376" s="53"/>
      <c r="AF376" s="53"/>
      <c r="AG376" s="53"/>
      <c r="AH376" s="53"/>
      <c r="AI376" s="53"/>
      <c r="AJ376" s="53"/>
      <c r="AK376" s="53"/>
      <c r="AL376" s="53"/>
      <c r="AM376" s="53"/>
      <c r="AN376" s="53"/>
      <c r="AO376" s="53"/>
      <c r="AP376" s="53"/>
      <c r="AQ376" s="53"/>
      <c r="AR376" s="53"/>
      <c r="AS376" s="53"/>
      <c r="AT376" s="53"/>
      <c r="AU376" s="53"/>
      <c r="AV376" s="53"/>
      <c r="AW376" s="53"/>
      <c r="AX376" s="53"/>
      <c r="AY376" s="53"/>
      <c r="AZ376" s="53"/>
      <c r="BA376" s="53"/>
      <c r="BB376" s="53"/>
      <c r="BC376" s="53"/>
      <c r="BD376" s="53"/>
      <c r="BE376" s="53"/>
      <c r="BF376" s="53"/>
      <c r="BG376" s="53"/>
      <c r="BH376" s="53"/>
      <c r="BI376" s="53"/>
      <c r="BJ376" s="53"/>
      <c r="BK376" s="53"/>
      <c r="BL376" s="53"/>
      <c r="BM376" s="53"/>
      <c r="BN376" s="53"/>
      <c r="BO376" s="53"/>
      <c r="BP376" s="53"/>
      <c r="BQ376" s="53"/>
      <c r="BR376" s="53"/>
      <c r="BS376" s="53"/>
      <c r="BT376" s="53"/>
      <c r="BU376" s="53"/>
      <c r="BV376" s="53"/>
      <c r="BW376" s="53"/>
      <c r="BX376" s="53"/>
      <c r="BY376" s="53"/>
      <c r="BZ376" s="53"/>
      <c r="CA376" s="53"/>
      <c r="CB376" s="53"/>
      <c r="CC376" s="53"/>
      <c r="CD376" s="53"/>
      <c r="CE376" s="53"/>
      <c r="CF376" s="53"/>
      <c r="CG376" s="53"/>
      <c r="CH376" s="53"/>
      <c r="CI376" s="53"/>
      <c r="CJ376" s="53"/>
      <c r="CK376" s="53"/>
      <c r="CL376" s="53"/>
      <c r="CM376" s="53"/>
      <c r="CN376" s="53"/>
    </row>
    <row r="377" spans="1:92" outlineLevel="1">
      <c r="A377" s="52" t="s">
        <v>1218</v>
      </c>
      <c r="B377" s="53">
        <v>65859080.0499999</v>
      </c>
      <c r="C377" s="53">
        <v>69788207.639999598</v>
      </c>
      <c r="D377" s="53">
        <v>72115646.009999797</v>
      </c>
      <c r="E377" s="53">
        <v>62310815.869999997</v>
      </c>
      <c r="F377" s="53">
        <v>67497573.369999796</v>
      </c>
      <c r="G377" s="53">
        <v>71611228.509999797</v>
      </c>
      <c r="H377" s="53">
        <v>70472727.780000299</v>
      </c>
      <c r="I377" s="53">
        <v>68505067.069999605</v>
      </c>
      <c r="J377" s="53">
        <v>72537228.419999793</v>
      </c>
      <c r="K377" s="53">
        <v>73274365.229999602</v>
      </c>
      <c r="L377" s="53">
        <v>75593457.319999993</v>
      </c>
      <c r="M377" s="53">
        <v>76211156.999999896</v>
      </c>
      <c r="N377" s="53">
        <v>65859080.0499999</v>
      </c>
      <c r="O377" s="53">
        <v>69207956.859999999</v>
      </c>
      <c r="P377" s="53">
        <v>96180209.240760803</v>
      </c>
      <c r="Q377" s="53">
        <v>96192552.2044283</v>
      </c>
      <c r="R377" s="53">
        <v>96300029.406891599</v>
      </c>
      <c r="S377" s="53">
        <v>96407294.328537494</v>
      </c>
      <c r="T377" s="53">
        <v>96494549.133409694</v>
      </c>
      <c r="U377" s="53">
        <v>96551168.116718903</v>
      </c>
      <c r="V377" s="53">
        <v>96617591.682971999</v>
      </c>
      <c r="W377" s="53">
        <v>96675026.203515902</v>
      </c>
      <c r="X377" s="53">
        <v>96733383.792506993</v>
      </c>
      <c r="Y377" s="53">
        <v>96809701.4281414</v>
      </c>
      <c r="Z377" s="53">
        <v>96801347.807574496</v>
      </c>
      <c r="AA377" s="53">
        <v>69207956.859999999</v>
      </c>
      <c r="AB377" s="53">
        <v>96792081.806965798</v>
      </c>
      <c r="AC377" s="53">
        <v>96811648.256792605</v>
      </c>
      <c r="AD377" s="53">
        <v>96845351.521610796</v>
      </c>
      <c r="AE377" s="53">
        <v>96809783.9337392</v>
      </c>
      <c r="AF377" s="53">
        <v>96815426.194475695</v>
      </c>
      <c r="AG377" s="53">
        <v>96754525.357132703</v>
      </c>
      <c r="AH377" s="53">
        <v>96680778.671965897</v>
      </c>
      <c r="AI377" s="53">
        <v>96653894.373625904</v>
      </c>
      <c r="AJ377" s="53">
        <v>96730926.276531696</v>
      </c>
      <c r="AK377" s="53">
        <v>96775634.981557593</v>
      </c>
      <c r="AL377" s="53">
        <v>96829444.995318905</v>
      </c>
      <c r="AM377" s="53">
        <v>96824433.326480493</v>
      </c>
      <c r="AN377" s="53">
        <v>96792081.806965798</v>
      </c>
      <c r="AO377" s="53">
        <v>96801876.778461799</v>
      </c>
      <c r="AP377" s="53">
        <v>96785284.141896904</v>
      </c>
      <c r="AQ377" s="53">
        <v>96760880.6345184</v>
      </c>
      <c r="AR377" s="53">
        <v>96676128.171490103</v>
      </c>
      <c r="AS377" s="53">
        <v>96631863.234676793</v>
      </c>
      <c r="AT377" s="53">
        <v>96537394.605338693</v>
      </c>
      <c r="AU377" s="53">
        <v>96433685.250092298</v>
      </c>
      <c r="AV377" s="53">
        <v>96377404.954861894</v>
      </c>
      <c r="AW377" s="53">
        <v>96448301.147885293</v>
      </c>
      <c r="AX377" s="53">
        <v>96491571.953984901</v>
      </c>
      <c r="AY377" s="53">
        <v>96504679.537332699</v>
      </c>
      <c r="AZ377" s="53">
        <v>96486416.711639494</v>
      </c>
      <c r="BA377" s="53">
        <v>96801876.778461799</v>
      </c>
      <c r="BB377" s="53">
        <v>96466329.707335606</v>
      </c>
      <c r="BC377" s="53">
        <v>96450499.947909996</v>
      </c>
      <c r="BD377" s="53">
        <v>96430046.184952095</v>
      </c>
      <c r="BE377" s="53">
        <v>96371138.237096295</v>
      </c>
      <c r="BF377" s="53">
        <v>96338822.551488698</v>
      </c>
      <c r="BG377" s="53">
        <v>96259086.195792302</v>
      </c>
      <c r="BH377" s="53">
        <v>96182866.985179499</v>
      </c>
      <c r="BI377" s="53">
        <v>96138625.367597505</v>
      </c>
      <c r="BJ377" s="53">
        <v>96232219.552016497</v>
      </c>
      <c r="BK377" s="53">
        <v>96315030.047395706</v>
      </c>
      <c r="BL377" s="53">
        <v>96365012.682281703</v>
      </c>
      <c r="BM377" s="53">
        <v>96388821.288152903</v>
      </c>
      <c r="BN377" s="53">
        <v>96466329.707335606</v>
      </c>
      <c r="BO377" s="53">
        <v>96410129.983533993</v>
      </c>
      <c r="BP377" s="53">
        <v>96420553.226296797</v>
      </c>
      <c r="BQ377" s="53">
        <v>96421150.577861205</v>
      </c>
      <c r="BR377" s="53">
        <v>96397831.610020205</v>
      </c>
      <c r="BS377" s="53">
        <v>96382674.5364943</v>
      </c>
      <c r="BT377" s="53">
        <v>96332785.361803293</v>
      </c>
      <c r="BU377" s="53">
        <v>96291377.099858999</v>
      </c>
      <c r="BV377" s="53">
        <v>96258753.648096994</v>
      </c>
      <c r="BW377" s="53">
        <v>96372786.0441944</v>
      </c>
      <c r="BX377" s="53">
        <v>96475015.087696806</v>
      </c>
      <c r="BY377" s="53">
        <v>96541740.408868194</v>
      </c>
      <c r="BZ377" s="53">
        <v>96589182.304681703</v>
      </c>
      <c r="CA377" s="53">
        <v>96410129.983533993</v>
      </c>
      <c r="CB377" s="53"/>
      <c r="CC377" s="53"/>
      <c r="CD377" s="53"/>
      <c r="CE377" s="53"/>
      <c r="CF377" s="53"/>
      <c r="CG377" s="53"/>
      <c r="CH377" s="53"/>
      <c r="CI377" s="53"/>
      <c r="CJ377" s="53"/>
      <c r="CK377" s="53"/>
      <c r="CL377" s="53"/>
      <c r="CM377" s="53"/>
      <c r="CN377" s="53"/>
    </row>
    <row r="378" spans="1:92" outlineLevel="1">
      <c r="A378" s="52" t="s">
        <v>672</v>
      </c>
      <c r="B378" s="53"/>
      <c r="C378" s="53"/>
      <c r="D378" s="53"/>
      <c r="E378" s="53"/>
      <c r="F378" s="53"/>
      <c r="G378" s="53"/>
      <c r="H378" s="53"/>
      <c r="I378" s="53"/>
      <c r="J378" s="53"/>
      <c r="K378" s="53"/>
      <c r="L378" s="53"/>
      <c r="M378" s="53"/>
      <c r="N378" s="53"/>
      <c r="O378" s="53"/>
      <c r="P378" s="53"/>
      <c r="Q378" s="53"/>
      <c r="R378" s="53"/>
      <c r="S378" s="53"/>
      <c r="T378" s="53"/>
      <c r="U378" s="53"/>
      <c r="V378" s="53"/>
      <c r="W378" s="53"/>
      <c r="X378" s="53"/>
      <c r="Y378" s="53"/>
      <c r="Z378" s="53"/>
      <c r="AA378" s="53"/>
      <c r="AB378" s="53"/>
      <c r="AC378" s="53"/>
      <c r="AD378" s="53"/>
      <c r="AE378" s="53"/>
      <c r="AF378" s="53"/>
      <c r="AG378" s="53"/>
      <c r="AH378" s="53"/>
      <c r="AI378" s="53"/>
      <c r="AJ378" s="53"/>
      <c r="AK378" s="53"/>
      <c r="AL378" s="53"/>
      <c r="AM378" s="53"/>
      <c r="AN378" s="53"/>
      <c r="AO378" s="53"/>
      <c r="AP378" s="53"/>
      <c r="AQ378" s="53"/>
      <c r="AR378" s="53"/>
      <c r="AS378" s="53"/>
      <c r="AT378" s="53"/>
      <c r="AU378" s="53"/>
      <c r="AV378" s="53"/>
      <c r="AW378" s="53"/>
      <c r="AX378" s="53"/>
      <c r="AY378" s="53"/>
      <c r="AZ378" s="53"/>
      <c r="BA378" s="53"/>
      <c r="BB378" s="53"/>
      <c r="BC378" s="53"/>
      <c r="BD378" s="53"/>
      <c r="BE378" s="53"/>
      <c r="BF378" s="53"/>
      <c r="BG378" s="53"/>
      <c r="BH378" s="53"/>
      <c r="BI378" s="53"/>
      <c r="BJ378" s="53"/>
      <c r="BK378" s="53"/>
      <c r="BL378" s="53"/>
      <c r="BM378" s="53"/>
      <c r="BN378" s="53"/>
      <c r="BO378" s="53"/>
      <c r="BP378" s="53"/>
      <c r="BQ378" s="53"/>
      <c r="BR378" s="53"/>
      <c r="BS378" s="53"/>
      <c r="BT378" s="53"/>
      <c r="BU378" s="53"/>
      <c r="BV378" s="53"/>
      <c r="BW378" s="53"/>
      <c r="BX378" s="53"/>
      <c r="BY378" s="53"/>
      <c r="BZ378" s="53"/>
      <c r="CA378" s="53"/>
      <c r="CB378" s="53"/>
      <c r="CC378" s="53"/>
      <c r="CD378" s="53"/>
      <c r="CE378" s="53"/>
      <c r="CF378" s="53"/>
      <c r="CG378" s="53"/>
      <c r="CH378" s="53"/>
      <c r="CI378" s="53"/>
      <c r="CJ378" s="53"/>
      <c r="CK378" s="53"/>
      <c r="CL378" s="53"/>
      <c r="CM378" s="53"/>
      <c r="CN378" s="53"/>
    </row>
    <row r="379" spans="1:92" outlineLevel="1">
      <c r="A379" s="52" t="s">
        <v>650</v>
      </c>
      <c r="B379" s="53"/>
      <c r="C379" s="53"/>
      <c r="D379" s="53"/>
      <c r="E379" s="53"/>
      <c r="F379" s="53"/>
      <c r="G379" s="53"/>
      <c r="H379" s="53"/>
      <c r="I379" s="53"/>
      <c r="J379" s="53"/>
      <c r="K379" s="53"/>
      <c r="L379" s="53"/>
      <c r="M379" s="53"/>
      <c r="N379" s="53"/>
      <c r="O379" s="53"/>
      <c r="P379" s="53"/>
      <c r="Q379" s="53"/>
      <c r="R379" s="53"/>
      <c r="S379" s="53"/>
      <c r="T379" s="53"/>
      <c r="U379" s="53"/>
      <c r="V379" s="53"/>
      <c r="W379" s="53"/>
      <c r="X379" s="53"/>
      <c r="Y379" s="53"/>
      <c r="Z379" s="53"/>
      <c r="AA379" s="53"/>
      <c r="AB379" s="53"/>
      <c r="AC379" s="53"/>
      <c r="AD379" s="53"/>
      <c r="AE379" s="53"/>
      <c r="AF379" s="53"/>
      <c r="AG379" s="53"/>
      <c r="AH379" s="53"/>
      <c r="AI379" s="53"/>
      <c r="AJ379" s="53"/>
      <c r="AK379" s="53"/>
      <c r="AL379" s="53"/>
      <c r="AM379" s="53"/>
      <c r="AN379" s="53"/>
      <c r="AO379" s="53"/>
      <c r="AP379" s="53"/>
      <c r="AQ379" s="53"/>
      <c r="AR379" s="53"/>
      <c r="AS379" s="53"/>
      <c r="AT379" s="53"/>
      <c r="AU379" s="53"/>
      <c r="AV379" s="53"/>
      <c r="AW379" s="53"/>
      <c r="AX379" s="53"/>
      <c r="AY379" s="53"/>
      <c r="AZ379" s="53"/>
      <c r="BA379" s="53"/>
      <c r="BB379" s="53"/>
      <c r="BC379" s="53"/>
      <c r="BD379" s="53"/>
      <c r="BE379" s="53"/>
      <c r="BF379" s="53"/>
      <c r="BG379" s="53"/>
      <c r="BH379" s="53"/>
      <c r="BI379" s="53"/>
      <c r="BJ379" s="53"/>
      <c r="BK379" s="53"/>
      <c r="BL379" s="53"/>
      <c r="BM379" s="53"/>
      <c r="BN379" s="53"/>
      <c r="BO379" s="53"/>
      <c r="BP379" s="53"/>
      <c r="BQ379" s="53"/>
      <c r="BR379" s="53"/>
      <c r="BS379" s="53"/>
      <c r="BT379" s="53"/>
      <c r="BU379" s="53"/>
      <c r="BV379" s="53"/>
      <c r="BW379" s="53"/>
      <c r="BX379" s="53"/>
      <c r="BY379" s="53"/>
      <c r="BZ379" s="53"/>
      <c r="CA379" s="53"/>
      <c r="CB379" s="53"/>
      <c r="CC379" s="53"/>
      <c r="CD379" s="53"/>
      <c r="CE379" s="53"/>
      <c r="CF379" s="53"/>
      <c r="CG379" s="53"/>
      <c r="CH379" s="53"/>
      <c r="CI379" s="53"/>
      <c r="CJ379" s="53"/>
      <c r="CK379" s="53"/>
      <c r="CL379" s="53"/>
      <c r="CM379" s="53"/>
      <c r="CN379" s="53"/>
    </row>
    <row r="380" spans="1:92" outlineLevel="1">
      <c r="A380" s="52" t="s">
        <v>1287</v>
      </c>
      <c r="B380" s="53"/>
      <c r="C380" s="53"/>
      <c r="D380" s="53"/>
      <c r="E380" s="53"/>
      <c r="F380" s="53"/>
      <c r="G380" s="53"/>
      <c r="H380" s="53"/>
      <c r="I380" s="53"/>
      <c r="J380" s="53"/>
      <c r="K380" s="53"/>
      <c r="L380" s="53"/>
      <c r="M380" s="53"/>
      <c r="N380" s="53"/>
      <c r="O380" s="53"/>
      <c r="P380" s="53"/>
      <c r="Q380" s="53"/>
      <c r="R380" s="53"/>
      <c r="S380" s="53"/>
      <c r="T380" s="53"/>
      <c r="U380" s="53"/>
      <c r="V380" s="53"/>
      <c r="W380" s="53"/>
      <c r="X380" s="53"/>
      <c r="Y380" s="53"/>
      <c r="Z380" s="53"/>
      <c r="AA380" s="53"/>
      <c r="AB380" s="53"/>
      <c r="AC380" s="53"/>
      <c r="AD380" s="53"/>
      <c r="AE380" s="53"/>
      <c r="AF380" s="53"/>
      <c r="AG380" s="53"/>
      <c r="AH380" s="53"/>
      <c r="AI380" s="53"/>
      <c r="AJ380" s="53"/>
      <c r="AK380" s="53"/>
      <c r="AL380" s="53"/>
      <c r="AM380" s="53"/>
      <c r="AN380" s="53"/>
      <c r="AO380" s="53"/>
      <c r="AP380" s="53"/>
      <c r="AQ380" s="53"/>
      <c r="AR380" s="53"/>
      <c r="AS380" s="53"/>
      <c r="AT380" s="53"/>
      <c r="AU380" s="53"/>
      <c r="AV380" s="53"/>
      <c r="AW380" s="53"/>
      <c r="AX380" s="53"/>
      <c r="AY380" s="53"/>
      <c r="AZ380" s="53"/>
      <c r="BA380" s="53"/>
      <c r="BB380" s="53"/>
      <c r="BC380" s="53"/>
      <c r="BD380" s="53"/>
      <c r="BE380" s="53"/>
      <c r="BF380" s="53"/>
      <c r="BG380" s="53"/>
      <c r="BH380" s="53"/>
      <c r="BI380" s="53"/>
      <c r="BJ380" s="53"/>
      <c r="BK380" s="53"/>
      <c r="BL380" s="53"/>
      <c r="BM380" s="53"/>
      <c r="BN380" s="53"/>
      <c r="BO380" s="53"/>
      <c r="BP380" s="53"/>
      <c r="BQ380" s="53"/>
      <c r="BR380" s="53"/>
      <c r="BS380" s="53"/>
      <c r="BT380" s="53"/>
      <c r="BU380" s="53"/>
      <c r="BV380" s="53"/>
      <c r="BW380" s="53"/>
      <c r="BX380" s="53"/>
      <c r="BY380" s="53"/>
      <c r="BZ380" s="53"/>
      <c r="CA380" s="53"/>
      <c r="CB380" s="53"/>
      <c r="CC380" s="53"/>
      <c r="CD380" s="53"/>
      <c r="CE380" s="53"/>
      <c r="CF380" s="53"/>
      <c r="CG380" s="53"/>
      <c r="CH380" s="53"/>
      <c r="CI380" s="53"/>
      <c r="CJ380" s="53"/>
      <c r="CK380" s="53"/>
      <c r="CL380" s="53"/>
      <c r="CM380" s="53"/>
      <c r="CN380" s="53"/>
    </row>
    <row r="381" spans="1:92" outlineLevel="1">
      <c r="A381" s="52" t="s">
        <v>649</v>
      </c>
      <c r="B381" s="53">
        <v>-16854.599999999999</v>
      </c>
      <c r="C381" s="53">
        <v>-8567.7999999999993</v>
      </c>
      <c r="D381" s="53">
        <v>-1641.6</v>
      </c>
      <c r="E381" s="53">
        <v>-4957</v>
      </c>
      <c r="F381" s="53">
        <v>-16777.400000000001</v>
      </c>
      <c r="G381" s="53">
        <v>395.1</v>
      </c>
      <c r="H381" s="53">
        <v>113.6</v>
      </c>
      <c r="I381" s="53">
        <v>-455.2</v>
      </c>
      <c r="J381" s="53">
        <v>-2129</v>
      </c>
      <c r="K381" s="53">
        <v>-1834.8999999999901</v>
      </c>
      <c r="L381" s="53">
        <v>-8.6969565163599292</v>
      </c>
      <c r="M381" s="53">
        <v>-6925.2</v>
      </c>
      <c r="N381" s="53">
        <v>-59642.696956516302</v>
      </c>
      <c r="O381" s="53">
        <v>26972252.3807608</v>
      </c>
      <c r="P381" s="53">
        <v>12342.963667496701</v>
      </c>
      <c r="Q381" s="53">
        <v>107477.202463333</v>
      </c>
      <c r="R381" s="53">
        <v>107264.92164589401</v>
      </c>
      <c r="S381" s="53">
        <v>87254.804872237801</v>
      </c>
      <c r="T381" s="53">
        <v>56618.983309157898</v>
      </c>
      <c r="U381" s="53">
        <v>66423.5662530962</v>
      </c>
      <c r="V381" s="53">
        <v>57434.5205439364</v>
      </c>
      <c r="W381" s="53">
        <v>58357.588991040197</v>
      </c>
      <c r="X381" s="53">
        <v>76317.635634432503</v>
      </c>
      <c r="Y381" s="53">
        <v>-8353.6205669180599</v>
      </c>
      <c r="Z381" s="53">
        <v>-9266.0006087423099</v>
      </c>
      <c r="AA381" s="53">
        <v>27584124.946965698</v>
      </c>
      <c r="AB381" s="53">
        <v>19566.449826817901</v>
      </c>
      <c r="AC381" s="53">
        <v>33703.264818216499</v>
      </c>
      <c r="AD381" s="53">
        <v>-35567.587871606302</v>
      </c>
      <c r="AE381" s="53">
        <v>5642.2607364955602</v>
      </c>
      <c r="AF381" s="53">
        <v>-60900.837342934603</v>
      </c>
      <c r="AG381" s="53">
        <v>-73746.685166889001</v>
      </c>
      <c r="AH381" s="53">
        <v>-26884.298339926499</v>
      </c>
      <c r="AI381" s="53">
        <v>77031.902905713301</v>
      </c>
      <c r="AJ381" s="53">
        <v>44708.705025899697</v>
      </c>
      <c r="AK381" s="53">
        <v>53810.013761321403</v>
      </c>
      <c r="AL381" s="53">
        <v>-5011.6688384317404</v>
      </c>
      <c r="AM381" s="53">
        <v>-22556.548018615998</v>
      </c>
      <c r="AN381" s="53">
        <v>9794.9714960601395</v>
      </c>
      <c r="AO381" s="53">
        <v>-16592.636564938301</v>
      </c>
      <c r="AP381" s="53">
        <v>-24403.5073785116</v>
      </c>
      <c r="AQ381" s="53">
        <v>-84752.463028330603</v>
      </c>
      <c r="AR381" s="53">
        <v>-44264.936813268498</v>
      </c>
      <c r="AS381" s="53">
        <v>-94468.629338087398</v>
      </c>
      <c r="AT381" s="53">
        <v>-103709.355246443</v>
      </c>
      <c r="AU381" s="53">
        <v>-56280.2952303407</v>
      </c>
      <c r="AV381" s="53">
        <v>70896.193023423199</v>
      </c>
      <c r="AW381" s="53">
        <v>43270.8060995552</v>
      </c>
      <c r="AX381" s="53">
        <v>13107.5833478512</v>
      </c>
      <c r="AY381" s="53">
        <v>-18262.825693200899</v>
      </c>
      <c r="AZ381" s="53">
        <v>-20087.004303966602</v>
      </c>
      <c r="BA381" s="53">
        <v>-335547.071126258</v>
      </c>
      <c r="BB381" s="53">
        <v>-15829.759425570999</v>
      </c>
      <c r="BC381" s="53">
        <v>-20453.762957928098</v>
      </c>
      <c r="BD381" s="53">
        <v>-58907.947855812403</v>
      </c>
      <c r="BE381" s="53">
        <v>-32315.685607551099</v>
      </c>
      <c r="BF381" s="53">
        <v>-79736.355696440995</v>
      </c>
      <c r="BG381" s="53">
        <v>-76219.210612762297</v>
      </c>
      <c r="BH381" s="53">
        <v>-44241.617582025399</v>
      </c>
      <c r="BI381" s="53">
        <v>93594.184419023804</v>
      </c>
      <c r="BJ381" s="53">
        <v>82810.495379220796</v>
      </c>
      <c r="BK381" s="53">
        <v>49982.634886036998</v>
      </c>
      <c r="BL381" s="53">
        <v>23808.6058711197</v>
      </c>
      <c r="BM381" s="53">
        <v>21308.695381128899</v>
      </c>
      <c r="BN381" s="53">
        <v>-56199.7238015611</v>
      </c>
      <c r="BO381" s="53">
        <v>10423.2427628449</v>
      </c>
      <c r="BP381" s="53">
        <v>597.35156434180703</v>
      </c>
      <c r="BQ381" s="53">
        <v>-23318.967840968999</v>
      </c>
      <c r="BR381" s="53">
        <v>-15157.073525915501</v>
      </c>
      <c r="BS381" s="53">
        <v>-49889.174690979402</v>
      </c>
      <c r="BT381" s="53">
        <v>-41408.2619443652</v>
      </c>
      <c r="BU381" s="53">
        <v>-32623.451761930399</v>
      </c>
      <c r="BV381" s="53">
        <v>114032.39609742</v>
      </c>
      <c r="BW381" s="53">
        <v>102229.043502389</v>
      </c>
      <c r="BX381" s="53">
        <v>66725.321171368705</v>
      </c>
      <c r="BY381" s="53">
        <v>47441.8958135211</v>
      </c>
      <c r="BZ381" s="53">
        <v>45557.996967385399</v>
      </c>
      <c r="CA381" s="53">
        <v>224610.31811511199</v>
      </c>
      <c r="CB381" s="53">
        <v>0</v>
      </c>
      <c r="CC381" s="53">
        <v>0</v>
      </c>
      <c r="CD381" s="53">
        <v>0</v>
      </c>
      <c r="CE381" s="53">
        <v>0</v>
      </c>
      <c r="CF381" s="53">
        <v>0</v>
      </c>
      <c r="CG381" s="53">
        <v>0</v>
      </c>
      <c r="CH381" s="53">
        <v>0</v>
      </c>
      <c r="CI381" s="53">
        <v>0</v>
      </c>
      <c r="CJ381" s="53">
        <v>0</v>
      </c>
      <c r="CK381" s="53">
        <v>0</v>
      </c>
      <c r="CL381" s="53">
        <v>0</v>
      </c>
      <c r="CM381" s="53">
        <v>0</v>
      </c>
      <c r="CN381" s="53">
        <v>0</v>
      </c>
    </row>
    <row r="382" spans="1:92" outlineLevel="1">
      <c r="A382" s="52" t="s">
        <v>1288</v>
      </c>
      <c r="B382" s="53">
        <v>69788207.639999598</v>
      </c>
      <c r="C382" s="53">
        <v>72115646.009999797</v>
      </c>
      <c r="D382" s="53">
        <v>62310815.869999997</v>
      </c>
      <c r="E382" s="53">
        <v>67497573.369999796</v>
      </c>
      <c r="F382" s="53">
        <v>71611228.509999797</v>
      </c>
      <c r="G382" s="53">
        <v>70472727.780000299</v>
      </c>
      <c r="H382" s="53">
        <v>68505067.069999605</v>
      </c>
      <c r="I382" s="53">
        <v>72537228.419999793</v>
      </c>
      <c r="J382" s="53">
        <v>73274365.229999602</v>
      </c>
      <c r="K382" s="53">
        <v>75593457.319999993</v>
      </c>
      <c r="L382" s="53">
        <v>76211156.999999896</v>
      </c>
      <c r="M382" s="53">
        <v>69207956.859999999</v>
      </c>
      <c r="N382" s="53">
        <v>69207956.859999999</v>
      </c>
      <c r="O382" s="53">
        <v>96180209.240760803</v>
      </c>
      <c r="P382" s="53">
        <v>96192552.2044283</v>
      </c>
      <c r="Q382" s="53">
        <v>96300029.406891599</v>
      </c>
      <c r="R382" s="53">
        <v>96407294.328537494</v>
      </c>
      <c r="S382" s="53">
        <v>96494549.133409694</v>
      </c>
      <c r="T382" s="53">
        <v>96551168.116718903</v>
      </c>
      <c r="U382" s="53">
        <v>96617591.682971999</v>
      </c>
      <c r="V382" s="53">
        <v>96675026.203515902</v>
      </c>
      <c r="W382" s="53">
        <v>96733383.792506993</v>
      </c>
      <c r="X382" s="53">
        <v>96809701.4281414</v>
      </c>
      <c r="Y382" s="53">
        <v>96801347.807574496</v>
      </c>
      <c r="Z382" s="53">
        <v>96792081.806965798</v>
      </c>
      <c r="AA382" s="53">
        <v>96792081.806965798</v>
      </c>
      <c r="AB382" s="53">
        <v>96811648.256792605</v>
      </c>
      <c r="AC382" s="53">
        <v>96845351.521610796</v>
      </c>
      <c r="AD382" s="53">
        <v>96809783.9337392</v>
      </c>
      <c r="AE382" s="53">
        <v>96815426.194475695</v>
      </c>
      <c r="AF382" s="53">
        <v>96754525.357132703</v>
      </c>
      <c r="AG382" s="53">
        <v>96680778.671965897</v>
      </c>
      <c r="AH382" s="53">
        <v>96653894.373625904</v>
      </c>
      <c r="AI382" s="53">
        <v>96730926.276531696</v>
      </c>
      <c r="AJ382" s="53">
        <v>96775634.981557593</v>
      </c>
      <c r="AK382" s="53">
        <v>96829444.995318905</v>
      </c>
      <c r="AL382" s="53">
        <v>96824433.326480493</v>
      </c>
      <c r="AM382" s="53">
        <v>96801876.778461799</v>
      </c>
      <c r="AN382" s="53">
        <v>96801876.778461799</v>
      </c>
      <c r="AO382" s="53">
        <v>96785284.141896904</v>
      </c>
      <c r="AP382" s="53">
        <v>96760880.6345184</v>
      </c>
      <c r="AQ382" s="53">
        <v>96676128.171490103</v>
      </c>
      <c r="AR382" s="53">
        <v>96631863.234676793</v>
      </c>
      <c r="AS382" s="53">
        <v>96537394.605338693</v>
      </c>
      <c r="AT382" s="53">
        <v>96433685.250092298</v>
      </c>
      <c r="AU382" s="53">
        <v>96377404.954861894</v>
      </c>
      <c r="AV382" s="53">
        <v>96448301.147885293</v>
      </c>
      <c r="AW382" s="53">
        <v>96491571.953984901</v>
      </c>
      <c r="AX382" s="53">
        <v>96504679.537332699</v>
      </c>
      <c r="AY382" s="53">
        <v>96486416.711639494</v>
      </c>
      <c r="AZ382" s="53">
        <v>96466329.707335606</v>
      </c>
      <c r="BA382" s="53">
        <v>96466329.707335606</v>
      </c>
      <c r="BB382" s="53">
        <v>96450499.947909996</v>
      </c>
      <c r="BC382" s="53">
        <v>96430046.184952095</v>
      </c>
      <c r="BD382" s="53">
        <v>96371138.237096295</v>
      </c>
      <c r="BE382" s="53">
        <v>96338822.551488698</v>
      </c>
      <c r="BF382" s="53">
        <v>96259086.195792302</v>
      </c>
      <c r="BG382" s="53">
        <v>96182866.985179499</v>
      </c>
      <c r="BH382" s="53">
        <v>96138625.367597505</v>
      </c>
      <c r="BI382" s="53">
        <v>96232219.552016497</v>
      </c>
      <c r="BJ382" s="53">
        <v>96315030.047395706</v>
      </c>
      <c r="BK382" s="53">
        <v>96365012.682281703</v>
      </c>
      <c r="BL382" s="53">
        <v>96388821.288152903</v>
      </c>
      <c r="BM382" s="53">
        <v>96410129.983533993</v>
      </c>
      <c r="BN382" s="53">
        <v>96410129.983533993</v>
      </c>
      <c r="BO382" s="53">
        <v>96420553.226296797</v>
      </c>
      <c r="BP382" s="53">
        <v>96421150.577861205</v>
      </c>
      <c r="BQ382" s="53">
        <v>96397831.610020205</v>
      </c>
      <c r="BR382" s="53">
        <v>96382674.5364943</v>
      </c>
      <c r="BS382" s="53">
        <v>96332785.361803293</v>
      </c>
      <c r="BT382" s="53">
        <v>96291377.099858999</v>
      </c>
      <c r="BU382" s="53">
        <v>96258753.648096994</v>
      </c>
      <c r="BV382" s="53">
        <v>96372786.0441944</v>
      </c>
      <c r="BW382" s="53">
        <v>96475015.087696806</v>
      </c>
      <c r="BX382" s="53">
        <v>96541740.408868194</v>
      </c>
      <c r="BY382" s="53">
        <v>96589182.304681703</v>
      </c>
      <c r="BZ382" s="53">
        <v>96634740.301649094</v>
      </c>
      <c r="CA382" s="53">
        <v>96634740.301649094</v>
      </c>
      <c r="CB382" s="53"/>
      <c r="CC382" s="53"/>
      <c r="CD382" s="53"/>
      <c r="CE382" s="53"/>
      <c r="CF382" s="53"/>
      <c r="CG382" s="53"/>
      <c r="CH382" s="53"/>
      <c r="CI382" s="53"/>
      <c r="CJ382" s="53"/>
      <c r="CK382" s="53"/>
      <c r="CL382" s="53"/>
      <c r="CM382" s="53"/>
      <c r="CN382" s="53"/>
    </row>
    <row r="383" spans="1:92" outlineLevel="1">
      <c r="A383" s="52" t="s">
        <v>1218</v>
      </c>
      <c r="B383" s="53">
        <v>337418993.55599999</v>
      </c>
      <c r="C383" s="53">
        <v>341808660.50999999</v>
      </c>
      <c r="D383" s="53">
        <v>343826959.81</v>
      </c>
      <c r="E383" s="53">
        <v>344931245.24999899</v>
      </c>
      <c r="F383" s="53">
        <v>351052500.03999901</v>
      </c>
      <c r="G383" s="53">
        <v>362732187.43000001</v>
      </c>
      <c r="H383" s="53">
        <v>354517211.92000002</v>
      </c>
      <c r="I383" s="53">
        <v>371248583.04000002</v>
      </c>
      <c r="J383" s="53">
        <v>375637091.799999</v>
      </c>
      <c r="K383" s="53">
        <v>380762443.61000001</v>
      </c>
      <c r="L383" s="53">
        <v>386623387.93000001</v>
      </c>
      <c r="M383" s="53">
        <v>398600235.59999901</v>
      </c>
      <c r="N383" s="53">
        <v>337418993.55599999</v>
      </c>
      <c r="O383" s="53">
        <v>413201665.31999999</v>
      </c>
      <c r="P383" s="53">
        <v>400189671.46656603</v>
      </c>
      <c r="Q383" s="53">
        <v>400189671.46656603</v>
      </c>
      <c r="R383" s="53">
        <v>400189671.46656603</v>
      </c>
      <c r="S383" s="53">
        <v>400189671.46656603</v>
      </c>
      <c r="T383" s="53">
        <v>400189671.46656603</v>
      </c>
      <c r="U383" s="53">
        <v>400189671.46656603</v>
      </c>
      <c r="V383" s="53">
        <v>400189671.46656603</v>
      </c>
      <c r="W383" s="53">
        <v>400189671.46656603</v>
      </c>
      <c r="X383" s="53">
        <v>400189671.46656603</v>
      </c>
      <c r="Y383" s="53">
        <v>400189671.46656603</v>
      </c>
      <c r="Z383" s="53">
        <v>400189671.46656603</v>
      </c>
      <c r="AA383" s="53">
        <v>413201665.31999999</v>
      </c>
      <c r="AB383" s="53">
        <v>400189671.46656603</v>
      </c>
      <c r="AC383" s="53">
        <v>400189671.46656603</v>
      </c>
      <c r="AD383" s="53">
        <v>400189671.46656603</v>
      </c>
      <c r="AE383" s="53">
        <v>400189671.46656603</v>
      </c>
      <c r="AF383" s="53">
        <v>400189671.46656603</v>
      </c>
      <c r="AG383" s="53">
        <v>400189671.46656603</v>
      </c>
      <c r="AH383" s="53">
        <v>400189671.46656603</v>
      </c>
      <c r="AI383" s="53">
        <v>400189671.46656603</v>
      </c>
      <c r="AJ383" s="53">
        <v>400189671.46656603</v>
      </c>
      <c r="AK383" s="53">
        <v>400189671.46656603</v>
      </c>
      <c r="AL383" s="53">
        <v>400189671.46656603</v>
      </c>
      <c r="AM383" s="53">
        <v>400189671.46656603</v>
      </c>
      <c r="AN383" s="53">
        <v>400189671.46656603</v>
      </c>
      <c r="AO383" s="53">
        <v>400189671.46656603</v>
      </c>
      <c r="AP383" s="53">
        <v>400189671.46656603</v>
      </c>
      <c r="AQ383" s="53">
        <v>400189671.46656603</v>
      </c>
      <c r="AR383" s="53">
        <v>400189671.46656603</v>
      </c>
      <c r="AS383" s="53">
        <v>400189671.46656603</v>
      </c>
      <c r="AT383" s="53">
        <v>400189671.46656603</v>
      </c>
      <c r="AU383" s="53">
        <v>400189671.46656603</v>
      </c>
      <c r="AV383" s="53">
        <v>400189671.46656603</v>
      </c>
      <c r="AW383" s="53">
        <v>400189671.46656603</v>
      </c>
      <c r="AX383" s="53">
        <v>400189671.46656603</v>
      </c>
      <c r="AY383" s="53">
        <v>400189671.46656603</v>
      </c>
      <c r="AZ383" s="53">
        <v>400189671.46656603</v>
      </c>
      <c r="BA383" s="53">
        <v>400189671.46656603</v>
      </c>
      <c r="BB383" s="53">
        <v>400189671.46656603</v>
      </c>
      <c r="BC383" s="53">
        <v>400189671.46656603</v>
      </c>
      <c r="BD383" s="53">
        <v>400189671.46656603</v>
      </c>
      <c r="BE383" s="53">
        <v>400189671.46656603</v>
      </c>
      <c r="BF383" s="53">
        <v>400189671.46656603</v>
      </c>
      <c r="BG383" s="53">
        <v>400189671.46656603</v>
      </c>
      <c r="BH383" s="53">
        <v>400189671.46656603</v>
      </c>
      <c r="BI383" s="53">
        <v>400189671.46656603</v>
      </c>
      <c r="BJ383" s="53">
        <v>400189671.46656603</v>
      </c>
      <c r="BK383" s="53">
        <v>400189671.46656603</v>
      </c>
      <c r="BL383" s="53">
        <v>400189671.46656603</v>
      </c>
      <c r="BM383" s="53">
        <v>400189671.46656603</v>
      </c>
      <c r="BN383" s="53">
        <v>400189671.46656603</v>
      </c>
      <c r="BO383" s="53">
        <v>400189671.46656603</v>
      </c>
      <c r="BP383" s="53">
        <v>400189671.46656603</v>
      </c>
      <c r="BQ383" s="53">
        <v>400189671.46656603</v>
      </c>
      <c r="BR383" s="53">
        <v>400189671.46656603</v>
      </c>
      <c r="BS383" s="53">
        <v>400189671.46656603</v>
      </c>
      <c r="BT383" s="53">
        <v>400189671.46656603</v>
      </c>
      <c r="BU383" s="53">
        <v>400189671.46656603</v>
      </c>
      <c r="BV383" s="53">
        <v>400189671.46656603</v>
      </c>
      <c r="BW383" s="53">
        <v>400189671.46656603</v>
      </c>
      <c r="BX383" s="53">
        <v>400189671.46656603</v>
      </c>
      <c r="BY383" s="53">
        <v>400189671.46656603</v>
      </c>
      <c r="BZ383" s="53">
        <v>400189671.46656603</v>
      </c>
      <c r="CA383" s="53">
        <v>400189671.46656603</v>
      </c>
      <c r="CB383" s="53">
        <v>65431533.586043403</v>
      </c>
      <c r="CC383" s="53">
        <v>65431533.586043403</v>
      </c>
      <c r="CD383" s="53">
        <v>65431533.586043403</v>
      </c>
      <c r="CE383" s="53">
        <v>65431533.586043403</v>
      </c>
      <c r="CF383" s="53">
        <v>65431533.586043403</v>
      </c>
      <c r="CG383" s="53">
        <v>65431533.586043403</v>
      </c>
      <c r="CH383" s="53">
        <v>65431533.586043403</v>
      </c>
      <c r="CI383" s="53">
        <v>65431533.586043403</v>
      </c>
      <c r="CJ383" s="53">
        <v>65431533.586043403</v>
      </c>
      <c r="CK383" s="53">
        <v>65431533.586043403</v>
      </c>
      <c r="CL383" s="53">
        <v>65431533.586043403</v>
      </c>
      <c r="CM383" s="53">
        <v>65431533.586043403</v>
      </c>
      <c r="CN383" s="53">
        <v>65431533.586043403</v>
      </c>
    </row>
    <row r="384" spans="1:92" outlineLevel="1">
      <c r="A384" s="52" t="s">
        <v>672</v>
      </c>
      <c r="B384" s="53"/>
      <c r="C384" s="53"/>
      <c r="D384" s="53"/>
      <c r="E384" s="53"/>
      <c r="F384" s="53"/>
      <c r="G384" s="53"/>
      <c r="H384" s="53"/>
      <c r="I384" s="53"/>
      <c r="J384" s="53"/>
      <c r="K384" s="53"/>
      <c r="L384" s="53"/>
      <c r="M384" s="53"/>
      <c r="N384" s="53"/>
      <c r="O384" s="53"/>
      <c r="P384" s="53"/>
      <c r="Q384" s="53"/>
      <c r="R384" s="53"/>
      <c r="S384" s="53"/>
      <c r="T384" s="53"/>
      <c r="U384" s="53"/>
      <c r="V384" s="53"/>
      <c r="W384" s="53"/>
      <c r="X384" s="53"/>
      <c r="Y384" s="53"/>
      <c r="Z384" s="53"/>
      <c r="AA384" s="53"/>
      <c r="AB384" s="53"/>
      <c r="AC384" s="53"/>
      <c r="AD384" s="53"/>
      <c r="AE384" s="53"/>
      <c r="AF384" s="53"/>
      <c r="AG384" s="53"/>
      <c r="AH384" s="53"/>
      <c r="AI384" s="53"/>
      <c r="AJ384" s="53"/>
      <c r="AK384" s="53"/>
      <c r="AL384" s="53"/>
      <c r="AM384" s="53"/>
      <c r="AN384" s="53"/>
      <c r="AO384" s="53"/>
      <c r="AP384" s="53"/>
      <c r="AQ384" s="53"/>
      <c r="AR384" s="53"/>
      <c r="AS384" s="53"/>
      <c r="AT384" s="53"/>
      <c r="AU384" s="53"/>
      <c r="AV384" s="53"/>
      <c r="AW384" s="53"/>
      <c r="AX384" s="53"/>
      <c r="AY384" s="53"/>
      <c r="AZ384" s="53"/>
      <c r="BA384" s="53"/>
      <c r="BB384" s="53"/>
      <c r="BC384" s="53"/>
      <c r="BD384" s="53"/>
      <c r="BE384" s="53"/>
      <c r="BF384" s="53"/>
      <c r="BG384" s="53"/>
      <c r="BH384" s="53"/>
      <c r="BI384" s="53"/>
      <c r="BJ384" s="53"/>
      <c r="BK384" s="53"/>
      <c r="BL384" s="53"/>
      <c r="BM384" s="53"/>
      <c r="BN384" s="53"/>
      <c r="BO384" s="53"/>
      <c r="BP384" s="53"/>
      <c r="BQ384" s="53"/>
      <c r="BR384" s="53"/>
      <c r="BS384" s="53"/>
      <c r="BT384" s="53"/>
      <c r="BU384" s="53"/>
      <c r="BV384" s="53"/>
      <c r="BW384" s="53"/>
      <c r="BX384" s="53"/>
      <c r="BY384" s="53"/>
      <c r="BZ384" s="53"/>
      <c r="CA384" s="53"/>
      <c r="CB384" s="53"/>
      <c r="CC384" s="53"/>
      <c r="CD384" s="53"/>
      <c r="CE384" s="53"/>
      <c r="CF384" s="53"/>
      <c r="CG384" s="53"/>
      <c r="CH384" s="53"/>
      <c r="CI384" s="53"/>
      <c r="CJ384" s="53"/>
      <c r="CK384" s="53"/>
      <c r="CL384" s="53"/>
      <c r="CM384" s="53"/>
      <c r="CN384" s="53"/>
    </row>
    <row r="385" spans="1:92" outlineLevel="1">
      <c r="A385" s="52" t="s">
        <v>650</v>
      </c>
      <c r="B385" s="53"/>
      <c r="C385" s="53"/>
      <c r="D385" s="53"/>
      <c r="E385" s="53"/>
      <c r="F385" s="53"/>
      <c r="G385" s="53"/>
      <c r="H385" s="53"/>
      <c r="I385" s="53"/>
      <c r="J385" s="53"/>
      <c r="K385" s="53"/>
      <c r="L385" s="53"/>
      <c r="M385" s="53"/>
      <c r="N385" s="53"/>
      <c r="O385" s="53"/>
      <c r="P385" s="53"/>
      <c r="Q385" s="53"/>
      <c r="R385" s="53"/>
      <c r="S385" s="53"/>
      <c r="T385" s="53"/>
      <c r="U385" s="53"/>
      <c r="V385" s="53"/>
      <c r="W385" s="53"/>
      <c r="X385" s="53"/>
      <c r="Y385" s="53"/>
      <c r="Z385" s="53"/>
      <c r="AA385" s="53"/>
      <c r="AB385" s="53"/>
      <c r="AC385" s="53"/>
      <c r="AD385" s="53"/>
      <c r="AE385" s="53"/>
      <c r="AF385" s="53"/>
      <c r="AG385" s="53"/>
      <c r="AH385" s="53"/>
      <c r="AI385" s="53"/>
      <c r="AJ385" s="53"/>
      <c r="AK385" s="53"/>
      <c r="AL385" s="53"/>
      <c r="AM385" s="53"/>
      <c r="AN385" s="53"/>
      <c r="AO385" s="53"/>
      <c r="AP385" s="53"/>
      <c r="AQ385" s="53"/>
      <c r="AR385" s="53"/>
      <c r="AS385" s="53"/>
      <c r="AT385" s="53"/>
      <c r="AU385" s="53"/>
      <c r="AV385" s="53"/>
      <c r="AW385" s="53"/>
      <c r="AX385" s="53"/>
      <c r="AY385" s="53"/>
      <c r="AZ385" s="53"/>
      <c r="BA385" s="53"/>
      <c r="BB385" s="53"/>
      <c r="BC385" s="53"/>
      <c r="BD385" s="53"/>
      <c r="BE385" s="53"/>
      <c r="BF385" s="53"/>
      <c r="BG385" s="53"/>
      <c r="BH385" s="53"/>
      <c r="BI385" s="53"/>
      <c r="BJ385" s="53"/>
      <c r="BK385" s="53"/>
      <c r="BL385" s="53"/>
      <c r="BM385" s="53"/>
      <c r="BN385" s="53"/>
      <c r="BO385" s="53"/>
      <c r="BP385" s="53"/>
      <c r="BQ385" s="53"/>
      <c r="BR385" s="53"/>
      <c r="BS385" s="53"/>
      <c r="BT385" s="53"/>
      <c r="BU385" s="53"/>
      <c r="BV385" s="53"/>
      <c r="BW385" s="53"/>
      <c r="BX385" s="53"/>
      <c r="BY385" s="53"/>
      <c r="BZ385" s="53"/>
      <c r="CA385" s="53"/>
      <c r="CB385" s="53"/>
      <c r="CC385" s="53"/>
      <c r="CD385" s="53"/>
      <c r="CE385" s="53"/>
      <c r="CF385" s="53"/>
      <c r="CG385" s="53"/>
      <c r="CH385" s="53"/>
      <c r="CI385" s="53"/>
      <c r="CJ385" s="53"/>
      <c r="CK385" s="53"/>
      <c r="CL385" s="53"/>
      <c r="CM385" s="53"/>
      <c r="CN385" s="53"/>
    </row>
    <row r="386" spans="1:92" outlineLevel="1">
      <c r="A386" s="52" t="s">
        <v>1289</v>
      </c>
      <c r="B386" s="53"/>
      <c r="C386" s="53"/>
      <c r="D386" s="53"/>
      <c r="E386" s="53"/>
      <c r="F386" s="53"/>
      <c r="G386" s="53"/>
      <c r="H386" s="53"/>
      <c r="I386" s="53"/>
      <c r="J386" s="53"/>
      <c r="K386" s="53"/>
      <c r="L386" s="53"/>
      <c r="M386" s="53"/>
      <c r="N386" s="53"/>
      <c r="O386" s="53"/>
      <c r="P386" s="53"/>
      <c r="Q386" s="53"/>
      <c r="R386" s="53"/>
      <c r="S386" s="53"/>
      <c r="T386" s="53"/>
      <c r="U386" s="53"/>
      <c r="V386" s="53"/>
      <c r="W386" s="53"/>
      <c r="X386" s="53"/>
      <c r="Y386" s="53"/>
      <c r="Z386" s="53"/>
      <c r="AA386" s="53"/>
      <c r="AB386" s="53"/>
      <c r="AC386" s="53"/>
      <c r="AD386" s="53"/>
      <c r="AE386" s="53"/>
      <c r="AF386" s="53"/>
      <c r="AG386" s="53"/>
      <c r="AH386" s="53"/>
      <c r="AI386" s="53"/>
      <c r="AJ386" s="53"/>
      <c r="AK386" s="53"/>
      <c r="AL386" s="53"/>
      <c r="AM386" s="53"/>
      <c r="AN386" s="53"/>
      <c r="AO386" s="53"/>
      <c r="AP386" s="53"/>
      <c r="AQ386" s="53"/>
      <c r="AR386" s="53"/>
      <c r="AS386" s="53"/>
      <c r="AT386" s="53"/>
      <c r="AU386" s="53"/>
      <c r="AV386" s="53"/>
      <c r="AW386" s="53"/>
      <c r="AX386" s="53"/>
      <c r="AY386" s="53"/>
      <c r="AZ386" s="53"/>
      <c r="BA386" s="53"/>
      <c r="BB386" s="53"/>
      <c r="BC386" s="53"/>
      <c r="BD386" s="53"/>
      <c r="BE386" s="53"/>
      <c r="BF386" s="53"/>
      <c r="BG386" s="53"/>
      <c r="BH386" s="53"/>
      <c r="BI386" s="53"/>
      <c r="BJ386" s="53"/>
      <c r="BK386" s="53"/>
      <c r="BL386" s="53"/>
      <c r="BM386" s="53"/>
      <c r="BN386" s="53"/>
      <c r="BO386" s="53"/>
      <c r="BP386" s="53"/>
      <c r="BQ386" s="53"/>
      <c r="BR386" s="53"/>
      <c r="BS386" s="53"/>
      <c r="BT386" s="53"/>
      <c r="BU386" s="53"/>
      <c r="BV386" s="53"/>
      <c r="BW386" s="53"/>
      <c r="BX386" s="53"/>
      <c r="BY386" s="53"/>
      <c r="BZ386" s="53"/>
      <c r="CA386" s="53"/>
      <c r="CB386" s="53"/>
      <c r="CC386" s="53"/>
      <c r="CD386" s="53"/>
      <c r="CE386" s="53"/>
      <c r="CF386" s="53"/>
      <c r="CG386" s="53"/>
      <c r="CH386" s="53"/>
      <c r="CI386" s="53"/>
      <c r="CJ386" s="53"/>
      <c r="CK386" s="53"/>
      <c r="CL386" s="53"/>
      <c r="CM386" s="53"/>
      <c r="CN386" s="53"/>
    </row>
    <row r="387" spans="1:92" outlineLevel="1">
      <c r="A387" s="52" t="s">
        <v>649</v>
      </c>
      <c r="B387" s="53">
        <v>-166666.66666666701</v>
      </c>
      <c r="C387" s="53">
        <v>-166666.66666666701</v>
      </c>
      <c r="D387" s="53">
        <v>-166666.66666666701</v>
      </c>
      <c r="E387" s="53">
        <v>-166666.66666666701</v>
      </c>
      <c r="F387" s="53">
        <v>-166666.66666666701</v>
      </c>
      <c r="G387" s="53">
        <v>-166666.66666666701</v>
      </c>
      <c r="H387" s="53">
        <v>-166666.66666666701</v>
      </c>
      <c r="I387" s="53">
        <v>-166666.66666666701</v>
      </c>
      <c r="J387" s="53">
        <v>-166666.66666666701</v>
      </c>
      <c r="K387" s="53">
        <v>-166666.66666666701</v>
      </c>
      <c r="L387" s="53">
        <v>-166666.66666666701</v>
      </c>
      <c r="M387" s="53">
        <v>-166666.66666666701</v>
      </c>
      <c r="N387" s="53">
        <v>-2000000</v>
      </c>
      <c r="O387" s="53">
        <v>-13011993.853433199</v>
      </c>
      <c r="P387" s="53"/>
      <c r="Q387" s="53"/>
      <c r="R387" s="53"/>
      <c r="S387" s="53"/>
      <c r="T387" s="53"/>
      <c r="U387" s="53"/>
      <c r="V387" s="53"/>
      <c r="W387" s="53"/>
      <c r="X387" s="53"/>
      <c r="Y387" s="53"/>
      <c r="Z387" s="53"/>
      <c r="AA387" s="53">
        <v>-13011993.853433199</v>
      </c>
      <c r="AB387" s="53"/>
      <c r="AC387" s="53"/>
      <c r="AD387" s="53"/>
      <c r="AE387" s="53"/>
      <c r="AF387" s="53"/>
      <c r="AG387" s="53"/>
      <c r="AH387" s="53"/>
      <c r="AI387" s="53"/>
      <c r="AJ387" s="53"/>
      <c r="AK387" s="53"/>
      <c r="AL387" s="53"/>
      <c r="AM387" s="53"/>
      <c r="AN387" s="53"/>
      <c r="AO387" s="53"/>
      <c r="AP387" s="53"/>
      <c r="AQ387" s="53"/>
      <c r="AR387" s="53"/>
      <c r="AS387" s="53"/>
      <c r="AT387" s="53"/>
      <c r="AU387" s="53"/>
      <c r="AV387" s="53"/>
      <c r="AW387" s="53"/>
      <c r="AX387" s="53"/>
      <c r="AY387" s="53"/>
      <c r="AZ387" s="53"/>
      <c r="BA387" s="53"/>
      <c r="BB387" s="53"/>
      <c r="BC387" s="53"/>
      <c r="BD387" s="53"/>
      <c r="BE387" s="53"/>
      <c r="BF387" s="53"/>
      <c r="BG387" s="53"/>
      <c r="BH387" s="53"/>
      <c r="BI387" s="53"/>
      <c r="BJ387" s="53"/>
      <c r="BK387" s="53"/>
      <c r="BL387" s="53"/>
      <c r="BM387" s="53"/>
      <c r="BN387" s="53"/>
      <c r="BO387" s="53"/>
      <c r="BP387" s="53"/>
      <c r="BQ387" s="53"/>
      <c r="BR387" s="53"/>
      <c r="BS387" s="53"/>
      <c r="BT387" s="53"/>
      <c r="BU387" s="53"/>
      <c r="BV387" s="53"/>
      <c r="BW387" s="53"/>
      <c r="BX387" s="53"/>
      <c r="BY387" s="53"/>
      <c r="BZ387" s="53"/>
      <c r="CA387" s="53"/>
      <c r="CB387" s="53"/>
      <c r="CC387" s="53"/>
      <c r="CD387" s="53"/>
      <c r="CE387" s="53"/>
      <c r="CF387" s="53"/>
      <c r="CG387" s="53"/>
      <c r="CH387" s="53"/>
      <c r="CI387" s="53"/>
      <c r="CJ387" s="53"/>
      <c r="CK387" s="53"/>
      <c r="CL387" s="53"/>
      <c r="CM387" s="53"/>
      <c r="CN387" s="53"/>
    </row>
    <row r="388" spans="1:92" outlineLevel="1">
      <c r="A388" s="52" t="s">
        <v>1290</v>
      </c>
      <c r="B388" s="53">
        <v>341808660.50999999</v>
      </c>
      <c r="C388" s="53">
        <v>343826959.81</v>
      </c>
      <c r="D388" s="53">
        <v>344931245.24999899</v>
      </c>
      <c r="E388" s="53">
        <v>351052500.03999901</v>
      </c>
      <c r="F388" s="53">
        <v>362732187.43000001</v>
      </c>
      <c r="G388" s="53">
        <v>354517211.92000002</v>
      </c>
      <c r="H388" s="53">
        <v>371248583.04000002</v>
      </c>
      <c r="I388" s="53">
        <v>375637091.799999</v>
      </c>
      <c r="J388" s="53">
        <v>380762443.61000001</v>
      </c>
      <c r="K388" s="53">
        <v>386623387.93000001</v>
      </c>
      <c r="L388" s="53">
        <v>398600235.59999901</v>
      </c>
      <c r="M388" s="53">
        <v>413201665.31999999</v>
      </c>
      <c r="N388" s="53">
        <v>413201665.31999999</v>
      </c>
      <c r="O388" s="53">
        <v>400189671.46656603</v>
      </c>
      <c r="P388" s="53">
        <v>400189671.46656603</v>
      </c>
      <c r="Q388" s="53">
        <v>400189671.46656603</v>
      </c>
      <c r="R388" s="53">
        <v>400189671.46656603</v>
      </c>
      <c r="S388" s="53">
        <v>400189671.46656603</v>
      </c>
      <c r="T388" s="53">
        <v>400189671.46656603</v>
      </c>
      <c r="U388" s="53">
        <v>400189671.46656603</v>
      </c>
      <c r="V388" s="53">
        <v>400189671.46656603</v>
      </c>
      <c r="W388" s="53">
        <v>400189671.46656603</v>
      </c>
      <c r="X388" s="53">
        <v>400189671.46656603</v>
      </c>
      <c r="Y388" s="53">
        <v>400189671.46656603</v>
      </c>
      <c r="Z388" s="53">
        <v>400189671.46656603</v>
      </c>
      <c r="AA388" s="53">
        <v>400189671.46656603</v>
      </c>
      <c r="AB388" s="53">
        <v>400189671.46656603</v>
      </c>
      <c r="AC388" s="53">
        <v>400189671.46656603</v>
      </c>
      <c r="AD388" s="53">
        <v>400189671.46656603</v>
      </c>
      <c r="AE388" s="53">
        <v>400189671.46656603</v>
      </c>
      <c r="AF388" s="53">
        <v>400189671.46656603</v>
      </c>
      <c r="AG388" s="53">
        <v>400189671.46656603</v>
      </c>
      <c r="AH388" s="53">
        <v>400189671.46656603</v>
      </c>
      <c r="AI388" s="53">
        <v>400189671.46656603</v>
      </c>
      <c r="AJ388" s="53">
        <v>400189671.46656603</v>
      </c>
      <c r="AK388" s="53">
        <v>400189671.46656603</v>
      </c>
      <c r="AL388" s="53">
        <v>400189671.46656603</v>
      </c>
      <c r="AM388" s="53">
        <v>400189671.46656603</v>
      </c>
      <c r="AN388" s="53">
        <v>400189671.46656603</v>
      </c>
      <c r="AO388" s="53">
        <v>400189671.46656603</v>
      </c>
      <c r="AP388" s="53">
        <v>400189671.46656603</v>
      </c>
      <c r="AQ388" s="53">
        <v>400189671.46656603</v>
      </c>
      <c r="AR388" s="53">
        <v>400189671.46656603</v>
      </c>
      <c r="AS388" s="53">
        <v>400189671.46656603</v>
      </c>
      <c r="AT388" s="53">
        <v>400189671.46656603</v>
      </c>
      <c r="AU388" s="53">
        <v>400189671.46656603</v>
      </c>
      <c r="AV388" s="53">
        <v>400189671.46656603</v>
      </c>
      <c r="AW388" s="53">
        <v>400189671.46656603</v>
      </c>
      <c r="AX388" s="53">
        <v>400189671.46656603</v>
      </c>
      <c r="AY388" s="53">
        <v>400189671.46656603</v>
      </c>
      <c r="AZ388" s="53">
        <v>400189671.46656603</v>
      </c>
      <c r="BA388" s="53">
        <v>400189671.46656603</v>
      </c>
      <c r="BB388" s="53">
        <v>400189671.46656603</v>
      </c>
      <c r="BC388" s="53">
        <v>400189671.46656603</v>
      </c>
      <c r="BD388" s="53">
        <v>400189671.46656603</v>
      </c>
      <c r="BE388" s="53">
        <v>400189671.46656603</v>
      </c>
      <c r="BF388" s="53">
        <v>400189671.46656603</v>
      </c>
      <c r="BG388" s="53">
        <v>400189671.46656603</v>
      </c>
      <c r="BH388" s="53">
        <v>400189671.46656603</v>
      </c>
      <c r="BI388" s="53">
        <v>400189671.46656603</v>
      </c>
      <c r="BJ388" s="53">
        <v>400189671.46656603</v>
      </c>
      <c r="BK388" s="53">
        <v>400189671.46656603</v>
      </c>
      <c r="BL388" s="53">
        <v>400189671.46656603</v>
      </c>
      <c r="BM388" s="53">
        <v>400189671.46656603</v>
      </c>
      <c r="BN388" s="53">
        <v>400189671.46656603</v>
      </c>
      <c r="BO388" s="53">
        <v>400189671.46656603</v>
      </c>
      <c r="BP388" s="53">
        <v>400189671.46656603</v>
      </c>
      <c r="BQ388" s="53">
        <v>400189671.46656603</v>
      </c>
      <c r="BR388" s="53">
        <v>400189671.46656603</v>
      </c>
      <c r="BS388" s="53">
        <v>400189671.46656603</v>
      </c>
      <c r="BT388" s="53">
        <v>400189671.46656603</v>
      </c>
      <c r="BU388" s="53">
        <v>400189671.46656603</v>
      </c>
      <c r="BV388" s="53">
        <v>400189671.46656603</v>
      </c>
      <c r="BW388" s="53">
        <v>400189671.46656603</v>
      </c>
      <c r="BX388" s="53">
        <v>400189671.46656603</v>
      </c>
      <c r="BY388" s="53">
        <v>400189671.46656603</v>
      </c>
      <c r="BZ388" s="53">
        <v>400189671.46656603</v>
      </c>
      <c r="CA388" s="53">
        <v>400189671.46656603</v>
      </c>
      <c r="CB388" s="53">
        <v>65431533.586043403</v>
      </c>
      <c r="CC388" s="53">
        <v>65431533.586043403</v>
      </c>
      <c r="CD388" s="53">
        <v>65431533.586043403</v>
      </c>
      <c r="CE388" s="53">
        <v>65431533.586043403</v>
      </c>
      <c r="CF388" s="53">
        <v>65431533.586043403</v>
      </c>
      <c r="CG388" s="53">
        <v>65431533.586043403</v>
      </c>
      <c r="CH388" s="53">
        <v>65431533.586043403</v>
      </c>
      <c r="CI388" s="53">
        <v>65431533.586043403</v>
      </c>
      <c r="CJ388" s="53">
        <v>65431533.586043403</v>
      </c>
      <c r="CK388" s="53">
        <v>65431533.586043403</v>
      </c>
      <c r="CL388" s="53">
        <v>65431533.586043403</v>
      </c>
      <c r="CM388" s="53">
        <v>65431533.586043403</v>
      </c>
      <c r="CN388" s="53">
        <v>65431533.586043403</v>
      </c>
    </row>
    <row r="389" spans="1:92" outlineLevel="1">
      <c r="A389" s="52" t="s">
        <v>1218</v>
      </c>
      <c r="B389" s="53">
        <v>73223565.000000104</v>
      </c>
      <c r="C389" s="53">
        <v>67403598.3499998</v>
      </c>
      <c r="D389" s="53">
        <v>55835611.979999803</v>
      </c>
      <c r="E389" s="53">
        <v>55614038.899999999</v>
      </c>
      <c r="F389" s="53">
        <v>50031586.649999902</v>
      </c>
      <c r="G389" s="53">
        <v>45746364.059999801</v>
      </c>
      <c r="H389" s="53">
        <v>52713226.499999799</v>
      </c>
      <c r="I389" s="53">
        <v>72204165.450000197</v>
      </c>
      <c r="J389" s="53">
        <v>90530094.069999799</v>
      </c>
      <c r="K389" s="53">
        <v>115426954.42</v>
      </c>
      <c r="L389" s="53">
        <v>109984776.639999</v>
      </c>
      <c r="M389" s="53">
        <v>92435788.019999802</v>
      </c>
      <c r="N389" s="53">
        <v>73223565.000000104</v>
      </c>
      <c r="O389" s="53">
        <v>90489376.819999605</v>
      </c>
      <c r="P389" s="53">
        <v>89651637.701272398</v>
      </c>
      <c r="Q389" s="53">
        <v>104017769.12239499</v>
      </c>
      <c r="R389" s="53">
        <v>110653882.088737</v>
      </c>
      <c r="S389" s="53">
        <v>110636499.670141</v>
      </c>
      <c r="T389" s="53">
        <v>109316079.508022</v>
      </c>
      <c r="U389" s="53">
        <v>108093316.91259301</v>
      </c>
      <c r="V389" s="53">
        <v>106846383.18538301</v>
      </c>
      <c r="W389" s="53">
        <v>105647764.531828</v>
      </c>
      <c r="X389" s="53">
        <v>104831156.560249</v>
      </c>
      <c r="Y389" s="53">
        <v>104752186.82573199</v>
      </c>
      <c r="Z389" s="53">
        <v>104752186.82573199</v>
      </c>
      <c r="AA389" s="53">
        <v>90489376.819999605</v>
      </c>
      <c r="AB389" s="53">
        <v>104752186.82573199</v>
      </c>
      <c r="AC389" s="53">
        <v>104592789.842214</v>
      </c>
      <c r="AD389" s="53">
        <v>104585134.00152899</v>
      </c>
      <c r="AE389" s="53">
        <v>104585134.00152899</v>
      </c>
      <c r="AF389" s="53">
        <v>104487878.70996501</v>
      </c>
      <c r="AG389" s="53">
        <v>103710961.347334</v>
      </c>
      <c r="AH389" s="53">
        <v>102972772.789901</v>
      </c>
      <c r="AI389" s="53">
        <v>102264769.663481</v>
      </c>
      <c r="AJ389" s="53">
        <v>101452064.05437</v>
      </c>
      <c r="AK389" s="53">
        <v>101045323.22521099</v>
      </c>
      <c r="AL389" s="53">
        <v>100862149.248099</v>
      </c>
      <c r="AM389" s="53">
        <v>100594683.551706</v>
      </c>
      <c r="AN389" s="53">
        <v>104752186.82573199</v>
      </c>
      <c r="AO389" s="53">
        <v>100594683.551706</v>
      </c>
      <c r="AP389" s="53">
        <v>100562769.088879</v>
      </c>
      <c r="AQ389" s="53">
        <v>100554145.149857</v>
      </c>
      <c r="AR389" s="53">
        <v>100232436.392382</v>
      </c>
      <c r="AS389" s="53">
        <v>100082658.009473</v>
      </c>
      <c r="AT389" s="53">
        <v>99741763.485025197</v>
      </c>
      <c r="AU389" s="53">
        <v>99390211.8674936</v>
      </c>
      <c r="AV389" s="53">
        <v>99059995.707565397</v>
      </c>
      <c r="AW389" s="53">
        <v>98828571.609373599</v>
      </c>
      <c r="AX389" s="53">
        <v>98611509.246726796</v>
      </c>
      <c r="AY389" s="53">
        <v>98496724.230884999</v>
      </c>
      <c r="AZ389" s="53">
        <v>98496724.230884999</v>
      </c>
      <c r="BA389" s="53">
        <v>100594683.551706</v>
      </c>
      <c r="BB389" s="53">
        <v>98496724.230884999</v>
      </c>
      <c r="BC389" s="53">
        <v>98441888.875471607</v>
      </c>
      <c r="BD389" s="53">
        <v>98435888.973791003</v>
      </c>
      <c r="BE389" s="53">
        <v>98435888.973791003</v>
      </c>
      <c r="BF389" s="53">
        <v>98432354.312371001</v>
      </c>
      <c r="BG389" s="53">
        <v>97986167.612752795</v>
      </c>
      <c r="BH389" s="53">
        <v>97528561.149081305</v>
      </c>
      <c r="BI389" s="53">
        <v>97089480.254400596</v>
      </c>
      <c r="BJ389" s="53">
        <v>96688397.6023155</v>
      </c>
      <c r="BK389" s="53">
        <v>96346142.846892804</v>
      </c>
      <c r="BL389" s="53">
        <v>95968380.601089597</v>
      </c>
      <c r="BM389" s="53">
        <v>95860373.137725294</v>
      </c>
      <c r="BN389" s="53">
        <v>98496724.230884999</v>
      </c>
      <c r="BO389" s="53">
        <v>95860373.137725294</v>
      </c>
      <c r="BP389" s="53">
        <v>95817561.186864898</v>
      </c>
      <c r="BQ389" s="53">
        <v>95796054.023638293</v>
      </c>
      <c r="BR389" s="53">
        <v>95594800.213235199</v>
      </c>
      <c r="BS389" s="53">
        <v>95592058.872502506</v>
      </c>
      <c r="BT389" s="53">
        <v>95303055.214735493</v>
      </c>
      <c r="BU389" s="53">
        <v>95017374.545266107</v>
      </c>
      <c r="BV389" s="53">
        <v>94729339.731345907</v>
      </c>
      <c r="BW389" s="53">
        <v>94477562.854130998</v>
      </c>
      <c r="BX389" s="53">
        <v>94252450.912872702</v>
      </c>
      <c r="BY389" s="53">
        <v>94084536.456505403</v>
      </c>
      <c r="BZ389" s="53">
        <v>94084536.456505403</v>
      </c>
      <c r="CA389" s="53">
        <v>95860373.137725294</v>
      </c>
      <c r="CB389" s="53">
        <v>333418993.55599898</v>
      </c>
      <c r="CC389" s="53">
        <v>333418993.55599898</v>
      </c>
      <c r="CD389" s="53">
        <v>333418993.55599898</v>
      </c>
      <c r="CE389" s="53">
        <v>333418993.55599898</v>
      </c>
      <c r="CF389" s="53">
        <v>333418993.55599898</v>
      </c>
      <c r="CG389" s="53">
        <v>333418993.55599898</v>
      </c>
      <c r="CH389" s="53">
        <v>333418993.55599898</v>
      </c>
      <c r="CI389" s="53">
        <v>333418993.55599898</v>
      </c>
      <c r="CJ389" s="53">
        <v>333418993.55599898</v>
      </c>
      <c r="CK389" s="53">
        <v>333418993.55599898</v>
      </c>
      <c r="CL389" s="53">
        <v>333418993.55599898</v>
      </c>
      <c r="CM389" s="53">
        <v>333418993.55599898</v>
      </c>
      <c r="CN389" s="53">
        <v>333418993.55599898</v>
      </c>
    </row>
    <row r="390" spans="1:92" outlineLevel="1">
      <c r="A390" s="52" t="s">
        <v>672</v>
      </c>
      <c r="B390" s="53"/>
      <c r="C390" s="53"/>
      <c r="D390" s="53"/>
      <c r="E390" s="53"/>
      <c r="F390" s="53"/>
      <c r="G390" s="53"/>
      <c r="H390" s="53"/>
      <c r="I390" s="53"/>
      <c r="J390" s="53"/>
      <c r="K390" s="53"/>
      <c r="L390" s="53"/>
      <c r="M390" s="53"/>
      <c r="N390" s="53"/>
      <c r="O390" s="53"/>
      <c r="P390" s="53"/>
      <c r="Q390" s="53"/>
      <c r="R390" s="53"/>
      <c r="S390" s="53"/>
      <c r="T390" s="53"/>
      <c r="U390" s="53"/>
      <c r="V390" s="53"/>
      <c r="W390" s="53"/>
      <c r="X390" s="53"/>
      <c r="Y390" s="53"/>
      <c r="Z390" s="53"/>
      <c r="AA390" s="53"/>
      <c r="AB390" s="53"/>
      <c r="AC390" s="53"/>
      <c r="AD390" s="53"/>
      <c r="AE390" s="53"/>
      <c r="AF390" s="53"/>
      <c r="AG390" s="53"/>
      <c r="AH390" s="53"/>
      <c r="AI390" s="53"/>
      <c r="AJ390" s="53"/>
      <c r="AK390" s="53"/>
      <c r="AL390" s="53"/>
      <c r="AM390" s="53"/>
      <c r="AN390" s="53"/>
      <c r="AO390" s="53"/>
      <c r="AP390" s="53"/>
      <c r="AQ390" s="53"/>
      <c r="AR390" s="53"/>
      <c r="AS390" s="53"/>
      <c r="AT390" s="53"/>
      <c r="AU390" s="53"/>
      <c r="AV390" s="53"/>
      <c r="AW390" s="53"/>
      <c r="AX390" s="53"/>
      <c r="AY390" s="53"/>
      <c r="AZ390" s="53"/>
      <c r="BA390" s="53"/>
      <c r="BB390" s="53"/>
      <c r="BC390" s="53"/>
      <c r="BD390" s="53"/>
      <c r="BE390" s="53"/>
      <c r="BF390" s="53"/>
      <c r="BG390" s="53"/>
      <c r="BH390" s="53"/>
      <c r="BI390" s="53"/>
      <c r="BJ390" s="53"/>
      <c r="BK390" s="53"/>
      <c r="BL390" s="53"/>
      <c r="BM390" s="53"/>
      <c r="BN390" s="53"/>
      <c r="BO390" s="53"/>
      <c r="BP390" s="53"/>
      <c r="BQ390" s="53"/>
      <c r="BR390" s="53"/>
      <c r="BS390" s="53"/>
      <c r="BT390" s="53"/>
      <c r="BU390" s="53"/>
      <c r="BV390" s="53"/>
      <c r="BW390" s="53"/>
      <c r="BX390" s="53"/>
      <c r="BY390" s="53"/>
      <c r="BZ390" s="53"/>
      <c r="CA390" s="53"/>
      <c r="CB390" s="53"/>
      <c r="CC390" s="53"/>
      <c r="CD390" s="53"/>
      <c r="CE390" s="53"/>
      <c r="CF390" s="53"/>
      <c r="CG390" s="53"/>
      <c r="CH390" s="53"/>
      <c r="CI390" s="53"/>
      <c r="CJ390" s="53"/>
      <c r="CK390" s="53"/>
      <c r="CL390" s="53"/>
      <c r="CM390" s="53"/>
      <c r="CN390" s="53"/>
    </row>
    <row r="391" spans="1:92" outlineLevel="1">
      <c r="A391" s="52" t="s">
        <v>650</v>
      </c>
      <c r="B391" s="53"/>
      <c r="C391" s="53"/>
      <c r="D391" s="53"/>
      <c r="E391" s="53"/>
      <c r="F391" s="53"/>
      <c r="G391" s="53"/>
      <c r="H391" s="53"/>
      <c r="I391" s="53"/>
      <c r="J391" s="53"/>
      <c r="K391" s="53"/>
      <c r="L391" s="53"/>
      <c r="M391" s="53"/>
      <c r="N391" s="53"/>
      <c r="O391" s="53"/>
      <c r="P391" s="53"/>
      <c r="Q391" s="53"/>
      <c r="R391" s="53"/>
      <c r="S391" s="53"/>
      <c r="T391" s="53"/>
      <c r="U391" s="53"/>
      <c r="V391" s="53"/>
      <c r="W391" s="53"/>
      <c r="X391" s="53"/>
      <c r="Y391" s="53"/>
      <c r="Z391" s="53"/>
      <c r="AA391" s="53"/>
      <c r="AB391" s="53"/>
      <c r="AC391" s="53"/>
      <c r="AD391" s="53"/>
      <c r="AE391" s="53"/>
      <c r="AF391" s="53"/>
      <c r="AG391" s="53"/>
      <c r="AH391" s="53"/>
      <c r="AI391" s="53"/>
      <c r="AJ391" s="53"/>
      <c r="AK391" s="53"/>
      <c r="AL391" s="53"/>
      <c r="AM391" s="53"/>
      <c r="AN391" s="53"/>
      <c r="AO391" s="53"/>
      <c r="AP391" s="53"/>
      <c r="AQ391" s="53"/>
      <c r="AR391" s="53"/>
      <c r="AS391" s="53"/>
      <c r="AT391" s="53"/>
      <c r="AU391" s="53"/>
      <c r="AV391" s="53"/>
      <c r="AW391" s="53"/>
      <c r="AX391" s="53"/>
      <c r="AY391" s="53"/>
      <c r="AZ391" s="53"/>
      <c r="BA391" s="53"/>
      <c r="BB391" s="53"/>
      <c r="BC391" s="53"/>
      <c r="BD391" s="53"/>
      <c r="BE391" s="53"/>
      <c r="BF391" s="53"/>
      <c r="BG391" s="53"/>
      <c r="BH391" s="53"/>
      <c r="BI391" s="53"/>
      <c r="BJ391" s="53"/>
      <c r="BK391" s="53"/>
      <c r="BL391" s="53"/>
      <c r="BM391" s="53"/>
      <c r="BN391" s="53"/>
      <c r="BO391" s="53"/>
      <c r="BP391" s="53"/>
      <c r="BQ391" s="53"/>
      <c r="BR391" s="53"/>
      <c r="BS391" s="53"/>
      <c r="BT391" s="53"/>
      <c r="BU391" s="53"/>
      <c r="BV391" s="53"/>
      <c r="BW391" s="53"/>
      <c r="BX391" s="53"/>
      <c r="BY391" s="53"/>
      <c r="BZ391" s="53"/>
      <c r="CA391" s="53"/>
      <c r="CB391" s="53"/>
      <c r="CC391" s="53"/>
      <c r="CD391" s="53"/>
      <c r="CE391" s="53"/>
      <c r="CF391" s="53"/>
      <c r="CG391" s="53"/>
      <c r="CH391" s="53"/>
      <c r="CI391" s="53"/>
      <c r="CJ391" s="53"/>
      <c r="CK391" s="53"/>
      <c r="CL391" s="53"/>
      <c r="CM391" s="53"/>
      <c r="CN391" s="53"/>
    </row>
    <row r="392" spans="1:92" outlineLevel="1">
      <c r="A392" s="52" t="s">
        <v>1291</v>
      </c>
      <c r="B392" s="53"/>
      <c r="C392" s="53"/>
      <c r="D392" s="53"/>
      <c r="E392" s="53"/>
      <c r="F392" s="53"/>
      <c r="G392" s="53"/>
      <c r="H392" s="53"/>
      <c r="I392" s="53"/>
      <c r="J392" s="53"/>
      <c r="K392" s="53"/>
      <c r="L392" s="53"/>
      <c r="M392" s="53"/>
      <c r="N392" s="53"/>
      <c r="O392" s="53"/>
      <c r="P392" s="53"/>
      <c r="Q392" s="53"/>
      <c r="R392" s="53"/>
      <c r="S392" s="53"/>
      <c r="T392" s="53"/>
      <c r="U392" s="53"/>
      <c r="V392" s="53"/>
      <c r="W392" s="53"/>
      <c r="X392" s="53"/>
      <c r="Y392" s="53"/>
      <c r="Z392" s="53"/>
      <c r="AA392" s="53"/>
      <c r="AB392" s="53"/>
      <c r="AC392" s="53"/>
      <c r="AD392" s="53"/>
      <c r="AE392" s="53"/>
      <c r="AF392" s="53"/>
      <c r="AG392" s="53"/>
      <c r="AH392" s="53"/>
      <c r="AI392" s="53"/>
      <c r="AJ392" s="53"/>
      <c r="AK392" s="53"/>
      <c r="AL392" s="53"/>
      <c r="AM392" s="53"/>
      <c r="AN392" s="53"/>
      <c r="AO392" s="53"/>
      <c r="AP392" s="53"/>
      <c r="AQ392" s="53"/>
      <c r="AR392" s="53"/>
      <c r="AS392" s="53"/>
      <c r="AT392" s="53"/>
      <c r="AU392" s="53"/>
      <c r="AV392" s="53"/>
      <c r="AW392" s="53"/>
      <c r="AX392" s="53"/>
      <c r="AY392" s="53"/>
      <c r="AZ392" s="53"/>
      <c r="BA392" s="53"/>
      <c r="BB392" s="53"/>
      <c r="BC392" s="53"/>
      <c r="BD392" s="53"/>
      <c r="BE392" s="53"/>
      <c r="BF392" s="53"/>
      <c r="BG392" s="53"/>
      <c r="BH392" s="53"/>
      <c r="BI392" s="53"/>
      <c r="BJ392" s="53"/>
      <c r="BK392" s="53"/>
      <c r="BL392" s="53"/>
      <c r="BM392" s="53"/>
      <c r="BN392" s="53"/>
      <c r="BO392" s="53"/>
      <c r="BP392" s="53"/>
      <c r="BQ392" s="53"/>
      <c r="BR392" s="53"/>
      <c r="BS392" s="53"/>
      <c r="BT392" s="53"/>
      <c r="BU392" s="53"/>
      <c r="BV392" s="53"/>
      <c r="BW392" s="53"/>
      <c r="BX392" s="53"/>
      <c r="BY392" s="53"/>
      <c r="BZ392" s="53"/>
      <c r="CA392" s="53"/>
      <c r="CB392" s="53"/>
      <c r="CC392" s="53"/>
      <c r="CD392" s="53"/>
      <c r="CE392" s="53"/>
      <c r="CF392" s="53"/>
      <c r="CG392" s="53"/>
      <c r="CH392" s="53"/>
      <c r="CI392" s="53"/>
      <c r="CJ392" s="53"/>
      <c r="CK392" s="53"/>
      <c r="CL392" s="53"/>
      <c r="CM392" s="53"/>
      <c r="CN392" s="53"/>
    </row>
    <row r="393" spans="1:92" outlineLevel="1">
      <c r="A393" s="52" t="s">
        <v>649</v>
      </c>
      <c r="B393" s="53">
        <v>-720000.74046040897</v>
      </c>
      <c r="C393" s="53">
        <v>-720000.74046040897</v>
      </c>
      <c r="D393" s="53">
        <v>-720000.74046040897</v>
      </c>
      <c r="E393" s="53">
        <v>-720000.74046040897</v>
      </c>
      <c r="F393" s="53">
        <v>-720000.74046040897</v>
      </c>
      <c r="G393" s="53">
        <v>-720000.74046040897</v>
      </c>
      <c r="H393" s="53">
        <v>-720000.74046040897</v>
      </c>
      <c r="I393" s="53">
        <v>-720000.74046040897</v>
      </c>
      <c r="J393" s="53">
        <v>-720000.74046040897</v>
      </c>
      <c r="K393" s="53">
        <v>-720000.74046040897</v>
      </c>
      <c r="L393" s="53">
        <v>-720000.74046040897</v>
      </c>
      <c r="M393" s="53">
        <v>-720000.74046040897</v>
      </c>
      <c r="N393" s="53">
        <v>-8640008.8855249099</v>
      </c>
      <c r="O393" s="53">
        <v>-837739.11872719799</v>
      </c>
      <c r="P393" s="53">
        <v>14366131.421122599</v>
      </c>
      <c r="Q393" s="53">
        <v>6636112.9663426802</v>
      </c>
      <c r="R393" s="53">
        <v>-17382.418596622301</v>
      </c>
      <c r="S393" s="53">
        <v>-1320420.1621185499</v>
      </c>
      <c r="T393" s="53">
        <v>-1222762.59542939</v>
      </c>
      <c r="U393" s="53">
        <v>-1246933.72720965</v>
      </c>
      <c r="V393" s="53">
        <v>-1198618.65355461</v>
      </c>
      <c r="W393" s="53">
        <v>-816607.97157991305</v>
      </c>
      <c r="X393" s="53">
        <v>-78969.734516533194</v>
      </c>
      <c r="Y393" s="53"/>
      <c r="Z393" s="53"/>
      <c r="AA393" s="53">
        <v>14262810.005732801</v>
      </c>
      <c r="AB393" s="53">
        <v>-159396.98351845299</v>
      </c>
      <c r="AC393" s="53">
        <v>-7655.8406842814302</v>
      </c>
      <c r="AD393" s="53"/>
      <c r="AE393" s="53">
        <v>-97255.291564477404</v>
      </c>
      <c r="AF393" s="53">
        <v>-776917.36263051303</v>
      </c>
      <c r="AG393" s="53">
        <v>-738188.55743353197</v>
      </c>
      <c r="AH393" s="53">
        <v>-708003.12641932396</v>
      </c>
      <c r="AI393" s="53">
        <v>-812705.60911089601</v>
      </c>
      <c r="AJ393" s="53">
        <v>-406740.82915997098</v>
      </c>
      <c r="AK393" s="53">
        <v>-183173.97711180101</v>
      </c>
      <c r="AL393" s="53">
        <v>-267465.69639317802</v>
      </c>
      <c r="AM393" s="53"/>
      <c r="AN393" s="53">
        <v>-4157503.27402642</v>
      </c>
      <c r="AO393" s="53">
        <v>-31914.462826986</v>
      </c>
      <c r="AP393" s="53">
        <v>-8623.9390217233395</v>
      </c>
      <c r="AQ393" s="53">
        <v>-321708.75747491699</v>
      </c>
      <c r="AR393" s="53">
        <v>-149778.38290843501</v>
      </c>
      <c r="AS393" s="53">
        <v>-340894.52444876998</v>
      </c>
      <c r="AT393" s="53">
        <v>-351551.61753155699</v>
      </c>
      <c r="AU393" s="53">
        <v>-330216.15992824099</v>
      </c>
      <c r="AV393" s="53">
        <v>-231424.09819176799</v>
      </c>
      <c r="AW393" s="53">
        <v>-217062.36264681499</v>
      </c>
      <c r="AX393" s="53">
        <v>-114785.01584178599</v>
      </c>
      <c r="AY393" s="53"/>
      <c r="AZ393" s="53"/>
      <c r="BA393" s="53">
        <v>-2097959.32082099</v>
      </c>
      <c r="BB393" s="53">
        <v>-54835.355413437399</v>
      </c>
      <c r="BC393" s="53">
        <v>-5999.9016805231804</v>
      </c>
      <c r="BD393" s="53"/>
      <c r="BE393" s="53">
        <v>-3534.66142005345</v>
      </c>
      <c r="BF393" s="53">
        <v>-446186.69961813401</v>
      </c>
      <c r="BG393" s="53">
        <v>-457606.463671531</v>
      </c>
      <c r="BH393" s="53">
        <v>-439080.89468070801</v>
      </c>
      <c r="BI393" s="53">
        <v>-401082.65208509698</v>
      </c>
      <c r="BJ393" s="53">
        <v>-342254.75542270602</v>
      </c>
      <c r="BK393" s="53">
        <v>-377762.24580325698</v>
      </c>
      <c r="BL393" s="53">
        <v>-108007.46336428</v>
      </c>
      <c r="BM393" s="53"/>
      <c r="BN393" s="53">
        <v>-2636351.0931597198</v>
      </c>
      <c r="BO393" s="53">
        <v>-42811.950860384997</v>
      </c>
      <c r="BP393" s="53">
        <v>-21507.163226604502</v>
      </c>
      <c r="BQ393" s="53">
        <v>-201253.810403068</v>
      </c>
      <c r="BR393" s="53">
        <v>-2741.34073271125</v>
      </c>
      <c r="BS393" s="53">
        <v>-289003.657767025</v>
      </c>
      <c r="BT393" s="53">
        <v>-285680.66946936602</v>
      </c>
      <c r="BU393" s="53">
        <v>-288034.81392021099</v>
      </c>
      <c r="BV393" s="53">
        <v>-251776.877214943</v>
      </c>
      <c r="BW393" s="53">
        <v>-225111.941258292</v>
      </c>
      <c r="BX393" s="53">
        <v>-167914.45636721599</v>
      </c>
      <c r="BY393" s="53"/>
      <c r="BZ393" s="53">
        <v>-4270.7639702566703</v>
      </c>
      <c r="CA393" s="53">
        <v>-1780107.44519007</v>
      </c>
      <c r="CB393" s="53"/>
      <c r="CC393" s="53"/>
      <c r="CD393" s="53"/>
      <c r="CE393" s="53"/>
      <c r="CF393" s="53"/>
      <c r="CG393" s="53"/>
      <c r="CH393" s="53"/>
      <c r="CI393" s="53"/>
      <c r="CJ393" s="53"/>
      <c r="CK393" s="53"/>
      <c r="CL393" s="53"/>
      <c r="CM393" s="53"/>
      <c r="CN393" s="53"/>
    </row>
    <row r="394" spans="1:92" outlineLevel="1">
      <c r="A394" s="52" t="s">
        <v>1292</v>
      </c>
      <c r="B394" s="53"/>
      <c r="C394" s="53"/>
      <c r="D394" s="53"/>
      <c r="E394" s="53"/>
      <c r="F394" s="53"/>
      <c r="G394" s="53"/>
      <c r="H394" s="53"/>
      <c r="I394" s="53"/>
      <c r="J394" s="53"/>
      <c r="K394" s="53"/>
      <c r="L394" s="53"/>
      <c r="M394" s="53"/>
      <c r="N394" s="53"/>
      <c r="O394" s="53"/>
      <c r="P394" s="53"/>
      <c r="Q394" s="53"/>
      <c r="R394" s="53"/>
      <c r="S394" s="53"/>
      <c r="T394" s="53"/>
      <c r="U394" s="53"/>
      <c r="V394" s="53"/>
      <c r="W394" s="53"/>
      <c r="X394" s="53"/>
      <c r="Y394" s="53"/>
      <c r="Z394" s="53"/>
      <c r="AA394" s="53"/>
      <c r="AB394" s="53"/>
      <c r="AC394" s="53"/>
      <c r="AD394" s="53"/>
      <c r="AE394" s="53"/>
      <c r="AF394" s="53"/>
      <c r="AG394" s="53"/>
      <c r="AH394" s="53"/>
      <c r="AI394" s="53"/>
      <c r="AJ394" s="53"/>
      <c r="AK394" s="53"/>
      <c r="AL394" s="53"/>
      <c r="AM394" s="53"/>
      <c r="AN394" s="53"/>
      <c r="AO394" s="53"/>
      <c r="AP394" s="53"/>
      <c r="AQ394" s="53"/>
      <c r="AR394" s="53"/>
      <c r="AS394" s="53"/>
      <c r="AT394" s="53"/>
      <c r="AU394" s="53"/>
      <c r="AV394" s="53"/>
      <c r="AW394" s="53"/>
      <c r="AX394" s="53"/>
      <c r="AY394" s="53"/>
      <c r="AZ394" s="53"/>
      <c r="BA394" s="53"/>
      <c r="BB394" s="53"/>
      <c r="BC394" s="53"/>
      <c r="BD394" s="53"/>
      <c r="BE394" s="53"/>
      <c r="BF394" s="53"/>
      <c r="BG394" s="53"/>
      <c r="BH394" s="53"/>
      <c r="BI394" s="53"/>
      <c r="BJ394" s="53"/>
      <c r="BK394" s="53"/>
      <c r="BL394" s="53"/>
      <c r="BM394" s="53"/>
      <c r="BN394" s="53"/>
      <c r="BO394" s="53"/>
      <c r="BP394" s="53"/>
      <c r="BQ394" s="53"/>
      <c r="BR394" s="53"/>
      <c r="BS394" s="53"/>
      <c r="BT394" s="53"/>
      <c r="BU394" s="53"/>
      <c r="BV394" s="53"/>
      <c r="BW394" s="53"/>
      <c r="BX394" s="53"/>
      <c r="BY394" s="53"/>
      <c r="BZ394" s="53"/>
      <c r="CA394" s="53"/>
      <c r="CB394" s="53"/>
      <c r="CC394" s="53"/>
      <c r="CD394" s="53"/>
      <c r="CE394" s="53"/>
      <c r="CF394" s="53"/>
      <c r="CG394" s="53"/>
      <c r="CH394" s="53"/>
      <c r="CI394" s="53"/>
      <c r="CJ394" s="53"/>
      <c r="CK394" s="53"/>
      <c r="CL394" s="53"/>
      <c r="CM394" s="53"/>
      <c r="CN394" s="53"/>
    </row>
    <row r="395" spans="1:92" outlineLevel="1">
      <c r="A395" s="52" t="s">
        <v>649</v>
      </c>
      <c r="B395" s="53">
        <v>228698.20629999999</v>
      </c>
      <c r="C395" s="53">
        <v>117870.7846</v>
      </c>
      <c r="D395" s="53">
        <v>62151.5</v>
      </c>
      <c r="E395" s="53">
        <v>36723.769999999997</v>
      </c>
      <c r="F395" s="53">
        <v>66655.3</v>
      </c>
      <c r="G395" s="53">
        <v>-1206775</v>
      </c>
      <c r="H395" s="53">
        <v>-1170593.8</v>
      </c>
      <c r="I395" s="53">
        <v>-1213492.29999999</v>
      </c>
      <c r="J395" s="53">
        <v>-1231131.8999999999</v>
      </c>
      <c r="K395" s="53">
        <v>-1234847.6000000001</v>
      </c>
      <c r="L395" s="53">
        <v>-1244708.5999999901</v>
      </c>
      <c r="M395" s="53">
        <v>-4505441.3999999901</v>
      </c>
      <c r="N395" s="53">
        <v>-11294891.0390999</v>
      </c>
      <c r="O395" s="53"/>
      <c r="P395" s="53"/>
      <c r="Q395" s="53"/>
      <c r="R395" s="53"/>
      <c r="S395" s="53"/>
      <c r="T395" s="53"/>
      <c r="U395" s="53"/>
      <c r="V395" s="53"/>
      <c r="W395" s="53"/>
      <c r="X395" s="53"/>
      <c r="Y395" s="53"/>
      <c r="Z395" s="53"/>
      <c r="AA395" s="53"/>
      <c r="AB395" s="53"/>
      <c r="AC395" s="53"/>
      <c r="AD395" s="53"/>
      <c r="AE395" s="53"/>
      <c r="AF395" s="53"/>
      <c r="AG395" s="53"/>
      <c r="AH395" s="53"/>
      <c r="AI395" s="53"/>
      <c r="AJ395" s="53"/>
      <c r="AK395" s="53"/>
      <c r="AL395" s="53"/>
      <c r="AM395" s="53"/>
      <c r="AN395" s="53"/>
      <c r="AO395" s="53"/>
      <c r="AP395" s="53"/>
      <c r="AQ395" s="53"/>
      <c r="AR395" s="53"/>
      <c r="AS395" s="53"/>
      <c r="AT395" s="53"/>
      <c r="AU395" s="53"/>
      <c r="AV395" s="53"/>
      <c r="AW395" s="53"/>
      <c r="AX395" s="53"/>
      <c r="AY395" s="53"/>
      <c r="AZ395" s="53"/>
      <c r="BA395" s="53"/>
      <c r="BB395" s="53"/>
      <c r="BC395" s="53"/>
      <c r="BD395" s="53"/>
      <c r="BE395" s="53"/>
      <c r="BF395" s="53"/>
      <c r="BG395" s="53"/>
      <c r="BH395" s="53"/>
      <c r="BI395" s="53"/>
      <c r="BJ395" s="53"/>
      <c r="BK395" s="53"/>
      <c r="BL395" s="53"/>
      <c r="BM395" s="53"/>
      <c r="BN395" s="53"/>
      <c r="BO395" s="53"/>
      <c r="BP395" s="53"/>
      <c r="BQ395" s="53"/>
      <c r="BR395" s="53"/>
      <c r="BS395" s="53"/>
      <c r="BT395" s="53"/>
      <c r="BU395" s="53"/>
      <c r="BV395" s="53"/>
      <c r="BW395" s="53"/>
      <c r="BX395" s="53"/>
      <c r="BY395" s="53"/>
      <c r="BZ395" s="53"/>
      <c r="CA395" s="53"/>
      <c r="CB395" s="53"/>
      <c r="CC395" s="53"/>
      <c r="CD395" s="53"/>
      <c r="CE395" s="53"/>
      <c r="CF395" s="53"/>
      <c r="CG395" s="53"/>
      <c r="CH395" s="53"/>
      <c r="CI395" s="53"/>
      <c r="CJ395" s="53"/>
      <c r="CK395" s="53"/>
      <c r="CL395" s="53"/>
      <c r="CM395" s="53"/>
      <c r="CN395" s="53"/>
    </row>
    <row r="396" spans="1:92" outlineLevel="1">
      <c r="A396" s="52" t="s">
        <v>1293</v>
      </c>
      <c r="B396" s="53">
        <v>67403598.3499998</v>
      </c>
      <c r="C396" s="53">
        <v>55835611.979999803</v>
      </c>
      <c r="D396" s="53">
        <v>55614038.899999999</v>
      </c>
      <c r="E396" s="53">
        <v>50031586.649999902</v>
      </c>
      <c r="F396" s="53">
        <v>45746364.059999801</v>
      </c>
      <c r="G396" s="53">
        <v>52713226.499999799</v>
      </c>
      <c r="H396" s="53">
        <v>72204165.450000197</v>
      </c>
      <c r="I396" s="53">
        <v>90530094.069999799</v>
      </c>
      <c r="J396" s="53">
        <v>115426954.42</v>
      </c>
      <c r="K396" s="53">
        <v>109984776.639999</v>
      </c>
      <c r="L396" s="53">
        <v>92435788.019999802</v>
      </c>
      <c r="M396" s="53">
        <v>90489376.819999605</v>
      </c>
      <c r="N396" s="53">
        <v>90489376.819999605</v>
      </c>
      <c r="O396" s="53">
        <v>89651637.701272398</v>
      </c>
      <c r="P396" s="53">
        <v>104017769.12239499</v>
      </c>
      <c r="Q396" s="53">
        <v>110653882.088737</v>
      </c>
      <c r="R396" s="53">
        <v>110636499.670141</v>
      </c>
      <c r="S396" s="53">
        <v>109316079.508022</v>
      </c>
      <c r="T396" s="53">
        <v>108093316.91259301</v>
      </c>
      <c r="U396" s="53">
        <v>106846383.18538301</v>
      </c>
      <c r="V396" s="53">
        <v>105647764.531828</v>
      </c>
      <c r="W396" s="53">
        <v>104831156.560249</v>
      </c>
      <c r="X396" s="53">
        <v>104752186.82573199</v>
      </c>
      <c r="Y396" s="53">
        <v>104752186.82573199</v>
      </c>
      <c r="Z396" s="53">
        <v>104752186.82573199</v>
      </c>
      <c r="AA396" s="53">
        <v>104752186.82573199</v>
      </c>
      <c r="AB396" s="53">
        <v>104592789.842214</v>
      </c>
      <c r="AC396" s="53">
        <v>104585134.00152899</v>
      </c>
      <c r="AD396" s="53">
        <v>104585134.00152899</v>
      </c>
      <c r="AE396" s="53">
        <v>104487878.70996501</v>
      </c>
      <c r="AF396" s="53">
        <v>103710961.347334</v>
      </c>
      <c r="AG396" s="53">
        <v>102972772.789901</v>
      </c>
      <c r="AH396" s="53">
        <v>102264769.663481</v>
      </c>
      <c r="AI396" s="53">
        <v>101452064.05437</v>
      </c>
      <c r="AJ396" s="53">
        <v>101045323.22521099</v>
      </c>
      <c r="AK396" s="53">
        <v>100862149.248099</v>
      </c>
      <c r="AL396" s="53">
        <v>100594683.551706</v>
      </c>
      <c r="AM396" s="53">
        <v>100594683.551706</v>
      </c>
      <c r="AN396" s="53">
        <v>100594683.551706</v>
      </c>
      <c r="AO396" s="53">
        <v>100562769.088879</v>
      </c>
      <c r="AP396" s="53">
        <v>100554145.149857</v>
      </c>
      <c r="AQ396" s="53">
        <v>100232436.392382</v>
      </c>
      <c r="AR396" s="53">
        <v>100082658.009473</v>
      </c>
      <c r="AS396" s="53">
        <v>99741763.485025197</v>
      </c>
      <c r="AT396" s="53">
        <v>99390211.8674936</v>
      </c>
      <c r="AU396" s="53">
        <v>99059995.707565397</v>
      </c>
      <c r="AV396" s="53">
        <v>98828571.609373599</v>
      </c>
      <c r="AW396" s="53">
        <v>98611509.246726796</v>
      </c>
      <c r="AX396" s="53">
        <v>98496724.230884999</v>
      </c>
      <c r="AY396" s="53">
        <v>98496724.230884999</v>
      </c>
      <c r="AZ396" s="53">
        <v>98496724.230884999</v>
      </c>
      <c r="BA396" s="53">
        <v>98496724.230884999</v>
      </c>
      <c r="BB396" s="53">
        <v>98441888.875471607</v>
      </c>
      <c r="BC396" s="53">
        <v>98435888.973791003</v>
      </c>
      <c r="BD396" s="53">
        <v>98435888.973791003</v>
      </c>
      <c r="BE396" s="53">
        <v>98432354.312371001</v>
      </c>
      <c r="BF396" s="53">
        <v>97986167.612752795</v>
      </c>
      <c r="BG396" s="53">
        <v>97528561.149081305</v>
      </c>
      <c r="BH396" s="53">
        <v>97089480.254400596</v>
      </c>
      <c r="BI396" s="53">
        <v>96688397.6023155</v>
      </c>
      <c r="BJ396" s="53">
        <v>96346142.846892804</v>
      </c>
      <c r="BK396" s="53">
        <v>95968380.601089597</v>
      </c>
      <c r="BL396" s="53">
        <v>95860373.137725294</v>
      </c>
      <c r="BM396" s="53">
        <v>95860373.137725294</v>
      </c>
      <c r="BN396" s="53">
        <v>95860373.137725294</v>
      </c>
      <c r="BO396" s="53">
        <v>95817561.186864898</v>
      </c>
      <c r="BP396" s="53">
        <v>95796054.023638293</v>
      </c>
      <c r="BQ396" s="53">
        <v>95594800.213235199</v>
      </c>
      <c r="BR396" s="53">
        <v>95592058.872502506</v>
      </c>
      <c r="BS396" s="53">
        <v>95303055.214735493</v>
      </c>
      <c r="BT396" s="53">
        <v>95017374.545266107</v>
      </c>
      <c r="BU396" s="53">
        <v>94729339.731345907</v>
      </c>
      <c r="BV396" s="53">
        <v>94477562.854130998</v>
      </c>
      <c r="BW396" s="53">
        <v>94252450.912872702</v>
      </c>
      <c r="BX396" s="53">
        <v>94084536.456505403</v>
      </c>
      <c r="BY396" s="53">
        <v>94084536.456505403</v>
      </c>
      <c r="BZ396" s="53">
        <v>94080265.692535207</v>
      </c>
      <c r="CA396" s="53">
        <v>94080265.692535207</v>
      </c>
      <c r="CB396" s="53">
        <v>333418993.55599898</v>
      </c>
      <c r="CC396" s="53">
        <v>333418993.55599898</v>
      </c>
      <c r="CD396" s="53">
        <v>333418993.55599898</v>
      </c>
      <c r="CE396" s="53">
        <v>333418993.55599898</v>
      </c>
      <c r="CF396" s="53">
        <v>333418993.55599898</v>
      </c>
      <c r="CG396" s="53">
        <v>333418993.55599898</v>
      </c>
      <c r="CH396" s="53">
        <v>333418993.55599898</v>
      </c>
      <c r="CI396" s="53">
        <v>333418993.55599898</v>
      </c>
      <c r="CJ396" s="53">
        <v>333418993.55599898</v>
      </c>
      <c r="CK396" s="53">
        <v>333418993.55599898</v>
      </c>
      <c r="CL396" s="53">
        <v>333418993.55599898</v>
      </c>
      <c r="CM396" s="53">
        <v>333418993.55599898</v>
      </c>
      <c r="CN396" s="53">
        <v>333418993.55599898</v>
      </c>
    </row>
    <row r="397" spans="1:92" outlineLevel="1">
      <c r="A397" s="52" t="s">
        <v>1218</v>
      </c>
      <c r="B397" s="53"/>
      <c r="C397" s="53"/>
      <c r="D397" s="53"/>
      <c r="E397" s="53"/>
      <c r="F397" s="53"/>
      <c r="G397" s="53"/>
      <c r="H397" s="53"/>
      <c r="I397" s="53"/>
      <c r="J397" s="53"/>
      <c r="K397" s="53"/>
      <c r="L397" s="53"/>
      <c r="M397" s="53"/>
      <c r="N397" s="53"/>
      <c r="O397" s="53"/>
      <c r="P397" s="53">
        <v>13011993.853433199</v>
      </c>
      <c r="Q397" s="53">
        <v>13011993.853433199</v>
      </c>
      <c r="R397" s="53">
        <v>13011993.853433199</v>
      </c>
      <c r="S397" s="53">
        <v>13011993.853433199</v>
      </c>
      <c r="T397" s="53">
        <v>13011993.853433199</v>
      </c>
      <c r="U397" s="53">
        <v>13011993.853433199</v>
      </c>
      <c r="V397" s="53">
        <v>13011993.853433199</v>
      </c>
      <c r="W397" s="53">
        <v>13011993.853433199</v>
      </c>
      <c r="X397" s="53">
        <v>13011993.853433199</v>
      </c>
      <c r="Y397" s="53">
        <v>13011993.853433199</v>
      </c>
      <c r="Z397" s="53">
        <v>13011993.853433199</v>
      </c>
      <c r="AA397" s="53"/>
      <c r="AB397" s="53">
        <v>13011993.853433199</v>
      </c>
      <c r="AC397" s="53">
        <v>13011993.853433199</v>
      </c>
      <c r="AD397" s="53">
        <v>13011993.853433199</v>
      </c>
      <c r="AE397" s="53">
        <v>13011993.853433199</v>
      </c>
      <c r="AF397" s="53">
        <v>13011993.853433199</v>
      </c>
      <c r="AG397" s="53">
        <v>13011993.853433199</v>
      </c>
      <c r="AH397" s="53">
        <v>13011993.853433199</v>
      </c>
      <c r="AI397" s="53">
        <v>13011993.853433199</v>
      </c>
      <c r="AJ397" s="53">
        <v>13011993.853433199</v>
      </c>
      <c r="AK397" s="53">
        <v>13011993.853433199</v>
      </c>
      <c r="AL397" s="53">
        <v>13011993.853433199</v>
      </c>
      <c r="AM397" s="53">
        <v>13011993.853433199</v>
      </c>
      <c r="AN397" s="53">
        <v>13011993.853433199</v>
      </c>
      <c r="AO397" s="53">
        <v>13011993.853433199</v>
      </c>
      <c r="AP397" s="53">
        <v>13011993.853433199</v>
      </c>
      <c r="AQ397" s="53">
        <v>13011993.853433199</v>
      </c>
      <c r="AR397" s="53">
        <v>13011993.853433199</v>
      </c>
      <c r="AS397" s="53">
        <v>13011993.853433199</v>
      </c>
      <c r="AT397" s="53">
        <v>13011993.853433199</v>
      </c>
      <c r="AU397" s="53">
        <v>13011993.853433199</v>
      </c>
      <c r="AV397" s="53">
        <v>13011993.853433199</v>
      </c>
      <c r="AW397" s="53">
        <v>13011993.853433199</v>
      </c>
      <c r="AX397" s="53">
        <v>13011993.853433199</v>
      </c>
      <c r="AY397" s="53">
        <v>13011993.853433199</v>
      </c>
      <c r="AZ397" s="53">
        <v>13011993.853433199</v>
      </c>
      <c r="BA397" s="53">
        <v>13011993.853433199</v>
      </c>
      <c r="BB397" s="53">
        <v>13011993.853433199</v>
      </c>
      <c r="BC397" s="53">
        <v>13011993.853433199</v>
      </c>
      <c r="BD397" s="53">
        <v>13011993.853433199</v>
      </c>
      <c r="BE397" s="53">
        <v>13011993.853433199</v>
      </c>
      <c r="BF397" s="53">
        <v>13011993.853433199</v>
      </c>
      <c r="BG397" s="53">
        <v>13011993.853433199</v>
      </c>
      <c r="BH397" s="53">
        <v>13011993.853433199</v>
      </c>
      <c r="BI397" s="53">
        <v>13011993.853433199</v>
      </c>
      <c r="BJ397" s="53">
        <v>13011993.853433199</v>
      </c>
      <c r="BK397" s="53">
        <v>13011993.853433199</v>
      </c>
      <c r="BL397" s="53">
        <v>13011993.853433199</v>
      </c>
      <c r="BM397" s="53">
        <v>13011993.853433199</v>
      </c>
      <c r="BN397" s="53">
        <v>13011993.853433199</v>
      </c>
      <c r="BO397" s="53">
        <v>13011993.853433199</v>
      </c>
      <c r="BP397" s="53">
        <v>13011993.853433199</v>
      </c>
      <c r="BQ397" s="53">
        <v>13011993.853433199</v>
      </c>
      <c r="BR397" s="53">
        <v>13011993.853433199</v>
      </c>
      <c r="BS397" s="53">
        <v>13011993.853433199</v>
      </c>
      <c r="BT397" s="53">
        <v>13011993.853433199</v>
      </c>
      <c r="BU397" s="53">
        <v>13011993.853433199</v>
      </c>
      <c r="BV397" s="53">
        <v>13011993.853433199</v>
      </c>
      <c r="BW397" s="53">
        <v>13011993.853433199</v>
      </c>
      <c r="BX397" s="53">
        <v>13011993.853433199</v>
      </c>
      <c r="BY397" s="53">
        <v>13011993.853433199</v>
      </c>
      <c r="BZ397" s="53">
        <v>13011993.853433199</v>
      </c>
      <c r="CA397" s="53">
        <v>13011993.853433199</v>
      </c>
      <c r="CB397" s="53">
        <v>54563630.185375102</v>
      </c>
      <c r="CC397" s="53">
        <v>54563630.185375102</v>
      </c>
      <c r="CD397" s="53">
        <v>54563630.185375102</v>
      </c>
      <c r="CE397" s="53">
        <v>54563630.185375102</v>
      </c>
      <c r="CF397" s="53">
        <v>54563630.185375102</v>
      </c>
      <c r="CG397" s="53">
        <v>54563630.185375102</v>
      </c>
      <c r="CH397" s="53">
        <v>54563630.185375102</v>
      </c>
      <c r="CI397" s="53">
        <v>54563630.185375102</v>
      </c>
      <c r="CJ397" s="53">
        <v>54563630.185375102</v>
      </c>
      <c r="CK397" s="53">
        <v>54563630.185375102</v>
      </c>
      <c r="CL397" s="53">
        <v>54563630.185375102</v>
      </c>
      <c r="CM397" s="53">
        <v>54563630.185375102</v>
      </c>
      <c r="CN397" s="53">
        <v>54563630.185375102</v>
      </c>
    </row>
    <row r="398" spans="1:92" outlineLevel="1">
      <c r="A398" s="52" t="s">
        <v>672</v>
      </c>
      <c r="B398" s="53"/>
      <c r="C398" s="53"/>
      <c r="D398" s="53"/>
      <c r="E398" s="53"/>
      <c r="F398" s="53"/>
      <c r="G398" s="53"/>
      <c r="H398" s="53"/>
      <c r="I398" s="53"/>
      <c r="J398" s="53"/>
      <c r="K398" s="53"/>
      <c r="L398" s="53"/>
      <c r="M398" s="53"/>
      <c r="N398" s="53"/>
      <c r="O398" s="53"/>
      <c r="P398" s="53"/>
      <c r="Q398" s="53"/>
      <c r="R398" s="53"/>
      <c r="S398" s="53"/>
      <c r="T398" s="53"/>
      <c r="U398" s="53"/>
      <c r="V398" s="53"/>
      <c r="W398" s="53"/>
      <c r="X398" s="53"/>
      <c r="Y398" s="53"/>
      <c r="Z398" s="53"/>
      <c r="AA398" s="53"/>
      <c r="AB398" s="53"/>
      <c r="AC398" s="53"/>
      <c r="AD398" s="53"/>
      <c r="AE398" s="53"/>
      <c r="AF398" s="53"/>
      <c r="AG398" s="53"/>
      <c r="AH398" s="53"/>
      <c r="AI398" s="53"/>
      <c r="AJ398" s="53"/>
      <c r="AK398" s="53"/>
      <c r="AL398" s="53"/>
      <c r="AM398" s="53"/>
      <c r="AN398" s="53"/>
      <c r="AO398" s="53"/>
      <c r="AP398" s="53"/>
      <c r="AQ398" s="53"/>
      <c r="AR398" s="53"/>
      <c r="AS398" s="53"/>
      <c r="AT398" s="53"/>
      <c r="AU398" s="53"/>
      <c r="AV398" s="53"/>
      <c r="AW398" s="53"/>
      <c r="AX398" s="53"/>
      <c r="AY398" s="53"/>
      <c r="AZ398" s="53"/>
      <c r="BA398" s="53"/>
      <c r="BB398" s="53"/>
      <c r="BC398" s="53"/>
      <c r="BD398" s="53"/>
      <c r="BE398" s="53"/>
      <c r="BF398" s="53"/>
      <c r="BG398" s="53"/>
      <c r="BH398" s="53"/>
      <c r="BI398" s="53"/>
      <c r="BJ398" s="53"/>
      <c r="BK398" s="53"/>
      <c r="BL398" s="53"/>
      <c r="BM398" s="53"/>
      <c r="BN398" s="53"/>
      <c r="BO398" s="53"/>
      <c r="BP398" s="53"/>
      <c r="BQ398" s="53"/>
      <c r="BR398" s="53"/>
      <c r="BS398" s="53"/>
      <c r="BT398" s="53"/>
      <c r="BU398" s="53"/>
      <c r="BV398" s="53"/>
      <c r="BW398" s="53"/>
      <c r="BX398" s="53"/>
      <c r="BY398" s="53"/>
      <c r="BZ398" s="53"/>
      <c r="CA398" s="53"/>
      <c r="CB398" s="53"/>
      <c r="CC398" s="53"/>
      <c r="CD398" s="53"/>
      <c r="CE398" s="53"/>
      <c r="CF398" s="53"/>
      <c r="CG398" s="53"/>
      <c r="CH398" s="53"/>
      <c r="CI398" s="53"/>
      <c r="CJ398" s="53"/>
      <c r="CK398" s="53"/>
      <c r="CL398" s="53"/>
      <c r="CM398" s="53"/>
      <c r="CN398" s="53"/>
    </row>
    <row r="399" spans="1:92" outlineLevel="1">
      <c r="A399" s="52" t="s">
        <v>650</v>
      </c>
      <c r="B399" s="53"/>
      <c r="C399" s="53"/>
      <c r="D399" s="53"/>
      <c r="E399" s="53"/>
      <c r="F399" s="53"/>
      <c r="G399" s="53"/>
      <c r="H399" s="53"/>
      <c r="I399" s="53"/>
      <c r="J399" s="53"/>
      <c r="K399" s="53"/>
      <c r="L399" s="53"/>
      <c r="M399" s="53"/>
      <c r="N399" s="53"/>
      <c r="O399" s="53"/>
      <c r="P399" s="53"/>
      <c r="Q399" s="53"/>
      <c r="R399" s="53"/>
      <c r="S399" s="53"/>
      <c r="T399" s="53"/>
      <c r="U399" s="53"/>
      <c r="V399" s="53"/>
      <c r="W399" s="53"/>
      <c r="X399" s="53"/>
      <c r="Y399" s="53"/>
      <c r="Z399" s="53"/>
      <c r="AA399" s="53"/>
      <c r="AB399" s="53"/>
      <c r="AC399" s="53"/>
      <c r="AD399" s="53"/>
      <c r="AE399" s="53"/>
      <c r="AF399" s="53"/>
      <c r="AG399" s="53"/>
      <c r="AH399" s="53"/>
      <c r="AI399" s="53"/>
      <c r="AJ399" s="53"/>
      <c r="AK399" s="53"/>
      <c r="AL399" s="53"/>
      <c r="AM399" s="53"/>
      <c r="AN399" s="53"/>
      <c r="AO399" s="53"/>
      <c r="AP399" s="53"/>
      <c r="AQ399" s="53"/>
      <c r="AR399" s="53"/>
      <c r="AS399" s="53"/>
      <c r="AT399" s="53"/>
      <c r="AU399" s="53"/>
      <c r="AV399" s="53"/>
      <c r="AW399" s="53"/>
      <c r="AX399" s="53"/>
      <c r="AY399" s="53"/>
      <c r="AZ399" s="53"/>
      <c r="BA399" s="53"/>
      <c r="BB399" s="53"/>
      <c r="BC399" s="53"/>
      <c r="BD399" s="53"/>
      <c r="BE399" s="53"/>
      <c r="BF399" s="53"/>
      <c r="BG399" s="53"/>
      <c r="BH399" s="53"/>
      <c r="BI399" s="53"/>
      <c r="BJ399" s="53"/>
      <c r="BK399" s="53"/>
      <c r="BL399" s="53"/>
      <c r="BM399" s="53"/>
      <c r="BN399" s="53"/>
      <c r="BO399" s="53"/>
      <c r="BP399" s="53"/>
      <c r="BQ399" s="53"/>
      <c r="BR399" s="53"/>
      <c r="BS399" s="53"/>
      <c r="BT399" s="53"/>
      <c r="BU399" s="53"/>
      <c r="BV399" s="53"/>
      <c r="BW399" s="53"/>
      <c r="BX399" s="53"/>
      <c r="BY399" s="53"/>
      <c r="BZ399" s="53"/>
      <c r="CA399" s="53"/>
      <c r="CB399" s="53"/>
      <c r="CC399" s="53"/>
      <c r="CD399" s="53"/>
      <c r="CE399" s="53"/>
      <c r="CF399" s="53"/>
      <c r="CG399" s="53"/>
      <c r="CH399" s="53"/>
      <c r="CI399" s="53"/>
      <c r="CJ399" s="53"/>
      <c r="CK399" s="53"/>
      <c r="CL399" s="53"/>
      <c r="CM399" s="53"/>
      <c r="CN399" s="53"/>
    </row>
    <row r="400" spans="1:92">
      <c r="A400" s="52" t="s">
        <v>1294</v>
      </c>
      <c r="B400" s="53"/>
      <c r="C400" s="53"/>
      <c r="D400" s="53"/>
      <c r="E400" s="53"/>
      <c r="F400" s="53"/>
      <c r="G400" s="53"/>
      <c r="H400" s="53"/>
      <c r="I400" s="53"/>
      <c r="J400" s="53"/>
      <c r="K400" s="53"/>
      <c r="L400" s="53"/>
      <c r="M400" s="53"/>
      <c r="N400" s="53"/>
      <c r="O400" s="53"/>
      <c r="P400" s="53"/>
      <c r="Q400" s="53"/>
      <c r="R400" s="53"/>
      <c r="S400" s="53"/>
      <c r="T400" s="53"/>
      <c r="U400" s="53"/>
      <c r="V400" s="53"/>
      <c r="W400" s="53"/>
      <c r="X400" s="53"/>
      <c r="Y400" s="53"/>
      <c r="Z400" s="53"/>
      <c r="AA400" s="53"/>
      <c r="AB400" s="53"/>
      <c r="AC400" s="53"/>
      <c r="AD400" s="53"/>
      <c r="AE400" s="53"/>
      <c r="AF400" s="53"/>
      <c r="AG400" s="53"/>
      <c r="AH400" s="53"/>
      <c r="AI400" s="53"/>
      <c r="AJ400" s="53"/>
      <c r="AK400" s="53"/>
      <c r="AL400" s="53"/>
      <c r="AM400" s="53"/>
      <c r="AN400" s="53"/>
      <c r="AO400" s="53"/>
      <c r="AP400" s="53"/>
      <c r="AQ400" s="53"/>
      <c r="AR400" s="53"/>
      <c r="AS400" s="53"/>
      <c r="AT400" s="53"/>
      <c r="AU400" s="53"/>
      <c r="AV400" s="53"/>
      <c r="AW400" s="53"/>
      <c r="AX400" s="53"/>
      <c r="AY400" s="53"/>
      <c r="AZ400" s="53"/>
      <c r="BA400" s="53"/>
      <c r="BB400" s="53"/>
      <c r="BC400" s="53"/>
      <c r="BD400" s="53"/>
      <c r="BE400" s="53"/>
      <c r="BF400" s="53"/>
      <c r="BG400" s="53"/>
      <c r="BH400" s="53"/>
      <c r="BI400" s="53"/>
      <c r="BJ400" s="53"/>
      <c r="BK400" s="53"/>
      <c r="BL400" s="53"/>
      <c r="BM400" s="53"/>
      <c r="BN400" s="53"/>
      <c r="BO400" s="53"/>
      <c r="BP400" s="53"/>
      <c r="BQ400" s="53"/>
      <c r="BR400" s="53"/>
      <c r="BS400" s="53"/>
      <c r="BT400" s="53"/>
      <c r="BU400" s="53"/>
      <c r="BV400" s="53"/>
      <c r="BW400" s="53"/>
      <c r="BX400" s="53"/>
      <c r="BY400" s="53"/>
      <c r="BZ400" s="53"/>
      <c r="CA400" s="53"/>
      <c r="CB400" s="53"/>
      <c r="CC400" s="53"/>
      <c r="CD400" s="53"/>
      <c r="CE400" s="53"/>
      <c r="CF400" s="53"/>
      <c r="CG400" s="53"/>
      <c r="CH400" s="53"/>
      <c r="CI400" s="53"/>
      <c r="CJ400" s="53"/>
      <c r="CK400" s="53"/>
      <c r="CL400" s="53"/>
      <c r="CM400" s="53"/>
      <c r="CN400" s="53"/>
    </row>
    <row r="401" spans="1:92">
      <c r="A401" s="52" t="s">
        <v>649</v>
      </c>
      <c r="B401" s="53"/>
      <c r="C401" s="53"/>
      <c r="D401" s="53"/>
      <c r="E401" s="53"/>
      <c r="F401" s="53"/>
      <c r="G401" s="53"/>
      <c r="H401" s="53"/>
      <c r="I401" s="53"/>
      <c r="J401" s="53"/>
      <c r="K401" s="53"/>
      <c r="L401" s="53"/>
      <c r="M401" s="53"/>
      <c r="N401" s="53"/>
      <c r="O401" s="53">
        <v>13011993.853433199</v>
      </c>
      <c r="P401" s="53"/>
      <c r="Q401" s="53"/>
      <c r="R401" s="53"/>
      <c r="S401" s="53"/>
      <c r="T401" s="53"/>
      <c r="U401" s="53"/>
      <c r="V401" s="53"/>
      <c r="W401" s="53"/>
      <c r="X401" s="53"/>
      <c r="Y401" s="53"/>
      <c r="Z401" s="53"/>
      <c r="AA401" s="53">
        <v>13011993.853433199</v>
      </c>
      <c r="AB401" s="53"/>
      <c r="AC401" s="53"/>
      <c r="AD401" s="53"/>
      <c r="AE401" s="53"/>
      <c r="AF401" s="53"/>
      <c r="AG401" s="53"/>
      <c r="AH401" s="53"/>
      <c r="AI401" s="53"/>
      <c r="AJ401" s="53"/>
      <c r="AK401" s="53"/>
      <c r="AL401" s="53"/>
      <c r="AM401" s="53"/>
      <c r="AN401" s="53"/>
      <c r="AO401" s="53"/>
      <c r="AP401" s="53"/>
      <c r="AQ401" s="53"/>
      <c r="AR401" s="53"/>
      <c r="AS401" s="53"/>
      <c r="AT401" s="53"/>
      <c r="AU401" s="53"/>
      <c r="AV401" s="53"/>
      <c r="AW401" s="53"/>
      <c r="AX401" s="53"/>
      <c r="AY401" s="53"/>
      <c r="AZ401" s="53"/>
      <c r="BA401" s="53"/>
      <c r="BB401" s="53"/>
      <c r="BC401" s="53"/>
      <c r="BD401" s="53"/>
      <c r="BE401" s="53"/>
      <c r="BF401" s="53"/>
      <c r="BG401" s="53"/>
      <c r="BH401" s="53"/>
      <c r="BI401" s="53"/>
      <c r="BJ401" s="53"/>
      <c r="BK401" s="53"/>
      <c r="BL401" s="53"/>
      <c r="BM401" s="53"/>
      <c r="BN401" s="53"/>
      <c r="BO401" s="53"/>
      <c r="BP401" s="53"/>
      <c r="BQ401" s="53"/>
      <c r="BR401" s="53"/>
      <c r="BS401" s="53"/>
      <c r="BT401" s="53"/>
      <c r="BU401" s="53"/>
      <c r="BV401" s="53"/>
      <c r="BW401" s="53"/>
      <c r="BX401" s="53"/>
      <c r="BY401" s="53"/>
      <c r="BZ401" s="53"/>
      <c r="CA401" s="53"/>
      <c r="CB401" s="53"/>
      <c r="CC401" s="53"/>
      <c r="CD401" s="53"/>
      <c r="CE401" s="53"/>
      <c r="CF401" s="53"/>
      <c r="CG401" s="53"/>
      <c r="CH401" s="53"/>
      <c r="CI401" s="53"/>
      <c r="CJ401" s="53"/>
      <c r="CK401" s="53"/>
      <c r="CL401" s="53"/>
      <c r="CM401" s="53"/>
      <c r="CN401" s="53"/>
    </row>
    <row r="402" spans="1:92" outlineLevel="1">
      <c r="A402" s="52" t="s">
        <v>1295</v>
      </c>
      <c r="B402" s="53">
        <v>0</v>
      </c>
      <c r="C402" s="53">
        <v>0</v>
      </c>
      <c r="D402" s="53">
        <v>0</v>
      </c>
      <c r="E402" s="53">
        <v>0</v>
      </c>
      <c r="F402" s="53">
        <v>0</v>
      </c>
      <c r="G402" s="53">
        <v>0</v>
      </c>
      <c r="H402" s="53">
        <v>0</v>
      </c>
      <c r="I402" s="53">
        <v>0</v>
      </c>
      <c r="J402" s="53">
        <v>0</v>
      </c>
      <c r="K402" s="53">
        <v>0</v>
      </c>
      <c r="L402" s="53">
        <v>0</v>
      </c>
      <c r="M402" s="53">
        <v>0</v>
      </c>
      <c r="N402" s="53">
        <v>0</v>
      </c>
      <c r="O402" s="53">
        <v>13011993.853433199</v>
      </c>
      <c r="P402" s="53">
        <v>13011993.853433199</v>
      </c>
      <c r="Q402" s="53">
        <v>13011993.853433199</v>
      </c>
      <c r="R402" s="53">
        <v>13011993.853433199</v>
      </c>
      <c r="S402" s="53">
        <v>13011993.853433199</v>
      </c>
      <c r="T402" s="53">
        <v>13011993.853433199</v>
      </c>
      <c r="U402" s="53">
        <v>13011993.853433199</v>
      </c>
      <c r="V402" s="53">
        <v>13011993.853433199</v>
      </c>
      <c r="W402" s="53">
        <v>13011993.853433199</v>
      </c>
      <c r="X402" s="53">
        <v>13011993.853433199</v>
      </c>
      <c r="Y402" s="53">
        <v>13011993.853433199</v>
      </c>
      <c r="Z402" s="53">
        <v>13011993.853433199</v>
      </c>
      <c r="AA402" s="53">
        <v>13011993.853433199</v>
      </c>
      <c r="AB402" s="53">
        <v>13011993.853433199</v>
      </c>
      <c r="AC402" s="53">
        <v>13011993.853433199</v>
      </c>
      <c r="AD402" s="53">
        <v>13011993.853433199</v>
      </c>
      <c r="AE402" s="53">
        <v>13011993.853433199</v>
      </c>
      <c r="AF402" s="53">
        <v>13011993.853433199</v>
      </c>
      <c r="AG402" s="53">
        <v>13011993.853433199</v>
      </c>
      <c r="AH402" s="53">
        <v>13011993.853433199</v>
      </c>
      <c r="AI402" s="53">
        <v>13011993.853433199</v>
      </c>
      <c r="AJ402" s="53">
        <v>13011993.853433199</v>
      </c>
      <c r="AK402" s="53">
        <v>13011993.853433199</v>
      </c>
      <c r="AL402" s="53">
        <v>13011993.853433199</v>
      </c>
      <c r="AM402" s="53">
        <v>13011993.853433199</v>
      </c>
      <c r="AN402" s="53">
        <v>13011993.853433199</v>
      </c>
      <c r="AO402" s="53">
        <v>13011993.853433199</v>
      </c>
      <c r="AP402" s="53">
        <v>13011993.853433199</v>
      </c>
      <c r="AQ402" s="53">
        <v>13011993.853433199</v>
      </c>
      <c r="AR402" s="53">
        <v>13011993.853433199</v>
      </c>
      <c r="AS402" s="53">
        <v>13011993.853433199</v>
      </c>
      <c r="AT402" s="53">
        <v>13011993.853433199</v>
      </c>
      <c r="AU402" s="53">
        <v>13011993.853433199</v>
      </c>
      <c r="AV402" s="53">
        <v>13011993.853433199</v>
      </c>
      <c r="AW402" s="53">
        <v>13011993.853433199</v>
      </c>
      <c r="AX402" s="53">
        <v>13011993.853433199</v>
      </c>
      <c r="AY402" s="53">
        <v>13011993.853433199</v>
      </c>
      <c r="AZ402" s="53">
        <v>13011993.853433199</v>
      </c>
      <c r="BA402" s="53">
        <v>13011993.853433199</v>
      </c>
      <c r="BB402" s="53">
        <v>13011993.853433199</v>
      </c>
      <c r="BC402" s="53">
        <v>13011993.853433199</v>
      </c>
      <c r="BD402" s="53">
        <v>13011993.853433199</v>
      </c>
      <c r="BE402" s="53">
        <v>13011993.853433199</v>
      </c>
      <c r="BF402" s="53">
        <v>13011993.853433199</v>
      </c>
      <c r="BG402" s="53">
        <v>13011993.853433199</v>
      </c>
      <c r="BH402" s="53">
        <v>13011993.853433199</v>
      </c>
      <c r="BI402" s="53">
        <v>13011993.853433199</v>
      </c>
      <c r="BJ402" s="53">
        <v>13011993.853433199</v>
      </c>
      <c r="BK402" s="53">
        <v>13011993.853433199</v>
      </c>
      <c r="BL402" s="53">
        <v>13011993.853433199</v>
      </c>
      <c r="BM402" s="53">
        <v>13011993.853433199</v>
      </c>
      <c r="BN402" s="53">
        <v>13011993.853433199</v>
      </c>
      <c r="BO402" s="53">
        <v>13011993.853433199</v>
      </c>
      <c r="BP402" s="53">
        <v>13011993.853433199</v>
      </c>
      <c r="BQ402" s="53">
        <v>13011993.853433199</v>
      </c>
      <c r="BR402" s="53">
        <v>13011993.853433199</v>
      </c>
      <c r="BS402" s="53">
        <v>13011993.853433199</v>
      </c>
      <c r="BT402" s="53">
        <v>13011993.853433199</v>
      </c>
      <c r="BU402" s="53">
        <v>13011993.853433199</v>
      </c>
      <c r="BV402" s="53">
        <v>13011993.853433199</v>
      </c>
      <c r="BW402" s="53">
        <v>13011993.853433199</v>
      </c>
      <c r="BX402" s="53">
        <v>13011993.853433199</v>
      </c>
      <c r="BY402" s="53">
        <v>13011993.853433199</v>
      </c>
      <c r="BZ402" s="53">
        <v>13011993.853433199</v>
      </c>
      <c r="CA402" s="53">
        <v>13011993.853433199</v>
      </c>
      <c r="CB402" s="53"/>
      <c r="CC402" s="53"/>
      <c r="CD402" s="53"/>
      <c r="CE402" s="53"/>
      <c r="CF402" s="53"/>
      <c r="CG402" s="53"/>
      <c r="CH402" s="53"/>
      <c r="CI402" s="53"/>
      <c r="CJ402" s="53"/>
      <c r="CK402" s="53"/>
      <c r="CL402" s="53"/>
      <c r="CM402" s="53"/>
      <c r="CN402" s="53"/>
    </row>
    <row r="403" spans="1:92" outlineLevel="1">
      <c r="A403" s="52" t="s">
        <v>1296</v>
      </c>
      <c r="B403" s="53">
        <v>0</v>
      </c>
      <c r="C403" s="53">
        <v>0</v>
      </c>
      <c r="D403" s="53">
        <v>0</v>
      </c>
      <c r="E403" s="53">
        <v>0</v>
      </c>
      <c r="F403" s="53">
        <v>0</v>
      </c>
      <c r="G403" s="53">
        <v>0</v>
      </c>
      <c r="H403" s="53">
        <v>0</v>
      </c>
      <c r="I403" s="53">
        <v>0</v>
      </c>
      <c r="J403" s="53">
        <v>0</v>
      </c>
      <c r="K403" s="53">
        <v>0</v>
      </c>
      <c r="L403" s="53">
        <v>0</v>
      </c>
      <c r="M403" s="53">
        <v>0</v>
      </c>
      <c r="N403" s="53">
        <v>0</v>
      </c>
      <c r="O403" s="53">
        <v>0</v>
      </c>
      <c r="P403" s="53">
        <v>0</v>
      </c>
      <c r="Q403" s="53">
        <v>0</v>
      </c>
      <c r="R403" s="53">
        <v>0</v>
      </c>
      <c r="S403" s="53">
        <v>0</v>
      </c>
      <c r="T403" s="53">
        <v>0</v>
      </c>
      <c r="U403" s="53">
        <v>0</v>
      </c>
      <c r="V403" s="53">
        <v>0</v>
      </c>
      <c r="W403" s="53">
        <v>0</v>
      </c>
      <c r="X403" s="53">
        <v>0</v>
      </c>
      <c r="Y403" s="53">
        <v>0</v>
      </c>
      <c r="Z403" s="53">
        <v>0</v>
      </c>
      <c r="AA403" s="53">
        <v>0</v>
      </c>
      <c r="AB403" s="53">
        <v>0</v>
      </c>
      <c r="AC403" s="53">
        <v>0</v>
      </c>
      <c r="AD403" s="53">
        <v>0</v>
      </c>
      <c r="AE403" s="53">
        <v>0</v>
      </c>
      <c r="AF403" s="53">
        <v>0</v>
      </c>
      <c r="AG403" s="53">
        <v>0</v>
      </c>
      <c r="AH403" s="53">
        <v>0</v>
      </c>
      <c r="AI403" s="53">
        <v>0</v>
      </c>
      <c r="AJ403" s="53">
        <v>0</v>
      </c>
      <c r="AK403" s="53">
        <v>0</v>
      </c>
      <c r="AL403" s="53">
        <v>0</v>
      </c>
      <c r="AM403" s="53">
        <v>0</v>
      </c>
      <c r="AN403" s="53">
        <v>0</v>
      </c>
      <c r="AO403" s="53">
        <v>0</v>
      </c>
      <c r="AP403" s="53">
        <v>0</v>
      </c>
      <c r="AQ403" s="53">
        <v>0</v>
      </c>
      <c r="AR403" s="53">
        <v>0</v>
      </c>
      <c r="AS403" s="53">
        <v>0</v>
      </c>
      <c r="AT403" s="53">
        <v>0</v>
      </c>
      <c r="AU403" s="53">
        <v>0</v>
      </c>
      <c r="AV403" s="53">
        <v>0</v>
      </c>
      <c r="AW403" s="53">
        <v>0</v>
      </c>
      <c r="AX403" s="53">
        <v>0</v>
      </c>
      <c r="AY403" s="53">
        <v>0</v>
      </c>
      <c r="AZ403" s="53">
        <v>0</v>
      </c>
      <c r="BA403" s="53">
        <v>0</v>
      </c>
      <c r="BB403" s="53">
        <v>0</v>
      </c>
      <c r="BC403" s="53">
        <v>0</v>
      </c>
      <c r="BD403" s="53">
        <v>0</v>
      </c>
      <c r="BE403" s="53">
        <v>0</v>
      </c>
      <c r="BF403" s="53">
        <v>0</v>
      </c>
      <c r="BG403" s="53">
        <v>0</v>
      </c>
      <c r="BH403" s="53">
        <v>0</v>
      </c>
      <c r="BI403" s="53">
        <v>0</v>
      </c>
      <c r="BJ403" s="53">
        <v>0</v>
      </c>
      <c r="BK403" s="53">
        <v>0</v>
      </c>
      <c r="BL403" s="53">
        <v>0</v>
      </c>
      <c r="BM403" s="53">
        <v>0</v>
      </c>
      <c r="BN403" s="53">
        <v>0</v>
      </c>
      <c r="BO403" s="53">
        <v>0</v>
      </c>
      <c r="BP403" s="53">
        <v>0</v>
      </c>
      <c r="BQ403" s="53">
        <v>0</v>
      </c>
      <c r="BR403" s="53">
        <v>0</v>
      </c>
      <c r="BS403" s="53">
        <v>0</v>
      </c>
      <c r="BT403" s="53">
        <v>0</v>
      </c>
      <c r="BU403" s="53">
        <v>0</v>
      </c>
      <c r="BV403" s="53">
        <v>0</v>
      </c>
      <c r="BW403" s="53">
        <v>0</v>
      </c>
      <c r="BX403" s="53">
        <v>0</v>
      </c>
      <c r="BY403" s="53">
        <v>0</v>
      </c>
      <c r="BZ403" s="53">
        <v>0</v>
      </c>
      <c r="CA403" s="53">
        <v>0</v>
      </c>
      <c r="CB403" s="53"/>
      <c r="CC403" s="53"/>
      <c r="CD403" s="53"/>
      <c r="CE403" s="53"/>
      <c r="CF403" s="53"/>
      <c r="CG403" s="53"/>
      <c r="CH403" s="53"/>
      <c r="CI403" s="53"/>
      <c r="CJ403" s="53"/>
      <c r="CK403" s="53"/>
      <c r="CL403" s="53"/>
      <c r="CM403" s="53"/>
      <c r="CN403" s="53"/>
    </row>
    <row r="404" spans="1:92" outlineLevel="1">
      <c r="A404" s="52" t="s">
        <v>1297</v>
      </c>
      <c r="B404" s="53">
        <v>0</v>
      </c>
      <c r="C404" s="53">
        <v>0</v>
      </c>
      <c r="D404" s="53">
        <v>0</v>
      </c>
      <c r="E404" s="53">
        <v>0</v>
      </c>
      <c r="F404" s="53">
        <v>0</v>
      </c>
      <c r="G404" s="53">
        <v>0</v>
      </c>
      <c r="H404" s="53">
        <v>0</v>
      </c>
      <c r="I404" s="53">
        <v>0</v>
      </c>
      <c r="J404" s="53">
        <v>0</v>
      </c>
      <c r="K404" s="53">
        <v>0</v>
      </c>
      <c r="L404" s="53">
        <v>0</v>
      </c>
      <c r="M404" s="53">
        <v>0</v>
      </c>
      <c r="N404" s="53">
        <v>0</v>
      </c>
      <c r="O404" s="53">
        <v>0</v>
      </c>
      <c r="P404" s="53">
        <v>0</v>
      </c>
      <c r="Q404" s="53">
        <v>0</v>
      </c>
      <c r="R404" s="53">
        <v>0</v>
      </c>
      <c r="S404" s="53">
        <v>0</v>
      </c>
      <c r="T404" s="53">
        <v>0</v>
      </c>
      <c r="U404" s="53">
        <v>0</v>
      </c>
      <c r="V404" s="53">
        <v>0</v>
      </c>
      <c r="W404" s="53">
        <v>0</v>
      </c>
      <c r="X404" s="53">
        <v>0</v>
      </c>
      <c r="Y404" s="53">
        <v>0</v>
      </c>
      <c r="Z404" s="53">
        <v>0</v>
      </c>
      <c r="AA404" s="53">
        <v>0</v>
      </c>
      <c r="AB404" s="53">
        <v>0</v>
      </c>
      <c r="AC404" s="53">
        <v>0</v>
      </c>
      <c r="AD404" s="53">
        <v>0</v>
      </c>
      <c r="AE404" s="53">
        <v>0</v>
      </c>
      <c r="AF404" s="53">
        <v>0</v>
      </c>
      <c r="AG404" s="53">
        <v>0</v>
      </c>
      <c r="AH404" s="53">
        <v>0</v>
      </c>
      <c r="AI404" s="53">
        <v>0</v>
      </c>
      <c r="AJ404" s="53">
        <v>0</v>
      </c>
      <c r="AK404" s="53">
        <v>0</v>
      </c>
      <c r="AL404" s="53">
        <v>0</v>
      </c>
      <c r="AM404" s="53">
        <v>0</v>
      </c>
      <c r="AN404" s="53">
        <v>0</v>
      </c>
      <c r="AO404" s="53">
        <v>0</v>
      </c>
      <c r="AP404" s="53">
        <v>0</v>
      </c>
      <c r="AQ404" s="53">
        <v>0</v>
      </c>
      <c r="AR404" s="53">
        <v>0</v>
      </c>
      <c r="AS404" s="53">
        <v>0</v>
      </c>
      <c r="AT404" s="53">
        <v>0</v>
      </c>
      <c r="AU404" s="53">
        <v>0</v>
      </c>
      <c r="AV404" s="53">
        <v>0</v>
      </c>
      <c r="AW404" s="53">
        <v>0</v>
      </c>
      <c r="AX404" s="53">
        <v>0</v>
      </c>
      <c r="AY404" s="53">
        <v>0</v>
      </c>
      <c r="AZ404" s="53">
        <v>0</v>
      </c>
      <c r="BA404" s="53">
        <v>0</v>
      </c>
      <c r="BB404" s="53">
        <v>0</v>
      </c>
      <c r="BC404" s="53">
        <v>0</v>
      </c>
      <c r="BD404" s="53">
        <v>0</v>
      </c>
      <c r="BE404" s="53">
        <v>0</v>
      </c>
      <c r="BF404" s="53">
        <v>0</v>
      </c>
      <c r="BG404" s="53">
        <v>0</v>
      </c>
      <c r="BH404" s="53">
        <v>0</v>
      </c>
      <c r="BI404" s="53">
        <v>0</v>
      </c>
      <c r="BJ404" s="53">
        <v>0</v>
      </c>
      <c r="BK404" s="53">
        <v>0</v>
      </c>
      <c r="BL404" s="53">
        <v>0</v>
      </c>
      <c r="BM404" s="53">
        <v>0</v>
      </c>
      <c r="BN404" s="53">
        <v>0</v>
      </c>
      <c r="BO404" s="53">
        <v>0</v>
      </c>
      <c r="BP404" s="53">
        <v>0</v>
      </c>
      <c r="BQ404" s="53">
        <v>0</v>
      </c>
      <c r="BR404" s="53">
        <v>0</v>
      </c>
      <c r="BS404" s="53">
        <v>0</v>
      </c>
      <c r="BT404" s="53">
        <v>0</v>
      </c>
      <c r="BU404" s="53">
        <v>0</v>
      </c>
      <c r="BV404" s="53">
        <v>0</v>
      </c>
      <c r="BW404" s="53">
        <v>0</v>
      </c>
      <c r="BX404" s="53">
        <v>0</v>
      </c>
      <c r="BY404" s="53">
        <v>0</v>
      </c>
      <c r="BZ404" s="53">
        <v>0</v>
      </c>
      <c r="CA404" s="53">
        <v>0</v>
      </c>
      <c r="CB404" s="53">
        <v>54563630.185375102</v>
      </c>
      <c r="CC404" s="53">
        <v>54563630.185375102</v>
      </c>
      <c r="CD404" s="53">
        <v>54563630.185375102</v>
      </c>
      <c r="CE404" s="53">
        <v>54563630.185375102</v>
      </c>
      <c r="CF404" s="53">
        <v>54563630.185375102</v>
      </c>
      <c r="CG404" s="53">
        <v>54563630.185375102</v>
      </c>
      <c r="CH404" s="53">
        <v>54563630.185375102</v>
      </c>
      <c r="CI404" s="53">
        <v>54563630.185375102</v>
      </c>
      <c r="CJ404" s="53">
        <v>54563630.185375102</v>
      </c>
      <c r="CK404" s="53">
        <v>54563630.185375102</v>
      </c>
      <c r="CL404" s="53">
        <v>54563630.185375102</v>
      </c>
      <c r="CM404" s="53">
        <v>54563630.185375102</v>
      </c>
      <c r="CN404" s="53">
        <v>54563630.185375102</v>
      </c>
    </row>
    <row r="405" spans="1:92" outlineLevel="1">
      <c r="A405" s="52" t="s">
        <v>1298</v>
      </c>
      <c r="B405" s="53">
        <v>0</v>
      </c>
      <c r="C405" s="53">
        <v>0</v>
      </c>
      <c r="D405" s="53">
        <v>0</v>
      </c>
      <c r="E405" s="53">
        <v>0</v>
      </c>
      <c r="F405" s="53">
        <v>0</v>
      </c>
      <c r="G405" s="53">
        <v>0</v>
      </c>
      <c r="H405" s="53">
        <v>0</v>
      </c>
      <c r="I405" s="53">
        <v>0</v>
      </c>
      <c r="J405" s="53">
        <v>0</v>
      </c>
      <c r="K405" s="53">
        <v>0</v>
      </c>
      <c r="L405" s="53">
        <v>0</v>
      </c>
      <c r="M405" s="53">
        <v>0</v>
      </c>
      <c r="N405" s="53">
        <v>0</v>
      </c>
      <c r="O405" s="53">
        <v>0</v>
      </c>
      <c r="P405" s="53">
        <v>0</v>
      </c>
      <c r="Q405" s="53">
        <v>0</v>
      </c>
      <c r="R405" s="53">
        <v>0</v>
      </c>
      <c r="S405" s="53">
        <v>0</v>
      </c>
      <c r="T405" s="53">
        <v>0</v>
      </c>
      <c r="U405" s="53">
        <v>0</v>
      </c>
      <c r="V405" s="53">
        <v>0</v>
      </c>
      <c r="W405" s="53">
        <v>0</v>
      </c>
      <c r="X405" s="53">
        <v>0</v>
      </c>
      <c r="Y405" s="53">
        <v>0</v>
      </c>
      <c r="Z405" s="53">
        <v>0</v>
      </c>
      <c r="AA405" s="53">
        <v>0</v>
      </c>
      <c r="AB405" s="53">
        <v>0</v>
      </c>
      <c r="AC405" s="53">
        <v>0</v>
      </c>
      <c r="AD405" s="53">
        <v>0</v>
      </c>
      <c r="AE405" s="53">
        <v>0</v>
      </c>
      <c r="AF405" s="53">
        <v>0</v>
      </c>
      <c r="AG405" s="53">
        <v>0</v>
      </c>
      <c r="AH405" s="53">
        <v>0</v>
      </c>
      <c r="AI405" s="53">
        <v>0</v>
      </c>
      <c r="AJ405" s="53">
        <v>0</v>
      </c>
      <c r="AK405" s="53">
        <v>0</v>
      </c>
      <c r="AL405" s="53">
        <v>0</v>
      </c>
      <c r="AM405" s="53">
        <v>0</v>
      </c>
      <c r="AN405" s="53">
        <v>0</v>
      </c>
      <c r="AO405" s="53">
        <v>0</v>
      </c>
      <c r="AP405" s="53">
        <v>0</v>
      </c>
      <c r="AQ405" s="53">
        <v>0</v>
      </c>
      <c r="AR405" s="53">
        <v>0</v>
      </c>
      <c r="AS405" s="53">
        <v>0</v>
      </c>
      <c r="AT405" s="53">
        <v>0</v>
      </c>
      <c r="AU405" s="53">
        <v>0</v>
      </c>
      <c r="AV405" s="53">
        <v>0</v>
      </c>
      <c r="AW405" s="53">
        <v>0</v>
      </c>
      <c r="AX405" s="53">
        <v>0</v>
      </c>
      <c r="AY405" s="53">
        <v>0</v>
      </c>
      <c r="AZ405" s="53">
        <v>0</v>
      </c>
      <c r="BA405" s="53">
        <v>0</v>
      </c>
      <c r="BB405" s="53">
        <v>0</v>
      </c>
      <c r="BC405" s="53">
        <v>0</v>
      </c>
      <c r="BD405" s="53">
        <v>0</v>
      </c>
      <c r="BE405" s="53">
        <v>0</v>
      </c>
      <c r="BF405" s="53">
        <v>0</v>
      </c>
      <c r="BG405" s="53">
        <v>0</v>
      </c>
      <c r="BH405" s="53">
        <v>0</v>
      </c>
      <c r="BI405" s="53">
        <v>0</v>
      </c>
      <c r="BJ405" s="53">
        <v>0</v>
      </c>
      <c r="BK405" s="53">
        <v>0</v>
      </c>
      <c r="BL405" s="53">
        <v>0</v>
      </c>
      <c r="BM405" s="53">
        <v>0</v>
      </c>
      <c r="BN405" s="53">
        <v>0</v>
      </c>
      <c r="BO405" s="53">
        <v>0</v>
      </c>
      <c r="BP405" s="53">
        <v>0</v>
      </c>
      <c r="BQ405" s="53">
        <v>0</v>
      </c>
      <c r="BR405" s="53">
        <v>0</v>
      </c>
      <c r="BS405" s="53">
        <v>0</v>
      </c>
      <c r="BT405" s="53">
        <v>0</v>
      </c>
      <c r="BU405" s="53">
        <v>0</v>
      </c>
      <c r="BV405" s="53">
        <v>0</v>
      </c>
      <c r="BW405" s="53">
        <v>0</v>
      </c>
      <c r="BX405" s="53">
        <v>0</v>
      </c>
      <c r="BY405" s="53">
        <v>0</v>
      </c>
      <c r="BZ405" s="53">
        <v>0</v>
      </c>
      <c r="CA405" s="53">
        <v>0</v>
      </c>
      <c r="CB405" s="53">
        <v>0</v>
      </c>
      <c r="CC405" s="53">
        <v>0</v>
      </c>
      <c r="CD405" s="53">
        <v>0</v>
      </c>
      <c r="CE405" s="53">
        <v>0</v>
      </c>
      <c r="CF405" s="53">
        <v>0</v>
      </c>
      <c r="CG405" s="53">
        <v>0</v>
      </c>
      <c r="CH405" s="53">
        <v>0</v>
      </c>
      <c r="CI405" s="53">
        <v>0</v>
      </c>
      <c r="CJ405" s="53">
        <v>0</v>
      </c>
      <c r="CK405" s="53">
        <v>0</v>
      </c>
      <c r="CL405" s="53">
        <v>0</v>
      </c>
      <c r="CM405" s="53">
        <v>0</v>
      </c>
      <c r="CN405" s="53">
        <v>0</v>
      </c>
    </row>
    <row r="406" spans="1:92" outlineLevel="1">
      <c r="A406" s="52" t="s">
        <v>1218</v>
      </c>
      <c r="B406" s="53">
        <v>476501638.60600001</v>
      </c>
      <c r="C406" s="53">
        <v>479000466.49999899</v>
      </c>
      <c r="D406" s="53">
        <v>471778217.799999</v>
      </c>
      <c r="E406" s="53">
        <v>462856100.01999998</v>
      </c>
      <c r="F406" s="53">
        <v>468581660.05999899</v>
      </c>
      <c r="G406" s="53">
        <v>480089779.99999899</v>
      </c>
      <c r="H406" s="53">
        <v>477703166.19999999</v>
      </c>
      <c r="I406" s="53">
        <v>511957815.55999899</v>
      </c>
      <c r="J406" s="53">
        <v>538704414.28999901</v>
      </c>
      <c r="K406" s="53">
        <v>569463763.25999904</v>
      </c>
      <c r="L406" s="53">
        <v>572201621.88999903</v>
      </c>
      <c r="M406" s="53">
        <v>567247180.61999905</v>
      </c>
      <c r="N406" s="53">
        <v>476501638.60600001</v>
      </c>
      <c r="O406" s="53">
        <v>572898998.99999905</v>
      </c>
      <c r="P406" s="53">
        <v>599033512.26203299</v>
      </c>
      <c r="Q406" s="53">
        <v>613411986.64682305</v>
      </c>
      <c r="R406" s="53">
        <v>620155576.81562901</v>
      </c>
      <c r="S406" s="53">
        <v>620245459.31867802</v>
      </c>
      <c r="T406" s="53">
        <v>619012293.96143198</v>
      </c>
      <c r="U406" s="53">
        <v>617846150.34931195</v>
      </c>
      <c r="V406" s="53">
        <v>616665640.18835497</v>
      </c>
      <c r="W406" s="53">
        <v>615524456.05534399</v>
      </c>
      <c r="X406" s="53">
        <v>614766205.67275596</v>
      </c>
      <c r="Y406" s="53">
        <v>614763553.573874</v>
      </c>
      <c r="Z406" s="53">
        <v>614755199.95330703</v>
      </c>
      <c r="AA406" s="53">
        <v>572898998.99999905</v>
      </c>
      <c r="AB406" s="53">
        <v>614745933.95269799</v>
      </c>
      <c r="AC406" s="53">
        <v>614606103.41900599</v>
      </c>
      <c r="AD406" s="53">
        <v>614632150.84314001</v>
      </c>
      <c r="AE406" s="53">
        <v>614596583.25526798</v>
      </c>
      <c r="AF406" s="53">
        <v>614504970.22443998</v>
      </c>
      <c r="AG406" s="53">
        <v>613667152.02446699</v>
      </c>
      <c r="AH406" s="53">
        <v>612855216.78186703</v>
      </c>
      <c r="AI406" s="53">
        <v>612120329.35710704</v>
      </c>
      <c r="AJ406" s="53">
        <v>611384655.65090203</v>
      </c>
      <c r="AK406" s="53">
        <v>611022623.52676797</v>
      </c>
      <c r="AL406" s="53">
        <v>610893259.56341803</v>
      </c>
      <c r="AM406" s="53">
        <v>610620782.19818604</v>
      </c>
      <c r="AN406" s="53">
        <v>614745933.95269799</v>
      </c>
      <c r="AO406" s="53">
        <v>610598225.65016794</v>
      </c>
      <c r="AP406" s="53">
        <v>610549718.550776</v>
      </c>
      <c r="AQ406" s="53">
        <v>610516691.104375</v>
      </c>
      <c r="AR406" s="53">
        <v>610110229.88387203</v>
      </c>
      <c r="AS406" s="53">
        <v>609916186.56414998</v>
      </c>
      <c r="AT406" s="53">
        <v>609480823.41036403</v>
      </c>
      <c r="AU406" s="53">
        <v>609025562.43758595</v>
      </c>
      <c r="AV406" s="53">
        <v>608639065.982427</v>
      </c>
      <c r="AW406" s="53">
        <v>608478538.07725894</v>
      </c>
      <c r="AX406" s="53">
        <v>608304746.52071095</v>
      </c>
      <c r="AY406" s="53">
        <v>608203069.08821702</v>
      </c>
      <c r="AZ406" s="53">
        <v>608184806.26252401</v>
      </c>
      <c r="BA406" s="53">
        <v>610598225.65016794</v>
      </c>
      <c r="BB406" s="53">
        <v>608164719.25821996</v>
      </c>
      <c r="BC406" s="53">
        <v>608094054.143381</v>
      </c>
      <c r="BD406" s="53">
        <v>608067600.47874296</v>
      </c>
      <c r="BE406" s="53">
        <v>608008692.53088701</v>
      </c>
      <c r="BF406" s="53">
        <v>607972842.18385899</v>
      </c>
      <c r="BG406" s="53">
        <v>607446919.12854505</v>
      </c>
      <c r="BH406" s="53">
        <v>606913093.45425999</v>
      </c>
      <c r="BI406" s="53">
        <v>606429770.941998</v>
      </c>
      <c r="BJ406" s="53">
        <v>606122282.47433197</v>
      </c>
      <c r="BK406" s="53">
        <v>605862838.214288</v>
      </c>
      <c r="BL406" s="53">
        <v>605535058.60337102</v>
      </c>
      <c r="BM406" s="53">
        <v>605450859.74587798</v>
      </c>
      <c r="BN406" s="53">
        <v>608164719.25821996</v>
      </c>
      <c r="BO406" s="53">
        <v>605472168.44125903</v>
      </c>
      <c r="BP406" s="53">
        <v>605439779.73316097</v>
      </c>
      <c r="BQ406" s="53">
        <v>605418869.92149901</v>
      </c>
      <c r="BR406" s="53">
        <v>605194297.143255</v>
      </c>
      <c r="BS406" s="53">
        <v>605176398.72899604</v>
      </c>
      <c r="BT406" s="53">
        <v>604837505.89653802</v>
      </c>
      <c r="BU406" s="53">
        <v>604510416.96512496</v>
      </c>
      <c r="BV406" s="53">
        <v>604189758.69944298</v>
      </c>
      <c r="BW406" s="53">
        <v>604052014.21832502</v>
      </c>
      <c r="BX406" s="53">
        <v>603929131.32056904</v>
      </c>
      <c r="BY406" s="53">
        <v>603827942.18537295</v>
      </c>
      <c r="BZ406" s="53">
        <v>603875384.08118701</v>
      </c>
      <c r="CA406" s="53">
        <v>605472168.44125903</v>
      </c>
      <c r="CB406" s="53">
        <v>0</v>
      </c>
      <c r="CC406" s="53">
        <v>0</v>
      </c>
      <c r="CD406" s="53">
        <v>0</v>
      </c>
      <c r="CE406" s="53">
        <v>0</v>
      </c>
      <c r="CF406" s="53">
        <v>0</v>
      </c>
      <c r="CG406" s="53">
        <v>0</v>
      </c>
      <c r="CH406" s="53">
        <v>0</v>
      </c>
      <c r="CI406" s="53">
        <v>0</v>
      </c>
      <c r="CJ406" s="53">
        <v>0</v>
      </c>
      <c r="CK406" s="53">
        <v>0</v>
      </c>
      <c r="CL406" s="53">
        <v>0</v>
      </c>
      <c r="CM406" s="53">
        <v>0</v>
      </c>
      <c r="CN406" s="53">
        <v>0</v>
      </c>
    </row>
    <row r="407" spans="1:92" outlineLevel="1">
      <c r="A407" s="52" t="s">
        <v>672</v>
      </c>
      <c r="B407" s="53"/>
      <c r="C407" s="53"/>
      <c r="D407" s="53"/>
      <c r="E407" s="53"/>
      <c r="F407" s="53"/>
      <c r="G407" s="53"/>
      <c r="H407" s="53"/>
      <c r="I407" s="53"/>
      <c r="J407" s="53"/>
      <c r="K407" s="53"/>
      <c r="L407" s="53"/>
      <c r="M407" s="53"/>
      <c r="N407" s="53"/>
      <c r="O407" s="53"/>
      <c r="P407" s="53"/>
      <c r="Q407" s="53"/>
      <c r="R407" s="53"/>
      <c r="S407" s="53"/>
      <c r="T407" s="53"/>
      <c r="U407" s="53"/>
      <c r="V407" s="53"/>
      <c r="W407" s="53"/>
      <c r="X407" s="53"/>
      <c r="Y407" s="53"/>
      <c r="Z407" s="53"/>
      <c r="AA407" s="53"/>
      <c r="AB407" s="53"/>
      <c r="AC407" s="53"/>
      <c r="AD407" s="53"/>
      <c r="AE407" s="53"/>
      <c r="AF407" s="53"/>
      <c r="AG407" s="53"/>
      <c r="AH407" s="53"/>
      <c r="AI407" s="53"/>
      <c r="AJ407" s="53"/>
      <c r="AK407" s="53"/>
      <c r="AL407" s="53"/>
      <c r="AM407" s="53"/>
      <c r="AN407" s="53"/>
      <c r="AO407" s="53"/>
      <c r="AP407" s="53"/>
      <c r="AQ407" s="53"/>
      <c r="AR407" s="53"/>
      <c r="AS407" s="53"/>
      <c r="AT407" s="53"/>
      <c r="AU407" s="53"/>
      <c r="AV407" s="53"/>
      <c r="AW407" s="53"/>
      <c r="AX407" s="53"/>
      <c r="AY407" s="53"/>
      <c r="AZ407" s="53"/>
      <c r="BA407" s="53"/>
      <c r="BB407" s="53"/>
      <c r="BC407" s="53"/>
      <c r="BD407" s="53"/>
      <c r="BE407" s="53"/>
      <c r="BF407" s="53"/>
      <c r="BG407" s="53"/>
      <c r="BH407" s="53"/>
      <c r="BI407" s="53"/>
      <c r="BJ407" s="53"/>
      <c r="BK407" s="53"/>
      <c r="BL407" s="53"/>
      <c r="BM407" s="53"/>
      <c r="BN407" s="53"/>
      <c r="BO407" s="53"/>
      <c r="BP407" s="53"/>
      <c r="BQ407" s="53"/>
      <c r="BR407" s="53"/>
      <c r="BS407" s="53"/>
      <c r="BT407" s="53"/>
      <c r="BU407" s="53"/>
      <c r="BV407" s="53"/>
      <c r="BW407" s="53"/>
      <c r="BX407" s="53"/>
      <c r="BY407" s="53"/>
      <c r="BZ407" s="53"/>
      <c r="CA407" s="53"/>
      <c r="CB407" s="53">
        <v>0</v>
      </c>
      <c r="CC407" s="53">
        <v>0</v>
      </c>
      <c r="CD407" s="53">
        <v>0</v>
      </c>
      <c r="CE407" s="53">
        <v>0</v>
      </c>
      <c r="CF407" s="53">
        <v>0</v>
      </c>
      <c r="CG407" s="53">
        <v>0</v>
      </c>
      <c r="CH407" s="53">
        <v>0</v>
      </c>
      <c r="CI407" s="53">
        <v>0</v>
      </c>
      <c r="CJ407" s="53">
        <v>0</v>
      </c>
      <c r="CK407" s="53">
        <v>0</v>
      </c>
      <c r="CL407" s="53">
        <v>0</v>
      </c>
      <c r="CM407" s="53">
        <v>0</v>
      </c>
      <c r="CN407" s="53">
        <v>0</v>
      </c>
    </row>
    <row r="408" spans="1:92" outlineLevel="1">
      <c r="A408" s="52" t="s">
        <v>650</v>
      </c>
      <c r="B408" s="53"/>
      <c r="C408" s="53"/>
      <c r="D408" s="53"/>
      <c r="E408" s="53"/>
      <c r="F408" s="53"/>
      <c r="G408" s="53"/>
      <c r="H408" s="53"/>
      <c r="I408" s="53"/>
      <c r="J408" s="53"/>
      <c r="K408" s="53"/>
      <c r="L408" s="53"/>
      <c r="M408" s="53"/>
      <c r="N408" s="53"/>
      <c r="O408" s="53"/>
      <c r="P408" s="53"/>
      <c r="Q408" s="53"/>
      <c r="R408" s="53"/>
      <c r="S408" s="53"/>
      <c r="T408" s="53"/>
      <c r="U408" s="53"/>
      <c r="V408" s="53"/>
      <c r="W408" s="53"/>
      <c r="X408" s="53"/>
      <c r="Y408" s="53"/>
      <c r="Z408" s="53"/>
      <c r="AA408" s="53"/>
      <c r="AB408" s="53"/>
      <c r="AC408" s="53"/>
      <c r="AD408" s="53"/>
      <c r="AE408" s="53"/>
      <c r="AF408" s="53"/>
      <c r="AG408" s="53"/>
      <c r="AH408" s="53"/>
      <c r="AI408" s="53"/>
      <c r="AJ408" s="53"/>
      <c r="AK408" s="53"/>
      <c r="AL408" s="53"/>
      <c r="AM408" s="53"/>
      <c r="AN408" s="53"/>
      <c r="AO408" s="53"/>
      <c r="AP408" s="53"/>
      <c r="AQ408" s="53"/>
      <c r="AR408" s="53"/>
      <c r="AS408" s="53"/>
      <c r="AT408" s="53"/>
      <c r="AU408" s="53"/>
      <c r="AV408" s="53"/>
      <c r="AW408" s="53"/>
      <c r="AX408" s="53"/>
      <c r="AY408" s="53"/>
      <c r="AZ408" s="53"/>
      <c r="BA408" s="53"/>
      <c r="BB408" s="53"/>
      <c r="BC408" s="53"/>
      <c r="BD408" s="53"/>
      <c r="BE408" s="53"/>
      <c r="BF408" s="53"/>
      <c r="BG408" s="53"/>
      <c r="BH408" s="53"/>
      <c r="BI408" s="53"/>
      <c r="BJ408" s="53"/>
      <c r="BK408" s="53"/>
      <c r="BL408" s="53"/>
      <c r="BM408" s="53"/>
      <c r="BN408" s="53"/>
      <c r="BO408" s="53"/>
      <c r="BP408" s="53"/>
      <c r="BQ408" s="53"/>
      <c r="BR408" s="53"/>
      <c r="BS408" s="53"/>
      <c r="BT408" s="53"/>
      <c r="BU408" s="53"/>
      <c r="BV408" s="53"/>
      <c r="BW408" s="53"/>
      <c r="BX408" s="53"/>
      <c r="BY408" s="53"/>
      <c r="BZ408" s="53"/>
      <c r="CA408" s="53"/>
      <c r="CB408" s="53">
        <v>0</v>
      </c>
      <c r="CC408" s="53">
        <v>0</v>
      </c>
      <c r="CD408" s="53">
        <v>0</v>
      </c>
      <c r="CE408" s="53">
        <v>0</v>
      </c>
      <c r="CF408" s="53">
        <v>0</v>
      </c>
      <c r="CG408" s="53">
        <v>0</v>
      </c>
      <c r="CH408" s="53">
        <v>0</v>
      </c>
      <c r="CI408" s="53">
        <v>0</v>
      </c>
      <c r="CJ408" s="53">
        <v>0</v>
      </c>
      <c r="CK408" s="53">
        <v>0</v>
      </c>
      <c r="CL408" s="53">
        <v>0</v>
      </c>
      <c r="CM408" s="53">
        <v>0</v>
      </c>
      <c r="CN408" s="53">
        <v>0</v>
      </c>
    </row>
    <row r="409" spans="1:92" outlineLevel="1">
      <c r="A409" s="52" t="s">
        <v>1294</v>
      </c>
      <c r="B409" s="53"/>
      <c r="C409" s="53"/>
      <c r="D409" s="53"/>
      <c r="E409" s="53"/>
      <c r="F409" s="53"/>
      <c r="G409" s="53"/>
      <c r="H409" s="53"/>
      <c r="I409" s="53"/>
      <c r="J409" s="53"/>
      <c r="K409" s="53"/>
      <c r="L409" s="53"/>
      <c r="M409" s="53"/>
      <c r="N409" s="53"/>
      <c r="O409" s="53"/>
      <c r="P409" s="53"/>
      <c r="Q409" s="53"/>
      <c r="R409" s="53"/>
      <c r="S409" s="53"/>
      <c r="T409" s="53"/>
      <c r="U409" s="53"/>
      <c r="V409" s="53"/>
      <c r="W409" s="53"/>
      <c r="X409" s="53"/>
      <c r="Y409" s="53"/>
      <c r="Z409" s="53"/>
      <c r="AA409" s="53"/>
      <c r="AB409" s="53"/>
      <c r="AC409" s="53"/>
      <c r="AD409" s="53"/>
      <c r="AE409" s="53"/>
      <c r="AF409" s="53"/>
      <c r="AG409" s="53"/>
      <c r="AH409" s="53"/>
      <c r="AI409" s="53"/>
      <c r="AJ409" s="53"/>
      <c r="AK409" s="53"/>
      <c r="AL409" s="53"/>
      <c r="AM409" s="53"/>
      <c r="AN409" s="53"/>
      <c r="AO409" s="53"/>
      <c r="AP409" s="53"/>
      <c r="AQ409" s="53"/>
      <c r="AR409" s="53"/>
      <c r="AS409" s="53"/>
      <c r="AT409" s="53"/>
      <c r="AU409" s="53"/>
      <c r="AV409" s="53"/>
      <c r="AW409" s="53"/>
      <c r="AX409" s="53"/>
      <c r="AY409" s="53"/>
      <c r="AZ409" s="53"/>
      <c r="BA409" s="53"/>
      <c r="BB409" s="53"/>
      <c r="BC409" s="53"/>
      <c r="BD409" s="53"/>
      <c r="BE409" s="53"/>
      <c r="BF409" s="53"/>
      <c r="BG409" s="53"/>
      <c r="BH409" s="53"/>
      <c r="BI409" s="53"/>
      <c r="BJ409" s="53"/>
      <c r="BK409" s="53"/>
      <c r="BL409" s="53"/>
      <c r="BM409" s="53"/>
      <c r="BN409" s="53"/>
      <c r="BO409" s="53"/>
      <c r="BP409" s="53"/>
      <c r="BQ409" s="53"/>
      <c r="BR409" s="53"/>
      <c r="BS409" s="53"/>
      <c r="BT409" s="53"/>
      <c r="BU409" s="53"/>
      <c r="BV409" s="53"/>
      <c r="BW409" s="53"/>
      <c r="BX409" s="53"/>
      <c r="BY409" s="53"/>
      <c r="BZ409" s="53"/>
      <c r="CA409" s="53"/>
      <c r="CB409" s="53">
        <v>453414157.32741803</v>
      </c>
      <c r="CC409" s="53">
        <v>453414157.32741803</v>
      </c>
      <c r="CD409" s="53">
        <v>453414157.32741803</v>
      </c>
      <c r="CE409" s="53">
        <v>453414157.32741803</v>
      </c>
      <c r="CF409" s="53">
        <v>453414157.32741803</v>
      </c>
      <c r="CG409" s="53">
        <v>453414157.32741803</v>
      </c>
      <c r="CH409" s="53">
        <v>453414157.32741803</v>
      </c>
      <c r="CI409" s="53">
        <v>453414157.32741803</v>
      </c>
      <c r="CJ409" s="53">
        <v>453414157.32741803</v>
      </c>
      <c r="CK409" s="53">
        <v>453414157.32741803</v>
      </c>
      <c r="CL409" s="53">
        <v>453414157.32741803</v>
      </c>
      <c r="CM409" s="53">
        <v>453414157.32741803</v>
      </c>
      <c r="CN409" s="53">
        <v>453414157.32741803</v>
      </c>
    </row>
    <row r="410" spans="1:92" outlineLevel="1">
      <c r="A410" s="52" t="s">
        <v>649</v>
      </c>
      <c r="B410" s="53"/>
      <c r="C410" s="53"/>
      <c r="D410" s="53"/>
      <c r="E410" s="53"/>
      <c r="F410" s="53"/>
      <c r="G410" s="53"/>
      <c r="H410" s="53"/>
      <c r="I410" s="53"/>
      <c r="J410" s="53"/>
      <c r="K410" s="53"/>
      <c r="L410" s="53"/>
      <c r="M410" s="53"/>
      <c r="N410" s="53"/>
      <c r="O410" s="53">
        <v>13011993.853433199</v>
      </c>
      <c r="P410" s="53"/>
      <c r="Q410" s="53"/>
      <c r="R410" s="53"/>
      <c r="S410" s="53"/>
      <c r="T410" s="53"/>
      <c r="U410" s="53"/>
      <c r="V410" s="53"/>
      <c r="W410" s="53"/>
      <c r="X410" s="53"/>
      <c r="Y410" s="53"/>
      <c r="Z410" s="53"/>
      <c r="AA410" s="53">
        <v>13011993.853433199</v>
      </c>
      <c r="AB410" s="53"/>
      <c r="AC410" s="53"/>
      <c r="AD410" s="53"/>
      <c r="AE410" s="53"/>
      <c r="AF410" s="53"/>
      <c r="AG410" s="53"/>
      <c r="AH410" s="53"/>
      <c r="AI410" s="53"/>
      <c r="AJ410" s="53"/>
      <c r="AK410" s="53"/>
      <c r="AL410" s="53"/>
      <c r="AM410" s="53"/>
      <c r="AN410" s="53"/>
      <c r="AO410" s="53"/>
      <c r="AP410" s="53"/>
      <c r="AQ410" s="53"/>
      <c r="AR410" s="53"/>
      <c r="AS410" s="53"/>
      <c r="AT410" s="53"/>
      <c r="AU410" s="53"/>
      <c r="AV410" s="53"/>
      <c r="AW410" s="53"/>
      <c r="AX410" s="53"/>
      <c r="AY410" s="53"/>
      <c r="AZ410" s="53"/>
      <c r="BA410" s="53"/>
      <c r="BB410" s="53"/>
      <c r="BC410" s="53"/>
      <c r="BD410" s="53"/>
      <c r="BE410" s="53"/>
      <c r="BF410" s="53"/>
      <c r="BG410" s="53"/>
      <c r="BH410" s="53"/>
      <c r="BI410" s="53"/>
      <c r="BJ410" s="53"/>
      <c r="BK410" s="53"/>
      <c r="BL410" s="53"/>
      <c r="BM410" s="53"/>
      <c r="BN410" s="53"/>
      <c r="BO410" s="53"/>
      <c r="BP410" s="53"/>
      <c r="BQ410" s="53"/>
      <c r="BR410" s="53"/>
      <c r="BS410" s="53"/>
      <c r="BT410" s="53"/>
      <c r="BU410" s="53"/>
      <c r="BV410" s="53"/>
      <c r="BW410" s="53"/>
      <c r="BX410" s="53"/>
      <c r="BY410" s="53"/>
      <c r="BZ410" s="53"/>
      <c r="CA410" s="53"/>
      <c r="CB410" s="53"/>
      <c r="CC410" s="53"/>
      <c r="CD410" s="53"/>
      <c r="CE410" s="53"/>
      <c r="CF410" s="53"/>
      <c r="CG410" s="53"/>
      <c r="CH410" s="53"/>
      <c r="CI410" s="53"/>
      <c r="CJ410" s="53"/>
      <c r="CK410" s="53"/>
      <c r="CL410" s="53"/>
      <c r="CM410" s="53"/>
      <c r="CN410" s="53"/>
    </row>
    <row r="411" spans="1:92" outlineLevel="1">
      <c r="A411" s="52" t="s">
        <v>1289</v>
      </c>
      <c r="B411" s="53"/>
      <c r="C411" s="53"/>
      <c r="D411" s="53"/>
      <c r="E411" s="53"/>
      <c r="F411" s="53"/>
      <c r="G411" s="53"/>
      <c r="H411" s="53"/>
      <c r="I411" s="53"/>
      <c r="J411" s="53"/>
      <c r="K411" s="53"/>
      <c r="L411" s="53"/>
      <c r="M411" s="53"/>
      <c r="N411" s="53"/>
      <c r="O411" s="53"/>
      <c r="P411" s="53"/>
      <c r="Q411" s="53"/>
      <c r="R411" s="53"/>
      <c r="S411" s="53"/>
      <c r="T411" s="53"/>
      <c r="U411" s="53"/>
      <c r="V411" s="53"/>
      <c r="W411" s="53"/>
      <c r="X411" s="53"/>
      <c r="Y411" s="53"/>
      <c r="Z411" s="53"/>
      <c r="AA411" s="53"/>
      <c r="AB411" s="53"/>
      <c r="AC411" s="53"/>
      <c r="AD411" s="53"/>
      <c r="AE411" s="53"/>
      <c r="AF411" s="53"/>
      <c r="AG411" s="53"/>
      <c r="AH411" s="53"/>
      <c r="AI411" s="53"/>
      <c r="AJ411" s="53"/>
      <c r="AK411" s="53"/>
      <c r="AL411" s="53"/>
      <c r="AM411" s="53"/>
      <c r="AN411" s="53"/>
      <c r="AO411" s="53"/>
      <c r="AP411" s="53"/>
      <c r="AQ411" s="53"/>
      <c r="AR411" s="53"/>
      <c r="AS411" s="53"/>
      <c r="AT411" s="53"/>
      <c r="AU411" s="53"/>
      <c r="AV411" s="53"/>
      <c r="AW411" s="53"/>
      <c r="AX411" s="53"/>
      <c r="AY411" s="53"/>
      <c r="AZ411" s="53"/>
      <c r="BA411" s="53"/>
      <c r="BB411" s="53"/>
      <c r="BC411" s="53"/>
      <c r="BD411" s="53"/>
      <c r="BE411" s="53"/>
      <c r="BF411" s="53"/>
      <c r="BG411" s="53"/>
      <c r="BH411" s="53"/>
      <c r="BI411" s="53"/>
      <c r="BJ411" s="53"/>
      <c r="BK411" s="53"/>
      <c r="BL411" s="53"/>
      <c r="BM411" s="53"/>
      <c r="BN411" s="53"/>
      <c r="BO411" s="53"/>
      <c r="BP411" s="53"/>
      <c r="BQ411" s="53"/>
      <c r="BR411" s="53"/>
      <c r="BS411" s="53"/>
      <c r="BT411" s="53"/>
      <c r="BU411" s="53"/>
      <c r="BV411" s="53"/>
      <c r="BW411" s="53"/>
      <c r="BX411" s="53"/>
      <c r="BY411" s="53"/>
      <c r="BZ411" s="53"/>
      <c r="CA411" s="53"/>
      <c r="CB411" s="53"/>
      <c r="CC411" s="53"/>
      <c r="CD411" s="53"/>
      <c r="CE411" s="53"/>
      <c r="CF411" s="53"/>
      <c r="CG411" s="53"/>
      <c r="CH411" s="53"/>
      <c r="CI411" s="53"/>
      <c r="CJ411" s="53"/>
      <c r="CK411" s="53"/>
      <c r="CL411" s="53"/>
      <c r="CM411" s="53"/>
      <c r="CN411" s="53"/>
    </row>
    <row r="412" spans="1:92" outlineLevel="1">
      <c r="A412" s="52" t="s">
        <v>649</v>
      </c>
      <c r="B412" s="53">
        <v>-166666.66666666701</v>
      </c>
      <c r="C412" s="53">
        <v>-166666.66666666701</v>
      </c>
      <c r="D412" s="53">
        <v>-166666.66666666701</v>
      </c>
      <c r="E412" s="53">
        <v>-166666.66666666701</v>
      </c>
      <c r="F412" s="53">
        <v>-166666.66666666701</v>
      </c>
      <c r="G412" s="53">
        <v>-166666.66666666701</v>
      </c>
      <c r="H412" s="53">
        <v>-166666.66666666701</v>
      </c>
      <c r="I412" s="53">
        <v>-166666.66666666701</v>
      </c>
      <c r="J412" s="53">
        <v>-166666.66666666701</v>
      </c>
      <c r="K412" s="53">
        <v>-166666.66666666701</v>
      </c>
      <c r="L412" s="53">
        <v>-166666.66666666701</v>
      </c>
      <c r="M412" s="53">
        <v>-166666.66666666701</v>
      </c>
      <c r="N412" s="53">
        <v>-2000000</v>
      </c>
      <c r="O412" s="53">
        <v>-13011993.853433199</v>
      </c>
      <c r="P412" s="53"/>
      <c r="Q412" s="53"/>
      <c r="R412" s="53"/>
      <c r="S412" s="53"/>
      <c r="T412" s="53"/>
      <c r="U412" s="53"/>
      <c r="V412" s="53"/>
      <c r="W412" s="53"/>
      <c r="X412" s="53"/>
      <c r="Y412" s="53"/>
      <c r="Z412" s="53"/>
      <c r="AA412" s="53">
        <v>-13011993.853433199</v>
      </c>
      <c r="AB412" s="53"/>
      <c r="AC412" s="53"/>
      <c r="AD412" s="53"/>
      <c r="AE412" s="53"/>
      <c r="AF412" s="53"/>
      <c r="AG412" s="53"/>
      <c r="AH412" s="53"/>
      <c r="AI412" s="53"/>
      <c r="AJ412" s="53"/>
      <c r="AK412" s="53"/>
      <c r="AL412" s="53"/>
      <c r="AM412" s="53"/>
      <c r="AN412" s="53"/>
      <c r="AO412" s="53"/>
      <c r="AP412" s="53"/>
      <c r="AQ412" s="53"/>
      <c r="AR412" s="53"/>
      <c r="AS412" s="53"/>
      <c r="AT412" s="53"/>
      <c r="AU412" s="53"/>
      <c r="AV412" s="53"/>
      <c r="AW412" s="53"/>
      <c r="AX412" s="53"/>
      <c r="AY412" s="53"/>
      <c r="AZ412" s="53"/>
      <c r="BA412" s="53"/>
      <c r="BB412" s="53"/>
      <c r="BC412" s="53"/>
      <c r="BD412" s="53"/>
      <c r="BE412" s="53"/>
      <c r="BF412" s="53"/>
      <c r="BG412" s="53"/>
      <c r="BH412" s="53"/>
      <c r="BI412" s="53"/>
      <c r="BJ412" s="53"/>
      <c r="BK412" s="53"/>
      <c r="BL412" s="53"/>
      <c r="BM412" s="53"/>
      <c r="BN412" s="53"/>
      <c r="BO412" s="53"/>
      <c r="BP412" s="53"/>
      <c r="BQ412" s="53"/>
      <c r="BR412" s="53"/>
      <c r="BS412" s="53"/>
      <c r="BT412" s="53"/>
      <c r="BU412" s="53"/>
      <c r="BV412" s="53"/>
      <c r="BW412" s="53"/>
      <c r="BX412" s="53"/>
      <c r="BY412" s="53"/>
      <c r="BZ412" s="53"/>
      <c r="CA412" s="53"/>
      <c r="CB412" s="53"/>
      <c r="CC412" s="53"/>
      <c r="CD412" s="53"/>
      <c r="CE412" s="53"/>
      <c r="CF412" s="53"/>
      <c r="CG412" s="53"/>
      <c r="CH412" s="53"/>
      <c r="CI412" s="53"/>
      <c r="CJ412" s="53"/>
      <c r="CK412" s="53"/>
      <c r="CL412" s="53"/>
      <c r="CM412" s="53"/>
      <c r="CN412" s="53"/>
    </row>
    <row r="413" spans="1:92" outlineLevel="1">
      <c r="A413" s="52" t="s">
        <v>1287</v>
      </c>
      <c r="B413" s="53"/>
      <c r="C413" s="53"/>
      <c r="D413" s="53"/>
      <c r="E413" s="53"/>
      <c r="F413" s="53"/>
      <c r="G413" s="53"/>
      <c r="H413" s="53"/>
      <c r="I413" s="53"/>
      <c r="J413" s="53"/>
      <c r="K413" s="53"/>
      <c r="L413" s="53"/>
      <c r="M413" s="53"/>
      <c r="N413" s="53"/>
      <c r="O413" s="53"/>
      <c r="P413" s="53"/>
      <c r="Q413" s="53"/>
      <c r="R413" s="53"/>
      <c r="S413" s="53"/>
      <c r="T413" s="53"/>
      <c r="U413" s="53"/>
      <c r="V413" s="53"/>
      <c r="W413" s="53"/>
      <c r="X413" s="53"/>
      <c r="Y413" s="53"/>
      <c r="Z413" s="53"/>
      <c r="AA413" s="53"/>
      <c r="AB413" s="53"/>
      <c r="AC413" s="53"/>
      <c r="AD413" s="53"/>
      <c r="AE413" s="53"/>
      <c r="AF413" s="53"/>
      <c r="AG413" s="53"/>
      <c r="AH413" s="53"/>
      <c r="AI413" s="53"/>
      <c r="AJ413" s="53"/>
      <c r="AK413" s="53"/>
      <c r="AL413" s="53"/>
      <c r="AM413" s="53"/>
      <c r="AN413" s="53"/>
      <c r="AO413" s="53"/>
      <c r="AP413" s="53"/>
      <c r="AQ413" s="53"/>
      <c r="AR413" s="53"/>
      <c r="AS413" s="53"/>
      <c r="AT413" s="53"/>
      <c r="AU413" s="53"/>
      <c r="AV413" s="53"/>
      <c r="AW413" s="53"/>
      <c r="AX413" s="53"/>
      <c r="AY413" s="53"/>
      <c r="AZ413" s="53"/>
      <c r="BA413" s="53"/>
      <c r="BB413" s="53"/>
      <c r="BC413" s="53"/>
      <c r="BD413" s="53"/>
      <c r="BE413" s="53"/>
      <c r="BF413" s="53"/>
      <c r="BG413" s="53"/>
      <c r="BH413" s="53"/>
      <c r="BI413" s="53"/>
      <c r="BJ413" s="53"/>
      <c r="BK413" s="53"/>
      <c r="BL413" s="53"/>
      <c r="BM413" s="53"/>
      <c r="BN413" s="53"/>
      <c r="BO413" s="53"/>
      <c r="BP413" s="53"/>
      <c r="BQ413" s="53"/>
      <c r="BR413" s="53"/>
      <c r="BS413" s="53"/>
      <c r="BT413" s="53"/>
      <c r="BU413" s="53"/>
      <c r="BV413" s="53"/>
      <c r="BW413" s="53"/>
      <c r="BX413" s="53"/>
      <c r="BY413" s="53"/>
      <c r="BZ413" s="53"/>
      <c r="CA413" s="53"/>
      <c r="CB413" s="53"/>
      <c r="CC413" s="53"/>
      <c r="CD413" s="53"/>
      <c r="CE413" s="53"/>
      <c r="CF413" s="53"/>
      <c r="CG413" s="53"/>
      <c r="CH413" s="53"/>
      <c r="CI413" s="53"/>
      <c r="CJ413" s="53"/>
      <c r="CK413" s="53"/>
      <c r="CL413" s="53"/>
      <c r="CM413" s="53"/>
      <c r="CN413" s="53"/>
    </row>
    <row r="414" spans="1:92" outlineLevel="1">
      <c r="A414" s="52" t="s">
        <v>649</v>
      </c>
      <c r="B414" s="53">
        <v>-16854.599999999999</v>
      </c>
      <c r="C414" s="53">
        <v>-8567.7999999999993</v>
      </c>
      <c r="D414" s="53">
        <v>-1641.6</v>
      </c>
      <c r="E414" s="53">
        <v>-4957</v>
      </c>
      <c r="F414" s="53">
        <v>-16777.400000000001</v>
      </c>
      <c r="G414" s="53">
        <v>395.1</v>
      </c>
      <c r="H414" s="53">
        <v>113.6</v>
      </c>
      <c r="I414" s="53">
        <v>-455.2</v>
      </c>
      <c r="J414" s="53">
        <v>-2129</v>
      </c>
      <c r="K414" s="53">
        <v>-1834.8999999999901</v>
      </c>
      <c r="L414" s="53">
        <v>-8.6969565163599292</v>
      </c>
      <c r="M414" s="53">
        <v>-6925.2</v>
      </c>
      <c r="N414" s="53">
        <v>-59642.696956516302</v>
      </c>
      <c r="O414" s="53">
        <v>26972252.3807608</v>
      </c>
      <c r="P414" s="53">
        <v>12342.963667496701</v>
      </c>
      <c r="Q414" s="53">
        <v>107477.202463333</v>
      </c>
      <c r="R414" s="53">
        <v>107264.92164589401</v>
      </c>
      <c r="S414" s="53">
        <v>87254.804872237801</v>
      </c>
      <c r="T414" s="53">
        <v>56618.983309157898</v>
      </c>
      <c r="U414" s="53">
        <v>66423.5662530962</v>
      </c>
      <c r="V414" s="53">
        <v>57434.5205439364</v>
      </c>
      <c r="W414" s="53">
        <v>58357.588991040197</v>
      </c>
      <c r="X414" s="53">
        <v>76317.635634432503</v>
      </c>
      <c r="Y414" s="53">
        <v>-8353.6205669180599</v>
      </c>
      <c r="Z414" s="53">
        <v>-9266.0006087423099</v>
      </c>
      <c r="AA414" s="53">
        <v>27584124.946965698</v>
      </c>
      <c r="AB414" s="53">
        <v>19566.449826817901</v>
      </c>
      <c r="AC414" s="53">
        <v>33703.264818216499</v>
      </c>
      <c r="AD414" s="53">
        <v>-35567.587871606302</v>
      </c>
      <c r="AE414" s="53">
        <v>5642.2607364955602</v>
      </c>
      <c r="AF414" s="53">
        <v>-60900.837342934603</v>
      </c>
      <c r="AG414" s="53">
        <v>-73746.685166889001</v>
      </c>
      <c r="AH414" s="53">
        <v>-26884.298339926499</v>
      </c>
      <c r="AI414" s="53">
        <v>77031.902905713301</v>
      </c>
      <c r="AJ414" s="53">
        <v>44708.705025899697</v>
      </c>
      <c r="AK414" s="53">
        <v>53810.013761321403</v>
      </c>
      <c r="AL414" s="53">
        <v>-5011.6688384317404</v>
      </c>
      <c r="AM414" s="53">
        <v>-22556.548018615998</v>
      </c>
      <c r="AN414" s="53">
        <v>9794.9714960601395</v>
      </c>
      <c r="AO414" s="53">
        <v>-16592.636564938301</v>
      </c>
      <c r="AP414" s="53">
        <v>-24403.5073785116</v>
      </c>
      <c r="AQ414" s="53">
        <v>-84752.463028330603</v>
      </c>
      <c r="AR414" s="53">
        <v>-44264.936813268498</v>
      </c>
      <c r="AS414" s="53">
        <v>-94468.629338087398</v>
      </c>
      <c r="AT414" s="53">
        <v>-103709.355246443</v>
      </c>
      <c r="AU414" s="53">
        <v>-56280.2952303407</v>
      </c>
      <c r="AV414" s="53">
        <v>70896.193023423199</v>
      </c>
      <c r="AW414" s="53">
        <v>43270.8060995552</v>
      </c>
      <c r="AX414" s="53">
        <v>13107.5833478512</v>
      </c>
      <c r="AY414" s="53">
        <v>-18262.825693200899</v>
      </c>
      <c r="AZ414" s="53">
        <v>-20087.004303966602</v>
      </c>
      <c r="BA414" s="53">
        <v>-335547.071126258</v>
      </c>
      <c r="BB414" s="53">
        <v>-15829.759425570999</v>
      </c>
      <c r="BC414" s="53">
        <v>-20453.762957928098</v>
      </c>
      <c r="BD414" s="53">
        <v>-58907.947855812403</v>
      </c>
      <c r="BE414" s="53">
        <v>-32315.685607551099</v>
      </c>
      <c r="BF414" s="53">
        <v>-79736.355696440995</v>
      </c>
      <c r="BG414" s="53">
        <v>-76219.210612762297</v>
      </c>
      <c r="BH414" s="53">
        <v>-44241.617582025399</v>
      </c>
      <c r="BI414" s="53">
        <v>93594.184419023804</v>
      </c>
      <c r="BJ414" s="53">
        <v>82810.495379220796</v>
      </c>
      <c r="BK414" s="53">
        <v>49982.634886036998</v>
      </c>
      <c r="BL414" s="53">
        <v>23808.6058711197</v>
      </c>
      <c r="BM414" s="53">
        <v>21308.695381128899</v>
      </c>
      <c r="BN414" s="53">
        <v>-56199.7238015611</v>
      </c>
      <c r="BO414" s="53">
        <v>10423.2427628449</v>
      </c>
      <c r="BP414" s="53">
        <v>597.35156434180703</v>
      </c>
      <c r="BQ414" s="53">
        <v>-23318.967840968999</v>
      </c>
      <c r="BR414" s="53">
        <v>-15157.073525915501</v>
      </c>
      <c r="BS414" s="53">
        <v>-49889.174690979402</v>
      </c>
      <c r="BT414" s="53">
        <v>-41408.2619443652</v>
      </c>
      <c r="BU414" s="53">
        <v>-32623.451761930399</v>
      </c>
      <c r="BV414" s="53">
        <v>114032.39609742</v>
      </c>
      <c r="BW414" s="53">
        <v>102229.043502389</v>
      </c>
      <c r="BX414" s="53">
        <v>66725.321171368705</v>
      </c>
      <c r="BY414" s="53">
        <v>47441.8958135211</v>
      </c>
      <c r="BZ414" s="53">
        <v>45557.996967385399</v>
      </c>
      <c r="CA414" s="53">
        <v>224610.31811511199</v>
      </c>
      <c r="CB414" s="53"/>
      <c r="CC414" s="53"/>
      <c r="CD414" s="53"/>
      <c r="CE414" s="53"/>
      <c r="CF414" s="53"/>
      <c r="CG414" s="53"/>
      <c r="CH414" s="53"/>
      <c r="CI414" s="53"/>
      <c r="CJ414" s="53"/>
      <c r="CK414" s="53"/>
      <c r="CL414" s="53"/>
      <c r="CM414" s="53"/>
      <c r="CN414" s="53"/>
    </row>
    <row r="415" spans="1:92" outlineLevel="1">
      <c r="A415" s="52" t="s">
        <v>1291</v>
      </c>
      <c r="B415" s="53"/>
      <c r="C415" s="53"/>
      <c r="D415" s="53"/>
      <c r="E415" s="53"/>
      <c r="F415" s="53"/>
      <c r="G415" s="53"/>
      <c r="H415" s="53"/>
      <c r="I415" s="53"/>
      <c r="J415" s="53"/>
      <c r="K415" s="53"/>
      <c r="L415" s="53"/>
      <c r="M415" s="53"/>
      <c r="N415" s="53"/>
      <c r="O415" s="53"/>
      <c r="P415" s="53"/>
      <c r="Q415" s="53"/>
      <c r="R415" s="53"/>
      <c r="S415" s="53"/>
      <c r="T415" s="53"/>
      <c r="U415" s="53"/>
      <c r="V415" s="53"/>
      <c r="W415" s="53"/>
      <c r="X415" s="53"/>
      <c r="Y415" s="53"/>
      <c r="Z415" s="53"/>
      <c r="AA415" s="53"/>
      <c r="AB415" s="53"/>
      <c r="AC415" s="53"/>
      <c r="AD415" s="53"/>
      <c r="AE415" s="53"/>
      <c r="AF415" s="53"/>
      <c r="AG415" s="53"/>
      <c r="AH415" s="53"/>
      <c r="AI415" s="53"/>
      <c r="AJ415" s="53"/>
      <c r="AK415" s="53"/>
      <c r="AL415" s="53"/>
      <c r="AM415" s="53"/>
      <c r="AN415" s="53"/>
      <c r="AO415" s="53"/>
      <c r="AP415" s="53"/>
      <c r="AQ415" s="53"/>
      <c r="AR415" s="53"/>
      <c r="AS415" s="53"/>
      <c r="AT415" s="53"/>
      <c r="AU415" s="53"/>
      <c r="AV415" s="53"/>
      <c r="AW415" s="53"/>
      <c r="AX415" s="53"/>
      <c r="AY415" s="53"/>
      <c r="AZ415" s="53"/>
      <c r="BA415" s="53"/>
      <c r="BB415" s="53"/>
      <c r="BC415" s="53"/>
      <c r="BD415" s="53"/>
      <c r="BE415" s="53"/>
      <c r="BF415" s="53"/>
      <c r="BG415" s="53"/>
      <c r="BH415" s="53"/>
      <c r="BI415" s="53"/>
      <c r="BJ415" s="53"/>
      <c r="BK415" s="53"/>
      <c r="BL415" s="53"/>
      <c r="BM415" s="53"/>
      <c r="BN415" s="53"/>
      <c r="BO415" s="53"/>
      <c r="BP415" s="53"/>
      <c r="BQ415" s="53"/>
      <c r="BR415" s="53"/>
      <c r="BS415" s="53"/>
      <c r="BT415" s="53"/>
      <c r="BU415" s="53"/>
      <c r="BV415" s="53"/>
      <c r="BW415" s="53"/>
      <c r="BX415" s="53"/>
      <c r="BY415" s="53"/>
      <c r="BZ415" s="53"/>
      <c r="CA415" s="53"/>
      <c r="CB415" s="53"/>
      <c r="CC415" s="53"/>
      <c r="CD415" s="53"/>
      <c r="CE415" s="53"/>
      <c r="CF415" s="53"/>
      <c r="CG415" s="53"/>
      <c r="CH415" s="53"/>
      <c r="CI415" s="53"/>
      <c r="CJ415" s="53"/>
      <c r="CK415" s="53"/>
      <c r="CL415" s="53"/>
      <c r="CM415" s="53"/>
      <c r="CN415" s="53"/>
    </row>
    <row r="416" spans="1:92" outlineLevel="1">
      <c r="A416" s="52" t="s">
        <v>649</v>
      </c>
      <c r="B416" s="53">
        <v>-720000.74046040897</v>
      </c>
      <c r="C416" s="53">
        <v>-720000.74046040897</v>
      </c>
      <c r="D416" s="53">
        <v>-720000.74046040897</v>
      </c>
      <c r="E416" s="53">
        <v>-720000.74046040897</v>
      </c>
      <c r="F416" s="53">
        <v>-720000.74046040897</v>
      </c>
      <c r="G416" s="53">
        <v>-720000.74046040897</v>
      </c>
      <c r="H416" s="53">
        <v>-720000.74046040897</v>
      </c>
      <c r="I416" s="53">
        <v>-720000.74046040897</v>
      </c>
      <c r="J416" s="53">
        <v>-720000.74046040897</v>
      </c>
      <c r="K416" s="53">
        <v>-720000.74046040897</v>
      </c>
      <c r="L416" s="53">
        <v>-720000.74046040897</v>
      </c>
      <c r="M416" s="53">
        <v>-720000.74046040897</v>
      </c>
      <c r="N416" s="53">
        <v>-8640008.8855249099</v>
      </c>
      <c r="O416" s="53">
        <v>-837739.11872719799</v>
      </c>
      <c r="P416" s="53">
        <v>14366131.421122599</v>
      </c>
      <c r="Q416" s="53">
        <v>6636112.9663426802</v>
      </c>
      <c r="R416" s="53">
        <v>-17382.418596622301</v>
      </c>
      <c r="S416" s="53">
        <v>-1320420.1621185499</v>
      </c>
      <c r="T416" s="53">
        <v>-1222762.59542939</v>
      </c>
      <c r="U416" s="53">
        <v>-1246933.72720965</v>
      </c>
      <c r="V416" s="53">
        <v>-1198618.65355461</v>
      </c>
      <c r="W416" s="53">
        <v>-816607.97157991305</v>
      </c>
      <c r="X416" s="53">
        <v>-78969.734516533194</v>
      </c>
      <c r="Y416" s="53"/>
      <c r="Z416" s="53"/>
      <c r="AA416" s="53">
        <v>14262810.005732801</v>
      </c>
      <c r="AB416" s="53">
        <v>-159396.98351845299</v>
      </c>
      <c r="AC416" s="53">
        <v>-7655.8406842814302</v>
      </c>
      <c r="AD416" s="53"/>
      <c r="AE416" s="53">
        <v>-97255.291564477404</v>
      </c>
      <c r="AF416" s="53">
        <v>-776917.36263051303</v>
      </c>
      <c r="AG416" s="53">
        <v>-738188.55743353197</v>
      </c>
      <c r="AH416" s="53">
        <v>-708003.12641932396</v>
      </c>
      <c r="AI416" s="53">
        <v>-812705.60911089601</v>
      </c>
      <c r="AJ416" s="53">
        <v>-406740.82915997098</v>
      </c>
      <c r="AK416" s="53">
        <v>-183173.97711180101</v>
      </c>
      <c r="AL416" s="53">
        <v>-267465.69639317802</v>
      </c>
      <c r="AM416" s="53"/>
      <c r="AN416" s="53">
        <v>-4157503.27402642</v>
      </c>
      <c r="AO416" s="53">
        <v>-31914.462826986</v>
      </c>
      <c r="AP416" s="53">
        <v>-8623.9390217233395</v>
      </c>
      <c r="AQ416" s="53">
        <v>-321708.75747491699</v>
      </c>
      <c r="AR416" s="53">
        <v>-149778.38290843501</v>
      </c>
      <c r="AS416" s="53">
        <v>-340894.52444876998</v>
      </c>
      <c r="AT416" s="53">
        <v>-351551.61753155699</v>
      </c>
      <c r="AU416" s="53">
        <v>-330216.15992824099</v>
      </c>
      <c r="AV416" s="53">
        <v>-231424.09819176799</v>
      </c>
      <c r="AW416" s="53">
        <v>-217062.36264681499</v>
      </c>
      <c r="AX416" s="53">
        <v>-114785.01584178599</v>
      </c>
      <c r="AY416" s="53"/>
      <c r="AZ416" s="53"/>
      <c r="BA416" s="53">
        <v>-2097959.32082099</v>
      </c>
      <c r="BB416" s="53">
        <v>-54835.355413437399</v>
      </c>
      <c r="BC416" s="53">
        <v>-5999.9016805231804</v>
      </c>
      <c r="BD416" s="53"/>
      <c r="BE416" s="53">
        <v>-3534.66142005345</v>
      </c>
      <c r="BF416" s="53">
        <v>-446186.69961813401</v>
      </c>
      <c r="BG416" s="53">
        <v>-457606.463671531</v>
      </c>
      <c r="BH416" s="53">
        <v>-439080.89468070801</v>
      </c>
      <c r="BI416" s="53">
        <v>-401082.65208509698</v>
      </c>
      <c r="BJ416" s="53">
        <v>-342254.75542270602</v>
      </c>
      <c r="BK416" s="53">
        <v>-377762.24580325698</v>
      </c>
      <c r="BL416" s="53">
        <v>-108007.46336428</v>
      </c>
      <c r="BM416" s="53"/>
      <c r="BN416" s="53">
        <v>-2636351.0931597198</v>
      </c>
      <c r="BO416" s="53">
        <v>-42811.950860384997</v>
      </c>
      <c r="BP416" s="53">
        <v>-21507.163226604502</v>
      </c>
      <c r="BQ416" s="53">
        <v>-201253.810403068</v>
      </c>
      <c r="BR416" s="53">
        <v>-2741.34073271125</v>
      </c>
      <c r="BS416" s="53">
        <v>-289003.657767025</v>
      </c>
      <c r="BT416" s="53">
        <v>-285680.66946936602</v>
      </c>
      <c r="BU416" s="53">
        <v>-288034.81392021099</v>
      </c>
      <c r="BV416" s="53">
        <v>-251776.877214943</v>
      </c>
      <c r="BW416" s="53">
        <v>-225111.941258292</v>
      </c>
      <c r="BX416" s="53">
        <v>-167914.45636721599</v>
      </c>
      <c r="BY416" s="53"/>
      <c r="BZ416" s="53">
        <v>-4270.7639702566703</v>
      </c>
      <c r="CA416" s="53">
        <v>-1780107.44519007</v>
      </c>
      <c r="CB416" s="53"/>
      <c r="CC416" s="53"/>
      <c r="CD416" s="53"/>
      <c r="CE416" s="53"/>
      <c r="CF416" s="53"/>
      <c r="CG416" s="53"/>
      <c r="CH416" s="53"/>
      <c r="CI416" s="53"/>
      <c r="CJ416" s="53"/>
      <c r="CK416" s="53"/>
      <c r="CL416" s="53"/>
      <c r="CM416" s="53"/>
      <c r="CN416" s="53"/>
    </row>
    <row r="417" spans="1:92" outlineLevel="1">
      <c r="A417" s="52" t="s">
        <v>1292</v>
      </c>
      <c r="B417" s="53"/>
      <c r="C417" s="53"/>
      <c r="D417" s="53"/>
      <c r="E417" s="53"/>
      <c r="F417" s="53"/>
      <c r="G417" s="53"/>
      <c r="H417" s="53"/>
      <c r="I417" s="53"/>
      <c r="J417" s="53"/>
      <c r="K417" s="53"/>
      <c r="L417" s="53"/>
      <c r="M417" s="53"/>
      <c r="N417" s="53"/>
      <c r="O417" s="53"/>
      <c r="P417" s="53"/>
      <c r="Q417" s="53"/>
      <c r="R417" s="53"/>
      <c r="S417" s="53"/>
      <c r="T417" s="53"/>
      <c r="U417" s="53"/>
      <c r="V417" s="53"/>
      <c r="W417" s="53"/>
      <c r="X417" s="53"/>
      <c r="Y417" s="53"/>
      <c r="Z417" s="53"/>
      <c r="AA417" s="53"/>
      <c r="AB417" s="53"/>
      <c r="AC417" s="53"/>
      <c r="AD417" s="53"/>
      <c r="AE417" s="53"/>
      <c r="AF417" s="53"/>
      <c r="AG417" s="53"/>
      <c r="AH417" s="53"/>
      <c r="AI417" s="53"/>
      <c r="AJ417" s="53"/>
      <c r="AK417" s="53"/>
      <c r="AL417" s="53"/>
      <c r="AM417" s="53"/>
      <c r="AN417" s="53"/>
      <c r="AO417" s="53"/>
      <c r="AP417" s="53"/>
      <c r="AQ417" s="53"/>
      <c r="AR417" s="53"/>
      <c r="AS417" s="53"/>
      <c r="AT417" s="53"/>
      <c r="AU417" s="53"/>
      <c r="AV417" s="53"/>
      <c r="AW417" s="53"/>
      <c r="AX417" s="53"/>
      <c r="AY417" s="53"/>
      <c r="AZ417" s="53"/>
      <c r="BA417" s="53"/>
      <c r="BB417" s="53"/>
      <c r="BC417" s="53"/>
      <c r="BD417" s="53"/>
      <c r="BE417" s="53"/>
      <c r="BF417" s="53"/>
      <c r="BG417" s="53"/>
      <c r="BH417" s="53"/>
      <c r="BI417" s="53"/>
      <c r="BJ417" s="53"/>
      <c r="BK417" s="53"/>
      <c r="BL417" s="53"/>
      <c r="BM417" s="53"/>
      <c r="BN417" s="53"/>
      <c r="BO417" s="53"/>
      <c r="BP417" s="53"/>
      <c r="BQ417" s="53"/>
      <c r="BR417" s="53"/>
      <c r="BS417" s="53"/>
      <c r="BT417" s="53"/>
      <c r="BU417" s="53"/>
      <c r="BV417" s="53"/>
      <c r="BW417" s="53"/>
      <c r="BX417" s="53"/>
      <c r="BY417" s="53"/>
      <c r="BZ417" s="53"/>
      <c r="CA417" s="53"/>
      <c r="CB417" s="53"/>
      <c r="CC417" s="53"/>
      <c r="CD417" s="53"/>
      <c r="CE417" s="53"/>
      <c r="CF417" s="53"/>
      <c r="CG417" s="53"/>
      <c r="CH417" s="53"/>
      <c r="CI417" s="53"/>
      <c r="CJ417" s="53"/>
      <c r="CK417" s="53"/>
      <c r="CL417" s="53"/>
      <c r="CM417" s="53"/>
      <c r="CN417" s="53"/>
    </row>
    <row r="418" spans="1:92" outlineLevel="1">
      <c r="A418" s="52" t="s">
        <v>649</v>
      </c>
      <c r="B418" s="53">
        <v>228698.20629999999</v>
      </c>
      <c r="C418" s="53">
        <v>117870.7846</v>
      </c>
      <c r="D418" s="53">
        <v>62151.5</v>
      </c>
      <c r="E418" s="53">
        <v>36723.769999999997</v>
      </c>
      <c r="F418" s="53">
        <v>66655.3</v>
      </c>
      <c r="G418" s="53">
        <v>-1206775</v>
      </c>
      <c r="H418" s="53">
        <v>-1170593.8</v>
      </c>
      <c r="I418" s="53">
        <v>-1213492.29999999</v>
      </c>
      <c r="J418" s="53">
        <v>-1231131.8999999999</v>
      </c>
      <c r="K418" s="53">
        <v>-1234847.6000000001</v>
      </c>
      <c r="L418" s="53">
        <v>-1244708.5999999901</v>
      </c>
      <c r="M418" s="53">
        <v>-4505441.3999999901</v>
      </c>
      <c r="N418" s="53">
        <v>-11294891.0390999</v>
      </c>
      <c r="O418" s="53"/>
      <c r="P418" s="53"/>
      <c r="Q418" s="53"/>
      <c r="R418" s="53"/>
      <c r="S418" s="53"/>
      <c r="T418" s="53"/>
      <c r="U418" s="53"/>
      <c r="V418" s="53"/>
      <c r="W418" s="53"/>
      <c r="X418" s="53"/>
      <c r="Y418" s="53"/>
      <c r="Z418" s="53"/>
      <c r="AA418" s="53"/>
      <c r="AB418" s="53"/>
      <c r="AC418" s="53"/>
      <c r="AD418" s="53"/>
      <c r="AE418" s="53"/>
      <c r="AF418" s="53"/>
      <c r="AG418" s="53"/>
      <c r="AH418" s="53"/>
      <c r="AI418" s="53"/>
      <c r="AJ418" s="53"/>
      <c r="AK418" s="53"/>
      <c r="AL418" s="53"/>
      <c r="AM418" s="53"/>
      <c r="AN418" s="53"/>
      <c r="AO418" s="53"/>
      <c r="AP418" s="53"/>
      <c r="AQ418" s="53"/>
      <c r="AR418" s="53"/>
      <c r="AS418" s="53"/>
      <c r="AT418" s="53"/>
      <c r="AU418" s="53"/>
      <c r="AV418" s="53"/>
      <c r="AW418" s="53"/>
      <c r="AX418" s="53"/>
      <c r="AY418" s="53"/>
      <c r="AZ418" s="53"/>
      <c r="BA418" s="53"/>
      <c r="BB418" s="53"/>
      <c r="BC418" s="53"/>
      <c r="BD418" s="53"/>
      <c r="BE418" s="53"/>
      <c r="BF418" s="53"/>
      <c r="BG418" s="53"/>
      <c r="BH418" s="53"/>
      <c r="BI418" s="53"/>
      <c r="BJ418" s="53"/>
      <c r="BK418" s="53"/>
      <c r="BL418" s="53"/>
      <c r="BM418" s="53"/>
      <c r="BN418" s="53"/>
      <c r="BO418" s="53"/>
      <c r="BP418" s="53"/>
      <c r="BQ418" s="53"/>
      <c r="BR418" s="53"/>
      <c r="BS418" s="53"/>
      <c r="BT418" s="53"/>
      <c r="BU418" s="53"/>
      <c r="BV418" s="53"/>
      <c r="BW418" s="53"/>
      <c r="BX418" s="53"/>
      <c r="BY418" s="53"/>
      <c r="BZ418" s="53"/>
      <c r="CA418" s="53"/>
      <c r="CB418" s="53"/>
      <c r="CC418" s="53"/>
      <c r="CD418" s="53"/>
      <c r="CE418" s="53"/>
      <c r="CF418" s="53"/>
      <c r="CG418" s="53"/>
      <c r="CH418" s="53"/>
      <c r="CI418" s="53"/>
      <c r="CJ418" s="53"/>
      <c r="CK418" s="53"/>
      <c r="CL418" s="53"/>
      <c r="CM418" s="53"/>
      <c r="CN418" s="53"/>
    </row>
    <row r="419" spans="1:92" outlineLevel="1">
      <c r="A419" s="59" t="s">
        <v>1299</v>
      </c>
      <c r="B419" s="53">
        <v>479000466.49999899</v>
      </c>
      <c r="C419" s="53">
        <v>471778217.799999</v>
      </c>
      <c r="D419" s="53">
        <v>462856100.01999998</v>
      </c>
      <c r="E419" s="53">
        <v>468581660.05999899</v>
      </c>
      <c r="F419" s="53">
        <v>480089779.99999899</v>
      </c>
      <c r="G419" s="53">
        <v>477703166.19999999</v>
      </c>
      <c r="H419" s="53">
        <v>511957815.55999899</v>
      </c>
      <c r="I419" s="53">
        <v>538704414.28999901</v>
      </c>
      <c r="J419" s="53">
        <v>569463763.25999904</v>
      </c>
      <c r="K419" s="53">
        <v>572201621.88999903</v>
      </c>
      <c r="L419" s="53">
        <v>567247180.61999905</v>
      </c>
      <c r="M419" s="53">
        <v>572898998.99999905</v>
      </c>
      <c r="N419" s="53">
        <v>572898998.99999905</v>
      </c>
      <c r="O419" s="53">
        <v>599033512.26203299</v>
      </c>
      <c r="P419" s="53">
        <v>613411986.64682305</v>
      </c>
      <c r="Q419" s="53">
        <v>620155576.81562901</v>
      </c>
      <c r="R419" s="53">
        <v>620245459.31867802</v>
      </c>
      <c r="S419" s="53">
        <v>619012293.96143198</v>
      </c>
      <c r="T419" s="53">
        <v>617846150.34931195</v>
      </c>
      <c r="U419" s="53">
        <v>616665640.18835497</v>
      </c>
      <c r="V419" s="53">
        <v>615524456.05534399</v>
      </c>
      <c r="W419" s="53">
        <v>614766205.67275596</v>
      </c>
      <c r="X419" s="53">
        <v>614763553.573874</v>
      </c>
      <c r="Y419" s="53">
        <v>614755199.95330703</v>
      </c>
      <c r="Z419" s="53">
        <v>614745933.95269799</v>
      </c>
      <c r="AA419" s="53">
        <v>614745933.95269799</v>
      </c>
      <c r="AB419" s="53">
        <v>614606103.41900599</v>
      </c>
      <c r="AC419" s="53">
        <v>614632150.84314001</v>
      </c>
      <c r="AD419" s="53">
        <v>614596583.25526798</v>
      </c>
      <c r="AE419" s="53">
        <v>614504970.22443998</v>
      </c>
      <c r="AF419" s="53">
        <v>613667152.02446699</v>
      </c>
      <c r="AG419" s="53">
        <v>612855216.78186703</v>
      </c>
      <c r="AH419" s="53">
        <v>612120329.35710704</v>
      </c>
      <c r="AI419" s="53">
        <v>611384655.65090203</v>
      </c>
      <c r="AJ419" s="53">
        <v>611022623.52676797</v>
      </c>
      <c r="AK419" s="53">
        <v>610893259.56341803</v>
      </c>
      <c r="AL419" s="53">
        <v>610620782.19818604</v>
      </c>
      <c r="AM419" s="53">
        <v>610598225.65016794</v>
      </c>
      <c r="AN419" s="53">
        <v>610598225.65016794</v>
      </c>
      <c r="AO419" s="53">
        <v>610549718.550776</v>
      </c>
      <c r="AP419" s="53">
        <v>610516691.104375</v>
      </c>
      <c r="AQ419" s="53">
        <v>610110229.88387203</v>
      </c>
      <c r="AR419" s="53">
        <v>609916186.56414998</v>
      </c>
      <c r="AS419" s="53">
        <v>609480823.41036403</v>
      </c>
      <c r="AT419" s="53">
        <v>609025562.43758595</v>
      </c>
      <c r="AU419" s="53">
        <v>608639065.982427</v>
      </c>
      <c r="AV419" s="53">
        <v>608478538.07725894</v>
      </c>
      <c r="AW419" s="53">
        <v>608304746.52071095</v>
      </c>
      <c r="AX419" s="53">
        <v>608203069.08821702</v>
      </c>
      <c r="AY419" s="53">
        <v>608184806.26252401</v>
      </c>
      <c r="AZ419" s="53">
        <v>608164719.25821996</v>
      </c>
      <c r="BA419" s="53">
        <v>608164719.25821996</v>
      </c>
      <c r="BB419" s="53">
        <v>608094054.143381</v>
      </c>
      <c r="BC419" s="53">
        <v>608067600.47874296</v>
      </c>
      <c r="BD419" s="53">
        <v>608008692.53088701</v>
      </c>
      <c r="BE419" s="53">
        <v>607972842.18385899</v>
      </c>
      <c r="BF419" s="53">
        <v>607446919.12854505</v>
      </c>
      <c r="BG419" s="53">
        <v>606913093.45425999</v>
      </c>
      <c r="BH419" s="53">
        <v>606429770.941998</v>
      </c>
      <c r="BI419" s="53">
        <v>606122282.47433197</v>
      </c>
      <c r="BJ419" s="53">
        <v>605862838.214288</v>
      </c>
      <c r="BK419" s="53">
        <v>605535058.60337102</v>
      </c>
      <c r="BL419" s="53">
        <v>605450859.74587798</v>
      </c>
      <c r="BM419" s="53">
        <v>605472168.44125903</v>
      </c>
      <c r="BN419" s="53">
        <v>605472168.44125903</v>
      </c>
      <c r="BO419" s="53">
        <v>605439779.73316097</v>
      </c>
      <c r="BP419" s="53">
        <v>605418869.92149901</v>
      </c>
      <c r="BQ419" s="53">
        <v>605194297.143255</v>
      </c>
      <c r="BR419" s="53">
        <v>605176398.72899604</v>
      </c>
      <c r="BS419" s="53">
        <v>604837505.89653802</v>
      </c>
      <c r="BT419" s="53">
        <v>604510416.96512496</v>
      </c>
      <c r="BU419" s="53">
        <v>604189758.69944298</v>
      </c>
      <c r="BV419" s="53">
        <v>604052014.21832502</v>
      </c>
      <c r="BW419" s="53">
        <v>603929131.32056904</v>
      </c>
      <c r="BX419" s="53">
        <v>603827942.18537295</v>
      </c>
      <c r="BY419" s="53">
        <v>603875384.08118701</v>
      </c>
      <c r="BZ419" s="53">
        <v>603916671.31418395</v>
      </c>
      <c r="CA419" s="53">
        <v>603916671.31418395</v>
      </c>
      <c r="CB419" s="53"/>
      <c r="CC419" s="53"/>
      <c r="CD419" s="53"/>
      <c r="CE419" s="53"/>
      <c r="CF419" s="53"/>
      <c r="CG419" s="53"/>
      <c r="CH419" s="53"/>
      <c r="CI419" s="53"/>
      <c r="CJ419" s="53"/>
      <c r="CK419" s="53"/>
      <c r="CL419" s="53"/>
      <c r="CM419" s="53"/>
      <c r="CN419" s="53"/>
    </row>
    <row r="420" spans="1:92" outlineLevel="1">
      <c r="A420" s="52" t="s">
        <v>235</v>
      </c>
      <c r="B420" s="53"/>
      <c r="C420" s="53"/>
      <c r="D420" s="53"/>
      <c r="E420" s="53"/>
      <c r="F420" s="53"/>
      <c r="G420" s="53"/>
      <c r="H420" s="53"/>
      <c r="I420" s="53"/>
      <c r="J420" s="53"/>
      <c r="K420" s="53"/>
      <c r="L420" s="53"/>
      <c r="M420" s="53"/>
      <c r="N420" s="53"/>
      <c r="O420" s="53"/>
      <c r="P420" s="53"/>
      <c r="Q420" s="53"/>
      <c r="R420" s="53"/>
      <c r="S420" s="53"/>
      <c r="T420" s="53"/>
      <c r="U420" s="53"/>
      <c r="V420" s="53"/>
      <c r="W420" s="53"/>
      <c r="X420" s="53"/>
      <c r="Y420" s="53"/>
      <c r="Z420" s="53"/>
      <c r="AA420" s="53"/>
      <c r="AB420" s="53"/>
      <c r="AC420" s="53"/>
      <c r="AD420" s="53"/>
      <c r="AE420" s="53"/>
      <c r="AF420" s="53"/>
      <c r="AG420" s="53"/>
      <c r="AH420" s="53"/>
      <c r="AI420" s="53"/>
      <c r="AJ420" s="53"/>
      <c r="AK420" s="53"/>
      <c r="AL420" s="53"/>
      <c r="AM420" s="53"/>
      <c r="AN420" s="53"/>
      <c r="AO420" s="53"/>
      <c r="AP420" s="53"/>
      <c r="AQ420" s="53"/>
      <c r="AR420" s="53"/>
      <c r="AS420" s="53"/>
      <c r="AT420" s="53"/>
      <c r="AU420" s="53"/>
      <c r="AV420" s="53"/>
      <c r="AW420" s="53"/>
      <c r="AX420" s="53"/>
      <c r="AY420" s="53"/>
      <c r="AZ420" s="53"/>
      <c r="BA420" s="53"/>
      <c r="BB420" s="53"/>
      <c r="BC420" s="53"/>
      <c r="BD420" s="53"/>
      <c r="BE420" s="53"/>
      <c r="BF420" s="53"/>
      <c r="BG420" s="53"/>
      <c r="BH420" s="53"/>
      <c r="BI420" s="53"/>
      <c r="BJ420" s="53"/>
      <c r="BK420" s="53"/>
      <c r="BL420" s="53"/>
      <c r="BM420" s="53"/>
      <c r="BN420" s="53"/>
      <c r="BO420" s="53"/>
      <c r="BP420" s="53"/>
      <c r="BQ420" s="53"/>
      <c r="BR420" s="53"/>
      <c r="BS420" s="53"/>
      <c r="BT420" s="53"/>
      <c r="BU420" s="53"/>
      <c r="BV420" s="53"/>
      <c r="BW420" s="53"/>
      <c r="BX420" s="53"/>
      <c r="BY420" s="53"/>
      <c r="BZ420" s="53"/>
      <c r="CA420" s="53"/>
      <c r="CB420" s="53"/>
      <c r="CC420" s="53"/>
      <c r="CD420" s="53"/>
      <c r="CE420" s="53"/>
      <c r="CF420" s="53"/>
      <c r="CG420" s="53"/>
      <c r="CH420" s="53"/>
      <c r="CI420" s="53"/>
      <c r="CJ420" s="53"/>
      <c r="CK420" s="53"/>
      <c r="CL420" s="53"/>
      <c r="CM420" s="53"/>
      <c r="CN420" s="53"/>
    </row>
    <row r="421" spans="1:92" outlineLevel="1">
      <c r="A421" s="52" t="s">
        <v>1300</v>
      </c>
      <c r="B421" s="53">
        <v>301836211.50999999</v>
      </c>
      <c r="C421" s="53">
        <v>382711979.34999901</v>
      </c>
      <c r="D421" s="53">
        <v>407478457.68999898</v>
      </c>
      <c r="E421" s="53">
        <v>439900110.14999998</v>
      </c>
      <c r="F421" s="53">
        <v>563454970.28999996</v>
      </c>
      <c r="G421" s="53">
        <v>688230920.82000005</v>
      </c>
      <c r="H421" s="53">
        <v>793320077.37999904</v>
      </c>
      <c r="I421" s="53">
        <v>994679186.14999998</v>
      </c>
      <c r="J421" s="53">
        <v>1128836652.0899999</v>
      </c>
      <c r="K421" s="53">
        <v>1214531909.1199999</v>
      </c>
      <c r="L421" s="53">
        <v>1268689501.4100001</v>
      </c>
      <c r="M421" s="53">
        <v>1060202273.54</v>
      </c>
      <c r="N421" s="53">
        <v>1060202273.54</v>
      </c>
      <c r="O421" s="53">
        <v>1060202273.54</v>
      </c>
      <c r="P421" s="53">
        <v>1060202273.54</v>
      </c>
      <c r="Q421" s="53">
        <v>1060202273.54</v>
      </c>
      <c r="R421" s="53">
        <v>1060202273.54</v>
      </c>
      <c r="S421" s="53">
        <v>1060202273.54</v>
      </c>
      <c r="T421" s="53">
        <v>1060202273.54</v>
      </c>
      <c r="U421" s="53">
        <v>1060202273.54</v>
      </c>
      <c r="V421" s="53">
        <v>1060202273.54</v>
      </c>
      <c r="W421" s="53">
        <v>1060202273.54</v>
      </c>
      <c r="X421" s="53">
        <v>1060202273.54</v>
      </c>
      <c r="Y421" s="53">
        <v>1060202273.54</v>
      </c>
      <c r="Z421" s="53">
        <v>1060202273.54</v>
      </c>
      <c r="AA421" s="53">
        <v>1060202273.54</v>
      </c>
      <c r="AB421" s="53">
        <v>1060202273.54</v>
      </c>
      <c r="AC421" s="53">
        <v>1060202273.54</v>
      </c>
      <c r="AD421" s="53">
        <v>1060202273.54</v>
      </c>
      <c r="AE421" s="53">
        <v>1060202273.54</v>
      </c>
      <c r="AF421" s="53">
        <v>1060202273.54</v>
      </c>
      <c r="AG421" s="53">
        <v>1060202273.54</v>
      </c>
      <c r="AH421" s="53">
        <v>1060202273.54</v>
      </c>
      <c r="AI421" s="53">
        <v>1060202273.54</v>
      </c>
      <c r="AJ421" s="53">
        <v>1060202273.54</v>
      </c>
      <c r="AK421" s="53">
        <v>1060202273.54</v>
      </c>
      <c r="AL421" s="53">
        <v>1060202273.54</v>
      </c>
      <c r="AM421" s="53">
        <v>1060202273.54</v>
      </c>
      <c r="AN421" s="53">
        <v>1060202273.54</v>
      </c>
      <c r="AO421" s="53">
        <v>1060202273.54</v>
      </c>
      <c r="AP421" s="53">
        <v>1060202273.54</v>
      </c>
      <c r="AQ421" s="53">
        <v>1060202273.54</v>
      </c>
      <c r="AR421" s="53">
        <v>1060202273.54</v>
      </c>
      <c r="AS421" s="53">
        <v>1060202273.54</v>
      </c>
      <c r="AT421" s="53">
        <v>1060202273.54</v>
      </c>
      <c r="AU421" s="53">
        <v>1060202273.54</v>
      </c>
      <c r="AV421" s="53">
        <v>1060202273.54</v>
      </c>
      <c r="AW421" s="53">
        <v>1060202273.54</v>
      </c>
      <c r="AX421" s="53">
        <v>1060202273.54</v>
      </c>
      <c r="AY421" s="53">
        <v>1060202273.54</v>
      </c>
      <c r="AZ421" s="53">
        <v>1060202273.54</v>
      </c>
      <c r="BA421" s="53">
        <v>1060202273.54</v>
      </c>
      <c r="BB421" s="53">
        <v>1060202273.54</v>
      </c>
      <c r="BC421" s="53">
        <v>1060202273.54</v>
      </c>
      <c r="BD421" s="53">
        <v>1060202273.54</v>
      </c>
      <c r="BE421" s="53">
        <v>1060202273.54</v>
      </c>
      <c r="BF421" s="53">
        <v>1060202273.54</v>
      </c>
      <c r="BG421" s="53">
        <v>1060202273.54</v>
      </c>
      <c r="BH421" s="53">
        <v>1060202273.54</v>
      </c>
      <c r="BI421" s="53">
        <v>1060202273.54</v>
      </c>
      <c r="BJ421" s="53">
        <v>1060202273.54</v>
      </c>
      <c r="BK421" s="53">
        <v>1060202273.54</v>
      </c>
      <c r="BL421" s="53">
        <v>1060202273.54</v>
      </c>
      <c r="BM421" s="53">
        <v>1060202273.54</v>
      </c>
      <c r="BN421" s="53">
        <v>1060202273.54</v>
      </c>
      <c r="BO421" s="53">
        <v>1060202273.54</v>
      </c>
      <c r="BP421" s="53">
        <v>1060202273.54</v>
      </c>
      <c r="BQ421" s="53">
        <v>1060202273.54</v>
      </c>
      <c r="BR421" s="53">
        <v>1060202273.54</v>
      </c>
      <c r="BS421" s="53">
        <v>1060202273.54</v>
      </c>
      <c r="BT421" s="53">
        <v>1060202273.54</v>
      </c>
      <c r="BU421" s="53">
        <v>1060202273.54</v>
      </c>
      <c r="BV421" s="53">
        <v>1060202273.54</v>
      </c>
      <c r="BW421" s="53">
        <v>1060202273.54</v>
      </c>
      <c r="BX421" s="53">
        <v>1060202273.54</v>
      </c>
      <c r="BY421" s="53">
        <v>1060202273.54</v>
      </c>
      <c r="BZ421" s="53">
        <v>1060202273.54</v>
      </c>
      <c r="CA421" s="53">
        <v>1060202273.54</v>
      </c>
      <c r="CB421" s="53"/>
      <c r="CC421" s="53"/>
      <c r="CD421" s="53"/>
      <c r="CE421" s="53"/>
      <c r="CF421" s="53"/>
      <c r="CG421" s="53"/>
      <c r="CH421" s="53"/>
      <c r="CI421" s="53"/>
      <c r="CJ421" s="53"/>
      <c r="CK421" s="53"/>
      <c r="CL421" s="53"/>
      <c r="CM421" s="53"/>
      <c r="CN421" s="53"/>
    </row>
    <row r="422" spans="1:92" outlineLevel="1">
      <c r="A422" s="52" t="s">
        <v>1218</v>
      </c>
      <c r="B422" s="53">
        <v>29827487.260000002</v>
      </c>
      <c r="C422" s="53">
        <v>29457208.6399999</v>
      </c>
      <c r="D422" s="53">
        <v>29086930.009999901</v>
      </c>
      <c r="E422" s="53">
        <v>43587523.140000001</v>
      </c>
      <c r="F422" s="53">
        <v>43217243.509999998</v>
      </c>
      <c r="G422" s="53">
        <v>42846964.890000001</v>
      </c>
      <c r="H422" s="53">
        <v>42476687.259999998</v>
      </c>
      <c r="I422" s="53">
        <v>27235535.890000001</v>
      </c>
      <c r="J422" s="53">
        <v>26865257.259999901</v>
      </c>
      <c r="K422" s="53">
        <v>28943766.059999999</v>
      </c>
      <c r="L422" s="53">
        <v>28573487.429999899</v>
      </c>
      <c r="M422" s="53">
        <v>28206653.759999901</v>
      </c>
      <c r="N422" s="53">
        <v>29827487.260000002</v>
      </c>
      <c r="O422" s="53">
        <v>28127100.52</v>
      </c>
      <c r="P422" s="53">
        <v>28267856.1866666</v>
      </c>
      <c r="Q422" s="53">
        <v>28408611.853333302</v>
      </c>
      <c r="R422" s="53">
        <v>28549367.52</v>
      </c>
      <c r="S422" s="53">
        <v>28690123.1866666</v>
      </c>
      <c r="T422" s="53">
        <v>28830878.853333302</v>
      </c>
      <c r="U422" s="53">
        <v>28971634.52</v>
      </c>
      <c r="V422" s="53">
        <v>29112390.1866666</v>
      </c>
      <c r="W422" s="53">
        <v>29253145.853333302</v>
      </c>
      <c r="X422" s="53">
        <v>29393901.52</v>
      </c>
      <c r="Y422" s="53">
        <v>29534657.1866666</v>
      </c>
      <c r="Z422" s="53">
        <v>29675412.853333302</v>
      </c>
      <c r="AA422" s="53">
        <v>28127100.52</v>
      </c>
      <c r="AB422" s="53">
        <v>29816168.52</v>
      </c>
      <c r="AC422" s="53">
        <v>29956924.1866666</v>
      </c>
      <c r="AD422" s="53">
        <v>30097679.853333302</v>
      </c>
      <c r="AE422" s="53">
        <v>30238435.52</v>
      </c>
      <c r="AF422" s="53">
        <v>30379191.1866666</v>
      </c>
      <c r="AG422" s="53">
        <v>30519946.853333302</v>
      </c>
      <c r="AH422" s="53">
        <v>30660702.52</v>
      </c>
      <c r="AI422" s="53">
        <v>30801458.1866666</v>
      </c>
      <c r="AJ422" s="53">
        <v>30942213.853333302</v>
      </c>
      <c r="AK422" s="53">
        <v>31082969.52</v>
      </c>
      <c r="AL422" s="53">
        <v>31223725.1866666</v>
      </c>
      <c r="AM422" s="53">
        <v>31364480.853333302</v>
      </c>
      <c r="AN422" s="53">
        <v>29816168.52</v>
      </c>
      <c r="AO422" s="53">
        <v>31505236.52</v>
      </c>
      <c r="AP422" s="53">
        <v>31645992.1866666</v>
      </c>
      <c r="AQ422" s="53">
        <v>31786747.853333302</v>
      </c>
      <c r="AR422" s="53">
        <v>31927503.52</v>
      </c>
      <c r="AS422" s="53">
        <v>32068259.1866666</v>
      </c>
      <c r="AT422" s="53">
        <v>32209014.853333302</v>
      </c>
      <c r="AU422" s="53">
        <v>32349770.52</v>
      </c>
      <c r="AV422" s="53">
        <v>32490526.186666701</v>
      </c>
      <c r="AW422" s="53">
        <v>32631281.853333302</v>
      </c>
      <c r="AX422" s="53">
        <v>32772037.52</v>
      </c>
      <c r="AY422" s="53">
        <v>32912793.1866666</v>
      </c>
      <c r="AZ422" s="53">
        <v>33053548.853333302</v>
      </c>
      <c r="BA422" s="53">
        <v>31505236.52</v>
      </c>
      <c r="BB422" s="53">
        <v>33194304.52</v>
      </c>
      <c r="BC422" s="53">
        <v>33335060.1866666</v>
      </c>
      <c r="BD422" s="53">
        <v>33475815.853333302</v>
      </c>
      <c r="BE422" s="53">
        <v>33616571.520000003</v>
      </c>
      <c r="BF422" s="53">
        <v>33757327.1866666</v>
      </c>
      <c r="BG422" s="53">
        <v>33898082.853333302</v>
      </c>
      <c r="BH422" s="53">
        <v>34038838.520000003</v>
      </c>
      <c r="BI422" s="53">
        <v>34179594.1866666</v>
      </c>
      <c r="BJ422" s="53">
        <v>34320349.853333302</v>
      </c>
      <c r="BK422" s="53">
        <v>34461105.520000003</v>
      </c>
      <c r="BL422" s="53">
        <v>34601861.1866666</v>
      </c>
      <c r="BM422" s="53">
        <v>34742616.853333302</v>
      </c>
      <c r="BN422" s="53">
        <v>33194304.52</v>
      </c>
      <c r="BO422" s="53">
        <v>34883372.519999899</v>
      </c>
      <c r="BP422" s="53">
        <v>35024128.1866666</v>
      </c>
      <c r="BQ422" s="53">
        <v>35164883.853333302</v>
      </c>
      <c r="BR422" s="53">
        <v>35305639.519999899</v>
      </c>
      <c r="BS422" s="53">
        <v>35446395.1866666</v>
      </c>
      <c r="BT422" s="53">
        <v>35587150.853333302</v>
      </c>
      <c r="BU422" s="53">
        <v>35727906.519999899</v>
      </c>
      <c r="BV422" s="53">
        <v>35877069.126516201</v>
      </c>
      <c r="BW422" s="53">
        <v>36034638.672882102</v>
      </c>
      <c r="BX422" s="53">
        <v>36192208.219248101</v>
      </c>
      <c r="BY422" s="53">
        <v>36349777.765614003</v>
      </c>
      <c r="BZ422" s="53">
        <v>36507347.311979897</v>
      </c>
      <c r="CA422" s="53">
        <v>34883372.519999899</v>
      </c>
      <c r="CB422" s="53">
        <v>453414157.32741803</v>
      </c>
      <c r="CC422" s="53">
        <v>453414157.32741803</v>
      </c>
      <c r="CD422" s="53">
        <v>453414157.32741803</v>
      </c>
      <c r="CE422" s="53">
        <v>453414157.32741803</v>
      </c>
      <c r="CF422" s="53">
        <v>453414157.32741803</v>
      </c>
      <c r="CG422" s="53">
        <v>453414157.32741803</v>
      </c>
      <c r="CH422" s="53">
        <v>453414157.32741803</v>
      </c>
      <c r="CI422" s="53">
        <v>453414157.32741803</v>
      </c>
      <c r="CJ422" s="53">
        <v>453414157.32741803</v>
      </c>
      <c r="CK422" s="53">
        <v>453414157.32741803</v>
      </c>
      <c r="CL422" s="53">
        <v>453414157.32741803</v>
      </c>
      <c r="CM422" s="53">
        <v>453414157.32741803</v>
      </c>
      <c r="CN422" s="53">
        <v>453414157.32741803</v>
      </c>
    </row>
    <row r="423" spans="1:92" outlineLevel="1">
      <c r="A423" s="52" t="s">
        <v>699</v>
      </c>
      <c r="B423" s="53"/>
      <c r="C423" s="53"/>
      <c r="D423" s="53"/>
      <c r="E423" s="53"/>
      <c r="F423" s="53"/>
      <c r="G423" s="53"/>
      <c r="H423" s="53"/>
      <c r="I423" s="53"/>
      <c r="J423" s="53"/>
      <c r="K423" s="53"/>
      <c r="L423" s="53"/>
      <c r="M423" s="53"/>
      <c r="N423" s="53"/>
      <c r="O423" s="53"/>
      <c r="P423" s="53"/>
      <c r="Q423" s="53"/>
      <c r="R423" s="53"/>
      <c r="S423" s="53"/>
      <c r="T423" s="53"/>
      <c r="U423" s="53"/>
      <c r="V423" s="53"/>
      <c r="W423" s="53"/>
      <c r="X423" s="53"/>
      <c r="Y423" s="53"/>
      <c r="Z423" s="53"/>
      <c r="AA423" s="53"/>
      <c r="AB423" s="53"/>
      <c r="AC423" s="53"/>
      <c r="AD423" s="53"/>
      <c r="AE423" s="53"/>
      <c r="AF423" s="53"/>
      <c r="AG423" s="53"/>
      <c r="AH423" s="53"/>
      <c r="AI423" s="53"/>
      <c r="AJ423" s="53"/>
      <c r="AK423" s="53"/>
      <c r="AL423" s="53"/>
      <c r="AM423" s="53"/>
      <c r="AN423" s="53"/>
      <c r="AO423" s="53"/>
      <c r="AP423" s="53"/>
      <c r="AQ423" s="53"/>
      <c r="AR423" s="53"/>
      <c r="AS423" s="53"/>
      <c r="AT423" s="53"/>
      <c r="AU423" s="53"/>
      <c r="AV423" s="53"/>
      <c r="AW423" s="53"/>
      <c r="AX423" s="53"/>
      <c r="AY423" s="53"/>
      <c r="AZ423" s="53"/>
      <c r="BA423" s="53"/>
      <c r="BB423" s="53"/>
      <c r="BC423" s="53"/>
      <c r="BD423" s="53"/>
      <c r="BE423" s="53"/>
      <c r="BF423" s="53"/>
      <c r="BG423" s="53"/>
      <c r="BH423" s="53"/>
      <c r="BI423" s="53"/>
      <c r="BJ423" s="53"/>
      <c r="BK423" s="53"/>
      <c r="BL423" s="53"/>
      <c r="BM423" s="53"/>
      <c r="BN423" s="53"/>
      <c r="BO423" s="53"/>
      <c r="BP423" s="53"/>
      <c r="BQ423" s="53"/>
      <c r="BR423" s="53"/>
      <c r="BS423" s="53"/>
      <c r="BT423" s="53"/>
      <c r="BU423" s="53"/>
      <c r="BV423" s="53"/>
      <c r="BW423" s="53"/>
      <c r="BX423" s="53"/>
      <c r="BY423" s="53"/>
      <c r="BZ423" s="53"/>
      <c r="CA423" s="53"/>
      <c r="CB423" s="53"/>
      <c r="CC423" s="53"/>
      <c r="CD423" s="53"/>
      <c r="CE423" s="53"/>
      <c r="CF423" s="53"/>
      <c r="CG423" s="53"/>
      <c r="CH423" s="53"/>
      <c r="CI423" s="53"/>
      <c r="CJ423" s="53"/>
      <c r="CK423" s="53"/>
      <c r="CL423" s="53"/>
      <c r="CM423" s="53"/>
      <c r="CN423" s="53"/>
    </row>
    <row r="424" spans="1:92" outlineLevel="1">
      <c r="A424" s="52" t="s">
        <v>709</v>
      </c>
      <c r="B424" s="53"/>
      <c r="C424" s="53"/>
      <c r="D424" s="53"/>
      <c r="E424" s="53"/>
      <c r="F424" s="53"/>
      <c r="G424" s="53"/>
      <c r="H424" s="53"/>
      <c r="I424" s="53"/>
      <c r="J424" s="53"/>
      <c r="K424" s="53"/>
      <c r="L424" s="53"/>
      <c r="M424" s="53"/>
      <c r="N424" s="53"/>
      <c r="O424" s="53"/>
      <c r="P424" s="53"/>
      <c r="Q424" s="53"/>
      <c r="R424" s="53"/>
      <c r="S424" s="53"/>
      <c r="T424" s="53"/>
      <c r="U424" s="53"/>
      <c r="V424" s="53"/>
      <c r="W424" s="53"/>
      <c r="X424" s="53"/>
      <c r="Y424" s="53"/>
      <c r="Z424" s="53"/>
      <c r="AA424" s="53"/>
      <c r="AB424" s="53"/>
      <c r="AC424" s="53"/>
      <c r="AD424" s="53"/>
      <c r="AE424" s="53"/>
      <c r="AF424" s="53"/>
      <c r="AG424" s="53"/>
      <c r="AH424" s="53"/>
      <c r="AI424" s="53"/>
      <c r="AJ424" s="53"/>
      <c r="AK424" s="53"/>
      <c r="AL424" s="53"/>
      <c r="AM424" s="53"/>
      <c r="AN424" s="53"/>
      <c r="AO424" s="53"/>
      <c r="AP424" s="53"/>
      <c r="AQ424" s="53"/>
      <c r="AR424" s="53"/>
      <c r="AS424" s="53"/>
      <c r="AT424" s="53"/>
      <c r="AU424" s="53"/>
      <c r="AV424" s="53"/>
      <c r="AW424" s="53"/>
      <c r="AX424" s="53"/>
      <c r="AY424" s="53"/>
      <c r="AZ424" s="53"/>
      <c r="BA424" s="53"/>
      <c r="BB424" s="53"/>
      <c r="BC424" s="53"/>
      <c r="BD424" s="53"/>
      <c r="BE424" s="53"/>
      <c r="BF424" s="53"/>
      <c r="BG424" s="53"/>
      <c r="BH424" s="53"/>
      <c r="BI424" s="53"/>
      <c r="BJ424" s="53"/>
      <c r="BK424" s="53"/>
      <c r="BL424" s="53"/>
      <c r="BM424" s="53"/>
      <c r="BN424" s="53"/>
      <c r="BO424" s="53"/>
      <c r="BP424" s="53"/>
      <c r="BQ424" s="53"/>
      <c r="BR424" s="53"/>
      <c r="BS424" s="53"/>
      <c r="BT424" s="53"/>
      <c r="BU424" s="53"/>
      <c r="BV424" s="53"/>
      <c r="BW424" s="53"/>
      <c r="BX424" s="53"/>
      <c r="BY424" s="53"/>
      <c r="BZ424" s="53"/>
      <c r="CA424" s="53"/>
      <c r="CB424" s="53">
        <v>412543918.84999901</v>
      </c>
      <c r="CC424" s="53">
        <v>412543918.84999901</v>
      </c>
      <c r="CD424" s="53">
        <v>412543918.84999901</v>
      </c>
      <c r="CE424" s="53">
        <v>412543918.84999901</v>
      </c>
      <c r="CF424" s="53">
        <v>412543918.84999901</v>
      </c>
      <c r="CG424" s="53">
        <v>412543918.84999901</v>
      </c>
      <c r="CH424" s="53">
        <v>412543918.84999901</v>
      </c>
      <c r="CI424" s="53">
        <v>412543918.84999901</v>
      </c>
      <c r="CJ424" s="53">
        <v>412543918.84999901</v>
      </c>
      <c r="CK424" s="53">
        <v>412543918.84999901</v>
      </c>
      <c r="CL424" s="53">
        <v>412543918.84999901</v>
      </c>
      <c r="CM424" s="53">
        <v>412543918.84999901</v>
      </c>
      <c r="CN424" s="53">
        <v>412543918.84999901</v>
      </c>
    </row>
    <row r="425" spans="1:92">
      <c r="A425" s="52" t="s">
        <v>1301</v>
      </c>
      <c r="B425" s="53"/>
      <c r="C425" s="53"/>
      <c r="D425" s="53"/>
      <c r="E425" s="53"/>
      <c r="F425" s="53"/>
      <c r="G425" s="53"/>
      <c r="H425" s="53"/>
      <c r="I425" s="53"/>
      <c r="J425" s="53"/>
      <c r="K425" s="53"/>
      <c r="L425" s="53"/>
      <c r="M425" s="53"/>
      <c r="N425" s="53"/>
      <c r="O425" s="53"/>
      <c r="P425" s="53"/>
      <c r="Q425" s="53"/>
      <c r="R425" s="53"/>
      <c r="S425" s="53"/>
      <c r="T425" s="53"/>
      <c r="U425" s="53"/>
      <c r="V425" s="53"/>
      <c r="W425" s="53"/>
      <c r="X425" s="53"/>
      <c r="Y425" s="53"/>
      <c r="Z425" s="53"/>
      <c r="AA425" s="53"/>
      <c r="AB425" s="53"/>
      <c r="AC425" s="53"/>
      <c r="AD425" s="53"/>
      <c r="AE425" s="53"/>
      <c r="AF425" s="53"/>
      <c r="AG425" s="53"/>
      <c r="AH425" s="53"/>
      <c r="AI425" s="53"/>
      <c r="AJ425" s="53"/>
      <c r="AK425" s="53"/>
      <c r="AL425" s="53"/>
      <c r="AM425" s="53"/>
      <c r="AN425" s="53"/>
      <c r="AO425" s="53"/>
      <c r="AP425" s="53"/>
      <c r="AQ425" s="53"/>
      <c r="AR425" s="53"/>
      <c r="AS425" s="53"/>
      <c r="AT425" s="53"/>
      <c r="AU425" s="53"/>
      <c r="AV425" s="53"/>
      <c r="AW425" s="53"/>
      <c r="AX425" s="53"/>
      <c r="AY425" s="53"/>
      <c r="AZ425" s="53"/>
      <c r="BA425" s="53"/>
      <c r="BB425" s="53"/>
      <c r="BC425" s="53"/>
      <c r="BD425" s="53"/>
      <c r="BE425" s="53"/>
      <c r="BF425" s="53"/>
      <c r="BG425" s="53"/>
      <c r="BH425" s="53"/>
      <c r="BI425" s="53"/>
      <c r="BJ425" s="53"/>
      <c r="BK425" s="53"/>
      <c r="BL425" s="53"/>
      <c r="BM425" s="53"/>
      <c r="BN425" s="53"/>
      <c r="BO425" s="53"/>
      <c r="BP425" s="53"/>
      <c r="BQ425" s="53"/>
      <c r="BR425" s="53"/>
      <c r="BS425" s="53"/>
      <c r="BT425" s="53"/>
      <c r="BU425" s="53"/>
      <c r="BV425" s="53"/>
      <c r="BW425" s="53"/>
      <c r="BX425" s="53"/>
      <c r="BY425" s="53"/>
      <c r="BZ425" s="53"/>
      <c r="CA425" s="53"/>
      <c r="CB425" s="53">
        <v>28732647.260000002</v>
      </c>
      <c r="CC425" s="53">
        <v>28732647.260000002</v>
      </c>
      <c r="CD425" s="53">
        <v>28732647.260000002</v>
      </c>
      <c r="CE425" s="53">
        <v>28732647.260000002</v>
      </c>
      <c r="CF425" s="53">
        <v>28732647.260000002</v>
      </c>
      <c r="CG425" s="53">
        <v>28732647.260000002</v>
      </c>
      <c r="CH425" s="53">
        <v>28732647.260000002</v>
      </c>
      <c r="CI425" s="53">
        <v>28732647.260000002</v>
      </c>
      <c r="CJ425" s="53">
        <v>28732647.260000002</v>
      </c>
      <c r="CK425" s="53">
        <v>28732647.260000002</v>
      </c>
      <c r="CL425" s="53">
        <v>28732647.260000002</v>
      </c>
      <c r="CM425" s="53">
        <v>28732647.260000002</v>
      </c>
      <c r="CN425" s="53">
        <v>28732647.260000002</v>
      </c>
    </row>
    <row r="426" spans="1:92">
      <c r="A426" s="52" t="s">
        <v>713</v>
      </c>
      <c r="B426" s="53">
        <v>26552.407932011301</v>
      </c>
      <c r="C426" s="53">
        <v>26552.407932011301</v>
      </c>
      <c r="D426" s="53">
        <v>26552.407932011301</v>
      </c>
      <c r="E426" s="53">
        <v>26552.407932011301</v>
      </c>
      <c r="F426" s="53">
        <v>26552.407932011301</v>
      </c>
      <c r="G426" s="53">
        <v>26552.407932011301</v>
      </c>
      <c r="H426" s="53">
        <v>26552.407932011301</v>
      </c>
      <c r="I426" s="53">
        <v>26552.407932011301</v>
      </c>
      <c r="J426" s="53">
        <v>26552.407932011301</v>
      </c>
      <c r="K426" s="53">
        <v>26552.407932011301</v>
      </c>
      <c r="L426" s="53">
        <v>26552.407932011301</v>
      </c>
      <c r="M426" s="53">
        <v>26552.407932011301</v>
      </c>
      <c r="N426" s="53">
        <v>318628.895184136</v>
      </c>
      <c r="O426" s="53">
        <v>26552.407932011301</v>
      </c>
      <c r="P426" s="53">
        <v>26552.407932011301</v>
      </c>
      <c r="Q426" s="53">
        <v>26552.407932011301</v>
      </c>
      <c r="R426" s="53">
        <v>26552.407932011301</v>
      </c>
      <c r="S426" s="53">
        <v>26552.407932011301</v>
      </c>
      <c r="T426" s="53">
        <v>26552.407932011301</v>
      </c>
      <c r="U426" s="53">
        <v>26552.407932011301</v>
      </c>
      <c r="V426" s="53">
        <v>26552.407932011301</v>
      </c>
      <c r="W426" s="53">
        <v>26552.407932011301</v>
      </c>
      <c r="X426" s="53">
        <v>26552.407932011301</v>
      </c>
      <c r="Y426" s="53">
        <v>26552.407932011301</v>
      </c>
      <c r="Z426" s="53">
        <v>26552.407932011301</v>
      </c>
      <c r="AA426" s="53">
        <v>318628.895184136</v>
      </c>
      <c r="AB426" s="53">
        <v>26552.407932011301</v>
      </c>
      <c r="AC426" s="53">
        <v>26552.407932011301</v>
      </c>
      <c r="AD426" s="53">
        <v>26552.407932011301</v>
      </c>
      <c r="AE426" s="53">
        <v>26552.407932011301</v>
      </c>
      <c r="AF426" s="53">
        <v>26552.407932011301</v>
      </c>
      <c r="AG426" s="53">
        <v>26552.407932011301</v>
      </c>
      <c r="AH426" s="53">
        <v>26552.407932011301</v>
      </c>
      <c r="AI426" s="53">
        <v>26552.407932011301</v>
      </c>
      <c r="AJ426" s="53">
        <v>26552.407932011301</v>
      </c>
      <c r="AK426" s="53">
        <v>26552.407932011301</v>
      </c>
      <c r="AL426" s="53">
        <v>26552.407932011301</v>
      </c>
      <c r="AM426" s="53">
        <v>26552.407932011301</v>
      </c>
      <c r="AN426" s="53">
        <v>318628.895184136</v>
      </c>
      <c r="AO426" s="53">
        <v>26552.407932011301</v>
      </c>
      <c r="AP426" s="53">
        <v>26552.407932011301</v>
      </c>
      <c r="AQ426" s="53">
        <v>26552.407932011301</v>
      </c>
      <c r="AR426" s="53">
        <v>26552.407932011301</v>
      </c>
      <c r="AS426" s="53">
        <v>26552.407932011301</v>
      </c>
      <c r="AT426" s="53">
        <v>26552.407932011301</v>
      </c>
      <c r="AU426" s="53">
        <v>26552.407932011301</v>
      </c>
      <c r="AV426" s="53">
        <v>26552.407932011301</v>
      </c>
      <c r="AW426" s="53">
        <v>26552.407932011301</v>
      </c>
      <c r="AX426" s="53">
        <v>26552.407932011301</v>
      </c>
      <c r="AY426" s="53">
        <v>26552.407932011301</v>
      </c>
      <c r="AZ426" s="53">
        <v>26552.407932011301</v>
      </c>
      <c r="BA426" s="53">
        <v>318628.895184136</v>
      </c>
      <c r="BB426" s="53">
        <v>26552.407932011301</v>
      </c>
      <c r="BC426" s="53">
        <v>26552.407932011301</v>
      </c>
      <c r="BD426" s="53">
        <v>26552.407932011301</v>
      </c>
      <c r="BE426" s="53">
        <v>26552.407932011301</v>
      </c>
      <c r="BF426" s="53">
        <v>26552.407932011301</v>
      </c>
      <c r="BG426" s="53">
        <v>26552.407932011301</v>
      </c>
      <c r="BH426" s="53">
        <v>26552.407932011301</v>
      </c>
      <c r="BI426" s="53">
        <v>26552.4079320114</v>
      </c>
      <c r="BJ426" s="53">
        <v>26552.407932011301</v>
      </c>
      <c r="BK426" s="53">
        <v>26552.407932011301</v>
      </c>
      <c r="BL426" s="53">
        <v>26552.4079320114</v>
      </c>
      <c r="BM426" s="53">
        <v>26552.4079320114</v>
      </c>
      <c r="BN426" s="53">
        <v>318628.895184136</v>
      </c>
      <c r="BO426" s="53">
        <v>26552.4079320114</v>
      </c>
      <c r="BP426" s="53">
        <v>26552.4079320114</v>
      </c>
      <c r="BQ426" s="53">
        <v>26552.4079320114</v>
      </c>
      <c r="BR426" s="53">
        <v>26552.4079320114</v>
      </c>
      <c r="BS426" s="53">
        <v>26552.4079320114</v>
      </c>
      <c r="BT426" s="53">
        <v>26552.4079320114</v>
      </c>
      <c r="BU426" s="53">
        <v>26552.4079320114</v>
      </c>
      <c r="BV426" s="53">
        <v>26552.4079320114</v>
      </c>
      <c r="BW426" s="53">
        <v>26552.4079320114</v>
      </c>
      <c r="BX426" s="53">
        <v>26552.4079320114</v>
      </c>
      <c r="BY426" s="53">
        <v>26552.4079320114</v>
      </c>
      <c r="BZ426" s="53">
        <v>26552.4079320114</v>
      </c>
      <c r="CA426" s="53">
        <v>318628.89518413699</v>
      </c>
      <c r="CB426" s="53"/>
      <c r="CC426" s="53"/>
      <c r="CD426" s="53"/>
      <c r="CE426" s="53"/>
      <c r="CF426" s="53"/>
      <c r="CG426" s="53"/>
      <c r="CH426" s="53"/>
      <c r="CI426" s="53"/>
      <c r="CJ426" s="53"/>
      <c r="CK426" s="53"/>
      <c r="CL426" s="53"/>
      <c r="CM426" s="53"/>
      <c r="CN426" s="53"/>
    </row>
    <row r="427" spans="1:92">
      <c r="A427" s="52" t="s">
        <v>716</v>
      </c>
      <c r="B427" s="53">
        <v>-24171.148247978399</v>
      </c>
      <c r="C427" s="53">
        <v>-24171.148247978399</v>
      </c>
      <c r="D427" s="53">
        <v>-24171.148247978399</v>
      </c>
      <c r="E427" s="53">
        <v>-24171.148247978399</v>
      </c>
      <c r="F427" s="53">
        <v>-24171.148247978399</v>
      </c>
      <c r="G427" s="53">
        <v>-24171.148247978399</v>
      </c>
      <c r="H427" s="53">
        <v>-24171.148247978399</v>
      </c>
      <c r="I427" s="53">
        <v>-24171.148247978399</v>
      </c>
      <c r="J427" s="53">
        <v>-24171.148247978399</v>
      </c>
      <c r="K427" s="53">
        <v>-24171.148247978399</v>
      </c>
      <c r="L427" s="53">
        <v>-24171.148247978399</v>
      </c>
      <c r="M427" s="53">
        <v>-24171.148247978399</v>
      </c>
      <c r="N427" s="53">
        <v>-290053.77897574101</v>
      </c>
      <c r="O427" s="53">
        <v>-24171.148247978399</v>
      </c>
      <c r="P427" s="53">
        <v>-24171.148247978399</v>
      </c>
      <c r="Q427" s="53">
        <v>-24171.148247978399</v>
      </c>
      <c r="R427" s="53">
        <v>-24171.148247978399</v>
      </c>
      <c r="S427" s="53">
        <v>-24171.148247978399</v>
      </c>
      <c r="T427" s="53">
        <v>-24171.148247978399</v>
      </c>
      <c r="U427" s="53">
        <v>-24171.148247978399</v>
      </c>
      <c r="V427" s="53">
        <v>-24171.148247978399</v>
      </c>
      <c r="W427" s="53">
        <v>-24171.148247978399</v>
      </c>
      <c r="X427" s="53">
        <v>-24171.148247978399</v>
      </c>
      <c r="Y427" s="53">
        <v>-24171.148247978399</v>
      </c>
      <c r="Z427" s="53">
        <v>-24171.148247978399</v>
      </c>
      <c r="AA427" s="53">
        <v>-290053.77897574002</v>
      </c>
      <c r="AB427" s="53">
        <v>-24171.148247978399</v>
      </c>
      <c r="AC427" s="53">
        <v>-24171.148247978399</v>
      </c>
      <c r="AD427" s="53">
        <v>-24171.148247978399</v>
      </c>
      <c r="AE427" s="53">
        <v>-24171.148247978399</v>
      </c>
      <c r="AF427" s="53">
        <v>-24171.148247978399</v>
      </c>
      <c r="AG427" s="53">
        <v>-24171.148247978399</v>
      </c>
      <c r="AH427" s="53">
        <v>-24171.148247978399</v>
      </c>
      <c r="AI427" s="53">
        <v>-24171.148247978399</v>
      </c>
      <c r="AJ427" s="53">
        <v>-24171.148247978399</v>
      </c>
      <c r="AK427" s="53">
        <v>-24171.148247978399</v>
      </c>
      <c r="AL427" s="53">
        <v>-24171.148247978399</v>
      </c>
      <c r="AM427" s="53">
        <v>-24171.148247978399</v>
      </c>
      <c r="AN427" s="53">
        <v>-290053.77897574002</v>
      </c>
      <c r="AO427" s="53">
        <v>-24171.148247978399</v>
      </c>
      <c r="AP427" s="53">
        <v>-24171.148247978399</v>
      </c>
      <c r="AQ427" s="53">
        <v>-24171.148247978399</v>
      </c>
      <c r="AR427" s="53">
        <v>-24171.148247978399</v>
      </c>
      <c r="AS427" s="53">
        <v>-24171.148247978399</v>
      </c>
      <c r="AT427" s="53">
        <v>-24171.148247978399</v>
      </c>
      <c r="AU427" s="53">
        <v>-24171.148247978399</v>
      </c>
      <c r="AV427" s="53">
        <v>-24171.148247978399</v>
      </c>
      <c r="AW427" s="53">
        <v>-24171.148247978399</v>
      </c>
      <c r="AX427" s="53">
        <v>-24171.148247978399</v>
      </c>
      <c r="AY427" s="53">
        <v>-24171.148247978399</v>
      </c>
      <c r="AZ427" s="53">
        <v>-24171.148247978399</v>
      </c>
      <c r="BA427" s="53">
        <v>-290053.77897574002</v>
      </c>
      <c r="BB427" s="53">
        <v>-24171.148247978399</v>
      </c>
      <c r="BC427" s="53">
        <v>-24171.148247978399</v>
      </c>
      <c r="BD427" s="53">
        <v>-24171.148247978399</v>
      </c>
      <c r="BE427" s="53">
        <v>-24171.148247978399</v>
      </c>
      <c r="BF427" s="53">
        <v>-24171.148247978399</v>
      </c>
      <c r="BG427" s="53">
        <v>-24171.148247978399</v>
      </c>
      <c r="BH427" s="53">
        <v>-24171.148247978399</v>
      </c>
      <c r="BI427" s="53">
        <v>-24171.148247978399</v>
      </c>
      <c r="BJ427" s="53">
        <v>-24171.148247978399</v>
      </c>
      <c r="BK427" s="53">
        <v>-24171.148247978399</v>
      </c>
      <c r="BL427" s="53">
        <v>-24171.148247978399</v>
      </c>
      <c r="BM427" s="53">
        <v>-24171.148247978399</v>
      </c>
      <c r="BN427" s="53">
        <v>-290053.77897574002</v>
      </c>
      <c r="BO427" s="53">
        <v>-24171.148247978399</v>
      </c>
      <c r="BP427" s="53">
        <v>-24171.148247978399</v>
      </c>
      <c r="BQ427" s="53">
        <v>-24171.148247978399</v>
      </c>
      <c r="BR427" s="53">
        <v>-24171.148247978399</v>
      </c>
      <c r="BS427" s="53">
        <v>-24171.148247978399</v>
      </c>
      <c r="BT427" s="53">
        <v>-24171.148247978399</v>
      </c>
      <c r="BU427" s="53">
        <v>-24171.148247978399</v>
      </c>
      <c r="BV427" s="53">
        <v>-24171.148247978399</v>
      </c>
      <c r="BW427" s="53">
        <v>-24171.148247978399</v>
      </c>
      <c r="BX427" s="53">
        <v>-24171.148247978399</v>
      </c>
      <c r="BY427" s="53">
        <v>-24171.148247978399</v>
      </c>
      <c r="BZ427" s="53">
        <v>-24171.148247978399</v>
      </c>
      <c r="CA427" s="53">
        <v>-290053.77897574002</v>
      </c>
      <c r="CB427" s="53"/>
      <c r="CC427" s="53"/>
      <c r="CD427" s="53"/>
      <c r="CE427" s="53"/>
      <c r="CF427" s="53"/>
      <c r="CG427" s="53"/>
      <c r="CH427" s="53"/>
      <c r="CI427" s="53"/>
      <c r="CJ427" s="53"/>
      <c r="CK427" s="53"/>
      <c r="CL427" s="53"/>
      <c r="CM427" s="53"/>
      <c r="CN427" s="53"/>
    </row>
    <row r="428" spans="1:92">
      <c r="A428" s="52" t="s">
        <v>725</v>
      </c>
      <c r="B428" s="53">
        <v>-16813.8796992481</v>
      </c>
      <c r="C428" s="53">
        <v>-16813.8796992481</v>
      </c>
      <c r="D428" s="53">
        <v>-16813.8796992481</v>
      </c>
      <c r="E428" s="53">
        <v>-16813.8796992481</v>
      </c>
      <c r="F428" s="53">
        <v>-16813.8796992481</v>
      </c>
      <c r="G428" s="53">
        <v>-16813.8796992481</v>
      </c>
      <c r="H428" s="53">
        <v>-16813.8796992481</v>
      </c>
      <c r="I428" s="53">
        <v>-16813.8796992481</v>
      </c>
      <c r="J428" s="53">
        <v>-16813.8796992481</v>
      </c>
      <c r="K428" s="53">
        <v>-16813.8796992481</v>
      </c>
      <c r="L428" s="53">
        <v>-16813.8796992481</v>
      </c>
      <c r="M428" s="53">
        <v>-16813.8796992481</v>
      </c>
      <c r="N428" s="53">
        <v>-201766.556390977</v>
      </c>
      <c r="O428" s="53">
        <v>-16813.8796992481</v>
      </c>
      <c r="P428" s="53">
        <v>-16813.8796992481</v>
      </c>
      <c r="Q428" s="53">
        <v>-16813.8796992481</v>
      </c>
      <c r="R428" s="53">
        <v>-16813.8796992481</v>
      </c>
      <c r="S428" s="53">
        <v>-16813.8796992481</v>
      </c>
      <c r="T428" s="53">
        <v>-16813.8796992481</v>
      </c>
      <c r="U428" s="53">
        <v>-16813.8796992481</v>
      </c>
      <c r="V428" s="53">
        <v>-16813.8796992481</v>
      </c>
      <c r="W428" s="53">
        <v>-16813.8796992481</v>
      </c>
      <c r="X428" s="53">
        <v>-16813.8796992481</v>
      </c>
      <c r="Y428" s="53">
        <v>-16813.8796992481</v>
      </c>
      <c r="Z428" s="53">
        <v>-16813.8796992481</v>
      </c>
      <c r="AA428" s="53">
        <v>-201766.556390977</v>
      </c>
      <c r="AB428" s="53">
        <v>-16813.8796992481</v>
      </c>
      <c r="AC428" s="53">
        <v>-16813.8796992481</v>
      </c>
      <c r="AD428" s="53">
        <v>-16813.8796992481</v>
      </c>
      <c r="AE428" s="53">
        <v>-16813.8796992481</v>
      </c>
      <c r="AF428" s="53">
        <v>-16813.8796992481</v>
      </c>
      <c r="AG428" s="53">
        <v>-16813.8796992481</v>
      </c>
      <c r="AH428" s="53">
        <v>-16813.8796992481</v>
      </c>
      <c r="AI428" s="53">
        <v>-16813.8796992481</v>
      </c>
      <c r="AJ428" s="53">
        <v>-16813.8796992481</v>
      </c>
      <c r="AK428" s="53">
        <v>-16813.8796992481</v>
      </c>
      <c r="AL428" s="53">
        <v>-16813.8796992481</v>
      </c>
      <c r="AM428" s="53">
        <v>-16813.8796992481</v>
      </c>
      <c r="AN428" s="53">
        <v>-201766.556390977</v>
      </c>
      <c r="AO428" s="53">
        <v>-16813.8796992481</v>
      </c>
      <c r="AP428" s="53">
        <v>-16813.8796992481</v>
      </c>
      <c r="AQ428" s="53">
        <v>-16813.8796992481</v>
      </c>
      <c r="AR428" s="53">
        <v>-16813.8796992481</v>
      </c>
      <c r="AS428" s="53">
        <v>-16813.8796992481</v>
      </c>
      <c r="AT428" s="53">
        <v>-16813.8796992481</v>
      </c>
      <c r="AU428" s="53">
        <v>-16813.8796992481</v>
      </c>
      <c r="AV428" s="53">
        <v>-16813.8796992481</v>
      </c>
      <c r="AW428" s="53">
        <v>-16813.8796992481</v>
      </c>
      <c r="AX428" s="53">
        <v>-16813.8796992481</v>
      </c>
      <c r="AY428" s="53">
        <v>-16813.8796992481</v>
      </c>
      <c r="AZ428" s="53">
        <v>-16813.8796992481</v>
      </c>
      <c r="BA428" s="53">
        <v>-201766.556390977</v>
      </c>
      <c r="BB428" s="53">
        <v>-16813.8796992481</v>
      </c>
      <c r="BC428" s="53">
        <v>-16813.8796992481</v>
      </c>
      <c r="BD428" s="53">
        <v>-16813.8796992481</v>
      </c>
      <c r="BE428" s="53">
        <v>-16813.8796992481</v>
      </c>
      <c r="BF428" s="53">
        <v>-16813.8796992481</v>
      </c>
      <c r="BG428" s="53">
        <v>-16813.8796992481</v>
      </c>
      <c r="BH428" s="53">
        <v>-16813.8796992481</v>
      </c>
      <c r="BI428" s="53">
        <v>-16813.8796992481</v>
      </c>
      <c r="BJ428" s="53">
        <v>-16813.8796992481</v>
      </c>
      <c r="BK428" s="53">
        <v>-16813.8796992481</v>
      </c>
      <c r="BL428" s="53">
        <v>-16813.8796992481</v>
      </c>
      <c r="BM428" s="53">
        <v>-16813.8796992481</v>
      </c>
      <c r="BN428" s="53">
        <v>-201766.556390977</v>
      </c>
      <c r="BO428" s="53">
        <v>-16813.8796992481</v>
      </c>
      <c r="BP428" s="53">
        <v>-16813.8796992481</v>
      </c>
      <c r="BQ428" s="53">
        <v>-16813.8796992481</v>
      </c>
      <c r="BR428" s="53">
        <v>-16813.8796992481</v>
      </c>
      <c r="BS428" s="53">
        <v>-16813.8796992481</v>
      </c>
      <c r="BT428" s="53">
        <v>-16813.8796992481</v>
      </c>
      <c r="BU428" s="53">
        <v>-8406.9398496240701</v>
      </c>
      <c r="BV428" s="53"/>
      <c r="BW428" s="53"/>
      <c r="BX428" s="53"/>
      <c r="BY428" s="53"/>
      <c r="BZ428" s="53"/>
      <c r="CA428" s="53">
        <v>-109290.21804511199</v>
      </c>
      <c r="CB428" s="53"/>
      <c r="CC428" s="53"/>
      <c r="CD428" s="53"/>
      <c r="CE428" s="53"/>
      <c r="CF428" s="53"/>
      <c r="CG428" s="53"/>
      <c r="CH428" s="53"/>
      <c r="CI428" s="53"/>
      <c r="CJ428" s="53"/>
      <c r="CK428" s="53"/>
      <c r="CL428" s="53"/>
      <c r="CM428" s="53"/>
      <c r="CN428" s="53"/>
    </row>
    <row r="429" spans="1:92">
      <c r="A429" s="52" t="s">
        <v>726</v>
      </c>
      <c r="B429" s="53">
        <v>308004.32530120399</v>
      </c>
      <c r="C429" s="53">
        <v>308004.32530120399</v>
      </c>
      <c r="D429" s="53">
        <v>308004.32530120399</v>
      </c>
      <c r="E429" s="53">
        <v>308004.32530120399</v>
      </c>
      <c r="F429" s="53">
        <v>308004.32530120399</v>
      </c>
      <c r="G429" s="53">
        <v>308004.32530120399</v>
      </c>
      <c r="H429" s="53">
        <v>308004.32530120399</v>
      </c>
      <c r="I429" s="53">
        <v>308004.32530120399</v>
      </c>
      <c r="J429" s="53">
        <v>308004.32530120399</v>
      </c>
      <c r="K429" s="53">
        <v>308004.32530120399</v>
      </c>
      <c r="L429" s="53">
        <v>308004.32530120399</v>
      </c>
      <c r="M429" s="53">
        <v>308004.32530120399</v>
      </c>
      <c r="N429" s="53">
        <v>3696051.9036144498</v>
      </c>
      <c r="O429" s="53">
        <v>308004.32530120399</v>
      </c>
      <c r="P429" s="53">
        <v>308004.32530120399</v>
      </c>
      <c r="Q429" s="53">
        <v>308004.32530120399</v>
      </c>
      <c r="R429" s="53">
        <v>308004.32530120399</v>
      </c>
      <c r="S429" s="53">
        <v>308004.32530120399</v>
      </c>
      <c r="T429" s="53">
        <v>308004.32530120399</v>
      </c>
      <c r="U429" s="53">
        <v>308004.32530120399</v>
      </c>
      <c r="V429" s="53">
        <v>308004.32530120399</v>
      </c>
      <c r="W429" s="53">
        <v>308004.32530120399</v>
      </c>
      <c r="X429" s="53">
        <v>308004.32530120399</v>
      </c>
      <c r="Y429" s="53">
        <v>308004.32530120498</v>
      </c>
      <c r="Z429" s="53">
        <v>308004.32530120399</v>
      </c>
      <c r="AA429" s="53">
        <v>3696051.9036144498</v>
      </c>
      <c r="AB429" s="53">
        <v>308004.32530120498</v>
      </c>
      <c r="AC429" s="53">
        <v>308004.32530120498</v>
      </c>
      <c r="AD429" s="53">
        <v>308004.32530120498</v>
      </c>
      <c r="AE429" s="53">
        <v>308004.32530120498</v>
      </c>
      <c r="AF429" s="53">
        <v>308004.32530120498</v>
      </c>
      <c r="AG429" s="53">
        <v>308004.32530120498</v>
      </c>
      <c r="AH429" s="53">
        <v>308004.32530120498</v>
      </c>
      <c r="AI429" s="53">
        <v>308004.32530120498</v>
      </c>
      <c r="AJ429" s="53">
        <v>308004.32530120498</v>
      </c>
      <c r="AK429" s="53">
        <v>308004.32530120498</v>
      </c>
      <c r="AL429" s="53">
        <v>308004.32530120498</v>
      </c>
      <c r="AM429" s="53">
        <v>308004.32530120498</v>
      </c>
      <c r="AN429" s="53">
        <v>3696051.9036144498</v>
      </c>
      <c r="AO429" s="53">
        <v>308004.32530120498</v>
      </c>
      <c r="AP429" s="53">
        <v>308004.32530120498</v>
      </c>
      <c r="AQ429" s="53">
        <v>308004.32530120498</v>
      </c>
      <c r="AR429" s="53">
        <v>308004.32530120498</v>
      </c>
      <c r="AS429" s="53">
        <v>308004.32530120498</v>
      </c>
      <c r="AT429" s="53">
        <v>308004.32530120498</v>
      </c>
      <c r="AU429" s="53">
        <v>308004.32530120498</v>
      </c>
      <c r="AV429" s="53">
        <v>308004.32530120498</v>
      </c>
      <c r="AW429" s="53">
        <v>308004.32530120498</v>
      </c>
      <c r="AX429" s="53">
        <v>308004.32530120498</v>
      </c>
      <c r="AY429" s="53">
        <v>308004.32530120498</v>
      </c>
      <c r="AZ429" s="53">
        <v>308004.32530120498</v>
      </c>
      <c r="BA429" s="53">
        <v>3696051.90361446</v>
      </c>
      <c r="BB429" s="53">
        <v>308004.32530120498</v>
      </c>
      <c r="BC429" s="53">
        <v>308004.32530120498</v>
      </c>
      <c r="BD429" s="53">
        <v>308004.32530120498</v>
      </c>
      <c r="BE429" s="53">
        <v>308004.32530120498</v>
      </c>
      <c r="BF429" s="53">
        <v>308004.32530120498</v>
      </c>
      <c r="BG429" s="53">
        <v>308004.32530120498</v>
      </c>
      <c r="BH429" s="53">
        <v>308004.32530120498</v>
      </c>
      <c r="BI429" s="53">
        <v>308004.32530120498</v>
      </c>
      <c r="BJ429" s="53">
        <v>308004.32530120498</v>
      </c>
      <c r="BK429" s="53">
        <v>308004.32530120498</v>
      </c>
      <c r="BL429" s="53">
        <v>308004.32530120498</v>
      </c>
      <c r="BM429" s="53">
        <v>308004.32530120498</v>
      </c>
      <c r="BN429" s="53">
        <v>3696051.90361446</v>
      </c>
      <c r="BO429" s="53">
        <v>308004.32530120498</v>
      </c>
      <c r="BP429" s="53">
        <v>308004.32530120498</v>
      </c>
      <c r="BQ429" s="53">
        <v>308004.32530120498</v>
      </c>
      <c r="BR429" s="53">
        <v>308004.32530120498</v>
      </c>
      <c r="BS429" s="53">
        <v>308004.32530120498</v>
      </c>
      <c r="BT429" s="53">
        <v>308004.32530120498</v>
      </c>
      <c r="BU429" s="53">
        <v>308004.32530120498</v>
      </c>
      <c r="BV429" s="53">
        <v>308004.32530120498</v>
      </c>
      <c r="BW429" s="53">
        <v>308004.32530120498</v>
      </c>
      <c r="BX429" s="53">
        <v>308004.32530120498</v>
      </c>
      <c r="BY429" s="53">
        <v>308004.32530120498</v>
      </c>
      <c r="BZ429" s="53">
        <v>308004.32530120498</v>
      </c>
      <c r="CA429" s="53">
        <v>3696051.90361446</v>
      </c>
      <c r="CB429" s="53">
        <v>26552.408488063698</v>
      </c>
      <c r="CC429" s="53">
        <v>26552.408488063698</v>
      </c>
      <c r="CD429" s="53">
        <v>26552.408488063698</v>
      </c>
      <c r="CE429" s="53">
        <v>26552.408488063698</v>
      </c>
      <c r="CF429" s="53">
        <v>26552.408488063698</v>
      </c>
      <c r="CG429" s="53">
        <v>26552.408488063698</v>
      </c>
      <c r="CH429" s="53">
        <v>26552.408488063698</v>
      </c>
      <c r="CI429" s="53">
        <v>26552.408488063698</v>
      </c>
      <c r="CJ429" s="53">
        <v>26552.408488063698</v>
      </c>
      <c r="CK429" s="53">
        <v>26552.408488063698</v>
      </c>
      <c r="CL429" s="53">
        <v>26552.408488063698</v>
      </c>
      <c r="CM429" s="53">
        <v>26552.408488063698</v>
      </c>
      <c r="CN429" s="53">
        <v>318628.90185676399</v>
      </c>
    </row>
    <row r="430" spans="1:92">
      <c r="A430" s="52" t="s">
        <v>728</v>
      </c>
      <c r="B430" s="53">
        <v>199670.97206703899</v>
      </c>
      <c r="C430" s="53">
        <v>199670.97206703899</v>
      </c>
      <c r="D430" s="53">
        <v>199670.97206703899</v>
      </c>
      <c r="E430" s="53">
        <v>199670.97206703899</v>
      </c>
      <c r="F430" s="53">
        <v>199670.97206703899</v>
      </c>
      <c r="G430" s="53">
        <v>199670.97206703899</v>
      </c>
      <c r="H430" s="53">
        <v>199670.97206703899</v>
      </c>
      <c r="I430" s="53">
        <v>199670.972067038</v>
      </c>
      <c r="J430" s="53">
        <v>199670.972067038</v>
      </c>
      <c r="K430" s="53">
        <v>199670.972067038</v>
      </c>
      <c r="L430" s="53">
        <v>199670.97206703899</v>
      </c>
      <c r="M430" s="53">
        <v>199670.97206703899</v>
      </c>
      <c r="N430" s="53">
        <v>2396051.66480446</v>
      </c>
      <c r="O430" s="53">
        <v>199670.97206703899</v>
      </c>
      <c r="P430" s="53">
        <v>199670.97206703899</v>
      </c>
      <c r="Q430" s="53">
        <v>199670.97206703899</v>
      </c>
      <c r="R430" s="53">
        <v>199670.97206703899</v>
      </c>
      <c r="S430" s="53">
        <v>199670.97206703899</v>
      </c>
      <c r="T430" s="53">
        <v>199670.97206703899</v>
      </c>
      <c r="U430" s="53">
        <v>199670.97206703899</v>
      </c>
      <c r="V430" s="53">
        <v>199670.97206703899</v>
      </c>
      <c r="W430" s="53">
        <v>199670.97206703899</v>
      </c>
      <c r="X430" s="53">
        <v>199670.97206703899</v>
      </c>
      <c r="Y430" s="53">
        <v>199670.97206703899</v>
      </c>
      <c r="Z430" s="53">
        <v>199670.97206703899</v>
      </c>
      <c r="AA430" s="53">
        <v>2396051.66480446</v>
      </c>
      <c r="AB430" s="53">
        <v>199670.97206703899</v>
      </c>
      <c r="AC430" s="53">
        <v>199670.97206703899</v>
      </c>
      <c r="AD430" s="53">
        <v>199670.97206703899</v>
      </c>
      <c r="AE430" s="53">
        <v>199670.97206703899</v>
      </c>
      <c r="AF430" s="53">
        <v>199670.97206703899</v>
      </c>
      <c r="AG430" s="53">
        <v>199670.97206703899</v>
      </c>
      <c r="AH430" s="53">
        <v>199670.97206703899</v>
      </c>
      <c r="AI430" s="53">
        <v>199670.97206703899</v>
      </c>
      <c r="AJ430" s="53">
        <v>199670.97206703899</v>
      </c>
      <c r="AK430" s="53">
        <v>199670.97206703899</v>
      </c>
      <c r="AL430" s="53">
        <v>199670.97206703899</v>
      </c>
      <c r="AM430" s="53">
        <v>199670.97206703899</v>
      </c>
      <c r="AN430" s="53">
        <v>2396051.66480446</v>
      </c>
      <c r="AO430" s="53">
        <v>199670.97206703899</v>
      </c>
      <c r="AP430" s="53">
        <v>199670.97206703899</v>
      </c>
      <c r="AQ430" s="53">
        <v>199670.97206703899</v>
      </c>
      <c r="AR430" s="53">
        <v>199670.97206703899</v>
      </c>
      <c r="AS430" s="53">
        <v>199670.97206703899</v>
      </c>
      <c r="AT430" s="53">
        <v>199670.97206703899</v>
      </c>
      <c r="AU430" s="53">
        <v>199670.97206703899</v>
      </c>
      <c r="AV430" s="53">
        <v>199670.97206703899</v>
      </c>
      <c r="AW430" s="53">
        <v>199670.97206703899</v>
      </c>
      <c r="AX430" s="53">
        <v>199670.97206703899</v>
      </c>
      <c r="AY430" s="53">
        <v>199670.97206703899</v>
      </c>
      <c r="AZ430" s="53">
        <v>199670.97206703899</v>
      </c>
      <c r="BA430" s="53">
        <v>2396051.6648044698</v>
      </c>
      <c r="BB430" s="53">
        <v>199670.97206703899</v>
      </c>
      <c r="BC430" s="53">
        <v>199670.97206703899</v>
      </c>
      <c r="BD430" s="53">
        <v>199670.97206703899</v>
      </c>
      <c r="BE430" s="53">
        <v>199670.97206703899</v>
      </c>
      <c r="BF430" s="53">
        <v>199670.97206703899</v>
      </c>
      <c r="BG430" s="53">
        <v>199670.97206703899</v>
      </c>
      <c r="BH430" s="53">
        <v>199670.97206703899</v>
      </c>
      <c r="BI430" s="53">
        <v>199670.97206703899</v>
      </c>
      <c r="BJ430" s="53">
        <v>199670.97206703899</v>
      </c>
      <c r="BK430" s="53">
        <v>199670.97206703899</v>
      </c>
      <c r="BL430" s="53">
        <v>199670.97206703899</v>
      </c>
      <c r="BM430" s="53">
        <v>199670.97206703899</v>
      </c>
      <c r="BN430" s="53">
        <v>2396051.6648044698</v>
      </c>
      <c r="BO430" s="53">
        <v>199670.97206703899</v>
      </c>
      <c r="BP430" s="53">
        <v>199670.97206703899</v>
      </c>
      <c r="BQ430" s="53">
        <v>199670.97206703899</v>
      </c>
      <c r="BR430" s="53">
        <v>199670.97206703899</v>
      </c>
      <c r="BS430" s="53">
        <v>199670.97206703899</v>
      </c>
      <c r="BT430" s="53">
        <v>199670.97206703899</v>
      </c>
      <c r="BU430" s="53">
        <v>199670.97206703899</v>
      </c>
      <c r="BV430" s="53">
        <v>199670.97206703899</v>
      </c>
      <c r="BW430" s="53">
        <v>199670.97206703899</v>
      </c>
      <c r="BX430" s="53">
        <v>199670.97206703899</v>
      </c>
      <c r="BY430" s="53">
        <v>199670.97206703899</v>
      </c>
      <c r="BZ430" s="53">
        <v>199670.97206703899</v>
      </c>
      <c r="CA430" s="53">
        <v>2396051.6648044698</v>
      </c>
      <c r="CB430" s="53"/>
      <c r="CC430" s="53"/>
      <c r="CD430" s="53"/>
      <c r="CE430" s="53"/>
      <c r="CF430" s="53"/>
      <c r="CG430" s="53"/>
      <c r="CH430" s="53"/>
      <c r="CI430" s="53"/>
      <c r="CJ430" s="53"/>
      <c r="CK430" s="53"/>
      <c r="CL430" s="53"/>
      <c r="CM430" s="53"/>
      <c r="CN430" s="53"/>
    </row>
    <row r="431" spans="1:92">
      <c r="A431" s="52" t="s">
        <v>729</v>
      </c>
      <c r="B431" s="53">
        <v>115069.469767441</v>
      </c>
      <c r="C431" s="53">
        <v>115069.469767441</v>
      </c>
      <c r="D431" s="53">
        <v>115069.469767441</v>
      </c>
      <c r="E431" s="53">
        <v>115069.469767441</v>
      </c>
      <c r="F431" s="53">
        <v>115069.469767441</v>
      </c>
      <c r="G431" s="53">
        <v>115069.469767441</v>
      </c>
      <c r="H431" s="53">
        <v>115069.469767441</v>
      </c>
      <c r="I431" s="53">
        <v>115069.469767441</v>
      </c>
      <c r="J431" s="53">
        <v>115069.469767441</v>
      </c>
      <c r="K431" s="53">
        <v>115069.469767441</v>
      </c>
      <c r="L431" s="53">
        <v>115069.469767441</v>
      </c>
      <c r="M431" s="53">
        <v>115069.469767441</v>
      </c>
      <c r="N431" s="53">
        <v>1380833.6372093</v>
      </c>
      <c r="O431" s="53">
        <v>115069.469767441</v>
      </c>
      <c r="P431" s="53">
        <v>115069.469767441</v>
      </c>
      <c r="Q431" s="53">
        <v>115069.469767441</v>
      </c>
      <c r="R431" s="53">
        <v>115069.469767441</v>
      </c>
      <c r="S431" s="53">
        <v>115069.469767441</v>
      </c>
      <c r="T431" s="53">
        <v>115069.469767441</v>
      </c>
      <c r="U431" s="53">
        <v>115069.469767441</v>
      </c>
      <c r="V431" s="53">
        <v>115069.469767441</v>
      </c>
      <c r="W431" s="53">
        <v>115069.469767441</v>
      </c>
      <c r="X431" s="53">
        <v>115069.469767441</v>
      </c>
      <c r="Y431" s="53">
        <v>115069.469767441</v>
      </c>
      <c r="Z431" s="53">
        <v>115069.469767441</v>
      </c>
      <c r="AA431" s="53">
        <v>1380833.6372093</v>
      </c>
      <c r="AB431" s="53">
        <v>115069.469767441</v>
      </c>
      <c r="AC431" s="53">
        <v>115069.469767441</v>
      </c>
      <c r="AD431" s="53">
        <v>115069.469767441</v>
      </c>
      <c r="AE431" s="53">
        <v>115069.469767441</v>
      </c>
      <c r="AF431" s="53">
        <v>115069.469767441</v>
      </c>
      <c r="AG431" s="53">
        <v>115069.469767441</v>
      </c>
      <c r="AH431" s="53">
        <v>115069.469767441</v>
      </c>
      <c r="AI431" s="53">
        <v>115069.469767441</v>
      </c>
      <c r="AJ431" s="53">
        <v>115069.469767441</v>
      </c>
      <c r="AK431" s="53">
        <v>115069.469767441</v>
      </c>
      <c r="AL431" s="53">
        <v>115069.469767441</v>
      </c>
      <c r="AM431" s="53">
        <v>115069.469767441</v>
      </c>
      <c r="AN431" s="53">
        <v>1380833.6372093</v>
      </c>
      <c r="AO431" s="53">
        <v>115069.469767441</v>
      </c>
      <c r="AP431" s="53">
        <v>115069.469767441</v>
      </c>
      <c r="AQ431" s="53">
        <v>115069.469767441</v>
      </c>
      <c r="AR431" s="53">
        <v>115069.469767441</v>
      </c>
      <c r="AS431" s="53">
        <v>115069.469767441</v>
      </c>
      <c r="AT431" s="53">
        <v>115069.469767441</v>
      </c>
      <c r="AU431" s="53">
        <v>115069.469767441</v>
      </c>
      <c r="AV431" s="53">
        <v>115069.469767441</v>
      </c>
      <c r="AW431" s="53">
        <v>115069.469767441</v>
      </c>
      <c r="AX431" s="53">
        <v>115069.469767441</v>
      </c>
      <c r="AY431" s="53">
        <v>115069.469767441</v>
      </c>
      <c r="AZ431" s="53">
        <v>115069.469767441</v>
      </c>
      <c r="BA431" s="53">
        <v>1380833.6372093</v>
      </c>
      <c r="BB431" s="53">
        <v>115069.469767441</v>
      </c>
      <c r="BC431" s="53">
        <v>115069.469767441</v>
      </c>
      <c r="BD431" s="53">
        <v>115069.469767441</v>
      </c>
      <c r="BE431" s="53">
        <v>115069.469767441</v>
      </c>
      <c r="BF431" s="53">
        <v>115069.469767441</v>
      </c>
      <c r="BG431" s="53">
        <v>115069.469767441</v>
      </c>
      <c r="BH431" s="53">
        <v>115069.469767441</v>
      </c>
      <c r="BI431" s="53">
        <v>115069.469767441</v>
      </c>
      <c r="BJ431" s="53">
        <v>115069.469767441</v>
      </c>
      <c r="BK431" s="53">
        <v>115069.469767441</v>
      </c>
      <c r="BL431" s="53">
        <v>115069.469767441</v>
      </c>
      <c r="BM431" s="53">
        <v>115069.469767441</v>
      </c>
      <c r="BN431" s="53">
        <v>1380833.6372093</v>
      </c>
      <c r="BO431" s="53">
        <v>115069.469767441</v>
      </c>
      <c r="BP431" s="53">
        <v>115069.469767441</v>
      </c>
      <c r="BQ431" s="53">
        <v>115069.469767441</v>
      </c>
      <c r="BR431" s="53">
        <v>115069.469767441</v>
      </c>
      <c r="BS431" s="53">
        <v>115069.469767441</v>
      </c>
      <c r="BT431" s="53">
        <v>115069.469767441</v>
      </c>
      <c r="BU431" s="53">
        <v>115069.469767441</v>
      </c>
      <c r="BV431" s="53">
        <v>115069.469767441</v>
      </c>
      <c r="BW431" s="53">
        <v>115069.469767441</v>
      </c>
      <c r="BX431" s="53">
        <v>115069.469767441</v>
      </c>
      <c r="BY431" s="53">
        <v>115069.469767441</v>
      </c>
      <c r="BZ431" s="53">
        <v>115069.469767441</v>
      </c>
      <c r="CA431" s="53">
        <v>1380833.6372093</v>
      </c>
      <c r="CB431" s="53">
        <v>-24171.149367088601</v>
      </c>
      <c r="CC431" s="53">
        <v>-24171.149367088601</v>
      </c>
      <c r="CD431" s="53">
        <v>-24171.149367088601</v>
      </c>
      <c r="CE431" s="53">
        <v>-24171.149367088601</v>
      </c>
      <c r="CF431" s="53">
        <v>-24171.149367088601</v>
      </c>
      <c r="CG431" s="53">
        <v>-24171.149367088601</v>
      </c>
      <c r="CH431" s="53">
        <v>-24171.149367088601</v>
      </c>
      <c r="CI431" s="53">
        <v>-24171.149367088601</v>
      </c>
      <c r="CJ431" s="53">
        <v>-24171.149367088601</v>
      </c>
      <c r="CK431" s="53">
        <v>-24171.149367088601</v>
      </c>
      <c r="CL431" s="53">
        <v>-24171.149367088601</v>
      </c>
      <c r="CM431" s="53">
        <v>-24171.149367088601</v>
      </c>
      <c r="CN431" s="53">
        <v>-290053.79240506398</v>
      </c>
    </row>
    <row r="432" spans="1:92">
      <c r="A432" s="52" t="s">
        <v>650</v>
      </c>
      <c r="B432" s="53"/>
      <c r="C432" s="53"/>
      <c r="D432" s="53"/>
      <c r="E432" s="53"/>
      <c r="F432" s="53"/>
      <c r="G432" s="53"/>
      <c r="H432" s="53"/>
      <c r="I432" s="53"/>
      <c r="J432" s="53"/>
      <c r="K432" s="53"/>
      <c r="L432" s="53"/>
      <c r="M432" s="53"/>
      <c r="N432" s="53"/>
      <c r="O432" s="53"/>
      <c r="P432" s="53"/>
      <c r="Q432" s="53"/>
      <c r="R432" s="53"/>
      <c r="S432" s="53"/>
      <c r="T432" s="53"/>
      <c r="U432" s="53"/>
      <c r="V432" s="53"/>
      <c r="W432" s="53"/>
      <c r="X432" s="53"/>
      <c r="Y432" s="53"/>
      <c r="Z432" s="53"/>
      <c r="AA432" s="53"/>
      <c r="AB432" s="53"/>
      <c r="AC432" s="53"/>
      <c r="AD432" s="53"/>
      <c r="AE432" s="53"/>
      <c r="AF432" s="53"/>
      <c r="AG432" s="53"/>
      <c r="AH432" s="53"/>
      <c r="AI432" s="53"/>
      <c r="AJ432" s="53"/>
      <c r="AK432" s="53"/>
      <c r="AL432" s="53"/>
      <c r="AM432" s="53"/>
      <c r="AN432" s="53"/>
      <c r="AO432" s="53"/>
      <c r="AP432" s="53"/>
      <c r="AQ432" s="53"/>
      <c r="AR432" s="53"/>
      <c r="AS432" s="53"/>
      <c r="AT432" s="53"/>
      <c r="AU432" s="53"/>
      <c r="AV432" s="53"/>
      <c r="AW432" s="53"/>
      <c r="AX432" s="53"/>
      <c r="AY432" s="53"/>
      <c r="AZ432" s="53"/>
      <c r="BA432" s="53"/>
      <c r="BB432" s="53"/>
      <c r="BC432" s="53"/>
      <c r="BD432" s="53"/>
      <c r="BE432" s="53"/>
      <c r="BF432" s="53"/>
      <c r="BG432" s="53"/>
      <c r="BH432" s="53"/>
      <c r="BI432" s="53"/>
      <c r="BJ432" s="53"/>
      <c r="BK432" s="53"/>
      <c r="BL432" s="53"/>
      <c r="BM432" s="53"/>
      <c r="BN432" s="53"/>
      <c r="BO432" s="53"/>
      <c r="BP432" s="53"/>
      <c r="BQ432" s="53"/>
      <c r="BR432" s="53"/>
      <c r="BS432" s="53"/>
      <c r="BT432" s="53"/>
      <c r="BU432" s="53"/>
      <c r="BV432" s="53"/>
      <c r="BW432" s="53"/>
      <c r="BX432" s="53"/>
      <c r="BY432" s="53"/>
      <c r="BZ432" s="53"/>
      <c r="CA432" s="53"/>
      <c r="CB432" s="53"/>
      <c r="CC432" s="53"/>
      <c r="CD432" s="53"/>
      <c r="CE432" s="53"/>
      <c r="CF432" s="53"/>
      <c r="CG432" s="53"/>
      <c r="CH432" s="53"/>
      <c r="CI432" s="53"/>
      <c r="CJ432" s="53"/>
      <c r="CK432" s="53"/>
      <c r="CL432" s="53"/>
      <c r="CM432" s="53"/>
      <c r="CN432" s="53"/>
    </row>
    <row r="433" spans="1:92">
      <c r="A433" s="52" t="s">
        <v>1302</v>
      </c>
      <c r="B433" s="53"/>
      <c r="C433" s="53"/>
      <c r="D433" s="53"/>
      <c r="E433" s="53"/>
      <c r="F433" s="53"/>
      <c r="G433" s="53"/>
      <c r="H433" s="53"/>
      <c r="I433" s="53"/>
      <c r="J433" s="53"/>
      <c r="K433" s="53"/>
      <c r="L433" s="53"/>
      <c r="M433" s="53"/>
      <c r="N433" s="53"/>
      <c r="O433" s="53"/>
      <c r="P433" s="53"/>
      <c r="Q433" s="53"/>
      <c r="R433" s="53"/>
      <c r="S433" s="53"/>
      <c r="T433" s="53"/>
      <c r="U433" s="53"/>
      <c r="V433" s="53"/>
      <c r="W433" s="53"/>
      <c r="X433" s="53"/>
      <c r="Y433" s="53"/>
      <c r="Z433" s="53"/>
      <c r="AA433" s="53"/>
      <c r="AB433" s="53"/>
      <c r="AC433" s="53"/>
      <c r="AD433" s="53"/>
      <c r="AE433" s="53"/>
      <c r="AF433" s="53"/>
      <c r="AG433" s="53"/>
      <c r="AH433" s="53"/>
      <c r="AI433" s="53"/>
      <c r="AJ433" s="53"/>
      <c r="AK433" s="53"/>
      <c r="AL433" s="53"/>
      <c r="AM433" s="53"/>
      <c r="AN433" s="53"/>
      <c r="AO433" s="53"/>
      <c r="AP433" s="53"/>
      <c r="AQ433" s="53"/>
      <c r="AR433" s="53"/>
      <c r="AS433" s="53"/>
      <c r="AT433" s="53"/>
      <c r="AU433" s="53"/>
      <c r="AV433" s="53"/>
      <c r="AW433" s="53"/>
      <c r="AX433" s="53"/>
      <c r="AY433" s="53"/>
      <c r="AZ433" s="53"/>
      <c r="BA433" s="53"/>
      <c r="BB433" s="53"/>
      <c r="BC433" s="53"/>
      <c r="BD433" s="53"/>
      <c r="BE433" s="53"/>
      <c r="BF433" s="53"/>
      <c r="BG433" s="53"/>
      <c r="BH433" s="53"/>
      <c r="BI433" s="53"/>
      <c r="BJ433" s="53"/>
      <c r="BK433" s="53"/>
      <c r="BL433" s="53"/>
      <c r="BM433" s="53"/>
      <c r="BN433" s="53"/>
      <c r="BO433" s="53"/>
      <c r="BP433" s="53"/>
      <c r="BQ433" s="53"/>
      <c r="BR433" s="53"/>
      <c r="BS433" s="53"/>
      <c r="BT433" s="53"/>
      <c r="BU433" s="53"/>
      <c r="BV433" s="53"/>
      <c r="BW433" s="53"/>
      <c r="BX433" s="53"/>
      <c r="BY433" s="53"/>
      <c r="BZ433" s="53"/>
      <c r="CA433" s="53"/>
      <c r="CB433" s="53">
        <v>-16813.8726114649</v>
      </c>
      <c r="CC433" s="53">
        <v>-16813.8726114649</v>
      </c>
      <c r="CD433" s="53">
        <v>-16813.8726114649</v>
      </c>
      <c r="CE433" s="53">
        <v>-16813.8726114649</v>
      </c>
      <c r="CF433" s="53">
        <v>-16813.8726114649</v>
      </c>
      <c r="CG433" s="53">
        <v>-16813.8726114649</v>
      </c>
      <c r="CH433" s="53">
        <v>-16813.8726114649</v>
      </c>
      <c r="CI433" s="53">
        <v>-16813.8726114649</v>
      </c>
      <c r="CJ433" s="53">
        <v>-16813.8726114649</v>
      </c>
      <c r="CK433" s="53">
        <v>-16813.8726114649</v>
      </c>
      <c r="CL433" s="53">
        <v>-16813.8726114649</v>
      </c>
      <c r="CM433" s="53">
        <v>-16813.8726114649</v>
      </c>
      <c r="CN433" s="53">
        <v>-201766.47133757899</v>
      </c>
    </row>
    <row r="434" spans="1:92">
      <c r="A434" s="52" t="s">
        <v>649</v>
      </c>
      <c r="B434" s="53"/>
      <c r="C434" s="53"/>
      <c r="D434" s="53"/>
      <c r="E434" s="53"/>
      <c r="F434" s="53"/>
      <c r="G434" s="53"/>
      <c r="H434" s="53"/>
      <c r="I434" s="53"/>
      <c r="J434" s="53"/>
      <c r="K434" s="53"/>
      <c r="L434" s="53"/>
      <c r="M434" s="53"/>
      <c r="N434" s="53"/>
      <c r="O434" s="53">
        <v>140755.66666666701</v>
      </c>
      <c r="P434" s="53">
        <v>140755.66666666701</v>
      </c>
      <c r="Q434" s="53">
        <v>140755.66666666701</v>
      </c>
      <c r="R434" s="53">
        <v>140755.66666666701</v>
      </c>
      <c r="S434" s="53">
        <v>140755.66666666701</v>
      </c>
      <c r="T434" s="53">
        <v>140755.66666666701</v>
      </c>
      <c r="U434" s="53">
        <v>140755.66666666701</v>
      </c>
      <c r="V434" s="53">
        <v>140755.66666666701</v>
      </c>
      <c r="W434" s="53">
        <v>140755.66666666701</v>
      </c>
      <c r="X434" s="53">
        <v>140755.66666666701</v>
      </c>
      <c r="Y434" s="53">
        <v>140755.66666666701</v>
      </c>
      <c r="Z434" s="53">
        <v>140755.66666666701</v>
      </c>
      <c r="AA434" s="53">
        <v>1689068</v>
      </c>
      <c r="AB434" s="53">
        <v>140755.66666666701</v>
      </c>
      <c r="AC434" s="53">
        <v>140755.66666666701</v>
      </c>
      <c r="AD434" s="53">
        <v>140755.66666666701</v>
      </c>
      <c r="AE434" s="53">
        <v>140755.66666666701</v>
      </c>
      <c r="AF434" s="53">
        <v>140755.66666666701</v>
      </c>
      <c r="AG434" s="53">
        <v>140755.66666666701</v>
      </c>
      <c r="AH434" s="53">
        <v>140755.66666666701</v>
      </c>
      <c r="AI434" s="53">
        <v>140755.66666666701</v>
      </c>
      <c r="AJ434" s="53">
        <v>140755.66666666701</v>
      </c>
      <c r="AK434" s="53">
        <v>140755.66666666701</v>
      </c>
      <c r="AL434" s="53">
        <v>140755.66666666701</v>
      </c>
      <c r="AM434" s="53">
        <v>140755.66666666701</v>
      </c>
      <c r="AN434" s="53">
        <v>1689068</v>
      </c>
      <c r="AO434" s="53">
        <v>140755.66666666701</v>
      </c>
      <c r="AP434" s="53">
        <v>140755.66666666701</v>
      </c>
      <c r="AQ434" s="53">
        <v>140755.66666666701</v>
      </c>
      <c r="AR434" s="53">
        <v>140755.66666666701</v>
      </c>
      <c r="AS434" s="53">
        <v>140755.66666666701</v>
      </c>
      <c r="AT434" s="53">
        <v>140755.66666666701</v>
      </c>
      <c r="AU434" s="53">
        <v>140755.66666666701</v>
      </c>
      <c r="AV434" s="53">
        <v>140755.66666666701</v>
      </c>
      <c r="AW434" s="53">
        <v>140755.66666666701</v>
      </c>
      <c r="AX434" s="53">
        <v>140755.66666666701</v>
      </c>
      <c r="AY434" s="53">
        <v>140755.66666666701</v>
      </c>
      <c r="AZ434" s="53">
        <v>140755.66666666701</v>
      </c>
      <c r="BA434" s="53">
        <v>1689068</v>
      </c>
      <c r="BB434" s="53">
        <v>140755.66666666701</v>
      </c>
      <c r="BC434" s="53">
        <v>140755.66666666701</v>
      </c>
      <c r="BD434" s="53">
        <v>140755.66666666701</v>
      </c>
      <c r="BE434" s="53">
        <v>140755.66666666701</v>
      </c>
      <c r="BF434" s="53">
        <v>140755.66666666701</v>
      </c>
      <c r="BG434" s="53">
        <v>140755.66666666701</v>
      </c>
      <c r="BH434" s="53">
        <v>140755.66666666701</v>
      </c>
      <c r="BI434" s="53">
        <v>140755.66666666701</v>
      </c>
      <c r="BJ434" s="53">
        <v>140755.66666666701</v>
      </c>
      <c r="BK434" s="53">
        <v>140755.66666666701</v>
      </c>
      <c r="BL434" s="53">
        <v>140755.66666666701</v>
      </c>
      <c r="BM434" s="53">
        <v>140755.66666666701</v>
      </c>
      <c r="BN434" s="53">
        <v>1689068</v>
      </c>
      <c r="BO434" s="53">
        <v>140755.66666666701</v>
      </c>
      <c r="BP434" s="53">
        <v>140755.66666666701</v>
      </c>
      <c r="BQ434" s="53">
        <v>140755.66666666701</v>
      </c>
      <c r="BR434" s="53">
        <v>140755.66666666701</v>
      </c>
      <c r="BS434" s="53">
        <v>140755.66666666701</v>
      </c>
      <c r="BT434" s="53">
        <v>140755.66666666701</v>
      </c>
      <c r="BU434" s="53">
        <v>140755.66666666701</v>
      </c>
      <c r="BV434" s="53">
        <v>140755.66666666701</v>
      </c>
      <c r="BW434" s="53">
        <v>140755.66666666701</v>
      </c>
      <c r="BX434" s="53">
        <v>140755.66666666701</v>
      </c>
      <c r="BY434" s="53">
        <v>140755.66666666701</v>
      </c>
      <c r="BZ434" s="53">
        <v>140755.66666666701</v>
      </c>
      <c r="CA434" s="53">
        <v>1689068</v>
      </c>
      <c r="CB434" s="53">
        <v>308004.32631578902</v>
      </c>
      <c r="CC434" s="53">
        <v>308004.32631578902</v>
      </c>
      <c r="CD434" s="53">
        <v>308004.32631578902</v>
      </c>
      <c r="CE434" s="53">
        <v>308004.32631578902</v>
      </c>
      <c r="CF434" s="53">
        <v>308004.32631578902</v>
      </c>
      <c r="CG434" s="53">
        <v>308004.32631578902</v>
      </c>
      <c r="CH434" s="53">
        <v>308004.32631578902</v>
      </c>
      <c r="CI434" s="53">
        <v>308004.32631578902</v>
      </c>
      <c r="CJ434" s="53">
        <v>308004.32631578902</v>
      </c>
      <c r="CK434" s="53">
        <v>308004.32631578902</v>
      </c>
      <c r="CL434" s="53">
        <v>308004.32631578902</v>
      </c>
      <c r="CM434" s="53">
        <v>308004.32631578902</v>
      </c>
      <c r="CN434" s="53">
        <v>3696051.9157894701</v>
      </c>
    </row>
    <row r="435" spans="1:92">
      <c r="A435" s="52" t="s">
        <v>672</v>
      </c>
      <c r="B435" s="53"/>
      <c r="C435" s="53"/>
      <c r="D435" s="53"/>
      <c r="E435" s="53"/>
      <c r="F435" s="53"/>
      <c r="G435" s="53"/>
      <c r="H435" s="53"/>
      <c r="I435" s="53"/>
      <c r="J435" s="53"/>
      <c r="K435" s="53"/>
      <c r="L435" s="53"/>
      <c r="M435" s="53"/>
      <c r="N435" s="53"/>
      <c r="O435" s="53"/>
      <c r="P435" s="53"/>
      <c r="Q435" s="53"/>
      <c r="R435" s="53"/>
      <c r="S435" s="53"/>
      <c r="T435" s="53"/>
      <c r="U435" s="53"/>
      <c r="V435" s="53"/>
      <c r="W435" s="53"/>
      <c r="X435" s="53"/>
      <c r="Y435" s="53"/>
      <c r="Z435" s="53"/>
      <c r="AA435" s="53"/>
      <c r="AB435" s="53"/>
      <c r="AC435" s="53"/>
      <c r="AD435" s="53"/>
      <c r="AE435" s="53"/>
      <c r="AF435" s="53"/>
      <c r="AG435" s="53"/>
      <c r="AH435" s="53"/>
      <c r="AI435" s="53"/>
      <c r="AJ435" s="53"/>
      <c r="AK435" s="53"/>
      <c r="AL435" s="53"/>
      <c r="AM435" s="53"/>
      <c r="AN435" s="53"/>
      <c r="AO435" s="53"/>
      <c r="AP435" s="53"/>
      <c r="AQ435" s="53"/>
      <c r="AR435" s="53"/>
      <c r="AS435" s="53"/>
      <c r="AT435" s="53"/>
      <c r="AU435" s="53"/>
      <c r="AV435" s="53"/>
      <c r="AW435" s="53"/>
      <c r="AX435" s="53"/>
      <c r="AY435" s="53"/>
      <c r="AZ435" s="53"/>
      <c r="BA435" s="53"/>
      <c r="BB435" s="53"/>
      <c r="BC435" s="53"/>
      <c r="BD435" s="53"/>
      <c r="BE435" s="53"/>
      <c r="BF435" s="53"/>
      <c r="BG435" s="53"/>
      <c r="BH435" s="53"/>
      <c r="BI435" s="53"/>
      <c r="BJ435" s="53"/>
      <c r="BK435" s="53"/>
      <c r="BL435" s="53"/>
      <c r="BM435" s="53"/>
      <c r="BN435" s="53"/>
      <c r="BO435" s="53"/>
      <c r="BP435" s="53"/>
      <c r="BQ435" s="53"/>
      <c r="BR435" s="53"/>
      <c r="BS435" s="53"/>
      <c r="BT435" s="53"/>
      <c r="BU435" s="53"/>
      <c r="BV435" s="53"/>
      <c r="BW435" s="53"/>
      <c r="BX435" s="53"/>
      <c r="BY435" s="53"/>
      <c r="BZ435" s="53"/>
      <c r="CA435" s="53"/>
      <c r="CB435" s="53">
        <v>199670.97536945701</v>
      </c>
      <c r="CC435" s="53">
        <v>199670.97536945701</v>
      </c>
      <c r="CD435" s="53">
        <v>199670.97536945701</v>
      </c>
      <c r="CE435" s="53">
        <v>199670.97536945701</v>
      </c>
      <c r="CF435" s="53">
        <v>199670.975369458</v>
      </c>
      <c r="CG435" s="53">
        <v>199670.97536945701</v>
      </c>
      <c r="CH435" s="53">
        <v>199670.975369458</v>
      </c>
      <c r="CI435" s="53">
        <v>199670.975369458</v>
      </c>
      <c r="CJ435" s="53">
        <v>199670.975369458</v>
      </c>
      <c r="CK435" s="53">
        <v>199670.975369458</v>
      </c>
      <c r="CL435" s="53">
        <v>199670.975369458</v>
      </c>
      <c r="CM435" s="53">
        <v>199670.975369458</v>
      </c>
      <c r="CN435" s="53">
        <v>2396051.7044334901</v>
      </c>
    </row>
    <row r="436" spans="1:92">
      <c r="A436" s="52" t="s">
        <v>709</v>
      </c>
      <c r="B436" s="53"/>
      <c r="C436" s="53"/>
      <c r="D436" s="53"/>
      <c r="E436" s="53"/>
      <c r="F436" s="53"/>
      <c r="G436" s="53"/>
      <c r="H436" s="53"/>
      <c r="I436" s="53"/>
      <c r="J436" s="53"/>
      <c r="K436" s="53"/>
      <c r="L436" s="53"/>
      <c r="M436" s="53"/>
      <c r="N436" s="53"/>
      <c r="O436" s="53"/>
      <c r="P436" s="53"/>
      <c r="Q436" s="53"/>
      <c r="R436" s="53"/>
      <c r="S436" s="53"/>
      <c r="T436" s="53"/>
      <c r="U436" s="53"/>
      <c r="V436" s="53"/>
      <c r="W436" s="53"/>
      <c r="X436" s="53"/>
      <c r="Y436" s="53"/>
      <c r="Z436" s="53"/>
      <c r="AA436" s="53"/>
      <c r="AB436" s="53"/>
      <c r="AC436" s="53"/>
      <c r="AD436" s="53"/>
      <c r="AE436" s="53"/>
      <c r="AF436" s="53"/>
      <c r="AG436" s="53"/>
      <c r="AH436" s="53"/>
      <c r="AI436" s="53"/>
      <c r="AJ436" s="53"/>
      <c r="AK436" s="53"/>
      <c r="AL436" s="53"/>
      <c r="AM436" s="53"/>
      <c r="AN436" s="53"/>
      <c r="AO436" s="53"/>
      <c r="AP436" s="53"/>
      <c r="AQ436" s="53"/>
      <c r="AR436" s="53"/>
      <c r="AS436" s="53"/>
      <c r="AT436" s="53"/>
      <c r="AU436" s="53"/>
      <c r="AV436" s="53"/>
      <c r="AW436" s="53"/>
      <c r="AX436" s="53"/>
      <c r="AY436" s="53"/>
      <c r="AZ436" s="53"/>
      <c r="BA436" s="53"/>
      <c r="BB436" s="53"/>
      <c r="BC436" s="53"/>
      <c r="BD436" s="53"/>
      <c r="BE436" s="53"/>
      <c r="BF436" s="53"/>
      <c r="BG436" s="53"/>
      <c r="BH436" s="53"/>
      <c r="BI436" s="53"/>
      <c r="BJ436" s="53"/>
      <c r="BK436" s="53"/>
      <c r="BL436" s="53"/>
      <c r="BM436" s="53"/>
      <c r="BN436" s="53"/>
      <c r="BO436" s="53"/>
      <c r="BP436" s="53"/>
      <c r="BQ436" s="53"/>
      <c r="BR436" s="53"/>
      <c r="BS436" s="53"/>
      <c r="BT436" s="53"/>
      <c r="BU436" s="53"/>
      <c r="BV436" s="53"/>
      <c r="BW436" s="53"/>
      <c r="BX436" s="53"/>
      <c r="BY436" s="53"/>
      <c r="BZ436" s="53"/>
      <c r="CA436" s="53"/>
      <c r="CB436" s="53">
        <v>115069.472803347</v>
      </c>
      <c r="CC436" s="53">
        <v>115069.472803347</v>
      </c>
      <c r="CD436" s="53">
        <v>115069.472803347</v>
      </c>
      <c r="CE436" s="53">
        <v>115069.472803347</v>
      </c>
      <c r="CF436" s="53">
        <v>115069.472803347</v>
      </c>
      <c r="CG436" s="53">
        <v>115069.472803347</v>
      </c>
      <c r="CH436" s="53">
        <v>115069.472803347</v>
      </c>
      <c r="CI436" s="53">
        <v>115069.472803347</v>
      </c>
      <c r="CJ436" s="53">
        <v>115069.472803347</v>
      </c>
      <c r="CK436" s="53">
        <v>115069.472803347</v>
      </c>
      <c r="CL436" s="53">
        <v>115069.472803347</v>
      </c>
      <c r="CM436" s="53">
        <v>115069.472803347</v>
      </c>
      <c r="CN436" s="53">
        <v>1380833.6736401699</v>
      </c>
    </row>
    <row r="437" spans="1:92">
      <c r="A437" s="52" t="s">
        <v>733</v>
      </c>
      <c r="B437" s="53"/>
      <c r="C437" s="53"/>
      <c r="D437" s="53"/>
      <c r="E437" s="53"/>
      <c r="F437" s="53"/>
      <c r="G437" s="53"/>
      <c r="H437" s="53"/>
      <c r="I437" s="53"/>
      <c r="J437" s="53"/>
      <c r="K437" s="53"/>
      <c r="L437" s="53"/>
      <c r="M437" s="53"/>
      <c r="N437" s="53"/>
      <c r="O437" s="53"/>
      <c r="P437" s="53"/>
      <c r="Q437" s="53"/>
      <c r="R437" s="53"/>
      <c r="S437" s="53"/>
      <c r="T437" s="53"/>
      <c r="U437" s="53"/>
      <c r="V437" s="53"/>
      <c r="W437" s="53"/>
      <c r="X437" s="53"/>
      <c r="Y437" s="53"/>
      <c r="Z437" s="53"/>
      <c r="AA437" s="53"/>
      <c r="AB437" s="53"/>
      <c r="AC437" s="53"/>
      <c r="AD437" s="53"/>
      <c r="AE437" s="53"/>
      <c r="AF437" s="53"/>
      <c r="AG437" s="53"/>
      <c r="AH437" s="53"/>
      <c r="AI437" s="53"/>
      <c r="AJ437" s="53"/>
      <c r="AK437" s="53"/>
      <c r="AL437" s="53"/>
      <c r="AM437" s="53"/>
      <c r="AN437" s="53"/>
      <c r="AO437" s="53"/>
      <c r="AP437" s="53"/>
      <c r="AQ437" s="53"/>
      <c r="AR437" s="53"/>
      <c r="AS437" s="53"/>
      <c r="AT437" s="53"/>
      <c r="AU437" s="53"/>
      <c r="AV437" s="53"/>
      <c r="AW437" s="53"/>
      <c r="AX437" s="53"/>
      <c r="AY437" s="53"/>
      <c r="AZ437" s="53"/>
      <c r="BA437" s="53"/>
      <c r="BB437" s="53"/>
      <c r="BC437" s="53"/>
      <c r="BD437" s="53"/>
      <c r="BE437" s="53"/>
      <c r="BF437" s="53"/>
      <c r="BG437" s="53"/>
      <c r="BH437" s="53"/>
      <c r="BI437" s="53"/>
      <c r="BJ437" s="53"/>
      <c r="BK437" s="53"/>
      <c r="BL437" s="53"/>
      <c r="BM437" s="53"/>
      <c r="BN437" s="53"/>
      <c r="BO437" s="53"/>
      <c r="BP437" s="53"/>
      <c r="BQ437" s="53"/>
      <c r="BR437" s="53"/>
      <c r="BS437" s="53"/>
      <c r="BT437" s="53"/>
      <c r="BU437" s="53"/>
      <c r="BV437" s="53"/>
      <c r="BW437" s="53"/>
      <c r="BX437" s="53"/>
      <c r="BY437" s="53"/>
      <c r="BZ437" s="53"/>
      <c r="CA437" s="53"/>
      <c r="CB437" s="53"/>
      <c r="CC437" s="53"/>
      <c r="CD437" s="53"/>
      <c r="CE437" s="53"/>
      <c r="CF437" s="53"/>
      <c r="CG437" s="53"/>
      <c r="CH437" s="53"/>
      <c r="CI437" s="53"/>
      <c r="CJ437" s="53"/>
      <c r="CK437" s="53"/>
      <c r="CL437" s="53"/>
      <c r="CM437" s="53"/>
      <c r="CN437" s="53"/>
    </row>
    <row r="438" spans="1:92" outlineLevel="1">
      <c r="A438" s="52" t="s">
        <v>713</v>
      </c>
      <c r="B438" s="53">
        <v>-26552.4084880636</v>
      </c>
      <c r="C438" s="53">
        <v>-26552.410666666601</v>
      </c>
      <c r="D438" s="53">
        <v>-26552.407506702399</v>
      </c>
      <c r="E438" s="53">
        <v>-26552.409703503999</v>
      </c>
      <c r="F438" s="53">
        <v>-26552.406504064998</v>
      </c>
      <c r="G438" s="53">
        <v>-26552.408719346</v>
      </c>
      <c r="H438" s="53">
        <v>-26552.4109589041</v>
      </c>
      <c r="I438" s="53">
        <v>-26552.4077134986</v>
      </c>
      <c r="J438" s="53">
        <v>-26552.409972299101</v>
      </c>
      <c r="K438" s="53">
        <v>-26552.4066852367</v>
      </c>
      <c r="L438" s="53">
        <v>-26552.4089635854</v>
      </c>
      <c r="M438" s="53">
        <v>-26552.411267605599</v>
      </c>
      <c r="N438" s="53">
        <v>-318628.90714947699</v>
      </c>
      <c r="O438" s="53">
        <v>-26552.407932011301</v>
      </c>
      <c r="P438" s="53">
        <v>-26552.407932011301</v>
      </c>
      <c r="Q438" s="53">
        <v>-26552.407932011301</v>
      </c>
      <c r="R438" s="53">
        <v>-26552.407932011301</v>
      </c>
      <c r="S438" s="53">
        <v>-26552.407932011301</v>
      </c>
      <c r="T438" s="53">
        <v>-26552.407932011301</v>
      </c>
      <c r="U438" s="53">
        <v>-26552.407932011301</v>
      </c>
      <c r="V438" s="53">
        <v>-26552.407932011301</v>
      </c>
      <c r="W438" s="53">
        <v>-26552.407932011301</v>
      </c>
      <c r="X438" s="53">
        <v>-26552.407932011301</v>
      </c>
      <c r="Y438" s="53">
        <v>-26552.407932011301</v>
      </c>
      <c r="Z438" s="53">
        <v>-26552.407932011301</v>
      </c>
      <c r="AA438" s="53">
        <v>-318628.895184136</v>
      </c>
      <c r="AB438" s="53">
        <v>-26552.407932011301</v>
      </c>
      <c r="AC438" s="53">
        <v>-26552.407932011301</v>
      </c>
      <c r="AD438" s="53">
        <v>-26552.407932011301</v>
      </c>
      <c r="AE438" s="53">
        <v>-26552.407932011301</v>
      </c>
      <c r="AF438" s="53">
        <v>-26552.407932011301</v>
      </c>
      <c r="AG438" s="53">
        <v>-26552.407932011301</v>
      </c>
      <c r="AH438" s="53">
        <v>-26552.407932011301</v>
      </c>
      <c r="AI438" s="53">
        <v>-26552.407932011301</v>
      </c>
      <c r="AJ438" s="53">
        <v>-26552.407932011301</v>
      </c>
      <c r="AK438" s="53">
        <v>-26552.407932011301</v>
      </c>
      <c r="AL438" s="53">
        <v>-26552.407932011301</v>
      </c>
      <c r="AM438" s="53">
        <v>-26552.407932011301</v>
      </c>
      <c r="AN438" s="53">
        <v>-318628.895184136</v>
      </c>
      <c r="AO438" s="53">
        <v>-26552.407932011301</v>
      </c>
      <c r="AP438" s="53">
        <v>-26552.407932011301</v>
      </c>
      <c r="AQ438" s="53">
        <v>-26552.407932011301</v>
      </c>
      <c r="AR438" s="53">
        <v>-26552.407932011301</v>
      </c>
      <c r="AS438" s="53">
        <v>-26552.407932011301</v>
      </c>
      <c r="AT438" s="53">
        <v>-26552.407932011301</v>
      </c>
      <c r="AU438" s="53">
        <v>-26552.407932011301</v>
      </c>
      <c r="AV438" s="53">
        <v>-26552.407932011301</v>
      </c>
      <c r="AW438" s="53">
        <v>-26552.407932011301</v>
      </c>
      <c r="AX438" s="53">
        <v>-26552.407932011301</v>
      </c>
      <c r="AY438" s="53">
        <v>-26552.407932011301</v>
      </c>
      <c r="AZ438" s="53">
        <v>-26552.407932011301</v>
      </c>
      <c r="BA438" s="53">
        <v>-318628.895184136</v>
      </c>
      <c r="BB438" s="53">
        <v>-26552.407932011301</v>
      </c>
      <c r="BC438" s="53">
        <v>-26552.407932011301</v>
      </c>
      <c r="BD438" s="53">
        <v>-26552.407932011301</v>
      </c>
      <c r="BE438" s="53">
        <v>-26552.407932011301</v>
      </c>
      <c r="BF438" s="53">
        <v>-26552.407932011301</v>
      </c>
      <c r="BG438" s="53">
        <v>-26552.407932011301</v>
      </c>
      <c r="BH438" s="53">
        <v>-26552.407932011301</v>
      </c>
      <c r="BI438" s="53">
        <v>-26552.407932011301</v>
      </c>
      <c r="BJ438" s="53">
        <v>-26552.407932011301</v>
      </c>
      <c r="BK438" s="53">
        <v>-26552.407932011301</v>
      </c>
      <c r="BL438" s="53">
        <v>-26552.407932011301</v>
      </c>
      <c r="BM438" s="53">
        <v>-26552.407932011301</v>
      </c>
      <c r="BN438" s="53">
        <v>-318628.895184136</v>
      </c>
      <c r="BO438" s="53">
        <v>-26552.407932011301</v>
      </c>
      <c r="BP438" s="53">
        <v>-26552.407932011301</v>
      </c>
      <c r="BQ438" s="53">
        <v>-26552.407932011301</v>
      </c>
      <c r="BR438" s="53">
        <v>-26552.407932011301</v>
      </c>
      <c r="BS438" s="53">
        <v>-26552.407932011301</v>
      </c>
      <c r="BT438" s="53">
        <v>-26552.407932011301</v>
      </c>
      <c r="BU438" s="53">
        <v>-26552.407932011301</v>
      </c>
      <c r="BV438" s="53">
        <v>-26552.4079320114</v>
      </c>
      <c r="BW438" s="53">
        <v>-26552.407932011301</v>
      </c>
      <c r="BX438" s="53">
        <v>-26552.407932011301</v>
      </c>
      <c r="BY438" s="53">
        <v>-26552.4079320114</v>
      </c>
      <c r="BZ438" s="53">
        <v>-26552.4079320114</v>
      </c>
      <c r="CA438" s="53">
        <v>-318628.895184136</v>
      </c>
      <c r="CB438" s="53"/>
      <c r="CC438" s="53"/>
      <c r="CD438" s="53"/>
      <c r="CE438" s="53"/>
      <c r="CF438" s="53"/>
      <c r="CG438" s="53"/>
      <c r="CH438" s="53"/>
      <c r="CI438" s="53"/>
      <c r="CJ438" s="53"/>
      <c r="CK438" s="53"/>
      <c r="CL438" s="53"/>
      <c r="CM438" s="53"/>
      <c r="CN438" s="53"/>
    </row>
    <row r="439" spans="1:92" outlineLevel="1">
      <c r="A439" s="52" t="s">
        <v>716</v>
      </c>
      <c r="B439" s="53">
        <v>24171.149367088601</v>
      </c>
      <c r="C439" s="53">
        <v>24171.150127226399</v>
      </c>
      <c r="D439" s="53">
        <v>24171.150895140599</v>
      </c>
      <c r="E439" s="53">
        <v>24171.151670951102</v>
      </c>
      <c r="F439" s="53">
        <v>24171.147286821699</v>
      </c>
      <c r="G439" s="53">
        <v>24171.148051947999</v>
      </c>
      <c r="H439" s="53">
        <v>24171.1488250652</v>
      </c>
      <c r="I439" s="53">
        <v>24171.149606299201</v>
      </c>
      <c r="J439" s="53">
        <v>24171.150395778299</v>
      </c>
      <c r="K439" s="53">
        <v>24171.151193633901</v>
      </c>
      <c r="L439" s="53">
        <v>24171.151999999998</v>
      </c>
      <c r="M439" s="53">
        <v>24171.1474530831</v>
      </c>
      <c r="N439" s="53">
        <v>290053.79687303602</v>
      </c>
      <c r="O439" s="53">
        <v>24171.148247978399</v>
      </c>
      <c r="P439" s="53">
        <v>24171.148247978399</v>
      </c>
      <c r="Q439" s="53">
        <v>24171.148247978399</v>
      </c>
      <c r="R439" s="53">
        <v>24171.148247978399</v>
      </c>
      <c r="S439" s="53">
        <v>24171.148247978399</v>
      </c>
      <c r="T439" s="53">
        <v>24171.148247978399</v>
      </c>
      <c r="U439" s="53">
        <v>24171.148247978399</v>
      </c>
      <c r="V439" s="53">
        <v>24171.148247978399</v>
      </c>
      <c r="W439" s="53">
        <v>24171.148247978399</v>
      </c>
      <c r="X439" s="53">
        <v>24171.148247978399</v>
      </c>
      <c r="Y439" s="53">
        <v>24171.148247978399</v>
      </c>
      <c r="Z439" s="53">
        <v>24171.148247978399</v>
      </c>
      <c r="AA439" s="53">
        <v>290053.77897574101</v>
      </c>
      <c r="AB439" s="53">
        <v>24171.148247978399</v>
      </c>
      <c r="AC439" s="53">
        <v>24171.148247978399</v>
      </c>
      <c r="AD439" s="53">
        <v>24171.148247978399</v>
      </c>
      <c r="AE439" s="53">
        <v>24171.148247978399</v>
      </c>
      <c r="AF439" s="53">
        <v>24171.148247978399</v>
      </c>
      <c r="AG439" s="53">
        <v>24171.148247978399</v>
      </c>
      <c r="AH439" s="53">
        <v>24171.148247978399</v>
      </c>
      <c r="AI439" s="53">
        <v>24171.148247978399</v>
      </c>
      <c r="AJ439" s="53">
        <v>24171.148247978399</v>
      </c>
      <c r="AK439" s="53">
        <v>24171.148247978399</v>
      </c>
      <c r="AL439" s="53">
        <v>24171.148247978399</v>
      </c>
      <c r="AM439" s="53">
        <v>24171.148247978399</v>
      </c>
      <c r="AN439" s="53">
        <v>290053.77897574002</v>
      </c>
      <c r="AO439" s="53">
        <v>24171.148247978399</v>
      </c>
      <c r="AP439" s="53">
        <v>24171.148247978399</v>
      </c>
      <c r="AQ439" s="53">
        <v>24171.148247978399</v>
      </c>
      <c r="AR439" s="53">
        <v>24171.148247978399</v>
      </c>
      <c r="AS439" s="53">
        <v>24171.148247978399</v>
      </c>
      <c r="AT439" s="53">
        <v>24171.148247978399</v>
      </c>
      <c r="AU439" s="53">
        <v>24171.148247978399</v>
      </c>
      <c r="AV439" s="53">
        <v>24171.148247978399</v>
      </c>
      <c r="AW439" s="53">
        <v>24171.148247978399</v>
      </c>
      <c r="AX439" s="53">
        <v>24171.148247978399</v>
      </c>
      <c r="AY439" s="53">
        <v>24171.148247978399</v>
      </c>
      <c r="AZ439" s="53">
        <v>24171.148247978399</v>
      </c>
      <c r="BA439" s="53">
        <v>290053.77897574002</v>
      </c>
      <c r="BB439" s="53">
        <v>24171.148247978399</v>
      </c>
      <c r="BC439" s="53">
        <v>24171.148247978399</v>
      </c>
      <c r="BD439" s="53">
        <v>24171.148247978399</v>
      </c>
      <c r="BE439" s="53">
        <v>24171.148247978399</v>
      </c>
      <c r="BF439" s="53">
        <v>24171.148247978399</v>
      </c>
      <c r="BG439" s="53">
        <v>24171.148247978399</v>
      </c>
      <c r="BH439" s="53">
        <v>24171.148247978399</v>
      </c>
      <c r="BI439" s="53">
        <v>24171.148247978399</v>
      </c>
      <c r="BJ439" s="53">
        <v>24171.148247978399</v>
      </c>
      <c r="BK439" s="53">
        <v>24171.148247978399</v>
      </c>
      <c r="BL439" s="53">
        <v>24171.148247978399</v>
      </c>
      <c r="BM439" s="53">
        <v>24171.148247978399</v>
      </c>
      <c r="BN439" s="53">
        <v>290053.77897574002</v>
      </c>
      <c r="BO439" s="53">
        <v>24171.148247978399</v>
      </c>
      <c r="BP439" s="53">
        <v>24171.148247978399</v>
      </c>
      <c r="BQ439" s="53">
        <v>24171.148247978399</v>
      </c>
      <c r="BR439" s="53">
        <v>24171.148247978399</v>
      </c>
      <c r="BS439" s="53">
        <v>24171.148247978399</v>
      </c>
      <c r="BT439" s="53">
        <v>24171.148247978399</v>
      </c>
      <c r="BU439" s="53">
        <v>24171.148247978399</v>
      </c>
      <c r="BV439" s="53">
        <v>24171.148247978399</v>
      </c>
      <c r="BW439" s="53">
        <v>24171.148247978399</v>
      </c>
      <c r="BX439" s="53">
        <v>24171.148247978399</v>
      </c>
      <c r="BY439" s="53">
        <v>24171.148247978399</v>
      </c>
      <c r="BZ439" s="53">
        <v>24171.148247978399</v>
      </c>
      <c r="CA439" s="53">
        <v>290053.77897574002</v>
      </c>
      <c r="CB439" s="53"/>
      <c r="CC439" s="53"/>
      <c r="CD439" s="53"/>
      <c r="CE439" s="53"/>
      <c r="CF439" s="53"/>
      <c r="CG439" s="53"/>
      <c r="CH439" s="53"/>
      <c r="CI439" s="53"/>
      <c r="CJ439" s="53"/>
      <c r="CK439" s="53"/>
      <c r="CL439" s="53"/>
      <c r="CM439" s="53"/>
      <c r="CN439" s="53"/>
    </row>
    <row r="440" spans="1:92" outlineLevel="1">
      <c r="A440" s="52" t="s">
        <v>734</v>
      </c>
      <c r="B440" s="53">
        <v>-104270.47619047599</v>
      </c>
      <c r="C440" s="53">
        <v>-104270.526315789</v>
      </c>
      <c r="D440" s="53">
        <v>-104270.470588235</v>
      </c>
      <c r="E440" s="53">
        <v>-104270.53333333301</v>
      </c>
      <c r="F440" s="53">
        <v>-104270.46153846099</v>
      </c>
      <c r="G440" s="53">
        <v>-104270.545454545</v>
      </c>
      <c r="H440" s="53">
        <v>-104270.444444444</v>
      </c>
      <c r="I440" s="53">
        <v>-104270.571428571</v>
      </c>
      <c r="J440" s="53">
        <v>-104270.39999999999</v>
      </c>
      <c r="K440" s="53">
        <v>-104270.666666666</v>
      </c>
      <c r="L440" s="53">
        <v>-52135</v>
      </c>
      <c r="M440" s="53"/>
      <c r="N440" s="53">
        <v>-1094840.09596052</v>
      </c>
      <c r="O440" s="53"/>
      <c r="P440" s="53"/>
      <c r="Q440" s="53"/>
      <c r="R440" s="53"/>
      <c r="S440" s="53"/>
      <c r="T440" s="53"/>
      <c r="U440" s="53"/>
      <c r="V440" s="53"/>
      <c r="W440" s="53"/>
      <c r="X440" s="53"/>
      <c r="Y440" s="53"/>
      <c r="Z440" s="53"/>
      <c r="AA440" s="53"/>
      <c r="AB440" s="53"/>
      <c r="AC440" s="53"/>
      <c r="AD440" s="53"/>
      <c r="AE440" s="53"/>
      <c r="AF440" s="53"/>
      <c r="AG440" s="53"/>
      <c r="AH440" s="53"/>
      <c r="AI440" s="53"/>
      <c r="AJ440" s="53"/>
      <c r="AK440" s="53"/>
      <c r="AL440" s="53"/>
      <c r="AM440" s="53"/>
      <c r="AN440" s="53"/>
      <c r="AO440" s="53"/>
      <c r="AP440" s="53"/>
      <c r="AQ440" s="53"/>
      <c r="AR440" s="53"/>
      <c r="AS440" s="53"/>
      <c r="AT440" s="53"/>
      <c r="AU440" s="53"/>
      <c r="AV440" s="53"/>
      <c r="AW440" s="53"/>
      <c r="AX440" s="53"/>
      <c r="AY440" s="53"/>
      <c r="AZ440" s="53"/>
      <c r="BA440" s="53"/>
      <c r="BB440" s="53"/>
      <c r="BC440" s="53"/>
      <c r="BD440" s="53"/>
      <c r="BE440" s="53"/>
      <c r="BF440" s="53"/>
      <c r="BG440" s="53"/>
      <c r="BH440" s="53"/>
      <c r="BI440" s="53"/>
      <c r="BJ440" s="53"/>
      <c r="BK440" s="53"/>
      <c r="BL440" s="53"/>
      <c r="BM440" s="53"/>
      <c r="BN440" s="53"/>
      <c r="BO440" s="53"/>
      <c r="BP440" s="53"/>
      <c r="BQ440" s="53"/>
      <c r="BR440" s="53"/>
      <c r="BS440" s="53"/>
      <c r="BT440" s="53"/>
      <c r="BU440" s="53"/>
      <c r="BV440" s="53"/>
      <c r="BW440" s="53"/>
      <c r="BX440" s="53"/>
      <c r="BY440" s="53"/>
      <c r="BZ440" s="53"/>
      <c r="CA440" s="53"/>
      <c r="CB440" s="53">
        <v>-26552.408488063698</v>
      </c>
      <c r="CC440" s="53">
        <v>-26552.408488063698</v>
      </c>
      <c r="CD440" s="53">
        <v>-26552.408488063698</v>
      </c>
      <c r="CE440" s="53">
        <v>-26552.408488063698</v>
      </c>
      <c r="CF440" s="53">
        <v>-26552.408488063698</v>
      </c>
      <c r="CG440" s="53">
        <v>-26552.408488063698</v>
      </c>
      <c r="CH440" s="53">
        <v>-26552.408488063698</v>
      </c>
      <c r="CI440" s="53">
        <v>-26552.408488063698</v>
      </c>
      <c r="CJ440" s="53">
        <v>-26552.408488063698</v>
      </c>
      <c r="CK440" s="53">
        <v>-26552.408488063698</v>
      </c>
      <c r="CL440" s="53">
        <v>-26552.408488063698</v>
      </c>
      <c r="CM440" s="53">
        <v>-26552.408488063698</v>
      </c>
      <c r="CN440" s="53">
        <v>-318628.90185676399</v>
      </c>
    </row>
    <row r="441" spans="1:92" outlineLevel="1">
      <c r="A441" s="52" t="s">
        <v>725</v>
      </c>
      <c r="B441" s="53">
        <v>16813.8726114649</v>
      </c>
      <c r="C441" s="53">
        <v>16813.870967741899</v>
      </c>
      <c r="D441" s="53">
        <v>16813.8692810457</v>
      </c>
      <c r="E441" s="53">
        <v>16813.867549668801</v>
      </c>
      <c r="F441" s="53">
        <v>16813.879194630801</v>
      </c>
      <c r="G441" s="53">
        <v>16813.8775510204</v>
      </c>
      <c r="H441" s="53">
        <v>16813.8758620689</v>
      </c>
      <c r="I441" s="53">
        <v>16813.874125874099</v>
      </c>
      <c r="J441" s="53">
        <v>16813.8723404255</v>
      </c>
      <c r="K441" s="53">
        <v>16813.8705035971</v>
      </c>
      <c r="L441" s="53">
        <v>16813.868613138598</v>
      </c>
      <c r="M441" s="53">
        <v>16813.866666666599</v>
      </c>
      <c r="N441" s="53">
        <v>201766.46526734301</v>
      </c>
      <c r="O441" s="53">
        <v>16813.8796992481</v>
      </c>
      <c r="P441" s="53">
        <v>16813.8796992481</v>
      </c>
      <c r="Q441" s="53">
        <v>16813.8796992481</v>
      </c>
      <c r="R441" s="53">
        <v>16813.8796992481</v>
      </c>
      <c r="S441" s="53">
        <v>16813.8796992481</v>
      </c>
      <c r="T441" s="53">
        <v>16813.8796992481</v>
      </c>
      <c r="U441" s="53">
        <v>16813.8796992481</v>
      </c>
      <c r="V441" s="53">
        <v>16813.8796992481</v>
      </c>
      <c r="W441" s="53">
        <v>16813.8796992481</v>
      </c>
      <c r="X441" s="53">
        <v>16813.8796992481</v>
      </c>
      <c r="Y441" s="53">
        <v>16813.8796992481</v>
      </c>
      <c r="Z441" s="53">
        <v>16813.8796992481</v>
      </c>
      <c r="AA441" s="53">
        <v>201766.556390977</v>
      </c>
      <c r="AB441" s="53">
        <v>16813.8796992481</v>
      </c>
      <c r="AC441" s="53">
        <v>16813.8796992481</v>
      </c>
      <c r="AD441" s="53">
        <v>16813.8796992481</v>
      </c>
      <c r="AE441" s="53">
        <v>16813.8796992481</v>
      </c>
      <c r="AF441" s="53">
        <v>16813.8796992481</v>
      </c>
      <c r="AG441" s="53">
        <v>16813.8796992481</v>
      </c>
      <c r="AH441" s="53">
        <v>16813.8796992481</v>
      </c>
      <c r="AI441" s="53">
        <v>16813.8796992481</v>
      </c>
      <c r="AJ441" s="53">
        <v>16813.8796992481</v>
      </c>
      <c r="AK441" s="53">
        <v>16813.8796992481</v>
      </c>
      <c r="AL441" s="53">
        <v>16813.8796992481</v>
      </c>
      <c r="AM441" s="53">
        <v>16813.8796992481</v>
      </c>
      <c r="AN441" s="53">
        <v>201766.556390977</v>
      </c>
      <c r="AO441" s="53">
        <v>16813.8796992481</v>
      </c>
      <c r="AP441" s="53">
        <v>16813.8796992481</v>
      </c>
      <c r="AQ441" s="53">
        <v>16813.8796992481</v>
      </c>
      <c r="AR441" s="53">
        <v>16813.8796992481</v>
      </c>
      <c r="AS441" s="53">
        <v>16813.8796992481</v>
      </c>
      <c r="AT441" s="53">
        <v>16813.8796992481</v>
      </c>
      <c r="AU441" s="53">
        <v>16813.8796992481</v>
      </c>
      <c r="AV441" s="53">
        <v>16813.8796992481</v>
      </c>
      <c r="AW441" s="53">
        <v>16813.8796992481</v>
      </c>
      <c r="AX441" s="53">
        <v>16813.8796992481</v>
      </c>
      <c r="AY441" s="53">
        <v>16813.8796992481</v>
      </c>
      <c r="AZ441" s="53">
        <v>16813.8796992481</v>
      </c>
      <c r="BA441" s="53">
        <v>201766.556390977</v>
      </c>
      <c r="BB441" s="53">
        <v>16813.8796992481</v>
      </c>
      <c r="BC441" s="53">
        <v>16813.8796992481</v>
      </c>
      <c r="BD441" s="53">
        <v>16813.8796992481</v>
      </c>
      <c r="BE441" s="53">
        <v>16813.8796992481</v>
      </c>
      <c r="BF441" s="53">
        <v>16813.8796992481</v>
      </c>
      <c r="BG441" s="53">
        <v>16813.8796992481</v>
      </c>
      <c r="BH441" s="53">
        <v>16813.8796992481</v>
      </c>
      <c r="BI441" s="53">
        <v>16813.8796992481</v>
      </c>
      <c r="BJ441" s="53">
        <v>16813.8796992481</v>
      </c>
      <c r="BK441" s="53">
        <v>16813.8796992481</v>
      </c>
      <c r="BL441" s="53">
        <v>16813.8796992481</v>
      </c>
      <c r="BM441" s="53">
        <v>16813.8796992481</v>
      </c>
      <c r="BN441" s="53">
        <v>201766.556390977</v>
      </c>
      <c r="BO441" s="53">
        <v>16813.8796992481</v>
      </c>
      <c r="BP441" s="53">
        <v>16813.8796992481</v>
      </c>
      <c r="BQ441" s="53">
        <v>16813.8796992481</v>
      </c>
      <c r="BR441" s="53">
        <v>16813.8796992481</v>
      </c>
      <c r="BS441" s="53">
        <v>16813.8796992481</v>
      </c>
      <c r="BT441" s="53">
        <v>16813.8796992481</v>
      </c>
      <c r="BU441" s="53">
        <v>16813.8796992481</v>
      </c>
      <c r="BV441" s="53">
        <v>16813.8796992481</v>
      </c>
      <c r="BW441" s="53">
        <v>16813.8796992481</v>
      </c>
      <c r="BX441" s="53">
        <v>16813.8796992481</v>
      </c>
      <c r="BY441" s="53">
        <v>16813.8796992481</v>
      </c>
      <c r="BZ441" s="53">
        <v>16813.8796992481</v>
      </c>
      <c r="CA441" s="53">
        <v>201766.556390977</v>
      </c>
      <c r="CB441" s="53"/>
      <c r="CC441" s="53"/>
      <c r="CD441" s="53"/>
      <c r="CE441" s="53"/>
      <c r="CF441" s="53"/>
      <c r="CG441" s="53"/>
      <c r="CH441" s="53"/>
      <c r="CI441" s="53"/>
      <c r="CJ441" s="53"/>
      <c r="CK441" s="53"/>
      <c r="CL441" s="53"/>
      <c r="CM441" s="53"/>
      <c r="CN441" s="53"/>
    </row>
    <row r="442" spans="1:92" outlineLevel="1">
      <c r="A442" s="52" t="s">
        <v>726</v>
      </c>
      <c r="B442" s="53">
        <v>-308004.32631578902</v>
      </c>
      <c r="C442" s="53">
        <v>-308004.32978723402</v>
      </c>
      <c r="D442" s="53">
        <v>-308004.32258064498</v>
      </c>
      <c r="E442" s="53">
        <v>-308004.32608695602</v>
      </c>
      <c r="F442" s="53">
        <v>-308004.329670329</v>
      </c>
      <c r="G442" s="53">
        <v>-308004.32222222199</v>
      </c>
      <c r="H442" s="53">
        <v>-308004.32584269601</v>
      </c>
      <c r="I442" s="53">
        <v>-308004.32954545401</v>
      </c>
      <c r="J442" s="53">
        <v>-308004.32183908002</v>
      </c>
      <c r="K442" s="53">
        <v>-308004.32558139501</v>
      </c>
      <c r="L442" s="53">
        <v>-308004.32941176399</v>
      </c>
      <c r="M442" s="53">
        <v>-308004.32142857101</v>
      </c>
      <c r="N442" s="53">
        <v>-3696051.9103121399</v>
      </c>
      <c r="O442" s="53">
        <v>-308004.32530120399</v>
      </c>
      <c r="P442" s="53">
        <v>-308004.32530120399</v>
      </c>
      <c r="Q442" s="53">
        <v>-308004.32530120399</v>
      </c>
      <c r="R442" s="53">
        <v>-308004.32530120399</v>
      </c>
      <c r="S442" s="53">
        <v>-308004.32530120399</v>
      </c>
      <c r="T442" s="53">
        <v>-308004.32530120399</v>
      </c>
      <c r="U442" s="53">
        <v>-308004.32530120399</v>
      </c>
      <c r="V442" s="53">
        <v>-308004.32530120399</v>
      </c>
      <c r="W442" s="53">
        <v>-308004.32530120399</v>
      </c>
      <c r="X442" s="53">
        <v>-308004.32530120399</v>
      </c>
      <c r="Y442" s="53">
        <v>-308004.32530120399</v>
      </c>
      <c r="Z442" s="53">
        <v>-308004.32530120399</v>
      </c>
      <c r="AA442" s="53">
        <v>-3696051.9036144498</v>
      </c>
      <c r="AB442" s="53">
        <v>-308004.32530120399</v>
      </c>
      <c r="AC442" s="53">
        <v>-308004.32530120399</v>
      </c>
      <c r="AD442" s="53">
        <v>-308004.32530120399</v>
      </c>
      <c r="AE442" s="53">
        <v>-308004.32530120399</v>
      </c>
      <c r="AF442" s="53">
        <v>-308004.32530120399</v>
      </c>
      <c r="AG442" s="53">
        <v>-308004.32530120399</v>
      </c>
      <c r="AH442" s="53">
        <v>-308004.32530120399</v>
      </c>
      <c r="AI442" s="53">
        <v>-308004.32530120399</v>
      </c>
      <c r="AJ442" s="53">
        <v>-308004.32530120399</v>
      </c>
      <c r="AK442" s="53">
        <v>-308004.32530120399</v>
      </c>
      <c r="AL442" s="53">
        <v>-308004.32530120498</v>
      </c>
      <c r="AM442" s="53">
        <v>-308004.32530120399</v>
      </c>
      <c r="AN442" s="53">
        <v>-3696051.9036144498</v>
      </c>
      <c r="AO442" s="53">
        <v>-308004.32530120498</v>
      </c>
      <c r="AP442" s="53">
        <v>-308004.32530120498</v>
      </c>
      <c r="AQ442" s="53">
        <v>-308004.32530120498</v>
      </c>
      <c r="AR442" s="53">
        <v>-308004.32530120498</v>
      </c>
      <c r="AS442" s="53">
        <v>-308004.32530120498</v>
      </c>
      <c r="AT442" s="53">
        <v>-308004.32530120498</v>
      </c>
      <c r="AU442" s="53">
        <v>-308004.32530120498</v>
      </c>
      <c r="AV442" s="53">
        <v>-308004.32530120498</v>
      </c>
      <c r="AW442" s="53">
        <v>-308004.32530120498</v>
      </c>
      <c r="AX442" s="53">
        <v>-308004.32530120498</v>
      </c>
      <c r="AY442" s="53">
        <v>-308004.32530120498</v>
      </c>
      <c r="AZ442" s="53">
        <v>-308004.32530120498</v>
      </c>
      <c r="BA442" s="53">
        <v>-3696051.9036144498</v>
      </c>
      <c r="BB442" s="53">
        <v>-308004.32530120498</v>
      </c>
      <c r="BC442" s="53">
        <v>-308004.32530120498</v>
      </c>
      <c r="BD442" s="53">
        <v>-308004.32530120498</v>
      </c>
      <c r="BE442" s="53">
        <v>-308004.32530120498</v>
      </c>
      <c r="BF442" s="53">
        <v>-308004.32530120498</v>
      </c>
      <c r="BG442" s="53">
        <v>-308004.32530120498</v>
      </c>
      <c r="BH442" s="53">
        <v>-308004.32530120498</v>
      </c>
      <c r="BI442" s="53">
        <v>-308004.32530120498</v>
      </c>
      <c r="BJ442" s="53">
        <v>-308004.32530120498</v>
      </c>
      <c r="BK442" s="53">
        <v>-308004.32530120498</v>
      </c>
      <c r="BL442" s="53">
        <v>-308004.32530120498</v>
      </c>
      <c r="BM442" s="53">
        <v>-308004.32530120498</v>
      </c>
      <c r="BN442" s="53">
        <v>-3696051.90361446</v>
      </c>
      <c r="BO442" s="53">
        <v>-308004.32530120498</v>
      </c>
      <c r="BP442" s="53">
        <v>-308004.32530120498</v>
      </c>
      <c r="BQ442" s="53">
        <v>-308004.32530120498</v>
      </c>
      <c r="BR442" s="53">
        <v>-308004.32530120498</v>
      </c>
      <c r="BS442" s="53">
        <v>-308004.32530120498</v>
      </c>
      <c r="BT442" s="53">
        <v>-308004.32530120498</v>
      </c>
      <c r="BU442" s="53">
        <v>-308004.32530120498</v>
      </c>
      <c r="BV442" s="53">
        <v>-308004.32530120498</v>
      </c>
      <c r="BW442" s="53">
        <v>-308004.32530120498</v>
      </c>
      <c r="BX442" s="53">
        <v>-308004.32530120498</v>
      </c>
      <c r="BY442" s="53">
        <v>-308004.32530120498</v>
      </c>
      <c r="BZ442" s="53">
        <v>-308004.32530120498</v>
      </c>
      <c r="CA442" s="53">
        <v>-3696051.90361446</v>
      </c>
      <c r="CB442" s="53"/>
      <c r="CC442" s="53"/>
      <c r="CD442" s="53"/>
      <c r="CE442" s="53"/>
      <c r="CF442" s="53"/>
      <c r="CG442" s="53"/>
      <c r="CH442" s="53"/>
      <c r="CI442" s="53"/>
      <c r="CJ442" s="53"/>
      <c r="CK442" s="53"/>
      <c r="CL442" s="53"/>
      <c r="CM442" s="53"/>
      <c r="CN442" s="53"/>
    </row>
    <row r="443" spans="1:92" outlineLevel="1">
      <c r="A443" s="52" t="s">
        <v>728</v>
      </c>
      <c r="B443" s="53">
        <v>-199670.975369458</v>
      </c>
      <c r="C443" s="53">
        <v>-199670.97512437799</v>
      </c>
      <c r="D443" s="53">
        <v>-199670.97487437099</v>
      </c>
      <c r="E443" s="53">
        <v>-199670.97461928899</v>
      </c>
      <c r="F443" s="53">
        <v>-199670.974358974</v>
      </c>
      <c r="G443" s="53">
        <v>-199670.974093264</v>
      </c>
      <c r="H443" s="53">
        <v>-199670.973821989</v>
      </c>
      <c r="I443" s="53">
        <v>-199670.97354497301</v>
      </c>
      <c r="J443" s="53">
        <v>-199670.973262032</v>
      </c>
      <c r="K443" s="53">
        <v>-199670.97297297299</v>
      </c>
      <c r="L443" s="53">
        <v>-199670.97267759501</v>
      </c>
      <c r="M443" s="53">
        <v>-199670.97237569001</v>
      </c>
      <c r="N443" s="53">
        <v>-2396051.6870949902</v>
      </c>
      <c r="O443" s="53">
        <v>-199670.97206703899</v>
      </c>
      <c r="P443" s="53">
        <v>-199670.97206703899</v>
      </c>
      <c r="Q443" s="53">
        <v>-199670.97206703899</v>
      </c>
      <c r="R443" s="53">
        <v>-199670.97206703899</v>
      </c>
      <c r="S443" s="53">
        <v>-199670.97206703899</v>
      </c>
      <c r="T443" s="53">
        <v>-199670.97206703899</v>
      </c>
      <c r="U443" s="53">
        <v>-199670.97206703899</v>
      </c>
      <c r="V443" s="53">
        <v>-199670.972067038</v>
      </c>
      <c r="W443" s="53">
        <v>-199670.972067038</v>
      </c>
      <c r="X443" s="53">
        <v>-199670.972067038</v>
      </c>
      <c r="Y443" s="53">
        <v>-199670.97206703899</v>
      </c>
      <c r="Z443" s="53">
        <v>-199670.97206703899</v>
      </c>
      <c r="AA443" s="53">
        <v>-2396051.66480446</v>
      </c>
      <c r="AB443" s="53">
        <v>-199670.97206703899</v>
      </c>
      <c r="AC443" s="53">
        <v>-199670.97206703899</v>
      </c>
      <c r="AD443" s="53">
        <v>-199670.97206703899</v>
      </c>
      <c r="AE443" s="53">
        <v>-199670.97206703899</v>
      </c>
      <c r="AF443" s="53">
        <v>-199670.97206703899</v>
      </c>
      <c r="AG443" s="53">
        <v>-199670.97206703899</v>
      </c>
      <c r="AH443" s="53">
        <v>-199670.97206703899</v>
      </c>
      <c r="AI443" s="53">
        <v>-199670.97206703899</v>
      </c>
      <c r="AJ443" s="53">
        <v>-199670.97206703899</v>
      </c>
      <c r="AK443" s="53">
        <v>-199670.97206703899</v>
      </c>
      <c r="AL443" s="53">
        <v>-199670.97206703899</v>
      </c>
      <c r="AM443" s="53">
        <v>-199670.97206703899</v>
      </c>
      <c r="AN443" s="53">
        <v>-2396051.66480446</v>
      </c>
      <c r="AO443" s="53">
        <v>-199670.97206703899</v>
      </c>
      <c r="AP443" s="53">
        <v>-199670.97206703899</v>
      </c>
      <c r="AQ443" s="53">
        <v>-199670.97206703899</v>
      </c>
      <c r="AR443" s="53">
        <v>-199670.97206703899</v>
      </c>
      <c r="AS443" s="53">
        <v>-199670.97206703899</v>
      </c>
      <c r="AT443" s="53">
        <v>-199670.97206703899</v>
      </c>
      <c r="AU443" s="53">
        <v>-199670.97206703899</v>
      </c>
      <c r="AV443" s="53">
        <v>-199670.97206703899</v>
      </c>
      <c r="AW443" s="53">
        <v>-199670.97206703899</v>
      </c>
      <c r="AX443" s="53">
        <v>-199670.97206703899</v>
      </c>
      <c r="AY443" s="53">
        <v>-199670.97206703899</v>
      </c>
      <c r="AZ443" s="53">
        <v>-199670.97206703899</v>
      </c>
      <c r="BA443" s="53">
        <v>-2396051.66480446</v>
      </c>
      <c r="BB443" s="53">
        <v>-199670.97206703899</v>
      </c>
      <c r="BC443" s="53">
        <v>-199670.97206703899</v>
      </c>
      <c r="BD443" s="53">
        <v>-199670.97206703899</v>
      </c>
      <c r="BE443" s="53">
        <v>-199670.97206703899</v>
      </c>
      <c r="BF443" s="53">
        <v>-199670.97206703899</v>
      </c>
      <c r="BG443" s="53">
        <v>-199670.97206703899</v>
      </c>
      <c r="BH443" s="53">
        <v>-199670.97206703899</v>
      </c>
      <c r="BI443" s="53">
        <v>-199670.97206703899</v>
      </c>
      <c r="BJ443" s="53">
        <v>-199670.97206703899</v>
      </c>
      <c r="BK443" s="53">
        <v>-199670.97206703899</v>
      </c>
      <c r="BL443" s="53">
        <v>-199670.97206703899</v>
      </c>
      <c r="BM443" s="53">
        <v>-199670.97206703899</v>
      </c>
      <c r="BN443" s="53">
        <v>-2396051.6648044698</v>
      </c>
      <c r="BO443" s="53">
        <v>-199670.97206703899</v>
      </c>
      <c r="BP443" s="53">
        <v>-199670.97206703899</v>
      </c>
      <c r="BQ443" s="53">
        <v>-199670.97206703899</v>
      </c>
      <c r="BR443" s="53">
        <v>-199670.97206703899</v>
      </c>
      <c r="BS443" s="53">
        <v>-199670.97206703899</v>
      </c>
      <c r="BT443" s="53">
        <v>-199670.97206703899</v>
      </c>
      <c r="BU443" s="53">
        <v>-199670.97206703899</v>
      </c>
      <c r="BV443" s="53">
        <v>-199670.97206703899</v>
      </c>
      <c r="BW443" s="53">
        <v>-199670.97206703899</v>
      </c>
      <c r="BX443" s="53">
        <v>-199670.97206703899</v>
      </c>
      <c r="BY443" s="53">
        <v>-199670.97206703899</v>
      </c>
      <c r="BZ443" s="53">
        <v>-199670.97206703899</v>
      </c>
      <c r="CA443" s="53">
        <v>-2396051.6648044698</v>
      </c>
      <c r="CB443" s="53">
        <v>24171.149367088601</v>
      </c>
      <c r="CC443" s="53">
        <v>24171.149367088601</v>
      </c>
      <c r="CD443" s="53">
        <v>24171.149367088601</v>
      </c>
      <c r="CE443" s="53">
        <v>24171.149367088601</v>
      </c>
      <c r="CF443" s="53">
        <v>24171.149367088601</v>
      </c>
      <c r="CG443" s="53">
        <v>24171.149367088601</v>
      </c>
      <c r="CH443" s="53">
        <v>24171.149367088601</v>
      </c>
      <c r="CI443" s="53">
        <v>24171.149367088601</v>
      </c>
      <c r="CJ443" s="53">
        <v>24171.149367088601</v>
      </c>
      <c r="CK443" s="53">
        <v>24171.149367088601</v>
      </c>
      <c r="CL443" s="53">
        <v>24171.149367088601</v>
      </c>
      <c r="CM443" s="53">
        <v>24171.149367088601</v>
      </c>
      <c r="CN443" s="53">
        <v>290053.79240506398</v>
      </c>
    </row>
    <row r="444" spans="1:92" outlineLevel="1">
      <c r="A444" s="52" t="s">
        <v>729</v>
      </c>
      <c r="B444" s="53">
        <v>-115069.472803347</v>
      </c>
      <c r="C444" s="53">
        <v>-115069.476793248</v>
      </c>
      <c r="D444" s="53">
        <v>-115069.472340425</v>
      </c>
      <c r="E444" s="53">
        <v>-115069.476394849</v>
      </c>
      <c r="F444" s="53">
        <v>-115069.471861471</v>
      </c>
      <c r="G444" s="53">
        <v>-115069.47598253201</v>
      </c>
      <c r="H444" s="53">
        <v>-115069.471365638</v>
      </c>
      <c r="I444" s="53">
        <v>-115069.47555555499</v>
      </c>
      <c r="J444" s="53">
        <v>-115069.470852017</v>
      </c>
      <c r="K444" s="53">
        <v>-115069.475113122</v>
      </c>
      <c r="L444" s="53">
        <v>-115069.470319634</v>
      </c>
      <c r="M444" s="53">
        <v>-115069.474654377</v>
      </c>
      <c r="N444" s="53">
        <v>-1380833.68403622</v>
      </c>
      <c r="O444" s="53">
        <v>-115069.469767441</v>
      </c>
      <c r="P444" s="53">
        <v>-115069.469767441</v>
      </c>
      <c r="Q444" s="53">
        <v>-115069.469767441</v>
      </c>
      <c r="R444" s="53">
        <v>-115069.469767441</v>
      </c>
      <c r="S444" s="53">
        <v>-115069.469767441</v>
      </c>
      <c r="T444" s="53">
        <v>-115069.469767441</v>
      </c>
      <c r="U444" s="53">
        <v>-115069.469767441</v>
      </c>
      <c r="V444" s="53">
        <v>-115069.469767441</v>
      </c>
      <c r="W444" s="53">
        <v>-115069.469767441</v>
      </c>
      <c r="X444" s="53">
        <v>-115069.469767441</v>
      </c>
      <c r="Y444" s="53">
        <v>-115069.469767441</v>
      </c>
      <c r="Z444" s="53">
        <v>-115069.469767441</v>
      </c>
      <c r="AA444" s="53">
        <v>-1380833.6372093</v>
      </c>
      <c r="AB444" s="53">
        <v>-115069.469767441</v>
      </c>
      <c r="AC444" s="53">
        <v>-115069.469767441</v>
      </c>
      <c r="AD444" s="53">
        <v>-115069.469767441</v>
      </c>
      <c r="AE444" s="53">
        <v>-115069.469767441</v>
      </c>
      <c r="AF444" s="53">
        <v>-115069.469767441</v>
      </c>
      <c r="AG444" s="53">
        <v>-115069.469767441</v>
      </c>
      <c r="AH444" s="53">
        <v>-115069.469767441</v>
      </c>
      <c r="AI444" s="53">
        <v>-115069.469767441</v>
      </c>
      <c r="AJ444" s="53">
        <v>-115069.469767441</v>
      </c>
      <c r="AK444" s="53">
        <v>-115069.469767441</v>
      </c>
      <c r="AL444" s="53">
        <v>-115069.469767441</v>
      </c>
      <c r="AM444" s="53">
        <v>-115069.469767441</v>
      </c>
      <c r="AN444" s="53">
        <v>-1380833.6372093</v>
      </c>
      <c r="AO444" s="53">
        <v>-115069.469767441</v>
      </c>
      <c r="AP444" s="53">
        <v>-115069.469767441</v>
      </c>
      <c r="AQ444" s="53">
        <v>-115069.469767441</v>
      </c>
      <c r="AR444" s="53">
        <v>-115069.469767441</v>
      </c>
      <c r="AS444" s="53">
        <v>-115069.469767441</v>
      </c>
      <c r="AT444" s="53">
        <v>-115069.469767441</v>
      </c>
      <c r="AU444" s="53">
        <v>-115069.469767441</v>
      </c>
      <c r="AV444" s="53">
        <v>-115069.469767441</v>
      </c>
      <c r="AW444" s="53">
        <v>-115069.469767441</v>
      </c>
      <c r="AX444" s="53">
        <v>-115069.469767441</v>
      </c>
      <c r="AY444" s="53">
        <v>-115069.469767441</v>
      </c>
      <c r="AZ444" s="53">
        <v>-115069.469767441</v>
      </c>
      <c r="BA444" s="53">
        <v>-1380833.6372093</v>
      </c>
      <c r="BB444" s="53">
        <v>-115069.469767441</v>
      </c>
      <c r="BC444" s="53">
        <v>-115069.469767441</v>
      </c>
      <c r="BD444" s="53">
        <v>-115069.469767441</v>
      </c>
      <c r="BE444" s="53">
        <v>-115069.469767441</v>
      </c>
      <c r="BF444" s="53">
        <v>-115069.469767441</v>
      </c>
      <c r="BG444" s="53">
        <v>-115069.469767441</v>
      </c>
      <c r="BH444" s="53">
        <v>-115069.469767441</v>
      </c>
      <c r="BI444" s="53">
        <v>-115069.469767441</v>
      </c>
      <c r="BJ444" s="53">
        <v>-115069.469767441</v>
      </c>
      <c r="BK444" s="53">
        <v>-115069.469767441</v>
      </c>
      <c r="BL444" s="53">
        <v>-115069.469767441</v>
      </c>
      <c r="BM444" s="53">
        <v>-115069.469767441</v>
      </c>
      <c r="BN444" s="53">
        <v>-1380833.6372093</v>
      </c>
      <c r="BO444" s="53">
        <v>-115069.469767441</v>
      </c>
      <c r="BP444" s="53">
        <v>-115069.469767441</v>
      </c>
      <c r="BQ444" s="53">
        <v>-115069.469767441</v>
      </c>
      <c r="BR444" s="53">
        <v>-115069.469767441</v>
      </c>
      <c r="BS444" s="53">
        <v>-115069.469767441</v>
      </c>
      <c r="BT444" s="53">
        <v>-115069.469767441</v>
      </c>
      <c r="BU444" s="53">
        <v>-115069.469767441</v>
      </c>
      <c r="BV444" s="53">
        <v>-115069.469767441</v>
      </c>
      <c r="BW444" s="53">
        <v>-115069.469767441</v>
      </c>
      <c r="BX444" s="53">
        <v>-115069.469767441</v>
      </c>
      <c r="BY444" s="53">
        <v>-115069.469767441</v>
      </c>
      <c r="BZ444" s="53">
        <v>-115069.469767441</v>
      </c>
      <c r="CA444" s="53">
        <v>-1380833.6372093</v>
      </c>
      <c r="CB444" s="53"/>
      <c r="CC444" s="53"/>
      <c r="CD444" s="53"/>
      <c r="CE444" s="53"/>
      <c r="CF444" s="53"/>
      <c r="CG444" s="53"/>
      <c r="CH444" s="53"/>
      <c r="CI444" s="53"/>
      <c r="CJ444" s="53"/>
      <c r="CK444" s="53"/>
      <c r="CL444" s="53"/>
      <c r="CM444" s="53"/>
      <c r="CN444" s="53"/>
    </row>
    <row r="445" spans="1:92" outlineLevel="1">
      <c r="A445" s="52" t="s">
        <v>1303</v>
      </c>
      <c r="B445" s="53">
        <v>29457208.6399999</v>
      </c>
      <c r="C445" s="53">
        <v>29086930.009999901</v>
      </c>
      <c r="D445" s="53">
        <v>43587523.140000001</v>
      </c>
      <c r="E445" s="53">
        <v>43217243.509999998</v>
      </c>
      <c r="F445" s="53">
        <v>42846964.890000001</v>
      </c>
      <c r="G445" s="53">
        <v>42476687.259999998</v>
      </c>
      <c r="H445" s="53">
        <v>27235535.890000001</v>
      </c>
      <c r="I445" s="53">
        <v>26865257.259999901</v>
      </c>
      <c r="J445" s="53">
        <v>28943766.059999999</v>
      </c>
      <c r="K445" s="53">
        <v>28573487.429999899</v>
      </c>
      <c r="L445" s="53">
        <v>28206653.759999901</v>
      </c>
      <c r="M445" s="53">
        <v>28127100.52</v>
      </c>
      <c r="N445" s="53">
        <v>28127100.52</v>
      </c>
      <c r="O445" s="53">
        <v>28267856.1866666</v>
      </c>
      <c r="P445" s="53">
        <v>28408611.853333302</v>
      </c>
      <c r="Q445" s="53">
        <v>28549367.52</v>
      </c>
      <c r="R445" s="53">
        <v>28690123.1866666</v>
      </c>
      <c r="S445" s="53">
        <v>28830878.853333302</v>
      </c>
      <c r="T445" s="53">
        <v>28971634.52</v>
      </c>
      <c r="U445" s="53">
        <v>29112390.1866666</v>
      </c>
      <c r="V445" s="53">
        <v>29253145.853333302</v>
      </c>
      <c r="W445" s="53">
        <v>29393901.52</v>
      </c>
      <c r="X445" s="53">
        <v>29534657.1866666</v>
      </c>
      <c r="Y445" s="53">
        <v>29675412.853333302</v>
      </c>
      <c r="Z445" s="53">
        <v>29816168.52</v>
      </c>
      <c r="AA445" s="53">
        <v>29816168.52</v>
      </c>
      <c r="AB445" s="53">
        <v>29956924.1866666</v>
      </c>
      <c r="AC445" s="53">
        <v>30097679.853333302</v>
      </c>
      <c r="AD445" s="53">
        <v>30238435.52</v>
      </c>
      <c r="AE445" s="53">
        <v>30379191.1866666</v>
      </c>
      <c r="AF445" s="53">
        <v>30519946.853333302</v>
      </c>
      <c r="AG445" s="53">
        <v>30660702.52</v>
      </c>
      <c r="AH445" s="53">
        <v>30801458.1866666</v>
      </c>
      <c r="AI445" s="53">
        <v>30942213.853333302</v>
      </c>
      <c r="AJ445" s="53">
        <v>31082969.52</v>
      </c>
      <c r="AK445" s="53">
        <v>31223725.1866666</v>
      </c>
      <c r="AL445" s="53">
        <v>31364480.853333302</v>
      </c>
      <c r="AM445" s="53">
        <v>31505236.52</v>
      </c>
      <c r="AN445" s="53">
        <v>31505236.52</v>
      </c>
      <c r="AO445" s="53">
        <v>31645992.1866666</v>
      </c>
      <c r="AP445" s="53">
        <v>31786747.853333302</v>
      </c>
      <c r="AQ445" s="53">
        <v>31927503.52</v>
      </c>
      <c r="AR445" s="53">
        <v>32068259.1866666</v>
      </c>
      <c r="AS445" s="53">
        <v>32209014.853333302</v>
      </c>
      <c r="AT445" s="53">
        <v>32349770.52</v>
      </c>
      <c r="AU445" s="53">
        <v>32490526.186666701</v>
      </c>
      <c r="AV445" s="53">
        <v>32631281.853333302</v>
      </c>
      <c r="AW445" s="53">
        <v>32772037.52</v>
      </c>
      <c r="AX445" s="53">
        <v>32912793.1866666</v>
      </c>
      <c r="AY445" s="53">
        <v>33053548.853333302</v>
      </c>
      <c r="AZ445" s="53">
        <v>33194304.52</v>
      </c>
      <c r="BA445" s="53">
        <v>33194304.52</v>
      </c>
      <c r="BB445" s="53">
        <v>33335060.1866666</v>
      </c>
      <c r="BC445" s="53">
        <v>33475815.853333302</v>
      </c>
      <c r="BD445" s="53">
        <v>33616571.520000003</v>
      </c>
      <c r="BE445" s="53">
        <v>33757327.1866666</v>
      </c>
      <c r="BF445" s="53">
        <v>33898082.853333302</v>
      </c>
      <c r="BG445" s="53">
        <v>34038838.520000003</v>
      </c>
      <c r="BH445" s="53">
        <v>34179594.1866666</v>
      </c>
      <c r="BI445" s="53">
        <v>34320349.853333302</v>
      </c>
      <c r="BJ445" s="53">
        <v>34461105.520000003</v>
      </c>
      <c r="BK445" s="53">
        <v>34601861.1866666</v>
      </c>
      <c r="BL445" s="53">
        <v>34742616.853333302</v>
      </c>
      <c r="BM445" s="53">
        <v>34883372.519999899</v>
      </c>
      <c r="BN445" s="53">
        <v>34883372.519999899</v>
      </c>
      <c r="BO445" s="53">
        <v>35024128.1866666</v>
      </c>
      <c r="BP445" s="53">
        <v>35164883.853333302</v>
      </c>
      <c r="BQ445" s="53">
        <v>35305639.519999899</v>
      </c>
      <c r="BR445" s="53">
        <v>35446395.1866666</v>
      </c>
      <c r="BS445" s="53">
        <v>35587150.853333302</v>
      </c>
      <c r="BT445" s="53">
        <v>35727906.519999899</v>
      </c>
      <c r="BU445" s="53">
        <v>35877069.126516201</v>
      </c>
      <c r="BV445" s="53">
        <v>36034638.672882102</v>
      </c>
      <c r="BW445" s="53">
        <v>36192208.219248101</v>
      </c>
      <c r="BX445" s="53">
        <v>36349777.765614003</v>
      </c>
      <c r="BY445" s="53">
        <v>36507347.311979897</v>
      </c>
      <c r="BZ445" s="53">
        <v>36664916.858345799</v>
      </c>
      <c r="CA445" s="53">
        <v>36664916.858345799</v>
      </c>
      <c r="CB445" s="53">
        <v>16813.8726114649</v>
      </c>
      <c r="CC445" s="53">
        <v>16813.8726114649</v>
      </c>
      <c r="CD445" s="53">
        <v>16813.8726114649</v>
      </c>
      <c r="CE445" s="53">
        <v>16813.8726114649</v>
      </c>
      <c r="CF445" s="53">
        <v>16813.8726114649</v>
      </c>
      <c r="CG445" s="53">
        <v>16813.8726114649</v>
      </c>
      <c r="CH445" s="53">
        <v>16813.8726114649</v>
      </c>
      <c r="CI445" s="53">
        <v>16813.8726114649</v>
      </c>
      <c r="CJ445" s="53">
        <v>16813.8726114649</v>
      </c>
      <c r="CK445" s="53">
        <v>16813.8726114649</v>
      </c>
      <c r="CL445" s="53">
        <v>16813.8726114649</v>
      </c>
      <c r="CM445" s="53">
        <v>16813.8726114649</v>
      </c>
      <c r="CN445" s="53">
        <v>201766.47133757899</v>
      </c>
    </row>
    <row r="446" spans="1:92" outlineLevel="1">
      <c r="A446" s="52" t="s">
        <v>1304</v>
      </c>
      <c r="B446" s="53">
        <v>0</v>
      </c>
      <c r="C446" s="53">
        <v>0</v>
      </c>
      <c r="D446" s="53">
        <v>0</v>
      </c>
      <c r="E446" s="53">
        <v>0</v>
      </c>
      <c r="F446" s="53">
        <v>0</v>
      </c>
      <c r="G446" s="53">
        <v>0</v>
      </c>
      <c r="H446" s="53">
        <v>0</v>
      </c>
      <c r="I446" s="53">
        <v>0</v>
      </c>
      <c r="J446" s="53">
        <v>0</v>
      </c>
      <c r="K446" s="53">
        <v>0</v>
      </c>
      <c r="L446" s="53">
        <v>0</v>
      </c>
      <c r="M446" s="53">
        <v>0</v>
      </c>
      <c r="N446" s="53">
        <v>0</v>
      </c>
      <c r="O446" s="53">
        <v>0</v>
      </c>
      <c r="P446" s="53">
        <v>0</v>
      </c>
      <c r="Q446" s="53">
        <v>0</v>
      </c>
      <c r="R446" s="53">
        <v>0</v>
      </c>
      <c r="S446" s="53">
        <v>0</v>
      </c>
      <c r="T446" s="53">
        <v>0</v>
      </c>
      <c r="U446" s="53">
        <v>0</v>
      </c>
      <c r="V446" s="53">
        <v>0</v>
      </c>
      <c r="W446" s="53">
        <v>0</v>
      </c>
      <c r="X446" s="53">
        <v>0</v>
      </c>
      <c r="Y446" s="53">
        <v>0</v>
      </c>
      <c r="Z446" s="53">
        <v>0</v>
      </c>
      <c r="AA446" s="53">
        <v>0</v>
      </c>
      <c r="AB446" s="53">
        <v>0</v>
      </c>
      <c r="AC446" s="53">
        <v>0</v>
      </c>
      <c r="AD446" s="53">
        <v>0</v>
      </c>
      <c r="AE446" s="53">
        <v>0</v>
      </c>
      <c r="AF446" s="53">
        <v>0</v>
      </c>
      <c r="AG446" s="53">
        <v>0</v>
      </c>
      <c r="AH446" s="53">
        <v>0</v>
      </c>
      <c r="AI446" s="53">
        <v>0</v>
      </c>
      <c r="AJ446" s="53">
        <v>0</v>
      </c>
      <c r="AK446" s="53">
        <v>0</v>
      </c>
      <c r="AL446" s="53">
        <v>0</v>
      </c>
      <c r="AM446" s="53">
        <v>0</v>
      </c>
      <c r="AN446" s="53">
        <v>0</v>
      </c>
      <c r="AO446" s="53">
        <v>0</v>
      </c>
      <c r="AP446" s="53">
        <v>0</v>
      </c>
      <c r="AQ446" s="53">
        <v>0</v>
      </c>
      <c r="AR446" s="53">
        <v>0</v>
      </c>
      <c r="AS446" s="53">
        <v>0</v>
      </c>
      <c r="AT446" s="53">
        <v>0</v>
      </c>
      <c r="AU446" s="53">
        <v>0</v>
      </c>
      <c r="AV446" s="53">
        <v>0</v>
      </c>
      <c r="AW446" s="53">
        <v>0</v>
      </c>
      <c r="AX446" s="53">
        <v>0</v>
      </c>
      <c r="AY446" s="53">
        <v>0</v>
      </c>
      <c r="AZ446" s="53">
        <v>0</v>
      </c>
      <c r="BA446" s="53">
        <v>0</v>
      </c>
      <c r="BB446" s="53">
        <v>0</v>
      </c>
      <c r="BC446" s="53">
        <v>0</v>
      </c>
      <c r="BD446" s="53">
        <v>0</v>
      </c>
      <c r="BE446" s="53">
        <v>0</v>
      </c>
      <c r="BF446" s="53">
        <v>0</v>
      </c>
      <c r="BG446" s="53">
        <v>0</v>
      </c>
      <c r="BH446" s="53">
        <v>0</v>
      </c>
      <c r="BI446" s="53">
        <v>0</v>
      </c>
      <c r="BJ446" s="53">
        <v>0</v>
      </c>
      <c r="BK446" s="53">
        <v>0</v>
      </c>
      <c r="BL446" s="53">
        <v>0</v>
      </c>
      <c r="BM446" s="53">
        <v>0</v>
      </c>
      <c r="BN446" s="53">
        <v>0</v>
      </c>
      <c r="BO446" s="53">
        <v>0</v>
      </c>
      <c r="BP446" s="53">
        <v>0</v>
      </c>
      <c r="BQ446" s="53">
        <v>0</v>
      </c>
      <c r="BR446" s="53">
        <v>0</v>
      </c>
      <c r="BS446" s="53">
        <v>0</v>
      </c>
      <c r="BT446" s="53">
        <v>0</v>
      </c>
      <c r="BU446" s="53">
        <v>0</v>
      </c>
      <c r="BV446" s="53">
        <v>0</v>
      </c>
      <c r="BW446" s="53">
        <v>0</v>
      </c>
      <c r="BX446" s="53">
        <v>0</v>
      </c>
      <c r="BY446" s="53">
        <v>0</v>
      </c>
      <c r="BZ446" s="53">
        <v>0</v>
      </c>
      <c r="CA446" s="53">
        <v>0</v>
      </c>
      <c r="CB446" s="53">
        <v>-308004.32631578902</v>
      </c>
      <c r="CC446" s="53">
        <v>-308004.32631578902</v>
      </c>
      <c r="CD446" s="53">
        <v>-308004.32631578902</v>
      </c>
      <c r="CE446" s="53">
        <v>-308004.32631578902</v>
      </c>
      <c r="CF446" s="53">
        <v>-308004.32631578902</v>
      </c>
      <c r="CG446" s="53">
        <v>-308004.32631578902</v>
      </c>
      <c r="CH446" s="53">
        <v>-308004.32631578902</v>
      </c>
      <c r="CI446" s="53">
        <v>-308004.32631578902</v>
      </c>
      <c r="CJ446" s="53">
        <v>-308004.32631578902</v>
      </c>
      <c r="CK446" s="53">
        <v>-308004.32631578902</v>
      </c>
      <c r="CL446" s="53">
        <v>-308004.32631578902</v>
      </c>
      <c r="CM446" s="53">
        <v>-308004.32631578902</v>
      </c>
      <c r="CN446" s="53">
        <v>-3696051.9157894701</v>
      </c>
    </row>
    <row r="447" spans="1:92">
      <c r="A447" s="52" t="s">
        <v>1218</v>
      </c>
      <c r="B447" s="53">
        <v>442371406.109999</v>
      </c>
      <c r="C447" s="53">
        <v>331293420.14999998</v>
      </c>
      <c r="D447" s="53">
        <v>411798909.36000001</v>
      </c>
      <c r="E447" s="53">
        <v>451065980.82999998</v>
      </c>
      <c r="F447" s="53">
        <v>483117353.66000003</v>
      </c>
      <c r="G447" s="53">
        <v>606301935.17999995</v>
      </c>
      <c r="H447" s="53">
        <v>730707608.08000004</v>
      </c>
      <c r="I447" s="53">
        <v>820555613.26999903</v>
      </c>
      <c r="J447" s="53">
        <v>1021544443.41</v>
      </c>
      <c r="K447" s="53">
        <v>1157780418.1500001</v>
      </c>
      <c r="L447" s="53">
        <v>1243105396.55</v>
      </c>
      <c r="M447" s="53">
        <v>1296896155.1699901</v>
      </c>
      <c r="N447" s="53">
        <v>442371406.109999</v>
      </c>
      <c r="O447" s="53">
        <v>1088329374.0599999</v>
      </c>
      <c r="P447" s="53">
        <v>1088470129.72666</v>
      </c>
      <c r="Q447" s="53">
        <v>1088610885.3933301</v>
      </c>
      <c r="R447" s="53">
        <v>1088751641.0599999</v>
      </c>
      <c r="S447" s="53">
        <v>1088892396.72666</v>
      </c>
      <c r="T447" s="53">
        <v>1089033152.3933301</v>
      </c>
      <c r="U447" s="53">
        <v>1089173908.0599999</v>
      </c>
      <c r="V447" s="53">
        <v>1089314663.72666</v>
      </c>
      <c r="W447" s="53">
        <v>1089455419.3933301</v>
      </c>
      <c r="X447" s="53">
        <v>1089596175.0599999</v>
      </c>
      <c r="Y447" s="53">
        <v>1089736930.72666</v>
      </c>
      <c r="Z447" s="53">
        <v>1089877686.3933301</v>
      </c>
      <c r="AA447" s="53">
        <v>1088329374.0599999</v>
      </c>
      <c r="AB447" s="53">
        <v>1090018442.0599999</v>
      </c>
      <c r="AC447" s="53">
        <v>1090159197.72666</v>
      </c>
      <c r="AD447" s="53">
        <v>1090299953.3933301</v>
      </c>
      <c r="AE447" s="53">
        <v>1090440709.0599999</v>
      </c>
      <c r="AF447" s="53">
        <v>1090581464.72666</v>
      </c>
      <c r="AG447" s="53">
        <v>1090722220.3933301</v>
      </c>
      <c r="AH447" s="53">
        <v>1090862976.0599999</v>
      </c>
      <c r="AI447" s="53">
        <v>1091003731.72666</v>
      </c>
      <c r="AJ447" s="53">
        <v>1091144487.3933301</v>
      </c>
      <c r="AK447" s="53">
        <v>1091285243.0599999</v>
      </c>
      <c r="AL447" s="53">
        <v>1091425998.72666</v>
      </c>
      <c r="AM447" s="53">
        <v>1091566754.3933301</v>
      </c>
      <c r="AN447" s="53">
        <v>1090018442.0599999</v>
      </c>
      <c r="AO447" s="53">
        <v>1091707510.0599999</v>
      </c>
      <c r="AP447" s="53">
        <v>1091848265.72666</v>
      </c>
      <c r="AQ447" s="53">
        <v>1091989021.3933301</v>
      </c>
      <c r="AR447" s="53">
        <v>1092129777.0599999</v>
      </c>
      <c r="AS447" s="53">
        <v>1092270532.72666</v>
      </c>
      <c r="AT447" s="53">
        <v>1092411288.3933301</v>
      </c>
      <c r="AU447" s="53">
        <v>1092552044.0599999</v>
      </c>
      <c r="AV447" s="53">
        <v>1092692799.72666</v>
      </c>
      <c r="AW447" s="53">
        <v>1092833555.3933301</v>
      </c>
      <c r="AX447" s="53">
        <v>1092974311.0599999</v>
      </c>
      <c r="AY447" s="53">
        <v>1093115066.72666</v>
      </c>
      <c r="AZ447" s="53">
        <v>1093255822.3933301</v>
      </c>
      <c r="BA447" s="53">
        <v>1091707510.0599999</v>
      </c>
      <c r="BB447" s="53">
        <v>1093396578.0599999</v>
      </c>
      <c r="BC447" s="53">
        <v>1093537333.72666</v>
      </c>
      <c r="BD447" s="53">
        <v>1093678089.3933301</v>
      </c>
      <c r="BE447" s="53">
        <v>1093818845.0599999</v>
      </c>
      <c r="BF447" s="53">
        <v>1093959600.72666</v>
      </c>
      <c r="BG447" s="53">
        <v>1094100356.3933301</v>
      </c>
      <c r="BH447" s="53">
        <v>1094241112.0599999</v>
      </c>
      <c r="BI447" s="53">
        <v>1094381867.72666</v>
      </c>
      <c r="BJ447" s="53">
        <v>1094522623.3933301</v>
      </c>
      <c r="BK447" s="53">
        <v>1094663379.0599999</v>
      </c>
      <c r="BL447" s="53">
        <v>1094804134.72666</v>
      </c>
      <c r="BM447" s="53">
        <v>1094944890.3933301</v>
      </c>
      <c r="BN447" s="53">
        <v>1093396578.0599999</v>
      </c>
      <c r="BO447" s="53">
        <v>1095085646.0599999</v>
      </c>
      <c r="BP447" s="53">
        <v>1095226401.72666</v>
      </c>
      <c r="BQ447" s="53">
        <v>1095367157.3933301</v>
      </c>
      <c r="BR447" s="53">
        <v>1095507913.0599999</v>
      </c>
      <c r="BS447" s="53">
        <v>1095648668.72666</v>
      </c>
      <c r="BT447" s="53">
        <v>1095789424.3933301</v>
      </c>
      <c r="BU447" s="53">
        <v>1095930180.0599999</v>
      </c>
      <c r="BV447" s="53">
        <v>1096079342.6665101</v>
      </c>
      <c r="BW447" s="53">
        <v>1096236912.2128799</v>
      </c>
      <c r="BX447" s="53">
        <v>1096394481.7592399</v>
      </c>
      <c r="BY447" s="53">
        <v>1096552051.3056099</v>
      </c>
      <c r="BZ447" s="53">
        <v>1096709620.85197</v>
      </c>
      <c r="CA447" s="53">
        <v>1095085646.0599999</v>
      </c>
      <c r="CB447" s="53">
        <v>-199670.97536945701</v>
      </c>
      <c r="CC447" s="53">
        <v>-199670.97536945701</v>
      </c>
      <c r="CD447" s="53">
        <v>-199670.97536945701</v>
      </c>
      <c r="CE447" s="53">
        <v>-199670.97536945701</v>
      </c>
      <c r="CF447" s="53">
        <v>-199670.97536945701</v>
      </c>
      <c r="CG447" s="53">
        <v>-199670.97536945701</v>
      </c>
      <c r="CH447" s="53">
        <v>-199670.97536945701</v>
      </c>
      <c r="CI447" s="53">
        <v>-199670.97536945701</v>
      </c>
      <c r="CJ447" s="53">
        <v>-199670.97536945701</v>
      </c>
      <c r="CK447" s="53">
        <v>-199670.97536945701</v>
      </c>
      <c r="CL447" s="53">
        <v>-199670.97536945701</v>
      </c>
      <c r="CM447" s="53">
        <v>-199670.97536945701</v>
      </c>
      <c r="CN447" s="53">
        <v>-2396051.7044334901</v>
      </c>
    </row>
    <row r="448" spans="1:92">
      <c r="A448" s="52" t="s">
        <v>699</v>
      </c>
      <c r="B448" s="53"/>
      <c r="C448" s="53"/>
      <c r="D448" s="53"/>
      <c r="E448" s="53"/>
      <c r="F448" s="53"/>
      <c r="G448" s="53"/>
      <c r="H448" s="53"/>
      <c r="I448" s="53"/>
      <c r="J448" s="53"/>
      <c r="K448" s="53"/>
      <c r="L448" s="53"/>
      <c r="M448" s="53"/>
      <c r="N448" s="53"/>
      <c r="O448" s="53"/>
      <c r="P448" s="53"/>
      <c r="Q448" s="53"/>
      <c r="R448" s="53"/>
      <c r="S448" s="53"/>
      <c r="T448" s="53"/>
      <c r="U448" s="53"/>
      <c r="V448" s="53"/>
      <c r="W448" s="53"/>
      <c r="X448" s="53"/>
      <c r="Y448" s="53"/>
      <c r="Z448" s="53"/>
      <c r="AA448" s="53"/>
      <c r="AB448" s="53"/>
      <c r="AC448" s="53"/>
      <c r="AD448" s="53"/>
      <c r="AE448" s="53"/>
      <c r="AF448" s="53"/>
      <c r="AG448" s="53"/>
      <c r="AH448" s="53"/>
      <c r="AI448" s="53"/>
      <c r="AJ448" s="53"/>
      <c r="AK448" s="53"/>
      <c r="AL448" s="53"/>
      <c r="AM448" s="53"/>
      <c r="AN448" s="53"/>
      <c r="AO448" s="53"/>
      <c r="AP448" s="53"/>
      <c r="AQ448" s="53"/>
      <c r="AR448" s="53"/>
      <c r="AS448" s="53"/>
      <c r="AT448" s="53"/>
      <c r="AU448" s="53"/>
      <c r="AV448" s="53"/>
      <c r="AW448" s="53"/>
      <c r="AX448" s="53"/>
      <c r="AY448" s="53"/>
      <c r="AZ448" s="53"/>
      <c r="BA448" s="53"/>
      <c r="BB448" s="53"/>
      <c r="BC448" s="53"/>
      <c r="BD448" s="53"/>
      <c r="BE448" s="53"/>
      <c r="BF448" s="53"/>
      <c r="BG448" s="53"/>
      <c r="BH448" s="53"/>
      <c r="BI448" s="53"/>
      <c r="BJ448" s="53"/>
      <c r="BK448" s="53"/>
      <c r="BL448" s="53"/>
      <c r="BM448" s="53"/>
      <c r="BN448" s="53"/>
      <c r="BO448" s="53"/>
      <c r="BP448" s="53"/>
      <c r="BQ448" s="53"/>
      <c r="BR448" s="53"/>
      <c r="BS448" s="53"/>
      <c r="BT448" s="53"/>
      <c r="BU448" s="53"/>
      <c r="BV448" s="53"/>
      <c r="BW448" s="53"/>
      <c r="BX448" s="53"/>
      <c r="BY448" s="53"/>
      <c r="BZ448" s="53"/>
      <c r="CA448" s="53"/>
      <c r="CB448" s="53">
        <v>-115069.472803347</v>
      </c>
      <c r="CC448" s="53">
        <v>-115069.472803347</v>
      </c>
      <c r="CD448" s="53">
        <v>-115069.472803347</v>
      </c>
      <c r="CE448" s="53">
        <v>-115069.472803347</v>
      </c>
      <c r="CF448" s="53">
        <v>-115069.472803347</v>
      </c>
      <c r="CG448" s="53">
        <v>-115069.472803347</v>
      </c>
      <c r="CH448" s="53">
        <v>-115069.472803347</v>
      </c>
      <c r="CI448" s="53">
        <v>-115069.472803347</v>
      </c>
      <c r="CJ448" s="53">
        <v>-115069.472803347</v>
      </c>
      <c r="CK448" s="53">
        <v>-115069.472803347</v>
      </c>
      <c r="CL448" s="53">
        <v>-115069.472803347</v>
      </c>
      <c r="CM448" s="53">
        <v>-115069.472803347</v>
      </c>
      <c r="CN448" s="53">
        <v>-1380833.6736401699</v>
      </c>
    </row>
    <row r="449" spans="1:92">
      <c r="A449" s="52" t="s">
        <v>709</v>
      </c>
      <c r="B449" s="53"/>
      <c r="C449" s="53"/>
      <c r="D449" s="53"/>
      <c r="E449" s="53"/>
      <c r="F449" s="53"/>
      <c r="G449" s="53"/>
      <c r="H449" s="53"/>
      <c r="I449" s="53"/>
      <c r="J449" s="53"/>
      <c r="K449" s="53"/>
      <c r="L449" s="53"/>
      <c r="M449" s="53"/>
      <c r="N449" s="53"/>
      <c r="O449" s="53"/>
      <c r="P449" s="53"/>
      <c r="Q449" s="53"/>
      <c r="R449" s="53"/>
      <c r="S449" s="53"/>
      <c r="T449" s="53"/>
      <c r="U449" s="53"/>
      <c r="V449" s="53"/>
      <c r="W449" s="53"/>
      <c r="X449" s="53"/>
      <c r="Y449" s="53"/>
      <c r="Z449" s="53"/>
      <c r="AA449" s="53"/>
      <c r="AB449" s="53"/>
      <c r="AC449" s="53"/>
      <c r="AD449" s="53"/>
      <c r="AE449" s="53"/>
      <c r="AF449" s="53"/>
      <c r="AG449" s="53"/>
      <c r="AH449" s="53"/>
      <c r="AI449" s="53"/>
      <c r="AJ449" s="53"/>
      <c r="AK449" s="53"/>
      <c r="AL449" s="53"/>
      <c r="AM449" s="53"/>
      <c r="AN449" s="53"/>
      <c r="AO449" s="53"/>
      <c r="AP449" s="53"/>
      <c r="AQ449" s="53"/>
      <c r="AR449" s="53"/>
      <c r="AS449" s="53"/>
      <c r="AT449" s="53"/>
      <c r="AU449" s="53"/>
      <c r="AV449" s="53"/>
      <c r="AW449" s="53"/>
      <c r="AX449" s="53"/>
      <c r="AY449" s="53"/>
      <c r="AZ449" s="53"/>
      <c r="BA449" s="53"/>
      <c r="BB449" s="53"/>
      <c r="BC449" s="53"/>
      <c r="BD449" s="53"/>
      <c r="BE449" s="53"/>
      <c r="BF449" s="53"/>
      <c r="BG449" s="53"/>
      <c r="BH449" s="53"/>
      <c r="BI449" s="53"/>
      <c r="BJ449" s="53"/>
      <c r="BK449" s="53"/>
      <c r="BL449" s="53"/>
      <c r="BM449" s="53"/>
      <c r="BN449" s="53"/>
      <c r="BO449" s="53"/>
      <c r="BP449" s="53"/>
      <c r="BQ449" s="53"/>
      <c r="BR449" s="53"/>
      <c r="BS449" s="53"/>
      <c r="BT449" s="53"/>
      <c r="BU449" s="53"/>
      <c r="BV449" s="53"/>
      <c r="BW449" s="53"/>
      <c r="BX449" s="53"/>
      <c r="BY449" s="53"/>
      <c r="BZ449" s="53"/>
      <c r="CA449" s="53"/>
      <c r="CB449" s="53">
        <v>28732647.260000002</v>
      </c>
      <c r="CC449" s="53">
        <v>28732647.260000002</v>
      </c>
      <c r="CD449" s="53">
        <v>28732647.260000002</v>
      </c>
      <c r="CE449" s="53">
        <v>28732647.260000002</v>
      </c>
      <c r="CF449" s="53">
        <v>28732647.260000002</v>
      </c>
      <c r="CG449" s="53">
        <v>28732647.260000002</v>
      </c>
      <c r="CH449" s="53">
        <v>28732647.260000002</v>
      </c>
      <c r="CI449" s="53">
        <v>28732647.260000002</v>
      </c>
      <c r="CJ449" s="53">
        <v>28732647.260000002</v>
      </c>
      <c r="CK449" s="53">
        <v>28732647.260000002</v>
      </c>
      <c r="CL449" s="53">
        <v>28732647.260000002</v>
      </c>
      <c r="CM449" s="53">
        <v>28732647.260000002</v>
      </c>
      <c r="CN449" s="53">
        <v>28732647.260000002</v>
      </c>
    </row>
    <row r="450" spans="1:92">
      <c r="A450" s="52" t="s">
        <v>1301</v>
      </c>
      <c r="B450" s="53"/>
      <c r="C450" s="53"/>
      <c r="D450" s="53"/>
      <c r="E450" s="53"/>
      <c r="F450" s="53"/>
      <c r="G450" s="53"/>
      <c r="H450" s="53"/>
      <c r="I450" s="53"/>
      <c r="J450" s="53"/>
      <c r="K450" s="53"/>
      <c r="L450" s="53"/>
      <c r="M450" s="53"/>
      <c r="N450" s="53"/>
      <c r="O450" s="53"/>
      <c r="P450" s="53"/>
      <c r="Q450" s="53"/>
      <c r="R450" s="53"/>
      <c r="S450" s="53"/>
      <c r="T450" s="53"/>
      <c r="U450" s="53"/>
      <c r="V450" s="53"/>
      <c r="W450" s="53"/>
      <c r="X450" s="53"/>
      <c r="Y450" s="53"/>
      <c r="Z450" s="53"/>
      <c r="AA450" s="53"/>
      <c r="AB450" s="53"/>
      <c r="AC450" s="53"/>
      <c r="AD450" s="53"/>
      <c r="AE450" s="53"/>
      <c r="AF450" s="53"/>
      <c r="AG450" s="53"/>
      <c r="AH450" s="53"/>
      <c r="AI450" s="53"/>
      <c r="AJ450" s="53"/>
      <c r="AK450" s="53"/>
      <c r="AL450" s="53"/>
      <c r="AM450" s="53"/>
      <c r="AN450" s="53"/>
      <c r="AO450" s="53"/>
      <c r="AP450" s="53"/>
      <c r="AQ450" s="53"/>
      <c r="AR450" s="53"/>
      <c r="AS450" s="53"/>
      <c r="AT450" s="53"/>
      <c r="AU450" s="53"/>
      <c r="AV450" s="53"/>
      <c r="AW450" s="53"/>
      <c r="AX450" s="53"/>
      <c r="AY450" s="53"/>
      <c r="AZ450" s="53"/>
      <c r="BA450" s="53"/>
      <c r="BB450" s="53"/>
      <c r="BC450" s="53"/>
      <c r="BD450" s="53"/>
      <c r="BE450" s="53"/>
      <c r="BF450" s="53"/>
      <c r="BG450" s="53"/>
      <c r="BH450" s="53"/>
      <c r="BI450" s="53"/>
      <c r="BJ450" s="53"/>
      <c r="BK450" s="53"/>
      <c r="BL450" s="53"/>
      <c r="BM450" s="53"/>
      <c r="BN450" s="53"/>
      <c r="BO450" s="53"/>
      <c r="BP450" s="53"/>
      <c r="BQ450" s="53"/>
      <c r="BR450" s="53"/>
      <c r="BS450" s="53"/>
      <c r="BT450" s="53"/>
      <c r="BU450" s="53"/>
      <c r="BV450" s="53"/>
      <c r="BW450" s="53"/>
      <c r="BX450" s="53"/>
      <c r="BY450" s="53"/>
      <c r="BZ450" s="53"/>
      <c r="CA450" s="53"/>
      <c r="CB450" s="53">
        <v>0</v>
      </c>
      <c r="CC450" s="53">
        <v>0</v>
      </c>
      <c r="CD450" s="53">
        <v>0</v>
      </c>
      <c r="CE450" s="53">
        <v>0</v>
      </c>
      <c r="CF450" s="53">
        <v>0</v>
      </c>
      <c r="CG450" s="53">
        <v>0</v>
      </c>
      <c r="CH450" s="53">
        <v>0</v>
      </c>
      <c r="CI450" s="53">
        <v>0</v>
      </c>
      <c r="CJ450" s="53">
        <v>0</v>
      </c>
      <c r="CK450" s="53">
        <v>0</v>
      </c>
      <c r="CL450" s="53">
        <v>0</v>
      </c>
      <c r="CM450" s="53">
        <v>0</v>
      </c>
      <c r="CN450" s="53">
        <v>0</v>
      </c>
    </row>
    <row r="451" spans="1:92">
      <c r="A451" s="52" t="s">
        <v>713</v>
      </c>
      <c r="B451" s="53">
        <v>26552.407932011301</v>
      </c>
      <c r="C451" s="53">
        <v>26552.407932011301</v>
      </c>
      <c r="D451" s="53">
        <v>26552.407932011301</v>
      </c>
      <c r="E451" s="53">
        <v>26552.407932011301</v>
      </c>
      <c r="F451" s="53">
        <v>26552.407932011301</v>
      </c>
      <c r="G451" s="53">
        <v>26552.407932011301</v>
      </c>
      <c r="H451" s="53">
        <v>26552.407932011301</v>
      </c>
      <c r="I451" s="53">
        <v>26552.407932011301</v>
      </c>
      <c r="J451" s="53">
        <v>26552.407932011301</v>
      </c>
      <c r="K451" s="53">
        <v>26552.407932011301</v>
      </c>
      <c r="L451" s="53">
        <v>26552.407932011301</v>
      </c>
      <c r="M451" s="53">
        <v>26552.407932011301</v>
      </c>
      <c r="N451" s="53">
        <v>318628.895184136</v>
      </c>
      <c r="O451" s="53">
        <v>26552.407932011301</v>
      </c>
      <c r="P451" s="53">
        <v>26552.407932011301</v>
      </c>
      <c r="Q451" s="53">
        <v>26552.407932011301</v>
      </c>
      <c r="R451" s="53">
        <v>26552.407932011301</v>
      </c>
      <c r="S451" s="53">
        <v>26552.407932011301</v>
      </c>
      <c r="T451" s="53">
        <v>26552.407932011301</v>
      </c>
      <c r="U451" s="53">
        <v>26552.407932011301</v>
      </c>
      <c r="V451" s="53">
        <v>26552.407932011301</v>
      </c>
      <c r="W451" s="53">
        <v>26552.407932011301</v>
      </c>
      <c r="X451" s="53">
        <v>26552.407932011301</v>
      </c>
      <c r="Y451" s="53">
        <v>26552.407932011301</v>
      </c>
      <c r="Z451" s="53">
        <v>26552.407932011301</v>
      </c>
      <c r="AA451" s="53">
        <v>318628.895184136</v>
      </c>
      <c r="AB451" s="53">
        <v>26552.407932011301</v>
      </c>
      <c r="AC451" s="53">
        <v>26552.407932011301</v>
      </c>
      <c r="AD451" s="53">
        <v>26552.407932011301</v>
      </c>
      <c r="AE451" s="53">
        <v>26552.407932011301</v>
      </c>
      <c r="AF451" s="53">
        <v>26552.407932011301</v>
      </c>
      <c r="AG451" s="53">
        <v>26552.407932011301</v>
      </c>
      <c r="AH451" s="53">
        <v>26552.407932011301</v>
      </c>
      <c r="AI451" s="53">
        <v>26552.407932011301</v>
      </c>
      <c r="AJ451" s="53">
        <v>26552.407932011301</v>
      </c>
      <c r="AK451" s="53">
        <v>26552.407932011301</v>
      </c>
      <c r="AL451" s="53">
        <v>26552.407932011301</v>
      </c>
      <c r="AM451" s="53">
        <v>26552.407932011301</v>
      </c>
      <c r="AN451" s="53">
        <v>318628.895184136</v>
      </c>
      <c r="AO451" s="53">
        <v>26552.407932011301</v>
      </c>
      <c r="AP451" s="53">
        <v>26552.407932011301</v>
      </c>
      <c r="AQ451" s="53">
        <v>26552.407932011301</v>
      </c>
      <c r="AR451" s="53">
        <v>26552.407932011301</v>
      </c>
      <c r="AS451" s="53">
        <v>26552.407932011301</v>
      </c>
      <c r="AT451" s="53">
        <v>26552.407932011301</v>
      </c>
      <c r="AU451" s="53">
        <v>26552.407932011301</v>
      </c>
      <c r="AV451" s="53">
        <v>26552.407932011301</v>
      </c>
      <c r="AW451" s="53">
        <v>26552.407932011301</v>
      </c>
      <c r="AX451" s="53">
        <v>26552.407932011301</v>
      </c>
      <c r="AY451" s="53">
        <v>26552.407932011301</v>
      </c>
      <c r="AZ451" s="53">
        <v>26552.407932011301</v>
      </c>
      <c r="BA451" s="53">
        <v>318628.895184136</v>
      </c>
      <c r="BB451" s="53">
        <v>26552.407932011301</v>
      </c>
      <c r="BC451" s="53">
        <v>26552.407932011301</v>
      </c>
      <c r="BD451" s="53">
        <v>26552.407932011301</v>
      </c>
      <c r="BE451" s="53">
        <v>26552.407932011301</v>
      </c>
      <c r="BF451" s="53">
        <v>26552.407932011301</v>
      </c>
      <c r="BG451" s="53">
        <v>26552.407932011301</v>
      </c>
      <c r="BH451" s="53">
        <v>26552.407932011301</v>
      </c>
      <c r="BI451" s="53">
        <v>26552.4079320114</v>
      </c>
      <c r="BJ451" s="53">
        <v>26552.407932011301</v>
      </c>
      <c r="BK451" s="53">
        <v>26552.407932011301</v>
      </c>
      <c r="BL451" s="53">
        <v>26552.4079320114</v>
      </c>
      <c r="BM451" s="53">
        <v>26552.4079320114</v>
      </c>
      <c r="BN451" s="53">
        <v>318628.895184136</v>
      </c>
      <c r="BO451" s="53">
        <v>26552.4079320114</v>
      </c>
      <c r="BP451" s="53">
        <v>26552.4079320114</v>
      </c>
      <c r="BQ451" s="53">
        <v>26552.4079320114</v>
      </c>
      <c r="BR451" s="53">
        <v>26552.4079320114</v>
      </c>
      <c r="BS451" s="53">
        <v>26552.4079320114</v>
      </c>
      <c r="BT451" s="53">
        <v>26552.4079320114</v>
      </c>
      <c r="BU451" s="53">
        <v>26552.4079320114</v>
      </c>
      <c r="BV451" s="53">
        <v>26552.4079320114</v>
      </c>
      <c r="BW451" s="53">
        <v>26552.4079320114</v>
      </c>
      <c r="BX451" s="53">
        <v>26552.4079320114</v>
      </c>
      <c r="BY451" s="53">
        <v>26552.4079320114</v>
      </c>
      <c r="BZ451" s="53">
        <v>26552.4079320114</v>
      </c>
      <c r="CA451" s="53">
        <v>318628.89518413699</v>
      </c>
      <c r="CB451" s="53">
        <v>441276566.109999</v>
      </c>
      <c r="CC451" s="53">
        <v>441276566.109999</v>
      </c>
      <c r="CD451" s="53">
        <v>441276566.109999</v>
      </c>
      <c r="CE451" s="53">
        <v>441276566.109999</v>
      </c>
      <c r="CF451" s="53">
        <v>441276566.109999</v>
      </c>
      <c r="CG451" s="53">
        <v>441276566.109999</v>
      </c>
      <c r="CH451" s="53">
        <v>441276566.109999</v>
      </c>
      <c r="CI451" s="53">
        <v>441276566.109999</v>
      </c>
      <c r="CJ451" s="53">
        <v>441276566.109999</v>
      </c>
      <c r="CK451" s="53">
        <v>441276566.109999</v>
      </c>
      <c r="CL451" s="53">
        <v>441276566.109999</v>
      </c>
      <c r="CM451" s="53">
        <v>441276566.109999</v>
      </c>
      <c r="CN451" s="53">
        <v>441276566.109999</v>
      </c>
    </row>
    <row r="452" spans="1:92">
      <c r="A452" s="52" t="s">
        <v>716</v>
      </c>
      <c r="B452" s="53">
        <v>-24171.148247978399</v>
      </c>
      <c r="C452" s="53">
        <v>-24171.148247978399</v>
      </c>
      <c r="D452" s="53">
        <v>-24171.148247978399</v>
      </c>
      <c r="E452" s="53">
        <v>-24171.148247978399</v>
      </c>
      <c r="F452" s="53">
        <v>-24171.148247978399</v>
      </c>
      <c r="G452" s="53">
        <v>-24171.148247978399</v>
      </c>
      <c r="H452" s="53">
        <v>-24171.148247978399</v>
      </c>
      <c r="I452" s="53">
        <v>-24171.148247978399</v>
      </c>
      <c r="J452" s="53">
        <v>-24171.148247978399</v>
      </c>
      <c r="K452" s="53">
        <v>-24171.148247978399</v>
      </c>
      <c r="L452" s="53">
        <v>-24171.148247978399</v>
      </c>
      <c r="M452" s="53">
        <v>-24171.148247978399</v>
      </c>
      <c r="N452" s="53">
        <v>-290053.77897574101</v>
      </c>
      <c r="O452" s="53">
        <v>-24171.148247978399</v>
      </c>
      <c r="P452" s="53">
        <v>-24171.148247978399</v>
      </c>
      <c r="Q452" s="53">
        <v>-24171.148247978399</v>
      </c>
      <c r="R452" s="53">
        <v>-24171.148247978399</v>
      </c>
      <c r="S452" s="53">
        <v>-24171.148247978399</v>
      </c>
      <c r="T452" s="53">
        <v>-24171.148247978399</v>
      </c>
      <c r="U452" s="53">
        <v>-24171.148247978399</v>
      </c>
      <c r="V452" s="53">
        <v>-24171.148247978399</v>
      </c>
      <c r="W452" s="53">
        <v>-24171.148247978399</v>
      </c>
      <c r="X452" s="53">
        <v>-24171.148247978399</v>
      </c>
      <c r="Y452" s="53">
        <v>-24171.148247978399</v>
      </c>
      <c r="Z452" s="53">
        <v>-24171.148247978399</v>
      </c>
      <c r="AA452" s="53">
        <v>-290053.77897574002</v>
      </c>
      <c r="AB452" s="53">
        <v>-24171.148247978399</v>
      </c>
      <c r="AC452" s="53">
        <v>-24171.148247978399</v>
      </c>
      <c r="AD452" s="53">
        <v>-24171.148247978399</v>
      </c>
      <c r="AE452" s="53">
        <v>-24171.148247978399</v>
      </c>
      <c r="AF452" s="53">
        <v>-24171.148247978399</v>
      </c>
      <c r="AG452" s="53">
        <v>-24171.148247978399</v>
      </c>
      <c r="AH452" s="53">
        <v>-24171.148247978399</v>
      </c>
      <c r="AI452" s="53">
        <v>-24171.148247978399</v>
      </c>
      <c r="AJ452" s="53">
        <v>-24171.148247978399</v>
      </c>
      <c r="AK452" s="53">
        <v>-24171.148247978399</v>
      </c>
      <c r="AL452" s="53">
        <v>-24171.148247978399</v>
      </c>
      <c r="AM452" s="53">
        <v>-24171.148247978399</v>
      </c>
      <c r="AN452" s="53">
        <v>-290053.77897574002</v>
      </c>
      <c r="AO452" s="53">
        <v>-24171.148247978399</v>
      </c>
      <c r="AP452" s="53">
        <v>-24171.148247978399</v>
      </c>
      <c r="AQ452" s="53">
        <v>-24171.148247978399</v>
      </c>
      <c r="AR452" s="53">
        <v>-24171.148247978399</v>
      </c>
      <c r="AS452" s="53">
        <v>-24171.148247978399</v>
      </c>
      <c r="AT452" s="53">
        <v>-24171.148247978399</v>
      </c>
      <c r="AU452" s="53">
        <v>-24171.148247978399</v>
      </c>
      <c r="AV452" s="53">
        <v>-24171.148247978399</v>
      </c>
      <c r="AW452" s="53">
        <v>-24171.148247978399</v>
      </c>
      <c r="AX452" s="53">
        <v>-24171.148247978399</v>
      </c>
      <c r="AY452" s="53">
        <v>-24171.148247978399</v>
      </c>
      <c r="AZ452" s="53">
        <v>-24171.148247978399</v>
      </c>
      <c r="BA452" s="53">
        <v>-290053.77897574002</v>
      </c>
      <c r="BB452" s="53">
        <v>-24171.148247978399</v>
      </c>
      <c r="BC452" s="53">
        <v>-24171.148247978399</v>
      </c>
      <c r="BD452" s="53">
        <v>-24171.148247978399</v>
      </c>
      <c r="BE452" s="53">
        <v>-24171.148247978399</v>
      </c>
      <c r="BF452" s="53">
        <v>-24171.148247978399</v>
      </c>
      <c r="BG452" s="53">
        <v>-24171.148247978399</v>
      </c>
      <c r="BH452" s="53">
        <v>-24171.148247978399</v>
      </c>
      <c r="BI452" s="53">
        <v>-24171.148247978399</v>
      </c>
      <c r="BJ452" s="53">
        <v>-24171.148247978399</v>
      </c>
      <c r="BK452" s="53">
        <v>-24171.148247978399</v>
      </c>
      <c r="BL452" s="53">
        <v>-24171.148247978399</v>
      </c>
      <c r="BM452" s="53">
        <v>-24171.148247978399</v>
      </c>
      <c r="BN452" s="53">
        <v>-290053.77897574002</v>
      </c>
      <c r="BO452" s="53">
        <v>-24171.148247978399</v>
      </c>
      <c r="BP452" s="53">
        <v>-24171.148247978399</v>
      </c>
      <c r="BQ452" s="53">
        <v>-24171.148247978399</v>
      </c>
      <c r="BR452" s="53">
        <v>-24171.148247978399</v>
      </c>
      <c r="BS452" s="53">
        <v>-24171.148247978399</v>
      </c>
      <c r="BT452" s="53">
        <v>-24171.148247978399</v>
      </c>
      <c r="BU452" s="53">
        <v>-24171.148247978399</v>
      </c>
      <c r="BV452" s="53">
        <v>-24171.148247978399</v>
      </c>
      <c r="BW452" s="53">
        <v>-24171.148247978399</v>
      </c>
      <c r="BX452" s="53">
        <v>-24171.148247978399</v>
      </c>
      <c r="BY452" s="53">
        <v>-24171.148247978399</v>
      </c>
      <c r="BZ452" s="53">
        <v>-24171.148247978399</v>
      </c>
      <c r="CA452" s="53">
        <v>-290053.77897574002</v>
      </c>
      <c r="CB452" s="53"/>
      <c r="CC452" s="53"/>
      <c r="CD452" s="53"/>
      <c r="CE452" s="53"/>
      <c r="CF452" s="53"/>
      <c r="CG452" s="53"/>
      <c r="CH452" s="53"/>
      <c r="CI452" s="53"/>
      <c r="CJ452" s="53"/>
      <c r="CK452" s="53"/>
      <c r="CL452" s="53"/>
      <c r="CM452" s="53"/>
      <c r="CN452" s="53"/>
    </row>
    <row r="453" spans="1:92">
      <c r="A453" s="52" t="s">
        <v>725</v>
      </c>
      <c r="B453" s="53">
        <v>-16813.8796992481</v>
      </c>
      <c r="C453" s="53">
        <v>-16813.8796992481</v>
      </c>
      <c r="D453" s="53">
        <v>-16813.8796992481</v>
      </c>
      <c r="E453" s="53">
        <v>-16813.8796992481</v>
      </c>
      <c r="F453" s="53">
        <v>-16813.8796992481</v>
      </c>
      <c r="G453" s="53">
        <v>-16813.8796992481</v>
      </c>
      <c r="H453" s="53">
        <v>-16813.8796992481</v>
      </c>
      <c r="I453" s="53">
        <v>-16813.8796992481</v>
      </c>
      <c r="J453" s="53">
        <v>-16813.8796992481</v>
      </c>
      <c r="K453" s="53">
        <v>-16813.8796992481</v>
      </c>
      <c r="L453" s="53">
        <v>-16813.8796992481</v>
      </c>
      <c r="M453" s="53">
        <v>-16813.8796992481</v>
      </c>
      <c r="N453" s="53">
        <v>-201766.556390977</v>
      </c>
      <c r="O453" s="53">
        <v>-16813.8796992481</v>
      </c>
      <c r="P453" s="53">
        <v>-16813.8796992481</v>
      </c>
      <c r="Q453" s="53">
        <v>-16813.8796992481</v>
      </c>
      <c r="R453" s="53">
        <v>-16813.8796992481</v>
      </c>
      <c r="S453" s="53">
        <v>-16813.8796992481</v>
      </c>
      <c r="T453" s="53">
        <v>-16813.8796992481</v>
      </c>
      <c r="U453" s="53">
        <v>-16813.8796992481</v>
      </c>
      <c r="V453" s="53">
        <v>-16813.8796992481</v>
      </c>
      <c r="W453" s="53">
        <v>-16813.8796992481</v>
      </c>
      <c r="X453" s="53">
        <v>-16813.8796992481</v>
      </c>
      <c r="Y453" s="53">
        <v>-16813.8796992481</v>
      </c>
      <c r="Z453" s="53">
        <v>-16813.8796992481</v>
      </c>
      <c r="AA453" s="53">
        <v>-201766.556390977</v>
      </c>
      <c r="AB453" s="53">
        <v>-16813.8796992481</v>
      </c>
      <c r="AC453" s="53">
        <v>-16813.8796992481</v>
      </c>
      <c r="AD453" s="53">
        <v>-16813.8796992481</v>
      </c>
      <c r="AE453" s="53">
        <v>-16813.8796992481</v>
      </c>
      <c r="AF453" s="53">
        <v>-16813.8796992481</v>
      </c>
      <c r="AG453" s="53">
        <v>-16813.8796992481</v>
      </c>
      <c r="AH453" s="53">
        <v>-16813.8796992481</v>
      </c>
      <c r="AI453" s="53">
        <v>-16813.8796992481</v>
      </c>
      <c r="AJ453" s="53">
        <v>-16813.8796992481</v>
      </c>
      <c r="AK453" s="53">
        <v>-16813.8796992481</v>
      </c>
      <c r="AL453" s="53">
        <v>-16813.8796992481</v>
      </c>
      <c r="AM453" s="53">
        <v>-16813.8796992481</v>
      </c>
      <c r="AN453" s="53">
        <v>-201766.556390977</v>
      </c>
      <c r="AO453" s="53">
        <v>-16813.8796992481</v>
      </c>
      <c r="AP453" s="53">
        <v>-16813.8796992481</v>
      </c>
      <c r="AQ453" s="53">
        <v>-16813.8796992481</v>
      </c>
      <c r="AR453" s="53">
        <v>-16813.8796992481</v>
      </c>
      <c r="AS453" s="53">
        <v>-16813.8796992481</v>
      </c>
      <c r="AT453" s="53">
        <v>-16813.8796992481</v>
      </c>
      <c r="AU453" s="53">
        <v>-16813.8796992481</v>
      </c>
      <c r="AV453" s="53">
        <v>-16813.8796992481</v>
      </c>
      <c r="AW453" s="53">
        <v>-16813.8796992481</v>
      </c>
      <c r="AX453" s="53">
        <v>-16813.8796992481</v>
      </c>
      <c r="AY453" s="53">
        <v>-16813.8796992481</v>
      </c>
      <c r="AZ453" s="53">
        <v>-16813.8796992481</v>
      </c>
      <c r="BA453" s="53">
        <v>-201766.556390977</v>
      </c>
      <c r="BB453" s="53">
        <v>-16813.8796992481</v>
      </c>
      <c r="BC453" s="53">
        <v>-16813.8796992481</v>
      </c>
      <c r="BD453" s="53">
        <v>-16813.8796992481</v>
      </c>
      <c r="BE453" s="53">
        <v>-16813.8796992481</v>
      </c>
      <c r="BF453" s="53">
        <v>-16813.8796992481</v>
      </c>
      <c r="BG453" s="53">
        <v>-16813.8796992481</v>
      </c>
      <c r="BH453" s="53">
        <v>-16813.8796992481</v>
      </c>
      <c r="BI453" s="53">
        <v>-16813.8796992481</v>
      </c>
      <c r="BJ453" s="53">
        <v>-16813.8796992481</v>
      </c>
      <c r="BK453" s="53">
        <v>-16813.8796992481</v>
      </c>
      <c r="BL453" s="53">
        <v>-16813.8796992481</v>
      </c>
      <c r="BM453" s="53">
        <v>-16813.8796992481</v>
      </c>
      <c r="BN453" s="53">
        <v>-201766.556390977</v>
      </c>
      <c r="BO453" s="53">
        <v>-16813.8796992481</v>
      </c>
      <c r="BP453" s="53">
        <v>-16813.8796992481</v>
      </c>
      <c r="BQ453" s="53">
        <v>-16813.8796992481</v>
      </c>
      <c r="BR453" s="53">
        <v>-16813.8796992481</v>
      </c>
      <c r="BS453" s="53">
        <v>-16813.8796992481</v>
      </c>
      <c r="BT453" s="53">
        <v>-16813.8796992481</v>
      </c>
      <c r="BU453" s="53">
        <v>-8406.9398496240701</v>
      </c>
      <c r="BV453" s="53"/>
      <c r="BW453" s="53"/>
      <c r="BX453" s="53"/>
      <c r="BY453" s="53"/>
      <c r="BZ453" s="53"/>
      <c r="CA453" s="53">
        <v>-109290.21804511199</v>
      </c>
      <c r="CB453" s="53"/>
      <c r="CC453" s="53"/>
      <c r="CD453" s="53"/>
      <c r="CE453" s="53"/>
      <c r="CF453" s="53"/>
      <c r="CG453" s="53"/>
      <c r="CH453" s="53"/>
      <c r="CI453" s="53"/>
      <c r="CJ453" s="53"/>
      <c r="CK453" s="53"/>
      <c r="CL453" s="53"/>
      <c r="CM453" s="53"/>
      <c r="CN453" s="53"/>
    </row>
    <row r="454" spans="1:92">
      <c r="A454" s="52" t="s">
        <v>726</v>
      </c>
      <c r="B454" s="53">
        <v>308004.32530120399</v>
      </c>
      <c r="C454" s="53">
        <v>308004.32530120399</v>
      </c>
      <c r="D454" s="53">
        <v>308004.32530120399</v>
      </c>
      <c r="E454" s="53">
        <v>308004.32530120399</v>
      </c>
      <c r="F454" s="53">
        <v>308004.32530120399</v>
      </c>
      <c r="G454" s="53">
        <v>308004.32530120399</v>
      </c>
      <c r="H454" s="53">
        <v>308004.32530120399</v>
      </c>
      <c r="I454" s="53">
        <v>308004.32530120399</v>
      </c>
      <c r="J454" s="53">
        <v>308004.32530120399</v>
      </c>
      <c r="K454" s="53">
        <v>308004.32530120399</v>
      </c>
      <c r="L454" s="53">
        <v>308004.32530120399</v>
      </c>
      <c r="M454" s="53">
        <v>308004.32530120399</v>
      </c>
      <c r="N454" s="53">
        <v>3696051.9036144498</v>
      </c>
      <c r="O454" s="53">
        <v>308004.32530120399</v>
      </c>
      <c r="P454" s="53">
        <v>308004.32530120399</v>
      </c>
      <c r="Q454" s="53">
        <v>308004.32530120399</v>
      </c>
      <c r="R454" s="53">
        <v>308004.32530120399</v>
      </c>
      <c r="S454" s="53">
        <v>308004.32530120399</v>
      </c>
      <c r="T454" s="53">
        <v>308004.32530120399</v>
      </c>
      <c r="U454" s="53">
        <v>308004.32530120399</v>
      </c>
      <c r="V454" s="53">
        <v>308004.32530120399</v>
      </c>
      <c r="W454" s="53">
        <v>308004.32530120399</v>
      </c>
      <c r="X454" s="53">
        <v>308004.32530120399</v>
      </c>
      <c r="Y454" s="53">
        <v>308004.32530120498</v>
      </c>
      <c r="Z454" s="53">
        <v>308004.32530120399</v>
      </c>
      <c r="AA454" s="53">
        <v>3696051.9036144498</v>
      </c>
      <c r="AB454" s="53">
        <v>308004.32530120498</v>
      </c>
      <c r="AC454" s="53">
        <v>308004.32530120498</v>
      </c>
      <c r="AD454" s="53">
        <v>308004.32530120498</v>
      </c>
      <c r="AE454" s="53">
        <v>308004.32530120498</v>
      </c>
      <c r="AF454" s="53">
        <v>308004.32530120498</v>
      </c>
      <c r="AG454" s="53">
        <v>308004.32530120498</v>
      </c>
      <c r="AH454" s="53">
        <v>308004.32530120498</v>
      </c>
      <c r="AI454" s="53">
        <v>308004.32530120498</v>
      </c>
      <c r="AJ454" s="53">
        <v>308004.32530120498</v>
      </c>
      <c r="AK454" s="53">
        <v>308004.32530120498</v>
      </c>
      <c r="AL454" s="53">
        <v>308004.32530120498</v>
      </c>
      <c r="AM454" s="53">
        <v>308004.32530120498</v>
      </c>
      <c r="AN454" s="53">
        <v>3696051.9036144498</v>
      </c>
      <c r="AO454" s="53">
        <v>308004.32530120498</v>
      </c>
      <c r="AP454" s="53">
        <v>308004.32530120498</v>
      </c>
      <c r="AQ454" s="53">
        <v>308004.32530120498</v>
      </c>
      <c r="AR454" s="53">
        <v>308004.32530120498</v>
      </c>
      <c r="AS454" s="53">
        <v>308004.32530120498</v>
      </c>
      <c r="AT454" s="53">
        <v>308004.32530120498</v>
      </c>
      <c r="AU454" s="53">
        <v>308004.32530120498</v>
      </c>
      <c r="AV454" s="53">
        <v>308004.32530120498</v>
      </c>
      <c r="AW454" s="53">
        <v>308004.32530120498</v>
      </c>
      <c r="AX454" s="53">
        <v>308004.32530120498</v>
      </c>
      <c r="AY454" s="53">
        <v>308004.32530120498</v>
      </c>
      <c r="AZ454" s="53">
        <v>308004.32530120498</v>
      </c>
      <c r="BA454" s="53">
        <v>3696051.90361446</v>
      </c>
      <c r="BB454" s="53">
        <v>308004.32530120498</v>
      </c>
      <c r="BC454" s="53">
        <v>308004.32530120498</v>
      </c>
      <c r="BD454" s="53">
        <v>308004.32530120498</v>
      </c>
      <c r="BE454" s="53">
        <v>308004.32530120498</v>
      </c>
      <c r="BF454" s="53">
        <v>308004.32530120498</v>
      </c>
      <c r="BG454" s="53">
        <v>308004.32530120498</v>
      </c>
      <c r="BH454" s="53">
        <v>308004.32530120498</v>
      </c>
      <c r="BI454" s="53">
        <v>308004.32530120498</v>
      </c>
      <c r="BJ454" s="53">
        <v>308004.32530120498</v>
      </c>
      <c r="BK454" s="53">
        <v>308004.32530120498</v>
      </c>
      <c r="BL454" s="53">
        <v>308004.32530120498</v>
      </c>
      <c r="BM454" s="53">
        <v>308004.32530120498</v>
      </c>
      <c r="BN454" s="53">
        <v>3696051.90361446</v>
      </c>
      <c r="BO454" s="53">
        <v>308004.32530120498</v>
      </c>
      <c r="BP454" s="53">
        <v>308004.32530120498</v>
      </c>
      <c r="BQ454" s="53">
        <v>308004.32530120498</v>
      </c>
      <c r="BR454" s="53">
        <v>308004.32530120498</v>
      </c>
      <c r="BS454" s="53">
        <v>308004.32530120498</v>
      </c>
      <c r="BT454" s="53">
        <v>308004.32530120498</v>
      </c>
      <c r="BU454" s="53">
        <v>308004.32530120498</v>
      </c>
      <c r="BV454" s="53">
        <v>308004.32530120498</v>
      </c>
      <c r="BW454" s="53">
        <v>308004.32530120498</v>
      </c>
      <c r="BX454" s="53">
        <v>308004.32530120498</v>
      </c>
      <c r="BY454" s="53">
        <v>308004.32530120498</v>
      </c>
      <c r="BZ454" s="53">
        <v>308004.32530120498</v>
      </c>
      <c r="CA454" s="53">
        <v>3696051.90361446</v>
      </c>
      <c r="CB454" s="53"/>
      <c r="CC454" s="53"/>
      <c r="CD454" s="53"/>
      <c r="CE454" s="53"/>
      <c r="CF454" s="53"/>
      <c r="CG454" s="53"/>
      <c r="CH454" s="53"/>
      <c r="CI454" s="53"/>
      <c r="CJ454" s="53"/>
      <c r="CK454" s="53"/>
      <c r="CL454" s="53"/>
      <c r="CM454" s="53"/>
      <c r="CN454" s="53"/>
    </row>
    <row r="455" spans="1:92">
      <c r="A455" s="52" t="s">
        <v>728</v>
      </c>
      <c r="B455" s="53">
        <v>199670.97206703899</v>
      </c>
      <c r="C455" s="53">
        <v>199670.97206703899</v>
      </c>
      <c r="D455" s="53">
        <v>199670.97206703899</v>
      </c>
      <c r="E455" s="53">
        <v>199670.97206703899</v>
      </c>
      <c r="F455" s="53">
        <v>199670.97206703899</v>
      </c>
      <c r="G455" s="53">
        <v>199670.97206703899</v>
      </c>
      <c r="H455" s="53">
        <v>199670.97206703899</v>
      </c>
      <c r="I455" s="53">
        <v>199670.972067038</v>
      </c>
      <c r="J455" s="53">
        <v>199670.972067038</v>
      </c>
      <c r="K455" s="53">
        <v>199670.972067038</v>
      </c>
      <c r="L455" s="53">
        <v>199670.97206703899</v>
      </c>
      <c r="M455" s="53">
        <v>199670.97206703899</v>
      </c>
      <c r="N455" s="53">
        <v>2396051.66480446</v>
      </c>
      <c r="O455" s="53">
        <v>199670.97206703899</v>
      </c>
      <c r="P455" s="53">
        <v>199670.97206703899</v>
      </c>
      <c r="Q455" s="53">
        <v>199670.97206703899</v>
      </c>
      <c r="R455" s="53">
        <v>199670.97206703899</v>
      </c>
      <c r="S455" s="53">
        <v>199670.97206703899</v>
      </c>
      <c r="T455" s="53">
        <v>199670.97206703899</v>
      </c>
      <c r="U455" s="53">
        <v>199670.97206703899</v>
      </c>
      <c r="V455" s="53">
        <v>199670.97206703899</v>
      </c>
      <c r="W455" s="53">
        <v>199670.97206703899</v>
      </c>
      <c r="X455" s="53">
        <v>199670.97206703899</v>
      </c>
      <c r="Y455" s="53">
        <v>199670.97206703899</v>
      </c>
      <c r="Z455" s="53">
        <v>199670.97206703899</v>
      </c>
      <c r="AA455" s="53">
        <v>2396051.66480446</v>
      </c>
      <c r="AB455" s="53">
        <v>199670.97206703899</v>
      </c>
      <c r="AC455" s="53">
        <v>199670.97206703899</v>
      </c>
      <c r="AD455" s="53">
        <v>199670.97206703899</v>
      </c>
      <c r="AE455" s="53">
        <v>199670.97206703899</v>
      </c>
      <c r="AF455" s="53">
        <v>199670.97206703899</v>
      </c>
      <c r="AG455" s="53">
        <v>199670.97206703899</v>
      </c>
      <c r="AH455" s="53">
        <v>199670.97206703899</v>
      </c>
      <c r="AI455" s="53">
        <v>199670.97206703899</v>
      </c>
      <c r="AJ455" s="53">
        <v>199670.97206703899</v>
      </c>
      <c r="AK455" s="53">
        <v>199670.97206703899</v>
      </c>
      <c r="AL455" s="53">
        <v>199670.97206703899</v>
      </c>
      <c r="AM455" s="53">
        <v>199670.97206703899</v>
      </c>
      <c r="AN455" s="53">
        <v>2396051.66480446</v>
      </c>
      <c r="AO455" s="53">
        <v>199670.97206703899</v>
      </c>
      <c r="AP455" s="53">
        <v>199670.97206703899</v>
      </c>
      <c r="AQ455" s="53">
        <v>199670.97206703899</v>
      </c>
      <c r="AR455" s="53">
        <v>199670.97206703899</v>
      </c>
      <c r="AS455" s="53">
        <v>199670.97206703899</v>
      </c>
      <c r="AT455" s="53">
        <v>199670.97206703899</v>
      </c>
      <c r="AU455" s="53">
        <v>199670.97206703899</v>
      </c>
      <c r="AV455" s="53">
        <v>199670.97206703899</v>
      </c>
      <c r="AW455" s="53">
        <v>199670.97206703899</v>
      </c>
      <c r="AX455" s="53">
        <v>199670.97206703899</v>
      </c>
      <c r="AY455" s="53">
        <v>199670.97206703899</v>
      </c>
      <c r="AZ455" s="53">
        <v>199670.97206703899</v>
      </c>
      <c r="BA455" s="53">
        <v>2396051.6648044698</v>
      </c>
      <c r="BB455" s="53">
        <v>199670.97206703899</v>
      </c>
      <c r="BC455" s="53">
        <v>199670.97206703899</v>
      </c>
      <c r="BD455" s="53">
        <v>199670.97206703899</v>
      </c>
      <c r="BE455" s="53">
        <v>199670.97206703899</v>
      </c>
      <c r="BF455" s="53">
        <v>199670.97206703899</v>
      </c>
      <c r="BG455" s="53">
        <v>199670.97206703899</v>
      </c>
      <c r="BH455" s="53">
        <v>199670.97206703899</v>
      </c>
      <c r="BI455" s="53">
        <v>199670.97206703899</v>
      </c>
      <c r="BJ455" s="53">
        <v>199670.97206703899</v>
      </c>
      <c r="BK455" s="53">
        <v>199670.97206703899</v>
      </c>
      <c r="BL455" s="53">
        <v>199670.97206703899</v>
      </c>
      <c r="BM455" s="53">
        <v>199670.97206703899</v>
      </c>
      <c r="BN455" s="53">
        <v>2396051.6648044698</v>
      </c>
      <c r="BO455" s="53">
        <v>199670.97206703899</v>
      </c>
      <c r="BP455" s="53">
        <v>199670.97206703899</v>
      </c>
      <c r="BQ455" s="53">
        <v>199670.97206703899</v>
      </c>
      <c r="BR455" s="53">
        <v>199670.97206703899</v>
      </c>
      <c r="BS455" s="53">
        <v>199670.97206703899</v>
      </c>
      <c r="BT455" s="53">
        <v>199670.97206703899</v>
      </c>
      <c r="BU455" s="53">
        <v>199670.97206703899</v>
      </c>
      <c r="BV455" s="53">
        <v>199670.97206703899</v>
      </c>
      <c r="BW455" s="53">
        <v>199670.97206703899</v>
      </c>
      <c r="BX455" s="53">
        <v>199670.97206703899</v>
      </c>
      <c r="BY455" s="53">
        <v>199670.97206703899</v>
      </c>
      <c r="BZ455" s="53">
        <v>199670.97206703899</v>
      </c>
      <c r="CA455" s="53">
        <v>2396051.6648044698</v>
      </c>
      <c r="CB455" s="53">
        <v>26552.408488063698</v>
      </c>
      <c r="CC455" s="53">
        <v>26552.408488063698</v>
      </c>
      <c r="CD455" s="53">
        <v>26552.408488063698</v>
      </c>
      <c r="CE455" s="53">
        <v>26552.408488063698</v>
      </c>
      <c r="CF455" s="53">
        <v>26552.408488063698</v>
      </c>
      <c r="CG455" s="53">
        <v>26552.408488063698</v>
      </c>
      <c r="CH455" s="53">
        <v>26552.408488063698</v>
      </c>
      <c r="CI455" s="53">
        <v>26552.408488063698</v>
      </c>
      <c r="CJ455" s="53">
        <v>26552.408488063698</v>
      </c>
      <c r="CK455" s="53">
        <v>26552.408488063698</v>
      </c>
      <c r="CL455" s="53">
        <v>26552.408488063698</v>
      </c>
      <c r="CM455" s="53">
        <v>26552.408488063698</v>
      </c>
      <c r="CN455" s="53">
        <v>318628.90185676399</v>
      </c>
    </row>
    <row r="456" spans="1:92">
      <c r="A456" s="52" t="s">
        <v>729</v>
      </c>
      <c r="B456" s="53">
        <v>115069.469767441</v>
      </c>
      <c r="C456" s="53">
        <v>115069.469767441</v>
      </c>
      <c r="D456" s="53">
        <v>115069.469767441</v>
      </c>
      <c r="E456" s="53">
        <v>115069.469767441</v>
      </c>
      <c r="F456" s="53">
        <v>115069.469767441</v>
      </c>
      <c r="G456" s="53">
        <v>115069.469767441</v>
      </c>
      <c r="H456" s="53">
        <v>115069.469767441</v>
      </c>
      <c r="I456" s="53">
        <v>115069.469767441</v>
      </c>
      <c r="J456" s="53">
        <v>115069.469767441</v>
      </c>
      <c r="K456" s="53">
        <v>115069.469767441</v>
      </c>
      <c r="L456" s="53">
        <v>115069.469767441</v>
      </c>
      <c r="M456" s="53">
        <v>115069.469767441</v>
      </c>
      <c r="N456" s="53">
        <v>1380833.6372093</v>
      </c>
      <c r="O456" s="53">
        <v>115069.469767441</v>
      </c>
      <c r="P456" s="53">
        <v>115069.469767441</v>
      </c>
      <c r="Q456" s="53">
        <v>115069.469767441</v>
      </c>
      <c r="R456" s="53">
        <v>115069.469767441</v>
      </c>
      <c r="S456" s="53">
        <v>115069.469767441</v>
      </c>
      <c r="T456" s="53">
        <v>115069.469767441</v>
      </c>
      <c r="U456" s="53">
        <v>115069.469767441</v>
      </c>
      <c r="V456" s="53">
        <v>115069.469767441</v>
      </c>
      <c r="W456" s="53">
        <v>115069.469767441</v>
      </c>
      <c r="X456" s="53">
        <v>115069.469767441</v>
      </c>
      <c r="Y456" s="53">
        <v>115069.469767441</v>
      </c>
      <c r="Z456" s="53">
        <v>115069.469767441</v>
      </c>
      <c r="AA456" s="53">
        <v>1380833.6372093</v>
      </c>
      <c r="AB456" s="53">
        <v>115069.469767441</v>
      </c>
      <c r="AC456" s="53">
        <v>115069.469767441</v>
      </c>
      <c r="AD456" s="53">
        <v>115069.469767441</v>
      </c>
      <c r="AE456" s="53">
        <v>115069.469767441</v>
      </c>
      <c r="AF456" s="53">
        <v>115069.469767441</v>
      </c>
      <c r="AG456" s="53">
        <v>115069.469767441</v>
      </c>
      <c r="AH456" s="53">
        <v>115069.469767441</v>
      </c>
      <c r="AI456" s="53">
        <v>115069.469767441</v>
      </c>
      <c r="AJ456" s="53">
        <v>115069.469767441</v>
      </c>
      <c r="AK456" s="53">
        <v>115069.469767441</v>
      </c>
      <c r="AL456" s="53">
        <v>115069.469767441</v>
      </c>
      <c r="AM456" s="53">
        <v>115069.469767441</v>
      </c>
      <c r="AN456" s="53">
        <v>1380833.6372093</v>
      </c>
      <c r="AO456" s="53">
        <v>115069.469767441</v>
      </c>
      <c r="AP456" s="53">
        <v>115069.469767441</v>
      </c>
      <c r="AQ456" s="53">
        <v>115069.469767441</v>
      </c>
      <c r="AR456" s="53">
        <v>115069.469767441</v>
      </c>
      <c r="AS456" s="53">
        <v>115069.469767441</v>
      </c>
      <c r="AT456" s="53">
        <v>115069.469767441</v>
      </c>
      <c r="AU456" s="53">
        <v>115069.469767441</v>
      </c>
      <c r="AV456" s="53">
        <v>115069.469767441</v>
      </c>
      <c r="AW456" s="53">
        <v>115069.469767441</v>
      </c>
      <c r="AX456" s="53">
        <v>115069.469767441</v>
      </c>
      <c r="AY456" s="53">
        <v>115069.469767441</v>
      </c>
      <c r="AZ456" s="53">
        <v>115069.469767441</v>
      </c>
      <c r="BA456" s="53">
        <v>1380833.6372093</v>
      </c>
      <c r="BB456" s="53">
        <v>115069.469767441</v>
      </c>
      <c r="BC456" s="53">
        <v>115069.469767441</v>
      </c>
      <c r="BD456" s="53">
        <v>115069.469767441</v>
      </c>
      <c r="BE456" s="53">
        <v>115069.469767441</v>
      </c>
      <c r="BF456" s="53">
        <v>115069.469767441</v>
      </c>
      <c r="BG456" s="53">
        <v>115069.469767441</v>
      </c>
      <c r="BH456" s="53">
        <v>115069.469767441</v>
      </c>
      <c r="BI456" s="53">
        <v>115069.469767441</v>
      </c>
      <c r="BJ456" s="53">
        <v>115069.469767441</v>
      </c>
      <c r="BK456" s="53">
        <v>115069.469767441</v>
      </c>
      <c r="BL456" s="53">
        <v>115069.469767441</v>
      </c>
      <c r="BM456" s="53">
        <v>115069.469767441</v>
      </c>
      <c r="BN456" s="53">
        <v>1380833.6372093</v>
      </c>
      <c r="BO456" s="53">
        <v>115069.469767441</v>
      </c>
      <c r="BP456" s="53">
        <v>115069.469767441</v>
      </c>
      <c r="BQ456" s="53">
        <v>115069.469767441</v>
      </c>
      <c r="BR456" s="53">
        <v>115069.469767441</v>
      </c>
      <c r="BS456" s="53">
        <v>115069.469767441</v>
      </c>
      <c r="BT456" s="53">
        <v>115069.469767441</v>
      </c>
      <c r="BU456" s="53">
        <v>115069.469767441</v>
      </c>
      <c r="BV456" s="53">
        <v>115069.469767441</v>
      </c>
      <c r="BW456" s="53">
        <v>115069.469767441</v>
      </c>
      <c r="BX456" s="53">
        <v>115069.469767441</v>
      </c>
      <c r="BY456" s="53">
        <v>115069.469767441</v>
      </c>
      <c r="BZ456" s="53">
        <v>115069.469767441</v>
      </c>
      <c r="CA456" s="53">
        <v>1380833.6372093</v>
      </c>
      <c r="CB456" s="53"/>
      <c r="CC456" s="53"/>
      <c r="CD456" s="53"/>
      <c r="CE456" s="53"/>
      <c r="CF456" s="53"/>
      <c r="CG456" s="53"/>
      <c r="CH456" s="53"/>
      <c r="CI456" s="53"/>
      <c r="CJ456" s="53"/>
      <c r="CK456" s="53"/>
      <c r="CL456" s="53"/>
      <c r="CM456" s="53"/>
      <c r="CN456" s="53"/>
    </row>
    <row r="457" spans="1:92">
      <c r="A457" s="52" t="s">
        <v>650</v>
      </c>
      <c r="B457" s="53"/>
      <c r="C457" s="53"/>
      <c r="D457" s="53"/>
      <c r="E457" s="53"/>
      <c r="F457" s="53"/>
      <c r="G457" s="53"/>
      <c r="H457" s="53"/>
      <c r="I457" s="53"/>
      <c r="J457" s="53"/>
      <c r="K457" s="53"/>
      <c r="L457" s="53"/>
      <c r="M457" s="53"/>
      <c r="N457" s="53"/>
      <c r="O457" s="53"/>
      <c r="P457" s="53"/>
      <c r="Q457" s="53"/>
      <c r="R457" s="53"/>
      <c r="S457" s="53"/>
      <c r="T457" s="53"/>
      <c r="U457" s="53"/>
      <c r="V457" s="53"/>
      <c r="W457" s="53"/>
      <c r="X457" s="53"/>
      <c r="Y457" s="53"/>
      <c r="Z457" s="53"/>
      <c r="AA457" s="53"/>
      <c r="AB457" s="53"/>
      <c r="AC457" s="53"/>
      <c r="AD457" s="53"/>
      <c r="AE457" s="53"/>
      <c r="AF457" s="53"/>
      <c r="AG457" s="53"/>
      <c r="AH457" s="53"/>
      <c r="AI457" s="53"/>
      <c r="AJ457" s="53"/>
      <c r="AK457" s="53"/>
      <c r="AL457" s="53"/>
      <c r="AM457" s="53"/>
      <c r="AN457" s="53"/>
      <c r="AO457" s="53"/>
      <c r="AP457" s="53"/>
      <c r="AQ457" s="53"/>
      <c r="AR457" s="53"/>
      <c r="AS457" s="53"/>
      <c r="AT457" s="53"/>
      <c r="AU457" s="53"/>
      <c r="AV457" s="53"/>
      <c r="AW457" s="53"/>
      <c r="AX457" s="53"/>
      <c r="AY457" s="53"/>
      <c r="AZ457" s="53"/>
      <c r="BA457" s="53"/>
      <c r="BB457" s="53"/>
      <c r="BC457" s="53"/>
      <c r="BD457" s="53"/>
      <c r="BE457" s="53"/>
      <c r="BF457" s="53"/>
      <c r="BG457" s="53"/>
      <c r="BH457" s="53"/>
      <c r="BI457" s="53"/>
      <c r="BJ457" s="53"/>
      <c r="BK457" s="53"/>
      <c r="BL457" s="53"/>
      <c r="BM457" s="53"/>
      <c r="BN457" s="53"/>
      <c r="BO457" s="53"/>
      <c r="BP457" s="53"/>
      <c r="BQ457" s="53"/>
      <c r="BR457" s="53"/>
      <c r="BS457" s="53"/>
      <c r="BT457" s="53"/>
      <c r="BU457" s="53"/>
      <c r="BV457" s="53"/>
      <c r="BW457" s="53"/>
      <c r="BX457" s="53"/>
      <c r="BY457" s="53"/>
      <c r="BZ457" s="53"/>
      <c r="CA457" s="53"/>
      <c r="CB457" s="53">
        <v>-24171.149367088601</v>
      </c>
      <c r="CC457" s="53">
        <v>-24171.149367088601</v>
      </c>
      <c r="CD457" s="53">
        <v>-24171.149367088601</v>
      </c>
      <c r="CE457" s="53">
        <v>-24171.149367088601</v>
      </c>
      <c r="CF457" s="53">
        <v>-24171.149367088601</v>
      </c>
      <c r="CG457" s="53">
        <v>-24171.149367088601</v>
      </c>
      <c r="CH457" s="53">
        <v>-24171.149367088601</v>
      </c>
      <c r="CI457" s="53">
        <v>-24171.149367088601</v>
      </c>
      <c r="CJ457" s="53">
        <v>-24171.149367088601</v>
      </c>
      <c r="CK457" s="53">
        <v>-24171.149367088601</v>
      </c>
      <c r="CL457" s="53">
        <v>-24171.149367088601</v>
      </c>
      <c r="CM457" s="53">
        <v>-24171.149367088601</v>
      </c>
      <c r="CN457" s="53">
        <v>-290053.79240506398</v>
      </c>
    </row>
    <row r="458" spans="1:92">
      <c r="A458" s="52" t="s">
        <v>1302</v>
      </c>
      <c r="B458" s="53"/>
      <c r="C458" s="53"/>
      <c r="D458" s="53"/>
      <c r="E458" s="53"/>
      <c r="F458" s="53"/>
      <c r="G458" s="53"/>
      <c r="H458" s="53"/>
      <c r="I458" s="53"/>
      <c r="J458" s="53"/>
      <c r="K458" s="53"/>
      <c r="L458" s="53"/>
      <c r="M458" s="53"/>
      <c r="N458" s="53"/>
      <c r="O458" s="53"/>
      <c r="P458" s="53"/>
      <c r="Q458" s="53"/>
      <c r="R458" s="53"/>
      <c r="S458" s="53"/>
      <c r="T458" s="53"/>
      <c r="U458" s="53"/>
      <c r="V458" s="53"/>
      <c r="W458" s="53"/>
      <c r="X458" s="53"/>
      <c r="Y458" s="53"/>
      <c r="Z458" s="53"/>
      <c r="AA458" s="53"/>
      <c r="AB458" s="53"/>
      <c r="AC458" s="53"/>
      <c r="AD458" s="53"/>
      <c r="AE458" s="53"/>
      <c r="AF458" s="53"/>
      <c r="AG458" s="53"/>
      <c r="AH458" s="53"/>
      <c r="AI458" s="53"/>
      <c r="AJ458" s="53"/>
      <c r="AK458" s="53"/>
      <c r="AL458" s="53"/>
      <c r="AM458" s="53"/>
      <c r="AN458" s="53"/>
      <c r="AO458" s="53"/>
      <c r="AP458" s="53"/>
      <c r="AQ458" s="53"/>
      <c r="AR458" s="53"/>
      <c r="AS458" s="53"/>
      <c r="AT458" s="53"/>
      <c r="AU458" s="53"/>
      <c r="AV458" s="53"/>
      <c r="AW458" s="53"/>
      <c r="AX458" s="53"/>
      <c r="AY458" s="53"/>
      <c r="AZ458" s="53"/>
      <c r="BA458" s="53"/>
      <c r="BB458" s="53"/>
      <c r="BC458" s="53"/>
      <c r="BD458" s="53"/>
      <c r="BE458" s="53"/>
      <c r="BF458" s="53"/>
      <c r="BG458" s="53"/>
      <c r="BH458" s="53"/>
      <c r="BI458" s="53"/>
      <c r="BJ458" s="53"/>
      <c r="BK458" s="53"/>
      <c r="BL458" s="53"/>
      <c r="BM458" s="53"/>
      <c r="BN458" s="53"/>
      <c r="BO458" s="53"/>
      <c r="BP458" s="53"/>
      <c r="BQ458" s="53"/>
      <c r="BR458" s="53"/>
      <c r="BS458" s="53"/>
      <c r="BT458" s="53"/>
      <c r="BU458" s="53"/>
      <c r="BV458" s="53"/>
      <c r="BW458" s="53"/>
      <c r="BX458" s="53"/>
      <c r="BY458" s="53"/>
      <c r="BZ458" s="53"/>
      <c r="CA458" s="53"/>
      <c r="CB458" s="53"/>
      <c r="CC458" s="53"/>
      <c r="CD458" s="53"/>
      <c r="CE458" s="53"/>
      <c r="CF458" s="53"/>
      <c r="CG458" s="53"/>
      <c r="CH458" s="53"/>
      <c r="CI458" s="53"/>
      <c r="CJ458" s="53"/>
      <c r="CK458" s="53"/>
      <c r="CL458" s="53"/>
      <c r="CM458" s="53"/>
      <c r="CN458" s="53"/>
    </row>
    <row r="459" spans="1:92">
      <c r="A459" s="52" t="s">
        <v>649</v>
      </c>
      <c r="B459" s="53"/>
      <c r="C459" s="53"/>
      <c r="D459" s="53"/>
      <c r="E459" s="53"/>
      <c r="F459" s="53"/>
      <c r="G459" s="53"/>
      <c r="H459" s="53"/>
      <c r="I459" s="53"/>
      <c r="J459" s="53"/>
      <c r="K459" s="53"/>
      <c r="L459" s="53"/>
      <c r="M459" s="53"/>
      <c r="N459" s="53"/>
      <c r="O459" s="53">
        <v>140755.66666666701</v>
      </c>
      <c r="P459" s="53">
        <v>140755.66666666701</v>
      </c>
      <c r="Q459" s="53">
        <v>140755.66666666701</v>
      </c>
      <c r="R459" s="53">
        <v>140755.66666666701</v>
      </c>
      <c r="S459" s="53">
        <v>140755.66666666701</v>
      </c>
      <c r="T459" s="53">
        <v>140755.66666666701</v>
      </c>
      <c r="U459" s="53">
        <v>140755.66666666701</v>
      </c>
      <c r="V459" s="53">
        <v>140755.66666666701</v>
      </c>
      <c r="W459" s="53">
        <v>140755.66666666701</v>
      </c>
      <c r="X459" s="53">
        <v>140755.66666666701</v>
      </c>
      <c r="Y459" s="53">
        <v>140755.66666666701</v>
      </c>
      <c r="Z459" s="53">
        <v>140755.66666666701</v>
      </c>
      <c r="AA459" s="53">
        <v>1689068</v>
      </c>
      <c r="AB459" s="53">
        <v>140755.66666666701</v>
      </c>
      <c r="AC459" s="53">
        <v>140755.66666666701</v>
      </c>
      <c r="AD459" s="53">
        <v>140755.66666666701</v>
      </c>
      <c r="AE459" s="53">
        <v>140755.66666666701</v>
      </c>
      <c r="AF459" s="53">
        <v>140755.66666666701</v>
      </c>
      <c r="AG459" s="53">
        <v>140755.66666666701</v>
      </c>
      <c r="AH459" s="53">
        <v>140755.66666666701</v>
      </c>
      <c r="AI459" s="53">
        <v>140755.66666666701</v>
      </c>
      <c r="AJ459" s="53">
        <v>140755.66666666701</v>
      </c>
      <c r="AK459" s="53">
        <v>140755.66666666701</v>
      </c>
      <c r="AL459" s="53">
        <v>140755.66666666701</v>
      </c>
      <c r="AM459" s="53">
        <v>140755.66666666701</v>
      </c>
      <c r="AN459" s="53">
        <v>1689068</v>
      </c>
      <c r="AO459" s="53">
        <v>140755.66666666701</v>
      </c>
      <c r="AP459" s="53">
        <v>140755.66666666701</v>
      </c>
      <c r="AQ459" s="53">
        <v>140755.66666666701</v>
      </c>
      <c r="AR459" s="53">
        <v>140755.66666666701</v>
      </c>
      <c r="AS459" s="53">
        <v>140755.66666666701</v>
      </c>
      <c r="AT459" s="53">
        <v>140755.66666666701</v>
      </c>
      <c r="AU459" s="53">
        <v>140755.66666666701</v>
      </c>
      <c r="AV459" s="53">
        <v>140755.66666666701</v>
      </c>
      <c r="AW459" s="53">
        <v>140755.66666666701</v>
      </c>
      <c r="AX459" s="53">
        <v>140755.66666666701</v>
      </c>
      <c r="AY459" s="53">
        <v>140755.66666666701</v>
      </c>
      <c r="AZ459" s="53">
        <v>140755.66666666701</v>
      </c>
      <c r="BA459" s="53">
        <v>1689068</v>
      </c>
      <c r="BB459" s="53">
        <v>140755.66666666701</v>
      </c>
      <c r="BC459" s="53">
        <v>140755.66666666701</v>
      </c>
      <c r="BD459" s="53">
        <v>140755.66666666701</v>
      </c>
      <c r="BE459" s="53">
        <v>140755.66666666701</v>
      </c>
      <c r="BF459" s="53">
        <v>140755.66666666701</v>
      </c>
      <c r="BG459" s="53">
        <v>140755.66666666701</v>
      </c>
      <c r="BH459" s="53">
        <v>140755.66666666701</v>
      </c>
      <c r="BI459" s="53">
        <v>140755.66666666701</v>
      </c>
      <c r="BJ459" s="53">
        <v>140755.66666666701</v>
      </c>
      <c r="BK459" s="53">
        <v>140755.66666666701</v>
      </c>
      <c r="BL459" s="53">
        <v>140755.66666666701</v>
      </c>
      <c r="BM459" s="53">
        <v>140755.66666666701</v>
      </c>
      <c r="BN459" s="53">
        <v>1689068</v>
      </c>
      <c r="BO459" s="53">
        <v>140755.66666666701</v>
      </c>
      <c r="BP459" s="53">
        <v>140755.66666666701</v>
      </c>
      <c r="BQ459" s="53">
        <v>140755.66666666701</v>
      </c>
      <c r="BR459" s="53">
        <v>140755.66666666701</v>
      </c>
      <c r="BS459" s="53">
        <v>140755.66666666701</v>
      </c>
      <c r="BT459" s="53">
        <v>140755.66666666701</v>
      </c>
      <c r="BU459" s="53">
        <v>140755.66666666701</v>
      </c>
      <c r="BV459" s="53">
        <v>140755.66666666701</v>
      </c>
      <c r="BW459" s="53">
        <v>140755.66666666701</v>
      </c>
      <c r="BX459" s="53">
        <v>140755.66666666701</v>
      </c>
      <c r="BY459" s="53">
        <v>140755.66666666701</v>
      </c>
      <c r="BZ459" s="53">
        <v>140755.66666666701</v>
      </c>
      <c r="CA459" s="53">
        <v>1689068</v>
      </c>
      <c r="CB459" s="53">
        <v>-16813.8726114649</v>
      </c>
      <c r="CC459" s="53">
        <v>-16813.8726114649</v>
      </c>
      <c r="CD459" s="53">
        <v>-16813.8726114649</v>
      </c>
      <c r="CE459" s="53">
        <v>-16813.8726114649</v>
      </c>
      <c r="CF459" s="53">
        <v>-16813.8726114649</v>
      </c>
      <c r="CG459" s="53">
        <v>-16813.8726114649</v>
      </c>
      <c r="CH459" s="53">
        <v>-16813.8726114649</v>
      </c>
      <c r="CI459" s="53">
        <v>-16813.8726114649</v>
      </c>
      <c r="CJ459" s="53">
        <v>-16813.8726114649</v>
      </c>
      <c r="CK459" s="53">
        <v>-16813.8726114649</v>
      </c>
      <c r="CL459" s="53">
        <v>-16813.8726114649</v>
      </c>
      <c r="CM459" s="53">
        <v>-16813.8726114649</v>
      </c>
      <c r="CN459" s="53">
        <v>-201766.47133757899</v>
      </c>
    </row>
    <row r="460" spans="1:92">
      <c r="A460" s="52" t="s">
        <v>672</v>
      </c>
      <c r="B460" s="53"/>
      <c r="C460" s="53"/>
      <c r="D460" s="53"/>
      <c r="E460" s="53"/>
      <c r="F460" s="53"/>
      <c r="G460" s="53"/>
      <c r="H460" s="53"/>
      <c r="I460" s="53"/>
      <c r="J460" s="53"/>
      <c r="K460" s="53"/>
      <c r="L460" s="53"/>
      <c r="M460" s="53"/>
      <c r="N460" s="53"/>
      <c r="O460" s="53"/>
      <c r="P460" s="53"/>
      <c r="Q460" s="53"/>
      <c r="R460" s="53"/>
      <c r="S460" s="53"/>
      <c r="T460" s="53"/>
      <c r="U460" s="53"/>
      <c r="V460" s="53"/>
      <c r="W460" s="53"/>
      <c r="X460" s="53"/>
      <c r="Y460" s="53"/>
      <c r="Z460" s="53"/>
      <c r="AA460" s="53"/>
      <c r="AB460" s="53"/>
      <c r="AC460" s="53"/>
      <c r="AD460" s="53"/>
      <c r="AE460" s="53"/>
      <c r="AF460" s="53"/>
      <c r="AG460" s="53"/>
      <c r="AH460" s="53"/>
      <c r="AI460" s="53"/>
      <c r="AJ460" s="53"/>
      <c r="AK460" s="53"/>
      <c r="AL460" s="53"/>
      <c r="AM460" s="53"/>
      <c r="AN460" s="53"/>
      <c r="AO460" s="53"/>
      <c r="AP460" s="53"/>
      <c r="AQ460" s="53"/>
      <c r="AR460" s="53"/>
      <c r="AS460" s="53"/>
      <c r="AT460" s="53"/>
      <c r="AU460" s="53"/>
      <c r="AV460" s="53"/>
      <c r="AW460" s="53"/>
      <c r="AX460" s="53"/>
      <c r="AY460" s="53"/>
      <c r="AZ460" s="53"/>
      <c r="BA460" s="53"/>
      <c r="BB460" s="53"/>
      <c r="BC460" s="53"/>
      <c r="BD460" s="53"/>
      <c r="BE460" s="53"/>
      <c r="BF460" s="53"/>
      <c r="BG460" s="53"/>
      <c r="BH460" s="53"/>
      <c r="BI460" s="53"/>
      <c r="BJ460" s="53"/>
      <c r="BK460" s="53"/>
      <c r="BL460" s="53"/>
      <c r="BM460" s="53"/>
      <c r="BN460" s="53"/>
      <c r="BO460" s="53"/>
      <c r="BP460" s="53"/>
      <c r="BQ460" s="53"/>
      <c r="BR460" s="53"/>
      <c r="BS460" s="53"/>
      <c r="BT460" s="53"/>
      <c r="BU460" s="53"/>
      <c r="BV460" s="53"/>
      <c r="BW460" s="53"/>
      <c r="BX460" s="53"/>
      <c r="BY460" s="53"/>
      <c r="BZ460" s="53"/>
      <c r="CA460" s="53"/>
      <c r="CB460" s="53">
        <v>308004.32631578902</v>
      </c>
      <c r="CC460" s="53">
        <v>308004.32631578902</v>
      </c>
      <c r="CD460" s="53">
        <v>308004.32631578902</v>
      </c>
      <c r="CE460" s="53">
        <v>308004.32631578902</v>
      </c>
      <c r="CF460" s="53">
        <v>308004.32631578902</v>
      </c>
      <c r="CG460" s="53">
        <v>308004.32631578902</v>
      </c>
      <c r="CH460" s="53">
        <v>308004.32631578902</v>
      </c>
      <c r="CI460" s="53">
        <v>308004.32631578902</v>
      </c>
      <c r="CJ460" s="53">
        <v>308004.32631578902</v>
      </c>
      <c r="CK460" s="53">
        <v>308004.32631578902</v>
      </c>
      <c r="CL460" s="53">
        <v>308004.32631578902</v>
      </c>
      <c r="CM460" s="53">
        <v>308004.32631578902</v>
      </c>
      <c r="CN460" s="53">
        <v>3696051.9157894701</v>
      </c>
    </row>
    <row r="461" spans="1:92">
      <c r="A461" s="52" t="s">
        <v>709</v>
      </c>
      <c r="B461" s="53"/>
      <c r="C461" s="53"/>
      <c r="D461" s="53"/>
      <c r="E461" s="53"/>
      <c r="F461" s="53"/>
      <c r="G461" s="53"/>
      <c r="H461" s="53"/>
      <c r="I461" s="53"/>
      <c r="J461" s="53"/>
      <c r="K461" s="53"/>
      <c r="L461" s="53"/>
      <c r="M461" s="53"/>
      <c r="N461" s="53"/>
      <c r="O461" s="53"/>
      <c r="P461" s="53"/>
      <c r="Q461" s="53"/>
      <c r="R461" s="53"/>
      <c r="S461" s="53"/>
      <c r="T461" s="53"/>
      <c r="U461" s="53"/>
      <c r="V461" s="53"/>
      <c r="W461" s="53"/>
      <c r="X461" s="53"/>
      <c r="Y461" s="53"/>
      <c r="Z461" s="53"/>
      <c r="AA461" s="53"/>
      <c r="AB461" s="53"/>
      <c r="AC461" s="53"/>
      <c r="AD461" s="53"/>
      <c r="AE461" s="53"/>
      <c r="AF461" s="53"/>
      <c r="AG461" s="53"/>
      <c r="AH461" s="53"/>
      <c r="AI461" s="53"/>
      <c r="AJ461" s="53"/>
      <c r="AK461" s="53"/>
      <c r="AL461" s="53"/>
      <c r="AM461" s="53"/>
      <c r="AN461" s="53"/>
      <c r="AO461" s="53"/>
      <c r="AP461" s="53"/>
      <c r="AQ461" s="53"/>
      <c r="AR461" s="53"/>
      <c r="AS461" s="53"/>
      <c r="AT461" s="53"/>
      <c r="AU461" s="53"/>
      <c r="AV461" s="53"/>
      <c r="AW461" s="53"/>
      <c r="AX461" s="53"/>
      <c r="AY461" s="53"/>
      <c r="AZ461" s="53"/>
      <c r="BA461" s="53"/>
      <c r="BB461" s="53"/>
      <c r="BC461" s="53"/>
      <c r="BD461" s="53"/>
      <c r="BE461" s="53"/>
      <c r="BF461" s="53"/>
      <c r="BG461" s="53"/>
      <c r="BH461" s="53"/>
      <c r="BI461" s="53"/>
      <c r="BJ461" s="53"/>
      <c r="BK461" s="53"/>
      <c r="BL461" s="53"/>
      <c r="BM461" s="53"/>
      <c r="BN461" s="53"/>
      <c r="BO461" s="53"/>
      <c r="BP461" s="53"/>
      <c r="BQ461" s="53"/>
      <c r="BR461" s="53"/>
      <c r="BS461" s="53"/>
      <c r="BT461" s="53"/>
      <c r="BU461" s="53"/>
      <c r="BV461" s="53"/>
      <c r="BW461" s="53"/>
      <c r="BX461" s="53"/>
      <c r="BY461" s="53"/>
      <c r="BZ461" s="53"/>
      <c r="CA461" s="53"/>
      <c r="CB461" s="53">
        <v>199670.97536945701</v>
      </c>
      <c r="CC461" s="53">
        <v>199670.97536945701</v>
      </c>
      <c r="CD461" s="53">
        <v>199670.97536945701</v>
      </c>
      <c r="CE461" s="53">
        <v>199670.97536945701</v>
      </c>
      <c r="CF461" s="53">
        <v>199670.975369458</v>
      </c>
      <c r="CG461" s="53">
        <v>199670.97536945701</v>
      </c>
      <c r="CH461" s="53">
        <v>199670.975369458</v>
      </c>
      <c r="CI461" s="53">
        <v>199670.975369458</v>
      </c>
      <c r="CJ461" s="53">
        <v>199670.975369458</v>
      </c>
      <c r="CK461" s="53">
        <v>199670.975369458</v>
      </c>
      <c r="CL461" s="53">
        <v>199670.975369458</v>
      </c>
      <c r="CM461" s="53">
        <v>199670.975369458</v>
      </c>
      <c r="CN461" s="53">
        <v>2396051.7044334901</v>
      </c>
    </row>
    <row r="462" spans="1:92">
      <c r="A462" s="52" t="s">
        <v>733</v>
      </c>
      <c r="B462" s="53"/>
      <c r="C462" s="53"/>
      <c r="D462" s="53"/>
      <c r="E462" s="53"/>
      <c r="F462" s="53"/>
      <c r="G462" s="53"/>
      <c r="H462" s="53"/>
      <c r="I462" s="53"/>
      <c r="J462" s="53"/>
      <c r="K462" s="53"/>
      <c r="L462" s="53"/>
      <c r="M462" s="53"/>
      <c r="N462" s="53"/>
      <c r="O462" s="53"/>
      <c r="P462" s="53"/>
      <c r="Q462" s="53"/>
      <c r="R462" s="53"/>
      <c r="S462" s="53"/>
      <c r="T462" s="53"/>
      <c r="U462" s="53"/>
      <c r="V462" s="53"/>
      <c r="W462" s="53"/>
      <c r="X462" s="53"/>
      <c r="Y462" s="53"/>
      <c r="Z462" s="53"/>
      <c r="AA462" s="53"/>
      <c r="AB462" s="53"/>
      <c r="AC462" s="53"/>
      <c r="AD462" s="53"/>
      <c r="AE462" s="53"/>
      <c r="AF462" s="53"/>
      <c r="AG462" s="53"/>
      <c r="AH462" s="53"/>
      <c r="AI462" s="53"/>
      <c r="AJ462" s="53"/>
      <c r="AK462" s="53"/>
      <c r="AL462" s="53"/>
      <c r="AM462" s="53"/>
      <c r="AN462" s="53"/>
      <c r="AO462" s="53"/>
      <c r="AP462" s="53"/>
      <c r="AQ462" s="53"/>
      <c r="AR462" s="53"/>
      <c r="AS462" s="53"/>
      <c r="AT462" s="53"/>
      <c r="AU462" s="53"/>
      <c r="AV462" s="53"/>
      <c r="AW462" s="53"/>
      <c r="AX462" s="53"/>
      <c r="AY462" s="53"/>
      <c r="AZ462" s="53"/>
      <c r="BA462" s="53"/>
      <c r="BB462" s="53"/>
      <c r="BC462" s="53"/>
      <c r="BD462" s="53"/>
      <c r="BE462" s="53"/>
      <c r="BF462" s="53"/>
      <c r="BG462" s="53"/>
      <c r="BH462" s="53"/>
      <c r="BI462" s="53"/>
      <c r="BJ462" s="53"/>
      <c r="BK462" s="53"/>
      <c r="BL462" s="53"/>
      <c r="BM462" s="53"/>
      <c r="BN462" s="53"/>
      <c r="BO462" s="53"/>
      <c r="BP462" s="53"/>
      <c r="BQ462" s="53"/>
      <c r="BR462" s="53"/>
      <c r="BS462" s="53"/>
      <c r="BT462" s="53"/>
      <c r="BU462" s="53"/>
      <c r="BV462" s="53"/>
      <c r="BW462" s="53"/>
      <c r="BX462" s="53"/>
      <c r="BY462" s="53"/>
      <c r="BZ462" s="53"/>
      <c r="CA462" s="53"/>
      <c r="CB462" s="53">
        <v>115069.472803347</v>
      </c>
      <c r="CC462" s="53">
        <v>115069.472803347</v>
      </c>
      <c r="CD462" s="53">
        <v>115069.472803347</v>
      </c>
      <c r="CE462" s="53">
        <v>115069.472803347</v>
      </c>
      <c r="CF462" s="53">
        <v>115069.472803347</v>
      </c>
      <c r="CG462" s="53">
        <v>115069.472803347</v>
      </c>
      <c r="CH462" s="53">
        <v>115069.472803347</v>
      </c>
      <c r="CI462" s="53">
        <v>115069.472803347</v>
      </c>
      <c r="CJ462" s="53">
        <v>115069.472803347</v>
      </c>
      <c r="CK462" s="53">
        <v>115069.472803347</v>
      </c>
      <c r="CL462" s="53">
        <v>115069.472803347</v>
      </c>
      <c r="CM462" s="53">
        <v>115069.472803347</v>
      </c>
      <c r="CN462" s="53">
        <v>1380833.6736401699</v>
      </c>
    </row>
    <row r="463" spans="1:92">
      <c r="A463" s="52" t="s">
        <v>713</v>
      </c>
      <c r="B463" s="53">
        <v>-26552.4084880636</v>
      </c>
      <c r="C463" s="53">
        <v>-26552.410666666601</v>
      </c>
      <c r="D463" s="53">
        <v>-26552.407506702399</v>
      </c>
      <c r="E463" s="53">
        <v>-26552.409703503999</v>
      </c>
      <c r="F463" s="53">
        <v>-26552.406504064998</v>
      </c>
      <c r="G463" s="53">
        <v>-26552.408719346</v>
      </c>
      <c r="H463" s="53">
        <v>-26552.4109589041</v>
      </c>
      <c r="I463" s="53">
        <v>-26552.4077134986</v>
      </c>
      <c r="J463" s="53">
        <v>-26552.409972299101</v>
      </c>
      <c r="K463" s="53">
        <v>-26552.4066852367</v>
      </c>
      <c r="L463" s="53">
        <v>-26552.4089635854</v>
      </c>
      <c r="M463" s="53">
        <v>-26552.411267605599</v>
      </c>
      <c r="N463" s="53">
        <v>-318628.90714947699</v>
      </c>
      <c r="O463" s="53">
        <v>-26552.407932011301</v>
      </c>
      <c r="P463" s="53">
        <v>-26552.407932011301</v>
      </c>
      <c r="Q463" s="53">
        <v>-26552.407932011301</v>
      </c>
      <c r="R463" s="53">
        <v>-26552.407932011301</v>
      </c>
      <c r="S463" s="53">
        <v>-26552.407932011301</v>
      </c>
      <c r="T463" s="53">
        <v>-26552.407932011301</v>
      </c>
      <c r="U463" s="53">
        <v>-26552.407932011301</v>
      </c>
      <c r="V463" s="53">
        <v>-26552.407932011301</v>
      </c>
      <c r="W463" s="53">
        <v>-26552.407932011301</v>
      </c>
      <c r="X463" s="53">
        <v>-26552.407932011301</v>
      </c>
      <c r="Y463" s="53">
        <v>-26552.407932011301</v>
      </c>
      <c r="Z463" s="53">
        <v>-26552.407932011301</v>
      </c>
      <c r="AA463" s="53">
        <v>-318628.895184136</v>
      </c>
      <c r="AB463" s="53">
        <v>-26552.407932011301</v>
      </c>
      <c r="AC463" s="53">
        <v>-26552.407932011301</v>
      </c>
      <c r="AD463" s="53">
        <v>-26552.407932011301</v>
      </c>
      <c r="AE463" s="53">
        <v>-26552.407932011301</v>
      </c>
      <c r="AF463" s="53">
        <v>-26552.407932011301</v>
      </c>
      <c r="AG463" s="53">
        <v>-26552.407932011301</v>
      </c>
      <c r="AH463" s="53">
        <v>-26552.407932011301</v>
      </c>
      <c r="AI463" s="53">
        <v>-26552.407932011301</v>
      </c>
      <c r="AJ463" s="53">
        <v>-26552.407932011301</v>
      </c>
      <c r="AK463" s="53">
        <v>-26552.407932011301</v>
      </c>
      <c r="AL463" s="53">
        <v>-26552.407932011301</v>
      </c>
      <c r="AM463" s="53">
        <v>-26552.407932011301</v>
      </c>
      <c r="AN463" s="53">
        <v>-318628.895184136</v>
      </c>
      <c r="AO463" s="53">
        <v>-26552.407932011301</v>
      </c>
      <c r="AP463" s="53">
        <v>-26552.407932011301</v>
      </c>
      <c r="AQ463" s="53">
        <v>-26552.407932011301</v>
      </c>
      <c r="AR463" s="53">
        <v>-26552.407932011301</v>
      </c>
      <c r="AS463" s="53">
        <v>-26552.407932011301</v>
      </c>
      <c r="AT463" s="53">
        <v>-26552.407932011301</v>
      </c>
      <c r="AU463" s="53">
        <v>-26552.407932011301</v>
      </c>
      <c r="AV463" s="53">
        <v>-26552.407932011301</v>
      </c>
      <c r="AW463" s="53">
        <v>-26552.407932011301</v>
      </c>
      <c r="AX463" s="53">
        <v>-26552.407932011301</v>
      </c>
      <c r="AY463" s="53">
        <v>-26552.407932011301</v>
      </c>
      <c r="AZ463" s="53">
        <v>-26552.407932011301</v>
      </c>
      <c r="BA463" s="53">
        <v>-318628.895184136</v>
      </c>
      <c r="BB463" s="53">
        <v>-26552.407932011301</v>
      </c>
      <c r="BC463" s="53">
        <v>-26552.407932011301</v>
      </c>
      <c r="BD463" s="53">
        <v>-26552.407932011301</v>
      </c>
      <c r="BE463" s="53">
        <v>-26552.407932011301</v>
      </c>
      <c r="BF463" s="53">
        <v>-26552.407932011301</v>
      </c>
      <c r="BG463" s="53">
        <v>-26552.407932011301</v>
      </c>
      <c r="BH463" s="53">
        <v>-26552.407932011301</v>
      </c>
      <c r="BI463" s="53">
        <v>-26552.407932011301</v>
      </c>
      <c r="BJ463" s="53">
        <v>-26552.407932011301</v>
      </c>
      <c r="BK463" s="53">
        <v>-26552.407932011301</v>
      </c>
      <c r="BL463" s="53">
        <v>-26552.407932011301</v>
      </c>
      <c r="BM463" s="53">
        <v>-26552.407932011301</v>
      </c>
      <c r="BN463" s="53">
        <v>-318628.895184136</v>
      </c>
      <c r="BO463" s="53">
        <v>-26552.407932011301</v>
      </c>
      <c r="BP463" s="53">
        <v>-26552.407932011301</v>
      </c>
      <c r="BQ463" s="53">
        <v>-26552.407932011301</v>
      </c>
      <c r="BR463" s="53">
        <v>-26552.407932011301</v>
      </c>
      <c r="BS463" s="53">
        <v>-26552.407932011301</v>
      </c>
      <c r="BT463" s="53">
        <v>-26552.407932011301</v>
      </c>
      <c r="BU463" s="53">
        <v>-26552.407932011301</v>
      </c>
      <c r="BV463" s="53">
        <v>-26552.4079320114</v>
      </c>
      <c r="BW463" s="53">
        <v>-26552.407932011301</v>
      </c>
      <c r="BX463" s="53">
        <v>-26552.407932011301</v>
      </c>
      <c r="BY463" s="53">
        <v>-26552.4079320114</v>
      </c>
      <c r="BZ463" s="53">
        <v>-26552.4079320114</v>
      </c>
      <c r="CA463" s="53">
        <v>-318628.895184136</v>
      </c>
      <c r="CB463" s="53"/>
      <c r="CC463" s="53"/>
      <c r="CD463" s="53"/>
      <c r="CE463" s="53"/>
      <c r="CF463" s="53"/>
      <c r="CG463" s="53"/>
      <c r="CH463" s="53"/>
      <c r="CI463" s="53"/>
      <c r="CJ463" s="53"/>
      <c r="CK463" s="53"/>
      <c r="CL463" s="53"/>
      <c r="CM463" s="53"/>
      <c r="CN463" s="53"/>
    </row>
    <row r="464" spans="1:92">
      <c r="A464" s="52" t="s">
        <v>716</v>
      </c>
      <c r="B464" s="53">
        <v>24171.149367088601</v>
      </c>
      <c r="C464" s="53">
        <v>24171.150127226399</v>
      </c>
      <c r="D464" s="53">
        <v>24171.150895140599</v>
      </c>
      <c r="E464" s="53">
        <v>24171.151670951102</v>
      </c>
      <c r="F464" s="53">
        <v>24171.147286821699</v>
      </c>
      <c r="G464" s="53">
        <v>24171.148051947999</v>
      </c>
      <c r="H464" s="53">
        <v>24171.1488250652</v>
      </c>
      <c r="I464" s="53">
        <v>24171.149606299201</v>
      </c>
      <c r="J464" s="53">
        <v>24171.150395778299</v>
      </c>
      <c r="K464" s="53">
        <v>24171.151193633901</v>
      </c>
      <c r="L464" s="53">
        <v>24171.151999999998</v>
      </c>
      <c r="M464" s="53">
        <v>24171.1474530831</v>
      </c>
      <c r="N464" s="53">
        <v>290053.79687303602</v>
      </c>
      <c r="O464" s="53">
        <v>24171.148247978399</v>
      </c>
      <c r="P464" s="53">
        <v>24171.148247978399</v>
      </c>
      <c r="Q464" s="53">
        <v>24171.148247978399</v>
      </c>
      <c r="R464" s="53">
        <v>24171.148247978399</v>
      </c>
      <c r="S464" s="53">
        <v>24171.148247978399</v>
      </c>
      <c r="T464" s="53">
        <v>24171.148247978399</v>
      </c>
      <c r="U464" s="53">
        <v>24171.148247978399</v>
      </c>
      <c r="V464" s="53">
        <v>24171.148247978399</v>
      </c>
      <c r="W464" s="53">
        <v>24171.148247978399</v>
      </c>
      <c r="X464" s="53">
        <v>24171.148247978399</v>
      </c>
      <c r="Y464" s="53">
        <v>24171.148247978399</v>
      </c>
      <c r="Z464" s="53">
        <v>24171.148247978399</v>
      </c>
      <c r="AA464" s="53">
        <v>290053.77897574101</v>
      </c>
      <c r="AB464" s="53">
        <v>24171.148247978399</v>
      </c>
      <c r="AC464" s="53">
        <v>24171.148247978399</v>
      </c>
      <c r="AD464" s="53">
        <v>24171.148247978399</v>
      </c>
      <c r="AE464" s="53">
        <v>24171.148247978399</v>
      </c>
      <c r="AF464" s="53">
        <v>24171.148247978399</v>
      </c>
      <c r="AG464" s="53">
        <v>24171.148247978399</v>
      </c>
      <c r="AH464" s="53">
        <v>24171.148247978399</v>
      </c>
      <c r="AI464" s="53">
        <v>24171.148247978399</v>
      </c>
      <c r="AJ464" s="53">
        <v>24171.148247978399</v>
      </c>
      <c r="AK464" s="53">
        <v>24171.148247978399</v>
      </c>
      <c r="AL464" s="53">
        <v>24171.148247978399</v>
      </c>
      <c r="AM464" s="53">
        <v>24171.148247978399</v>
      </c>
      <c r="AN464" s="53">
        <v>290053.77897574002</v>
      </c>
      <c r="AO464" s="53">
        <v>24171.148247978399</v>
      </c>
      <c r="AP464" s="53">
        <v>24171.148247978399</v>
      </c>
      <c r="AQ464" s="53">
        <v>24171.148247978399</v>
      </c>
      <c r="AR464" s="53">
        <v>24171.148247978399</v>
      </c>
      <c r="AS464" s="53">
        <v>24171.148247978399</v>
      </c>
      <c r="AT464" s="53">
        <v>24171.148247978399</v>
      </c>
      <c r="AU464" s="53">
        <v>24171.148247978399</v>
      </c>
      <c r="AV464" s="53">
        <v>24171.148247978399</v>
      </c>
      <c r="AW464" s="53">
        <v>24171.148247978399</v>
      </c>
      <c r="AX464" s="53">
        <v>24171.148247978399</v>
      </c>
      <c r="AY464" s="53">
        <v>24171.148247978399</v>
      </c>
      <c r="AZ464" s="53">
        <v>24171.148247978399</v>
      </c>
      <c r="BA464" s="53">
        <v>290053.77897574002</v>
      </c>
      <c r="BB464" s="53">
        <v>24171.148247978399</v>
      </c>
      <c r="BC464" s="53">
        <v>24171.148247978399</v>
      </c>
      <c r="BD464" s="53">
        <v>24171.148247978399</v>
      </c>
      <c r="BE464" s="53">
        <v>24171.148247978399</v>
      </c>
      <c r="BF464" s="53">
        <v>24171.148247978399</v>
      </c>
      <c r="BG464" s="53">
        <v>24171.148247978399</v>
      </c>
      <c r="BH464" s="53">
        <v>24171.148247978399</v>
      </c>
      <c r="BI464" s="53">
        <v>24171.148247978399</v>
      </c>
      <c r="BJ464" s="53">
        <v>24171.148247978399</v>
      </c>
      <c r="BK464" s="53">
        <v>24171.148247978399</v>
      </c>
      <c r="BL464" s="53">
        <v>24171.148247978399</v>
      </c>
      <c r="BM464" s="53">
        <v>24171.148247978399</v>
      </c>
      <c r="BN464" s="53">
        <v>290053.77897574002</v>
      </c>
      <c r="BO464" s="53">
        <v>24171.148247978399</v>
      </c>
      <c r="BP464" s="53">
        <v>24171.148247978399</v>
      </c>
      <c r="BQ464" s="53">
        <v>24171.148247978399</v>
      </c>
      <c r="BR464" s="53">
        <v>24171.148247978399</v>
      </c>
      <c r="BS464" s="53">
        <v>24171.148247978399</v>
      </c>
      <c r="BT464" s="53">
        <v>24171.148247978399</v>
      </c>
      <c r="BU464" s="53">
        <v>24171.148247978399</v>
      </c>
      <c r="BV464" s="53">
        <v>24171.148247978399</v>
      </c>
      <c r="BW464" s="53">
        <v>24171.148247978399</v>
      </c>
      <c r="BX464" s="53">
        <v>24171.148247978399</v>
      </c>
      <c r="BY464" s="53">
        <v>24171.148247978399</v>
      </c>
      <c r="BZ464" s="53">
        <v>24171.148247978399</v>
      </c>
      <c r="CA464" s="53">
        <v>290053.77897574002</v>
      </c>
      <c r="CB464" s="53"/>
      <c r="CC464" s="53"/>
      <c r="CD464" s="53"/>
      <c r="CE464" s="53"/>
      <c r="CF464" s="53"/>
      <c r="CG464" s="53"/>
      <c r="CH464" s="53"/>
      <c r="CI464" s="53"/>
      <c r="CJ464" s="53"/>
      <c r="CK464" s="53"/>
      <c r="CL464" s="53"/>
      <c r="CM464" s="53"/>
      <c r="CN464" s="53"/>
    </row>
    <row r="465" spans="1:92">
      <c r="A465" s="52" t="s">
        <v>734</v>
      </c>
      <c r="B465" s="53">
        <v>-104270.47619047599</v>
      </c>
      <c r="C465" s="53">
        <v>-104270.526315789</v>
      </c>
      <c r="D465" s="53">
        <v>-104270.470588235</v>
      </c>
      <c r="E465" s="53">
        <v>-104270.53333333301</v>
      </c>
      <c r="F465" s="53">
        <v>-104270.46153846099</v>
      </c>
      <c r="G465" s="53">
        <v>-104270.545454545</v>
      </c>
      <c r="H465" s="53">
        <v>-104270.444444444</v>
      </c>
      <c r="I465" s="53">
        <v>-104270.571428571</v>
      </c>
      <c r="J465" s="53">
        <v>-104270.39999999999</v>
      </c>
      <c r="K465" s="53">
        <v>-104270.666666666</v>
      </c>
      <c r="L465" s="53">
        <v>-52135</v>
      </c>
      <c r="M465" s="53"/>
      <c r="N465" s="53">
        <v>-1094840.09596052</v>
      </c>
      <c r="O465" s="53"/>
      <c r="P465" s="53"/>
      <c r="Q465" s="53"/>
      <c r="R465" s="53"/>
      <c r="S465" s="53"/>
      <c r="T465" s="53"/>
      <c r="U465" s="53"/>
      <c r="V465" s="53"/>
      <c r="W465" s="53"/>
      <c r="X465" s="53"/>
      <c r="Y465" s="53"/>
      <c r="Z465" s="53"/>
      <c r="AA465" s="53"/>
      <c r="AB465" s="53"/>
      <c r="AC465" s="53"/>
      <c r="AD465" s="53"/>
      <c r="AE465" s="53"/>
      <c r="AF465" s="53"/>
      <c r="AG465" s="53"/>
      <c r="AH465" s="53"/>
      <c r="AI465" s="53"/>
      <c r="AJ465" s="53"/>
      <c r="AK465" s="53"/>
      <c r="AL465" s="53"/>
      <c r="AM465" s="53"/>
      <c r="AN465" s="53"/>
      <c r="AO465" s="53"/>
      <c r="AP465" s="53"/>
      <c r="AQ465" s="53"/>
      <c r="AR465" s="53"/>
      <c r="AS465" s="53"/>
      <c r="AT465" s="53"/>
      <c r="AU465" s="53"/>
      <c r="AV465" s="53"/>
      <c r="AW465" s="53"/>
      <c r="AX465" s="53"/>
      <c r="AY465" s="53"/>
      <c r="AZ465" s="53"/>
      <c r="BA465" s="53"/>
      <c r="BB465" s="53"/>
      <c r="BC465" s="53"/>
      <c r="BD465" s="53"/>
      <c r="BE465" s="53"/>
      <c r="BF465" s="53"/>
      <c r="BG465" s="53"/>
      <c r="BH465" s="53"/>
      <c r="BI465" s="53"/>
      <c r="BJ465" s="53"/>
      <c r="BK465" s="53"/>
      <c r="BL465" s="53"/>
      <c r="BM465" s="53"/>
      <c r="BN465" s="53"/>
      <c r="BO465" s="53"/>
      <c r="BP465" s="53"/>
      <c r="BQ465" s="53"/>
      <c r="BR465" s="53"/>
      <c r="BS465" s="53"/>
      <c r="BT465" s="53"/>
      <c r="BU465" s="53"/>
      <c r="BV465" s="53"/>
      <c r="BW465" s="53"/>
      <c r="BX465" s="53"/>
      <c r="BY465" s="53"/>
      <c r="BZ465" s="53"/>
      <c r="CA465" s="53"/>
      <c r="CB465" s="53"/>
      <c r="CC465" s="53"/>
      <c r="CD465" s="53"/>
      <c r="CE465" s="53"/>
      <c r="CF465" s="53"/>
      <c r="CG465" s="53"/>
      <c r="CH465" s="53"/>
      <c r="CI465" s="53"/>
      <c r="CJ465" s="53"/>
      <c r="CK465" s="53"/>
      <c r="CL465" s="53"/>
      <c r="CM465" s="53"/>
      <c r="CN465" s="53"/>
    </row>
    <row r="466" spans="1:92" outlineLevel="1">
      <c r="A466" s="52" t="s">
        <v>725</v>
      </c>
      <c r="B466" s="53">
        <v>16813.8726114649</v>
      </c>
      <c r="C466" s="53">
        <v>16813.870967741899</v>
      </c>
      <c r="D466" s="53">
        <v>16813.8692810457</v>
      </c>
      <c r="E466" s="53">
        <v>16813.867549668801</v>
      </c>
      <c r="F466" s="53">
        <v>16813.879194630801</v>
      </c>
      <c r="G466" s="53">
        <v>16813.8775510204</v>
      </c>
      <c r="H466" s="53">
        <v>16813.8758620689</v>
      </c>
      <c r="I466" s="53">
        <v>16813.874125874099</v>
      </c>
      <c r="J466" s="53">
        <v>16813.8723404255</v>
      </c>
      <c r="K466" s="53">
        <v>16813.8705035971</v>
      </c>
      <c r="L466" s="53">
        <v>16813.868613138598</v>
      </c>
      <c r="M466" s="53">
        <v>16813.866666666599</v>
      </c>
      <c r="N466" s="53">
        <v>201766.46526734301</v>
      </c>
      <c r="O466" s="53">
        <v>16813.8796992481</v>
      </c>
      <c r="P466" s="53">
        <v>16813.8796992481</v>
      </c>
      <c r="Q466" s="53">
        <v>16813.8796992481</v>
      </c>
      <c r="R466" s="53">
        <v>16813.8796992481</v>
      </c>
      <c r="S466" s="53">
        <v>16813.8796992481</v>
      </c>
      <c r="T466" s="53">
        <v>16813.8796992481</v>
      </c>
      <c r="U466" s="53">
        <v>16813.8796992481</v>
      </c>
      <c r="V466" s="53">
        <v>16813.8796992481</v>
      </c>
      <c r="W466" s="53">
        <v>16813.8796992481</v>
      </c>
      <c r="X466" s="53">
        <v>16813.8796992481</v>
      </c>
      <c r="Y466" s="53">
        <v>16813.8796992481</v>
      </c>
      <c r="Z466" s="53">
        <v>16813.8796992481</v>
      </c>
      <c r="AA466" s="53">
        <v>201766.556390977</v>
      </c>
      <c r="AB466" s="53">
        <v>16813.8796992481</v>
      </c>
      <c r="AC466" s="53">
        <v>16813.8796992481</v>
      </c>
      <c r="AD466" s="53">
        <v>16813.8796992481</v>
      </c>
      <c r="AE466" s="53">
        <v>16813.8796992481</v>
      </c>
      <c r="AF466" s="53">
        <v>16813.8796992481</v>
      </c>
      <c r="AG466" s="53">
        <v>16813.8796992481</v>
      </c>
      <c r="AH466" s="53">
        <v>16813.8796992481</v>
      </c>
      <c r="AI466" s="53">
        <v>16813.8796992481</v>
      </c>
      <c r="AJ466" s="53">
        <v>16813.8796992481</v>
      </c>
      <c r="AK466" s="53">
        <v>16813.8796992481</v>
      </c>
      <c r="AL466" s="53">
        <v>16813.8796992481</v>
      </c>
      <c r="AM466" s="53">
        <v>16813.8796992481</v>
      </c>
      <c r="AN466" s="53">
        <v>201766.556390977</v>
      </c>
      <c r="AO466" s="53">
        <v>16813.8796992481</v>
      </c>
      <c r="AP466" s="53">
        <v>16813.8796992481</v>
      </c>
      <c r="AQ466" s="53">
        <v>16813.8796992481</v>
      </c>
      <c r="AR466" s="53">
        <v>16813.8796992481</v>
      </c>
      <c r="AS466" s="53">
        <v>16813.8796992481</v>
      </c>
      <c r="AT466" s="53">
        <v>16813.8796992481</v>
      </c>
      <c r="AU466" s="53">
        <v>16813.8796992481</v>
      </c>
      <c r="AV466" s="53">
        <v>16813.8796992481</v>
      </c>
      <c r="AW466" s="53">
        <v>16813.8796992481</v>
      </c>
      <c r="AX466" s="53">
        <v>16813.8796992481</v>
      </c>
      <c r="AY466" s="53">
        <v>16813.8796992481</v>
      </c>
      <c r="AZ466" s="53">
        <v>16813.8796992481</v>
      </c>
      <c r="BA466" s="53">
        <v>201766.556390977</v>
      </c>
      <c r="BB466" s="53">
        <v>16813.8796992481</v>
      </c>
      <c r="BC466" s="53">
        <v>16813.8796992481</v>
      </c>
      <c r="BD466" s="53">
        <v>16813.8796992481</v>
      </c>
      <c r="BE466" s="53">
        <v>16813.8796992481</v>
      </c>
      <c r="BF466" s="53">
        <v>16813.8796992481</v>
      </c>
      <c r="BG466" s="53">
        <v>16813.8796992481</v>
      </c>
      <c r="BH466" s="53">
        <v>16813.8796992481</v>
      </c>
      <c r="BI466" s="53">
        <v>16813.8796992481</v>
      </c>
      <c r="BJ466" s="53">
        <v>16813.8796992481</v>
      </c>
      <c r="BK466" s="53">
        <v>16813.8796992481</v>
      </c>
      <c r="BL466" s="53">
        <v>16813.8796992481</v>
      </c>
      <c r="BM466" s="53">
        <v>16813.8796992481</v>
      </c>
      <c r="BN466" s="53">
        <v>201766.556390977</v>
      </c>
      <c r="BO466" s="53">
        <v>16813.8796992481</v>
      </c>
      <c r="BP466" s="53">
        <v>16813.8796992481</v>
      </c>
      <c r="BQ466" s="53">
        <v>16813.8796992481</v>
      </c>
      <c r="BR466" s="53">
        <v>16813.8796992481</v>
      </c>
      <c r="BS466" s="53">
        <v>16813.8796992481</v>
      </c>
      <c r="BT466" s="53">
        <v>16813.8796992481</v>
      </c>
      <c r="BU466" s="53">
        <v>16813.8796992481</v>
      </c>
      <c r="BV466" s="53">
        <v>16813.8796992481</v>
      </c>
      <c r="BW466" s="53">
        <v>16813.8796992481</v>
      </c>
      <c r="BX466" s="53">
        <v>16813.8796992481</v>
      </c>
      <c r="BY466" s="53">
        <v>16813.8796992481</v>
      </c>
      <c r="BZ466" s="53">
        <v>16813.8796992481</v>
      </c>
      <c r="CA466" s="53">
        <v>201766.556390977</v>
      </c>
      <c r="CB466" s="53">
        <v>-26552.408488063698</v>
      </c>
      <c r="CC466" s="53">
        <v>-26552.408488063698</v>
      </c>
      <c r="CD466" s="53">
        <v>-26552.408488063698</v>
      </c>
      <c r="CE466" s="53">
        <v>-26552.408488063698</v>
      </c>
      <c r="CF466" s="53">
        <v>-26552.408488063698</v>
      </c>
      <c r="CG466" s="53">
        <v>-26552.408488063698</v>
      </c>
      <c r="CH466" s="53">
        <v>-26552.408488063698</v>
      </c>
      <c r="CI466" s="53">
        <v>-26552.408488063698</v>
      </c>
      <c r="CJ466" s="53">
        <v>-26552.408488063698</v>
      </c>
      <c r="CK466" s="53">
        <v>-26552.408488063698</v>
      </c>
      <c r="CL466" s="53">
        <v>-26552.408488063698</v>
      </c>
      <c r="CM466" s="53">
        <v>-26552.408488063698</v>
      </c>
      <c r="CN466" s="53">
        <v>-318628.90185676399</v>
      </c>
    </row>
    <row r="467" spans="1:92" outlineLevel="1">
      <c r="A467" s="52" t="s">
        <v>726</v>
      </c>
      <c r="B467" s="53">
        <v>-308004.32631578902</v>
      </c>
      <c r="C467" s="53">
        <v>-308004.32978723402</v>
      </c>
      <c r="D467" s="53">
        <v>-308004.32258064498</v>
      </c>
      <c r="E467" s="53">
        <v>-308004.32608695602</v>
      </c>
      <c r="F467" s="53">
        <v>-308004.329670329</v>
      </c>
      <c r="G467" s="53">
        <v>-308004.32222222199</v>
      </c>
      <c r="H467" s="53">
        <v>-308004.32584269601</v>
      </c>
      <c r="I467" s="53">
        <v>-308004.32954545401</v>
      </c>
      <c r="J467" s="53">
        <v>-308004.32183908002</v>
      </c>
      <c r="K467" s="53">
        <v>-308004.32558139501</v>
      </c>
      <c r="L467" s="53">
        <v>-308004.32941176399</v>
      </c>
      <c r="M467" s="53">
        <v>-308004.32142857101</v>
      </c>
      <c r="N467" s="53">
        <v>-3696051.9103121399</v>
      </c>
      <c r="O467" s="53">
        <v>-308004.32530120399</v>
      </c>
      <c r="P467" s="53">
        <v>-308004.32530120399</v>
      </c>
      <c r="Q467" s="53">
        <v>-308004.32530120399</v>
      </c>
      <c r="R467" s="53">
        <v>-308004.32530120399</v>
      </c>
      <c r="S467" s="53">
        <v>-308004.32530120399</v>
      </c>
      <c r="T467" s="53">
        <v>-308004.32530120399</v>
      </c>
      <c r="U467" s="53">
        <v>-308004.32530120399</v>
      </c>
      <c r="V467" s="53">
        <v>-308004.32530120399</v>
      </c>
      <c r="W467" s="53">
        <v>-308004.32530120399</v>
      </c>
      <c r="X467" s="53">
        <v>-308004.32530120399</v>
      </c>
      <c r="Y467" s="53">
        <v>-308004.32530120399</v>
      </c>
      <c r="Z467" s="53">
        <v>-308004.32530120399</v>
      </c>
      <c r="AA467" s="53">
        <v>-3696051.9036144498</v>
      </c>
      <c r="AB467" s="53">
        <v>-308004.32530120399</v>
      </c>
      <c r="AC467" s="53">
        <v>-308004.32530120399</v>
      </c>
      <c r="AD467" s="53">
        <v>-308004.32530120399</v>
      </c>
      <c r="AE467" s="53">
        <v>-308004.32530120399</v>
      </c>
      <c r="AF467" s="53">
        <v>-308004.32530120399</v>
      </c>
      <c r="AG467" s="53">
        <v>-308004.32530120399</v>
      </c>
      <c r="AH467" s="53">
        <v>-308004.32530120399</v>
      </c>
      <c r="AI467" s="53">
        <v>-308004.32530120399</v>
      </c>
      <c r="AJ467" s="53">
        <v>-308004.32530120399</v>
      </c>
      <c r="AK467" s="53">
        <v>-308004.32530120399</v>
      </c>
      <c r="AL467" s="53">
        <v>-308004.32530120498</v>
      </c>
      <c r="AM467" s="53">
        <v>-308004.32530120399</v>
      </c>
      <c r="AN467" s="53">
        <v>-3696051.9036144498</v>
      </c>
      <c r="AO467" s="53">
        <v>-308004.32530120498</v>
      </c>
      <c r="AP467" s="53">
        <v>-308004.32530120498</v>
      </c>
      <c r="AQ467" s="53">
        <v>-308004.32530120498</v>
      </c>
      <c r="AR467" s="53">
        <v>-308004.32530120498</v>
      </c>
      <c r="AS467" s="53">
        <v>-308004.32530120498</v>
      </c>
      <c r="AT467" s="53">
        <v>-308004.32530120498</v>
      </c>
      <c r="AU467" s="53">
        <v>-308004.32530120498</v>
      </c>
      <c r="AV467" s="53">
        <v>-308004.32530120498</v>
      </c>
      <c r="AW467" s="53">
        <v>-308004.32530120498</v>
      </c>
      <c r="AX467" s="53">
        <v>-308004.32530120498</v>
      </c>
      <c r="AY467" s="53">
        <v>-308004.32530120498</v>
      </c>
      <c r="AZ467" s="53">
        <v>-308004.32530120498</v>
      </c>
      <c r="BA467" s="53">
        <v>-3696051.9036144498</v>
      </c>
      <c r="BB467" s="53">
        <v>-308004.32530120498</v>
      </c>
      <c r="BC467" s="53">
        <v>-308004.32530120498</v>
      </c>
      <c r="BD467" s="53">
        <v>-308004.32530120498</v>
      </c>
      <c r="BE467" s="53">
        <v>-308004.32530120498</v>
      </c>
      <c r="BF467" s="53">
        <v>-308004.32530120498</v>
      </c>
      <c r="BG467" s="53">
        <v>-308004.32530120498</v>
      </c>
      <c r="BH467" s="53">
        <v>-308004.32530120498</v>
      </c>
      <c r="BI467" s="53">
        <v>-308004.32530120498</v>
      </c>
      <c r="BJ467" s="53">
        <v>-308004.32530120498</v>
      </c>
      <c r="BK467" s="53">
        <v>-308004.32530120498</v>
      </c>
      <c r="BL467" s="53">
        <v>-308004.32530120498</v>
      </c>
      <c r="BM467" s="53">
        <v>-308004.32530120498</v>
      </c>
      <c r="BN467" s="53">
        <v>-3696051.90361446</v>
      </c>
      <c r="BO467" s="53">
        <v>-308004.32530120498</v>
      </c>
      <c r="BP467" s="53">
        <v>-308004.32530120498</v>
      </c>
      <c r="BQ467" s="53">
        <v>-308004.32530120498</v>
      </c>
      <c r="BR467" s="53">
        <v>-308004.32530120498</v>
      </c>
      <c r="BS467" s="53">
        <v>-308004.32530120498</v>
      </c>
      <c r="BT467" s="53">
        <v>-308004.32530120498</v>
      </c>
      <c r="BU467" s="53">
        <v>-308004.32530120498</v>
      </c>
      <c r="BV467" s="53">
        <v>-308004.32530120498</v>
      </c>
      <c r="BW467" s="53">
        <v>-308004.32530120498</v>
      </c>
      <c r="BX467" s="53">
        <v>-308004.32530120498</v>
      </c>
      <c r="BY467" s="53">
        <v>-308004.32530120498</v>
      </c>
      <c r="BZ467" s="53">
        <v>-308004.32530120498</v>
      </c>
      <c r="CA467" s="53">
        <v>-3696051.90361446</v>
      </c>
      <c r="CB467" s="53"/>
      <c r="CC467" s="53"/>
      <c r="CD467" s="53"/>
      <c r="CE467" s="53"/>
      <c r="CF467" s="53"/>
      <c r="CG467" s="53"/>
      <c r="CH467" s="53"/>
      <c r="CI467" s="53"/>
      <c r="CJ467" s="53"/>
      <c r="CK467" s="53"/>
      <c r="CL467" s="53"/>
      <c r="CM467" s="53"/>
      <c r="CN467" s="53"/>
    </row>
    <row r="468" spans="1:92" outlineLevel="1">
      <c r="A468" s="52" t="s">
        <v>728</v>
      </c>
      <c r="B468" s="53">
        <v>-199670.975369458</v>
      </c>
      <c r="C468" s="53">
        <v>-199670.97512437799</v>
      </c>
      <c r="D468" s="53">
        <v>-199670.97487437099</v>
      </c>
      <c r="E468" s="53">
        <v>-199670.97461928899</v>
      </c>
      <c r="F468" s="53">
        <v>-199670.974358974</v>
      </c>
      <c r="G468" s="53">
        <v>-199670.974093264</v>
      </c>
      <c r="H468" s="53">
        <v>-199670.973821989</v>
      </c>
      <c r="I468" s="53">
        <v>-199670.97354497301</v>
      </c>
      <c r="J468" s="53">
        <v>-199670.973262032</v>
      </c>
      <c r="K468" s="53">
        <v>-199670.97297297299</v>
      </c>
      <c r="L468" s="53">
        <v>-199670.97267759501</v>
      </c>
      <c r="M468" s="53">
        <v>-199670.97237569001</v>
      </c>
      <c r="N468" s="53">
        <v>-2396051.6870949902</v>
      </c>
      <c r="O468" s="53">
        <v>-199670.97206703899</v>
      </c>
      <c r="P468" s="53">
        <v>-199670.97206703899</v>
      </c>
      <c r="Q468" s="53">
        <v>-199670.97206703899</v>
      </c>
      <c r="R468" s="53">
        <v>-199670.97206703899</v>
      </c>
      <c r="S468" s="53">
        <v>-199670.97206703899</v>
      </c>
      <c r="T468" s="53">
        <v>-199670.97206703899</v>
      </c>
      <c r="U468" s="53">
        <v>-199670.97206703899</v>
      </c>
      <c r="V468" s="53">
        <v>-199670.972067038</v>
      </c>
      <c r="W468" s="53">
        <v>-199670.972067038</v>
      </c>
      <c r="X468" s="53">
        <v>-199670.972067038</v>
      </c>
      <c r="Y468" s="53">
        <v>-199670.97206703899</v>
      </c>
      <c r="Z468" s="53">
        <v>-199670.97206703899</v>
      </c>
      <c r="AA468" s="53">
        <v>-2396051.66480446</v>
      </c>
      <c r="AB468" s="53">
        <v>-199670.97206703899</v>
      </c>
      <c r="AC468" s="53">
        <v>-199670.97206703899</v>
      </c>
      <c r="AD468" s="53">
        <v>-199670.97206703899</v>
      </c>
      <c r="AE468" s="53">
        <v>-199670.97206703899</v>
      </c>
      <c r="AF468" s="53">
        <v>-199670.97206703899</v>
      </c>
      <c r="AG468" s="53">
        <v>-199670.97206703899</v>
      </c>
      <c r="AH468" s="53">
        <v>-199670.97206703899</v>
      </c>
      <c r="AI468" s="53">
        <v>-199670.97206703899</v>
      </c>
      <c r="AJ468" s="53">
        <v>-199670.97206703899</v>
      </c>
      <c r="AK468" s="53">
        <v>-199670.97206703899</v>
      </c>
      <c r="AL468" s="53">
        <v>-199670.97206703899</v>
      </c>
      <c r="AM468" s="53">
        <v>-199670.97206703899</v>
      </c>
      <c r="AN468" s="53">
        <v>-2396051.66480446</v>
      </c>
      <c r="AO468" s="53">
        <v>-199670.97206703899</v>
      </c>
      <c r="AP468" s="53">
        <v>-199670.97206703899</v>
      </c>
      <c r="AQ468" s="53">
        <v>-199670.97206703899</v>
      </c>
      <c r="AR468" s="53">
        <v>-199670.97206703899</v>
      </c>
      <c r="AS468" s="53">
        <v>-199670.97206703899</v>
      </c>
      <c r="AT468" s="53">
        <v>-199670.97206703899</v>
      </c>
      <c r="AU468" s="53">
        <v>-199670.97206703899</v>
      </c>
      <c r="AV468" s="53">
        <v>-199670.97206703899</v>
      </c>
      <c r="AW468" s="53">
        <v>-199670.97206703899</v>
      </c>
      <c r="AX468" s="53">
        <v>-199670.97206703899</v>
      </c>
      <c r="AY468" s="53">
        <v>-199670.97206703899</v>
      </c>
      <c r="AZ468" s="53">
        <v>-199670.97206703899</v>
      </c>
      <c r="BA468" s="53">
        <v>-2396051.66480446</v>
      </c>
      <c r="BB468" s="53">
        <v>-199670.97206703899</v>
      </c>
      <c r="BC468" s="53">
        <v>-199670.97206703899</v>
      </c>
      <c r="BD468" s="53">
        <v>-199670.97206703899</v>
      </c>
      <c r="BE468" s="53">
        <v>-199670.97206703899</v>
      </c>
      <c r="BF468" s="53">
        <v>-199670.97206703899</v>
      </c>
      <c r="BG468" s="53">
        <v>-199670.97206703899</v>
      </c>
      <c r="BH468" s="53">
        <v>-199670.97206703899</v>
      </c>
      <c r="BI468" s="53">
        <v>-199670.97206703899</v>
      </c>
      <c r="BJ468" s="53">
        <v>-199670.97206703899</v>
      </c>
      <c r="BK468" s="53">
        <v>-199670.97206703899</v>
      </c>
      <c r="BL468" s="53">
        <v>-199670.97206703899</v>
      </c>
      <c r="BM468" s="53">
        <v>-199670.97206703899</v>
      </c>
      <c r="BN468" s="53">
        <v>-2396051.6648044698</v>
      </c>
      <c r="BO468" s="53">
        <v>-199670.97206703899</v>
      </c>
      <c r="BP468" s="53">
        <v>-199670.97206703899</v>
      </c>
      <c r="BQ468" s="53">
        <v>-199670.97206703899</v>
      </c>
      <c r="BR468" s="53">
        <v>-199670.97206703899</v>
      </c>
      <c r="BS468" s="53">
        <v>-199670.97206703899</v>
      </c>
      <c r="BT468" s="53">
        <v>-199670.97206703899</v>
      </c>
      <c r="BU468" s="53">
        <v>-199670.97206703899</v>
      </c>
      <c r="BV468" s="53">
        <v>-199670.97206703899</v>
      </c>
      <c r="BW468" s="53">
        <v>-199670.97206703899</v>
      </c>
      <c r="BX468" s="53">
        <v>-199670.97206703899</v>
      </c>
      <c r="BY468" s="53">
        <v>-199670.97206703899</v>
      </c>
      <c r="BZ468" s="53">
        <v>-199670.97206703899</v>
      </c>
      <c r="CA468" s="53">
        <v>-2396051.6648044698</v>
      </c>
      <c r="CB468" s="53"/>
      <c r="CC468" s="53"/>
      <c r="CD468" s="53"/>
      <c r="CE468" s="53"/>
      <c r="CF468" s="53"/>
      <c r="CG468" s="53"/>
      <c r="CH468" s="53"/>
      <c r="CI468" s="53"/>
      <c r="CJ468" s="53"/>
      <c r="CK468" s="53"/>
      <c r="CL468" s="53"/>
      <c r="CM468" s="53"/>
      <c r="CN468" s="53"/>
    </row>
    <row r="469" spans="1:92" outlineLevel="1">
      <c r="A469" s="52" t="s">
        <v>729</v>
      </c>
      <c r="B469" s="53">
        <v>-115069.472803347</v>
      </c>
      <c r="C469" s="53">
        <v>-115069.476793248</v>
      </c>
      <c r="D469" s="53">
        <v>-115069.472340425</v>
      </c>
      <c r="E469" s="53">
        <v>-115069.476394849</v>
      </c>
      <c r="F469" s="53">
        <v>-115069.471861471</v>
      </c>
      <c r="G469" s="53">
        <v>-115069.47598253201</v>
      </c>
      <c r="H469" s="53">
        <v>-115069.471365638</v>
      </c>
      <c r="I469" s="53">
        <v>-115069.47555555499</v>
      </c>
      <c r="J469" s="53">
        <v>-115069.470852017</v>
      </c>
      <c r="K469" s="53">
        <v>-115069.475113122</v>
      </c>
      <c r="L469" s="53">
        <v>-115069.470319634</v>
      </c>
      <c r="M469" s="53">
        <v>-115069.474654377</v>
      </c>
      <c r="N469" s="53">
        <v>-1380833.68403622</v>
      </c>
      <c r="O469" s="53">
        <v>-115069.469767441</v>
      </c>
      <c r="P469" s="53">
        <v>-115069.469767441</v>
      </c>
      <c r="Q469" s="53">
        <v>-115069.469767441</v>
      </c>
      <c r="R469" s="53">
        <v>-115069.469767441</v>
      </c>
      <c r="S469" s="53">
        <v>-115069.469767441</v>
      </c>
      <c r="T469" s="53">
        <v>-115069.469767441</v>
      </c>
      <c r="U469" s="53">
        <v>-115069.469767441</v>
      </c>
      <c r="V469" s="53">
        <v>-115069.469767441</v>
      </c>
      <c r="W469" s="53">
        <v>-115069.469767441</v>
      </c>
      <c r="X469" s="53">
        <v>-115069.469767441</v>
      </c>
      <c r="Y469" s="53">
        <v>-115069.469767441</v>
      </c>
      <c r="Z469" s="53">
        <v>-115069.469767441</v>
      </c>
      <c r="AA469" s="53">
        <v>-1380833.6372093</v>
      </c>
      <c r="AB469" s="53">
        <v>-115069.469767441</v>
      </c>
      <c r="AC469" s="53">
        <v>-115069.469767441</v>
      </c>
      <c r="AD469" s="53">
        <v>-115069.469767441</v>
      </c>
      <c r="AE469" s="53">
        <v>-115069.469767441</v>
      </c>
      <c r="AF469" s="53">
        <v>-115069.469767441</v>
      </c>
      <c r="AG469" s="53">
        <v>-115069.469767441</v>
      </c>
      <c r="AH469" s="53">
        <v>-115069.469767441</v>
      </c>
      <c r="AI469" s="53">
        <v>-115069.469767441</v>
      </c>
      <c r="AJ469" s="53">
        <v>-115069.469767441</v>
      </c>
      <c r="AK469" s="53">
        <v>-115069.469767441</v>
      </c>
      <c r="AL469" s="53">
        <v>-115069.469767441</v>
      </c>
      <c r="AM469" s="53">
        <v>-115069.469767441</v>
      </c>
      <c r="AN469" s="53">
        <v>-1380833.6372093</v>
      </c>
      <c r="AO469" s="53">
        <v>-115069.469767441</v>
      </c>
      <c r="AP469" s="53">
        <v>-115069.469767441</v>
      </c>
      <c r="AQ469" s="53">
        <v>-115069.469767441</v>
      </c>
      <c r="AR469" s="53">
        <v>-115069.469767441</v>
      </c>
      <c r="AS469" s="53">
        <v>-115069.469767441</v>
      </c>
      <c r="AT469" s="53">
        <v>-115069.469767441</v>
      </c>
      <c r="AU469" s="53">
        <v>-115069.469767441</v>
      </c>
      <c r="AV469" s="53">
        <v>-115069.469767441</v>
      </c>
      <c r="AW469" s="53">
        <v>-115069.469767441</v>
      </c>
      <c r="AX469" s="53">
        <v>-115069.469767441</v>
      </c>
      <c r="AY469" s="53">
        <v>-115069.469767441</v>
      </c>
      <c r="AZ469" s="53">
        <v>-115069.469767441</v>
      </c>
      <c r="BA469" s="53">
        <v>-1380833.6372093</v>
      </c>
      <c r="BB469" s="53">
        <v>-115069.469767441</v>
      </c>
      <c r="BC469" s="53">
        <v>-115069.469767441</v>
      </c>
      <c r="BD469" s="53">
        <v>-115069.469767441</v>
      </c>
      <c r="BE469" s="53">
        <v>-115069.469767441</v>
      </c>
      <c r="BF469" s="53">
        <v>-115069.469767441</v>
      </c>
      <c r="BG469" s="53">
        <v>-115069.469767441</v>
      </c>
      <c r="BH469" s="53">
        <v>-115069.469767441</v>
      </c>
      <c r="BI469" s="53">
        <v>-115069.469767441</v>
      </c>
      <c r="BJ469" s="53">
        <v>-115069.469767441</v>
      </c>
      <c r="BK469" s="53">
        <v>-115069.469767441</v>
      </c>
      <c r="BL469" s="53">
        <v>-115069.469767441</v>
      </c>
      <c r="BM469" s="53">
        <v>-115069.469767441</v>
      </c>
      <c r="BN469" s="53">
        <v>-1380833.6372093</v>
      </c>
      <c r="BO469" s="53">
        <v>-115069.469767441</v>
      </c>
      <c r="BP469" s="53">
        <v>-115069.469767441</v>
      </c>
      <c r="BQ469" s="53">
        <v>-115069.469767441</v>
      </c>
      <c r="BR469" s="53">
        <v>-115069.469767441</v>
      </c>
      <c r="BS469" s="53">
        <v>-115069.469767441</v>
      </c>
      <c r="BT469" s="53">
        <v>-115069.469767441</v>
      </c>
      <c r="BU469" s="53">
        <v>-115069.469767441</v>
      </c>
      <c r="BV469" s="53">
        <v>-115069.469767441</v>
      </c>
      <c r="BW469" s="53">
        <v>-115069.469767441</v>
      </c>
      <c r="BX469" s="53">
        <v>-115069.469767441</v>
      </c>
      <c r="BY469" s="53">
        <v>-115069.469767441</v>
      </c>
      <c r="BZ469" s="53">
        <v>-115069.469767441</v>
      </c>
      <c r="CA469" s="53">
        <v>-1380833.6372093</v>
      </c>
      <c r="CB469" s="53">
        <v>24171.149367088601</v>
      </c>
      <c r="CC469" s="53">
        <v>24171.149367088601</v>
      </c>
      <c r="CD469" s="53">
        <v>24171.149367088601</v>
      </c>
      <c r="CE469" s="53">
        <v>24171.149367088601</v>
      </c>
      <c r="CF469" s="53">
        <v>24171.149367088601</v>
      </c>
      <c r="CG469" s="53">
        <v>24171.149367088601</v>
      </c>
      <c r="CH469" s="53">
        <v>24171.149367088601</v>
      </c>
      <c r="CI469" s="53">
        <v>24171.149367088601</v>
      </c>
      <c r="CJ469" s="53">
        <v>24171.149367088601</v>
      </c>
      <c r="CK469" s="53">
        <v>24171.149367088601</v>
      </c>
      <c r="CL469" s="53">
        <v>24171.149367088601</v>
      </c>
      <c r="CM469" s="53">
        <v>24171.149367088601</v>
      </c>
      <c r="CN469" s="53">
        <v>290053.79240506398</v>
      </c>
    </row>
    <row r="470" spans="1:92" outlineLevel="1">
      <c r="A470" s="59" t="s">
        <v>1305</v>
      </c>
      <c r="B470" s="53">
        <v>331293420.14999998</v>
      </c>
      <c r="C470" s="53">
        <v>411798909.36000001</v>
      </c>
      <c r="D470" s="53">
        <v>451065980.82999998</v>
      </c>
      <c r="E470" s="53">
        <v>483117353.66000003</v>
      </c>
      <c r="F470" s="53">
        <v>606301935.17999995</v>
      </c>
      <c r="G470" s="53">
        <v>730707608.08000004</v>
      </c>
      <c r="H470" s="53">
        <v>820555613.26999903</v>
      </c>
      <c r="I470" s="53">
        <v>1021544443.41</v>
      </c>
      <c r="J470" s="53">
        <v>1157780418.1500001</v>
      </c>
      <c r="K470" s="53">
        <v>1243105396.55</v>
      </c>
      <c r="L470" s="53">
        <v>1296896155.1699901</v>
      </c>
      <c r="M470" s="53">
        <v>1088329374.0599999</v>
      </c>
      <c r="N470" s="53">
        <v>1088329374.0599999</v>
      </c>
      <c r="O470" s="53">
        <v>1088470129.72666</v>
      </c>
      <c r="P470" s="53">
        <v>1088610885.3933301</v>
      </c>
      <c r="Q470" s="53">
        <v>1088751641.0599999</v>
      </c>
      <c r="R470" s="53">
        <v>1088892396.72666</v>
      </c>
      <c r="S470" s="53">
        <v>1089033152.3933301</v>
      </c>
      <c r="T470" s="53">
        <v>1089173908.0599999</v>
      </c>
      <c r="U470" s="53">
        <v>1089314663.72666</v>
      </c>
      <c r="V470" s="53">
        <v>1089455419.3933301</v>
      </c>
      <c r="W470" s="53">
        <v>1089596175.0599999</v>
      </c>
      <c r="X470" s="53">
        <v>1089736930.72666</v>
      </c>
      <c r="Y470" s="53">
        <v>1089877686.3933301</v>
      </c>
      <c r="Z470" s="53">
        <v>1090018442.0599999</v>
      </c>
      <c r="AA470" s="53">
        <v>1090018442.0599999</v>
      </c>
      <c r="AB470" s="53">
        <v>1090159197.72666</v>
      </c>
      <c r="AC470" s="53">
        <v>1090299953.3933301</v>
      </c>
      <c r="AD470" s="53">
        <v>1090440709.0599999</v>
      </c>
      <c r="AE470" s="53">
        <v>1090581464.72666</v>
      </c>
      <c r="AF470" s="53">
        <v>1090722220.3933301</v>
      </c>
      <c r="AG470" s="53">
        <v>1090862976.0599999</v>
      </c>
      <c r="AH470" s="53">
        <v>1091003731.72666</v>
      </c>
      <c r="AI470" s="53">
        <v>1091144487.3933301</v>
      </c>
      <c r="AJ470" s="53">
        <v>1091285243.0599999</v>
      </c>
      <c r="AK470" s="53">
        <v>1091425998.72666</v>
      </c>
      <c r="AL470" s="53">
        <v>1091566754.3933301</v>
      </c>
      <c r="AM470" s="53">
        <v>1091707510.0599999</v>
      </c>
      <c r="AN470" s="53">
        <v>1091707510.0599999</v>
      </c>
      <c r="AO470" s="53">
        <v>1091848265.72666</v>
      </c>
      <c r="AP470" s="53">
        <v>1091989021.3933301</v>
      </c>
      <c r="AQ470" s="53">
        <v>1092129777.0599999</v>
      </c>
      <c r="AR470" s="53">
        <v>1092270532.72666</v>
      </c>
      <c r="AS470" s="53">
        <v>1092411288.3933301</v>
      </c>
      <c r="AT470" s="53">
        <v>1092552044.0599999</v>
      </c>
      <c r="AU470" s="53">
        <v>1092692799.72666</v>
      </c>
      <c r="AV470" s="53">
        <v>1092833555.3933301</v>
      </c>
      <c r="AW470" s="53">
        <v>1092974311.0599999</v>
      </c>
      <c r="AX470" s="53">
        <v>1093115066.72666</v>
      </c>
      <c r="AY470" s="53">
        <v>1093255822.3933301</v>
      </c>
      <c r="AZ470" s="53">
        <v>1093396578.0599999</v>
      </c>
      <c r="BA470" s="53">
        <v>1093396578.0599999</v>
      </c>
      <c r="BB470" s="53">
        <v>1093537333.72666</v>
      </c>
      <c r="BC470" s="53">
        <v>1093678089.3933301</v>
      </c>
      <c r="BD470" s="53">
        <v>1093818845.0599999</v>
      </c>
      <c r="BE470" s="53">
        <v>1093959600.72666</v>
      </c>
      <c r="BF470" s="53">
        <v>1094100356.3933301</v>
      </c>
      <c r="BG470" s="53">
        <v>1094241112.0599999</v>
      </c>
      <c r="BH470" s="53">
        <v>1094381867.72666</v>
      </c>
      <c r="BI470" s="53">
        <v>1094522623.3933301</v>
      </c>
      <c r="BJ470" s="53">
        <v>1094663379.0599999</v>
      </c>
      <c r="BK470" s="53">
        <v>1094804134.72666</v>
      </c>
      <c r="BL470" s="53">
        <v>1094944890.3933301</v>
      </c>
      <c r="BM470" s="53">
        <v>1095085646.0599999</v>
      </c>
      <c r="BN470" s="53">
        <v>1095085646.0599999</v>
      </c>
      <c r="BO470" s="53">
        <v>1095226401.72666</v>
      </c>
      <c r="BP470" s="53">
        <v>1095367157.3933301</v>
      </c>
      <c r="BQ470" s="53">
        <v>1095507913.0599999</v>
      </c>
      <c r="BR470" s="53">
        <v>1095648668.72666</v>
      </c>
      <c r="BS470" s="53">
        <v>1095789424.3933301</v>
      </c>
      <c r="BT470" s="53">
        <v>1095930180.0599999</v>
      </c>
      <c r="BU470" s="53">
        <v>1096079342.6665101</v>
      </c>
      <c r="BV470" s="53">
        <v>1096236912.2128799</v>
      </c>
      <c r="BW470" s="53">
        <v>1096394481.7592399</v>
      </c>
      <c r="BX470" s="53">
        <v>1096552051.3056099</v>
      </c>
      <c r="BY470" s="53">
        <v>1096709620.85197</v>
      </c>
      <c r="BZ470" s="53">
        <v>1096867190.39834</v>
      </c>
      <c r="CA470" s="53">
        <v>1096867190.39834</v>
      </c>
      <c r="CB470" s="53"/>
      <c r="CC470" s="53"/>
      <c r="CD470" s="53"/>
      <c r="CE470" s="53"/>
      <c r="CF470" s="53"/>
      <c r="CG470" s="53"/>
      <c r="CH470" s="53"/>
      <c r="CI470" s="53"/>
      <c r="CJ470" s="53"/>
      <c r="CK470" s="53"/>
      <c r="CL470" s="53"/>
      <c r="CM470" s="53"/>
      <c r="CN470" s="53"/>
    </row>
    <row r="471" spans="1:92" outlineLevel="1">
      <c r="A471" s="52" t="s">
        <v>1306</v>
      </c>
      <c r="B471" s="53"/>
      <c r="C471" s="53"/>
      <c r="D471" s="53"/>
      <c r="E471" s="53"/>
      <c r="F471" s="53"/>
      <c r="G471" s="53"/>
      <c r="H471" s="53"/>
      <c r="I471" s="53"/>
      <c r="J471" s="53"/>
      <c r="K471" s="53"/>
      <c r="L471" s="53"/>
      <c r="M471" s="53"/>
      <c r="N471" s="53"/>
      <c r="O471" s="53"/>
      <c r="P471" s="53"/>
      <c r="Q471" s="53"/>
      <c r="R471" s="53"/>
      <c r="S471" s="53"/>
      <c r="T471" s="53"/>
      <c r="U471" s="53"/>
      <c r="V471" s="53"/>
      <c r="W471" s="53"/>
      <c r="X471" s="53"/>
      <c r="Y471" s="53"/>
      <c r="Z471" s="53"/>
      <c r="AA471" s="53"/>
      <c r="AB471" s="53"/>
      <c r="AC471" s="53"/>
      <c r="AD471" s="53"/>
      <c r="AE471" s="53"/>
      <c r="AF471" s="53"/>
      <c r="AG471" s="53"/>
      <c r="AH471" s="53"/>
      <c r="AI471" s="53"/>
      <c r="AJ471" s="53"/>
      <c r="AK471" s="53"/>
      <c r="AL471" s="53"/>
      <c r="AM471" s="53"/>
      <c r="AN471" s="53"/>
      <c r="AO471" s="53"/>
      <c r="AP471" s="53"/>
      <c r="AQ471" s="53"/>
      <c r="AR471" s="53"/>
      <c r="AS471" s="53"/>
      <c r="AT471" s="53"/>
      <c r="AU471" s="53"/>
      <c r="AV471" s="53"/>
      <c r="AW471" s="53"/>
      <c r="AX471" s="53"/>
      <c r="AY471" s="53"/>
      <c r="AZ471" s="53"/>
      <c r="BA471" s="53"/>
      <c r="BB471" s="53"/>
      <c r="BC471" s="53"/>
      <c r="BD471" s="53"/>
      <c r="BE471" s="53"/>
      <c r="BF471" s="53"/>
      <c r="BG471" s="53"/>
      <c r="BH471" s="53"/>
      <c r="BI471" s="53"/>
      <c r="BJ471" s="53"/>
      <c r="BK471" s="53"/>
      <c r="BL471" s="53"/>
      <c r="BM471" s="53"/>
      <c r="BN471" s="53"/>
      <c r="BO471" s="53"/>
      <c r="BP471" s="53"/>
      <c r="BQ471" s="53"/>
      <c r="BR471" s="53"/>
      <c r="BS471" s="53"/>
      <c r="BT471" s="53"/>
      <c r="BU471" s="53"/>
      <c r="BV471" s="53"/>
      <c r="BW471" s="53"/>
      <c r="BX471" s="53"/>
      <c r="BY471" s="53"/>
      <c r="BZ471" s="53"/>
      <c r="CA471" s="53"/>
      <c r="CB471" s="53">
        <v>16813.8726114649</v>
      </c>
      <c r="CC471" s="53">
        <v>16813.8726114649</v>
      </c>
      <c r="CD471" s="53">
        <v>16813.8726114649</v>
      </c>
      <c r="CE471" s="53">
        <v>16813.8726114649</v>
      </c>
      <c r="CF471" s="53">
        <v>16813.8726114649</v>
      </c>
      <c r="CG471" s="53">
        <v>16813.8726114649</v>
      </c>
      <c r="CH471" s="53">
        <v>16813.8726114649</v>
      </c>
      <c r="CI471" s="53">
        <v>16813.8726114649</v>
      </c>
      <c r="CJ471" s="53">
        <v>16813.8726114649</v>
      </c>
      <c r="CK471" s="53">
        <v>16813.8726114649</v>
      </c>
      <c r="CL471" s="53">
        <v>16813.8726114649</v>
      </c>
      <c r="CM471" s="53">
        <v>16813.8726114649</v>
      </c>
      <c r="CN471" s="53">
        <v>201766.47133757899</v>
      </c>
    </row>
    <row r="472" spans="1:92" outlineLevel="1">
      <c r="A472" s="52" t="s">
        <v>1307</v>
      </c>
      <c r="B472" s="53">
        <v>0</v>
      </c>
      <c r="C472" s="53">
        <v>0</v>
      </c>
      <c r="D472" s="53">
        <v>0</v>
      </c>
      <c r="E472" s="53">
        <v>0</v>
      </c>
      <c r="F472" s="53">
        <v>0</v>
      </c>
      <c r="G472" s="53">
        <v>0</v>
      </c>
      <c r="H472" s="53">
        <v>0</v>
      </c>
      <c r="I472" s="53">
        <v>0</v>
      </c>
      <c r="J472" s="53">
        <v>0</v>
      </c>
      <c r="K472" s="53">
        <v>0</v>
      </c>
      <c r="L472" s="53">
        <v>0</v>
      </c>
      <c r="M472" s="53">
        <v>0</v>
      </c>
      <c r="N472" s="53">
        <v>0</v>
      </c>
      <c r="O472" s="53">
        <v>0</v>
      </c>
      <c r="P472" s="53">
        <v>0</v>
      </c>
      <c r="Q472" s="53">
        <v>0</v>
      </c>
      <c r="R472" s="53">
        <v>0</v>
      </c>
      <c r="S472" s="53">
        <v>0</v>
      </c>
      <c r="T472" s="53">
        <v>0</v>
      </c>
      <c r="U472" s="53">
        <v>0</v>
      </c>
      <c r="V472" s="53">
        <v>0</v>
      </c>
      <c r="W472" s="53">
        <v>0</v>
      </c>
      <c r="X472" s="53">
        <v>0</v>
      </c>
      <c r="Y472" s="53">
        <v>0</v>
      </c>
      <c r="Z472" s="53">
        <v>0</v>
      </c>
      <c r="AA472" s="53">
        <v>0</v>
      </c>
      <c r="AB472" s="53">
        <v>0</v>
      </c>
      <c r="AC472" s="53">
        <v>0</v>
      </c>
      <c r="AD472" s="53">
        <v>0</v>
      </c>
      <c r="AE472" s="53">
        <v>0</v>
      </c>
      <c r="AF472" s="53">
        <v>0</v>
      </c>
      <c r="AG472" s="53">
        <v>0</v>
      </c>
      <c r="AH472" s="53">
        <v>0</v>
      </c>
      <c r="AI472" s="53">
        <v>0</v>
      </c>
      <c r="AJ472" s="53">
        <v>0</v>
      </c>
      <c r="AK472" s="53">
        <v>0</v>
      </c>
      <c r="AL472" s="53">
        <v>0</v>
      </c>
      <c r="AM472" s="53">
        <v>0</v>
      </c>
      <c r="AN472" s="53">
        <v>0</v>
      </c>
      <c r="AO472" s="53">
        <v>0</v>
      </c>
      <c r="AP472" s="53">
        <v>0</v>
      </c>
      <c r="AQ472" s="53">
        <v>0</v>
      </c>
      <c r="AR472" s="53">
        <v>0</v>
      </c>
      <c r="AS472" s="53">
        <v>0</v>
      </c>
      <c r="AT472" s="53">
        <v>0</v>
      </c>
      <c r="AU472" s="53">
        <v>0</v>
      </c>
      <c r="AV472" s="53">
        <v>0</v>
      </c>
      <c r="AW472" s="53">
        <v>0</v>
      </c>
      <c r="AX472" s="53">
        <v>0</v>
      </c>
      <c r="AY472" s="53">
        <v>0</v>
      </c>
      <c r="AZ472" s="53">
        <v>0</v>
      </c>
      <c r="BA472" s="53">
        <v>0</v>
      </c>
      <c r="BB472" s="53">
        <v>0</v>
      </c>
      <c r="BC472" s="53">
        <v>0</v>
      </c>
      <c r="BD472" s="53">
        <v>0</v>
      </c>
      <c r="BE472" s="53">
        <v>0</v>
      </c>
      <c r="BF472" s="53">
        <v>0</v>
      </c>
      <c r="BG472" s="53">
        <v>0</v>
      </c>
      <c r="BH472" s="53">
        <v>0</v>
      </c>
      <c r="BI472" s="53">
        <v>0</v>
      </c>
      <c r="BJ472" s="53">
        <v>0</v>
      </c>
      <c r="BK472" s="53">
        <v>0</v>
      </c>
      <c r="BL472" s="53">
        <v>0</v>
      </c>
      <c r="BM472" s="53">
        <v>0</v>
      </c>
      <c r="BN472" s="53">
        <v>0</v>
      </c>
      <c r="BO472" s="53">
        <v>0</v>
      </c>
      <c r="BP472" s="53">
        <v>0</v>
      </c>
      <c r="BQ472" s="53">
        <v>0</v>
      </c>
      <c r="BR472" s="53">
        <v>0</v>
      </c>
      <c r="BS472" s="53">
        <v>0</v>
      </c>
      <c r="BT472" s="53">
        <v>0</v>
      </c>
      <c r="BU472" s="53">
        <v>0</v>
      </c>
      <c r="BV472" s="53">
        <v>0</v>
      </c>
      <c r="BW472" s="53">
        <v>0</v>
      </c>
      <c r="BX472" s="53">
        <v>0</v>
      </c>
      <c r="BY472" s="53">
        <v>0</v>
      </c>
      <c r="BZ472" s="53">
        <v>0</v>
      </c>
      <c r="CA472" s="53">
        <v>0</v>
      </c>
      <c r="CB472" s="53">
        <v>-308004.32631578902</v>
      </c>
      <c r="CC472" s="53">
        <v>-308004.32631578902</v>
      </c>
      <c r="CD472" s="53">
        <v>-308004.32631578902</v>
      </c>
      <c r="CE472" s="53">
        <v>-308004.32631578902</v>
      </c>
      <c r="CF472" s="53">
        <v>-308004.32631578902</v>
      </c>
      <c r="CG472" s="53">
        <v>-308004.32631578902</v>
      </c>
      <c r="CH472" s="53">
        <v>-308004.32631578902</v>
      </c>
      <c r="CI472" s="53">
        <v>-308004.32631578902</v>
      </c>
      <c r="CJ472" s="53">
        <v>-308004.32631578902</v>
      </c>
      <c r="CK472" s="53">
        <v>-308004.32631578902</v>
      </c>
      <c r="CL472" s="53">
        <v>-308004.32631578902</v>
      </c>
      <c r="CM472" s="53">
        <v>-308004.32631578902</v>
      </c>
      <c r="CN472" s="53">
        <v>-3696051.9157894701</v>
      </c>
    </row>
    <row r="473" spans="1:92" outlineLevel="1">
      <c r="A473" s="52" t="s">
        <v>1308</v>
      </c>
      <c r="B473" s="53">
        <v>0</v>
      </c>
      <c r="C473" s="53">
        <v>0</v>
      </c>
      <c r="D473" s="53">
        <v>0</v>
      </c>
      <c r="E473" s="53">
        <v>0</v>
      </c>
      <c r="F473" s="53">
        <v>0</v>
      </c>
      <c r="G473" s="53">
        <v>0</v>
      </c>
      <c r="H473" s="53">
        <v>0</v>
      </c>
      <c r="I473" s="53">
        <v>0</v>
      </c>
      <c r="J473" s="53">
        <v>0</v>
      </c>
      <c r="K473" s="53">
        <v>0</v>
      </c>
      <c r="L473" s="53">
        <v>0</v>
      </c>
      <c r="M473" s="53">
        <v>0</v>
      </c>
      <c r="N473" s="53">
        <v>0</v>
      </c>
      <c r="O473" s="53">
        <v>0</v>
      </c>
      <c r="P473" s="53">
        <v>0</v>
      </c>
      <c r="Q473" s="53">
        <v>0</v>
      </c>
      <c r="R473" s="53">
        <v>0</v>
      </c>
      <c r="S473" s="53">
        <v>0</v>
      </c>
      <c r="T473" s="53">
        <v>0</v>
      </c>
      <c r="U473" s="53">
        <v>0</v>
      </c>
      <c r="V473" s="53">
        <v>0</v>
      </c>
      <c r="W473" s="53">
        <v>0</v>
      </c>
      <c r="X473" s="53">
        <v>0</v>
      </c>
      <c r="Y473" s="53">
        <v>0</v>
      </c>
      <c r="Z473" s="53">
        <v>0</v>
      </c>
      <c r="AA473" s="53">
        <v>0</v>
      </c>
      <c r="AB473" s="53">
        <v>0</v>
      </c>
      <c r="AC473" s="53">
        <v>0</v>
      </c>
      <c r="AD473" s="53">
        <v>0</v>
      </c>
      <c r="AE473" s="53">
        <v>0</v>
      </c>
      <c r="AF473" s="53">
        <v>0</v>
      </c>
      <c r="AG473" s="53">
        <v>0</v>
      </c>
      <c r="AH473" s="53">
        <v>0</v>
      </c>
      <c r="AI473" s="53">
        <v>0</v>
      </c>
      <c r="AJ473" s="53">
        <v>0</v>
      </c>
      <c r="AK473" s="53">
        <v>0</v>
      </c>
      <c r="AL473" s="53">
        <v>0</v>
      </c>
      <c r="AM473" s="53">
        <v>0</v>
      </c>
      <c r="AN473" s="53">
        <v>0</v>
      </c>
      <c r="AO473" s="53">
        <v>0</v>
      </c>
      <c r="AP473" s="53">
        <v>0</v>
      </c>
      <c r="AQ473" s="53">
        <v>0</v>
      </c>
      <c r="AR473" s="53">
        <v>0</v>
      </c>
      <c r="AS473" s="53">
        <v>0</v>
      </c>
      <c r="AT473" s="53">
        <v>0</v>
      </c>
      <c r="AU473" s="53">
        <v>0</v>
      </c>
      <c r="AV473" s="53">
        <v>0</v>
      </c>
      <c r="AW473" s="53">
        <v>0</v>
      </c>
      <c r="AX473" s="53">
        <v>0</v>
      </c>
      <c r="AY473" s="53">
        <v>0</v>
      </c>
      <c r="AZ473" s="53">
        <v>0</v>
      </c>
      <c r="BA473" s="53">
        <v>0</v>
      </c>
      <c r="BB473" s="53">
        <v>0</v>
      </c>
      <c r="BC473" s="53">
        <v>0</v>
      </c>
      <c r="BD473" s="53">
        <v>0</v>
      </c>
      <c r="BE473" s="53">
        <v>0</v>
      </c>
      <c r="BF473" s="53">
        <v>0</v>
      </c>
      <c r="BG473" s="53">
        <v>0</v>
      </c>
      <c r="BH473" s="53">
        <v>0</v>
      </c>
      <c r="BI473" s="53">
        <v>0</v>
      </c>
      <c r="BJ473" s="53">
        <v>0</v>
      </c>
      <c r="BK473" s="53">
        <v>0</v>
      </c>
      <c r="BL473" s="53">
        <v>0</v>
      </c>
      <c r="BM473" s="53">
        <v>0</v>
      </c>
      <c r="BN473" s="53">
        <v>0</v>
      </c>
      <c r="BO473" s="53">
        <v>0</v>
      </c>
      <c r="BP473" s="53">
        <v>0</v>
      </c>
      <c r="BQ473" s="53">
        <v>0</v>
      </c>
      <c r="BR473" s="53">
        <v>0</v>
      </c>
      <c r="BS473" s="53">
        <v>0</v>
      </c>
      <c r="BT473" s="53">
        <v>0</v>
      </c>
      <c r="BU473" s="53">
        <v>0</v>
      </c>
      <c r="BV473" s="53">
        <v>0</v>
      </c>
      <c r="BW473" s="53">
        <v>0</v>
      </c>
      <c r="BX473" s="53">
        <v>0</v>
      </c>
      <c r="BY473" s="53">
        <v>0</v>
      </c>
      <c r="BZ473" s="53">
        <v>0</v>
      </c>
      <c r="CA473" s="53">
        <v>0</v>
      </c>
      <c r="CB473" s="53">
        <v>-199670.97536945701</v>
      </c>
      <c r="CC473" s="53">
        <v>-199670.97536945701</v>
      </c>
      <c r="CD473" s="53">
        <v>-199670.97536945701</v>
      </c>
      <c r="CE473" s="53">
        <v>-199670.97536945701</v>
      </c>
      <c r="CF473" s="53">
        <v>-199670.97536945701</v>
      </c>
      <c r="CG473" s="53">
        <v>-199670.97536945701</v>
      </c>
      <c r="CH473" s="53">
        <v>-199670.97536945701</v>
      </c>
      <c r="CI473" s="53">
        <v>-199670.97536945701</v>
      </c>
      <c r="CJ473" s="53">
        <v>-199670.97536945701</v>
      </c>
      <c r="CK473" s="53">
        <v>-199670.97536945701</v>
      </c>
      <c r="CL473" s="53">
        <v>-199670.97536945701</v>
      </c>
      <c r="CM473" s="53">
        <v>-199670.97536945701</v>
      </c>
      <c r="CN473" s="53">
        <v>-2396051.7044334901</v>
      </c>
    </row>
    <row r="474" spans="1:92" outlineLevel="1">
      <c r="A474" s="52" t="s">
        <v>1309</v>
      </c>
      <c r="B474" s="53">
        <v>0</v>
      </c>
      <c r="C474" s="53">
        <v>0</v>
      </c>
      <c r="D474" s="53">
        <v>0</v>
      </c>
      <c r="E474" s="53">
        <v>0</v>
      </c>
      <c r="F474" s="53">
        <v>0</v>
      </c>
      <c r="G474" s="53">
        <v>0</v>
      </c>
      <c r="H474" s="53">
        <v>0</v>
      </c>
      <c r="I474" s="53">
        <v>0</v>
      </c>
      <c r="J474" s="53">
        <v>0</v>
      </c>
      <c r="K474" s="53">
        <v>0</v>
      </c>
      <c r="L474" s="53">
        <v>0</v>
      </c>
      <c r="M474" s="53">
        <v>0</v>
      </c>
      <c r="N474" s="53">
        <v>0</v>
      </c>
      <c r="O474" s="53">
        <v>0</v>
      </c>
      <c r="P474" s="53">
        <v>0</v>
      </c>
      <c r="Q474" s="53">
        <v>0</v>
      </c>
      <c r="R474" s="53">
        <v>0</v>
      </c>
      <c r="S474" s="53">
        <v>0</v>
      </c>
      <c r="T474" s="53">
        <v>0</v>
      </c>
      <c r="U474" s="53">
        <v>0</v>
      </c>
      <c r="V474" s="53">
        <v>0</v>
      </c>
      <c r="W474" s="53">
        <v>0</v>
      </c>
      <c r="X474" s="53">
        <v>0</v>
      </c>
      <c r="Y474" s="53">
        <v>0</v>
      </c>
      <c r="Z474" s="53">
        <v>0</v>
      </c>
      <c r="AA474" s="53">
        <v>0</v>
      </c>
      <c r="AB474" s="53">
        <v>0</v>
      </c>
      <c r="AC474" s="53">
        <v>0</v>
      </c>
      <c r="AD474" s="53">
        <v>0</v>
      </c>
      <c r="AE474" s="53">
        <v>0</v>
      </c>
      <c r="AF474" s="53">
        <v>0</v>
      </c>
      <c r="AG474" s="53">
        <v>0</v>
      </c>
      <c r="AH474" s="53">
        <v>0</v>
      </c>
      <c r="AI474" s="53">
        <v>0</v>
      </c>
      <c r="AJ474" s="53">
        <v>0</v>
      </c>
      <c r="AK474" s="53">
        <v>0</v>
      </c>
      <c r="AL474" s="53">
        <v>0</v>
      </c>
      <c r="AM474" s="53">
        <v>0</v>
      </c>
      <c r="AN474" s="53">
        <v>0</v>
      </c>
      <c r="AO474" s="53">
        <v>0</v>
      </c>
      <c r="AP474" s="53">
        <v>0</v>
      </c>
      <c r="AQ474" s="53">
        <v>0</v>
      </c>
      <c r="AR474" s="53">
        <v>0</v>
      </c>
      <c r="AS474" s="53">
        <v>0</v>
      </c>
      <c r="AT474" s="53">
        <v>0</v>
      </c>
      <c r="AU474" s="53">
        <v>0</v>
      </c>
      <c r="AV474" s="53">
        <v>0</v>
      </c>
      <c r="AW474" s="53">
        <v>0</v>
      </c>
      <c r="AX474" s="53">
        <v>0</v>
      </c>
      <c r="AY474" s="53">
        <v>0</v>
      </c>
      <c r="AZ474" s="53">
        <v>0</v>
      </c>
      <c r="BA474" s="53">
        <v>0</v>
      </c>
      <c r="BB474" s="53">
        <v>0</v>
      </c>
      <c r="BC474" s="53">
        <v>0</v>
      </c>
      <c r="BD474" s="53">
        <v>0</v>
      </c>
      <c r="BE474" s="53">
        <v>0</v>
      </c>
      <c r="BF474" s="53">
        <v>0</v>
      </c>
      <c r="BG474" s="53">
        <v>0</v>
      </c>
      <c r="BH474" s="53">
        <v>0</v>
      </c>
      <c r="BI474" s="53">
        <v>0</v>
      </c>
      <c r="BJ474" s="53">
        <v>0</v>
      </c>
      <c r="BK474" s="53">
        <v>0</v>
      </c>
      <c r="BL474" s="53">
        <v>0</v>
      </c>
      <c r="BM474" s="53">
        <v>0</v>
      </c>
      <c r="BN474" s="53">
        <v>0</v>
      </c>
      <c r="BO474" s="53">
        <v>0</v>
      </c>
      <c r="BP474" s="53">
        <v>0</v>
      </c>
      <c r="BQ474" s="53">
        <v>0</v>
      </c>
      <c r="BR474" s="53">
        <v>0</v>
      </c>
      <c r="BS474" s="53">
        <v>0</v>
      </c>
      <c r="BT474" s="53">
        <v>0</v>
      </c>
      <c r="BU474" s="53">
        <v>0</v>
      </c>
      <c r="BV474" s="53">
        <v>0</v>
      </c>
      <c r="BW474" s="53">
        <v>0</v>
      </c>
      <c r="BX474" s="53">
        <v>0</v>
      </c>
      <c r="BY474" s="53">
        <v>0</v>
      </c>
      <c r="BZ474" s="53">
        <v>0</v>
      </c>
      <c r="CA474" s="53">
        <v>0</v>
      </c>
      <c r="CB474" s="53">
        <v>-115069.472803347</v>
      </c>
      <c r="CC474" s="53">
        <v>-115069.472803347</v>
      </c>
      <c r="CD474" s="53">
        <v>-115069.472803347</v>
      </c>
      <c r="CE474" s="53">
        <v>-115069.472803347</v>
      </c>
      <c r="CF474" s="53">
        <v>-115069.472803347</v>
      </c>
      <c r="CG474" s="53">
        <v>-115069.472803347</v>
      </c>
      <c r="CH474" s="53">
        <v>-115069.472803347</v>
      </c>
      <c r="CI474" s="53">
        <v>-115069.472803347</v>
      </c>
      <c r="CJ474" s="53">
        <v>-115069.472803347</v>
      </c>
      <c r="CK474" s="53">
        <v>-115069.472803347</v>
      </c>
      <c r="CL474" s="53">
        <v>-115069.472803347</v>
      </c>
      <c r="CM474" s="53">
        <v>-115069.472803347</v>
      </c>
      <c r="CN474" s="53">
        <v>-1380833.6736401699</v>
      </c>
    </row>
    <row r="475" spans="1:92">
      <c r="A475" s="52" t="s">
        <v>1310</v>
      </c>
      <c r="B475" s="53">
        <v>0</v>
      </c>
      <c r="C475" s="53">
        <v>0</v>
      </c>
      <c r="D475" s="53">
        <v>0</v>
      </c>
      <c r="E475" s="53">
        <v>0</v>
      </c>
      <c r="F475" s="53">
        <v>0</v>
      </c>
      <c r="G475" s="53">
        <v>0</v>
      </c>
      <c r="H475" s="53">
        <v>0</v>
      </c>
      <c r="I475" s="53">
        <v>0</v>
      </c>
      <c r="J475" s="53">
        <v>0</v>
      </c>
      <c r="K475" s="53">
        <v>0</v>
      </c>
      <c r="L475" s="53">
        <v>0</v>
      </c>
      <c r="M475" s="53">
        <v>0</v>
      </c>
      <c r="N475" s="53">
        <v>0</v>
      </c>
      <c r="O475" s="53">
        <v>0</v>
      </c>
      <c r="P475" s="53">
        <v>0</v>
      </c>
      <c r="Q475" s="53">
        <v>0</v>
      </c>
      <c r="R475" s="53">
        <v>0</v>
      </c>
      <c r="S475" s="53">
        <v>0</v>
      </c>
      <c r="T475" s="53">
        <v>0</v>
      </c>
      <c r="U475" s="53">
        <v>0</v>
      </c>
      <c r="V475" s="53">
        <v>0</v>
      </c>
      <c r="W475" s="53">
        <v>0</v>
      </c>
      <c r="X475" s="53">
        <v>0</v>
      </c>
      <c r="Y475" s="53">
        <v>0</v>
      </c>
      <c r="Z475" s="53">
        <v>0</v>
      </c>
      <c r="AA475" s="53">
        <v>0</v>
      </c>
      <c r="AB475" s="53">
        <v>0</v>
      </c>
      <c r="AC475" s="53">
        <v>0</v>
      </c>
      <c r="AD475" s="53">
        <v>0</v>
      </c>
      <c r="AE475" s="53">
        <v>0</v>
      </c>
      <c r="AF475" s="53">
        <v>0</v>
      </c>
      <c r="AG475" s="53">
        <v>0</v>
      </c>
      <c r="AH475" s="53">
        <v>0</v>
      </c>
      <c r="AI475" s="53">
        <v>0</v>
      </c>
      <c r="AJ475" s="53">
        <v>0</v>
      </c>
      <c r="AK475" s="53">
        <v>0</v>
      </c>
      <c r="AL475" s="53">
        <v>0</v>
      </c>
      <c r="AM475" s="53">
        <v>0</v>
      </c>
      <c r="AN475" s="53">
        <v>0</v>
      </c>
      <c r="AO475" s="53">
        <v>0</v>
      </c>
      <c r="AP475" s="53">
        <v>0</v>
      </c>
      <c r="AQ475" s="53">
        <v>0</v>
      </c>
      <c r="AR475" s="53">
        <v>0</v>
      </c>
      <c r="AS475" s="53">
        <v>0</v>
      </c>
      <c r="AT475" s="53">
        <v>0</v>
      </c>
      <c r="AU475" s="53">
        <v>0</v>
      </c>
      <c r="AV475" s="53">
        <v>0</v>
      </c>
      <c r="AW475" s="53">
        <v>0</v>
      </c>
      <c r="AX475" s="53">
        <v>0</v>
      </c>
      <c r="AY475" s="53">
        <v>0</v>
      </c>
      <c r="AZ475" s="53">
        <v>0</v>
      </c>
      <c r="BA475" s="53">
        <v>0</v>
      </c>
      <c r="BB475" s="53">
        <v>0</v>
      </c>
      <c r="BC475" s="53">
        <v>0</v>
      </c>
      <c r="BD475" s="53">
        <v>0</v>
      </c>
      <c r="BE475" s="53">
        <v>0</v>
      </c>
      <c r="BF475" s="53">
        <v>0</v>
      </c>
      <c r="BG475" s="53">
        <v>0</v>
      </c>
      <c r="BH475" s="53">
        <v>0</v>
      </c>
      <c r="BI475" s="53">
        <v>0</v>
      </c>
      <c r="BJ475" s="53">
        <v>0</v>
      </c>
      <c r="BK475" s="53">
        <v>0</v>
      </c>
      <c r="BL475" s="53">
        <v>0</v>
      </c>
      <c r="BM475" s="53">
        <v>0</v>
      </c>
      <c r="BN475" s="53">
        <v>0</v>
      </c>
      <c r="BO475" s="53">
        <v>0</v>
      </c>
      <c r="BP475" s="53">
        <v>0</v>
      </c>
      <c r="BQ475" s="53">
        <v>0</v>
      </c>
      <c r="BR475" s="53">
        <v>0</v>
      </c>
      <c r="BS475" s="53">
        <v>0</v>
      </c>
      <c r="BT475" s="53">
        <v>0</v>
      </c>
      <c r="BU475" s="53">
        <v>0</v>
      </c>
      <c r="BV475" s="53">
        <v>0</v>
      </c>
      <c r="BW475" s="53">
        <v>0</v>
      </c>
      <c r="BX475" s="53">
        <v>0</v>
      </c>
      <c r="BY475" s="53">
        <v>0</v>
      </c>
      <c r="BZ475" s="53">
        <v>0</v>
      </c>
      <c r="CA475" s="53">
        <v>0</v>
      </c>
      <c r="CB475" s="53">
        <v>441276566.109999</v>
      </c>
      <c r="CC475" s="53">
        <v>441276566.109999</v>
      </c>
      <c r="CD475" s="53">
        <v>441276566.109999</v>
      </c>
      <c r="CE475" s="53">
        <v>441276566.109999</v>
      </c>
      <c r="CF475" s="53">
        <v>441276566.109999</v>
      </c>
      <c r="CG475" s="53">
        <v>441276566.109999</v>
      </c>
      <c r="CH475" s="53">
        <v>441276566.109999</v>
      </c>
      <c r="CI475" s="53">
        <v>441276566.109999</v>
      </c>
      <c r="CJ475" s="53">
        <v>441276566.109999</v>
      </c>
      <c r="CK475" s="53">
        <v>441276566.109999</v>
      </c>
      <c r="CL475" s="53">
        <v>441276566.109999</v>
      </c>
      <c r="CM475" s="53">
        <v>441276566.109999</v>
      </c>
      <c r="CN475" s="53">
        <v>441276566.109999</v>
      </c>
    </row>
    <row r="476" spans="1:92" outlineLevel="1">
      <c r="A476" s="52" t="s">
        <v>1311</v>
      </c>
      <c r="B476" s="53">
        <v>0</v>
      </c>
      <c r="C476" s="53">
        <v>0</v>
      </c>
      <c r="D476" s="53">
        <v>0</v>
      </c>
      <c r="E476" s="53">
        <v>0</v>
      </c>
      <c r="F476" s="53">
        <v>0</v>
      </c>
      <c r="G476" s="53">
        <v>0</v>
      </c>
      <c r="H476" s="53">
        <v>0</v>
      </c>
      <c r="I476" s="53">
        <v>0</v>
      </c>
      <c r="J476" s="53">
        <v>0</v>
      </c>
      <c r="K476" s="53">
        <v>0</v>
      </c>
      <c r="L476" s="53">
        <v>0</v>
      </c>
      <c r="M476" s="53">
        <v>0</v>
      </c>
      <c r="N476" s="53">
        <v>0</v>
      </c>
      <c r="O476" s="53">
        <v>0</v>
      </c>
      <c r="P476" s="53">
        <v>0</v>
      </c>
      <c r="Q476" s="53">
        <v>0</v>
      </c>
      <c r="R476" s="53">
        <v>0</v>
      </c>
      <c r="S476" s="53">
        <v>0</v>
      </c>
      <c r="T476" s="53">
        <v>0</v>
      </c>
      <c r="U476" s="53">
        <v>0</v>
      </c>
      <c r="V476" s="53">
        <v>0</v>
      </c>
      <c r="W476" s="53">
        <v>0</v>
      </c>
      <c r="X476" s="53">
        <v>0</v>
      </c>
      <c r="Y476" s="53">
        <v>0</v>
      </c>
      <c r="Z476" s="53">
        <v>0</v>
      </c>
      <c r="AA476" s="53">
        <v>0</v>
      </c>
      <c r="AB476" s="53">
        <v>0</v>
      </c>
      <c r="AC476" s="53">
        <v>0</v>
      </c>
      <c r="AD476" s="53">
        <v>0</v>
      </c>
      <c r="AE476" s="53">
        <v>0</v>
      </c>
      <c r="AF476" s="53">
        <v>0</v>
      </c>
      <c r="AG476" s="53">
        <v>0</v>
      </c>
      <c r="AH476" s="53">
        <v>0</v>
      </c>
      <c r="AI476" s="53">
        <v>0</v>
      </c>
      <c r="AJ476" s="53">
        <v>0</v>
      </c>
      <c r="AK476" s="53">
        <v>0</v>
      </c>
      <c r="AL476" s="53">
        <v>0</v>
      </c>
      <c r="AM476" s="53">
        <v>0</v>
      </c>
      <c r="AN476" s="53">
        <v>0</v>
      </c>
      <c r="AO476" s="53">
        <v>0</v>
      </c>
      <c r="AP476" s="53">
        <v>0</v>
      </c>
      <c r="AQ476" s="53">
        <v>0</v>
      </c>
      <c r="AR476" s="53">
        <v>0</v>
      </c>
      <c r="AS476" s="53">
        <v>0</v>
      </c>
      <c r="AT476" s="53">
        <v>0</v>
      </c>
      <c r="AU476" s="53">
        <v>0</v>
      </c>
      <c r="AV476" s="53">
        <v>0</v>
      </c>
      <c r="AW476" s="53">
        <v>0</v>
      </c>
      <c r="AX476" s="53">
        <v>0</v>
      </c>
      <c r="AY476" s="53">
        <v>0</v>
      </c>
      <c r="AZ476" s="53">
        <v>0</v>
      </c>
      <c r="BA476" s="53">
        <v>0</v>
      </c>
      <c r="BB476" s="53">
        <v>0</v>
      </c>
      <c r="BC476" s="53">
        <v>0</v>
      </c>
      <c r="BD476" s="53">
        <v>0</v>
      </c>
      <c r="BE476" s="53">
        <v>0</v>
      </c>
      <c r="BF476" s="53">
        <v>0</v>
      </c>
      <c r="BG476" s="53">
        <v>0</v>
      </c>
      <c r="BH476" s="53">
        <v>0</v>
      </c>
      <c r="BI476" s="53">
        <v>0</v>
      </c>
      <c r="BJ476" s="53">
        <v>0</v>
      </c>
      <c r="BK476" s="53">
        <v>0</v>
      </c>
      <c r="BL476" s="53">
        <v>0</v>
      </c>
      <c r="BM476" s="53">
        <v>0</v>
      </c>
      <c r="BN476" s="53">
        <v>0</v>
      </c>
      <c r="BO476" s="53">
        <v>0</v>
      </c>
      <c r="BP476" s="53">
        <v>0</v>
      </c>
      <c r="BQ476" s="53">
        <v>0</v>
      </c>
      <c r="BR476" s="53">
        <v>0</v>
      </c>
      <c r="BS476" s="53">
        <v>0</v>
      </c>
      <c r="BT476" s="53">
        <v>0</v>
      </c>
      <c r="BU476" s="53">
        <v>0</v>
      </c>
      <c r="BV476" s="53">
        <v>0</v>
      </c>
      <c r="BW476" s="53">
        <v>0</v>
      </c>
      <c r="BX476" s="53">
        <v>0</v>
      </c>
      <c r="BY476" s="53">
        <v>0</v>
      </c>
      <c r="BZ476" s="53">
        <v>0</v>
      </c>
      <c r="CA476" s="53">
        <v>0</v>
      </c>
      <c r="CB476" s="53"/>
      <c r="CC476" s="53"/>
      <c r="CD476" s="53"/>
      <c r="CE476" s="53"/>
      <c r="CF476" s="53"/>
      <c r="CG476" s="53"/>
      <c r="CH476" s="53"/>
      <c r="CI476" s="53"/>
      <c r="CJ476" s="53"/>
      <c r="CK476" s="53"/>
      <c r="CL476" s="53"/>
      <c r="CM476" s="53"/>
      <c r="CN476" s="53"/>
    </row>
    <row r="477" spans="1:92" outlineLevel="1">
      <c r="A477" s="52" t="s">
        <v>1312</v>
      </c>
      <c r="B477" s="53">
        <v>0</v>
      </c>
      <c r="C477" s="53">
        <v>0</v>
      </c>
      <c r="D477" s="53">
        <v>0</v>
      </c>
      <c r="E477" s="53">
        <v>0</v>
      </c>
      <c r="F477" s="53">
        <v>0</v>
      </c>
      <c r="G477" s="53">
        <v>0</v>
      </c>
      <c r="H477" s="53">
        <v>0</v>
      </c>
      <c r="I477" s="53">
        <v>0</v>
      </c>
      <c r="J477" s="53">
        <v>0</v>
      </c>
      <c r="K477" s="53">
        <v>0</v>
      </c>
      <c r="L477" s="53">
        <v>0</v>
      </c>
      <c r="M477" s="53">
        <v>0</v>
      </c>
      <c r="N477" s="53">
        <v>0</v>
      </c>
      <c r="O477" s="53">
        <v>0</v>
      </c>
      <c r="P477" s="53">
        <v>0</v>
      </c>
      <c r="Q477" s="53">
        <v>0</v>
      </c>
      <c r="R477" s="53">
        <v>0</v>
      </c>
      <c r="S477" s="53">
        <v>0</v>
      </c>
      <c r="T477" s="53">
        <v>0</v>
      </c>
      <c r="U477" s="53">
        <v>0</v>
      </c>
      <c r="V477" s="53">
        <v>0</v>
      </c>
      <c r="W477" s="53">
        <v>0</v>
      </c>
      <c r="X477" s="53">
        <v>0</v>
      </c>
      <c r="Y477" s="53">
        <v>0</v>
      </c>
      <c r="Z477" s="53">
        <v>0</v>
      </c>
      <c r="AA477" s="53">
        <v>0</v>
      </c>
      <c r="AB477" s="53">
        <v>0</v>
      </c>
      <c r="AC477" s="53">
        <v>0</v>
      </c>
      <c r="AD477" s="53">
        <v>0</v>
      </c>
      <c r="AE477" s="53">
        <v>0</v>
      </c>
      <c r="AF477" s="53">
        <v>0</v>
      </c>
      <c r="AG477" s="53">
        <v>0</v>
      </c>
      <c r="AH477" s="53">
        <v>0</v>
      </c>
      <c r="AI477" s="53">
        <v>0</v>
      </c>
      <c r="AJ477" s="53">
        <v>0</v>
      </c>
      <c r="AK477" s="53">
        <v>0</v>
      </c>
      <c r="AL477" s="53">
        <v>0</v>
      </c>
      <c r="AM477" s="53">
        <v>0</v>
      </c>
      <c r="AN477" s="53">
        <v>0</v>
      </c>
      <c r="AO477" s="53">
        <v>0</v>
      </c>
      <c r="AP477" s="53">
        <v>0</v>
      </c>
      <c r="AQ477" s="53">
        <v>0</v>
      </c>
      <c r="AR477" s="53">
        <v>0</v>
      </c>
      <c r="AS477" s="53">
        <v>0</v>
      </c>
      <c r="AT477" s="53">
        <v>0</v>
      </c>
      <c r="AU477" s="53">
        <v>0</v>
      </c>
      <c r="AV477" s="53">
        <v>0</v>
      </c>
      <c r="AW477" s="53">
        <v>0</v>
      </c>
      <c r="AX477" s="53">
        <v>0</v>
      </c>
      <c r="AY477" s="53">
        <v>0</v>
      </c>
      <c r="AZ477" s="53">
        <v>0</v>
      </c>
      <c r="BA477" s="53">
        <v>0</v>
      </c>
      <c r="BB477" s="53">
        <v>0</v>
      </c>
      <c r="BC477" s="53">
        <v>0</v>
      </c>
      <c r="BD477" s="53">
        <v>0</v>
      </c>
      <c r="BE477" s="53">
        <v>0</v>
      </c>
      <c r="BF477" s="53">
        <v>0</v>
      </c>
      <c r="BG477" s="53">
        <v>0</v>
      </c>
      <c r="BH477" s="53">
        <v>0</v>
      </c>
      <c r="BI477" s="53">
        <v>0</v>
      </c>
      <c r="BJ477" s="53">
        <v>0</v>
      </c>
      <c r="BK477" s="53">
        <v>0</v>
      </c>
      <c r="BL477" s="53">
        <v>0</v>
      </c>
      <c r="BM477" s="53">
        <v>0</v>
      </c>
      <c r="BN477" s="53">
        <v>0</v>
      </c>
      <c r="BO477" s="53">
        <v>0</v>
      </c>
      <c r="BP477" s="53">
        <v>0</v>
      </c>
      <c r="BQ477" s="53">
        <v>0</v>
      </c>
      <c r="BR477" s="53">
        <v>0</v>
      </c>
      <c r="BS477" s="53">
        <v>0</v>
      </c>
      <c r="BT477" s="53">
        <v>0</v>
      </c>
      <c r="BU477" s="53">
        <v>0</v>
      </c>
      <c r="BV477" s="53">
        <v>0</v>
      </c>
      <c r="BW477" s="53">
        <v>0</v>
      </c>
      <c r="BX477" s="53">
        <v>0</v>
      </c>
      <c r="BY477" s="53">
        <v>0</v>
      </c>
      <c r="BZ477" s="53">
        <v>0</v>
      </c>
      <c r="CA477" s="53">
        <v>0</v>
      </c>
      <c r="CB477" s="53">
        <v>0</v>
      </c>
      <c r="CC477" s="53">
        <v>0</v>
      </c>
      <c r="CD477" s="53">
        <v>0</v>
      </c>
      <c r="CE477" s="53">
        <v>0</v>
      </c>
      <c r="CF477" s="53">
        <v>0</v>
      </c>
      <c r="CG477" s="53">
        <v>0</v>
      </c>
      <c r="CH477" s="53">
        <v>0</v>
      </c>
      <c r="CI477" s="53">
        <v>0</v>
      </c>
      <c r="CJ477" s="53">
        <v>0</v>
      </c>
      <c r="CK477" s="53">
        <v>0</v>
      </c>
      <c r="CL477" s="53">
        <v>0</v>
      </c>
      <c r="CM477" s="53">
        <v>0</v>
      </c>
      <c r="CN477" s="53">
        <v>0</v>
      </c>
    </row>
    <row r="478" spans="1:92" outlineLevel="1">
      <c r="A478" s="59" t="s">
        <v>1313</v>
      </c>
      <c r="B478" s="53">
        <v>0</v>
      </c>
      <c r="C478" s="53">
        <v>0</v>
      </c>
      <c r="D478" s="53">
        <v>0</v>
      </c>
      <c r="E478" s="53">
        <v>0</v>
      </c>
      <c r="F478" s="53">
        <v>0</v>
      </c>
      <c r="G478" s="53">
        <v>0</v>
      </c>
      <c r="H478" s="53">
        <v>0</v>
      </c>
      <c r="I478" s="53">
        <v>0</v>
      </c>
      <c r="J478" s="53">
        <v>0</v>
      </c>
      <c r="K478" s="53">
        <v>0</v>
      </c>
      <c r="L478" s="53">
        <v>0</v>
      </c>
      <c r="M478" s="53">
        <v>0</v>
      </c>
      <c r="N478" s="53">
        <v>0</v>
      </c>
      <c r="O478" s="53">
        <v>0</v>
      </c>
      <c r="P478" s="53">
        <v>0</v>
      </c>
      <c r="Q478" s="53">
        <v>0</v>
      </c>
      <c r="R478" s="53">
        <v>0</v>
      </c>
      <c r="S478" s="53">
        <v>0</v>
      </c>
      <c r="T478" s="53">
        <v>0</v>
      </c>
      <c r="U478" s="53">
        <v>0</v>
      </c>
      <c r="V478" s="53">
        <v>0</v>
      </c>
      <c r="W478" s="53">
        <v>0</v>
      </c>
      <c r="X478" s="53">
        <v>0</v>
      </c>
      <c r="Y478" s="53">
        <v>0</v>
      </c>
      <c r="Z478" s="53">
        <v>0</v>
      </c>
      <c r="AA478" s="53">
        <v>0</v>
      </c>
      <c r="AB478" s="53">
        <v>0</v>
      </c>
      <c r="AC478" s="53">
        <v>0</v>
      </c>
      <c r="AD478" s="53">
        <v>0</v>
      </c>
      <c r="AE478" s="53">
        <v>0</v>
      </c>
      <c r="AF478" s="53">
        <v>0</v>
      </c>
      <c r="AG478" s="53">
        <v>0</v>
      </c>
      <c r="AH478" s="53">
        <v>0</v>
      </c>
      <c r="AI478" s="53">
        <v>0</v>
      </c>
      <c r="AJ478" s="53">
        <v>0</v>
      </c>
      <c r="AK478" s="53">
        <v>0</v>
      </c>
      <c r="AL478" s="53">
        <v>0</v>
      </c>
      <c r="AM478" s="53">
        <v>0</v>
      </c>
      <c r="AN478" s="53">
        <v>0</v>
      </c>
      <c r="AO478" s="53">
        <v>0</v>
      </c>
      <c r="AP478" s="53">
        <v>0</v>
      </c>
      <c r="AQ478" s="53">
        <v>0</v>
      </c>
      <c r="AR478" s="53">
        <v>0</v>
      </c>
      <c r="AS478" s="53">
        <v>0</v>
      </c>
      <c r="AT478" s="53">
        <v>0</v>
      </c>
      <c r="AU478" s="53">
        <v>0</v>
      </c>
      <c r="AV478" s="53">
        <v>0</v>
      </c>
      <c r="AW478" s="53">
        <v>0</v>
      </c>
      <c r="AX478" s="53">
        <v>0</v>
      </c>
      <c r="AY478" s="53">
        <v>0</v>
      </c>
      <c r="AZ478" s="53">
        <v>0</v>
      </c>
      <c r="BA478" s="53">
        <v>0</v>
      </c>
      <c r="BB478" s="53">
        <v>0</v>
      </c>
      <c r="BC478" s="53">
        <v>0</v>
      </c>
      <c r="BD478" s="53">
        <v>0</v>
      </c>
      <c r="BE478" s="53">
        <v>0</v>
      </c>
      <c r="BF478" s="53">
        <v>0</v>
      </c>
      <c r="BG478" s="53">
        <v>0</v>
      </c>
      <c r="BH478" s="53">
        <v>0</v>
      </c>
      <c r="BI478" s="53">
        <v>0</v>
      </c>
      <c r="BJ478" s="53">
        <v>0</v>
      </c>
      <c r="BK478" s="53">
        <v>0</v>
      </c>
      <c r="BL478" s="53">
        <v>0</v>
      </c>
      <c r="BM478" s="53">
        <v>0</v>
      </c>
      <c r="BN478" s="53">
        <v>0</v>
      </c>
      <c r="BO478" s="53">
        <v>0</v>
      </c>
      <c r="BP478" s="53">
        <v>0</v>
      </c>
      <c r="BQ478" s="53">
        <v>0</v>
      </c>
      <c r="BR478" s="53">
        <v>0</v>
      </c>
      <c r="BS478" s="53">
        <v>0</v>
      </c>
      <c r="BT478" s="53">
        <v>0</v>
      </c>
      <c r="BU478" s="53">
        <v>0</v>
      </c>
      <c r="BV478" s="53">
        <v>0</v>
      </c>
      <c r="BW478" s="53">
        <v>0</v>
      </c>
      <c r="BX478" s="53">
        <v>0</v>
      </c>
      <c r="BY478" s="53">
        <v>0</v>
      </c>
      <c r="BZ478" s="53">
        <v>0</v>
      </c>
      <c r="CA478" s="53">
        <v>0</v>
      </c>
      <c r="CB478" s="53">
        <v>0</v>
      </c>
      <c r="CC478" s="53">
        <v>0</v>
      </c>
      <c r="CD478" s="53">
        <v>0</v>
      </c>
      <c r="CE478" s="53">
        <v>0</v>
      </c>
      <c r="CF478" s="53">
        <v>0</v>
      </c>
      <c r="CG478" s="53">
        <v>0</v>
      </c>
      <c r="CH478" s="53">
        <v>0</v>
      </c>
      <c r="CI478" s="53">
        <v>0</v>
      </c>
      <c r="CJ478" s="53">
        <v>0</v>
      </c>
      <c r="CK478" s="53">
        <v>0</v>
      </c>
      <c r="CL478" s="53">
        <v>0</v>
      </c>
      <c r="CM478" s="53">
        <v>0</v>
      </c>
      <c r="CN478" s="53">
        <v>0</v>
      </c>
    </row>
    <row r="479" spans="1:92" outlineLevel="1">
      <c r="A479" s="52" t="s">
        <v>1314</v>
      </c>
      <c r="B479" s="53"/>
      <c r="C479" s="53"/>
      <c r="D479" s="53"/>
      <c r="E479" s="53"/>
      <c r="F479" s="53"/>
      <c r="G479" s="53"/>
      <c r="H479" s="53"/>
      <c r="I479" s="53"/>
      <c r="J479" s="53"/>
      <c r="K479" s="53"/>
      <c r="L479" s="53"/>
      <c r="M479" s="53"/>
      <c r="N479" s="53"/>
      <c r="O479" s="53"/>
      <c r="P479" s="53"/>
      <c r="Q479" s="53"/>
      <c r="R479" s="53"/>
      <c r="S479" s="53"/>
      <c r="T479" s="53"/>
      <c r="U479" s="53"/>
      <c r="V479" s="53"/>
      <c r="W479" s="53"/>
      <c r="X479" s="53"/>
      <c r="Y479" s="53"/>
      <c r="Z479" s="53"/>
      <c r="AA479" s="53"/>
      <c r="AB479" s="53"/>
      <c r="AC479" s="53"/>
      <c r="AD479" s="53"/>
      <c r="AE479" s="53"/>
      <c r="AF479" s="53"/>
      <c r="AG479" s="53"/>
      <c r="AH479" s="53"/>
      <c r="AI479" s="53"/>
      <c r="AJ479" s="53"/>
      <c r="AK479" s="53"/>
      <c r="AL479" s="53"/>
      <c r="AM479" s="53"/>
      <c r="AN479" s="53"/>
      <c r="AO479" s="53"/>
      <c r="AP479" s="53"/>
      <c r="AQ479" s="53"/>
      <c r="AR479" s="53"/>
      <c r="AS479" s="53"/>
      <c r="AT479" s="53"/>
      <c r="AU479" s="53"/>
      <c r="AV479" s="53"/>
      <c r="AW479" s="53"/>
      <c r="AX479" s="53"/>
      <c r="AY479" s="53"/>
      <c r="AZ479" s="53"/>
      <c r="BA479" s="53"/>
      <c r="BB479" s="53"/>
      <c r="BC479" s="53"/>
      <c r="BD479" s="53"/>
      <c r="BE479" s="53"/>
      <c r="BF479" s="53"/>
      <c r="BG479" s="53"/>
      <c r="BH479" s="53"/>
      <c r="BI479" s="53"/>
      <c r="BJ479" s="53"/>
      <c r="BK479" s="53"/>
      <c r="BL479" s="53"/>
      <c r="BM479" s="53"/>
      <c r="BN479" s="53"/>
      <c r="BO479" s="53"/>
      <c r="BP479" s="53"/>
      <c r="BQ479" s="53"/>
      <c r="BR479" s="53"/>
      <c r="BS479" s="53"/>
      <c r="BT479" s="53"/>
      <c r="BU479" s="53"/>
      <c r="BV479" s="53"/>
      <c r="BW479" s="53"/>
      <c r="BX479" s="53"/>
      <c r="BY479" s="53"/>
      <c r="BZ479" s="53"/>
      <c r="CA479" s="53"/>
      <c r="CB479" s="53">
        <v>0</v>
      </c>
      <c r="CC479" s="53">
        <v>0</v>
      </c>
      <c r="CD479" s="53">
        <v>0</v>
      </c>
      <c r="CE479" s="53">
        <v>0</v>
      </c>
      <c r="CF479" s="53">
        <v>0</v>
      </c>
      <c r="CG479" s="53">
        <v>0</v>
      </c>
      <c r="CH479" s="53">
        <v>0</v>
      </c>
      <c r="CI479" s="53">
        <v>0</v>
      </c>
      <c r="CJ479" s="53">
        <v>0</v>
      </c>
      <c r="CK479" s="53">
        <v>0</v>
      </c>
      <c r="CL479" s="53">
        <v>0</v>
      </c>
      <c r="CM479" s="53">
        <v>0</v>
      </c>
      <c r="CN479" s="53">
        <v>0</v>
      </c>
    </row>
    <row r="480" spans="1:92" outlineLevel="1">
      <c r="A480" s="52" t="s">
        <v>1315</v>
      </c>
      <c r="B480" s="53">
        <v>0</v>
      </c>
      <c r="C480" s="53">
        <v>0</v>
      </c>
      <c r="D480" s="53">
        <v>0</v>
      </c>
      <c r="E480" s="53">
        <v>0</v>
      </c>
      <c r="F480" s="53">
        <v>0</v>
      </c>
      <c r="G480" s="53">
        <v>0</v>
      </c>
      <c r="H480" s="53">
        <v>0</v>
      </c>
      <c r="I480" s="53">
        <v>0</v>
      </c>
      <c r="J480" s="53">
        <v>0</v>
      </c>
      <c r="K480" s="53">
        <v>0</v>
      </c>
      <c r="L480" s="53">
        <v>0</v>
      </c>
      <c r="M480" s="53">
        <v>0</v>
      </c>
      <c r="N480" s="53">
        <v>0</v>
      </c>
      <c r="O480" s="53">
        <v>0</v>
      </c>
      <c r="P480" s="53">
        <v>0</v>
      </c>
      <c r="Q480" s="53">
        <v>0</v>
      </c>
      <c r="R480" s="53">
        <v>0</v>
      </c>
      <c r="S480" s="53">
        <v>0</v>
      </c>
      <c r="T480" s="53">
        <v>0</v>
      </c>
      <c r="U480" s="53">
        <v>0</v>
      </c>
      <c r="V480" s="53">
        <v>0</v>
      </c>
      <c r="W480" s="53">
        <v>0</v>
      </c>
      <c r="X480" s="53">
        <v>0</v>
      </c>
      <c r="Y480" s="53">
        <v>0</v>
      </c>
      <c r="Z480" s="53">
        <v>0</v>
      </c>
      <c r="AA480" s="53">
        <v>0</v>
      </c>
      <c r="AB480" s="53">
        <v>0</v>
      </c>
      <c r="AC480" s="53">
        <v>0</v>
      </c>
      <c r="AD480" s="53">
        <v>0</v>
      </c>
      <c r="AE480" s="53">
        <v>0</v>
      </c>
      <c r="AF480" s="53">
        <v>0</v>
      </c>
      <c r="AG480" s="53">
        <v>0</v>
      </c>
      <c r="AH480" s="53">
        <v>0</v>
      </c>
      <c r="AI480" s="53">
        <v>0</v>
      </c>
      <c r="AJ480" s="53">
        <v>0</v>
      </c>
      <c r="AK480" s="53">
        <v>0</v>
      </c>
      <c r="AL480" s="53">
        <v>0</v>
      </c>
      <c r="AM480" s="53">
        <v>0</v>
      </c>
      <c r="AN480" s="53">
        <v>0</v>
      </c>
      <c r="AO480" s="53">
        <v>0</v>
      </c>
      <c r="AP480" s="53">
        <v>0</v>
      </c>
      <c r="AQ480" s="53">
        <v>0</v>
      </c>
      <c r="AR480" s="53">
        <v>0</v>
      </c>
      <c r="AS480" s="53">
        <v>0</v>
      </c>
      <c r="AT480" s="53">
        <v>0</v>
      </c>
      <c r="AU480" s="53">
        <v>0</v>
      </c>
      <c r="AV480" s="53">
        <v>0</v>
      </c>
      <c r="AW480" s="53">
        <v>0</v>
      </c>
      <c r="AX480" s="53">
        <v>0</v>
      </c>
      <c r="AY480" s="53">
        <v>0</v>
      </c>
      <c r="AZ480" s="53">
        <v>0</v>
      </c>
      <c r="BA480" s="53">
        <v>0</v>
      </c>
      <c r="BB480" s="53">
        <v>0</v>
      </c>
      <c r="BC480" s="53">
        <v>0</v>
      </c>
      <c r="BD480" s="53">
        <v>0</v>
      </c>
      <c r="BE480" s="53">
        <v>0</v>
      </c>
      <c r="BF480" s="53">
        <v>0</v>
      </c>
      <c r="BG480" s="53">
        <v>0</v>
      </c>
      <c r="BH480" s="53">
        <v>0</v>
      </c>
      <c r="BI480" s="53">
        <v>0</v>
      </c>
      <c r="BJ480" s="53">
        <v>0</v>
      </c>
      <c r="BK480" s="53">
        <v>0</v>
      </c>
      <c r="BL480" s="53">
        <v>0</v>
      </c>
      <c r="BM480" s="53">
        <v>0</v>
      </c>
      <c r="BN480" s="53">
        <v>0</v>
      </c>
      <c r="BO480" s="53">
        <v>0</v>
      </c>
      <c r="BP480" s="53">
        <v>0</v>
      </c>
      <c r="BQ480" s="53">
        <v>0</v>
      </c>
      <c r="BR480" s="53">
        <v>0</v>
      </c>
      <c r="BS480" s="53">
        <v>0</v>
      </c>
      <c r="BT480" s="53">
        <v>0</v>
      </c>
      <c r="BU480" s="53">
        <v>0</v>
      </c>
      <c r="BV480" s="53">
        <v>0</v>
      </c>
      <c r="BW480" s="53">
        <v>0</v>
      </c>
      <c r="BX480" s="53">
        <v>0</v>
      </c>
      <c r="BY480" s="53">
        <v>0</v>
      </c>
      <c r="BZ480" s="53">
        <v>0</v>
      </c>
      <c r="CA480" s="53">
        <v>0</v>
      </c>
      <c r="CB480" s="53">
        <v>0</v>
      </c>
      <c r="CC480" s="53">
        <v>0</v>
      </c>
      <c r="CD480" s="53">
        <v>0</v>
      </c>
      <c r="CE480" s="53">
        <v>0</v>
      </c>
      <c r="CF480" s="53">
        <v>0</v>
      </c>
      <c r="CG480" s="53">
        <v>0</v>
      </c>
      <c r="CH480" s="53">
        <v>0</v>
      </c>
      <c r="CI480" s="53">
        <v>0</v>
      </c>
      <c r="CJ480" s="53">
        <v>0</v>
      </c>
      <c r="CK480" s="53">
        <v>0</v>
      </c>
      <c r="CL480" s="53">
        <v>0</v>
      </c>
      <c r="CM480" s="53">
        <v>0</v>
      </c>
      <c r="CN480" s="53">
        <v>0</v>
      </c>
    </row>
    <row r="481" spans="1:92" outlineLevel="1">
      <c r="A481" s="52" t="s">
        <v>1316</v>
      </c>
      <c r="B481" s="53">
        <v>0</v>
      </c>
      <c r="C481" s="53">
        <v>0</v>
      </c>
      <c r="D481" s="53">
        <v>0</v>
      </c>
      <c r="E481" s="53">
        <v>0</v>
      </c>
      <c r="F481" s="53">
        <v>0</v>
      </c>
      <c r="G481" s="53">
        <v>0</v>
      </c>
      <c r="H481" s="53">
        <v>0</v>
      </c>
      <c r="I481" s="53">
        <v>0</v>
      </c>
      <c r="J481" s="53">
        <v>0</v>
      </c>
      <c r="K481" s="53">
        <v>0</v>
      </c>
      <c r="L481" s="53">
        <v>0</v>
      </c>
      <c r="M481" s="53">
        <v>0</v>
      </c>
      <c r="N481" s="53">
        <v>0</v>
      </c>
      <c r="O481" s="53">
        <v>0</v>
      </c>
      <c r="P481" s="53">
        <v>0</v>
      </c>
      <c r="Q481" s="53">
        <v>0</v>
      </c>
      <c r="R481" s="53">
        <v>0</v>
      </c>
      <c r="S481" s="53">
        <v>0</v>
      </c>
      <c r="T481" s="53">
        <v>0</v>
      </c>
      <c r="U481" s="53">
        <v>0</v>
      </c>
      <c r="V481" s="53">
        <v>0</v>
      </c>
      <c r="W481" s="53">
        <v>0</v>
      </c>
      <c r="X481" s="53">
        <v>0</v>
      </c>
      <c r="Y481" s="53">
        <v>0</v>
      </c>
      <c r="Z481" s="53">
        <v>0</v>
      </c>
      <c r="AA481" s="53">
        <v>0</v>
      </c>
      <c r="AB481" s="53">
        <v>0</v>
      </c>
      <c r="AC481" s="53">
        <v>0</v>
      </c>
      <c r="AD481" s="53">
        <v>0</v>
      </c>
      <c r="AE481" s="53">
        <v>0</v>
      </c>
      <c r="AF481" s="53">
        <v>0</v>
      </c>
      <c r="AG481" s="53">
        <v>0</v>
      </c>
      <c r="AH481" s="53">
        <v>0</v>
      </c>
      <c r="AI481" s="53">
        <v>0</v>
      </c>
      <c r="AJ481" s="53">
        <v>0</v>
      </c>
      <c r="AK481" s="53">
        <v>0</v>
      </c>
      <c r="AL481" s="53">
        <v>0</v>
      </c>
      <c r="AM481" s="53">
        <v>0</v>
      </c>
      <c r="AN481" s="53">
        <v>0</v>
      </c>
      <c r="AO481" s="53">
        <v>0</v>
      </c>
      <c r="AP481" s="53">
        <v>0</v>
      </c>
      <c r="AQ481" s="53">
        <v>0</v>
      </c>
      <c r="AR481" s="53">
        <v>0</v>
      </c>
      <c r="AS481" s="53">
        <v>0</v>
      </c>
      <c r="AT481" s="53">
        <v>0</v>
      </c>
      <c r="AU481" s="53">
        <v>0</v>
      </c>
      <c r="AV481" s="53">
        <v>0</v>
      </c>
      <c r="AW481" s="53">
        <v>0</v>
      </c>
      <c r="AX481" s="53">
        <v>0</v>
      </c>
      <c r="AY481" s="53">
        <v>0</v>
      </c>
      <c r="AZ481" s="53">
        <v>0</v>
      </c>
      <c r="BA481" s="53">
        <v>0</v>
      </c>
      <c r="BB481" s="53">
        <v>0</v>
      </c>
      <c r="BC481" s="53">
        <v>0</v>
      </c>
      <c r="BD481" s="53">
        <v>0</v>
      </c>
      <c r="BE481" s="53">
        <v>0</v>
      </c>
      <c r="BF481" s="53">
        <v>0</v>
      </c>
      <c r="BG481" s="53">
        <v>0</v>
      </c>
      <c r="BH481" s="53">
        <v>0</v>
      </c>
      <c r="BI481" s="53">
        <v>0</v>
      </c>
      <c r="BJ481" s="53">
        <v>0</v>
      </c>
      <c r="BK481" s="53">
        <v>0</v>
      </c>
      <c r="BL481" s="53">
        <v>0</v>
      </c>
      <c r="BM481" s="53">
        <v>0</v>
      </c>
      <c r="BN481" s="53">
        <v>0</v>
      </c>
      <c r="BO481" s="53">
        <v>0</v>
      </c>
      <c r="BP481" s="53">
        <v>0</v>
      </c>
      <c r="BQ481" s="53">
        <v>0</v>
      </c>
      <c r="BR481" s="53">
        <v>0</v>
      </c>
      <c r="BS481" s="53">
        <v>0</v>
      </c>
      <c r="BT481" s="53">
        <v>0</v>
      </c>
      <c r="BU481" s="53">
        <v>0</v>
      </c>
      <c r="BV481" s="53">
        <v>0</v>
      </c>
      <c r="BW481" s="53">
        <v>0</v>
      </c>
      <c r="BX481" s="53">
        <v>0</v>
      </c>
      <c r="BY481" s="53">
        <v>0</v>
      </c>
      <c r="BZ481" s="53">
        <v>0</v>
      </c>
      <c r="CA481" s="53">
        <v>0</v>
      </c>
      <c r="CB481" s="53">
        <v>0</v>
      </c>
      <c r="CC481" s="53">
        <v>0</v>
      </c>
      <c r="CD481" s="53">
        <v>0</v>
      </c>
      <c r="CE481" s="53">
        <v>0</v>
      </c>
      <c r="CF481" s="53">
        <v>0</v>
      </c>
      <c r="CG481" s="53">
        <v>0</v>
      </c>
      <c r="CH481" s="53">
        <v>0</v>
      </c>
      <c r="CI481" s="53">
        <v>0</v>
      </c>
      <c r="CJ481" s="53">
        <v>0</v>
      </c>
      <c r="CK481" s="53">
        <v>0</v>
      </c>
      <c r="CL481" s="53">
        <v>0</v>
      </c>
      <c r="CM481" s="53">
        <v>0</v>
      </c>
      <c r="CN481" s="53">
        <v>0</v>
      </c>
    </row>
    <row r="482" spans="1:92" outlineLevel="1">
      <c r="A482" s="52" t="s">
        <v>1317</v>
      </c>
      <c r="B482" s="53">
        <v>0</v>
      </c>
      <c r="C482" s="53">
        <v>0</v>
      </c>
      <c r="D482" s="53">
        <v>0</v>
      </c>
      <c r="E482" s="53">
        <v>0</v>
      </c>
      <c r="F482" s="53">
        <v>0</v>
      </c>
      <c r="G482" s="53">
        <v>0</v>
      </c>
      <c r="H482" s="53">
        <v>0</v>
      </c>
      <c r="I482" s="53">
        <v>0</v>
      </c>
      <c r="J482" s="53">
        <v>0</v>
      </c>
      <c r="K482" s="53">
        <v>0</v>
      </c>
      <c r="L482" s="53">
        <v>0</v>
      </c>
      <c r="M482" s="53">
        <v>0</v>
      </c>
      <c r="N482" s="53">
        <v>0</v>
      </c>
      <c r="O482" s="53">
        <v>0</v>
      </c>
      <c r="P482" s="53">
        <v>0</v>
      </c>
      <c r="Q482" s="53">
        <v>0</v>
      </c>
      <c r="R482" s="53">
        <v>0</v>
      </c>
      <c r="S482" s="53">
        <v>0</v>
      </c>
      <c r="T482" s="53">
        <v>0</v>
      </c>
      <c r="U482" s="53">
        <v>0</v>
      </c>
      <c r="V482" s="53">
        <v>0</v>
      </c>
      <c r="W482" s="53">
        <v>0</v>
      </c>
      <c r="X482" s="53">
        <v>0</v>
      </c>
      <c r="Y482" s="53">
        <v>0</v>
      </c>
      <c r="Z482" s="53">
        <v>0</v>
      </c>
      <c r="AA482" s="53">
        <v>0</v>
      </c>
      <c r="AB482" s="53">
        <v>0</v>
      </c>
      <c r="AC482" s="53">
        <v>0</v>
      </c>
      <c r="AD482" s="53">
        <v>0</v>
      </c>
      <c r="AE482" s="53">
        <v>0</v>
      </c>
      <c r="AF482" s="53">
        <v>0</v>
      </c>
      <c r="AG482" s="53">
        <v>0</v>
      </c>
      <c r="AH482" s="53">
        <v>0</v>
      </c>
      <c r="AI482" s="53">
        <v>0</v>
      </c>
      <c r="AJ482" s="53">
        <v>0</v>
      </c>
      <c r="AK482" s="53">
        <v>0</v>
      </c>
      <c r="AL482" s="53">
        <v>0</v>
      </c>
      <c r="AM482" s="53">
        <v>0</v>
      </c>
      <c r="AN482" s="53">
        <v>0</v>
      </c>
      <c r="AO482" s="53">
        <v>0</v>
      </c>
      <c r="AP482" s="53">
        <v>0</v>
      </c>
      <c r="AQ482" s="53">
        <v>0</v>
      </c>
      <c r="AR482" s="53">
        <v>0</v>
      </c>
      <c r="AS482" s="53">
        <v>0</v>
      </c>
      <c r="AT482" s="53">
        <v>0</v>
      </c>
      <c r="AU482" s="53">
        <v>0</v>
      </c>
      <c r="AV482" s="53">
        <v>0</v>
      </c>
      <c r="AW482" s="53">
        <v>0</v>
      </c>
      <c r="AX482" s="53">
        <v>0</v>
      </c>
      <c r="AY482" s="53">
        <v>0</v>
      </c>
      <c r="AZ482" s="53">
        <v>0</v>
      </c>
      <c r="BA482" s="53">
        <v>0</v>
      </c>
      <c r="BB482" s="53">
        <v>0</v>
      </c>
      <c r="BC482" s="53">
        <v>0</v>
      </c>
      <c r="BD482" s="53">
        <v>0</v>
      </c>
      <c r="BE482" s="53">
        <v>0</v>
      </c>
      <c r="BF482" s="53">
        <v>0</v>
      </c>
      <c r="BG482" s="53">
        <v>0</v>
      </c>
      <c r="BH482" s="53">
        <v>0</v>
      </c>
      <c r="BI482" s="53">
        <v>0</v>
      </c>
      <c r="BJ482" s="53">
        <v>0</v>
      </c>
      <c r="BK482" s="53">
        <v>0</v>
      </c>
      <c r="BL482" s="53">
        <v>0</v>
      </c>
      <c r="BM482" s="53">
        <v>0</v>
      </c>
      <c r="BN482" s="53">
        <v>0</v>
      </c>
      <c r="BO482" s="53">
        <v>0</v>
      </c>
      <c r="BP482" s="53">
        <v>0</v>
      </c>
      <c r="BQ482" s="53">
        <v>0</v>
      </c>
      <c r="BR482" s="53">
        <v>0</v>
      </c>
      <c r="BS482" s="53">
        <v>0</v>
      </c>
      <c r="BT482" s="53">
        <v>0</v>
      </c>
      <c r="BU482" s="53">
        <v>0</v>
      </c>
      <c r="BV482" s="53">
        <v>0</v>
      </c>
      <c r="BW482" s="53">
        <v>0</v>
      </c>
      <c r="BX482" s="53">
        <v>0</v>
      </c>
      <c r="BY482" s="53">
        <v>0</v>
      </c>
      <c r="BZ482" s="53">
        <v>0</v>
      </c>
      <c r="CA482" s="53">
        <v>0</v>
      </c>
      <c r="CB482" s="53">
        <v>0</v>
      </c>
      <c r="CC482" s="53">
        <v>0</v>
      </c>
      <c r="CD482" s="53">
        <v>0</v>
      </c>
      <c r="CE482" s="53">
        <v>0</v>
      </c>
      <c r="CF482" s="53">
        <v>0</v>
      </c>
      <c r="CG482" s="53">
        <v>0</v>
      </c>
      <c r="CH482" s="53">
        <v>0</v>
      </c>
      <c r="CI482" s="53">
        <v>0</v>
      </c>
      <c r="CJ482" s="53">
        <v>0</v>
      </c>
      <c r="CK482" s="53">
        <v>0</v>
      </c>
      <c r="CL482" s="53">
        <v>0</v>
      </c>
      <c r="CM482" s="53">
        <v>0</v>
      </c>
      <c r="CN482" s="53">
        <v>0</v>
      </c>
    </row>
    <row r="483" spans="1:92" outlineLevel="1">
      <c r="A483" s="52" t="s">
        <v>1218</v>
      </c>
      <c r="B483" s="53">
        <v>1564695.96</v>
      </c>
      <c r="C483" s="53">
        <v>1483627.73</v>
      </c>
      <c r="D483" s="53">
        <v>1884689.41</v>
      </c>
      <c r="E483" s="53">
        <v>1188341</v>
      </c>
      <c r="F483" s="53">
        <v>1252071</v>
      </c>
      <c r="G483" s="53">
        <v>1900632.68</v>
      </c>
      <c r="H483" s="53">
        <v>1435841</v>
      </c>
      <c r="I483" s="53">
        <v>1600841</v>
      </c>
      <c r="J483" s="53">
        <v>1341902.68</v>
      </c>
      <c r="K483" s="53">
        <v>941476.03</v>
      </c>
      <c r="L483" s="53">
        <v>80540.03</v>
      </c>
      <c r="M483" s="53">
        <v>384070.43</v>
      </c>
      <c r="N483" s="53">
        <v>1564695.96</v>
      </c>
      <c r="O483" s="53">
        <v>660925.05000000005</v>
      </c>
      <c r="P483" s="53">
        <v>-1453071.8681152801</v>
      </c>
      <c r="Q483" s="53">
        <v>21800894.231152799</v>
      </c>
      <c r="R483" s="53">
        <v>19686897.3130375</v>
      </c>
      <c r="S483" s="53">
        <v>17572900.394922201</v>
      </c>
      <c r="T483" s="53">
        <v>15458903.4768069</v>
      </c>
      <c r="U483" s="53">
        <v>13344906.558691701</v>
      </c>
      <c r="V483" s="53">
        <v>11230909.6405764</v>
      </c>
      <c r="W483" s="53">
        <v>9116912.7224611305</v>
      </c>
      <c r="X483" s="53">
        <v>7002915.8043458499</v>
      </c>
      <c r="Y483" s="53">
        <v>4888918.8862305703</v>
      </c>
      <c r="Z483" s="53">
        <v>2774921.9681152799</v>
      </c>
      <c r="AA483" s="53">
        <v>660925.05000000005</v>
      </c>
      <c r="AB483" s="53">
        <v>660925.050000004</v>
      </c>
      <c r="AC483" s="53">
        <v>-1665894.4820989899</v>
      </c>
      <c r="AD483" s="53">
        <v>23929120.3709899</v>
      </c>
      <c r="AE483" s="53">
        <v>21602300.838890899</v>
      </c>
      <c r="AF483" s="53">
        <v>19275481.306791998</v>
      </c>
      <c r="AG483" s="53">
        <v>16948661.7746929</v>
      </c>
      <c r="AH483" s="53">
        <v>14621842.242593899</v>
      </c>
      <c r="AI483" s="53">
        <v>12295022.7104949</v>
      </c>
      <c r="AJ483" s="53">
        <v>9968203.1783959996</v>
      </c>
      <c r="AK483" s="53">
        <v>7641383.6462969901</v>
      </c>
      <c r="AL483" s="53">
        <v>5314564.1141979899</v>
      </c>
      <c r="AM483" s="53">
        <v>2987744.5820989902</v>
      </c>
      <c r="AN483" s="53">
        <v>660925.050000004</v>
      </c>
      <c r="AO483" s="53">
        <v>660925.049999999</v>
      </c>
      <c r="AP483" s="53">
        <v>-1770032.21250348</v>
      </c>
      <c r="AQ483" s="53">
        <v>24970497.675034799</v>
      </c>
      <c r="AR483" s="53">
        <v>22539540.412531301</v>
      </c>
      <c r="AS483" s="53">
        <v>20108583.1500278</v>
      </c>
      <c r="AT483" s="53">
        <v>17677625.887524299</v>
      </c>
      <c r="AU483" s="53">
        <v>15246668.625020901</v>
      </c>
      <c r="AV483" s="53">
        <v>12815711.3625174</v>
      </c>
      <c r="AW483" s="53">
        <v>10384754.100013901</v>
      </c>
      <c r="AX483" s="53">
        <v>7953796.8375104498</v>
      </c>
      <c r="AY483" s="53">
        <v>5522839.5750069702</v>
      </c>
      <c r="AZ483" s="53">
        <v>3091882.3125034799</v>
      </c>
      <c r="BA483" s="53">
        <v>660925.049999999</v>
      </c>
      <c r="BB483" s="53">
        <v>660925.05000000296</v>
      </c>
      <c r="BC483" s="53">
        <v>-1856397.79256402</v>
      </c>
      <c r="BD483" s="53">
        <v>25834153.475640301</v>
      </c>
      <c r="BE483" s="53">
        <v>23316830.633076299</v>
      </c>
      <c r="BF483" s="53">
        <v>20799507.7905122</v>
      </c>
      <c r="BG483" s="53">
        <v>18282184.947948199</v>
      </c>
      <c r="BH483" s="53">
        <v>15764862.105384201</v>
      </c>
      <c r="BI483" s="53">
        <v>13247539.2628201</v>
      </c>
      <c r="BJ483" s="53">
        <v>10730216.420256101</v>
      </c>
      <c r="BK483" s="53">
        <v>8212893.5776920998</v>
      </c>
      <c r="BL483" s="53">
        <v>5695570.73512806</v>
      </c>
      <c r="BM483" s="53">
        <v>3178247.8925640299</v>
      </c>
      <c r="BN483" s="53">
        <v>660925.05000000296</v>
      </c>
      <c r="BO483" s="53">
        <v>660925.05000000203</v>
      </c>
      <c r="BP483" s="53">
        <v>-1946533.3448809399</v>
      </c>
      <c r="BQ483" s="53">
        <v>26735508.998809401</v>
      </c>
      <c r="BR483" s="53">
        <v>24128050.603928499</v>
      </c>
      <c r="BS483" s="53">
        <v>21520592.209047601</v>
      </c>
      <c r="BT483" s="53">
        <v>18913133.814166602</v>
      </c>
      <c r="BU483" s="53">
        <v>16305675.4192857</v>
      </c>
      <c r="BV483" s="53">
        <v>13698217.024404701</v>
      </c>
      <c r="BW483" s="53">
        <v>11090758.629523801</v>
      </c>
      <c r="BX483" s="53">
        <v>8483300.2346428502</v>
      </c>
      <c r="BY483" s="53">
        <v>5875841.8397618998</v>
      </c>
      <c r="BZ483" s="53">
        <v>3268383.4448809498</v>
      </c>
      <c r="CA483" s="53">
        <v>660925.05000000203</v>
      </c>
      <c r="CB483" s="53">
        <v>0</v>
      </c>
      <c r="CC483" s="53">
        <v>0</v>
      </c>
      <c r="CD483" s="53">
        <v>0</v>
      </c>
      <c r="CE483" s="53">
        <v>0</v>
      </c>
      <c r="CF483" s="53">
        <v>0</v>
      </c>
      <c r="CG483" s="53">
        <v>0</v>
      </c>
      <c r="CH483" s="53">
        <v>0</v>
      </c>
      <c r="CI483" s="53">
        <v>0</v>
      </c>
      <c r="CJ483" s="53">
        <v>0</v>
      </c>
      <c r="CK483" s="53">
        <v>0</v>
      </c>
      <c r="CL483" s="53">
        <v>0</v>
      </c>
      <c r="CM483" s="53">
        <v>0</v>
      </c>
      <c r="CN483" s="53">
        <v>0</v>
      </c>
    </row>
    <row r="484" spans="1:92" outlineLevel="1">
      <c r="A484" s="52" t="s">
        <v>699</v>
      </c>
      <c r="B484" s="53"/>
      <c r="C484" s="53"/>
      <c r="D484" s="53"/>
      <c r="E484" s="53"/>
      <c r="F484" s="53"/>
      <c r="G484" s="53"/>
      <c r="H484" s="53"/>
      <c r="I484" s="53"/>
      <c r="J484" s="53"/>
      <c r="K484" s="53"/>
      <c r="L484" s="53"/>
      <c r="M484" s="53"/>
      <c r="N484" s="53"/>
      <c r="O484" s="53"/>
      <c r="P484" s="53"/>
      <c r="Q484" s="53"/>
      <c r="R484" s="53"/>
      <c r="S484" s="53"/>
      <c r="T484" s="53"/>
      <c r="U484" s="53"/>
      <c r="V484" s="53"/>
      <c r="W484" s="53"/>
      <c r="X484" s="53"/>
      <c r="Y484" s="53"/>
      <c r="Z484" s="53"/>
      <c r="AA484" s="53"/>
      <c r="AB484" s="53"/>
      <c r="AC484" s="53"/>
      <c r="AD484" s="53"/>
      <c r="AE484" s="53"/>
      <c r="AF484" s="53"/>
      <c r="AG484" s="53"/>
      <c r="AH484" s="53"/>
      <c r="AI484" s="53"/>
      <c r="AJ484" s="53"/>
      <c r="AK484" s="53"/>
      <c r="AL484" s="53"/>
      <c r="AM484" s="53"/>
      <c r="AN484" s="53"/>
      <c r="AO484" s="53"/>
      <c r="AP484" s="53"/>
      <c r="AQ484" s="53"/>
      <c r="AR484" s="53"/>
      <c r="AS484" s="53"/>
      <c r="AT484" s="53"/>
      <c r="AU484" s="53"/>
      <c r="AV484" s="53"/>
      <c r="AW484" s="53"/>
      <c r="AX484" s="53"/>
      <c r="AY484" s="53"/>
      <c r="AZ484" s="53"/>
      <c r="BA484" s="53"/>
      <c r="BB484" s="53"/>
      <c r="BC484" s="53"/>
      <c r="BD484" s="53"/>
      <c r="BE484" s="53"/>
      <c r="BF484" s="53"/>
      <c r="BG484" s="53"/>
      <c r="BH484" s="53"/>
      <c r="BI484" s="53"/>
      <c r="BJ484" s="53"/>
      <c r="BK484" s="53"/>
      <c r="BL484" s="53"/>
      <c r="BM484" s="53"/>
      <c r="BN484" s="53"/>
      <c r="BO484" s="53"/>
      <c r="BP484" s="53"/>
      <c r="BQ484" s="53"/>
      <c r="BR484" s="53"/>
      <c r="BS484" s="53"/>
      <c r="BT484" s="53"/>
      <c r="BU484" s="53"/>
      <c r="BV484" s="53"/>
      <c r="BW484" s="53"/>
      <c r="BX484" s="53"/>
      <c r="BY484" s="53"/>
      <c r="BZ484" s="53"/>
      <c r="CA484" s="53"/>
      <c r="CB484" s="53"/>
      <c r="CC484" s="53"/>
      <c r="CD484" s="53"/>
      <c r="CE484" s="53"/>
      <c r="CF484" s="53"/>
      <c r="CG484" s="53"/>
      <c r="CH484" s="53"/>
      <c r="CI484" s="53"/>
      <c r="CJ484" s="53"/>
      <c r="CK484" s="53"/>
      <c r="CL484" s="53"/>
      <c r="CM484" s="53"/>
      <c r="CN484" s="53"/>
    </row>
    <row r="485" spans="1:92" outlineLevel="1">
      <c r="A485" s="52" t="s">
        <v>683</v>
      </c>
      <c r="B485" s="53"/>
      <c r="C485" s="53"/>
      <c r="D485" s="53"/>
      <c r="E485" s="53"/>
      <c r="F485" s="53"/>
      <c r="G485" s="53"/>
      <c r="H485" s="53"/>
      <c r="I485" s="53"/>
      <c r="J485" s="53"/>
      <c r="K485" s="53"/>
      <c r="L485" s="53"/>
      <c r="M485" s="53"/>
      <c r="N485" s="53"/>
      <c r="O485" s="53"/>
      <c r="P485" s="53"/>
      <c r="Q485" s="53"/>
      <c r="R485" s="53"/>
      <c r="S485" s="53"/>
      <c r="T485" s="53"/>
      <c r="U485" s="53"/>
      <c r="V485" s="53"/>
      <c r="W485" s="53"/>
      <c r="X485" s="53"/>
      <c r="Y485" s="53"/>
      <c r="Z485" s="53"/>
      <c r="AA485" s="53"/>
      <c r="AB485" s="53"/>
      <c r="AC485" s="53"/>
      <c r="AD485" s="53"/>
      <c r="AE485" s="53"/>
      <c r="AF485" s="53"/>
      <c r="AG485" s="53"/>
      <c r="AH485" s="53"/>
      <c r="AI485" s="53"/>
      <c r="AJ485" s="53"/>
      <c r="AK485" s="53"/>
      <c r="AL485" s="53"/>
      <c r="AM485" s="53"/>
      <c r="AN485" s="53"/>
      <c r="AO485" s="53"/>
      <c r="AP485" s="53"/>
      <c r="AQ485" s="53"/>
      <c r="AR485" s="53"/>
      <c r="AS485" s="53"/>
      <c r="AT485" s="53"/>
      <c r="AU485" s="53"/>
      <c r="AV485" s="53"/>
      <c r="AW485" s="53"/>
      <c r="AX485" s="53"/>
      <c r="AY485" s="53"/>
      <c r="AZ485" s="53"/>
      <c r="BA485" s="53"/>
      <c r="BB485" s="53"/>
      <c r="BC485" s="53"/>
      <c r="BD485" s="53"/>
      <c r="BE485" s="53"/>
      <c r="BF485" s="53"/>
      <c r="BG485" s="53"/>
      <c r="BH485" s="53"/>
      <c r="BI485" s="53"/>
      <c r="BJ485" s="53"/>
      <c r="BK485" s="53"/>
      <c r="BL485" s="53"/>
      <c r="BM485" s="53"/>
      <c r="BN485" s="53"/>
      <c r="BO485" s="53"/>
      <c r="BP485" s="53"/>
      <c r="BQ485" s="53"/>
      <c r="BR485" s="53"/>
      <c r="BS485" s="53"/>
      <c r="BT485" s="53"/>
      <c r="BU485" s="53"/>
      <c r="BV485" s="53"/>
      <c r="BW485" s="53"/>
      <c r="BX485" s="53"/>
      <c r="BY485" s="53"/>
      <c r="BZ485" s="53"/>
      <c r="CA485" s="53"/>
      <c r="CB485" s="53">
        <v>0</v>
      </c>
      <c r="CC485" s="53">
        <v>0</v>
      </c>
      <c r="CD485" s="53">
        <v>0</v>
      </c>
      <c r="CE485" s="53">
        <v>0</v>
      </c>
      <c r="CF485" s="53">
        <v>0</v>
      </c>
      <c r="CG485" s="53">
        <v>0</v>
      </c>
      <c r="CH485" s="53">
        <v>0</v>
      </c>
      <c r="CI485" s="53">
        <v>0</v>
      </c>
      <c r="CJ485" s="53">
        <v>0</v>
      </c>
      <c r="CK485" s="53">
        <v>0</v>
      </c>
      <c r="CL485" s="53">
        <v>0</v>
      </c>
      <c r="CM485" s="53">
        <v>0</v>
      </c>
      <c r="CN485" s="53">
        <v>0</v>
      </c>
    </row>
    <row r="486" spans="1:92" outlineLevel="1">
      <c r="A486" s="52" t="s">
        <v>1318</v>
      </c>
      <c r="B486" s="53"/>
      <c r="C486" s="53"/>
      <c r="D486" s="53"/>
      <c r="E486" s="53"/>
      <c r="F486" s="53"/>
      <c r="G486" s="53"/>
      <c r="H486" s="53"/>
      <c r="I486" s="53"/>
      <c r="J486" s="53"/>
      <c r="K486" s="53"/>
      <c r="L486" s="53"/>
      <c r="M486" s="53"/>
      <c r="N486" s="53"/>
      <c r="O486" s="53"/>
      <c r="P486" s="53"/>
      <c r="Q486" s="53"/>
      <c r="R486" s="53"/>
      <c r="S486" s="53"/>
      <c r="T486" s="53"/>
      <c r="U486" s="53"/>
      <c r="V486" s="53"/>
      <c r="W486" s="53"/>
      <c r="X486" s="53"/>
      <c r="Y486" s="53"/>
      <c r="Z486" s="53"/>
      <c r="AA486" s="53"/>
      <c r="AB486" s="53"/>
      <c r="AC486" s="53"/>
      <c r="AD486" s="53"/>
      <c r="AE486" s="53"/>
      <c r="AF486" s="53"/>
      <c r="AG486" s="53"/>
      <c r="AH486" s="53"/>
      <c r="AI486" s="53"/>
      <c r="AJ486" s="53"/>
      <c r="AK486" s="53"/>
      <c r="AL486" s="53"/>
      <c r="AM486" s="53"/>
      <c r="AN486" s="53"/>
      <c r="AO486" s="53"/>
      <c r="AP486" s="53"/>
      <c r="AQ486" s="53"/>
      <c r="AR486" s="53"/>
      <c r="AS486" s="53"/>
      <c r="AT486" s="53"/>
      <c r="AU486" s="53"/>
      <c r="AV486" s="53"/>
      <c r="AW486" s="53"/>
      <c r="AX486" s="53"/>
      <c r="AY486" s="53"/>
      <c r="AZ486" s="53"/>
      <c r="BA486" s="53"/>
      <c r="BB486" s="53"/>
      <c r="BC486" s="53"/>
      <c r="BD486" s="53"/>
      <c r="BE486" s="53"/>
      <c r="BF486" s="53"/>
      <c r="BG486" s="53"/>
      <c r="BH486" s="53"/>
      <c r="BI486" s="53"/>
      <c r="BJ486" s="53"/>
      <c r="BK486" s="53"/>
      <c r="BL486" s="53"/>
      <c r="BM486" s="53"/>
      <c r="BN486" s="53"/>
      <c r="BO486" s="53"/>
      <c r="BP486" s="53"/>
      <c r="BQ486" s="53"/>
      <c r="BR486" s="53"/>
      <c r="BS486" s="53"/>
      <c r="BT486" s="53"/>
      <c r="BU486" s="53"/>
      <c r="BV486" s="53"/>
      <c r="BW486" s="53"/>
      <c r="BX486" s="53"/>
      <c r="BY486" s="53"/>
      <c r="BZ486" s="53"/>
      <c r="CA486" s="53"/>
      <c r="CB486" s="53">
        <v>0</v>
      </c>
      <c r="CC486" s="53">
        <v>0</v>
      </c>
      <c r="CD486" s="53">
        <v>0</v>
      </c>
      <c r="CE486" s="53">
        <v>0</v>
      </c>
      <c r="CF486" s="53">
        <v>0</v>
      </c>
      <c r="CG486" s="53">
        <v>0</v>
      </c>
      <c r="CH486" s="53">
        <v>0</v>
      </c>
      <c r="CI486" s="53">
        <v>0</v>
      </c>
      <c r="CJ486" s="53">
        <v>0</v>
      </c>
      <c r="CK486" s="53">
        <v>0</v>
      </c>
      <c r="CL486" s="53">
        <v>0</v>
      </c>
      <c r="CM486" s="53">
        <v>0</v>
      </c>
      <c r="CN486" s="53">
        <v>0</v>
      </c>
    </row>
    <row r="487" spans="1:92" outlineLevel="1">
      <c r="A487" s="52" t="s">
        <v>649</v>
      </c>
      <c r="B487" s="53"/>
      <c r="C487" s="53"/>
      <c r="D487" s="53"/>
      <c r="E487" s="53"/>
      <c r="F487" s="53"/>
      <c r="G487" s="53"/>
      <c r="H487" s="53"/>
      <c r="I487" s="53"/>
      <c r="J487" s="53"/>
      <c r="K487" s="53"/>
      <c r="L487" s="53"/>
      <c r="M487" s="53"/>
      <c r="N487" s="53"/>
      <c r="O487" s="53"/>
      <c r="P487" s="53">
        <v>25367963.0173834</v>
      </c>
      <c r="Q487" s="53"/>
      <c r="R487" s="53"/>
      <c r="S487" s="53"/>
      <c r="T487" s="53"/>
      <c r="U487" s="53"/>
      <c r="V487" s="53"/>
      <c r="W487" s="53"/>
      <c r="X487" s="53"/>
      <c r="Y487" s="53"/>
      <c r="Z487" s="53"/>
      <c r="AA487" s="53">
        <v>25367963.0173834</v>
      </c>
      <c r="AB487" s="53"/>
      <c r="AC487" s="53">
        <v>27921834.385187902</v>
      </c>
      <c r="AD487" s="53"/>
      <c r="AE487" s="53"/>
      <c r="AF487" s="53"/>
      <c r="AG487" s="53"/>
      <c r="AH487" s="53"/>
      <c r="AI487" s="53"/>
      <c r="AJ487" s="53"/>
      <c r="AK487" s="53"/>
      <c r="AL487" s="53"/>
      <c r="AM487" s="53"/>
      <c r="AN487" s="53">
        <v>27921834.385187902</v>
      </c>
      <c r="AO487" s="53"/>
      <c r="AP487" s="53">
        <v>29171487.1500418</v>
      </c>
      <c r="AQ487" s="53"/>
      <c r="AR487" s="53"/>
      <c r="AS487" s="53"/>
      <c r="AT487" s="53"/>
      <c r="AU487" s="53"/>
      <c r="AV487" s="53"/>
      <c r="AW487" s="53"/>
      <c r="AX487" s="53"/>
      <c r="AY487" s="53"/>
      <c r="AZ487" s="53"/>
      <c r="BA487" s="53">
        <v>29171487.1500418</v>
      </c>
      <c r="BB487" s="53"/>
      <c r="BC487" s="53">
        <v>30207874.1107684</v>
      </c>
      <c r="BD487" s="53"/>
      <c r="BE487" s="53"/>
      <c r="BF487" s="53"/>
      <c r="BG487" s="53"/>
      <c r="BH487" s="53"/>
      <c r="BI487" s="53"/>
      <c r="BJ487" s="53"/>
      <c r="BK487" s="53"/>
      <c r="BL487" s="53"/>
      <c r="BM487" s="53"/>
      <c r="BN487" s="53">
        <v>30207874.1107684</v>
      </c>
      <c r="BO487" s="53"/>
      <c r="BP487" s="53">
        <v>31289500.738571301</v>
      </c>
      <c r="BQ487" s="53"/>
      <c r="BR487" s="53"/>
      <c r="BS487" s="53"/>
      <c r="BT487" s="53"/>
      <c r="BU487" s="53"/>
      <c r="BV487" s="53"/>
      <c r="BW487" s="53"/>
      <c r="BX487" s="53"/>
      <c r="BY487" s="53"/>
      <c r="BZ487" s="53"/>
      <c r="CA487" s="53">
        <v>31289500.738571301</v>
      </c>
      <c r="CB487" s="53">
        <v>0</v>
      </c>
      <c r="CC487" s="53">
        <v>0</v>
      </c>
      <c r="CD487" s="53">
        <v>0</v>
      </c>
      <c r="CE487" s="53">
        <v>0</v>
      </c>
      <c r="CF487" s="53">
        <v>0</v>
      </c>
      <c r="CG487" s="53">
        <v>0</v>
      </c>
      <c r="CH487" s="53">
        <v>0</v>
      </c>
      <c r="CI487" s="53">
        <v>0</v>
      </c>
      <c r="CJ487" s="53">
        <v>0</v>
      </c>
      <c r="CK487" s="53">
        <v>0</v>
      </c>
      <c r="CL487" s="53">
        <v>0</v>
      </c>
      <c r="CM487" s="53">
        <v>0</v>
      </c>
      <c r="CN487" s="53">
        <v>0</v>
      </c>
    </row>
    <row r="488" spans="1:92" outlineLevel="1">
      <c r="A488" s="52" t="s">
        <v>672</v>
      </c>
      <c r="B488" s="53"/>
      <c r="C488" s="53"/>
      <c r="D488" s="53"/>
      <c r="E488" s="53"/>
      <c r="F488" s="53"/>
      <c r="G488" s="53"/>
      <c r="H488" s="53"/>
      <c r="I488" s="53"/>
      <c r="J488" s="53"/>
      <c r="K488" s="53"/>
      <c r="L488" s="53"/>
      <c r="M488" s="53"/>
      <c r="N488" s="53"/>
      <c r="O488" s="53"/>
      <c r="P488" s="53"/>
      <c r="Q488" s="53"/>
      <c r="R488" s="53"/>
      <c r="S488" s="53"/>
      <c r="T488" s="53"/>
      <c r="U488" s="53"/>
      <c r="V488" s="53"/>
      <c r="W488" s="53"/>
      <c r="X488" s="53"/>
      <c r="Y488" s="53"/>
      <c r="Z488" s="53"/>
      <c r="AA488" s="53"/>
      <c r="AB488" s="53"/>
      <c r="AC488" s="53"/>
      <c r="AD488" s="53"/>
      <c r="AE488" s="53"/>
      <c r="AF488" s="53"/>
      <c r="AG488" s="53"/>
      <c r="AH488" s="53"/>
      <c r="AI488" s="53"/>
      <c r="AJ488" s="53"/>
      <c r="AK488" s="53"/>
      <c r="AL488" s="53"/>
      <c r="AM488" s="53"/>
      <c r="AN488" s="53"/>
      <c r="AO488" s="53"/>
      <c r="AP488" s="53"/>
      <c r="AQ488" s="53"/>
      <c r="AR488" s="53"/>
      <c r="AS488" s="53"/>
      <c r="AT488" s="53"/>
      <c r="AU488" s="53"/>
      <c r="AV488" s="53"/>
      <c r="AW488" s="53"/>
      <c r="AX488" s="53"/>
      <c r="AY488" s="53"/>
      <c r="AZ488" s="53"/>
      <c r="BA488" s="53"/>
      <c r="BB488" s="53"/>
      <c r="BC488" s="53"/>
      <c r="BD488" s="53"/>
      <c r="BE488" s="53"/>
      <c r="BF488" s="53"/>
      <c r="BG488" s="53"/>
      <c r="BH488" s="53"/>
      <c r="BI488" s="53"/>
      <c r="BJ488" s="53"/>
      <c r="BK488" s="53"/>
      <c r="BL488" s="53"/>
      <c r="BM488" s="53"/>
      <c r="BN488" s="53"/>
      <c r="BO488" s="53"/>
      <c r="BP488" s="53"/>
      <c r="BQ488" s="53"/>
      <c r="BR488" s="53"/>
      <c r="BS488" s="53"/>
      <c r="BT488" s="53"/>
      <c r="BU488" s="53"/>
      <c r="BV488" s="53"/>
      <c r="BW488" s="53"/>
      <c r="BX488" s="53"/>
      <c r="BY488" s="53"/>
      <c r="BZ488" s="53"/>
      <c r="CA488" s="53"/>
      <c r="CB488" s="53">
        <v>1564695.96</v>
      </c>
      <c r="CC488" s="53">
        <v>-1132195.1574396701</v>
      </c>
      <c r="CD488" s="53">
        <v>28533607.134396698</v>
      </c>
      <c r="CE488" s="53">
        <v>25836716.016957</v>
      </c>
      <c r="CF488" s="53">
        <v>23139824.899517398</v>
      </c>
      <c r="CG488" s="53">
        <v>20442933.7820777</v>
      </c>
      <c r="CH488" s="53">
        <v>17746042.664638001</v>
      </c>
      <c r="CI488" s="53">
        <v>15049151.547198299</v>
      </c>
      <c r="CJ488" s="53">
        <v>12352260.4297587</v>
      </c>
      <c r="CK488" s="53">
        <v>9655369.3123190198</v>
      </c>
      <c r="CL488" s="53">
        <v>6958478.1948793503</v>
      </c>
      <c r="CM488" s="53">
        <v>4261587.0774396705</v>
      </c>
      <c r="CN488" s="53">
        <v>1564695.96</v>
      </c>
    </row>
    <row r="489" spans="1:92" outlineLevel="1">
      <c r="A489" s="52" t="s">
        <v>683</v>
      </c>
      <c r="B489" s="53"/>
      <c r="C489" s="53"/>
      <c r="D489" s="53"/>
      <c r="E489" s="53"/>
      <c r="F489" s="53"/>
      <c r="G489" s="53"/>
      <c r="H489" s="53"/>
      <c r="I489" s="53"/>
      <c r="J489" s="53"/>
      <c r="K489" s="53"/>
      <c r="L489" s="53"/>
      <c r="M489" s="53"/>
      <c r="N489" s="53"/>
      <c r="O489" s="53"/>
      <c r="P489" s="53"/>
      <c r="Q489" s="53"/>
      <c r="R489" s="53"/>
      <c r="S489" s="53"/>
      <c r="T489" s="53"/>
      <c r="U489" s="53"/>
      <c r="V489" s="53"/>
      <c r="W489" s="53"/>
      <c r="X489" s="53"/>
      <c r="Y489" s="53"/>
      <c r="Z489" s="53"/>
      <c r="AA489" s="53"/>
      <c r="AB489" s="53"/>
      <c r="AC489" s="53"/>
      <c r="AD489" s="53"/>
      <c r="AE489" s="53"/>
      <c r="AF489" s="53"/>
      <c r="AG489" s="53"/>
      <c r="AH489" s="53"/>
      <c r="AI489" s="53"/>
      <c r="AJ489" s="53"/>
      <c r="AK489" s="53"/>
      <c r="AL489" s="53"/>
      <c r="AM489" s="53"/>
      <c r="AN489" s="53"/>
      <c r="AO489" s="53"/>
      <c r="AP489" s="53"/>
      <c r="AQ489" s="53"/>
      <c r="AR489" s="53"/>
      <c r="AS489" s="53"/>
      <c r="AT489" s="53"/>
      <c r="AU489" s="53"/>
      <c r="AV489" s="53"/>
      <c r="AW489" s="53"/>
      <c r="AX489" s="53"/>
      <c r="AY489" s="53"/>
      <c r="AZ489" s="53"/>
      <c r="BA489" s="53"/>
      <c r="BB489" s="53"/>
      <c r="BC489" s="53"/>
      <c r="BD489" s="53"/>
      <c r="BE489" s="53"/>
      <c r="BF489" s="53"/>
      <c r="BG489" s="53"/>
      <c r="BH489" s="53"/>
      <c r="BI489" s="53"/>
      <c r="BJ489" s="53"/>
      <c r="BK489" s="53"/>
      <c r="BL489" s="53"/>
      <c r="BM489" s="53"/>
      <c r="BN489" s="53"/>
      <c r="BO489" s="53"/>
      <c r="BP489" s="53"/>
      <c r="BQ489" s="53"/>
      <c r="BR489" s="53"/>
      <c r="BS489" s="53"/>
      <c r="BT489" s="53"/>
      <c r="BU489" s="53"/>
      <c r="BV489" s="53"/>
      <c r="BW489" s="53"/>
      <c r="BX489" s="53"/>
      <c r="BY489" s="53"/>
      <c r="BZ489" s="53"/>
      <c r="CA489" s="53"/>
      <c r="CB489" s="53"/>
      <c r="CC489" s="53"/>
      <c r="CD489" s="53"/>
      <c r="CE489" s="53"/>
      <c r="CF489" s="53"/>
      <c r="CG489" s="53"/>
      <c r="CH489" s="53"/>
      <c r="CI489" s="53"/>
      <c r="CJ489" s="53"/>
      <c r="CK489" s="53"/>
      <c r="CL489" s="53"/>
      <c r="CM489" s="53"/>
      <c r="CN489" s="53"/>
    </row>
    <row r="490" spans="1:92" outlineLevel="1">
      <c r="A490" s="52" t="s">
        <v>1319</v>
      </c>
      <c r="B490" s="53"/>
      <c r="C490" s="53"/>
      <c r="D490" s="53"/>
      <c r="E490" s="53"/>
      <c r="F490" s="53"/>
      <c r="G490" s="53"/>
      <c r="H490" s="53"/>
      <c r="I490" s="53"/>
      <c r="J490" s="53"/>
      <c r="K490" s="53"/>
      <c r="L490" s="53"/>
      <c r="M490" s="53"/>
      <c r="N490" s="53"/>
      <c r="O490" s="53"/>
      <c r="P490" s="53"/>
      <c r="Q490" s="53"/>
      <c r="R490" s="53"/>
      <c r="S490" s="53"/>
      <c r="T490" s="53"/>
      <c r="U490" s="53"/>
      <c r="V490" s="53"/>
      <c r="W490" s="53"/>
      <c r="X490" s="53"/>
      <c r="Y490" s="53"/>
      <c r="Z490" s="53"/>
      <c r="AA490" s="53"/>
      <c r="AB490" s="53"/>
      <c r="AC490" s="53"/>
      <c r="AD490" s="53"/>
      <c r="AE490" s="53"/>
      <c r="AF490" s="53"/>
      <c r="AG490" s="53"/>
      <c r="AH490" s="53"/>
      <c r="AI490" s="53"/>
      <c r="AJ490" s="53"/>
      <c r="AK490" s="53"/>
      <c r="AL490" s="53"/>
      <c r="AM490" s="53"/>
      <c r="AN490" s="53"/>
      <c r="AO490" s="53"/>
      <c r="AP490" s="53"/>
      <c r="AQ490" s="53"/>
      <c r="AR490" s="53"/>
      <c r="AS490" s="53"/>
      <c r="AT490" s="53"/>
      <c r="AU490" s="53"/>
      <c r="AV490" s="53"/>
      <c r="AW490" s="53"/>
      <c r="AX490" s="53"/>
      <c r="AY490" s="53"/>
      <c r="AZ490" s="53"/>
      <c r="BA490" s="53"/>
      <c r="BB490" s="53"/>
      <c r="BC490" s="53"/>
      <c r="BD490" s="53"/>
      <c r="BE490" s="53"/>
      <c r="BF490" s="53"/>
      <c r="BG490" s="53"/>
      <c r="BH490" s="53"/>
      <c r="BI490" s="53"/>
      <c r="BJ490" s="53"/>
      <c r="BK490" s="53"/>
      <c r="BL490" s="53"/>
      <c r="BM490" s="53"/>
      <c r="BN490" s="53"/>
      <c r="BO490" s="53"/>
      <c r="BP490" s="53"/>
      <c r="BQ490" s="53"/>
      <c r="BR490" s="53"/>
      <c r="BS490" s="53"/>
      <c r="BT490" s="53"/>
      <c r="BU490" s="53"/>
      <c r="BV490" s="53"/>
      <c r="BW490" s="53"/>
      <c r="BX490" s="53"/>
      <c r="BY490" s="53"/>
      <c r="BZ490" s="53"/>
      <c r="CA490" s="53"/>
      <c r="CB490" s="53"/>
      <c r="CC490" s="53"/>
      <c r="CD490" s="53"/>
      <c r="CE490" s="53"/>
      <c r="CF490" s="53"/>
      <c r="CG490" s="53"/>
      <c r="CH490" s="53"/>
      <c r="CI490" s="53"/>
      <c r="CJ490" s="53"/>
      <c r="CK490" s="53"/>
      <c r="CL490" s="53"/>
      <c r="CM490" s="53"/>
      <c r="CN490" s="53"/>
    </row>
    <row r="491" spans="1:92" outlineLevel="1">
      <c r="A491" s="52" t="s">
        <v>649</v>
      </c>
      <c r="B491" s="53"/>
      <c r="C491" s="53"/>
      <c r="D491" s="53"/>
      <c r="E491" s="53"/>
      <c r="F491" s="53"/>
      <c r="G491" s="53"/>
      <c r="H491" s="53"/>
      <c r="I491" s="53"/>
      <c r="J491" s="53"/>
      <c r="K491" s="53"/>
      <c r="L491" s="53"/>
      <c r="M491" s="53"/>
      <c r="N491" s="53"/>
      <c r="O491" s="53">
        <v>-2113996.9181152801</v>
      </c>
      <c r="P491" s="53">
        <v>-2113996.9181152801</v>
      </c>
      <c r="Q491" s="53">
        <v>-2113996.9181152801</v>
      </c>
      <c r="R491" s="53">
        <v>-2113996.9181152801</v>
      </c>
      <c r="S491" s="53">
        <v>-2113996.9181152801</v>
      </c>
      <c r="T491" s="53">
        <v>-2113996.9181152801</v>
      </c>
      <c r="U491" s="53">
        <v>-2113996.9181152801</v>
      </c>
      <c r="V491" s="53">
        <v>-2113996.9181152801</v>
      </c>
      <c r="W491" s="53">
        <v>-2113996.9181152801</v>
      </c>
      <c r="X491" s="53">
        <v>-2113996.9181152801</v>
      </c>
      <c r="Y491" s="53">
        <v>-2113996.9181152801</v>
      </c>
      <c r="Z491" s="53">
        <v>-2113996.9181152801</v>
      </c>
      <c r="AA491" s="53">
        <v>-25367963.0173834</v>
      </c>
      <c r="AB491" s="53">
        <v>-2326819.5320989899</v>
      </c>
      <c r="AC491" s="53">
        <v>-2326819.5320989899</v>
      </c>
      <c r="AD491" s="53">
        <v>-2326819.5320989899</v>
      </c>
      <c r="AE491" s="53">
        <v>-2326819.5320989899</v>
      </c>
      <c r="AF491" s="53">
        <v>-2326819.5320989899</v>
      </c>
      <c r="AG491" s="53">
        <v>-2326819.5320989899</v>
      </c>
      <c r="AH491" s="53">
        <v>-2326819.5320989899</v>
      </c>
      <c r="AI491" s="53">
        <v>-2326819.5320989899</v>
      </c>
      <c r="AJ491" s="53">
        <v>-2326819.5320989899</v>
      </c>
      <c r="AK491" s="53">
        <v>-2326819.5320989899</v>
      </c>
      <c r="AL491" s="53">
        <v>-2326819.5320989899</v>
      </c>
      <c r="AM491" s="53">
        <v>-2326819.5320989899</v>
      </c>
      <c r="AN491" s="53">
        <v>-27921834.385187902</v>
      </c>
      <c r="AO491" s="53">
        <v>-2430957.2625034801</v>
      </c>
      <c r="AP491" s="53">
        <v>-2430957.2625034801</v>
      </c>
      <c r="AQ491" s="53">
        <v>-2430957.2625034801</v>
      </c>
      <c r="AR491" s="53">
        <v>-2430957.2625034801</v>
      </c>
      <c r="AS491" s="53">
        <v>-2430957.2625034801</v>
      </c>
      <c r="AT491" s="53">
        <v>-2430957.2625034801</v>
      </c>
      <c r="AU491" s="53">
        <v>-2430957.2625034801</v>
      </c>
      <c r="AV491" s="53">
        <v>-2430957.2625034801</v>
      </c>
      <c r="AW491" s="53">
        <v>-2430957.2625034801</v>
      </c>
      <c r="AX491" s="53">
        <v>-2430957.2625034801</v>
      </c>
      <c r="AY491" s="53">
        <v>-2430957.2625034801</v>
      </c>
      <c r="AZ491" s="53">
        <v>-2430957.2625034801</v>
      </c>
      <c r="BA491" s="53">
        <v>-29171487.1500418</v>
      </c>
      <c r="BB491" s="53">
        <v>-2517322.8425640301</v>
      </c>
      <c r="BC491" s="53">
        <v>-2517322.8425640301</v>
      </c>
      <c r="BD491" s="53">
        <v>-2517322.8425640301</v>
      </c>
      <c r="BE491" s="53">
        <v>-2517322.8425640301</v>
      </c>
      <c r="BF491" s="53">
        <v>-2517322.8425640301</v>
      </c>
      <c r="BG491" s="53">
        <v>-2517322.8425640301</v>
      </c>
      <c r="BH491" s="53">
        <v>-2517322.8425640301</v>
      </c>
      <c r="BI491" s="53">
        <v>-2517322.8425640301</v>
      </c>
      <c r="BJ491" s="53">
        <v>-2517322.8425640301</v>
      </c>
      <c r="BK491" s="53">
        <v>-2517322.8425640301</v>
      </c>
      <c r="BL491" s="53">
        <v>-2517322.8425640301</v>
      </c>
      <c r="BM491" s="53">
        <v>-2517322.8425640301</v>
      </c>
      <c r="BN491" s="53">
        <v>-30207874.1107684</v>
      </c>
      <c r="BO491" s="53">
        <v>-2607458.39488095</v>
      </c>
      <c r="BP491" s="53">
        <v>-2607458.39488095</v>
      </c>
      <c r="BQ491" s="53">
        <v>-2607458.39488095</v>
      </c>
      <c r="BR491" s="53">
        <v>-2607458.39488095</v>
      </c>
      <c r="BS491" s="53">
        <v>-2607458.39488095</v>
      </c>
      <c r="BT491" s="53">
        <v>-2607458.39488095</v>
      </c>
      <c r="BU491" s="53">
        <v>-2607458.39488095</v>
      </c>
      <c r="BV491" s="53">
        <v>-2607458.39488095</v>
      </c>
      <c r="BW491" s="53">
        <v>-2607458.39488095</v>
      </c>
      <c r="BX491" s="53">
        <v>-2607458.39488095</v>
      </c>
      <c r="BY491" s="53">
        <v>-2607458.39488095</v>
      </c>
      <c r="BZ491" s="53">
        <v>-2607458.39488095</v>
      </c>
      <c r="CA491" s="53">
        <v>-31289500.738571301</v>
      </c>
      <c r="CB491" s="53"/>
      <c r="CC491" s="53"/>
      <c r="CD491" s="53"/>
      <c r="CE491" s="53"/>
      <c r="CF491" s="53"/>
      <c r="CG491" s="53"/>
      <c r="CH491" s="53"/>
      <c r="CI491" s="53"/>
      <c r="CJ491" s="53"/>
      <c r="CK491" s="53"/>
      <c r="CL491" s="53"/>
      <c r="CM491" s="53"/>
      <c r="CN491" s="53"/>
    </row>
    <row r="492" spans="1:92" outlineLevel="1">
      <c r="A492" s="52" t="s">
        <v>1320</v>
      </c>
      <c r="B492" s="53">
        <v>1483627.73</v>
      </c>
      <c r="C492" s="53">
        <v>1884689.41</v>
      </c>
      <c r="D492" s="53">
        <v>1188341</v>
      </c>
      <c r="E492" s="53">
        <v>1252071</v>
      </c>
      <c r="F492" s="53">
        <v>1900632.68</v>
      </c>
      <c r="G492" s="53">
        <v>1435841</v>
      </c>
      <c r="H492" s="53">
        <v>1600841</v>
      </c>
      <c r="I492" s="53">
        <v>1341902.68</v>
      </c>
      <c r="J492" s="53">
        <v>941476.03</v>
      </c>
      <c r="K492" s="53">
        <v>80540.03</v>
      </c>
      <c r="L492" s="53">
        <v>384070.43</v>
      </c>
      <c r="M492" s="53">
        <v>660925.05000000005</v>
      </c>
      <c r="N492" s="53">
        <v>660925.05000000005</v>
      </c>
      <c r="O492" s="53">
        <v>-1453071.8681152801</v>
      </c>
      <c r="P492" s="53">
        <v>21800894.231152799</v>
      </c>
      <c r="Q492" s="53">
        <v>19686897.3130375</v>
      </c>
      <c r="R492" s="53">
        <v>17572900.394922201</v>
      </c>
      <c r="S492" s="53">
        <v>15458903.4768069</v>
      </c>
      <c r="T492" s="53">
        <v>13344906.558691701</v>
      </c>
      <c r="U492" s="53">
        <v>11230909.6405764</v>
      </c>
      <c r="V492" s="53">
        <v>9116912.7224611305</v>
      </c>
      <c r="W492" s="53">
        <v>7002915.8043458499</v>
      </c>
      <c r="X492" s="53">
        <v>4888918.8862305703</v>
      </c>
      <c r="Y492" s="53">
        <v>2774921.9681152799</v>
      </c>
      <c r="Z492" s="53">
        <v>660925.050000004</v>
      </c>
      <c r="AA492" s="53">
        <v>660925.050000004</v>
      </c>
      <c r="AB492" s="53">
        <v>-1665894.4820989899</v>
      </c>
      <c r="AC492" s="53">
        <v>23929120.3709899</v>
      </c>
      <c r="AD492" s="53">
        <v>21602300.838890899</v>
      </c>
      <c r="AE492" s="53">
        <v>19275481.306791998</v>
      </c>
      <c r="AF492" s="53">
        <v>16948661.7746929</v>
      </c>
      <c r="AG492" s="53">
        <v>14621842.242593899</v>
      </c>
      <c r="AH492" s="53">
        <v>12295022.7104949</v>
      </c>
      <c r="AI492" s="53">
        <v>9968203.1783959996</v>
      </c>
      <c r="AJ492" s="53">
        <v>7641383.6462969901</v>
      </c>
      <c r="AK492" s="53">
        <v>5314564.1141979899</v>
      </c>
      <c r="AL492" s="53">
        <v>2987744.5820989902</v>
      </c>
      <c r="AM492" s="53">
        <v>660925.049999999</v>
      </c>
      <c r="AN492" s="53">
        <v>660925.049999999</v>
      </c>
      <c r="AO492" s="53">
        <v>-1770032.21250348</v>
      </c>
      <c r="AP492" s="53">
        <v>24970497.675034799</v>
      </c>
      <c r="AQ492" s="53">
        <v>22539540.412531301</v>
      </c>
      <c r="AR492" s="53">
        <v>20108583.1500278</v>
      </c>
      <c r="AS492" s="53">
        <v>17677625.887524299</v>
      </c>
      <c r="AT492" s="53">
        <v>15246668.625020901</v>
      </c>
      <c r="AU492" s="53">
        <v>12815711.3625174</v>
      </c>
      <c r="AV492" s="53">
        <v>10384754.100013901</v>
      </c>
      <c r="AW492" s="53">
        <v>7953796.8375104498</v>
      </c>
      <c r="AX492" s="53">
        <v>5522839.5750069702</v>
      </c>
      <c r="AY492" s="53">
        <v>3091882.3125034799</v>
      </c>
      <c r="AZ492" s="53">
        <v>660925.05000000296</v>
      </c>
      <c r="BA492" s="53">
        <v>660925.05000000296</v>
      </c>
      <c r="BB492" s="53">
        <v>-1856397.79256402</v>
      </c>
      <c r="BC492" s="53">
        <v>25834153.475640301</v>
      </c>
      <c r="BD492" s="53">
        <v>23316830.633076299</v>
      </c>
      <c r="BE492" s="53">
        <v>20799507.7905122</v>
      </c>
      <c r="BF492" s="53">
        <v>18282184.947948199</v>
      </c>
      <c r="BG492" s="53">
        <v>15764862.105384201</v>
      </c>
      <c r="BH492" s="53">
        <v>13247539.2628201</v>
      </c>
      <c r="BI492" s="53">
        <v>10730216.420256101</v>
      </c>
      <c r="BJ492" s="53">
        <v>8212893.5776920998</v>
      </c>
      <c r="BK492" s="53">
        <v>5695570.73512806</v>
      </c>
      <c r="BL492" s="53">
        <v>3178247.8925640299</v>
      </c>
      <c r="BM492" s="53">
        <v>660925.05000000203</v>
      </c>
      <c r="BN492" s="53">
        <v>660925.05000000203</v>
      </c>
      <c r="BO492" s="53">
        <v>-1946533.3448809399</v>
      </c>
      <c r="BP492" s="53">
        <v>26735508.998809401</v>
      </c>
      <c r="BQ492" s="53">
        <v>24128050.603928499</v>
      </c>
      <c r="BR492" s="53">
        <v>21520592.209047601</v>
      </c>
      <c r="BS492" s="53">
        <v>18913133.814166602</v>
      </c>
      <c r="BT492" s="53">
        <v>16305675.4192857</v>
      </c>
      <c r="BU492" s="53">
        <v>13698217.024404701</v>
      </c>
      <c r="BV492" s="53">
        <v>11090758.629523801</v>
      </c>
      <c r="BW492" s="53">
        <v>8483300.2346428502</v>
      </c>
      <c r="BX492" s="53">
        <v>5875841.8397618998</v>
      </c>
      <c r="BY492" s="53">
        <v>3268383.4448809498</v>
      </c>
      <c r="BZ492" s="53">
        <v>660925.05000000005</v>
      </c>
      <c r="CA492" s="53">
        <v>660925.05000000005</v>
      </c>
      <c r="CB492" s="53"/>
      <c r="CC492" s="53">
        <v>32362693.409276001</v>
      </c>
      <c r="CD492" s="53"/>
      <c r="CE492" s="53"/>
      <c r="CF492" s="53"/>
      <c r="CG492" s="53"/>
      <c r="CH492" s="53"/>
      <c r="CI492" s="53"/>
      <c r="CJ492" s="53"/>
      <c r="CK492" s="53"/>
      <c r="CL492" s="53"/>
      <c r="CM492" s="53"/>
      <c r="CN492" s="53">
        <v>32362693.409276001</v>
      </c>
    </row>
    <row r="493" spans="1:92" outlineLevel="1">
      <c r="A493" s="52" t="s">
        <v>1321</v>
      </c>
      <c r="B493" s="53">
        <v>0.1</v>
      </c>
      <c r="C493" s="53">
        <v>0.1</v>
      </c>
      <c r="D493" s="53">
        <v>3513741.1</v>
      </c>
      <c r="E493" s="53">
        <v>3513741.1</v>
      </c>
      <c r="F493" s="53">
        <v>0.1</v>
      </c>
      <c r="G493" s="53">
        <v>12443672.1</v>
      </c>
      <c r="H493" s="53">
        <v>12443672.1</v>
      </c>
      <c r="I493" s="53">
        <v>12443672.1</v>
      </c>
      <c r="J493" s="53">
        <v>93591851.099999994</v>
      </c>
      <c r="K493" s="53">
        <v>93591851.099999994</v>
      </c>
      <c r="L493" s="53">
        <v>12443672.1</v>
      </c>
      <c r="M493" s="53">
        <v>18379313.099999901</v>
      </c>
      <c r="N493" s="53">
        <v>18379313.099999901</v>
      </c>
      <c r="O493" s="53">
        <v>18379313.099999901</v>
      </c>
      <c r="P493" s="53">
        <v>18379313.099999901</v>
      </c>
      <c r="Q493" s="53">
        <v>18379313.099999901</v>
      </c>
      <c r="R493" s="53">
        <v>18379313.099999901</v>
      </c>
      <c r="S493" s="53">
        <v>18379313.099999901</v>
      </c>
      <c r="T493" s="53">
        <v>18379313.099999901</v>
      </c>
      <c r="U493" s="53">
        <v>18379313.099999901</v>
      </c>
      <c r="V493" s="53">
        <v>18379313.099999901</v>
      </c>
      <c r="W493" s="53">
        <v>18379313.099999901</v>
      </c>
      <c r="X493" s="53">
        <v>18379313.099999901</v>
      </c>
      <c r="Y493" s="53">
        <v>18379313.099999901</v>
      </c>
      <c r="Z493" s="53">
        <v>18379313.099999901</v>
      </c>
      <c r="AA493" s="53">
        <v>18379313.099999901</v>
      </c>
      <c r="AB493" s="53">
        <v>18379313.099999901</v>
      </c>
      <c r="AC493" s="53">
        <v>18379313.099999901</v>
      </c>
      <c r="AD493" s="53">
        <v>18379313.099999901</v>
      </c>
      <c r="AE493" s="53">
        <v>18379313.099999901</v>
      </c>
      <c r="AF493" s="53">
        <v>18379313.099999901</v>
      </c>
      <c r="AG493" s="53">
        <v>18379313.099999901</v>
      </c>
      <c r="AH493" s="53">
        <v>18379313.099999901</v>
      </c>
      <c r="AI493" s="53">
        <v>18379313.099999901</v>
      </c>
      <c r="AJ493" s="53">
        <v>18379313.099999901</v>
      </c>
      <c r="AK493" s="53">
        <v>18379313.099999901</v>
      </c>
      <c r="AL493" s="53">
        <v>18379313.099999901</v>
      </c>
      <c r="AM493" s="53">
        <v>18379313.099999901</v>
      </c>
      <c r="AN493" s="53">
        <v>18379313.099999901</v>
      </c>
      <c r="AO493" s="53">
        <v>18379313.099999901</v>
      </c>
      <c r="AP493" s="53">
        <v>18379313.099999901</v>
      </c>
      <c r="AQ493" s="53">
        <v>18379313.099999901</v>
      </c>
      <c r="AR493" s="53">
        <v>18379313.099999901</v>
      </c>
      <c r="AS493" s="53">
        <v>18379313.099999901</v>
      </c>
      <c r="AT493" s="53">
        <v>18379313.099999901</v>
      </c>
      <c r="AU493" s="53">
        <v>18379313.099999901</v>
      </c>
      <c r="AV493" s="53">
        <v>18379313.099999901</v>
      </c>
      <c r="AW493" s="53">
        <v>18379313.099999901</v>
      </c>
      <c r="AX493" s="53">
        <v>18379313.099999901</v>
      </c>
      <c r="AY493" s="53">
        <v>18379313.099999901</v>
      </c>
      <c r="AZ493" s="53">
        <v>18379313.099999901</v>
      </c>
      <c r="BA493" s="53">
        <v>18379313.099999901</v>
      </c>
      <c r="BB493" s="53">
        <v>18379313.099999901</v>
      </c>
      <c r="BC493" s="53">
        <v>18379313.099999901</v>
      </c>
      <c r="BD493" s="53">
        <v>18379313.099999901</v>
      </c>
      <c r="BE493" s="53">
        <v>18379313.099999901</v>
      </c>
      <c r="BF493" s="53">
        <v>18379313.099999901</v>
      </c>
      <c r="BG493" s="53">
        <v>18379313.099999901</v>
      </c>
      <c r="BH493" s="53">
        <v>18379313.099999901</v>
      </c>
      <c r="BI493" s="53">
        <v>18379313.099999901</v>
      </c>
      <c r="BJ493" s="53">
        <v>18379313.099999901</v>
      </c>
      <c r="BK493" s="53">
        <v>18379313.099999901</v>
      </c>
      <c r="BL493" s="53">
        <v>18379313.099999901</v>
      </c>
      <c r="BM493" s="53">
        <v>18379313.099999901</v>
      </c>
      <c r="BN493" s="53">
        <v>18379313.099999901</v>
      </c>
      <c r="BO493" s="53">
        <v>18379313.099999901</v>
      </c>
      <c r="BP493" s="53">
        <v>18379313.099999901</v>
      </c>
      <c r="BQ493" s="53">
        <v>18379313.099999901</v>
      </c>
      <c r="BR493" s="53">
        <v>18379313.099999901</v>
      </c>
      <c r="BS493" s="53">
        <v>18379313.099999901</v>
      </c>
      <c r="BT493" s="53">
        <v>18379313.099999901</v>
      </c>
      <c r="BU493" s="53">
        <v>18379313.099999901</v>
      </c>
      <c r="BV493" s="53">
        <v>18379313.099999901</v>
      </c>
      <c r="BW493" s="53">
        <v>18379313.099999901</v>
      </c>
      <c r="BX493" s="53">
        <v>18379313.099999901</v>
      </c>
      <c r="BY493" s="53">
        <v>18379313.099999901</v>
      </c>
      <c r="BZ493" s="53">
        <v>18379313.099999901</v>
      </c>
      <c r="CA493" s="53">
        <v>18379313.099999901</v>
      </c>
      <c r="CB493" s="53"/>
      <c r="CC493" s="53"/>
      <c r="CD493" s="53"/>
      <c r="CE493" s="53"/>
      <c r="CF493" s="53"/>
      <c r="CG493" s="53"/>
      <c r="CH493" s="53"/>
      <c r="CI493" s="53"/>
      <c r="CJ493" s="53"/>
      <c r="CK493" s="53"/>
      <c r="CL493" s="53"/>
      <c r="CM493" s="53"/>
      <c r="CN493" s="53"/>
    </row>
    <row r="494" spans="1:92" outlineLevel="1">
      <c r="A494" s="52" t="s">
        <v>1322</v>
      </c>
      <c r="B494" s="53">
        <v>0</v>
      </c>
      <c r="C494" s="53">
        <v>0</v>
      </c>
      <c r="D494" s="53">
        <v>5149001</v>
      </c>
      <c r="E494" s="53">
        <v>5149001</v>
      </c>
      <c r="F494" s="53">
        <v>0</v>
      </c>
      <c r="G494" s="53">
        <v>0</v>
      </c>
      <c r="H494" s="53">
        <v>0</v>
      </c>
      <c r="I494" s="53">
        <v>0</v>
      </c>
      <c r="J494" s="53">
        <v>21315634</v>
      </c>
      <c r="K494" s="53">
        <v>21315634</v>
      </c>
      <c r="L494" s="53">
        <v>0</v>
      </c>
      <c r="M494" s="53">
        <v>11200736</v>
      </c>
      <c r="N494" s="53">
        <v>11200736</v>
      </c>
      <c r="O494" s="53">
        <v>11200736</v>
      </c>
      <c r="P494" s="53">
        <v>11200736</v>
      </c>
      <c r="Q494" s="53">
        <v>11200736</v>
      </c>
      <c r="R494" s="53">
        <v>11200736</v>
      </c>
      <c r="S494" s="53">
        <v>11200736</v>
      </c>
      <c r="T494" s="53">
        <v>11200736</v>
      </c>
      <c r="U494" s="53">
        <v>11200736</v>
      </c>
      <c r="V494" s="53">
        <v>11200736</v>
      </c>
      <c r="W494" s="53">
        <v>11200736</v>
      </c>
      <c r="X494" s="53">
        <v>11200736</v>
      </c>
      <c r="Y494" s="53">
        <v>11200736</v>
      </c>
      <c r="Z494" s="53">
        <v>11200736</v>
      </c>
      <c r="AA494" s="53">
        <v>11200736</v>
      </c>
      <c r="AB494" s="53">
        <v>11200736</v>
      </c>
      <c r="AC494" s="53">
        <v>11200736</v>
      </c>
      <c r="AD494" s="53">
        <v>11200736</v>
      </c>
      <c r="AE494" s="53">
        <v>11200736</v>
      </c>
      <c r="AF494" s="53">
        <v>11200736</v>
      </c>
      <c r="AG494" s="53">
        <v>11200736</v>
      </c>
      <c r="AH494" s="53">
        <v>11200736</v>
      </c>
      <c r="AI494" s="53">
        <v>11200736</v>
      </c>
      <c r="AJ494" s="53">
        <v>11200736</v>
      </c>
      <c r="AK494" s="53">
        <v>11200736</v>
      </c>
      <c r="AL494" s="53">
        <v>11200736</v>
      </c>
      <c r="AM494" s="53">
        <v>11200736</v>
      </c>
      <c r="AN494" s="53">
        <v>11200736</v>
      </c>
      <c r="AO494" s="53">
        <v>11200736</v>
      </c>
      <c r="AP494" s="53">
        <v>11200736</v>
      </c>
      <c r="AQ494" s="53">
        <v>11200736</v>
      </c>
      <c r="AR494" s="53">
        <v>11200736</v>
      </c>
      <c r="AS494" s="53">
        <v>11200736</v>
      </c>
      <c r="AT494" s="53">
        <v>11200736</v>
      </c>
      <c r="AU494" s="53">
        <v>11200736</v>
      </c>
      <c r="AV494" s="53">
        <v>11200736</v>
      </c>
      <c r="AW494" s="53">
        <v>11200736</v>
      </c>
      <c r="AX494" s="53">
        <v>11200736</v>
      </c>
      <c r="AY494" s="53">
        <v>11200736</v>
      </c>
      <c r="AZ494" s="53">
        <v>11200736</v>
      </c>
      <c r="BA494" s="53">
        <v>11200736</v>
      </c>
      <c r="BB494" s="53">
        <v>11200736</v>
      </c>
      <c r="BC494" s="53">
        <v>11200736</v>
      </c>
      <c r="BD494" s="53">
        <v>11200736</v>
      </c>
      <c r="BE494" s="53">
        <v>11200736</v>
      </c>
      <c r="BF494" s="53">
        <v>11200736</v>
      </c>
      <c r="BG494" s="53">
        <v>11200736</v>
      </c>
      <c r="BH494" s="53">
        <v>11200736</v>
      </c>
      <c r="BI494" s="53">
        <v>11200736</v>
      </c>
      <c r="BJ494" s="53">
        <v>11200736</v>
      </c>
      <c r="BK494" s="53">
        <v>11200736</v>
      </c>
      <c r="BL494" s="53">
        <v>11200736</v>
      </c>
      <c r="BM494" s="53">
        <v>11200736</v>
      </c>
      <c r="BN494" s="53">
        <v>11200736</v>
      </c>
      <c r="BO494" s="53">
        <v>11200736</v>
      </c>
      <c r="BP494" s="53">
        <v>11200736</v>
      </c>
      <c r="BQ494" s="53">
        <v>11200736</v>
      </c>
      <c r="BR494" s="53">
        <v>11200736</v>
      </c>
      <c r="BS494" s="53">
        <v>11200736</v>
      </c>
      <c r="BT494" s="53">
        <v>11200736</v>
      </c>
      <c r="BU494" s="53">
        <v>11200736</v>
      </c>
      <c r="BV494" s="53">
        <v>11200736</v>
      </c>
      <c r="BW494" s="53">
        <v>11200736</v>
      </c>
      <c r="BX494" s="53">
        <v>11200736</v>
      </c>
      <c r="BY494" s="53">
        <v>11200736</v>
      </c>
      <c r="BZ494" s="53">
        <v>11200736</v>
      </c>
      <c r="CA494" s="53">
        <v>11200736</v>
      </c>
      <c r="CB494" s="53"/>
      <c r="CC494" s="53"/>
      <c r="CD494" s="53"/>
      <c r="CE494" s="53"/>
      <c r="CF494" s="53"/>
      <c r="CG494" s="53"/>
      <c r="CH494" s="53"/>
      <c r="CI494" s="53"/>
      <c r="CJ494" s="53"/>
      <c r="CK494" s="53"/>
      <c r="CL494" s="53"/>
      <c r="CM494" s="53"/>
      <c r="CN494" s="53"/>
    </row>
    <row r="495" spans="1:92" outlineLevel="1">
      <c r="A495" s="52" t="s">
        <v>1323</v>
      </c>
      <c r="B495" s="53">
        <v>0</v>
      </c>
      <c r="C495" s="53">
        <v>0</v>
      </c>
      <c r="D495" s="53">
        <v>0</v>
      </c>
      <c r="E495" s="53">
        <v>0</v>
      </c>
      <c r="F495" s="53">
        <v>0</v>
      </c>
      <c r="G495" s="53">
        <v>0</v>
      </c>
      <c r="H495" s="53">
        <v>0</v>
      </c>
      <c r="I495" s="53">
        <v>0</v>
      </c>
      <c r="J495" s="53">
        <v>0</v>
      </c>
      <c r="K495" s="53">
        <v>0</v>
      </c>
      <c r="L495" s="53">
        <v>0</v>
      </c>
      <c r="M495" s="53">
        <v>0</v>
      </c>
      <c r="N495" s="53">
        <v>0</v>
      </c>
      <c r="O495" s="53">
        <v>0</v>
      </c>
      <c r="P495" s="53">
        <v>0</v>
      </c>
      <c r="Q495" s="53">
        <v>0</v>
      </c>
      <c r="R495" s="53">
        <v>0</v>
      </c>
      <c r="S495" s="53">
        <v>0</v>
      </c>
      <c r="T495" s="53">
        <v>0</v>
      </c>
      <c r="U495" s="53">
        <v>0</v>
      </c>
      <c r="V495" s="53">
        <v>0</v>
      </c>
      <c r="W495" s="53">
        <v>0</v>
      </c>
      <c r="X495" s="53">
        <v>0</v>
      </c>
      <c r="Y495" s="53">
        <v>0</v>
      </c>
      <c r="Z495" s="53">
        <v>0</v>
      </c>
      <c r="AA495" s="53">
        <v>0</v>
      </c>
      <c r="AB495" s="53">
        <v>0</v>
      </c>
      <c r="AC495" s="53">
        <v>0</v>
      </c>
      <c r="AD495" s="53">
        <v>0</v>
      </c>
      <c r="AE495" s="53">
        <v>0</v>
      </c>
      <c r="AF495" s="53">
        <v>0</v>
      </c>
      <c r="AG495" s="53">
        <v>0</v>
      </c>
      <c r="AH495" s="53">
        <v>0</v>
      </c>
      <c r="AI495" s="53">
        <v>0</v>
      </c>
      <c r="AJ495" s="53">
        <v>0</v>
      </c>
      <c r="AK495" s="53">
        <v>0</v>
      </c>
      <c r="AL495" s="53">
        <v>0</v>
      </c>
      <c r="AM495" s="53">
        <v>0</v>
      </c>
      <c r="AN495" s="53">
        <v>0</v>
      </c>
      <c r="AO495" s="53">
        <v>0</v>
      </c>
      <c r="AP495" s="53">
        <v>0</v>
      </c>
      <c r="AQ495" s="53">
        <v>0</v>
      </c>
      <c r="AR495" s="53">
        <v>0</v>
      </c>
      <c r="AS495" s="53">
        <v>0</v>
      </c>
      <c r="AT495" s="53">
        <v>0</v>
      </c>
      <c r="AU495" s="53">
        <v>0</v>
      </c>
      <c r="AV495" s="53">
        <v>0</v>
      </c>
      <c r="AW495" s="53">
        <v>0</v>
      </c>
      <c r="AX495" s="53">
        <v>0</v>
      </c>
      <c r="AY495" s="53">
        <v>0</v>
      </c>
      <c r="AZ495" s="53">
        <v>0</v>
      </c>
      <c r="BA495" s="53">
        <v>0</v>
      </c>
      <c r="BB495" s="53">
        <v>0</v>
      </c>
      <c r="BC495" s="53">
        <v>0</v>
      </c>
      <c r="BD495" s="53">
        <v>0</v>
      </c>
      <c r="BE495" s="53">
        <v>0</v>
      </c>
      <c r="BF495" s="53">
        <v>0</v>
      </c>
      <c r="BG495" s="53">
        <v>0</v>
      </c>
      <c r="BH495" s="53">
        <v>0</v>
      </c>
      <c r="BI495" s="53">
        <v>0</v>
      </c>
      <c r="BJ495" s="53">
        <v>0</v>
      </c>
      <c r="BK495" s="53">
        <v>0</v>
      </c>
      <c r="BL495" s="53">
        <v>0</v>
      </c>
      <c r="BM495" s="53">
        <v>0</v>
      </c>
      <c r="BN495" s="53">
        <v>0</v>
      </c>
      <c r="BO495" s="53">
        <v>0</v>
      </c>
      <c r="BP495" s="53">
        <v>0</v>
      </c>
      <c r="BQ495" s="53">
        <v>0</v>
      </c>
      <c r="BR495" s="53">
        <v>0</v>
      </c>
      <c r="BS495" s="53">
        <v>0</v>
      </c>
      <c r="BT495" s="53">
        <v>0</v>
      </c>
      <c r="BU495" s="53">
        <v>0</v>
      </c>
      <c r="BV495" s="53">
        <v>0</v>
      </c>
      <c r="BW495" s="53">
        <v>0</v>
      </c>
      <c r="BX495" s="53">
        <v>0</v>
      </c>
      <c r="BY495" s="53">
        <v>0</v>
      </c>
      <c r="BZ495" s="53">
        <v>0</v>
      </c>
      <c r="CA495" s="53">
        <v>0</v>
      </c>
      <c r="CB495" s="53"/>
      <c r="CC495" s="53"/>
      <c r="CD495" s="53"/>
      <c r="CE495" s="53"/>
      <c r="CF495" s="53"/>
      <c r="CG495" s="53"/>
      <c r="CH495" s="53"/>
      <c r="CI495" s="53"/>
      <c r="CJ495" s="53"/>
      <c r="CK495" s="53"/>
      <c r="CL495" s="53"/>
      <c r="CM495" s="53"/>
      <c r="CN495" s="53"/>
    </row>
    <row r="496" spans="1:92" outlineLevel="1">
      <c r="A496" s="52" t="s">
        <v>1324</v>
      </c>
      <c r="B496" s="53">
        <v>0</v>
      </c>
      <c r="C496" s="53">
        <v>0</v>
      </c>
      <c r="D496" s="53">
        <v>0</v>
      </c>
      <c r="E496" s="53">
        <v>0</v>
      </c>
      <c r="F496" s="53">
        <v>0</v>
      </c>
      <c r="G496" s="53">
        <v>0</v>
      </c>
      <c r="H496" s="53">
        <v>0</v>
      </c>
      <c r="I496" s="53">
        <v>0</v>
      </c>
      <c r="J496" s="53">
        <v>0</v>
      </c>
      <c r="K496" s="53">
        <v>0</v>
      </c>
      <c r="L496" s="53">
        <v>0</v>
      </c>
      <c r="M496" s="53">
        <v>0</v>
      </c>
      <c r="N496" s="53">
        <v>0</v>
      </c>
      <c r="O496" s="53">
        <v>0</v>
      </c>
      <c r="P496" s="53">
        <v>0</v>
      </c>
      <c r="Q496" s="53">
        <v>0</v>
      </c>
      <c r="R496" s="53">
        <v>0</v>
      </c>
      <c r="S496" s="53">
        <v>0</v>
      </c>
      <c r="T496" s="53">
        <v>0</v>
      </c>
      <c r="U496" s="53">
        <v>0</v>
      </c>
      <c r="V496" s="53">
        <v>0</v>
      </c>
      <c r="W496" s="53">
        <v>0</v>
      </c>
      <c r="X496" s="53">
        <v>0</v>
      </c>
      <c r="Y496" s="53">
        <v>0</v>
      </c>
      <c r="Z496" s="53">
        <v>0</v>
      </c>
      <c r="AA496" s="53">
        <v>0</v>
      </c>
      <c r="AB496" s="53">
        <v>0</v>
      </c>
      <c r="AC496" s="53">
        <v>0</v>
      </c>
      <c r="AD496" s="53">
        <v>0</v>
      </c>
      <c r="AE496" s="53">
        <v>0</v>
      </c>
      <c r="AF496" s="53">
        <v>0</v>
      </c>
      <c r="AG496" s="53">
        <v>0</v>
      </c>
      <c r="AH496" s="53">
        <v>0</v>
      </c>
      <c r="AI496" s="53">
        <v>0</v>
      </c>
      <c r="AJ496" s="53">
        <v>0</v>
      </c>
      <c r="AK496" s="53">
        <v>0</v>
      </c>
      <c r="AL496" s="53">
        <v>0</v>
      </c>
      <c r="AM496" s="53">
        <v>0</v>
      </c>
      <c r="AN496" s="53">
        <v>0</v>
      </c>
      <c r="AO496" s="53">
        <v>0</v>
      </c>
      <c r="AP496" s="53">
        <v>0</v>
      </c>
      <c r="AQ496" s="53">
        <v>0</v>
      </c>
      <c r="AR496" s="53">
        <v>0</v>
      </c>
      <c r="AS496" s="53">
        <v>0</v>
      </c>
      <c r="AT496" s="53">
        <v>0</v>
      </c>
      <c r="AU496" s="53">
        <v>0</v>
      </c>
      <c r="AV496" s="53">
        <v>0</v>
      </c>
      <c r="AW496" s="53">
        <v>0</v>
      </c>
      <c r="AX496" s="53">
        <v>0</v>
      </c>
      <c r="AY496" s="53">
        <v>0</v>
      </c>
      <c r="AZ496" s="53">
        <v>0</v>
      </c>
      <c r="BA496" s="53">
        <v>0</v>
      </c>
      <c r="BB496" s="53">
        <v>0</v>
      </c>
      <c r="BC496" s="53">
        <v>0</v>
      </c>
      <c r="BD496" s="53">
        <v>0</v>
      </c>
      <c r="BE496" s="53">
        <v>0</v>
      </c>
      <c r="BF496" s="53">
        <v>0</v>
      </c>
      <c r="BG496" s="53">
        <v>0</v>
      </c>
      <c r="BH496" s="53">
        <v>0</v>
      </c>
      <c r="BI496" s="53">
        <v>0</v>
      </c>
      <c r="BJ496" s="53">
        <v>0</v>
      </c>
      <c r="BK496" s="53">
        <v>0</v>
      </c>
      <c r="BL496" s="53">
        <v>0</v>
      </c>
      <c r="BM496" s="53">
        <v>0</v>
      </c>
      <c r="BN496" s="53">
        <v>0</v>
      </c>
      <c r="BO496" s="53">
        <v>0</v>
      </c>
      <c r="BP496" s="53">
        <v>0</v>
      </c>
      <c r="BQ496" s="53">
        <v>0</v>
      </c>
      <c r="BR496" s="53">
        <v>0</v>
      </c>
      <c r="BS496" s="53">
        <v>0</v>
      </c>
      <c r="BT496" s="53">
        <v>0</v>
      </c>
      <c r="BU496" s="53">
        <v>0</v>
      </c>
      <c r="BV496" s="53">
        <v>0</v>
      </c>
      <c r="BW496" s="53">
        <v>0</v>
      </c>
      <c r="BX496" s="53">
        <v>0</v>
      </c>
      <c r="BY496" s="53">
        <v>0</v>
      </c>
      <c r="BZ496" s="53">
        <v>0</v>
      </c>
      <c r="CA496" s="53">
        <v>0</v>
      </c>
      <c r="CB496" s="53">
        <v>-2696891.11743967</v>
      </c>
      <c r="CC496" s="53">
        <v>-2696891.11743967</v>
      </c>
      <c r="CD496" s="53">
        <v>-2696891.11743967</v>
      </c>
      <c r="CE496" s="53">
        <v>-2696891.11743967</v>
      </c>
      <c r="CF496" s="53">
        <v>-2696891.11743967</v>
      </c>
      <c r="CG496" s="53">
        <v>-2696891.11743967</v>
      </c>
      <c r="CH496" s="53">
        <v>-2696891.11743967</v>
      </c>
      <c r="CI496" s="53">
        <v>-2696891.11743967</v>
      </c>
      <c r="CJ496" s="53">
        <v>-2696891.11743967</v>
      </c>
      <c r="CK496" s="53">
        <v>-2696891.11743967</v>
      </c>
      <c r="CL496" s="53">
        <v>-2696891.11743967</v>
      </c>
      <c r="CM496" s="53">
        <v>-2696891.11743967</v>
      </c>
      <c r="CN496" s="53">
        <v>-32362693.409276001</v>
      </c>
    </row>
    <row r="497" spans="1:92" outlineLevel="1">
      <c r="A497" s="52" t="s">
        <v>1325</v>
      </c>
      <c r="B497" s="53">
        <v>0</v>
      </c>
      <c r="C497" s="53">
        <v>0</v>
      </c>
      <c r="D497" s="53">
        <v>0</v>
      </c>
      <c r="E497" s="53">
        <v>0</v>
      </c>
      <c r="F497" s="53">
        <v>0</v>
      </c>
      <c r="G497" s="53">
        <v>0</v>
      </c>
      <c r="H497" s="53">
        <v>0</v>
      </c>
      <c r="I497" s="53">
        <v>0</v>
      </c>
      <c r="J497" s="53">
        <v>0</v>
      </c>
      <c r="K497" s="53">
        <v>0</v>
      </c>
      <c r="L497" s="53">
        <v>16483793.32</v>
      </c>
      <c r="M497" s="53">
        <v>16483793.32</v>
      </c>
      <c r="N497" s="53">
        <v>16483793.32</v>
      </c>
      <c r="O497" s="53">
        <v>16483793.32</v>
      </c>
      <c r="P497" s="53">
        <v>16483793.32</v>
      </c>
      <c r="Q497" s="53">
        <v>16483793.32</v>
      </c>
      <c r="R497" s="53">
        <v>16483793.32</v>
      </c>
      <c r="S497" s="53">
        <v>16483793.32</v>
      </c>
      <c r="T497" s="53">
        <v>16483793.32</v>
      </c>
      <c r="U497" s="53">
        <v>16483793.32</v>
      </c>
      <c r="V497" s="53">
        <v>16483793.32</v>
      </c>
      <c r="W497" s="53">
        <v>16483793.32</v>
      </c>
      <c r="X497" s="53">
        <v>16483793.32</v>
      </c>
      <c r="Y497" s="53">
        <v>16483793.32</v>
      </c>
      <c r="Z497" s="53">
        <v>16483793.32</v>
      </c>
      <c r="AA497" s="53">
        <v>16483793.32</v>
      </c>
      <c r="AB497" s="53">
        <v>16483793.32</v>
      </c>
      <c r="AC497" s="53">
        <v>16483793.32</v>
      </c>
      <c r="AD497" s="53">
        <v>16483793.32</v>
      </c>
      <c r="AE497" s="53">
        <v>16483793.32</v>
      </c>
      <c r="AF497" s="53">
        <v>16483793.32</v>
      </c>
      <c r="AG497" s="53">
        <v>16483793.32</v>
      </c>
      <c r="AH497" s="53">
        <v>16483793.32</v>
      </c>
      <c r="AI497" s="53">
        <v>16483793.32</v>
      </c>
      <c r="AJ497" s="53">
        <v>16483793.32</v>
      </c>
      <c r="AK497" s="53">
        <v>16483793.32</v>
      </c>
      <c r="AL497" s="53">
        <v>16483793.32</v>
      </c>
      <c r="AM497" s="53">
        <v>16483793.32</v>
      </c>
      <c r="AN497" s="53">
        <v>16483793.32</v>
      </c>
      <c r="AO497" s="53">
        <v>16483793.32</v>
      </c>
      <c r="AP497" s="53">
        <v>16483793.32</v>
      </c>
      <c r="AQ497" s="53">
        <v>16483793.32</v>
      </c>
      <c r="AR497" s="53">
        <v>16483793.32</v>
      </c>
      <c r="AS497" s="53">
        <v>16483793.32</v>
      </c>
      <c r="AT497" s="53">
        <v>16483793.32</v>
      </c>
      <c r="AU497" s="53">
        <v>16483793.32</v>
      </c>
      <c r="AV497" s="53">
        <v>16483793.32</v>
      </c>
      <c r="AW497" s="53">
        <v>16483793.32</v>
      </c>
      <c r="AX497" s="53">
        <v>16483793.32</v>
      </c>
      <c r="AY497" s="53">
        <v>16483793.32</v>
      </c>
      <c r="AZ497" s="53">
        <v>16483793.32</v>
      </c>
      <c r="BA497" s="53">
        <v>16483793.32</v>
      </c>
      <c r="BB497" s="53">
        <v>16483793.32</v>
      </c>
      <c r="BC497" s="53">
        <v>16483793.32</v>
      </c>
      <c r="BD497" s="53">
        <v>16483793.32</v>
      </c>
      <c r="BE497" s="53">
        <v>16483793.32</v>
      </c>
      <c r="BF497" s="53">
        <v>16483793.32</v>
      </c>
      <c r="BG497" s="53">
        <v>16483793.32</v>
      </c>
      <c r="BH497" s="53">
        <v>16483793.32</v>
      </c>
      <c r="BI497" s="53">
        <v>16483793.32</v>
      </c>
      <c r="BJ497" s="53">
        <v>16483793.32</v>
      </c>
      <c r="BK497" s="53">
        <v>16483793.32</v>
      </c>
      <c r="BL497" s="53">
        <v>16483793.32</v>
      </c>
      <c r="BM497" s="53">
        <v>16483793.32</v>
      </c>
      <c r="BN497" s="53">
        <v>16483793.32</v>
      </c>
      <c r="BO497" s="53">
        <v>16483793.32</v>
      </c>
      <c r="BP497" s="53">
        <v>16483793.32</v>
      </c>
      <c r="BQ497" s="53">
        <v>16483793.32</v>
      </c>
      <c r="BR497" s="53">
        <v>16483793.32</v>
      </c>
      <c r="BS497" s="53">
        <v>16483793.32</v>
      </c>
      <c r="BT497" s="53">
        <v>16483793.32</v>
      </c>
      <c r="BU497" s="53">
        <v>16483793.32</v>
      </c>
      <c r="BV497" s="53">
        <v>16483793.32</v>
      </c>
      <c r="BW497" s="53">
        <v>16483793.32</v>
      </c>
      <c r="BX497" s="53">
        <v>16483793.32</v>
      </c>
      <c r="BY497" s="53">
        <v>16483793.32</v>
      </c>
      <c r="BZ497" s="53">
        <v>16483793.32</v>
      </c>
      <c r="CA497" s="53">
        <v>16483793.32</v>
      </c>
      <c r="CB497" s="53">
        <v>-1132195.1574396701</v>
      </c>
      <c r="CC497" s="53">
        <v>28533607.134396698</v>
      </c>
      <c r="CD497" s="53">
        <v>25836716.016957</v>
      </c>
      <c r="CE497" s="53">
        <v>23139824.899517398</v>
      </c>
      <c r="CF497" s="53">
        <v>20442933.7820777</v>
      </c>
      <c r="CG497" s="53">
        <v>17746042.664638001</v>
      </c>
      <c r="CH497" s="53">
        <v>15049151.547198299</v>
      </c>
      <c r="CI497" s="53">
        <v>12352260.4297587</v>
      </c>
      <c r="CJ497" s="53">
        <v>9655369.3123190198</v>
      </c>
      <c r="CK497" s="53">
        <v>6958478.1948793503</v>
      </c>
      <c r="CL497" s="53">
        <v>4261587.0774396705</v>
      </c>
      <c r="CM497" s="53">
        <v>1564695.96</v>
      </c>
      <c r="CN497" s="53">
        <v>1564695.96</v>
      </c>
    </row>
    <row r="498" spans="1:92" outlineLevel="1">
      <c r="A498" s="52" t="s">
        <v>1326</v>
      </c>
      <c r="B498" s="53">
        <v>0</v>
      </c>
      <c r="C498" s="53">
        <v>0</v>
      </c>
      <c r="D498" s="53">
        <v>0</v>
      </c>
      <c r="E498" s="53">
        <v>0</v>
      </c>
      <c r="F498" s="53">
        <v>0</v>
      </c>
      <c r="G498" s="53">
        <v>0</v>
      </c>
      <c r="H498" s="53">
        <v>0</v>
      </c>
      <c r="I498" s="53">
        <v>0</v>
      </c>
      <c r="J498" s="53">
        <v>0</v>
      </c>
      <c r="K498" s="53">
        <v>0</v>
      </c>
      <c r="L498" s="53">
        <v>0</v>
      </c>
      <c r="M498" s="53">
        <v>0</v>
      </c>
      <c r="N498" s="53">
        <v>0</v>
      </c>
      <c r="O498" s="53">
        <v>0</v>
      </c>
      <c r="P498" s="53">
        <v>0</v>
      </c>
      <c r="Q498" s="53">
        <v>0</v>
      </c>
      <c r="R498" s="53">
        <v>0</v>
      </c>
      <c r="S498" s="53">
        <v>0</v>
      </c>
      <c r="T498" s="53">
        <v>0</v>
      </c>
      <c r="U498" s="53">
        <v>0</v>
      </c>
      <c r="V498" s="53">
        <v>0</v>
      </c>
      <c r="W498" s="53">
        <v>0</v>
      </c>
      <c r="X498" s="53">
        <v>0</v>
      </c>
      <c r="Y498" s="53">
        <v>0</v>
      </c>
      <c r="Z498" s="53">
        <v>0</v>
      </c>
      <c r="AA498" s="53">
        <v>0</v>
      </c>
      <c r="AB498" s="53">
        <v>0</v>
      </c>
      <c r="AC498" s="53">
        <v>0</v>
      </c>
      <c r="AD498" s="53">
        <v>0</v>
      </c>
      <c r="AE498" s="53">
        <v>0</v>
      </c>
      <c r="AF498" s="53">
        <v>0</v>
      </c>
      <c r="AG498" s="53">
        <v>0</v>
      </c>
      <c r="AH498" s="53">
        <v>0</v>
      </c>
      <c r="AI498" s="53">
        <v>0</v>
      </c>
      <c r="AJ498" s="53">
        <v>0</v>
      </c>
      <c r="AK498" s="53">
        <v>0</v>
      </c>
      <c r="AL498" s="53">
        <v>0</v>
      </c>
      <c r="AM498" s="53">
        <v>0</v>
      </c>
      <c r="AN498" s="53">
        <v>0</v>
      </c>
      <c r="AO498" s="53">
        <v>0</v>
      </c>
      <c r="AP498" s="53">
        <v>0</v>
      </c>
      <c r="AQ498" s="53">
        <v>0</v>
      </c>
      <c r="AR498" s="53">
        <v>0</v>
      </c>
      <c r="AS498" s="53">
        <v>0</v>
      </c>
      <c r="AT498" s="53">
        <v>0</v>
      </c>
      <c r="AU498" s="53">
        <v>0</v>
      </c>
      <c r="AV498" s="53">
        <v>0</v>
      </c>
      <c r="AW498" s="53">
        <v>0</v>
      </c>
      <c r="AX498" s="53">
        <v>0</v>
      </c>
      <c r="AY498" s="53">
        <v>0</v>
      </c>
      <c r="AZ498" s="53">
        <v>0</v>
      </c>
      <c r="BA498" s="53">
        <v>0</v>
      </c>
      <c r="BB498" s="53">
        <v>0</v>
      </c>
      <c r="BC498" s="53">
        <v>0</v>
      </c>
      <c r="BD498" s="53">
        <v>0</v>
      </c>
      <c r="BE498" s="53">
        <v>0</v>
      </c>
      <c r="BF498" s="53">
        <v>0</v>
      </c>
      <c r="BG498" s="53">
        <v>0</v>
      </c>
      <c r="BH498" s="53">
        <v>0</v>
      </c>
      <c r="BI498" s="53">
        <v>0</v>
      </c>
      <c r="BJ498" s="53">
        <v>0</v>
      </c>
      <c r="BK498" s="53">
        <v>0</v>
      </c>
      <c r="BL498" s="53">
        <v>0</v>
      </c>
      <c r="BM498" s="53">
        <v>0</v>
      </c>
      <c r="BN498" s="53">
        <v>0</v>
      </c>
      <c r="BO498" s="53">
        <v>0</v>
      </c>
      <c r="BP498" s="53">
        <v>0</v>
      </c>
      <c r="BQ498" s="53">
        <v>0</v>
      </c>
      <c r="BR498" s="53">
        <v>0</v>
      </c>
      <c r="BS498" s="53">
        <v>0</v>
      </c>
      <c r="BT498" s="53">
        <v>0</v>
      </c>
      <c r="BU498" s="53">
        <v>0</v>
      </c>
      <c r="BV498" s="53">
        <v>0</v>
      </c>
      <c r="BW498" s="53">
        <v>0</v>
      </c>
      <c r="BX498" s="53">
        <v>0</v>
      </c>
      <c r="BY498" s="53">
        <v>0</v>
      </c>
      <c r="BZ498" s="53">
        <v>0</v>
      </c>
      <c r="CA498" s="53">
        <v>0</v>
      </c>
      <c r="CB498" s="53">
        <v>31554618.280000001</v>
      </c>
      <c r="CC498" s="53">
        <v>31554618.280000001</v>
      </c>
      <c r="CD498" s="53">
        <v>31554618.280000001</v>
      </c>
      <c r="CE498" s="53">
        <v>31554618.280000001</v>
      </c>
      <c r="CF498" s="53">
        <v>31554618.280000001</v>
      </c>
      <c r="CG498" s="53">
        <v>31554618.280000001</v>
      </c>
      <c r="CH498" s="53">
        <v>31554618.280000001</v>
      </c>
      <c r="CI498" s="53">
        <v>31554618.280000001</v>
      </c>
      <c r="CJ498" s="53">
        <v>31554618.280000001</v>
      </c>
      <c r="CK498" s="53">
        <v>31554618.280000001</v>
      </c>
      <c r="CL498" s="53">
        <v>31554618.280000001</v>
      </c>
      <c r="CM498" s="53">
        <v>31554618.280000001</v>
      </c>
      <c r="CN498" s="53">
        <v>31554618.280000001</v>
      </c>
    </row>
    <row r="499" spans="1:92" outlineLevel="1">
      <c r="A499" s="52" t="s">
        <v>1218</v>
      </c>
      <c r="B499" s="53">
        <v>182395.23</v>
      </c>
      <c r="C499" s="53">
        <v>1266018.25</v>
      </c>
      <c r="D499" s="53">
        <v>106702.31</v>
      </c>
      <c r="E499" s="53">
        <v>112344.96000000001</v>
      </c>
      <c r="F499" s="53">
        <v>114973.32</v>
      </c>
      <c r="G499" s="53">
        <v>112696.73</v>
      </c>
      <c r="H499" s="53">
        <v>87085.049999999901</v>
      </c>
      <c r="I499" s="53">
        <v>65450.53</v>
      </c>
      <c r="J499" s="53">
        <v>101839.93</v>
      </c>
      <c r="K499" s="53">
        <v>167697.95000000001</v>
      </c>
      <c r="L499" s="53">
        <v>109774.72</v>
      </c>
      <c r="M499" s="53">
        <v>57167.95</v>
      </c>
      <c r="N499" s="53">
        <v>182395.23</v>
      </c>
      <c r="O499" s="53">
        <v>3296746.17</v>
      </c>
      <c r="P499" s="53">
        <v>-71669148.431296796</v>
      </c>
      <c r="Q499" s="53">
        <v>-61956920.902599499</v>
      </c>
      <c r="R499" s="53">
        <v>-71523816.531681702</v>
      </c>
      <c r="S499" s="53">
        <v>-119227355.530196</v>
      </c>
      <c r="T499" s="53">
        <v>-183549577.90484199</v>
      </c>
      <c r="U499" s="53">
        <v>-249593889.07258099</v>
      </c>
      <c r="V499" s="53">
        <v>-312852986.45006597</v>
      </c>
      <c r="W499" s="53">
        <v>-450754462.958444</v>
      </c>
      <c r="X499" s="53">
        <v>-514604712.33649802</v>
      </c>
      <c r="Y499" s="53">
        <v>-567639186.64468098</v>
      </c>
      <c r="Z499" s="53">
        <v>-584330396.89409494</v>
      </c>
      <c r="AA499" s="53">
        <v>3296746.17</v>
      </c>
      <c r="AB499" s="53">
        <v>-600233377.896819</v>
      </c>
      <c r="AC499" s="53">
        <v>-687815192.62336695</v>
      </c>
      <c r="AD499" s="53">
        <v>-699992443.87926805</v>
      </c>
      <c r="AE499" s="53">
        <v>-730124293.24205303</v>
      </c>
      <c r="AF499" s="53">
        <v>-785978439.26701796</v>
      </c>
      <c r="AG499" s="53">
        <v>-854308625.20597005</v>
      </c>
      <c r="AH499" s="53">
        <v>-930859729.94914401</v>
      </c>
      <c r="AI499" s="53">
        <v>-1009868159.38111</v>
      </c>
      <c r="AJ499" s="53">
        <v>-1152882742.29566</v>
      </c>
      <c r="AK499" s="53">
        <v>-1225289591.3650601</v>
      </c>
      <c r="AL499" s="53">
        <v>-1280104911.0452399</v>
      </c>
      <c r="AM499" s="53">
        <v>-1308265770.6501501</v>
      </c>
      <c r="AN499" s="53">
        <v>-600233377.896819</v>
      </c>
      <c r="AO499" s="53">
        <v>-1335857708.6099501</v>
      </c>
      <c r="AP499" s="53">
        <v>-1361406001.60517</v>
      </c>
      <c r="AQ499" s="53">
        <v>-1338035178.6902399</v>
      </c>
      <c r="AR499" s="53">
        <v>-1322371154.2729399</v>
      </c>
      <c r="AS499" s="53">
        <v>-1324285125.8852899</v>
      </c>
      <c r="AT499" s="53">
        <v>-1330781114.0874701</v>
      </c>
      <c r="AU499" s="53">
        <v>-1337509273.37254</v>
      </c>
      <c r="AV499" s="53">
        <v>-1343101834.41243</v>
      </c>
      <c r="AW499" s="53">
        <v>-1393802688.80901</v>
      </c>
      <c r="AX499" s="53">
        <v>-1397429587.4368</v>
      </c>
      <c r="AY499" s="53">
        <v>-1395006252.5569999</v>
      </c>
      <c r="AZ499" s="53">
        <v>-1376733823.2827201</v>
      </c>
      <c r="BA499" s="53">
        <v>-1335857708.6099501</v>
      </c>
      <c r="BB499" s="53">
        <v>-1351660886.3022201</v>
      </c>
      <c r="BC499" s="53">
        <v>-1375925326.2041299</v>
      </c>
      <c r="BD499" s="53">
        <v>-1352169288.0982001</v>
      </c>
      <c r="BE499" s="53">
        <v>-1337433963.3201001</v>
      </c>
      <c r="BF499" s="53">
        <v>-1339961721.3101499</v>
      </c>
      <c r="BG499" s="53">
        <v>-1346032335.6354201</v>
      </c>
      <c r="BH499" s="53">
        <v>-1352635557.88399</v>
      </c>
      <c r="BI499" s="53">
        <v>-1357257459.2496099</v>
      </c>
      <c r="BJ499" s="53">
        <v>-1404064932.0701499</v>
      </c>
      <c r="BK499" s="53">
        <v>-1404685580.9376199</v>
      </c>
      <c r="BL499" s="53">
        <v>-1398292784.13328</v>
      </c>
      <c r="BM499" s="53">
        <v>-1376422939.34729</v>
      </c>
      <c r="BN499" s="53">
        <v>-1351660886.3022201</v>
      </c>
      <c r="BO499" s="53">
        <v>-1351660886.45119</v>
      </c>
      <c r="BP499" s="53">
        <v>-1372383432.2260201</v>
      </c>
      <c r="BQ499" s="53">
        <v>-1347196493.0476799</v>
      </c>
      <c r="BR499" s="53">
        <v>-1329053015.023</v>
      </c>
      <c r="BS499" s="53">
        <v>-1328024525.2821801</v>
      </c>
      <c r="BT499" s="53">
        <v>-1333914306.2771101</v>
      </c>
      <c r="BU499" s="53">
        <v>-1340598838.84058</v>
      </c>
      <c r="BV499" s="53">
        <v>-1345733254.94572</v>
      </c>
      <c r="BW499" s="53">
        <v>-1391751954.90573</v>
      </c>
      <c r="BX499" s="53">
        <v>-1393388293.0738299</v>
      </c>
      <c r="BY499" s="53">
        <v>-1388664423.20226</v>
      </c>
      <c r="BZ499" s="53">
        <v>-1374300117.7620599</v>
      </c>
      <c r="CA499" s="53">
        <v>-1351660886.45119</v>
      </c>
      <c r="CB499" s="53">
        <v>8507340.8300000001</v>
      </c>
      <c r="CC499" s="53">
        <v>8507340.8300000001</v>
      </c>
      <c r="CD499" s="53">
        <v>8507340.8300000001</v>
      </c>
      <c r="CE499" s="53">
        <v>8507340.8300000001</v>
      </c>
      <c r="CF499" s="53">
        <v>8507340.8300000001</v>
      </c>
      <c r="CG499" s="53">
        <v>8507340.8300000001</v>
      </c>
      <c r="CH499" s="53">
        <v>8507340.8300000001</v>
      </c>
      <c r="CI499" s="53">
        <v>8507340.8300000001</v>
      </c>
      <c r="CJ499" s="53">
        <v>8507340.8300000001</v>
      </c>
      <c r="CK499" s="53">
        <v>8507340.8300000001</v>
      </c>
      <c r="CL499" s="53">
        <v>8507340.8300000001</v>
      </c>
      <c r="CM499" s="53">
        <v>8507340.8300000001</v>
      </c>
      <c r="CN499" s="53">
        <v>8507340.8300000001</v>
      </c>
    </row>
    <row r="500" spans="1:92" outlineLevel="1">
      <c r="A500" s="52" t="s">
        <v>699</v>
      </c>
      <c r="B500" s="53"/>
      <c r="C500" s="53"/>
      <c r="D500" s="53"/>
      <c r="E500" s="53"/>
      <c r="F500" s="53"/>
      <c r="G500" s="53"/>
      <c r="H500" s="53"/>
      <c r="I500" s="53"/>
      <c r="J500" s="53"/>
      <c r="K500" s="53"/>
      <c r="L500" s="53"/>
      <c r="M500" s="53"/>
      <c r="N500" s="53"/>
      <c r="O500" s="53"/>
      <c r="P500" s="53"/>
      <c r="Q500" s="53"/>
      <c r="R500" s="53"/>
      <c r="S500" s="53"/>
      <c r="T500" s="53"/>
      <c r="U500" s="53"/>
      <c r="V500" s="53"/>
      <c r="W500" s="53"/>
      <c r="X500" s="53"/>
      <c r="Y500" s="53"/>
      <c r="Z500" s="53"/>
      <c r="AA500" s="53"/>
      <c r="AB500" s="53"/>
      <c r="AC500" s="53"/>
      <c r="AD500" s="53"/>
      <c r="AE500" s="53"/>
      <c r="AF500" s="53"/>
      <c r="AG500" s="53"/>
      <c r="AH500" s="53"/>
      <c r="AI500" s="53"/>
      <c r="AJ500" s="53"/>
      <c r="AK500" s="53"/>
      <c r="AL500" s="53"/>
      <c r="AM500" s="53"/>
      <c r="AN500" s="53"/>
      <c r="AO500" s="53"/>
      <c r="AP500" s="53"/>
      <c r="AQ500" s="53"/>
      <c r="AR500" s="53"/>
      <c r="AS500" s="53"/>
      <c r="AT500" s="53"/>
      <c r="AU500" s="53"/>
      <c r="AV500" s="53"/>
      <c r="AW500" s="53"/>
      <c r="AX500" s="53"/>
      <c r="AY500" s="53"/>
      <c r="AZ500" s="53"/>
      <c r="BA500" s="53"/>
      <c r="BB500" s="53"/>
      <c r="BC500" s="53"/>
      <c r="BD500" s="53"/>
      <c r="BE500" s="53"/>
      <c r="BF500" s="53"/>
      <c r="BG500" s="53"/>
      <c r="BH500" s="53"/>
      <c r="BI500" s="53"/>
      <c r="BJ500" s="53"/>
      <c r="BK500" s="53"/>
      <c r="BL500" s="53"/>
      <c r="BM500" s="53"/>
      <c r="BN500" s="53"/>
      <c r="BO500" s="53"/>
      <c r="BP500" s="53"/>
      <c r="BQ500" s="53"/>
      <c r="BR500" s="53"/>
      <c r="BS500" s="53"/>
      <c r="BT500" s="53"/>
      <c r="BU500" s="53"/>
      <c r="BV500" s="53"/>
      <c r="BW500" s="53"/>
      <c r="BX500" s="53"/>
      <c r="BY500" s="53"/>
      <c r="BZ500" s="53"/>
      <c r="CA500" s="53"/>
      <c r="CB500" s="53">
        <v>0</v>
      </c>
      <c r="CC500" s="53">
        <v>0</v>
      </c>
      <c r="CD500" s="53">
        <v>0</v>
      </c>
      <c r="CE500" s="53">
        <v>0</v>
      </c>
      <c r="CF500" s="53">
        <v>0</v>
      </c>
      <c r="CG500" s="53">
        <v>0</v>
      </c>
      <c r="CH500" s="53">
        <v>0</v>
      </c>
      <c r="CI500" s="53">
        <v>0</v>
      </c>
      <c r="CJ500" s="53">
        <v>0</v>
      </c>
      <c r="CK500" s="53">
        <v>0</v>
      </c>
      <c r="CL500" s="53">
        <v>0</v>
      </c>
      <c r="CM500" s="53">
        <v>0</v>
      </c>
      <c r="CN500" s="53">
        <v>0</v>
      </c>
    </row>
    <row r="501" spans="1:92" outlineLevel="1">
      <c r="A501" s="52" t="s">
        <v>675</v>
      </c>
      <c r="B501" s="53"/>
      <c r="C501" s="53"/>
      <c r="D501" s="53"/>
      <c r="E501" s="53"/>
      <c r="F501" s="53"/>
      <c r="G501" s="53"/>
      <c r="H501" s="53"/>
      <c r="I501" s="53"/>
      <c r="J501" s="53"/>
      <c r="K501" s="53"/>
      <c r="L501" s="53"/>
      <c r="M501" s="53"/>
      <c r="N501" s="53"/>
      <c r="O501" s="53"/>
      <c r="P501" s="53"/>
      <c r="Q501" s="53"/>
      <c r="R501" s="53"/>
      <c r="S501" s="53"/>
      <c r="T501" s="53"/>
      <c r="U501" s="53"/>
      <c r="V501" s="53"/>
      <c r="W501" s="53"/>
      <c r="X501" s="53"/>
      <c r="Y501" s="53"/>
      <c r="Z501" s="53"/>
      <c r="AA501" s="53"/>
      <c r="AB501" s="53"/>
      <c r="AC501" s="53"/>
      <c r="AD501" s="53"/>
      <c r="AE501" s="53"/>
      <c r="AF501" s="53"/>
      <c r="AG501" s="53"/>
      <c r="AH501" s="53"/>
      <c r="AI501" s="53"/>
      <c r="AJ501" s="53"/>
      <c r="AK501" s="53"/>
      <c r="AL501" s="53"/>
      <c r="AM501" s="53"/>
      <c r="AN501" s="53"/>
      <c r="AO501" s="53"/>
      <c r="AP501" s="53"/>
      <c r="AQ501" s="53"/>
      <c r="AR501" s="53"/>
      <c r="AS501" s="53"/>
      <c r="AT501" s="53"/>
      <c r="AU501" s="53"/>
      <c r="AV501" s="53"/>
      <c r="AW501" s="53"/>
      <c r="AX501" s="53"/>
      <c r="AY501" s="53"/>
      <c r="AZ501" s="53"/>
      <c r="BA501" s="53"/>
      <c r="BB501" s="53"/>
      <c r="BC501" s="53"/>
      <c r="BD501" s="53"/>
      <c r="BE501" s="53"/>
      <c r="BF501" s="53"/>
      <c r="BG501" s="53"/>
      <c r="BH501" s="53"/>
      <c r="BI501" s="53"/>
      <c r="BJ501" s="53"/>
      <c r="BK501" s="53"/>
      <c r="BL501" s="53"/>
      <c r="BM501" s="53"/>
      <c r="BN501" s="53"/>
      <c r="BO501" s="53"/>
      <c r="BP501" s="53"/>
      <c r="BQ501" s="53"/>
      <c r="BR501" s="53"/>
      <c r="BS501" s="53"/>
      <c r="BT501" s="53"/>
      <c r="BU501" s="53"/>
      <c r="BV501" s="53"/>
      <c r="BW501" s="53"/>
      <c r="BX501" s="53"/>
      <c r="BY501" s="53"/>
      <c r="BZ501" s="53"/>
      <c r="CA501" s="53"/>
      <c r="CB501" s="53">
        <v>0</v>
      </c>
      <c r="CC501" s="53">
        <v>0</v>
      </c>
      <c r="CD501" s="53">
        <v>0</v>
      </c>
      <c r="CE501" s="53">
        <v>0</v>
      </c>
      <c r="CF501" s="53">
        <v>0</v>
      </c>
      <c r="CG501" s="53">
        <v>0</v>
      </c>
      <c r="CH501" s="53">
        <v>0</v>
      </c>
      <c r="CI501" s="53">
        <v>0</v>
      </c>
      <c r="CJ501" s="53">
        <v>0</v>
      </c>
      <c r="CK501" s="53">
        <v>0</v>
      </c>
      <c r="CL501" s="53">
        <v>0</v>
      </c>
      <c r="CM501" s="53">
        <v>0</v>
      </c>
      <c r="CN501" s="53">
        <v>0</v>
      </c>
    </row>
    <row r="502" spans="1:92" outlineLevel="1">
      <c r="A502" s="52" t="s">
        <v>1327</v>
      </c>
      <c r="B502" s="53"/>
      <c r="C502" s="53"/>
      <c r="D502" s="53"/>
      <c r="E502" s="53"/>
      <c r="F502" s="53"/>
      <c r="G502" s="53"/>
      <c r="H502" s="53"/>
      <c r="I502" s="53"/>
      <c r="J502" s="53"/>
      <c r="K502" s="53"/>
      <c r="L502" s="53"/>
      <c r="M502" s="53"/>
      <c r="N502" s="53"/>
      <c r="O502" s="53"/>
      <c r="P502" s="53"/>
      <c r="Q502" s="53"/>
      <c r="R502" s="53"/>
      <c r="S502" s="53"/>
      <c r="T502" s="53"/>
      <c r="U502" s="53"/>
      <c r="V502" s="53"/>
      <c r="W502" s="53"/>
      <c r="X502" s="53"/>
      <c r="Y502" s="53"/>
      <c r="Z502" s="53"/>
      <c r="AA502" s="53"/>
      <c r="AB502" s="53"/>
      <c r="AC502" s="53"/>
      <c r="AD502" s="53"/>
      <c r="AE502" s="53"/>
      <c r="AF502" s="53"/>
      <c r="AG502" s="53"/>
      <c r="AH502" s="53"/>
      <c r="AI502" s="53"/>
      <c r="AJ502" s="53"/>
      <c r="AK502" s="53"/>
      <c r="AL502" s="53"/>
      <c r="AM502" s="53"/>
      <c r="AN502" s="53"/>
      <c r="AO502" s="53"/>
      <c r="AP502" s="53"/>
      <c r="AQ502" s="53"/>
      <c r="AR502" s="53"/>
      <c r="AS502" s="53"/>
      <c r="AT502" s="53"/>
      <c r="AU502" s="53"/>
      <c r="AV502" s="53"/>
      <c r="AW502" s="53"/>
      <c r="AX502" s="53"/>
      <c r="AY502" s="53"/>
      <c r="AZ502" s="53"/>
      <c r="BA502" s="53"/>
      <c r="BB502" s="53"/>
      <c r="BC502" s="53"/>
      <c r="BD502" s="53"/>
      <c r="BE502" s="53"/>
      <c r="BF502" s="53"/>
      <c r="BG502" s="53"/>
      <c r="BH502" s="53"/>
      <c r="BI502" s="53"/>
      <c r="BJ502" s="53"/>
      <c r="BK502" s="53"/>
      <c r="BL502" s="53"/>
      <c r="BM502" s="53"/>
      <c r="BN502" s="53"/>
      <c r="BO502" s="53"/>
      <c r="BP502" s="53"/>
      <c r="BQ502" s="53"/>
      <c r="BR502" s="53"/>
      <c r="BS502" s="53"/>
      <c r="BT502" s="53"/>
      <c r="BU502" s="53"/>
      <c r="BV502" s="53"/>
      <c r="BW502" s="53"/>
      <c r="BX502" s="53"/>
      <c r="BY502" s="53"/>
      <c r="BZ502" s="53"/>
      <c r="CA502" s="53"/>
      <c r="CB502" s="53">
        <v>0</v>
      </c>
      <c r="CC502" s="53">
        <v>0</v>
      </c>
      <c r="CD502" s="53">
        <v>0</v>
      </c>
      <c r="CE502" s="53">
        <v>0</v>
      </c>
      <c r="CF502" s="53">
        <v>0</v>
      </c>
      <c r="CG502" s="53">
        <v>0</v>
      </c>
      <c r="CH502" s="53">
        <v>0</v>
      </c>
      <c r="CI502" s="53">
        <v>0</v>
      </c>
      <c r="CJ502" s="53">
        <v>0</v>
      </c>
      <c r="CK502" s="53">
        <v>0</v>
      </c>
      <c r="CL502" s="53">
        <v>0</v>
      </c>
      <c r="CM502" s="53">
        <v>0</v>
      </c>
      <c r="CN502" s="53">
        <v>0</v>
      </c>
    </row>
    <row r="503" spans="1:92" outlineLevel="1">
      <c r="A503" s="52" t="s">
        <v>649</v>
      </c>
      <c r="B503" s="53">
        <v>38895817.149999999</v>
      </c>
      <c r="C503" s="53">
        <v>53338797.769999899</v>
      </c>
      <c r="D503" s="53">
        <v>49395795.530000001</v>
      </c>
      <c r="E503" s="53">
        <v>55768716.530000001</v>
      </c>
      <c r="F503" s="53">
        <v>151230588.41</v>
      </c>
      <c r="G503" s="53">
        <v>153389594.50999999</v>
      </c>
      <c r="H503" s="53">
        <v>132895311.91</v>
      </c>
      <c r="I503" s="53">
        <v>227544395.18000001</v>
      </c>
      <c r="J503" s="53">
        <v>160342752.34999999</v>
      </c>
      <c r="K503" s="53">
        <v>111880543.44</v>
      </c>
      <c r="L503" s="53">
        <v>80342878.700000003</v>
      </c>
      <c r="M503" s="53">
        <v>112679940.14999899</v>
      </c>
      <c r="N503" s="53">
        <v>1327705131.6299901</v>
      </c>
      <c r="O503" s="53">
        <v>-25169829.750387099</v>
      </c>
      <c r="P503" s="53">
        <v>58966178.861763597</v>
      </c>
      <c r="Q503" s="53">
        <v>39686741.523096398</v>
      </c>
      <c r="R503" s="53">
        <v>1673906.3198921201</v>
      </c>
      <c r="S503" s="53">
        <v>-14702597.925310399</v>
      </c>
      <c r="T503" s="53">
        <v>-16142858.2049587</v>
      </c>
      <c r="U503" s="53">
        <v>-13056264.7662798</v>
      </c>
      <c r="V503" s="53">
        <v>-87246027.866794303</v>
      </c>
      <c r="W503" s="53">
        <v>-12762768.6735243</v>
      </c>
      <c r="X503" s="53">
        <v>-1696696.12501311</v>
      </c>
      <c r="Y503" s="53">
        <v>34795878.831630699</v>
      </c>
      <c r="Z503" s="53">
        <v>35653905.427634999</v>
      </c>
      <c r="AA503" s="53">
        <v>-432.34825003310101</v>
      </c>
      <c r="AB503" s="53">
        <v>-27670599.241675802</v>
      </c>
      <c r="AC503" s="53">
        <v>48224967.1995501</v>
      </c>
      <c r="AD503" s="53">
        <v>30341278.5618308</v>
      </c>
      <c r="AE503" s="53">
        <v>4763471.9614883298</v>
      </c>
      <c r="AF503" s="53">
        <v>-7503726.7901726803</v>
      </c>
      <c r="AG503" s="53">
        <v>-15480937.1527646</v>
      </c>
      <c r="AH503" s="53">
        <v>-17676564.220773499</v>
      </c>
      <c r="AI503" s="53">
        <v>-81309051.909450904</v>
      </c>
      <c r="AJ503" s="53">
        <v>-10338773.6698892</v>
      </c>
      <c r="AK503" s="53">
        <v>7466714.5950873904</v>
      </c>
      <c r="AL503" s="53">
        <v>34260594.224009</v>
      </c>
      <c r="AM503" s="53">
        <v>34923073.3583389</v>
      </c>
      <c r="AN503" s="53">
        <v>446.91557777696198</v>
      </c>
      <c r="AO503" s="53">
        <v>-24231361.526878498</v>
      </c>
      <c r="AP503" s="53">
        <v>24687754.383266799</v>
      </c>
      <c r="AQ503" s="53">
        <v>16980955.885632399</v>
      </c>
      <c r="AR503" s="53">
        <v>-597040.14400858397</v>
      </c>
      <c r="AS503" s="53">
        <v>-5179056.73384465</v>
      </c>
      <c r="AT503" s="53">
        <v>-5411227.8167322204</v>
      </c>
      <c r="AU503" s="53">
        <v>-4275629.5715572704</v>
      </c>
      <c r="AV503" s="53">
        <v>-49383922.928237803</v>
      </c>
      <c r="AW503" s="53">
        <v>-2309967.15946157</v>
      </c>
      <c r="AX503" s="53">
        <v>3740266.34814069</v>
      </c>
      <c r="AY503" s="53">
        <v>19589360.742612898</v>
      </c>
      <c r="AZ503" s="53">
        <v>26389868.4488369</v>
      </c>
      <c r="BA503" s="53">
        <v>-7.2230861405842006E-2</v>
      </c>
      <c r="BB503" s="53">
        <v>-24264439.9079291</v>
      </c>
      <c r="BC503" s="53">
        <v>23756038.0999148</v>
      </c>
      <c r="BD503" s="53">
        <v>14735324.7720805</v>
      </c>
      <c r="BE503" s="53">
        <v>-2527757.9960713</v>
      </c>
      <c r="BF503" s="53">
        <v>-6070614.3312913999</v>
      </c>
      <c r="BG503" s="53">
        <v>-6603222.2545889895</v>
      </c>
      <c r="BH503" s="53">
        <v>-4621901.3716337997</v>
      </c>
      <c r="BI503" s="53">
        <v>-46807472.8265559</v>
      </c>
      <c r="BJ503" s="53">
        <v>-620648.87349287095</v>
      </c>
      <c r="BK503" s="53">
        <v>6392796.79832255</v>
      </c>
      <c r="BL503" s="53">
        <v>21869844.779964801</v>
      </c>
      <c r="BM503" s="53">
        <v>24762052.890089098</v>
      </c>
      <c r="BN503" s="53">
        <v>-0.221191468881443</v>
      </c>
      <c r="BO503" s="53">
        <v>-20722545.7932631</v>
      </c>
      <c r="BP503" s="53">
        <v>25186939.1599067</v>
      </c>
      <c r="BQ503" s="53">
        <v>18143478.006243199</v>
      </c>
      <c r="BR503" s="53">
        <v>1028489.7223845701</v>
      </c>
      <c r="BS503" s="53">
        <v>-5889781.0133553203</v>
      </c>
      <c r="BT503" s="53">
        <v>-6684532.5819095802</v>
      </c>
      <c r="BU503" s="53">
        <v>-5134416.1235667998</v>
      </c>
      <c r="BV503" s="53">
        <v>-46018699.978442602</v>
      </c>
      <c r="BW503" s="53">
        <v>-1636338.18653807</v>
      </c>
      <c r="BX503" s="53">
        <v>4723869.8531401101</v>
      </c>
      <c r="BY503" s="53">
        <v>14364305.421770999</v>
      </c>
      <c r="BZ503" s="53">
        <v>22639231.637156401</v>
      </c>
      <c r="CA503" s="53">
        <v>0.12352668272797</v>
      </c>
      <c r="CB503" s="53">
        <v>0</v>
      </c>
      <c r="CC503" s="53">
        <v>0</v>
      </c>
      <c r="CD503" s="53">
        <v>0</v>
      </c>
      <c r="CE503" s="53">
        <v>0</v>
      </c>
      <c r="CF503" s="53">
        <v>0</v>
      </c>
      <c r="CG503" s="53">
        <v>0</v>
      </c>
      <c r="CH503" s="53">
        <v>0</v>
      </c>
      <c r="CI503" s="53">
        <v>0</v>
      </c>
      <c r="CJ503" s="53">
        <v>0</v>
      </c>
      <c r="CK503" s="53">
        <v>0</v>
      </c>
      <c r="CL503" s="53">
        <v>0</v>
      </c>
      <c r="CM503" s="53">
        <v>0</v>
      </c>
      <c r="CN503" s="53">
        <v>0</v>
      </c>
    </row>
    <row r="504" spans="1:92" outlineLevel="1">
      <c r="A504" s="52" t="s">
        <v>1328</v>
      </c>
      <c r="B504" s="53"/>
      <c r="C504" s="53"/>
      <c r="D504" s="53"/>
      <c r="E504" s="53"/>
      <c r="F504" s="53"/>
      <c r="G504" s="53"/>
      <c r="H504" s="53"/>
      <c r="I504" s="53"/>
      <c r="J504" s="53"/>
      <c r="K504" s="53"/>
      <c r="L504" s="53"/>
      <c r="M504" s="53"/>
      <c r="N504" s="53"/>
      <c r="O504" s="53"/>
      <c r="P504" s="53"/>
      <c r="Q504" s="53"/>
      <c r="R504" s="53"/>
      <c r="S504" s="53"/>
      <c r="T504" s="53"/>
      <c r="U504" s="53"/>
      <c r="V504" s="53"/>
      <c r="W504" s="53"/>
      <c r="X504" s="53"/>
      <c r="Y504" s="53"/>
      <c r="Z504" s="53"/>
      <c r="AA504" s="53"/>
      <c r="AB504" s="53"/>
      <c r="AC504" s="53"/>
      <c r="AD504" s="53"/>
      <c r="AE504" s="53"/>
      <c r="AF504" s="53"/>
      <c r="AG504" s="53"/>
      <c r="AH504" s="53"/>
      <c r="AI504" s="53"/>
      <c r="AJ504" s="53"/>
      <c r="AK504" s="53"/>
      <c r="AL504" s="53"/>
      <c r="AM504" s="53"/>
      <c r="AN504" s="53"/>
      <c r="AO504" s="53"/>
      <c r="AP504" s="53"/>
      <c r="AQ504" s="53"/>
      <c r="AR504" s="53"/>
      <c r="AS504" s="53"/>
      <c r="AT504" s="53"/>
      <c r="AU504" s="53"/>
      <c r="AV504" s="53"/>
      <c r="AW504" s="53"/>
      <c r="AX504" s="53"/>
      <c r="AY504" s="53"/>
      <c r="AZ504" s="53"/>
      <c r="BA504" s="53"/>
      <c r="BB504" s="53"/>
      <c r="BC504" s="53"/>
      <c r="BD504" s="53"/>
      <c r="BE504" s="53"/>
      <c r="BF504" s="53"/>
      <c r="BG504" s="53"/>
      <c r="BH504" s="53"/>
      <c r="BI504" s="53"/>
      <c r="BJ504" s="53"/>
      <c r="BK504" s="53"/>
      <c r="BL504" s="53"/>
      <c r="BM504" s="53"/>
      <c r="BN504" s="53"/>
      <c r="BO504" s="53"/>
      <c r="BP504" s="53"/>
      <c r="BQ504" s="53"/>
      <c r="BR504" s="53"/>
      <c r="BS504" s="53"/>
      <c r="BT504" s="53"/>
      <c r="BU504" s="53"/>
      <c r="BV504" s="53"/>
      <c r="BW504" s="53"/>
      <c r="BX504" s="53"/>
      <c r="BY504" s="53"/>
      <c r="BZ504" s="53"/>
      <c r="CA504" s="53"/>
      <c r="CB504" s="53">
        <v>182395.23</v>
      </c>
      <c r="CC504" s="53">
        <v>182395.23</v>
      </c>
      <c r="CD504" s="53">
        <v>182395.23</v>
      </c>
      <c r="CE504" s="53">
        <v>182395.23</v>
      </c>
      <c r="CF504" s="53">
        <v>182395.23</v>
      </c>
      <c r="CG504" s="53">
        <v>182395.23</v>
      </c>
      <c r="CH504" s="53">
        <v>182395.23</v>
      </c>
      <c r="CI504" s="53">
        <v>182395.23</v>
      </c>
      <c r="CJ504" s="53">
        <v>182395.23</v>
      </c>
      <c r="CK504" s="53">
        <v>182395.23</v>
      </c>
      <c r="CL504" s="53">
        <v>182395.23</v>
      </c>
      <c r="CM504" s="53">
        <v>182395.23</v>
      </c>
      <c r="CN504" s="53">
        <v>182395.23</v>
      </c>
    </row>
    <row r="505" spans="1:92" outlineLevel="1">
      <c r="A505" s="52" t="s">
        <v>649</v>
      </c>
      <c r="B505" s="53"/>
      <c r="C505" s="53"/>
      <c r="D505" s="53"/>
      <c r="E505" s="53"/>
      <c r="F505" s="53"/>
      <c r="G505" s="53"/>
      <c r="H505" s="53"/>
      <c r="I505" s="53"/>
      <c r="J505" s="53"/>
      <c r="K505" s="53"/>
      <c r="L505" s="53"/>
      <c r="M505" s="53"/>
      <c r="N505" s="53"/>
      <c r="O505" s="53">
        <v>5013096.8596963696</v>
      </c>
      <c r="P505" s="53">
        <v>5555210.3775397604</v>
      </c>
      <c r="Q505" s="53">
        <v>5555524.5584273897</v>
      </c>
      <c r="R505" s="53">
        <v>5431716.3921988299</v>
      </c>
      <c r="S505" s="53">
        <v>5189537.2612710297</v>
      </c>
      <c r="T505" s="53">
        <v>4907708.7478258302</v>
      </c>
      <c r="U505" s="53">
        <v>4606329.0994005799</v>
      </c>
      <c r="V505" s="53">
        <v>4153713.06902237</v>
      </c>
      <c r="W505" s="53">
        <v>3721681.0060771699</v>
      </c>
      <c r="X505" s="53">
        <v>3471383.5274356701</v>
      </c>
      <c r="Y505" s="53">
        <v>3322072.6295619099</v>
      </c>
      <c r="Z505" s="53">
        <v>3252275.2802464501</v>
      </c>
      <c r="AA505" s="53">
        <v>54180248.808703303</v>
      </c>
      <c r="AB505" s="53">
        <v>2707743.54289325</v>
      </c>
      <c r="AC505" s="53">
        <v>2216740.5723132598</v>
      </c>
      <c r="AD505" s="53">
        <v>2145831.10314909</v>
      </c>
      <c r="AE505" s="53">
        <v>2001341.0413122501</v>
      </c>
      <c r="AF505" s="53">
        <v>1792499.8789852301</v>
      </c>
      <c r="AG505" s="53">
        <v>1548791.4373550499</v>
      </c>
      <c r="AH505" s="53">
        <v>1287093.81657022</v>
      </c>
      <c r="AI505" s="53">
        <v>913428.02266334102</v>
      </c>
      <c r="AJ505" s="53">
        <v>550883.628256639</v>
      </c>
      <c r="AK505" s="53">
        <v>336924.75249522401</v>
      </c>
      <c r="AL505" s="53">
        <v>197505.19884906599</v>
      </c>
      <c r="AM505" s="53">
        <v>103947.70962234</v>
      </c>
      <c r="AN505" s="53">
        <v>15802730.704464899</v>
      </c>
      <c r="AO505" s="53"/>
      <c r="AP505" s="53"/>
      <c r="AQ505" s="53"/>
      <c r="AR505" s="53"/>
      <c r="AS505" s="53"/>
      <c r="AT505" s="53"/>
      <c r="AU505" s="53"/>
      <c r="AV505" s="53"/>
      <c r="AW505" s="53"/>
      <c r="AX505" s="53"/>
      <c r="AY505" s="53"/>
      <c r="AZ505" s="53"/>
      <c r="BA505" s="53"/>
      <c r="BB505" s="53"/>
      <c r="BC505" s="53"/>
      <c r="BD505" s="53"/>
      <c r="BE505" s="53"/>
      <c r="BF505" s="53"/>
      <c r="BG505" s="53"/>
      <c r="BH505" s="53"/>
      <c r="BI505" s="53"/>
      <c r="BJ505" s="53"/>
      <c r="BK505" s="53"/>
      <c r="BL505" s="53"/>
      <c r="BM505" s="53"/>
      <c r="BN505" s="53"/>
      <c r="BO505" s="53"/>
      <c r="BP505" s="53"/>
      <c r="BQ505" s="53"/>
      <c r="BR505" s="53"/>
      <c r="BS505" s="53"/>
      <c r="BT505" s="53"/>
      <c r="BU505" s="53"/>
      <c r="BV505" s="53"/>
      <c r="BW505" s="53"/>
      <c r="BX505" s="53"/>
      <c r="BY505" s="53"/>
      <c r="BZ505" s="53"/>
      <c r="CA505" s="53"/>
      <c r="CB505" s="53">
        <v>0</v>
      </c>
      <c r="CC505" s="53">
        <v>0</v>
      </c>
      <c r="CD505" s="53">
        <v>0</v>
      </c>
      <c r="CE505" s="53">
        <v>0</v>
      </c>
      <c r="CF505" s="53">
        <v>0</v>
      </c>
      <c r="CG505" s="53">
        <v>0</v>
      </c>
      <c r="CH505" s="53">
        <v>0</v>
      </c>
      <c r="CI505" s="53">
        <v>0</v>
      </c>
      <c r="CJ505" s="53">
        <v>0</v>
      </c>
      <c r="CK505" s="53">
        <v>0</v>
      </c>
      <c r="CL505" s="53">
        <v>0</v>
      </c>
      <c r="CM505" s="53">
        <v>0</v>
      </c>
      <c r="CN505" s="53">
        <v>0</v>
      </c>
    </row>
    <row r="506" spans="1:92" outlineLevel="1">
      <c r="A506" s="52" t="s">
        <v>1329</v>
      </c>
      <c r="B506" s="53"/>
      <c r="C506" s="53"/>
      <c r="D506" s="53"/>
      <c r="E506" s="53"/>
      <c r="F506" s="53"/>
      <c r="G506" s="53"/>
      <c r="H506" s="53"/>
      <c r="I506" s="53"/>
      <c r="J506" s="53"/>
      <c r="K506" s="53"/>
      <c r="L506" s="53"/>
      <c r="M506" s="53"/>
      <c r="N506" s="53"/>
      <c r="O506" s="53"/>
      <c r="P506" s="53"/>
      <c r="Q506" s="53"/>
      <c r="R506" s="53"/>
      <c r="S506" s="53"/>
      <c r="T506" s="53"/>
      <c r="U506" s="53"/>
      <c r="V506" s="53"/>
      <c r="W506" s="53"/>
      <c r="X506" s="53"/>
      <c r="Y506" s="53"/>
      <c r="Z506" s="53"/>
      <c r="AA506" s="53"/>
      <c r="AB506" s="53"/>
      <c r="AC506" s="53"/>
      <c r="AD506" s="53"/>
      <c r="AE506" s="53"/>
      <c r="AF506" s="53"/>
      <c r="AG506" s="53"/>
      <c r="AH506" s="53"/>
      <c r="AI506" s="53"/>
      <c r="AJ506" s="53"/>
      <c r="AK506" s="53"/>
      <c r="AL506" s="53"/>
      <c r="AM506" s="53"/>
      <c r="AN506" s="53"/>
      <c r="AO506" s="53"/>
      <c r="AP506" s="53"/>
      <c r="AQ506" s="53"/>
      <c r="AR506" s="53"/>
      <c r="AS506" s="53"/>
      <c r="AT506" s="53"/>
      <c r="AU506" s="53"/>
      <c r="AV506" s="53"/>
      <c r="AW506" s="53"/>
      <c r="AX506" s="53"/>
      <c r="AY506" s="53"/>
      <c r="AZ506" s="53"/>
      <c r="BA506" s="53"/>
      <c r="BB506" s="53"/>
      <c r="BC506" s="53"/>
      <c r="BD506" s="53"/>
      <c r="BE506" s="53"/>
      <c r="BF506" s="53"/>
      <c r="BG506" s="53"/>
      <c r="BH506" s="53"/>
      <c r="BI506" s="53"/>
      <c r="BJ506" s="53"/>
      <c r="BK506" s="53"/>
      <c r="BL506" s="53"/>
      <c r="BM506" s="53"/>
      <c r="BN506" s="53"/>
      <c r="BO506" s="53"/>
      <c r="BP506" s="53"/>
      <c r="BQ506" s="53"/>
      <c r="BR506" s="53"/>
      <c r="BS506" s="53"/>
      <c r="BT506" s="53"/>
      <c r="BU506" s="53"/>
      <c r="BV506" s="53"/>
      <c r="BW506" s="53"/>
      <c r="BX506" s="53"/>
      <c r="BY506" s="53"/>
      <c r="BZ506" s="53"/>
      <c r="CA506" s="53"/>
      <c r="CB506" s="53">
        <v>0</v>
      </c>
      <c r="CC506" s="53">
        <v>0</v>
      </c>
      <c r="CD506" s="53">
        <v>0</v>
      </c>
      <c r="CE506" s="53">
        <v>0</v>
      </c>
      <c r="CF506" s="53">
        <v>0</v>
      </c>
      <c r="CG506" s="53">
        <v>0</v>
      </c>
      <c r="CH506" s="53">
        <v>0</v>
      </c>
      <c r="CI506" s="53">
        <v>0</v>
      </c>
      <c r="CJ506" s="53">
        <v>0</v>
      </c>
      <c r="CK506" s="53">
        <v>0</v>
      </c>
      <c r="CL506" s="53">
        <v>0</v>
      </c>
      <c r="CM506" s="53">
        <v>0</v>
      </c>
      <c r="CN506" s="53">
        <v>0</v>
      </c>
    </row>
    <row r="507" spans="1:92" outlineLevel="1">
      <c r="A507" s="52" t="s">
        <v>649</v>
      </c>
      <c r="B507" s="53">
        <v>-10284349.92</v>
      </c>
      <c r="C507" s="53">
        <v>-10305214.49</v>
      </c>
      <c r="D507" s="53">
        <v>-36470185.409999996</v>
      </c>
      <c r="E507" s="53">
        <v>-36470185.409999996</v>
      </c>
      <c r="F507" s="53">
        <v>-36470185.409999996</v>
      </c>
      <c r="G507" s="53">
        <v>-36470185.409999996</v>
      </c>
      <c r="H507" s="53">
        <v>-36470185.409999996</v>
      </c>
      <c r="I507" s="53">
        <v>-36470185.409999996</v>
      </c>
      <c r="J507" s="53">
        <v>-36470185.409999996</v>
      </c>
      <c r="K507" s="53">
        <v>-36470185.409999996</v>
      </c>
      <c r="L507" s="53">
        <v>-36470185.409999996</v>
      </c>
      <c r="M507" s="53">
        <v>-36470185.409999996</v>
      </c>
      <c r="N507" s="53">
        <v>-385291418.50999898</v>
      </c>
      <c r="O507" s="53">
        <v>-54809161.710606001</v>
      </c>
      <c r="P507" s="53">
        <v>-54809161.710606001</v>
      </c>
      <c r="Q507" s="53">
        <v>-54809161.710606001</v>
      </c>
      <c r="R507" s="53">
        <v>-54809161.710606001</v>
      </c>
      <c r="S507" s="53">
        <v>-54809161.710606001</v>
      </c>
      <c r="T507" s="53">
        <v>-54809161.710606001</v>
      </c>
      <c r="U507" s="53">
        <v>-54809161.710606001</v>
      </c>
      <c r="V507" s="53">
        <v>-54809161.710606001</v>
      </c>
      <c r="W507" s="53">
        <v>-54809161.710606001</v>
      </c>
      <c r="X507" s="53">
        <v>-54809161.710606001</v>
      </c>
      <c r="Y507" s="53">
        <v>-54809161.710606001</v>
      </c>
      <c r="Z507" s="53">
        <v>-54809161.710606001</v>
      </c>
      <c r="AA507" s="53">
        <v>-657709940.52727199</v>
      </c>
      <c r="AB507" s="53">
        <v>-62618959.027764902</v>
      </c>
      <c r="AC507" s="53">
        <v>-62618959.027764902</v>
      </c>
      <c r="AD507" s="53">
        <v>-62618959.027764902</v>
      </c>
      <c r="AE507" s="53">
        <v>-62618959.027764902</v>
      </c>
      <c r="AF507" s="53">
        <v>-62618959.027764902</v>
      </c>
      <c r="AG507" s="53">
        <v>-62618959.027764902</v>
      </c>
      <c r="AH507" s="53">
        <v>-62618959.027764902</v>
      </c>
      <c r="AI507" s="53">
        <v>-62618959.027764902</v>
      </c>
      <c r="AJ507" s="53">
        <v>-62618959.027764902</v>
      </c>
      <c r="AK507" s="53">
        <v>-62618959.027764902</v>
      </c>
      <c r="AL507" s="53">
        <v>-62618959.027764902</v>
      </c>
      <c r="AM507" s="53">
        <v>-62618959.027764902</v>
      </c>
      <c r="AN507" s="53">
        <v>-751427508.333179</v>
      </c>
      <c r="AO507" s="53">
        <v>-1316931.46833687</v>
      </c>
      <c r="AP507" s="53">
        <v>-1316931.46833687</v>
      </c>
      <c r="AQ507" s="53">
        <v>-1316931.46833687</v>
      </c>
      <c r="AR507" s="53">
        <v>-1316931.46833687</v>
      </c>
      <c r="AS507" s="53">
        <v>-1316931.46833687</v>
      </c>
      <c r="AT507" s="53">
        <v>-1316931.46833687</v>
      </c>
      <c r="AU507" s="53">
        <v>-1316931.46833687</v>
      </c>
      <c r="AV507" s="53">
        <v>-1316931.46833687</v>
      </c>
      <c r="AW507" s="53">
        <v>-1316931.46833687</v>
      </c>
      <c r="AX507" s="53">
        <v>-1316931.46833687</v>
      </c>
      <c r="AY507" s="53">
        <v>-1316931.46833687</v>
      </c>
      <c r="AZ507" s="53">
        <v>-1316931.46833687</v>
      </c>
      <c r="BA507" s="53">
        <v>-15803177.620042499</v>
      </c>
      <c r="BB507" s="53">
        <v>6.0192389052341798E-3</v>
      </c>
      <c r="BC507" s="53">
        <v>6.0192389052341798E-3</v>
      </c>
      <c r="BD507" s="53">
        <v>6.0192389052341798E-3</v>
      </c>
      <c r="BE507" s="53">
        <v>6.0192389052341798E-3</v>
      </c>
      <c r="BF507" s="53">
        <v>6.0192389052341798E-3</v>
      </c>
      <c r="BG507" s="53">
        <v>6.0192389052341798E-3</v>
      </c>
      <c r="BH507" s="53">
        <v>6.0192389052341798E-3</v>
      </c>
      <c r="BI507" s="53">
        <v>6.0192389052341798E-3</v>
      </c>
      <c r="BJ507" s="53">
        <v>6.0192389052341798E-3</v>
      </c>
      <c r="BK507" s="53">
        <v>6.0192389052341798E-3</v>
      </c>
      <c r="BL507" s="53">
        <v>6.0192389052341798E-3</v>
      </c>
      <c r="BM507" s="53">
        <v>6.0192389052341798E-3</v>
      </c>
      <c r="BN507" s="53">
        <v>7.2230866862810203E-2</v>
      </c>
      <c r="BO507" s="53">
        <v>1.84326218636164E-2</v>
      </c>
      <c r="BP507" s="53">
        <v>1.84326218636164E-2</v>
      </c>
      <c r="BQ507" s="53">
        <v>1.84326218636164E-2</v>
      </c>
      <c r="BR507" s="53">
        <v>1.84326218636164E-2</v>
      </c>
      <c r="BS507" s="53">
        <v>1.84326218636164E-2</v>
      </c>
      <c r="BT507" s="53">
        <v>1.84326218636164E-2</v>
      </c>
      <c r="BU507" s="53">
        <v>1.84326218636164E-2</v>
      </c>
      <c r="BV507" s="53">
        <v>1.84326218636164E-2</v>
      </c>
      <c r="BW507" s="53">
        <v>1.84326218636164E-2</v>
      </c>
      <c r="BX507" s="53">
        <v>1.84326218636164E-2</v>
      </c>
      <c r="BY507" s="53">
        <v>1.84326218636164E-2</v>
      </c>
      <c r="BZ507" s="53">
        <v>1.84326218636164E-2</v>
      </c>
      <c r="CA507" s="53">
        <v>0.22119146236339701</v>
      </c>
      <c r="CB507" s="53">
        <v>0</v>
      </c>
      <c r="CC507" s="53">
        <v>0</v>
      </c>
      <c r="CD507" s="53">
        <v>0</v>
      </c>
      <c r="CE507" s="53">
        <v>0</v>
      </c>
      <c r="CF507" s="53">
        <v>0</v>
      </c>
      <c r="CG507" s="53">
        <v>0</v>
      </c>
      <c r="CH507" s="53">
        <v>0</v>
      </c>
      <c r="CI507" s="53">
        <v>0</v>
      </c>
      <c r="CJ507" s="53">
        <v>0</v>
      </c>
      <c r="CK507" s="53">
        <v>0</v>
      </c>
      <c r="CL507" s="53">
        <v>0</v>
      </c>
      <c r="CM507" s="53">
        <v>0</v>
      </c>
      <c r="CN507" s="53">
        <v>0</v>
      </c>
    </row>
    <row r="508" spans="1:92" outlineLevel="1">
      <c r="A508" s="52" t="s">
        <v>1330</v>
      </c>
      <c r="B508" s="53">
        <v>1266018.25</v>
      </c>
      <c r="C508" s="53">
        <v>106702.31</v>
      </c>
      <c r="D508" s="53">
        <v>112344.96000000001</v>
      </c>
      <c r="E508" s="53">
        <v>114973.32</v>
      </c>
      <c r="F508" s="53">
        <v>112696.73</v>
      </c>
      <c r="G508" s="53">
        <v>87085.049999999901</v>
      </c>
      <c r="H508" s="53">
        <v>65450.53</v>
      </c>
      <c r="I508" s="53">
        <v>101839.93</v>
      </c>
      <c r="J508" s="53">
        <v>167697.95000000001</v>
      </c>
      <c r="K508" s="53">
        <v>109774.72</v>
      </c>
      <c r="L508" s="53">
        <v>57167.95</v>
      </c>
      <c r="M508" s="53">
        <v>3296746.17</v>
      </c>
      <c r="N508" s="53">
        <v>3296746.17</v>
      </c>
      <c r="O508" s="53">
        <v>-71669148.431296796</v>
      </c>
      <c r="P508" s="53">
        <v>-61956920.902599499</v>
      </c>
      <c r="Q508" s="53">
        <v>-71523816.531681702</v>
      </c>
      <c r="R508" s="53">
        <v>-119227355.530196</v>
      </c>
      <c r="S508" s="53">
        <v>-183549577.90484199</v>
      </c>
      <c r="T508" s="53">
        <v>-249593889.07258099</v>
      </c>
      <c r="U508" s="53">
        <v>-312852986.45006597</v>
      </c>
      <c r="V508" s="53">
        <v>-450754462.958444</v>
      </c>
      <c r="W508" s="53">
        <v>-514604712.33649802</v>
      </c>
      <c r="X508" s="53">
        <v>-567639186.64468098</v>
      </c>
      <c r="Y508" s="53">
        <v>-584330396.89409494</v>
      </c>
      <c r="Z508" s="53">
        <v>-600233377.896819</v>
      </c>
      <c r="AA508" s="53">
        <v>-600233377.896819</v>
      </c>
      <c r="AB508" s="53">
        <v>-687815192.62336695</v>
      </c>
      <c r="AC508" s="53">
        <v>-699992443.87926805</v>
      </c>
      <c r="AD508" s="53">
        <v>-730124293.24205303</v>
      </c>
      <c r="AE508" s="53">
        <v>-785978439.26701796</v>
      </c>
      <c r="AF508" s="53">
        <v>-854308625.20597005</v>
      </c>
      <c r="AG508" s="53">
        <v>-930859729.94914401</v>
      </c>
      <c r="AH508" s="53">
        <v>-1009868159.38111</v>
      </c>
      <c r="AI508" s="53">
        <v>-1152882742.29566</v>
      </c>
      <c r="AJ508" s="53">
        <v>-1225289591.3650601</v>
      </c>
      <c r="AK508" s="53">
        <v>-1280104911.0452399</v>
      </c>
      <c r="AL508" s="53">
        <v>-1308265770.6501501</v>
      </c>
      <c r="AM508" s="53">
        <v>-1335857708.6099501</v>
      </c>
      <c r="AN508" s="53">
        <v>-1335857708.6099501</v>
      </c>
      <c r="AO508" s="53">
        <v>-1361406001.60517</v>
      </c>
      <c r="AP508" s="53">
        <v>-1338035178.6902399</v>
      </c>
      <c r="AQ508" s="53">
        <v>-1322371154.2729399</v>
      </c>
      <c r="AR508" s="53">
        <v>-1324285125.8852899</v>
      </c>
      <c r="AS508" s="53">
        <v>-1330781114.0874701</v>
      </c>
      <c r="AT508" s="53">
        <v>-1337509273.37254</v>
      </c>
      <c r="AU508" s="53">
        <v>-1343101834.41243</v>
      </c>
      <c r="AV508" s="53">
        <v>-1393802688.80901</v>
      </c>
      <c r="AW508" s="53">
        <v>-1397429587.4368</v>
      </c>
      <c r="AX508" s="53">
        <v>-1395006252.5569999</v>
      </c>
      <c r="AY508" s="53">
        <v>-1376733823.2827201</v>
      </c>
      <c r="AZ508" s="53">
        <v>-1351660886.3022201</v>
      </c>
      <c r="BA508" s="53">
        <v>-1351660886.3022201</v>
      </c>
      <c r="BB508" s="53">
        <v>-1375925326.2041299</v>
      </c>
      <c r="BC508" s="53">
        <v>-1352169288.0982001</v>
      </c>
      <c r="BD508" s="53">
        <v>-1337433963.3201001</v>
      </c>
      <c r="BE508" s="53">
        <v>-1339961721.3101499</v>
      </c>
      <c r="BF508" s="53">
        <v>-1346032335.6354201</v>
      </c>
      <c r="BG508" s="53">
        <v>-1352635557.88399</v>
      </c>
      <c r="BH508" s="53">
        <v>-1357257459.2496099</v>
      </c>
      <c r="BI508" s="53">
        <v>-1404064932.0701499</v>
      </c>
      <c r="BJ508" s="53">
        <v>-1404685580.9376199</v>
      </c>
      <c r="BK508" s="53">
        <v>-1398292784.13328</v>
      </c>
      <c r="BL508" s="53">
        <v>-1376422939.34729</v>
      </c>
      <c r="BM508" s="53">
        <v>-1351660886.45119</v>
      </c>
      <c r="BN508" s="53">
        <v>-1351660886.45119</v>
      </c>
      <c r="BO508" s="53">
        <v>-1372383432.2260201</v>
      </c>
      <c r="BP508" s="53">
        <v>-1347196493.0476799</v>
      </c>
      <c r="BQ508" s="53">
        <v>-1329053015.023</v>
      </c>
      <c r="BR508" s="53">
        <v>-1328024525.2821801</v>
      </c>
      <c r="BS508" s="53">
        <v>-1333914306.2771101</v>
      </c>
      <c r="BT508" s="53">
        <v>-1340598838.84058</v>
      </c>
      <c r="BU508" s="53">
        <v>-1345733254.94572</v>
      </c>
      <c r="BV508" s="53">
        <v>-1391751954.90573</v>
      </c>
      <c r="BW508" s="53">
        <v>-1393388293.0738299</v>
      </c>
      <c r="BX508" s="53">
        <v>-1388664423.20226</v>
      </c>
      <c r="BY508" s="53">
        <v>-1374300117.7620599</v>
      </c>
      <c r="BZ508" s="53">
        <v>-1351660886.1064701</v>
      </c>
      <c r="CA508" s="53">
        <v>-1351660886.1064701</v>
      </c>
      <c r="CB508" s="53">
        <v>0</v>
      </c>
      <c r="CC508" s="53">
        <v>0</v>
      </c>
      <c r="CD508" s="53">
        <v>0</v>
      </c>
      <c r="CE508" s="53">
        <v>0</v>
      </c>
      <c r="CF508" s="53">
        <v>0</v>
      </c>
      <c r="CG508" s="53">
        <v>0</v>
      </c>
      <c r="CH508" s="53">
        <v>0</v>
      </c>
      <c r="CI508" s="53">
        <v>0</v>
      </c>
      <c r="CJ508" s="53">
        <v>0</v>
      </c>
      <c r="CK508" s="53">
        <v>0</v>
      </c>
      <c r="CL508" s="53">
        <v>0</v>
      </c>
      <c r="CM508" s="53">
        <v>0</v>
      </c>
      <c r="CN508" s="53">
        <v>0</v>
      </c>
    </row>
    <row r="509" spans="1:92" outlineLevel="1">
      <c r="A509" s="52" t="s">
        <v>1331</v>
      </c>
      <c r="B509" s="53">
        <v>0</v>
      </c>
      <c r="C509" s="53">
        <v>0</v>
      </c>
      <c r="D509" s="53">
        <v>0</v>
      </c>
      <c r="E509" s="53">
        <v>0</v>
      </c>
      <c r="F509" s="53">
        <v>0</v>
      </c>
      <c r="G509" s="53">
        <v>0</v>
      </c>
      <c r="H509" s="53">
        <v>0</v>
      </c>
      <c r="I509" s="53">
        <v>0</v>
      </c>
      <c r="J509" s="53">
        <v>0</v>
      </c>
      <c r="K509" s="53">
        <v>0</v>
      </c>
      <c r="L509" s="53">
        <v>0</v>
      </c>
      <c r="M509" s="53">
        <v>0</v>
      </c>
      <c r="N509" s="53">
        <v>0</v>
      </c>
      <c r="O509" s="53">
        <v>0</v>
      </c>
      <c r="P509" s="53">
        <v>0</v>
      </c>
      <c r="Q509" s="53">
        <v>0</v>
      </c>
      <c r="R509" s="53">
        <v>0</v>
      </c>
      <c r="S509" s="53">
        <v>0</v>
      </c>
      <c r="T509" s="53">
        <v>0</v>
      </c>
      <c r="U509" s="53">
        <v>0</v>
      </c>
      <c r="V509" s="53">
        <v>0</v>
      </c>
      <c r="W509" s="53">
        <v>0</v>
      </c>
      <c r="X509" s="53">
        <v>0</v>
      </c>
      <c r="Y509" s="53">
        <v>0</v>
      </c>
      <c r="Z509" s="53">
        <v>0</v>
      </c>
      <c r="AA509" s="53">
        <v>0</v>
      </c>
      <c r="AB509" s="53">
        <v>0</v>
      </c>
      <c r="AC509" s="53">
        <v>0</v>
      </c>
      <c r="AD509" s="53">
        <v>0</v>
      </c>
      <c r="AE509" s="53">
        <v>0</v>
      </c>
      <c r="AF509" s="53">
        <v>0</v>
      </c>
      <c r="AG509" s="53">
        <v>0</v>
      </c>
      <c r="AH509" s="53">
        <v>0</v>
      </c>
      <c r="AI509" s="53">
        <v>0</v>
      </c>
      <c r="AJ509" s="53">
        <v>0</v>
      </c>
      <c r="AK509" s="53">
        <v>0</v>
      </c>
      <c r="AL509" s="53">
        <v>0</v>
      </c>
      <c r="AM509" s="53">
        <v>0</v>
      </c>
      <c r="AN509" s="53">
        <v>0</v>
      </c>
      <c r="AO509" s="53">
        <v>0</v>
      </c>
      <c r="AP509" s="53">
        <v>0</v>
      </c>
      <c r="AQ509" s="53">
        <v>0</v>
      </c>
      <c r="AR509" s="53">
        <v>0</v>
      </c>
      <c r="AS509" s="53">
        <v>0</v>
      </c>
      <c r="AT509" s="53">
        <v>0</v>
      </c>
      <c r="AU509" s="53">
        <v>0</v>
      </c>
      <c r="AV509" s="53">
        <v>0</v>
      </c>
      <c r="AW509" s="53">
        <v>0</v>
      </c>
      <c r="AX509" s="53">
        <v>0</v>
      </c>
      <c r="AY509" s="53">
        <v>0</v>
      </c>
      <c r="AZ509" s="53">
        <v>0</v>
      </c>
      <c r="BA509" s="53">
        <v>0</v>
      </c>
      <c r="BB509" s="53">
        <v>0</v>
      </c>
      <c r="BC509" s="53">
        <v>0</v>
      </c>
      <c r="BD509" s="53">
        <v>0</v>
      </c>
      <c r="BE509" s="53">
        <v>0</v>
      </c>
      <c r="BF509" s="53">
        <v>0</v>
      </c>
      <c r="BG509" s="53">
        <v>0</v>
      </c>
      <c r="BH509" s="53">
        <v>0</v>
      </c>
      <c r="BI509" s="53">
        <v>0</v>
      </c>
      <c r="BJ509" s="53">
        <v>0</v>
      </c>
      <c r="BK509" s="53">
        <v>0</v>
      </c>
      <c r="BL509" s="53">
        <v>0</v>
      </c>
      <c r="BM509" s="53">
        <v>0</v>
      </c>
      <c r="BN509" s="53">
        <v>0</v>
      </c>
      <c r="BO509" s="53">
        <v>0</v>
      </c>
      <c r="BP509" s="53">
        <v>0</v>
      </c>
      <c r="BQ509" s="53">
        <v>0</v>
      </c>
      <c r="BR509" s="53">
        <v>0</v>
      </c>
      <c r="BS509" s="53">
        <v>0</v>
      </c>
      <c r="BT509" s="53">
        <v>0</v>
      </c>
      <c r="BU509" s="53">
        <v>0</v>
      </c>
      <c r="BV509" s="53">
        <v>0</v>
      </c>
      <c r="BW509" s="53">
        <v>0</v>
      </c>
      <c r="BX509" s="53">
        <v>0</v>
      </c>
      <c r="BY509" s="53">
        <v>0</v>
      </c>
      <c r="BZ509" s="53">
        <v>0</v>
      </c>
      <c r="CA509" s="53">
        <v>0</v>
      </c>
      <c r="CB509" s="53">
        <v>0</v>
      </c>
      <c r="CC509" s="53">
        <v>0</v>
      </c>
      <c r="CD509" s="53">
        <v>0</v>
      </c>
      <c r="CE509" s="53">
        <v>0</v>
      </c>
      <c r="CF509" s="53">
        <v>0</v>
      </c>
      <c r="CG509" s="53">
        <v>0</v>
      </c>
      <c r="CH509" s="53">
        <v>0</v>
      </c>
      <c r="CI509" s="53">
        <v>0</v>
      </c>
      <c r="CJ509" s="53">
        <v>0</v>
      </c>
      <c r="CK509" s="53">
        <v>0</v>
      </c>
      <c r="CL509" s="53">
        <v>0</v>
      </c>
      <c r="CM509" s="53">
        <v>0</v>
      </c>
      <c r="CN509" s="53">
        <v>0</v>
      </c>
    </row>
    <row r="510" spans="1:92" outlineLevel="1">
      <c r="A510" s="52" t="s">
        <v>1332</v>
      </c>
      <c r="B510" s="53">
        <v>20182780.75</v>
      </c>
      <c r="C510" s="53">
        <v>18347982.5</v>
      </c>
      <c r="D510" s="53">
        <v>16513184.249999899</v>
      </c>
      <c r="E510" s="53">
        <v>14678386</v>
      </c>
      <c r="F510" s="53">
        <v>12843587.75</v>
      </c>
      <c r="G510" s="53">
        <v>11008789.5</v>
      </c>
      <c r="H510" s="53">
        <v>9173991.25</v>
      </c>
      <c r="I510" s="53">
        <v>7339193</v>
      </c>
      <c r="J510" s="53">
        <v>5504394.75</v>
      </c>
      <c r="K510" s="53">
        <v>3669596.5</v>
      </c>
      <c r="L510" s="53">
        <v>1834798.25</v>
      </c>
      <c r="M510" s="53">
        <v>0</v>
      </c>
      <c r="N510" s="53">
        <v>0</v>
      </c>
      <c r="O510" s="53">
        <v>0</v>
      </c>
      <c r="P510" s="53">
        <v>0</v>
      </c>
      <c r="Q510" s="53">
        <v>0</v>
      </c>
      <c r="R510" s="53">
        <v>0</v>
      </c>
      <c r="S510" s="53">
        <v>0</v>
      </c>
      <c r="T510" s="53">
        <v>0</v>
      </c>
      <c r="U510" s="53">
        <v>0</v>
      </c>
      <c r="V510" s="53">
        <v>0</v>
      </c>
      <c r="W510" s="53">
        <v>0</v>
      </c>
      <c r="X510" s="53">
        <v>0</v>
      </c>
      <c r="Y510" s="53">
        <v>0</v>
      </c>
      <c r="Z510" s="53">
        <v>0</v>
      </c>
      <c r="AA510" s="53">
        <v>0</v>
      </c>
      <c r="AB510" s="53">
        <v>0</v>
      </c>
      <c r="AC510" s="53">
        <v>0</v>
      </c>
      <c r="AD510" s="53">
        <v>0</v>
      </c>
      <c r="AE510" s="53">
        <v>0</v>
      </c>
      <c r="AF510" s="53">
        <v>0</v>
      </c>
      <c r="AG510" s="53">
        <v>0</v>
      </c>
      <c r="AH510" s="53">
        <v>0</v>
      </c>
      <c r="AI510" s="53">
        <v>0</v>
      </c>
      <c r="AJ510" s="53">
        <v>0</v>
      </c>
      <c r="AK510" s="53">
        <v>0</v>
      </c>
      <c r="AL510" s="53">
        <v>0</v>
      </c>
      <c r="AM510" s="53">
        <v>0</v>
      </c>
      <c r="AN510" s="53">
        <v>0</v>
      </c>
      <c r="AO510" s="53">
        <v>0</v>
      </c>
      <c r="AP510" s="53">
        <v>0</v>
      </c>
      <c r="AQ510" s="53">
        <v>0</v>
      </c>
      <c r="AR510" s="53">
        <v>0</v>
      </c>
      <c r="AS510" s="53">
        <v>0</v>
      </c>
      <c r="AT510" s="53">
        <v>0</v>
      </c>
      <c r="AU510" s="53">
        <v>0</v>
      </c>
      <c r="AV510" s="53">
        <v>0</v>
      </c>
      <c r="AW510" s="53">
        <v>0</v>
      </c>
      <c r="AX510" s="53">
        <v>0</v>
      </c>
      <c r="AY510" s="53">
        <v>0</v>
      </c>
      <c r="AZ510" s="53">
        <v>0</v>
      </c>
      <c r="BA510" s="53">
        <v>0</v>
      </c>
      <c r="BB510" s="53">
        <v>0</v>
      </c>
      <c r="BC510" s="53">
        <v>0</v>
      </c>
      <c r="BD510" s="53">
        <v>0</v>
      </c>
      <c r="BE510" s="53">
        <v>0</v>
      </c>
      <c r="BF510" s="53">
        <v>0</v>
      </c>
      <c r="BG510" s="53">
        <v>0</v>
      </c>
      <c r="BH510" s="53">
        <v>0</v>
      </c>
      <c r="BI510" s="53">
        <v>0</v>
      </c>
      <c r="BJ510" s="53">
        <v>0</v>
      </c>
      <c r="BK510" s="53">
        <v>0</v>
      </c>
      <c r="BL510" s="53">
        <v>0</v>
      </c>
      <c r="BM510" s="53">
        <v>0</v>
      </c>
      <c r="BN510" s="53">
        <v>0</v>
      </c>
      <c r="BO510" s="53">
        <v>0</v>
      </c>
      <c r="BP510" s="53">
        <v>0</v>
      </c>
      <c r="BQ510" s="53">
        <v>0</v>
      </c>
      <c r="BR510" s="53">
        <v>0</v>
      </c>
      <c r="BS510" s="53">
        <v>0</v>
      </c>
      <c r="BT510" s="53">
        <v>0</v>
      </c>
      <c r="BU510" s="53">
        <v>0</v>
      </c>
      <c r="BV510" s="53">
        <v>0</v>
      </c>
      <c r="BW510" s="53">
        <v>0</v>
      </c>
      <c r="BX510" s="53">
        <v>0</v>
      </c>
      <c r="BY510" s="53">
        <v>0</v>
      </c>
      <c r="BZ510" s="53">
        <v>0</v>
      </c>
      <c r="CA510" s="53">
        <v>0</v>
      </c>
      <c r="CB510" s="53">
        <v>0</v>
      </c>
      <c r="CC510" s="53">
        <v>0</v>
      </c>
      <c r="CD510" s="53">
        <v>0</v>
      </c>
      <c r="CE510" s="53">
        <v>0</v>
      </c>
      <c r="CF510" s="53">
        <v>0</v>
      </c>
      <c r="CG510" s="53">
        <v>0</v>
      </c>
      <c r="CH510" s="53">
        <v>0</v>
      </c>
      <c r="CI510" s="53">
        <v>0</v>
      </c>
      <c r="CJ510" s="53">
        <v>0</v>
      </c>
      <c r="CK510" s="53">
        <v>0</v>
      </c>
      <c r="CL510" s="53">
        <v>0</v>
      </c>
      <c r="CM510" s="53">
        <v>0</v>
      </c>
      <c r="CN510" s="53">
        <v>0</v>
      </c>
    </row>
    <row r="511" spans="1:92" outlineLevel="1">
      <c r="A511" s="52" t="s">
        <v>1333</v>
      </c>
      <c r="B511" s="53">
        <v>0</v>
      </c>
      <c r="C511" s="53">
        <v>0</v>
      </c>
      <c r="D511" s="53">
        <v>0</v>
      </c>
      <c r="E511" s="53">
        <v>0</v>
      </c>
      <c r="F511" s="53">
        <v>0</v>
      </c>
      <c r="G511" s="53">
        <v>0</v>
      </c>
      <c r="H511" s="53">
        <v>0</v>
      </c>
      <c r="I511" s="53">
        <v>0</v>
      </c>
      <c r="J511" s="53">
        <v>0</v>
      </c>
      <c r="K511" s="53">
        <v>0</v>
      </c>
      <c r="L511" s="53">
        <v>0</v>
      </c>
      <c r="M511" s="53">
        <v>0</v>
      </c>
      <c r="N511" s="53">
        <v>0</v>
      </c>
      <c r="O511" s="53">
        <v>0</v>
      </c>
      <c r="P511" s="53">
        <v>0</v>
      </c>
      <c r="Q511" s="53">
        <v>0</v>
      </c>
      <c r="R511" s="53">
        <v>0</v>
      </c>
      <c r="S511" s="53">
        <v>0</v>
      </c>
      <c r="T511" s="53">
        <v>0</v>
      </c>
      <c r="U511" s="53">
        <v>0</v>
      </c>
      <c r="V511" s="53">
        <v>0</v>
      </c>
      <c r="W511" s="53">
        <v>0</v>
      </c>
      <c r="X511" s="53">
        <v>0</v>
      </c>
      <c r="Y511" s="53">
        <v>0</v>
      </c>
      <c r="Z511" s="53">
        <v>0</v>
      </c>
      <c r="AA511" s="53">
        <v>0</v>
      </c>
      <c r="AB511" s="53">
        <v>0</v>
      </c>
      <c r="AC511" s="53">
        <v>0</v>
      </c>
      <c r="AD511" s="53">
        <v>0</v>
      </c>
      <c r="AE511" s="53">
        <v>0</v>
      </c>
      <c r="AF511" s="53">
        <v>0</v>
      </c>
      <c r="AG511" s="53">
        <v>0</v>
      </c>
      <c r="AH511" s="53">
        <v>0</v>
      </c>
      <c r="AI511" s="53">
        <v>0</v>
      </c>
      <c r="AJ511" s="53">
        <v>0</v>
      </c>
      <c r="AK511" s="53">
        <v>0</v>
      </c>
      <c r="AL511" s="53">
        <v>0</v>
      </c>
      <c r="AM511" s="53">
        <v>0</v>
      </c>
      <c r="AN511" s="53">
        <v>0</v>
      </c>
      <c r="AO511" s="53">
        <v>0</v>
      </c>
      <c r="AP511" s="53">
        <v>0</v>
      </c>
      <c r="AQ511" s="53">
        <v>0</v>
      </c>
      <c r="AR511" s="53">
        <v>0</v>
      </c>
      <c r="AS511" s="53">
        <v>0</v>
      </c>
      <c r="AT511" s="53">
        <v>0</v>
      </c>
      <c r="AU511" s="53">
        <v>0</v>
      </c>
      <c r="AV511" s="53">
        <v>0</v>
      </c>
      <c r="AW511" s="53">
        <v>0</v>
      </c>
      <c r="AX511" s="53">
        <v>0</v>
      </c>
      <c r="AY511" s="53">
        <v>0</v>
      </c>
      <c r="AZ511" s="53">
        <v>0</v>
      </c>
      <c r="BA511" s="53">
        <v>0</v>
      </c>
      <c r="BB511" s="53">
        <v>0</v>
      </c>
      <c r="BC511" s="53">
        <v>0</v>
      </c>
      <c r="BD511" s="53">
        <v>0</v>
      </c>
      <c r="BE511" s="53">
        <v>0</v>
      </c>
      <c r="BF511" s="53">
        <v>0</v>
      </c>
      <c r="BG511" s="53">
        <v>0</v>
      </c>
      <c r="BH511" s="53">
        <v>0</v>
      </c>
      <c r="BI511" s="53">
        <v>0</v>
      </c>
      <c r="BJ511" s="53">
        <v>0</v>
      </c>
      <c r="BK511" s="53">
        <v>0</v>
      </c>
      <c r="BL511" s="53">
        <v>0</v>
      </c>
      <c r="BM511" s="53">
        <v>0</v>
      </c>
      <c r="BN511" s="53">
        <v>0</v>
      </c>
      <c r="BO511" s="53">
        <v>0</v>
      </c>
      <c r="BP511" s="53">
        <v>0</v>
      </c>
      <c r="BQ511" s="53">
        <v>0</v>
      </c>
      <c r="BR511" s="53">
        <v>0</v>
      </c>
      <c r="BS511" s="53">
        <v>0</v>
      </c>
      <c r="BT511" s="53">
        <v>0</v>
      </c>
      <c r="BU511" s="53">
        <v>0</v>
      </c>
      <c r="BV511" s="53">
        <v>0</v>
      </c>
      <c r="BW511" s="53">
        <v>0</v>
      </c>
      <c r="BX511" s="53">
        <v>0</v>
      </c>
      <c r="BY511" s="53">
        <v>0</v>
      </c>
      <c r="BZ511" s="53">
        <v>0</v>
      </c>
      <c r="CA511" s="53">
        <v>0</v>
      </c>
      <c r="CB511" s="53">
        <v>0</v>
      </c>
      <c r="CC511" s="53">
        <v>0</v>
      </c>
      <c r="CD511" s="53">
        <v>0</v>
      </c>
      <c r="CE511" s="53">
        <v>0</v>
      </c>
      <c r="CF511" s="53">
        <v>0</v>
      </c>
      <c r="CG511" s="53">
        <v>0</v>
      </c>
      <c r="CH511" s="53">
        <v>0</v>
      </c>
      <c r="CI511" s="53">
        <v>0</v>
      </c>
      <c r="CJ511" s="53">
        <v>0</v>
      </c>
      <c r="CK511" s="53">
        <v>0</v>
      </c>
      <c r="CL511" s="53">
        <v>0</v>
      </c>
      <c r="CM511" s="53">
        <v>0</v>
      </c>
      <c r="CN511" s="53">
        <v>0</v>
      </c>
    </row>
    <row r="512" spans="1:92" outlineLevel="1">
      <c r="A512" s="52" t="s">
        <v>1334</v>
      </c>
      <c r="B512" s="53">
        <v>0</v>
      </c>
      <c r="C512" s="53">
        <v>0</v>
      </c>
      <c r="D512" s="53">
        <v>0</v>
      </c>
      <c r="E512" s="53">
        <v>0</v>
      </c>
      <c r="F512" s="53">
        <v>0</v>
      </c>
      <c r="G512" s="53">
        <v>0</v>
      </c>
      <c r="H512" s="53">
        <v>0</v>
      </c>
      <c r="I512" s="53">
        <v>0</v>
      </c>
      <c r="J512" s="53">
        <v>0</v>
      </c>
      <c r="K512" s="53">
        <v>0</v>
      </c>
      <c r="L512" s="53">
        <v>0</v>
      </c>
      <c r="M512" s="53">
        <v>0</v>
      </c>
      <c r="N512" s="53">
        <v>0</v>
      </c>
      <c r="O512" s="53">
        <v>0</v>
      </c>
      <c r="P512" s="53">
        <v>0</v>
      </c>
      <c r="Q512" s="53">
        <v>0</v>
      </c>
      <c r="R512" s="53">
        <v>0</v>
      </c>
      <c r="S512" s="53">
        <v>0</v>
      </c>
      <c r="T512" s="53">
        <v>0</v>
      </c>
      <c r="U512" s="53">
        <v>0</v>
      </c>
      <c r="V512" s="53">
        <v>0</v>
      </c>
      <c r="W512" s="53">
        <v>0</v>
      </c>
      <c r="X512" s="53">
        <v>0</v>
      </c>
      <c r="Y512" s="53">
        <v>0</v>
      </c>
      <c r="Z512" s="53">
        <v>0</v>
      </c>
      <c r="AA512" s="53">
        <v>0</v>
      </c>
      <c r="AB512" s="53">
        <v>0</v>
      </c>
      <c r="AC512" s="53">
        <v>0</v>
      </c>
      <c r="AD512" s="53">
        <v>0</v>
      </c>
      <c r="AE512" s="53">
        <v>0</v>
      </c>
      <c r="AF512" s="53">
        <v>0</v>
      </c>
      <c r="AG512" s="53">
        <v>0</v>
      </c>
      <c r="AH512" s="53">
        <v>0</v>
      </c>
      <c r="AI512" s="53">
        <v>0</v>
      </c>
      <c r="AJ512" s="53">
        <v>0</v>
      </c>
      <c r="AK512" s="53">
        <v>0</v>
      </c>
      <c r="AL512" s="53">
        <v>0</v>
      </c>
      <c r="AM512" s="53">
        <v>0</v>
      </c>
      <c r="AN512" s="53">
        <v>0</v>
      </c>
      <c r="AO512" s="53">
        <v>0</v>
      </c>
      <c r="AP512" s="53">
        <v>0</v>
      </c>
      <c r="AQ512" s="53">
        <v>0</v>
      </c>
      <c r="AR512" s="53">
        <v>0</v>
      </c>
      <c r="AS512" s="53">
        <v>0</v>
      </c>
      <c r="AT512" s="53">
        <v>0</v>
      </c>
      <c r="AU512" s="53">
        <v>0</v>
      </c>
      <c r="AV512" s="53">
        <v>0</v>
      </c>
      <c r="AW512" s="53">
        <v>0</v>
      </c>
      <c r="AX512" s="53">
        <v>0</v>
      </c>
      <c r="AY512" s="53">
        <v>0</v>
      </c>
      <c r="AZ512" s="53">
        <v>0</v>
      </c>
      <c r="BA512" s="53">
        <v>0</v>
      </c>
      <c r="BB512" s="53">
        <v>0</v>
      </c>
      <c r="BC512" s="53">
        <v>0</v>
      </c>
      <c r="BD512" s="53">
        <v>0</v>
      </c>
      <c r="BE512" s="53">
        <v>0</v>
      </c>
      <c r="BF512" s="53">
        <v>0</v>
      </c>
      <c r="BG512" s="53">
        <v>0</v>
      </c>
      <c r="BH512" s="53">
        <v>0</v>
      </c>
      <c r="BI512" s="53">
        <v>0</v>
      </c>
      <c r="BJ512" s="53">
        <v>0</v>
      </c>
      <c r="BK512" s="53">
        <v>0</v>
      </c>
      <c r="BL512" s="53">
        <v>0</v>
      </c>
      <c r="BM512" s="53">
        <v>0</v>
      </c>
      <c r="BN512" s="53">
        <v>0</v>
      </c>
      <c r="BO512" s="53">
        <v>0</v>
      </c>
      <c r="BP512" s="53">
        <v>0</v>
      </c>
      <c r="BQ512" s="53">
        <v>0</v>
      </c>
      <c r="BR512" s="53">
        <v>0</v>
      </c>
      <c r="BS512" s="53">
        <v>0</v>
      </c>
      <c r="BT512" s="53">
        <v>0</v>
      </c>
      <c r="BU512" s="53">
        <v>0</v>
      </c>
      <c r="BV512" s="53">
        <v>0</v>
      </c>
      <c r="BW512" s="53">
        <v>0</v>
      </c>
      <c r="BX512" s="53">
        <v>0</v>
      </c>
      <c r="BY512" s="53">
        <v>0</v>
      </c>
      <c r="BZ512" s="53">
        <v>0</v>
      </c>
      <c r="CA512" s="53">
        <v>0</v>
      </c>
      <c r="CB512" s="53">
        <v>0</v>
      </c>
      <c r="CC512" s="53">
        <v>0</v>
      </c>
      <c r="CD512" s="53">
        <v>0</v>
      </c>
      <c r="CE512" s="53">
        <v>0</v>
      </c>
      <c r="CF512" s="53">
        <v>0</v>
      </c>
      <c r="CG512" s="53">
        <v>0</v>
      </c>
      <c r="CH512" s="53">
        <v>0</v>
      </c>
      <c r="CI512" s="53">
        <v>0</v>
      </c>
      <c r="CJ512" s="53">
        <v>0</v>
      </c>
      <c r="CK512" s="53">
        <v>0</v>
      </c>
      <c r="CL512" s="53">
        <v>0</v>
      </c>
      <c r="CM512" s="53">
        <v>0</v>
      </c>
      <c r="CN512" s="53">
        <v>0</v>
      </c>
    </row>
    <row r="513" spans="1:92" outlineLevel="1">
      <c r="A513" s="52" t="s">
        <v>1335</v>
      </c>
      <c r="B513" s="53">
        <v>0</v>
      </c>
      <c r="C513" s="53">
        <v>0</v>
      </c>
      <c r="D513" s="53">
        <v>0</v>
      </c>
      <c r="E513" s="53">
        <v>0</v>
      </c>
      <c r="F513" s="53">
        <v>0</v>
      </c>
      <c r="G513" s="53">
        <v>0</v>
      </c>
      <c r="H513" s="53">
        <v>0</v>
      </c>
      <c r="I513" s="53">
        <v>0</v>
      </c>
      <c r="J513" s="53">
        <v>0</v>
      </c>
      <c r="K513" s="53">
        <v>0</v>
      </c>
      <c r="L513" s="53">
        <v>0</v>
      </c>
      <c r="M513" s="53">
        <v>0</v>
      </c>
      <c r="N513" s="53">
        <v>0</v>
      </c>
      <c r="O513" s="53">
        <v>0</v>
      </c>
      <c r="P513" s="53">
        <v>0</v>
      </c>
      <c r="Q513" s="53">
        <v>0</v>
      </c>
      <c r="R513" s="53">
        <v>0</v>
      </c>
      <c r="S513" s="53">
        <v>0</v>
      </c>
      <c r="T513" s="53">
        <v>0</v>
      </c>
      <c r="U513" s="53">
        <v>0</v>
      </c>
      <c r="V513" s="53">
        <v>0</v>
      </c>
      <c r="W513" s="53">
        <v>0</v>
      </c>
      <c r="X513" s="53">
        <v>0</v>
      </c>
      <c r="Y513" s="53">
        <v>0</v>
      </c>
      <c r="Z513" s="53">
        <v>0</v>
      </c>
      <c r="AA513" s="53">
        <v>0</v>
      </c>
      <c r="AB513" s="53">
        <v>0</v>
      </c>
      <c r="AC513" s="53">
        <v>0</v>
      </c>
      <c r="AD513" s="53">
        <v>0</v>
      </c>
      <c r="AE513" s="53">
        <v>0</v>
      </c>
      <c r="AF513" s="53">
        <v>0</v>
      </c>
      <c r="AG513" s="53">
        <v>0</v>
      </c>
      <c r="AH513" s="53">
        <v>0</v>
      </c>
      <c r="AI513" s="53">
        <v>0</v>
      </c>
      <c r="AJ513" s="53">
        <v>0</v>
      </c>
      <c r="AK513" s="53">
        <v>0</v>
      </c>
      <c r="AL513" s="53">
        <v>0</v>
      </c>
      <c r="AM513" s="53">
        <v>0</v>
      </c>
      <c r="AN513" s="53">
        <v>0</v>
      </c>
      <c r="AO513" s="53">
        <v>0</v>
      </c>
      <c r="AP513" s="53">
        <v>0</v>
      </c>
      <c r="AQ513" s="53">
        <v>0</v>
      </c>
      <c r="AR513" s="53">
        <v>0</v>
      </c>
      <c r="AS513" s="53">
        <v>0</v>
      </c>
      <c r="AT513" s="53">
        <v>0</v>
      </c>
      <c r="AU513" s="53">
        <v>0</v>
      </c>
      <c r="AV513" s="53">
        <v>0</v>
      </c>
      <c r="AW513" s="53">
        <v>0</v>
      </c>
      <c r="AX513" s="53">
        <v>0</v>
      </c>
      <c r="AY513" s="53">
        <v>0</v>
      </c>
      <c r="AZ513" s="53">
        <v>0</v>
      </c>
      <c r="BA513" s="53">
        <v>0</v>
      </c>
      <c r="BB513" s="53">
        <v>0</v>
      </c>
      <c r="BC513" s="53">
        <v>0</v>
      </c>
      <c r="BD513" s="53">
        <v>0</v>
      </c>
      <c r="BE513" s="53">
        <v>0</v>
      </c>
      <c r="BF513" s="53">
        <v>0</v>
      </c>
      <c r="BG513" s="53">
        <v>0</v>
      </c>
      <c r="BH513" s="53">
        <v>0</v>
      </c>
      <c r="BI513" s="53">
        <v>0</v>
      </c>
      <c r="BJ513" s="53">
        <v>0</v>
      </c>
      <c r="BK513" s="53">
        <v>0</v>
      </c>
      <c r="BL513" s="53">
        <v>0</v>
      </c>
      <c r="BM513" s="53">
        <v>0</v>
      </c>
      <c r="BN513" s="53">
        <v>0</v>
      </c>
      <c r="BO513" s="53">
        <v>0</v>
      </c>
      <c r="BP513" s="53">
        <v>0</v>
      </c>
      <c r="BQ513" s="53">
        <v>0</v>
      </c>
      <c r="BR513" s="53">
        <v>0</v>
      </c>
      <c r="BS513" s="53">
        <v>0</v>
      </c>
      <c r="BT513" s="53">
        <v>0</v>
      </c>
      <c r="BU513" s="53">
        <v>0</v>
      </c>
      <c r="BV513" s="53">
        <v>0</v>
      </c>
      <c r="BW513" s="53">
        <v>0</v>
      </c>
      <c r="BX513" s="53">
        <v>0</v>
      </c>
      <c r="BY513" s="53">
        <v>0</v>
      </c>
      <c r="BZ513" s="53">
        <v>0</v>
      </c>
      <c r="CA513" s="53">
        <v>0</v>
      </c>
      <c r="CB513" s="53">
        <v>0</v>
      </c>
      <c r="CC513" s="53">
        <v>0</v>
      </c>
      <c r="CD513" s="53">
        <v>0</v>
      </c>
      <c r="CE513" s="53">
        <v>0</v>
      </c>
      <c r="CF513" s="53">
        <v>0</v>
      </c>
      <c r="CG513" s="53">
        <v>0</v>
      </c>
      <c r="CH513" s="53">
        <v>0</v>
      </c>
      <c r="CI513" s="53">
        <v>0</v>
      </c>
      <c r="CJ513" s="53">
        <v>0</v>
      </c>
      <c r="CK513" s="53">
        <v>0</v>
      </c>
      <c r="CL513" s="53">
        <v>0</v>
      </c>
      <c r="CM513" s="53">
        <v>0</v>
      </c>
      <c r="CN513" s="53">
        <v>0</v>
      </c>
    </row>
    <row r="514" spans="1:92" outlineLevel="1">
      <c r="A514" s="52" t="s">
        <v>1336</v>
      </c>
      <c r="B514" s="53">
        <v>0</v>
      </c>
      <c r="C514" s="53">
        <v>0</v>
      </c>
      <c r="D514" s="53">
        <v>0</v>
      </c>
      <c r="E514" s="53">
        <v>0</v>
      </c>
      <c r="F514" s="53">
        <v>2500000</v>
      </c>
      <c r="G514" s="53">
        <v>0</v>
      </c>
      <c r="H514" s="53">
        <v>3400000</v>
      </c>
      <c r="I514" s="53">
        <v>0</v>
      </c>
      <c r="J514" s="53">
        <v>0</v>
      </c>
      <c r="K514" s="53">
        <v>0</v>
      </c>
      <c r="L514" s="53">
        <v>0</v>
      </c>
      <c r="M514" s="53">
        <v>0</v>
      </c>
      <c r="N514" s="53">
        <v>0</v>
      </c>
      <c r="O514" s="53">
        <v>0</v>
      </c>
      <c r="P514" s="53">
        <v>0</v>
      </c>
      <c r="Q514" s="53">
        <v>0</v>
      </c>
      <c r="R514" s="53">
        <v>0</v>
      </c>
      <c r="S514" s="53">
        <v>0</v>
      </c>
      <c r="T514" s="53">
        <v>0</v>
      </c>
      <c r="U514" s="53">
        <v>0</v>
      </c>
      <c r="V514" s="53">
        <v>0</v>
      </c>
      <c r="W514" s="53">
        <v>0</v>
      </c>
      <c r="X514" s="53">
        <v>0</v>
      </c>
      <c r="Y514" s="53">
        <v>0</v>
      </c>
      <c r="Z514" s="53">
        <v>0</v>
      </c>
      <c r="AA514" s="53">
        <v>0</v>
      </c>
      <c r="AB514" s="53">
        <v>0</v>
      </c>
      <c r="AC514" s="53">
        <v>0</v>
      </c>
      <c r="AD514" s="53">
        <v>0</v>
      </c>
      <c r="AE514" s="53">
        <v>0</v>
      </c>
      <c r="AF514" s="53">
        <v>0</v>
      </c>
      <c r="AG514" s="53">
        <v>0</v>
      </c>
      <c r="AH514" s="53">
        <v>0</v>
      </c>
      <c r="AI514" s="53">
        <v>0</v>
      </c>
      <c r="AJ514" s="53">
        <v>0</v>
      </c>
      <c r="AK514" s="53">
        <v>0</v>
      </c>
      <c r="AL514" s="53">
        <v>0</v>
      </c>
      <c r="AM514" s="53">
        <v>0</v>
      </c>
      <c r="AN514" s="53">
        <v>0</v>
      </c>
      <c r="AO514" s="53">
        <v>0</v>
      </c>
      <c r="AP514" s="53">
        <v>0</v>
      </c>
      <c r="AQ514" s="53">
        <v>0</v>
      </c>
      <c r="AR514" s="53">
        <v>0</v>
      </c>
      <c r="AS514" s="53">
        <v>0</v>
      </c>
      <c r="AT514" s="53">
        <v>0</v>
      </c>
      <c r="AU514" s="53">
        <v>0</v>
      </c>
      <c r="AV514" s="53">
        <v>0</v>
      </c>
      <c r="AW514" s="53">
        <v>0</v>
      </c>
      <c r="AX514" s="53">
        <v>0</v>
      </c>
      <c r="AY514" s="53">
        <v>0</v>
      </c>
      <c r="AZ514" s="53">
        <v>0</v>
      </c>
      <c r="BA514" s="53">
        <v>0</v>
      </c>
      <c r="BB514" s="53">
        <v>0</v>
      </c>
      <c r="BC514" s="53">
        <v>0</v>
      </c>
      <c r="BD514" s="53">
        <v>0</v>
      </c>
      <c r="BE514" s="53">
        <v>0</v>
      </c>
      <c r="BF514" s="53">
        <v>0</v>
      </c>
      <c r="BG514" s="53">
        <v>0</v>
      </c>
      <c r="BH514" s="53">
        <v>0</v>
      </c>
      <c r="BI514" s="53">
        <v>0</v>
      </c>
      <c r="BJ514" s="53">
        <v>0</v>
      </c>
      <c r="BK514" s="53">
        <v>0</v>
      </c>
      <c r="BL514" s="53">
        <v>0</v>
      </c>
      <c r="BM514" s="53">
        <v>0</v>
      </c>
      <c r="BN514" s="53">
        <v>0</v>
      </c>
      <c r="BO514" s="53">
        <v>0</v>
      </c>
      <c r="BP514" s="53">
        <v>0</v>
      </c>
      <c r="BQ514" s="53">
        <v>0</v>
      </c>
      <c r="BR514" s="53">
        <v>0</v>
      </c>
      <c r="BS514" s="53">
        <v>0</v>
      </c>
      <c r="BT514" s="53">
        <v>0</v>
      </c>
      <c r="BU514" s="53">
        <v>0</v>
      </c>
      <c r="BV514" s="53">
        <v>0</v>
      </c>
      <c r="BW514" s="53">
        <v>0</v>
      </c>
      <c r="BX514" s="53">
        <v>0</v>
      </c>
      <c r="BY514" s="53">
        <v>0</v>
      </c>
      <c r="BZ514" s="53">
        <v>0</v>
      </c>
      <c r="CA514" s="53">
        <v>0</v>
      </c>
      <c r="CB514" s="53">
        <v>0</v>
      </c>
      <c r="CC514" s="53">
        <v>0</v>
      </c>
      <c r="CD514" s="53">
        <v>0</v>
      </c>
      <c r="CE514" s="53">
        <v>0</v>
      </c>
      <c r="CF514" s="53">
        <v>0</v>
      </c>
      <c r="CG514" s="53">
        <v>0</v>
      </c>
      <c r="CH514" s="53">
        <v>0</v>
      </c>
      <c r="CI514" s="53">
        <v>0</v>
      </c>
      <c r="CJ514" s="53">
        <v>0</v>
      </c>
      <c r="CK514" s="53">
        <v>0</v>
      </c>
      <c r="CL514" s="53">
        <v>0</v>
      </c>
      <c r="CM514" s="53">
        <v>0</v>
      </c>
      <c r="CN514" s="53">
        <v>0</v>
      </c>
    </row>
    <row r="515" spans="1:92" outlineLevel="1">
      <c r="A515" s="52" t="s">
        <v>1337</v>
      </c>
      <c r="B515" s="53">
        <v>0</v>
      </c>
      <c r="C515" s="53">
        <v>0</v>
      </c>
      <c r="D515" s="53">
        <v>0</v>
      </c>
      <c r="E515" s="53">
        <v>0</v>
      </c>
      <c r="F515" s="53">
        <v>0</v>
      </c>
      <c r="G515" s="53">
        <v>0</v>
      </c>
      <c r="H515" s="53">
        <v>0</v>
      </c>
      <c r="I515" s="53">
        <v>0</v>
      </c>
      <c r="J515" s="53">
        <v>0</v>
      </c>
      <c r="K515" s="53">
        <v>0</v>
      </c>
      <c r="L515" s="53">
        <v>0</v>
      </c>
      <c r="M515" s="53">
        <v>0</v>
      </c>
      <c r="N515" s="53">
        <v>0</v>
      </c>
      <c r="O515" s="53">
        <v>0</v>
      </c>
      <c r="P515" s="53">
        <v>0</v>
      </c>
      <c r="Q515" s="53">
        <v>0</v>
      </c>
      <c r="R515" s="53">
        <v>0</v>
      </c>
      <c r="S515" s="53">
        <v>0</v>
      </c>
      <c r="T515" s="53">
        <v>0</v>
      </c>
      <c r="U515" s="53">
        <v>0</v>
      </c>
      <c r="V515" s="53">
        <v>0</v>
      </c>
      <c r="W515" s="53">
        <v>0</v>
      </c>
      <c r="X515" s="53">
        <v>0</v>
      </c>
      <c r="Y515" s="53">
        <v>0</v>
      </c>
      <c r="Z515" s="53">
        <v>0</v>
      </c>
      <c r="AA515" s="53">
        <v>0</v>
      </c>
      <c r="AB515" s="53">
        <v>0</v>
      </c>
      <c r="AC515" s="53">
        <v>0</v>
      </c>
      <c r="AD515" s="53">
        <v>0</v>
      </c>
      <c r="AE515" s="53">
        <v>0</v>
      </c>
      <c r="AF515" s="53">
        <v>0</v>
      </c>
      <c r="AG515" s="53">
        <v>0</v>
      </c>
      <c r="AH515" s="53">
        <v>0</v>
      </c>
      <c r="AI515" s="53">
        <v>0</v>
      </c>
      <c r="AJ515" s="53">
        <v>0</v>
      </c>
      <c r="AK515" s="53">
        <v>0</v>
      </c>
      <c r="AL515" s="53">
        <v>0</v>
      </c>
      <c r="AM515" s="53">
        <v>0</v>
      </c>
      <c r="AN515" s="53">
        <v>0</v>
      </c>
      <c r="AO515" s="53">
        <v>0</v>
      </c>
      <c r="AP515" s="53">
        <v>0</v>
      </c>
      <c r="AQ515" s="53">
        <v>0</v>
      </c>
      <c r="AR515" s="53">
        <v>0</v>
      </c>
      <c r="AS515" s="53">
        <v>0</v>
      </c>
      <c r="AT515" s="53">
        <v>0</v>
      </c>
      <c r="AU515" s="53">
        <v>0</v>
      </c>
      <c r="AV515" s="53">
        <v>0</v>
      </c>
      <c r="AW515" s="53">
        <v>0</v>
      </c>
      <c r="AX515" s="53">
        <v>0</v>
      </c>
      <c r="AY515" s="53">
        <v>0</v>
      </c>
      <c r="AZ515" s="53">
        <v>0</v>
      </c>
      <c r="BA515" s="53">
        <v>0</v>
      </c>
      <c r="BB515" s="53">
        <v>0</v>
      </c>
      <c r="BC515" s="53">
        <v>0</v>
      </c>
      <c r="BD515" s="53">
        <v>0</v>
      </c>
      <c r="BE515" s="53">
        <v>0</v>
      </c>
      <c r="BF515" s="53">
        <v>0</v>
      </c>
      <c r="BG515" s="53">
        <v>0</v>
      </c>
      <c r="BH515" s="53">
        <v>0</v>
      </c>
      <c r="BI515" s="53">
        <v>0</v>
      </c>
      <c r="BJ515" s="53">
        <v>0</v>
      </c>
      <c r="BK515" s="53">
        <v>0</v>
      </c>
      <c r="BL515" s="53">
        <v>0</v>
      </c>
      <c r="BM515" s="53">
        <v>0</v>
      </c>
      <c r="BN515" s="53">
        <v>0</v>
      </c>
      <c r="BO515" s="53">
        <v>0</v>
      </c>
      <c r="BP515" s="53">
        <v>0</v>
      </c>
      <c r="BQ515" s="53">
        <v>0</v>
      </c>
      <c r="BR515" s="53">
        <v>0</v>
      </c>
      <c r="BS515" s="53">
        <v>0</v>
      </c>
      <c r="BT515" s="53">
        <v>0</v>
      </c>
      <c r="BU515" s="53">
        <v>0</v>
      </c>
      <c r="BV515" s="53">
        <v>0</v>
      </c>
      <c r="BW515" s="53">
        <v>0</v>
      </c>
      <c r="BX515" s="53">
        <v>0</v>
      </c>
      <c r="BY515" s="53">
        <v>0</v>
      </c>
      <c r="BZ515" s="53">
        <v>0</v>
      </c>
      <c r="CA515" s="53">
        <v>0</v>
      </c>
      <c r="CB515" s="53">
        <v>0</v>
      </c>
      <c r="CC515" s="53">
        <v>0</v>
      </c>
      <c r="CD515" s="53">
        <v>0</v>
      </c>
      <c r="CE515" s="53">
        <v>0</v>
      </c>
      <c r="CF515" s="53">
        <v>0</v>
      </c>
      <c r="CG515" s="53">
        <v>0</v>
      </c>
      <c r="CH515" s="53">
        <v>0</v>
      </c>
      <c r="CI515" s="53">
        <v>0</v>
      </c>
      <c r="CJ515" s="53">
        <v>0</v>
      </c>
      <c r="CK515" s="53">
        <v>0</v>
      </c>
      <c r="CL515" s="53">
        <v>0</v>
      </c>
      <c r="CM515" s="53">
        <v>0</v>
      </c>
      <c r="CN515" s="53">
        <v>0</v>
      </c>
    </row>
    <row r="516" spans="1:92" outlineLevel="1">
      <c r="A516" s="52" t="s">
        <v>1338</v>
      </c>
      <c r="B516" s="53">
        <v>0</v>
      </c>
      <c r="C516" s="53">
        <v>0</v>
      </c>
      <c r="D516" s="53">
        <v>0</v>
      </c>
      <c r="E516" s="53">
        <v>0</v>
      </c>
      <c r="F516" s="53">
        <v>0</v>
      </c>
      <c r="G516" s="53">
        <v>0</v>
      </c>
      <c r="H516" s="53">
        <v>0</v>
      </c>
      <c r="I516" s="53">
        <v>0</v>
      </c>
      <c r="J516" s="53">
        <v>0</v>
      </c>
      <c r="K516" s="53">
        <v>0</v>
      </c>
      <c r="L516" s="53">
        <v>0</v>
      </c>
      <c r="M516" s="53">
        <v>17162290.379999999</v>
      </c>
      <c r="N516" s="53">
        <v>17162290.379999999</v>
      </c>
      <c r="O516" s="53">
        <v>17162290.379999999</v>
      </c>
      <c r="P516" s="53">
        <v>17162290.379999999</v>
      </c>
      <c r="Q516" s="53">
        <v>17162290.379999999</v>
      </c>
      <c r="R516" s="53">
        <v>17162290.379999999</v>
      </c>
      <c r="S516" s="53">
        <v>17162290.379999999</v>
      </c>
      <c r="T516" s="53">
        <v>17162290.379999999</v>
      </c>
      <c r="U516" s="53">
        <v>17162290.379999999</v>
      </c>
      <c r="V516" s="53">
        <v>17162290.379999999</v>
      </c>
      <c r="W516" s="53">
        <v>17162290.379999999</v>
      </c>
      <c r="X516" s="53">
        <v>17162290.379999999</v>
      </c>
      <c r="Y516" s="53">
        <v>17162290.379999999</v>
      </c>
      <c r="Z516" s="53">
        <v>17162290.379999999</v>
      </c>
      <c r="AA516" s="53">
        <v>17162290.379999999</v>
      </c>
      <c r="AB516" s="53">
        <v>17162290.379999999</v>
      </c>
      <c r="AC516" s="53">
        <v>17162290.379999999</v>
      </c>
      <c r="AD516" s="53">
        <v>17162290.379999999</v>
      </c>
      <c r="AE516" s="53">
        <v>17162290.379999999</v>
      </c>
      <c r="AF516" s="53">
        <v>17162290.379999999</v>
      </c>
      <c r="AG516" s="53">
        <v>17162290.379999999</v>
      </c>
      <c r="AH516" s="53">
        <v>17162290.379999999</v>
      </c>
      <c r="AI516" s="53">
        <v>17162290.379999999</v>
      </c>
      <c r="AJ516" s="53">
        <v>17162290.379999999</v>
      </c>
      <c r="AK516" s="53">
        <v>17162290.379999999</v>
      </c>
      <c r="AL516" s="53">
        <v>17162290.379999999</v>
      </c>
      <c r="AM516" s="53">
        <v>17162290.379999999</v>
      </c>
      <c r="AN516" s="53">
        <v>17162290.379999999</v>
      </c>
      <c r="AO516" s="53">
        <v>17162290.379999999</v>
      </c>
      <c r="AP516" s="53">
        <v>17162290.379999999</v>
      </c>
      <c r="AQ516" s="53">
        <v>17162290.379999999</v>
      </c>
      <c r="AR516" s="53">
        <v>17162290.379999999</v>
      </c>
      <c r="AS516" s="53">
        <v>17162290.379999999</v>
      </c>
      <c r="AT516" s="53">
        <v>17162290.379999999</v>
      </c>
      <c r="AU516" s="53">
        <v>17162290.379999999</v>
      </c>
      <c r="AV516" s="53">
        <v>17162290.379999999</v>
      </c>
      <c r="AW516" s="53">
        <v>17162290.379999999</v>
      </c>
      <c r="AX516" s="53">
        <v>17162290.379999999</v>
      </c>
      <c r="AY516" s="53">
        <v>17162290.379999999</v>
      </c>
      <c r="AZ516" s="53">
        <v>17162290.379999999</v>
      </c>
      <c r="BA516" s="53">
        <v>17162290.379999999</v>
      </c>
      <c r="BB516" s="53">
        <v>17162290.379999999</v>
      </c>
      <c r="BC516" s="53">
        <v>17162290.379999999</v>
      </c>
      <c r="BD516" s="53">
        <v>17162290.379999999</v>
      </c>
      <c r="BE516" s="53">
        <v>17162290.379999999</v>
      </c>
      <c r="BF516" s="53">
        <v>17162290.379999999</v>
      </c>
      <c r="BG516" s="53">
        <v>17162290.379999999</v>
      </c>
      <c r="BH516" s="53">
        <v>17162290.379999999</v>
      </c>
      <c r="BI516" s="53">
        <v>17162290.379999999</v>
      </c>
      <c r="BJ516" s="53">
        <v>17162290.379999999</v>
      </c>
      <c r="BK516" s="53">
        <v>17162290.379999999</v>
      </c>
      <c r="BL516" s="53">
        <v>17162290.379999999</v>
      </c>
      <c r="BM516" s="53">
        <v>17162290.379999999</v>
      </c>
      <c r="BN516" s="53">
        <v>17162290.379999999</v>
      </c>
      <c r="BO516" s="53">
        <v>17162290.379999999</v>
      </c>
      <c r="BP516" s="53">
        <v>17162290.379999999</v>
      </c>
      <c r="BQ516" s="53">
        <v>17162290.379999999</v>
      </c>
      <c r="BR516" s="53">
        <v>17162290.379999999</v>
      </c>
      <c r="BS516" s="53">
        <v>17162290.379999999</v>
      </c>
      <c r="BT516" s="53">
        <v>17162290.379999999</v>
      </c>
      <c r="BU516" s="53">
        <v>17162290.379999999</v>
      </c>
      <c r="BV516" s="53">
        <v>17162290.379999999</v>
      </c>
      <c r="BW516" s="53">
        <v>17162290.379999999</v>
      </c>
      <c r="BX516" s="53">
        <v>17162290.379999999</v>
      </c>
      <c r="BY516" s="53">
        <v>17162290.379999999</v>
      </c>
      <c r="BZ516" s="53">
        <v>17162290.379999999</v>
      </c>
      <c r="CA516" s="53">
        <v>17162290.379999999</v>
      </c>
      <c r="CB516" s="53">
        <v>41809050.299999997</v>
      </c>
      <c r="CC516" s="53">
        <v>39112159.182560302</v>
      </c>
      <c r="CD516" s="53">
        <v>68777961.474396706</v>
      </c>
      <c r="CE516" s="53">
        <v>66081070.356957003</v>
      </c>
      <c r="CF516" s="53">
        <v>63384179.239517398</v>
      </c>
      <c r="CG516" s="53">
        <v>60687288.122077703</v>
      </c>
      <c r="CH516" s="53">
        <v>57990397.004638001</v>
      </c>
      <c r="CI516" s="53">
        <v>55293505.887198299</v>
      </c>
      <c r="CJ516" s="53">
        <v>52596614.769758701</v>
      </c>
      <c r="CK516" s="53">
        <v>49899723.652318999</v>
      </c>
      <c r="CL516" s="53">
        <v>47202832.534879297</v>
      </c>
      <c r="CM516" s="53">
        <v>44505941.417439602</v>
      </c>
      <c r="CN516" s="53">
        <v>41809050.299999997</v>
      </c>
    </row>
    <row r="517" spans="1:92" outlineLevel="1">
      <c r="A517" s="52" t="s">
        <v>1339</v>
      </c>
      <c r="B517" s="53">
        <v>0</v>
      </c>
      <c r="C517" s="53">
        <v>0</v>
      </c>
      <c r="D517" s="53">
        <v>39727222</v>
      </c>
      <c r="E517" s="53">
        <v>39727222</v>
      </c>
      <c r="F517" s="53">
        <v>39727222</v>
      </c>
      <c r="G517" s="53">
        <v>0</v>
      </c>
      <c r="H517" s="53">
        <v>0</v>
      </c>
      <c r="I517" s="53">
        <v>0</v>
      </c>
      <c r="J517" s="53">
        <v>22226865.469999999</v>
      </c>
      <c r="K517" s="53">
        <v>22226865.469999999</v>
      </c>
      <c r="L517" s="53">
        <v>22226865.469999999</v>
      </c>
      <c r="M517" s="53">
        <v>0</v>
      </c>
      <c r="N517" s="53">
        <v>0</v>
      </c>
      <c r="O517" s="53">
        <v>0</v>
      </c>
      <c r="P517" s="53">
        <v>0</v>
      </c>
      <c r="Q517" s="53">
        <v>0</v>
      </c>
      <c r="R517" s="53">
        <v>0</v>
      </c>
      <c r="S517" s="53">
        <v>0</v>
      </c>
      <c r="T517" s="53">
        <v>0</v>
      </c>
      <c r="U517" s="53">
        <v>0</v>
      </c>
      <c r="V517" s="53">
        <v>0</v>
      </c>
      <c r="W517" s="53">
        <v>0</v>
      </c>
      <c r="X517" s="53">
        <v>0</v>
      </c>
      <c r="Y517" s="53">
        <v>0</v>
      </c>
      <c r="Z517" s="53">
        <v>0</v>
      </c>
      <c r="AA517" s="53">
        <v>0</v>
      </c>
      <c r="AB517" s="53">
        <v>0</v>
      </c>
      <c r="AC517" s="53">
        <v>0</v>
      </c>
      <c r="AD517" s="53">
        <v>0</v>
      </c>
      <c r="AE517" s="53">
        <v>0</v>
      </c>
      <c r="AF517" s="53">
        <v>0</v>
      </c>
      <c r="AG517" s="53">
        <v>0</v>
      </c>
      <c r="AH517" s="53">
        <v>0</v>
      </c>
      <c r="AI517" s="53">
        <v>0</v>
      </c>
      <c r="AJ517" s="53">
        <v>0</v>
      </c>
      <c r="AK517" s="53">
        <v>0</v>
      </c>
      <c r="AL517" s="53">
        <v>0</v>
      </c>
      <c r="AM517" s="53">
        <v>0</v>
      </c>
      <c r="AN517" s="53">
        <v>0</v>
      </c>
      <c r="AO517" s="53">
        <v>0</v>
      </c>
      <c r="AP517" s="53">
        <v>0</v>
      </c>
      <c r="AQ517" s="53">
        <v>0</v>
      </c>
      <c r="AR517" s="53">
        <v>0</v>
      </c>
      <c r="AS517" s="53">
        <v>0</v>
      </c>
      <c r="AT517" s="53">
        <v>0</v>
      </c>
      <c r="AU517" s="53">
        <v>0</v>
      </c>
      <c r="AV517" s="53">
        <v>0</v>
      </c>
      <c r="AW517" s="53">
        <v>0</v>
      </c>
      <c r="AX517" s="53">
        <v>0</v>
      </c>
      <c r="AY517" s="53">
        <v>0</v>
      </c>
      <c r="AZ517" s="53">
        <v>0</v>
      </c>
      <c r="BA517" s="53">
        <v>0</v>
      </c>
      <c r="BB517" s="53">
        <v>0</v>
      </c>
      <c r="BC517" s="53">
        <v>0</v>
      </c>
      <c r="BD517" s="53">
        <v>0</v>
      </c>
      <c r="BE517" s="53">
        <v>0</v>
      </c>
      <c r="BF517" s="53">
        <v>0</v>
      </c>
      <c r="BG517" s="53">
        <v>0</v>
      </c>
      <c r="BH517" s="53">
        <v>0</v>
      </c>
      <c r="BI517" s="53">
        <v>0</v>
      </c>
      <c r="BJ517" s="53">
        <v>0</v>
      </c>
      <c r="BK517" s="53">
        <v>0</v>
      </c>
      <c r="BL517" s="53">
        <v>0</v>
      </c>
      <c r="BM517" s="53">
        <v>0</v>
      </c>
      <c r="BN517" s="53">
        <v>0</v>
      </c>
      <c r="BO517" s="53">
        <v>0</v>
      </c>
      <c r="BP517" s="53">
        <v>0</v>
      </c>
      <c r="BQ517" s="53">
        <v>0</v>
      </c>
      <c r="BR517" s="53">
        <v>0</v>
      </c>
      <c r="BS517" s="53">
        <v>0</v>
      </c>
      <c r="BT517" s="53">
        <v>0</v>
      </c>
      <c r="BU517" s="53">
        <v>0</v>
      </c>
      <c r="BV517" s="53">
        <v>0</v>
      </c>
      <c r="BW517" s="53">
        <v>0</v>
      </c>
      <c r="BX517" s="53">
        <v>0</v>
      </c>
      <c r="BY517" s="53">
        <v>0</v>
      </c>
      <c r="BZ517" s="53">
        <v>0</v>
      </c>
      <c r="CA517" s="53">
        <v>0</v>
      </c>
      <c r="CB517" s="53"/>
      <c r="CC517" s="53"/>
      <c r="CD517" s="53"/>
      <c r="CE517" s="53"/>
      <c r="CF517" s="53"/>
      <c r="CG517" s="53"/>
      <c r="CH517" s="53"/>
      <c r="CI517" s="53"/>
      <c r="CJ517" s="53"/>
      <c r="CK517" s="53"/>
      <c r="CL517" s="53"/>
      <c r="CM517" s="53"/>
      <c r="CN517" s="53"/>
    </row>
    <row r="518" spans="1:92" outlineLevel="1">
      <c r="A518" s="52" t="s">
        <v>1340</v>
      </c>
      <c r="B518" s="53">
        <v>0</v>
      </c>
      <c r="C518" s="53">
        <v>0</v>
      </c>
      <c r="D518" s="53">
        <v>0</v>
      </c>
      <c r="E518" s="53">
        <v>0</v>
      </c>
      <c r="F518" s="53">
        <v>0</v>
      </c>
      <c r="G518" s="53">
        <v>0</v>
      </c>
      <c r="H518" s="53">
        <v>0</v>
      </c>
      <c r="I518" s="53">
        <v>0</v>
      </c>
      <c r="J518" s="53">
        <v>0</v>
      </c>
      <c r="K518" s="53">
        <v>0</v>
      </c>
      <c r="L518" s="53">
        <v>0</v>
      </c>
      <c r="M518" s="53">
        <v>0</v>
      </c>
      <c r="N518" s="53">
        <v>0</v>
      </c>
      <c r="O518" s="53">
        <v>0</v>
      </c>
      <c r="P518" s="53">
        <v>0</v>
      </c>
      <c r="Q518" s="53">
        <v>0</v>
      </c>
      <c r="R518" s="53">
        <v>0</v>
      </c>
      <c r="S518" s="53">
        <v>0</v>
      </c>
      <c r="T518" s="53">
        <v>0</v>
      </c>
      <c r="U518" s="53">
        <v>0</v>
      </c>
      <c r="V518" s="53">
        <v>0</v>
      </c>
      <c r="W518" s="53">
        <v>0</v>
      </c>
      <c r="X518" s="53">
        <v>0</v>
      </c>
      <c r="Y518" s="53">
        <v>0</v>
      </c>
      <c r="Z518" s="53">
        <v>0</v>
      </c>
      <c r="AA518" s="53">
        <v>0</v>
      </c>
      <c r="AB518" s="53">
        <v>0</v>
      </c>
      <c r="AC518" s="53">
        <v>0</v>
      </c>
      <c r="AD518" s="53">
        <v>0</v>
      </c>
      <c r="AE518" s="53">
        <v>0</v>
      </c>
      <c r="AF518" s="53">
        <v>0</v>
      </c>
      <c r="AG518" s="53">
        <v>0</v>
      </c>
      <c r="AH518" s="53">
        <v>0</v>
      </c>
      <c r="AI518" s="53">
        <v>0</v>
      </c>
      <c r="AJ518" s="53">
        <v>0</v>
      </c>
      <c r="AK518" s="53">
        <v>0</v>
      </c>
      <c r="AL518" s="53">
        <v>0</v>
      </c>
      <c r="AM518" s="53">
        <v>0</v>
      </c>
      <c r="AN518" s="53">
        <v>0</v>
      </c>
      <c r="AO518" s="53">
        <v>0</v>
      </c>
      <c r="AP518" s="53">
        <v>0</v>
      </c>
      <c r="AQ518" s="53">
        <v>0</v>
      </c>
      <c r="AR518" s="53">
        <v>0</v>
      </c>
      <c r="AS518" s="53">
        <v>0</v>
      </c>
      <c r="AT518" s="53">
        <v>0</v>
      </c>
      <c r="AU518" s="53">
        <v>0</v>
      </c>
      <c r="AV518" s="53">
        <v>0</v>
      </c>
      <c r="AW518" s="53">
        <v>0</v>
      </c>
      <c r="AX518" s="53">
        <v>0</v>
      </c>
      <c r="AY518" s="53">
        <v>0</v>
      </c>
      <c r="AZ518" s="53">
        <v>0</v>
      </c>
      <c r="BA518" s="53">
        <v>0</v>
      </c>
      <c r="BB518" s="53">
        <v>0</v>
      </c>
      <c r="BC518" s="53">
        <v>0</v>
      </c>
      <c r="BD518" s="53">
        <v>0</v>
      </c>
      <c r="BE518" s="53">
        <v>0</v>
      </c>
      <c r="BF518" s="53">
        <v>0</v>
      </c>
      <c r="BG518" s="53">
        <v>0</v>
      </c>
      <c r="BH518" s="53">
        <v>0</v>
      </c>
      <c r="BI518" s="53">
        <v>0</v>
      </c>
      <c r="BJ518" s="53">
        <v>0</v>
      </c>
      <c r="BK518" s="53">
        <v>0</v>
      </c>
      <c r="BL518" s="53">
        <v>0</v>
      </c>
      <c r="BM518" s="53">
        <v>0</v>
      </c>
      <c r="BN518" s="53">
        <v>0</v>
      </c>
      <c r="BO518" s="53">
        <v>0</v>
      </c>
      <c r="BP518" s="53">
        <v>0</v>
      </c>
      <c r="BQ518" s="53">
        <v>0</v>
      </c>
      <c r="BR518" s="53">
        <v>0</v>
      </c>
      <c r="BS518" s="53">
        <v>0</v>
      </c>
      <c r="BT518" s="53">
        <v>0</v>
      </c>
      <c r="BU518" s="53">
        <v>0</v>
      </c>
      <c r="BV518" s="53">
        <v>0</v>
      </c>
      <c r="BW518" s="53">
        <v>0</v>
      </c>
      <c r="BX518" s="53">
        <v>0</v>
      </c>
      <c r="BY518" s="53">
        <v>0</v>
      </c>
      <c r="BZ518" s="53">
        <v>0</v>
      </c>
      <c r="CA518" s="53">
        <v>0</v>
      </c>
      <c r="CB518" s="53"/>
      <c r="CC518" s="53"/>
      <c r="CD518" s="53"/>
      <c r="CE518" s="53"/>
      <c r="CF518" s="53"/>
      <c r="CG518" s="53"/>
      <c r="CH518" s="53"/>
      <c r="CI518" s="53"/>
      <c r="CJ518" s="53"/>
      <c r="CK518" s="53"/>
      <c r="CL518" s="53"/>
      <c r="CM518" s="53"/>
      <c r="CN518" s="53"/>
    </row>
    <row r="519" spans="1:92" outlineLevel="1">
      <c r="A519" s="52" t="s">
        <v>1341</v>
      </c>
      <c r="B519" s="53">
        <v>0</v>
      </c>
      <c r="C519" s="53">
        <v>0</v>
      </c>
      <c r="D519" s="53">
        <v>0</v>
      </c>
      <c r="E519" s="53">
        <v>0</v>
      </c>
      <c r="F519" s="53">
        <v>0</v>
      </c>
      <c r="G519" s="53">
        <v>0</v>
      </c>
      <c r="H519" s="53">
        <v>0</v>
      </c>
      <c r="I519" s="53">
        <v>0</v>
      </c>
      <c r="J519" s="53">
        <v>0</v>
      </c>
      <c r="K519" s="53">
        <v>0</v>
      </c>
      <c r="L519" s="53">
        <v>0</v>
      </c>
      <c r="M519" s="53">
        <v>0</v>
      </c>
      <c r="N519" s="53">
        <v>0</v>
      </c>
      <c r="O519" s="53">
        <v>0</v>
      </c>
      <c r="P519" s="53">
        <v>0</v>
      </c>
      <c r="Q519" s="53">
        <v>0</v>
      </c>
      <c r="R519" s="53">
        <v>0</v>
      </c>
      <c r="S519" s="53">
        <v>0</v>
      </c>
      <c r="T519" s="53">
        <v>0</v>
      </c>
      <c r="U519" s="53">
        <v>0</v>
      </c>
      <c r="V519" s="53">
        <v>0</v>
      </c>
      <c r="W519" s="53">
        <v>0</v>
      </c>
      <c r="X519" s="53">
        <v>0</v>
      </c>
      <c r="Y519" s="53">
        <v>0</v>
      </c>
      <c r="Z519" s="53">
        <v>0</v>
      </c>
      <c r="AA519" s="53">
        <v>0</v>
      </c>
      <c r="AB519" s="53">
        <v>0</v>
      </c>
      <c r="AC519" s="53">
        <v>0</v>
      </c>
      <c r="AD519" s="53">
        <v>0</v>
      </c>
      <c r="AE519" s="53">
        <v>0</v>
      </c>
      <c r="AF519" s="53">
        <v>0</v>
      </c>
      <c r="AG519" s="53">
        <v>0</v>
      </c>
      <c r="AH519" s="53">
        <v>0</v>
      </c>
      <c r="AI519" s="53">
        <v>0</v>
      </c>
      <c r="AJ519" s="53">
        <v>0</v>
      </c>
      <c r="AK519" s="53">
        <v>0</v>
      </c>
      <c r="AL519" s="53">
        <v>0</v>
      </c>
      <c r="AM519" s="53">
        <v>0</v>
      </c>
      <c r="AN519" s="53">
        <v>0</v>
      </c>
      <c r="AO519" s="53">
        <v>0</v>
      </c>
      <c r="AP519" s="53">
        <v>0</v>
      </c>
      <c r="AQ519" s="53">
        <v>0</v>
      </c>
      <c r="AR519" s="53">
        <v>0</v>
      </c>
      <c r="AS519" s="53">
        <v>0</v>
      </c>
      <c r="AT519" s="53">
        <v>0</v>
      </c>
      <c r="AU519" s="53">
        <v>0</v>
      </c>
      <c r="AV519" s="53">
        <v>0</v>
      </c>
      <c r="AW519" s="53">
        <v>0</v>
      </c>
      <c r="AX519" s="53">
        <v>0</v>
      </c>
      <c r="AY519" s="53">
        <v>0</v>
      </c>
      <c r="AZ519" s="53">
        <v>0</v>
      </c>
      <c r="BA519" s="53">
        <v>0</v>
      </c>
      <c r="BB519" s="53">
        <v>0</v>
      </c>
      <c r="BC519" s="53">
        <v>0</v>
      </c>
      <c r="BD519" s="53">
        <v>0</v>
      </c>
      <c r="BE519" s="53">
        <v>0</v>
      </c>
      <c r="BF519" s="53">
        <v>0</v>
      </c>
      <c r="BG519" s="53">
        <v>0</v>
      </c>
      <c r="BH519" s="53">
        <v>0</v>
      </c>
      <c r="BI519" s="53">
        <v>0</v>
      </c>
      <c r="BJ519" s="53">
        <v>0</v>
      </c>
      <c r="BK519" s="53">
        <v>0</v>
      </c>
      <c r="BL519" s="53">
        <v>0</v>
      </c>
      <c r="BM519" s="53">
        <v>0</v>
      </c>
      <c r="BN519" s="53">
        <v>0</v>
      </c>
      <c r="BO519" s="53">
        <v>0</v>
      </c>
      <c r="BP519" s="53">
        <v>0</v>
      </c>
      <c r="BQ519" s="53">
        <v>0</v>
      </c>
      <c r="BR519" s="53">
        <v>0</v>
      </c>
      <c r="BS519" s="53">
        <v>0</v>
      </c>
      <c r="BT519" s="53">
        <v>0</v>
      </c>
      <c r="BU519" s="53">
        <v>0</v>
      </c>
      <c r="BV519" s="53">
        <v>0</v>
      </c>
      <c r="BW519" s="53">
        <v>0</v>
      </c>
      <c r="BX519" s="53">
        <v>0</v>
      </c>
      <c r="BY519" s="53">
        <v>0</v>
      </c>
      <c r="BZ519" s="53">
        <v>0</v>
      </c>
      <c r="CA519" s="53">
        <v>0</v>
      </c>
      <c r="CB519" s="53"/>
      <c r="CC519" s="53"/>
      <c r="CD519" s="53"/>
      <c r="CE519" s="53"/>
      <c r="CF519" s="53"/>
      <c r="CG519" s="53"/>
      <c r="CH519" s="53"/>
      <c r="CI519" s="53"/>
      <c r="CJ519" s="53"/>
      <c r="CK519" s="53"/>
      <c r="CL519" s="53"/>
      <c r="CM519" s="53"/>
      <c r="CN519" s="53"/>
    </row>
    <row r="520" spans="1:92" outlineLevel="1">
      <c r="A520" s="52" t="s">
        <v>1342</v>
      </c>
      <c r="B520" s="53">
        <v>0</v>
      </c>
      <c r="C520" s="53">
        <v>0</v>
      </c>
      <c r="D520" s="53">
        <v>0</v>
      </c>
      <c r="E520" s="53">
        <v>0</v>
      </c>
      <c r="F520" s="53">
        <v>0</v>
      </c>
      <c r="G520" s="53">
        <v>0</v>
      </c>
      <c r="H520" s="53">
        <v>0</v>
      </c>
      <c r="I520" s="53">
        <v>0</v>
      </c>
      <c r="J520" s="53">
        <v>0</v>
      </c>
      <c r="K520" s="53">
        <v>0</v>
      </c>
      <c r="L520" s="53">
        <v>0</v>
      </c>
      <c r="M520" s="53">
        <v>0</v>
      </c>
      <c r="N520" s="53">
        <v>0</v>
      </c>
      <c r="O520" s="53">
        <v>0</v>
      </c>
      <c r="P520" s="53">
        <v>0</v>
      </c>
      <c r="Q520" s="53">
        <v>0</v>
      </c>
      <c r="R520" s="53">
        <v>0</v>
      </c>
      <c r="S520" s="53">
        <v>0</v>
      </c>
      <c r="T520" s="53">
        <v>0</v>
      </c>
      <c r="U520" s="53">
        <v>0</v>
      </c>
      <c r="V520" s="53">
        <v>0</v>
      </c>
      <c r="W520" s="53">
        <v>0</v>
      </c>
      <c r="X520" s="53">
        <v>0</v>
      </c>
      <c r="Y520" s="53">
        <v>0</v>
      </c>
      <c r="Z520" s="53">
        <v>0</v>
      </c>
      <c r="AA520" s="53">
        <v>0</v>
      </c>
      <c r="AB520" s="53">
        <v>0</v>
      </c>
      <c r="AC520" s="53">
        <v>0</v>
      </c>
      <c r="AD520" s="53">
        <v>0</v>
      </c>
      <c r="AE520" s="53">
        <v>0</v>
      </c>
      <c r="AF520" s="53">
        <v>0</v>
      </c>
      <c r="AG520" s="53">
        <v>0</v>
      </c>
      <c r="AH520" s="53">
        <v>0</v>
      </c>
      <c r="AI520" s="53">
        <v>0</v>
      </c>
      <c r="AJ520" s="53">
        <v>0</v>
      </c>
      <c r="AK520" s="53">
        <v>0</v>
      </c>
      <c r="AL520" s="53">
        <v>0</v>
      </c>
      <c r="AM520" s="53">
        <v>0</v>
      </c>
      <c r="AN520" s="53">
        <v>0</v>
      </c>
      <c r="AO520" s="53">
        <v>0</v>
      </c>
      <c r="AP520" s="53">
        <v>0</v>
      </c>
      <c r="AQ520" s="53">
        <v>0</v>
      </c>
      <c r="AR520" s="53">
        <v>0</v>
      </c>
      <c r="AS520" s="53">
        <v>0</v>
      </c>
      <c r="AT520" s="53">
        <v>0</v>
      </c>
      <c r="AU520" s="53">
        <v>0</v>
      </c>
      <c r="AV520" s="53">
        <v>0</v>
      </c>
      <c r="AW520" s="53">
        <v>0</v>
      </c>
      <c r="AX520" s="53">
        <v>0</v>
      </c>
      <c r="AY520" s="53">
        <v>0</v>
      </c>
      <c r="AZ520" s="53">
        <v>0</v>
      </c>
      <c r="BA520" s="53">
        <v>0</v>
      </c>
      <c r="BB520" s="53">
        <v>0</v>
      </c>
      <c r="BC520" s="53">
        <v>0</v>
      </c>
      <c r="BD520" s="53">
        <v>0</v>
      </c>
      <c r="BE520" s="53">
        <v>0</v>
      </c>
      <c r="BF520" s="53">
        <v>0</v>
      </c>
      <c r="BG520" s="53">
        <v>0</v>
      </c>
      <c r="BH520" s="53">
        <v>0</v>
      </c>
      <c r="BI520" s="53">
        <v>0</v>
      </c>
      <c r="BJ520" s="53">
        <v>0</v>
      </c>
      <c r="BK520" s="53">
        <v>0</v>
      </c>
      <c r="BL520" s="53">
        <v>0</v>
      </c>
      <c r="BM520" s="53">
        <v>0</v>
      </c>
      <c r="BN520" s="53">
        <v>0</v>
      </c>
      <c r="BO520" s="53">
        <v>0</v>
      </c>
      <c r="BP520" s="53">
        <v>0</v>
      </c>
      <c r="BQ520" s="53">
        <v>0</v>
      </c>
      <c r="BR520" s="53">
        <v>0</v>
      </c>
      <c r="BS520" s="53">
        <v>0</v>
      </c>
      <c r="BT520" s="53">
        <v>0</v>
      </c>
      <c r="BU520" s="53">
        <v>0</v>
      </c>
      <c r="BV520" s="53">
        <v>0</v>
      </c>
      <c r="BW520" s="53">
        <v>0</v>
      </c>
      <c r="BX520" s="53">
        <v>0</v>
      </c>
      <c r="BY520" s="53">
        <v>0</v>
      </c>
      <c r="BZ520" s="53">
        <v>0</v>
      </c>
      <c r="CA520" s="53">
        <v>0</v>
      </c>
      <c r="CB520" s="53"/>
      <c r="CC520" s="53">
        <v>32362693.409276001</v>
      </c>
      <c r="CD520" s="53"/>
      <c r="CE520" s="53"/>
      <c r="CF520" s="53"/>
      <c r="CG520" s="53"/>
      <c r="CH520" s="53"/>
      <c r="CI520" s="53"/>
      <c r="CJ520" s="53"/>
      <c r="CK520" s="53"/>
      <c r="CL520" s="53"/>
      <c r="CM520" s="53"/>
      <c r="CN520" s="53">
        <v>32362693.409276001</v>
      </c>
    </row>
    <row r="521" spans="1:92" outlineLevel="1">
      <c r="A521" s="52" t="s">
        <v>1218</v>
      </c>
      <c r="B521" s="53">
        <v>41809050.299999997</v>
      </c>
      <c r="C521" s="53">
        <v>22932426.829999998</v>
      </c>
      <c r="D521" s="53">
        <v>20339374.32</v>
      </c>
      <c r="E521" s="53">
        <v>66203834.310000002</v>
      </c>
      <c r="F521" s="53">
        <v>64435394.419999897</v>
      </c>
      <c r="G521" s="53">
        <v>57084139.259999998</v>
      </c>
      <c r="H521" s="53">
        <v>24975387.649999999</v>
      </c>
      <c r="I521" s="53">
        <v>26683954.879999999</v>
      </c>
      <c r="J521" s="53">
        <v>21226607.710000001</v>
      </c>
      <c r="K521" s="53">
        <v>143747919.30000001</v>
      </c>
      <c r="L521" s="53">
        <v>140994261.81999999</v>
      </c>
      <c r="M521" s="53">
        <v>53430367.520000003</v>
      </c>
      <c r="N521" s="53">
        <v>41809050.299999997</v>
      </c>
      <c r="O521" s="53">
        <v>67183804.019999996</v>
      </c>
      <c r="P521" s="53">
        <v>-9896087.4994121604</v>
      </c>
      <c r="Q521" s="53">
        <v>23070106.128553201</v>
      </c>
      <c r="R521" s="53">
        <v>11389213.5813557</v>
      </c>
      <c r="S521" s="53">
        <v>-38428322.335274599</v>
      </c>
      <c r="T521" s="53">
        <v>-104864541.62803499</v>
      </c>
      <c r="U521" s="53">
        <v>-173022849.713889</v>
      </c>
      <c r="V521" s="53">
        <v>-238395944.00949001</v>
      </c>
      <c r="W521" s="53">
        <v>-378411417.435983</v>
      </c>
      <c r="X521" s="53">
        <v>-444375663.73215199</v>
      </c>
      <c r="Y521" s="53">
        <v>-499524134.95845097</v>
      </c>
      <c r="Z521" s="53">
        <v>-518329342.12597901</v>
      </c>
      <c r="AA521" s="53">
        <v>67183804.019999996</v>
      </c>
      <c r="AB521" s="53">
        <v>-536346320.04681897</v>
      </c>
      <c r="AC521" s="53">
        <v>-626254954.30546606</v>
      </c>
      <c r="AD521" s="53">
        <v>-612837190.70827794</v>
      </c>
      <c r="AE521" s="53">
        <v>-645295859.60316205</v>
      </c>
      <c r="AF521" s="53">
        <v>-703476825.16022599</v>
      </c>
      <c r="AG521" s="53">
        <v>-774133830.63127697</v>
      </c>
      <c r="AH521" s="53">
        <v>-853011754.90655005</v>
      </c>
      <c r="AI521" s="53">
        <v>-934347003.87061799</v>
      </c>
      <c r="AJ521" s="53">
        <v>-1079688406.31726</v>
      </c>
      <c r="AK521" s="53">
        <v>-1154422074.9187601</v>
      </c>
      <c r="AL521" s="53">
        <v>-1211564214.1310401</v>
      </c>
      <c r="AM521" s="53">
        <v>-1242051893.26805</v>
      </c>
      <c r="AN521" s="53">
        <v>-536346320.04681897</v>
      </c>
      <c r="AO521" s="53">
        <v>-1271970650.7599499</v>
      </c>
      <c r="AP521" s="53">
        <v>-1299949901.0176699</v>
      </c>
      <c r="AQ521" s="53">
        <v>-1249838548.2151999</v>
      </c>
      <c r="AR521" s="53">
        <v>-1236605481.06041</v>
      </c>
      <c r="AS521" s="53">
        <v>-1240950409.9352601</v>
      </c>
      <c r="AT521" s="53">
        <v>-1249877355.39994</v>
      </c>
      <c r="AU521" s="53">
        <v>-1259036471.94752</v>
      </c>
      <c r="AV521" s="53">
        <v>-1267059990.2499101</v>
      </c>
      <c r="AW521" s="53">
        <v>-1320191801.9089899</v>
      </c>
      <c r="AX521" s="53">
        <v>-1326249657.7992899</v>
      </c>
      <c r="AY521" s="53">
        <v>-1326257280.1819899</v>
      </c>
      <c r="AZ521" s="53">
        <v>-1310415808.1702199</v>
      </c>
      <c r="BA521" s="53">
        <v>-1271970650.7599499</v>
      </c>
      <c r="BB521" s="53">
        <v>-1287773828.45222</v>
      </c>
      <c r="BC521" s="53">
        <v>-1314555591.1967001</v>
      </c>
      <c r="BD521" s="53">
        <v>-1263109001.8225601</v>
      </c>
      <c r="BE521" s="53">
        <v>-1250890999.8870201</v>
      </c>
      <c r="BF521" s="53">
        <v>-1255936080.71964</v>
      </c>
      <c r="BG521" s="53">
        <v>-1264524017.88748</v>
      </c>
      <c r="BH521" s="53">
        <v>-1273644562.97861</v>
      </c>
      <c r="BI521" s="53">
        <v>-1280783787.18679</v>
      </c>
      <c r="BJ521" s="53">
        <v>-1330108582.84989</v>
      </c>
      <c r="BK521" s="53">
        <v>-1333246554.5599301</v>
      </c>
      <c r="BL521" s="53">
        <v>-1329371080.59815</v>
      </c>
      <c r="BM521" s="53">
        <v>-1310018558.6547301</v>
      </c>
      <c r="BN521" s="53">
        <v>-1287773828.45222</v>
      </c>
      <c r="BO521" s="53">
        <v>-1287773828.6011901</v>
      </c>
      <c r="BP521" s="53">
        <v>-1311103832.7709</v>
      </c>
      <c r="BQ521" s="53">
        <v>-1257234851.2488699</v>
      </c>
      <c r="BR521" s="53">
        <v>-1241698831.6190701</v>
      </c>
      <c r="BS521" s="53">
        <v>-1243277800.27314</v>
      </c>
      <c r="BT521" s="53">
        <v>-1251775039.66294</v>
      </c>
      <c r="BU521" s="53">
        <v>-1261067030.6213</v>
      </c>
      <c r="BV521" s="53">
        <v>-1268808905.12131</v>
      </c>
      <c r="BW521" s="53">
        <v>-1317435063.4762001</v>
      </c>
      <c r="BX521" s="53">
        <v>-1321678860.0391901</v>
      </c>
      <c r="BY521" s="53">
        <v>-1319562448.5625</v>
      </c>
      <c r="BZ521" s="53">
        <v>-1307805601.51718</v>
      </c>
      <c r="CA521" s="53">
        <v>-1287773828.6011901</v>
      </c>
      <c r="CB521" s="53"/>
      <c r="CC521" s="53"/>
      <c r="CD521" s="53"/>
      <c r="CE521" s="53"/>
      <c r="CF521" s="53"/>
      <c r="CG521" s="53"/>
      <c r="CH521" s="53"/>
      <c r="CI521" s="53"/>
      <c r="CJ521" s="53"/>
      <c r="CK521" s="53"/>
      <c r="CL521" s="53"/>
      <c r="CM521" s="53"/>
      <c r="CN521" s="53"/>
    </row>
    <row r="522" spans="1:92" outlineLevel="1">
      <c r="A522" s="52" t="s">
        <v>699</v>
      </c>
      <c r="B522" s="53"/>
      <c r="C522" s="53"/>
      <c r="D522" s="53"/>
      <c r="E522" s="53"/>
      <c r="F522" s="53"/>
      <c r="G522" s="53"/>
      <c r="H522" s="53"/>
      <c r="I522" s="53"/>
      <c r="J522" s="53"/>
      <c r="K522" s="53"/>
      <c r="L522" s="53"/>
      <c r="M522" s="53"/>
      <c r="N522" s="53"/>
      <c r="O522" s="53"/>
      <c r="P522" s="53"/>
      <c r="Q522" s="53"/>
      <c r="R522" s="53"/>
      <c r="S522" s="53"/>
      <c r="T522" s="53"/>
      <c r="U522" s="53"/>
      <c r="V522" s="53"/>
      <c r="W522" s="53"/>
      <c r="X522" s="53"/>
      <c r="Y522" s="53"/>
      <c r="Z522" s="53"/>
      <c r="AA522" s="53"/>
      <c r="AB522" s="53"/>
      <c r="AC522" s="53"/>
      <c r="AD522" s="53"/>
      <c r="AE522" s="53"/>
      <c r="AF522" s="53"/>
      <c r="AG522" s="53"/>
      <c r="AH522" s="53"/>
      <c r="AI522" s="53"/>
      <c r="AJ522" s="53"/>
      <c r="AK522" s="53"/>
      <c r="AL522" s="53"/>
      <c r="AM522" s="53"/>
      <c r="AN522" s="53"/>
      <c r="AO522" s="53"/>
      <c r="AP522" s="53"/>
      <c r="AQ522" s="53"/>
      <c r="AR522" s="53"/>
      <c r="AS522" s="53"/>
      <c r="AT522" s="53"/>
      <c r="AU522" s="53"/>
      <c r="AV522" s="53"/>
      <c r="AW522" s="53"/>
      <c r="AX522" s="53"/>
      <c r="AY522" s="53"/>
      <c r="AZ522" s="53"/>
      <c r="BA522" s="53"/>
      <c r="BB522" s="53"/>
      <c r="BC522" s="53"/>
      <c r="BD522" s="53"/>
      <c r="BE522" s="53"/>
      <c r="BF522" s="53"/>
      <c r="BG522" s="53"/>
      <c r="BH522" s="53"/>
      <c r="BI522" s="53"/>
      <c r="BJ522" s="53"/>
      <c r="BK522" s="53"/>
      <c r="BL522" s="53"/>
      <c r="BM522" s="53"/>
      <c r="BN522" s="53"/>
      <c r="BO522" s="53"/>
      <c r="BP522" s="53"/>
      <c r="BQ522" s="53"/>
      <c r="BR522" s="53"/>
      <c r="BS522" s="53"/>
      <c r="BT522" s="53"/>
      <c r="BU522" s="53"/>
      <c r="BV522" s="53"/>
      <c r="BW522" s="53"/>
      <c r="BX522" s="53"/>
      <c r="BY522" s="53"/>
      <c r="BZ522" s="53"/>
      <c r="CA522" s="53"/>
      <c r="CB522" s="53"/>
      <c r="CC522" s="53"/>
      <c r="CD522" s="53"/>
      <c r="CE522" s="53"/>
      <c r="CF522" s="53"/>
      <c r="CG522" s="53"/>
      <c r="CH522" s="53"/>
      <c r="CI522" s="53"/>
      <c r="CJ522" s="53"/>
      <c r="CK522" s="53"/>
      <c r="CL522" s="53"/>
      <c r="CM522" s="53"/>
      <c r="CN522" s="53"/>
    </row>
    <row r="523" spans="1:92" outlineLevel="1">
      <c r="A523" s="52" t="s">
        <v>675</v>
      </c>
      <c r="B523" s="53"/>
      <c r="C523" s="53"/>
      <c r="D523" s="53"/>
      <c r="E523" s="53"/>
      <c r="F523" s="53"/>
      <c r="G523" s="53"/>
      <c r="H523" s="53"/>
      <c r="I523" s="53"/>
      <c r="J523" s="53"/>
      <c r="K523" s="53"/>
      <c r="L523" s="53"/>
      <c r="M523" s="53"/>
      <c r="N523" s="53"/>
      <c r="O523" s="53"/>
      <c r="P523" s="53"/>
      <c r="Q523" s="53"/>
      <c r="R523" s="53"/>
      <c r="S523" s="53"/>
      <c r="T523" s="53"/>
      <c r="U523" s="53"/>
      <c r="V523" s="53"/>
      <c r="W523" s="53"/>
      <c r="X523" s="53"/>
      <c r="Y523" s="53"/>
      <c r="Z523" s="53"/>
      <c r="AA523" s="53"/>
      <c r="AB523" s="53"/>
      <c r="AC523" s="53"/>
      <c r="AD523" s="53"/>
      <c r="AE523" s="53"/>
      <c r="AF523" s="53"/>
      <c r="AG523" s="53"/>
      <c r="AH523" s="53"/>
      <c r="AI523" s="53"/>
      <c r="AJ523" s="53"/>
      <c r="AK523" s="53"/>
      <c r="AL523" s="53"/>
      <c r="AM523" s="53"/>
      <c r="AN523" s="53"/>
      <c r="AO523" s="53"/>
      <c r="AP523" s="53"/>
      <c r="AQ523" s="53"/>
      <c r="AR523" s="53"/>
      <c r="AS523" s="53"/>
      <c r="AT523" s="53"/>
      <c r="AU523" s="53"/>
      <c r="AV523" s="53"/>
      <c r="AW523" s="53"/>
      <c r="AX523" s="53"/>
      <c r="AY523" s="53"/>
      <c r="AZ523" s="53"/>
      <c r="BA523" s="53"/>
      <c r="BB523" s="53"/>
      <c r="BC523" s="53"/>
      <c r="BD523" s="53"/>
      <c r="BE523" s="53"/>
      <c r="BF523" s="53"/>
      <c r="BG523" s="53"/>
      <c r="BH523" s="53"/>
      <c r="BI523" s="53"/>
      <c r="BJ523" s="53"/>
      <c r="BK523" s="53"/>
      <c r="BL523" s="53"/>
      <c r="BM523" s="53"/>
      <c r="BN523" s="53"/>
      <c r="BO523" s="53"/>
      <c r="BP523" s="53"/>
      <c r="BQ523" s="53"/>
      <c r="BR523" s="53"/>
      <c r="BS523" s="53"/>
      <c r="BT523" s="53"/>
      <c r="BU523" s="53"/>
      <c r="BV523" s="53"/>
      <c r="BW523" s="53"/>
      <c r="BX523" s="53"/>
      <c r="BY523" s="53"/>
      <c r="BZ523" s="53"/>
      <c r="CA523" s="53"/>
      <c r="CB523" s="53"/>
      <c r="CC523" s="53"/>
      <c r="CD523" s="53"/>
      <c r="CE523" s="53"/>
      <c r="CF523" s="53"/>
      <c r="CG523" s="53"/>
      <c r="CH523" s="53"/>
      <c r="CI523" s="53"/>
      <c r="CJ523" s="53"/>
      <c r="CK523" s="53"/>
      <c r="CL523" s="53"/>
      <c r="CM523" s="53"/>
      <c r="CN523" s="53"/>
    </row>
    <row r="524" spans="1:92" outlineLevel="1">
      <c r="A524" s="52" t="s">
        <v>1327</v>
      </c>
      <c r="B524" s="53"/>
      <c r="C524" s="53"/>
      <c r="D524" s="53"/>
      <c r="E524" s="53"/>
      <c r="F524" s="53"/>
      <c r="G524" s="53"/>
      <c r="H524" s="53"/>
      <c r="I524" s="53"/>
      <c r="J524" s="53"/>
      <c r="K524" s="53"/>
      <c r="L524" s="53"/>
      <c r="M524" s="53"/>
      <c r="N524" s="53"/>
      <c r="O524" s="53"/>
      <c r="P524" s="53"/>
      <c r="Q524" s="53"/>
      <c r="R524" s="53"/>
      <c r="S524" s="53"/>
      <c r="T524" s="53"/>
      <c r="U524" s="53"/>
      <c r="V524" s="53"/>
      <c r="W524" s="53"/>
      <c r="X524" s="53"/>
      <c r="Y524" s="53"/>
      <c r="Z524" s="53"/>
      <c r="AA524" s="53"/>
      <c r="AB524" s="53"/>
      <c r="AC524" s="53"/>
      <c r="AD524" s="53"/>
      <c r="AE524" s="53"/>
      <c r="AF524" s="53"/>
      <c r="AG524" s="53"/>
      <c r="AH524" s="53"/>
      <c r="AI524" s="53"/>
      <c r="AJ524" s="53"/>
      <c r="AK524" s="53"/>
      <c r="AL524" s="53"/>
      <c r="AM524" s="53"/>
      <c r="AN524" s="53"/>
      <c r="AO524" s="53"/>
      <c r="AP524" s="53"/>
      <c r="AQ524" s="53"/>
      <c r="AR524" s="53"/>
      <c r="AS524" s="53"/>
      <c r="AT524" s="53"/>
      <c r="AU524" s="53"/>
      <c r="AV524" s="53"/>
      <c r="AW524" s="53"/>
      <c r="AX524" s="53"/>
      <c r="AY524" s="53"/>
      <c r="AZ524" s="53"/>
      <c r="BA524" s="53"/>
      <c r="BB524" s="53"/>
      <c r="BC524" s="53"/>
      <c r="BD524" s="53"/>
      <c r="BE524" s="53"/>
      <c r="BF524" s="53"/>
      <c r="BG524" s="53"/>
      <c r="BH524" s="53"/>
      <c r="BI524" s="53"/>
      <c r="BJ524" s="53"/>
      <c r="BK524" s="53"/>
      <c r="BL524" s="53"/>
      <c r="BM524" s="53"/>
      <c r="BN524" s="53"/>
      <c r="BO524" s="53"/>
      <c r="BP524" s="53"/>
      <c r="BQ524" s="53"/>
      <c r="BR524" s="53"/>
      <c r="BS524" s="53"/>
      <c r="BT524" s="53"/>
      <c r="BU524" s="53"/>
      <c r="BV524" s="53"/>
      <c r="BW524" s="53"/>
      <c r="BX524" s="53"/>
      <c r="BY524" s="53"/>
      <c r="BZ524" s="53"/>
      <c r="CA524" s="53"/>
      <c r="CB524" s="53">
        <v>-2696891.11743967</v>
      </c>
      <c r="CC524" s="53">
        <v>-2696891.11743967</v>
      </c>
      <c r="CD524" s="53">
        <v>-2696891.11743967</v>
      </c>
      <c r="CE524" s="53">
        <v>-2696891.11743967</v>
      </c>
      <c r="CF524" s="53">
        <v>-2696891.11743967</v>
      </c>
      <c r="CG524" s="53">
        <v>-2696891.11743967</v>
      </c>
      <c r="CH524" s="53">
        <v>-2696891.11743967</v>
      </c>
      <c r="CI524" s="53">
        <v>-2696891.11743967</v>
      </c>
      <c r="CJ524" s="53">
        <v>-2696891.11743967</v>
      </c>
      <c r="CK524" s="53">
        <v>-2696891.11743967</v>
      </c>
      <c r="CL524" s="53">
        <v>-2696891.11743967</v>
      </c>
      <c r="CM524" s="53">
        <v>-2696891.11743967</v>
      </c>
      <c r="CN524" s="53">
        <v>-32362693.409276001</v>
      </c>
    </row>
    <row r="525" spans="1:92" outlineLevel="1">
      <c r="A525" s="52" t="s">
        <v>649</v>
      </c>
      <c r="B525" s="53">
        <v>38895817.149999999</v>
      </c>
      <c r="C525" s="53">
        <v>53338797.769999899</v>
      </c>
      <c r="D525" s="53">
        <v>49395795.530000001</v>
      </c>
      <c r="E525" s="53">
        <v>55768716.530000001</v>
      </c>
      <c r="F525" s="53">
        <v>151230588.41</v>
      </c>
      <c r="G525" s="53">
        <v>153389594.50999999</v>
      </c>
      <c r="H525" s="53">
        <v>132895311.91</v>
      </c>
      <c r="I525" s="53">
        <v>227544395.18000001</v>
      </c>
      <c r="J525" s="53">
        <v>160342752.34999999</v>
      </c>
      <c r="K525" s="53">
        <v>111880543.44</v>
      </c>
      <c r="L525" s="53">
        <v>80342878.700000003</v>
      </c>
      <c r="M525" s="53">
        <v>112679940.14999899</v>
      </c>
      <c r="N525" s="53">
        <v>1327705131.6299901</v>
      </c>
      <c r="O525" s="53">
        <v>-25169829.750387099</v>
      </c>
      <c r="P525" s="53">
        <v>58966178.861763597</v>
      </c>
      <c r="Q525" s="53">
        <v>39686741.523096398</v>
      </c>
      <c r="R525" s="53">
        <v>1673906.3198921201</v>
      </c>
      <c r="S525" s="53">
        <v>-14702597.925310399</v>
      </c>
      <c r="T525" s="53">
        <v>-16142858.2049587</v>
      </c>
      <c r="U525" s="53">
        <v>-13056264.7662798</v>
      </c>
      <c r="V525" s="53">
        <v>-87246027.866794303</v>
      </c>
      <c r="W525" s="53">
        <v>-12762768.6735243</v>
      </c>
      <c r="X525" s="53">
        <v>-1696696.12501311</v>
      </c>
      <c r="Y525" s="53">
        <v>34795878.831630699</v>
      </c>
      <c r="Z525" s="53">
        <v>35653905.427634999</v>
      </c>
      <c r="AA525" s="53">
        <v>-432.34825003310101</v>
      </c>
      <c r="AB525" s="53">
        <v>-27670599.241675802</v>
      </c>
      <c r="AC525" s="53">
        <v>48224967.1995501</v>
      </c>
      <c r="AD525" s="53">
        <v>30341278.5618308</v>
      </c>
      <c r="AE525" s="53">
        <v>4763471.9614883298</v>
      </c>
      <c r="AF525" s="53">
        <v>-7503726.7901726803</v>
      </c>
      <c r="AG525" s="53">
        <v>-15480937.1527646</v>
      </c>
      <c r="AH525" s="53">
        <v>-17676564.220773499</v>
      </c>
      <c r="AI525" s="53">
        <v>-81309051.909450904</v>
      </c>
      <c r="AJ525" s="53">
        <v>-10338773.6698892</v>
      </c>
      <c r="AK525" s="53">
        <v>7466714.5950873904</v>
      </c>
      <c r="AL525" s="53">
        <v>34260594.224009</v>
      </c>
      <c r="AM525" s="53">
        <v>34923073.3583389</v>
      </c>
      <c r="AN525" s="53">
        <v>446.91557777696198</v>
      </c>
      <c r="AO525" s="53">
        <v>-24231361.526878498</v>
      </c>
      <c r="AP525" s="53">
        <v>24687754.383266799</v>
      </c>
      <c r="AQ525" s="53">
        <v>16980955.885632399</v>
      </c>
      <c r="AR525" s="53">
        <v>-597040.14400858397</v>
      </c>
      <c r="AS525" s="53">
        <v>-5179056.73384465</v>
      </c>
      <c r="AT525" s="53">
        <v>-5411227.8167322204</v>
      </c>
      <c r="AU525" s="53">
        <v>-4275629.5715572704</v>
      </c>
      <c r="AV525" s="53">
        <v>-49383922.928237803</v>
      </c>
      <c r="AW525" s="53">
        <v>-2309967.15946157</v>
      </c>
      <c r="AX525" s="53">
        <v>3740266.34814069</v>
      </c>
      <c r="AY525" s="53">
        <v>19589360.742612898</v>
      </c>
      <c r="AZ525" s="53">
        <v>26389868.4488369</v>
      </c>
      <c r="BA525" s="53">
        <v>-7.2230861405842006E-2</v>
      </c>
      <c r="BB525" s="53">
        <v>-24264439.9079291</v>
      </c>
      <c r="BC525" s="53">
        <v>23756038.0999148</v>
      </c>
      <c r="BD525" s="53">
        <v>14735324.7720805</v>
      </c>
      <c r="BE525" s="53">
        <v>-2527757.9960713</v>
      </c>
      <c r="BF525" s="53">
        <v>-6070614.3312913999</v>
      </c>
      <c r="BG525" s="53">
        <v>-6603222.2545889895</v>
      </c>
      <c r="BH525" s="53">
        <v>-4621901.3716337997</v>
      </c>
      <c r="BI525" s="53">
        <v>-46807472.8265559</v>
      </c>
      <c r="BJ525" s="53">
        <v>-620648.87349287095</v>
      </c>
      <c r="BK525" s="53">
        <v>6392796.79832255</v>
      </c>
      <c r="BL525" s="53">
        <v>21869844.779964801</v>
      </c>
      <c r="BM525" s="53">
        <v>24762052.890089098</v>
      </c>
      <c r="BN525" s="53">
        <v>-0.221191468881443</v>
      </c>
      <c r="BO525" s="53">
        <v>-20722545.7932631</v>
      </c>
      <c r="BP525" s="53">
        <v>25186939.1599067</v>
      </c>
      <c r="BQ525" s="53">
        <v>18143478.006243199</v>
      </c>
      <c r="BR525" s="53">
        <v>1028489.7223845701</v>
      </c>
      <c r="BS525" s="53">
        <v>-5889781.0133553203</v>
      </c>
      <c r="BT525" s="53">
        <v>-6684532.5819095802</v>
      </c>
      <c r="BU525" s="53">
        <v>-5134416.1235667998</v>
      </c>
      <c r="BV525" s="53">
        <v>-46018699.978442602</v>
      </c>
      <c r="BW525" s="53">
        <v>-1636338.18653807</v>
      </c>
      <c r="BX525" s="53">
        <v>4723869.8531401101</v>
      </c>
      <c r="BY525" s="53">
        <v>14364305.421770999</v>
      </c>
      <c r="BZ525" s="53">
        <v>22639231.637156401</v>
      </c>
      <c r="CA525" s="53">
        <v>0.12352668272797</v>
      </c>
      <c r="CB525" s="53">
        <v>39112159.182560302</v>
      </c>
      <c r="CC525" s="53">
        <v>68777961.474396706</v>
      </c>
      <c r="CD525" s="53">
        <v>66081070.356957003</v>
      </c>
      <c r="CE525" s="53">
        <v>63384179.239517398</v>
      </c>
      <c r="CF525" s="53">
        <v>60687288.122077703</v>
      </c>
      <c r="CG525" s="53">
        <v>57990397.004638001</v>
      </c>
      <c r="CH525" s="53">
        <v>55293505.887198299</v>
      </c>
      <c r="CI525" s="53">
        <v>52596614.769758701</v>
      </c>
      <c r="CJ525" s="53">
        <v>49899723.652318999</v>
      </c>
      <c r="CK525" s="53">
        <v>47202832.534879297</v>
      </c>
      <c r="CL525" s="53">
        <v>44505941.417439602</v>
      </c>
      <c r="CM525" s="53">
        <v>41809050.299999997</v>
      </c>
      <c r="CN525" s="53">
        <v>41809050.299999997</v>
      </c>
    </row>
    <row r="526" spans="1:92" outlineLevel="1">
      <c r="A526" s="52" t="s">
        <v>1328</v>
      </c>
      <c r="B526" s="53"/>
      <c r="C526" s="53"/>
      <c r="D526" s="53"/>
      <c r="E526" s="53"/>
      <c r="F526" s="53"/>
      <c r="G526" s="53"/>
      <c r="H526" s="53"/>
      <c r="I526" s="53"/>
      <c r="J526" s="53"/>
      <c r="K526" s="53"/>
      <c r="L526" s="53"/>
      <c r="M526" s="53"/>
      <c r="N526" s="53"/>
      <c r="O526" s="53"/>
      <c r="P526" s="53"/>
      <c r="Q526" s="53"/>
      <c r="R526" s="53"/>
      <c r="S526" s="53"/>
      <c r="T526" s="53"/>
      <c r="U526" s="53"/>
      <c r="V526" s="53"/>
      <c r="W526" s="53"/>
      <c r="X526" s="53"/>
      <c r="Y526" s="53"/>
      <c r="Z526" s="53"/>
      <c r="AA526" s="53"/>
      <c r="AB526" s="53"/>
      <c r="AC526" s="53"/>
      <c r="AD526" s="53"/>
      <c r="AE526" s="53"/>
      <c r="AF526" s="53"/>
      <c r="AG526" s="53"/>
      <c r="AH526" s="53"/>
      <c r="AI526" s="53"/>
      <c r="AJ526" s="53"/>
      <c r="AK526" s="53"/>
      <c r="AL526" s="53"/>
      <c r="AM526" s="53"/>
      <c r="AN526" s="53"/>
      <c r="AO526" s="53"/>
      <c r="AP526" s="53"/>
      <c r="AQ526" s="53"/>
      <c r="AR526" s="53"/>
      <c r="AS526" s="53"/>
      <c r="AT526" s="53"/>
      <c r="AU526" s="53"/>
      <c r="AV526" s="53"/>
      <c r="AW526" s="53"/>
      <c r="AX526" s="53"/>
      <c r="AY526" s="53"/>
      <c r="AZ526" s="53"/>
      <c r="BA526" s="53"/>
      <c r="BB526" s="53"/>
      <c r="BC526" s="53"/>
      <c r="BD526" s="53"/>
      <c r="BE526" s="53"/>
      <c r="BF526" s="53"/>
      <c r="BG526" s="53"/>
      <c r="BH526" s="53"/>
      <c r="BI526" s="53"/>
      <c r="BJ526" s="53"/>
      <c r="BK526" s="53"/>
      <c r="BL526" s="53"/>
      <c r="BM526" s="53"/>
      <c r="BN526" s="53"/>
      <c r="BO526" s="53"/>
      <c r="BP526" s="53"/>
      <c r="BQ526" s="53"/>
      <c r="BR526" s="53"/>
      <c r="BS526" s="53"/>
      <c r="BT526" s="53"/>
      <c r="BU526" s="53"/>
      <c r="BV526" s="53"/>
      <c r="BW526" s="53"/>
      <c r="BX526" s="53"/>
      <c r="BY526" s="53"/>
      <c r="BZ526" s="53"/>
      <c r="CA526" s="53"/>
      <c r="CB526" s="53">
        <v>1622171016.0487199</v>
      </c>
      <c r="CC526" s="53">
        <v>1649645031.4417901</v>
      </c>
      <c r="CD526" s="53">
        <v>1660393834.66642</v>
      </c>
      <c r="CE526" s="53">
        <v>1661645348.4864199</v>
      </c>
      <c r="CF526" s="53">
        <v>1662084455.2182701</v>
      </c>
      <c r="CG526" s="53">
        <v>1732265493.1227701</v>
      </c>
      <c r="CH526" s="53">
        <v>1776944979.10254</v>
      </c>
      <c r="CI526" s="53">
        <v>1786180263.3629899</v>
      </c>
      <c r="CJ526" s="53">
        <v>1906817643.78089</v>
      </c>
      <c r="CK526" s="53">
        <v>1947881118.28615</v>
      </c>
      <c r="CL526" s="53">
        <v>1995093228.38975</v>
      </c>
      <c r="CM526" s="53">
        <v>1783883128.05335</v>
      </c>
      <c r="CN526" s="53">
        <v>1622171016.0487199</v>
      </c>
    </row>
    <row r="527" spans="1:92" outlineLevel="1">
      <c r="A527" s="52" t="s">
        <v>649</v>
      </c>
      <c r="B527" s="53"/>
      <c r="C527" s="53"/>
      <c r="D527" s="53"/>
      <c r="E527" s="53"/>
      <c r="F527" s="53"/>
      <c r="G527" s="53"/>
      <c r="H527" s="53"/>
      <c r="I527" s="53"/>
      <c r="J527" s="53"/>
      <c r="K527" s="53"/>
      <c r="L527" s="53"/>
      <c r="M527" s="53"/>
      <c r="N527" s="53"/>
      <c r="O527" s="53">
        <v>5013096.8596963696</v>
      </c>
      <c r="P527" s="53">
        <v>5555210.3775397604</v>
      </c>
      <c r="Q527" s="53">
        <v>5555524.5584273897</v>
      </c>
      <c r="R527" s="53">
        <v>5431716.3921988299</v>
      </c>
      <c r="S527" s="53">
        <v>5189537.2612710297</v>
      </c>
      <c r="T527" s="53">
        <v>4907708.7478258302</v>
      </c>
      <c r="U527" s="53">
        <v>4606329.0994005799</v>
      </c>
      <c r="V527" s="53">
        <v>4153713.06902237</v>
      </c>
      <c r="W527" s="53">
        <v>3721681.0060771699</v>
      </c>
      <c r="X527" s="53">
        <v>3471383.5274356701</v>
      </c>
      <c r="Y527" s="53">
        <v>3322072.6295619099</v>
      </c>
      <c r="Z527" s="53">
        <v>3252275.2802464501</v>
      </c>
      <c r="AA527" s="53">
        <v>54180248.808703303</v>
      </c>
      <c r="AB527" s="53">
        <v>2707743.54289325</v>
      </c>
      <c r="AC527" s="53">
        <v>2216740.5723132598</v>
      </c>
      <c r="AD527" s="53">
        <v>2145831.10314909</v>
      </c>
      <c r="AE527" s="53">
        <v>2001341.0413122501</v>
      </c>
      <c r="AF527" s="53">
        <v>1792499.8789852301</v>
      </c>
      <c r="AG527" s="53">
        <v>1548791.4373550499</v>
      </c>
      <c r="AH527" s="53">
        <v>1287093.81657022</v>
      </c>
      <c r="AI527" s="53">
        <v>913428.02266334102</v>
      </c>
      <c r="AJ527" s="53">
        <v>550883.628256639</v>
      </c>
      <c r="AK527" s="53">
        <v>336924.75249522401</v>
      </c>
      <c r="AL527" s="53">
        <v>197505.19884906599</v>
      </c>
      <c r="AM527" s="53">
        <v>103947.70962234</v>
      </c>
      <c r="AN527" s="53">
        <v>15802730.704464899</v>
      </c>
      <c r="AO527" s="53"/>
      <c r="AP527" s="53"/>
      <c r="AQ527" s="53"/>
      <c r="AR527" s="53"/>
      <c r="AS527" s="53"/>
      <c r="AT527" s="53"/>
      <c r="AU527" s="53"/>
      <c r="AV527" s="53"/>
      <c r="AW527" s="53"/>
      <c r="AX527" s="53"/>
      <c r="AY527" s="53"/>
      <c r="AZ527" s="53"/>
      <c r="BA527" s="53"/>
      <c r="BB527" s="53"/>
      <c r="BC527" s="53"/>
      <c r="BD527" s="53"/>
      <c r="BE527" s="53"/>
      <c r="BF527" s="53"/>
      <c r="BG527" s="53"/>
      <c r="BH527" s="53"/>
      <c r="BI527" s="53"/>
      <c r="BJ527" s="53"/>
      <c r="BK527" s="53"/>
      <c r="BL527" s="53"/>
      <c r="BM527" s="53"/>
      <c r="BN527" s="53"/>
      <c r="BO527" s="53"/>
      <c r="BP527" s="53"/>
      <c r="BQ527" s="53"/>
      <c r="BR527" s="53"/>
      <c r="BS527" s="53"/>
      <c r="BT527" s="53"/>
      <c r="BU527" s="53"/>
      <c r="BV527" s="53"/>
      <c r="BW527" s="53"/>
      <c r="BX527" s="53"/>
      <c r="BY527" s="53"/>
      <c r="BZ527" s="53"/>
      <c r="CA527" s="53"/>
      <c r="CB527" s="53"/>
      <c r="CC527" s="53"/>
      <c r="CD527" s="53"/>
      <c r="CE527" s="53"/>
      <c r="CF527" s="53"/>
      <c r="CG527" s="53"/>
      <c r="CH527" s="53"/>
      <c r="CI527" s="53"/>
      <c r="CJ527" s="53"/>
      <c r="CK527" s="53"/>
      <c r="CL527" s="53"/>
      <c r="CM527" s="53"/>
      <c r="CN527" s="53"/>
    </row>
    <row r="528" spans="1:92" outlineLevel="1">
      <c r="A528" s="52" t="s">
        <v>1329</v>
      </c>
      <c r="B528" s="53"/>
      <c r="C528" s="53"/>
      <c r="D528" s="53"/>
      <c r="E528" s="53"/>
      <c r="F528" s="53"/>
      <c r="G528" s="53"/>
      <c r="H528" s="53"/>
      <c r="I528" s="53"/>
      <c r="J528" s="53"/>
      <c r="K528" s="53"/>
      <c r="L528" s="53"/>
      <c r="M528" s="53"/>
      <c r="N528" s="53"/>
      <c r="O528" s="53"/>
      <c r="P528" s="53"/>
      <c r="Q528" s="53"/>
      <c r="R528" s="53"/>
      <c r="S528" s="53"/>
      <c r="T528" s="53"/>
      <c r="U528" s="53"/>
      <c r="V528" s="53"/>
      <c r="W528" s="53"/>
      <c r="X528" s="53"/>
      <c r="Y528" s="53"/>
      <c r="Z528" s="53"/>
      <c r="AA528" s="53"/>
      <c r="AB528" s="53"/>
      <c r="AC528" s="53"/>
      <c r="AD528" s="53"/>
      <c r="AE528" s="53"/>
      <c r="AF528" s="53"/>
      <c r="AG528" s="53"/>
      <c r="AH528" s="53"/>
      <c r="AI528" s="53"/>
      <c r="AJ528" s="53"/>
      <c r="AK528" s="53"/>
      <c r="AL528" s="53"/>
      <c r="AM528" s="53"/>
      <c r="AN528" s="53"/>
      <c r="AO528" s="53"/>
      <c r="AP528" s="53"/>
      <c r="AQ528" s="53"/>
      <c r="AR528" s="53"/>
      <c r="AS528" s="53"/>
      <c r="AT528" s="53"/>
      <c r="AU528" s="53"/>
      <c r="AV528" s="53"/>
      <c r="AW528" s="53"/>
      <c r="AX528" s="53"/>
      <c r="AY528" s="53"/>
      <c r="AZ528" s="53"/>
      <c r="BA528" s="53"/>
      <c r="BB528" s="53"/>
      <c r="BC528" s="53"/>
      <c r="BD528" s="53"/>
      <c r="BE528" s="53"/>
      <c r="BF528" s="53"/>
      <c r="BG528" s="53"/>
      <c r="BH528" s="53"/>
      <c r="BI528" s="53"/>
      <c r="BJ528" s="53"/>
      <c r="BK528" s="53"/>
      <c r="BL528" s="53"/>
      <c r="BM528" s="53"/>
      <c r="BN528" s="53"/>
      <c r="BO528" s="53"/>
      <c r="BP528" s="53"/>
      <c r="BQ528" s="53"/>
      <c r="BR528" s="53"/>
      <c r="BS528" s="53"/>
      <c r="BT528" s="53"/>
      <c r="BU528" s="53"/>
      <c r="BV528" s="53"/>
      <c r="BW528" s="53"/>
      <c r="BX528" s="53"/>
      <c r="BY528" s="53"/>
      <c r="BZ528" s="53"/>
      <c r="CA528" s="53"/>
      <c r="CB528" s="53"/>
      <c r="CC528" s="53"/>
      <c r="CD528" s="53"/>
      <c r="CE528" s="53"/>
      <c r="CF528" s="53"/>
      <c r="CG528" s="53"/>
      <c r="CH528" s="53"/>
      <c r="CI528" s="53"/>
      <c r="CJ528" s="53"/>
      <c r="CK528" s="53"/>
      <c r="CL528" s="53"/>
      <c r="CM528" s="53"/>
      <c r="CN528" s="53"/>
    </row>
    <row r="529" spans="1:92" outlineLevel="1">
      <c r="A529" s="52" t="s">
        <v>649</v>
      </c>
      <c r="B529" s="53">
        <v>-10284349.92</v>
      </c>
      <c r="C529" s="53">
        <v>-10305214.49</v>
      </c>
      <c r="D529" s="53">
        <v>-36470185.409999996</v>
      </c>
      <c r="E529" s="53">
        <v>-36470185.409999996</v>
      </c>
      <c r="F529" s="53">
        <v>-36470185.409999996</v>
      </c>
      <c r="G529" s="53">
        <v>-36470185.409999996</v>
      </c>
      <c r="H529" s="53">
        <v>-36470185.409999996</v>
      </c>
      <c r="I529" s="53">
        <v>-36470185.409999996</v>
      </c>
      <c r="J529" s="53">
        <v>-36470185.409999996</v>
      </c>
      <c r="K529" s="53">
        <v>-36470185.409999996</v>
      </c>
      <c r="L529" s="53">
        <v>-36470185.409999996</v>
      </c>
      <c r="M529" s="53">
        <v>-36470185.409999996</v>
      </c>
      <c r="N529" s="53">
        <v>-385291418.50999898</v>
      </c>
      <c r="O529" s="53">
        <v>-54809161.710606001</v>
      </c>
      <c r="P529" s="53">
        <v>-54809161.710606001</v>
      </c>
      <c r="Q529" s="53">
        <v>-54809161.710606001</v>
      </c>
      <c r="R529" s="53">
        <v>-54809161.710606001</v>
      </c>
      <c r="S529" s="53">
        <v>-54809161.710606001</v>
      </c>
      <c r="T529" s="53">
        <v>-54809161.710606001</v>
      </c>
      <c r="U529" s="53">
        <v>-54809161.710606001</v>
      </c>
      <c r="V529" s="53">
        <v>-54809161.710606001</v>
      </c>
      <c r="W529" s="53">
        <v>-54809161.710606001</v>
      </c>
      <c r="X529" s="53">
        <v>-54809161.710606001</v>
      </c>
      <c r="Y529" s="53">
        <v>-54809161.710606001</v>
      </c>
      <c r="Z529" s="53">
        <v>-54809161.710606001</v>
      </c>
      <c r="AA529" s="53">
        <v>-657709940.52727199</v>
      </c>
      <c r="AB529" s="53">
        <v>-62618959.027764902</v>
      </c>
      <c r="AC529" s="53">
        <v>-62618959.027764902</v>
      </c>
      <c r="AD529" s="53">
        <v>-62618959.027764902</v>
      </c>
      <c r="AE529" s="53">
        <v>-62618959.027764902</v>
      </c>
      <c r="AF529" s="53">
        <v>-62618959.027764902</v>
      </c>
      <c r="AG529" s="53">
        <v>-62618959.027764902</v>
      </c>
      <c r="AH529" s="53">
        <v>-62618959.027764902</v>
      </c>
      <c r="AI529" s="53">
        <v>-62618959.027764902</v>
      </c>
      <c r="AJ529" s="53">
        <v>-62618959.027764902</v>
      </c>
      <c r="AK529" s="53">
        <v>-62618959.027764902</v>
      </c>
      <c r="AL529" s="53">
        <v>-62618959.027764902</v>
      </c>
      <c r="AM529" s="53">
        <v>-62618959.027764902</v>
      </c>
      <c r="AN529" s="53">
        <v>-751427508.333179</v>
      </c>
      <c r="AO529" s="53">
        <v>-1316931.46833687</v>
      </c>
      <c r="AP529" s="53">
        <v>-1316931.46833687</v>
      </c>
      <c r="AQ529" s="53">
        <v>-1316931.46833687</v>
      </c>
      <c r="AR529" s="53">
        <v>-1316931.46833687</v>
      </c>
      <c r="AS529" s="53">
        <v>-1316931.46833687</v>
      </c>
      <c r="AT529" s="53">
        <v>-1316931.46833687</v>
      </c>
      <c r="AU529" s="53">
        <v>-1316931.46833687</v>
      </c>
      <c r="AV529" s="53">
        <v>-1316931.46833687</v>
      </c>
      <c r="AW529" s="53">
        <v>-1316931.46833687</v>
      </c>
      <c r="AX529" s="53">
        <v>-1316931.46833687</v>
      </c>
      <c r="AY529" s="53">
        <v>-1316931.46833687</v>
      </c>
      <c r="AZ529" s="53">
        <v>-1316931.46833687</v>
      </c>
      <c r="BA529" s="53">
        <v>-15803177.620042499</v>
      </c>
      <c r="BB529" s="53">
        <v>6.0192389052341798E-3</v>
      </c>
      <c r="BC529" s="53">
        <v>6.0192389052341798E-3</v>
      </c>
      <c r="BD529" s="53">
        <v>6.0192389052341798E-3</v>
      </c>
      <c r="BE529" s="53">
        <v>6.0192389052341798E-3</v>
      </c>
      <c r="BF529" s="53">
        <v>6.0192389052341798E-3</v>
      </c>
      <c r="BG529" s="53">
        <v>6.0192389052341798E-3</v>
      </c>
      <c r="BH529" s="53">
        <v>6.0192389052341798E-3</v>
      </c>
      <c r="BI529" s="53">
        <v>6.0192389052341798E-3</v>
      </c>
      <c r="BJ529" s="53">
        <v>6.0192389052341798E-3</v>
      </c>
      <c r="BK529" s="53">
        <v>6.0192389052341798E-3</v>
      </c>
      <c r="BL529" s="53">
        <v>6.0192389052341798E-3</v>
      </c>
      <c r="BM529" s="53">
        <v>6.0192389052341798E-3</v>
      </c>
      <c r="BN529" s="53">
        <v>7.2230866862810203E-2</v>
      </c>
      <c r="BO529" s="53">
        <v>1.84326218636164E-2</v>
      </c>
      <c r="BP529" s="53">
        <v>1.84326218636164E-2</v>
      </c>
      <c r="BQ529" s="53">
        <v>1.84326218636164E-2</v>
      </c>
      <c r="BR529" s="53">
        <v>1.84326218636164E-2</v>
      </c>
      <c r="BS529" s="53">
        <v>1.84326218636164E-2</v>
      </c>
      <c r="BT529" s="53">
        <v>1.84326218636164E-2</v>
      </c>
      <c r="BU529" s="53">
        <v>1.84326218636164E-2</v>
      </c>
      <c r="BV529" s="53">
        <v>1.84326218636164E-2</v>
      </c>
      <c r="BW529" s="53">
        <v>1.84326218636164E-2</v>
      </c>
      <c r="BX529" s="53">
        <v>1.84326218636164E-2</v>
      </c>
      <c r="BY529" s="53">
        <v>1.84326218636164E-2</v>
      </c>
      <c r="BZ529" s="53">
        <v>1.84326218636164E-2</v>
      </c>
      <c r="CA529" s="53">
        <v>0.22119146236339701</v>
      </c>
      <c r="CB529" s="53"/>
      <c r="CC529" s="53"/>
      <c r="CD529" s="53"/>
      <c r="CE529" s="53"/>
      <c r="CF529" s="53"/>
      <c r="CG529" s="53"/>
      <c r="CH529" s="53"/>
      <c r="CI529" s="53"/>
      <c r="CJ529" s="53"/>
      <c r="CK529" s="53"/>
      <c r="CL529" s="53"/>
      <c r="CM529" s="53"/>
      <c r="CN529" s="53"/>
    </row>
    <row r="530" spans="1:92" outlineLevel="1">
      <c r="A530" s="52" t="s">
        <v>683</v>
      </c>
      <c r="B530" s="53"/>
      <c r="C530" s="53"/>
      <c r="D530" s="53"/>
      <c r="E530" s="53"/>
      <c r="F530" s="53"/>
      <c r="G530" s="53"/>
      <c r="H530" s="53"/>
      <c r="I530" s="53"/>
      <c r="J530" s="53"/>
      <c r="K530" s="53"/>
      <c r="L530" s="53"/>
      <c r="M530" s="53"/>
      <c r="N530" s="53"/>
      <c r="O530" s="53"/>
      <c r="P530" s="53"/>
      <c r="Q530" s="53"/>
      <c r="R530" s="53"/>
      <c r="S530" s="53"/>
      <c r="T530" s="53"/>
      <c r="U530" s="53"/>
      <c r="V530" s="53"/>
      <c r="W530" s="53"/>
      <c r="X530" s="53"/>
      <c r="Y530" s="53"/>
      <c r="Z530" s="53"/>
      <c r="AA530" s="53"/>
      <c r="AB530" s="53"/>
      <c r="AC530" s="53"/>
      <c r="AD530" s="53"/>
      <c r="AE530" s="53"/>
      <c r="AF530" s="53"/>
      <c r="AG530" s="53"/>
      <c r="AH530" s="53"/>
      <c r="AI530" s="53"/>
      <c r="AJ530" s="53"/>
      <c r="AK530" s="53"/>
      <c r="AL530" s="53"/>
      <c r="AM530" s="53"/>
      <c r="AN530" s="53"/>
      <c r="AO530" s="53"/>
      <c r="AP530" s="53"/>
      <c r="AQ530" s="53"/>
      <c r="AR530" s="53"/>
      <c r="AS530" s="53"/>
      <c r="AT530" s="53"/>
      <c r="AU530" s="53"/>
      <c r="AV530" s="53"/>
      <c r="AW530" s="53"/>
      <c r="AX530" s="53"/>
      <c r="AY530" s="53"/>
      <c r="AZ530" s="53"/>
      <c r="BA530" s="53"/>
      <c r="BB530" s="53"/>
      <c r="BC530" s="53"/>
      <c r="BD530" s="53"/>
      <c r="BE530" s="53"/>
      <c r="BF530" s="53"/>
      <c r="BG530" s="53"/>
      <c r="BH530" s="53"/>
      <c r="BI530" s="53"/>
      <c r="BJ530" s="53"/>
      <c r="BK530" s="53"/>
      <c r="BL530" s="53"/>
      <c r="BM530" s="53"/>
      <c r="BN530" s="53"/>
      <c r="BO530" s="53"/>
      <c r="BP530" s="53"/>
      <c r="BQ530" s="53"/>
      <c r="BR530" s="53"/>
      <c r="BS530" s="53"/>
      <c r="BT530" s="53"/>
      <c r="BU530" s="53"/>
      <c r="BV530" s="53"/>
      <c r="BW530" s="53"/>
      <c r="BX530" s="53"/>
      <c r="BY530" s="53"/>
      <c r="BZ530" s="53"/>
      <c r="CA530" s="53"/>
      <c r="CB530" s="53">
        <v>21254161.065839998</v>
      </c>
      <c r="CC530" s="53">
        <v>21286116.458955899</v>
      </c>
      <c r="CD530" s="53">
        <v>21318066.0187613</v>
      </c>
      <c r="CE530" s="53">
        <v>21350010.125275701</v>
      </c>
      <c r="CF530" s="53">
        <v>21381949.1337623</v>
      </c>
      <c r="CG530" s="53">
        <v>21413883.376339801</v>
      </c>
      <c r="CH530" s="53">
        <v>21445813.163490798</v>
      </c>
      <c r="CI530" s="53">
        <v>21476143.382071599</v>
      </c>
      <c r="CJ530" s="53">
        <v>21506469.706827801</v>
      </c>
      <c r="CK530" s="53">
        <v>21536792.391428601</v>
      </c>
      <c r="CL530" s="53">
        <v>21567111.673017301</v>
      </c>
      <c r="CM530" s="53">
        <v>21597427.7732885</v>
      </c>
      <c r="CN530" s="53">
        <v>257133944.26905999</v>
      </c>
    </row>
    <row r="531" spans="1:92" outlineLevel="1">
      <c r="A531" s="52" t="s">
        <v>1318</v>
      </c>
      <c r="B531" s="53"/>
      <c r="C531" s="53"/>
      <c r="D531" s="53"/>
      <c r="E531" s="53"/>
      <c r="F531" s="53"/>
      <c r="G531" s="53"/>
      <c r="H531" s="53"/>
      <c r="I531" s="53"/>
      <c r="J531" s="53"/>
      <c r="K531" s="53"/>
      <c r="L531" s="53"/>
      <c r="M531" s="53"/>
      <c r="N531" s="53"/>
      <c r="O531" s="53"/>
      <c r="P531" s="53"/>
      <c r="Q531" s="53"/>
      <c r="R531" s="53"/>
      <c r="S531" s="53"/>
      <c r="T531" s="53"/>
      <c r="U531" s="53"/>
      <c r="V531" s="53"/>
      <c r="W531" s="53"/>
      <c r="X531" s="53"/>
      <c r="Y531" s="53"/>
      <c r="Z531" s="53"/>
      <c r="AA531" s="53"/>
      <c r="AB531" s="53"/>
      <c r="AC531" s="53"/>
      <c r="AD531" s="53"/>
      <c r="AE531" s="53"/>
      <c r="AF531" s="53"/>
      <c r="AG531" s="53"/>
      <c r="AH531" s="53"/>
      <c r="AI531" s="53"/>
      <c r="AJ531" s="53"/>
      <c r="AK531" s="53"/>
      <c r="AL531" s="53"/>
      <c r="AM531" s="53"/>
      <c r="AN531" s="53"/>
      <c r="AO531" s="53"/>
      <c r="AP531" s="53"/>
      <c r="AQ531" s="53"/>
      <c r="AR531" s="53"/>
      <c r="AS531" s="53"/>
      <c r="AT531" s="53"/>
      <c r="AU531" s="53"/>
      <c r="AV531" s="53"/>
      <c r="AW531" s="53"/>
      <c r="AX531" s="53"/>
      <c r="AY531" s="53"/>
      <c r="AZ531" s="53"/>
      <c r="BA531" s="53"/>
      <c r="BB531" s="53"/>
      <c r="BC531" s="53"/>
      <c r="BD531" s="53"/>
      <c r="BE531" s="53"/>
      <c r="BF531" s="53"/>
      <c r="BG531" s="53"/>
      <c r="BH531" s="53"/>
      <c r="BI531" s="53"/>
      <c r="BJ531" s="53"/>
      <c r="BK531" s="53"/>
      <c r="BL531" s="53"/>
      <c r="BM531" s="53"/>
      <c r="BN531" s="53"/>
      <c r="BO531" s="53"/>
      <c r="BP531" s="53"/>
      <c r="BQ531" s="53"/>
      <c r="BR531" s="53"/>
      <c r="BS531" s="53"/>
      <c r="BT531" s="53"/>
      <c r="BU531" s="53"/>
      <c r="BV531" s="53"/>
      <c r="BW531" s="53"/>
      <c r="BX531" s="53"/>
      <c r="BY531" s="53"/>
      <c r="BZ531" s="53"/>
      <c r="CA531" s="53"/>
      <c r="CB531" s="53">
        <v>1833.3333333333301</v>
      </c>
      <c r="CC531" s="53">
        <v>1833.3333333333301</v>
      </c>
      <c r="CD531" s="53">
        <v>1833.3333333333301</v>
      </c>
      <c r="CE531" s="53">
        <v>1833.3333333333301</v>
      </c>
      <c r="CF531" s="53">
        <v>1833.3333333333301</v>
      </c>
      <c r="CG531" s="53">
        <v>1833.3333333333301</v>
      </c>
      <c r="CH531" s="53">
        <v>1833.3333333333301</v>
      </c>
      <c r="CI531" s="53">
        <v>1833.3333333333301</v>
      </c>
      <c r="CJ531" s="53">
        <v>1833.3333333333301</v>
      </c>
      <c r="CK531" s="53">
        <v>1833.3333333333301</v>
      </c>
      <c r="CL531" s="53">
        <v>1833.3333333333301</v>
      </c>
      <c r="CM531" s="53">
        <v>1833.3333333333301</v>
      </c>
      <c r="CN531" s="53">
        <v>21999.999999999902</v>
      </c>
    </row>
    <row r="532" spans="1:92" outlineLevel="1">
      <c r="A532" s="52" t="s">
        <v>649</v>
      </c>
      <c r="B532" s="53"/>
      <c r="C532" s="53"/>
      <c r="D532" s="53"/>
      <c r="E532" s="53"/>
      <c r="F532" s="53"/>
      <c r="G532" s="53"/>
      <c r="H532" s="53"/>
      <c r="I532" s="53"/>
      <c r="J532" s="53"/>
      <c r="K532" s="53"/>
      <c r="L532" s="53"/>
      <c r="M532" s="53"/>
      <c r="N532" s="53"/>
      <c r="O532" s="53"/>
      <c r="P532" s="53">
        <v>25367963.0173834</v>
      </c>
      <c r="Q532" s="53"/>
      <c r="R532" s="53"/>
      <c r="S532" s="53"/>
      <c r="T532" s="53"/>
      <c r="U532" s="53"/>
      <c r="V532" s="53"/>
      <c r="W532" s="53"/>
      <c r="X532" s="53"/>
      <c r="Y532" s="53"/>
      <c r="Z532" s="53"/>
      <c r="AA532" s="53">
        <v>25367963.0173834</v>
      </c>
      <c r="AB532" s="53"/>
      <c r="AC532" s="53">
        <v>27921834.385187902</v>
      </c>
      <c r="AD532" s="53"/>
      <c r="AE532" s="53"/>
      <c r="AF532" s="53"/>
      <c r="AG532" s="53"/>
      <c r="AH532" s="53"/>
      <c r="AI532" s="53"/>
      <c r="AJ532" s="53"/>
      <c r="AK532" s="53"/>
      <c r="AL532" s="53"/>
      <c r="AM532" s="53"/>
      <c r="AN532" s="53">
        <v>27921834.385187902</v>
      </c>
      <c r="AO532" s="53"/>
      <c r="AP532" s="53">
        <v>29171487.1500418</v>
      </c>
      <c r="AQ532" s="53"/>
      <c r="AR532" s="53"/>
      <c r="AS532" s="53"/>
      <c r="AT532" s="53"/>
      <c r="AU532" s="53"/>
      <c r="AV532" s="53"/>
      <c r="AW532" s="53"/>
      <c r="AX532" s="53"/>
      <c r="AY532" s="53"/>
      <c r="AZ532" s="53"/>
      <c r="BA532" s="53">
        <v>29171487.1500418</v>
      </c>
      <c r="BB532" s="53"/>
      <c r="BC532" s="53">
        <v>30207874.1107684</v>
      </c>
      <c r="BD532" s="53"/>
      <c r="BE532" s="53"/>
      <c r="BF532" s="53"/>
      <c r="BG532" s="53"/>
      <c r="BH532" s="53"/>
      <c r="BI532" s="53"/>
      <c r="BJ532" s="53"/>
      <c r="BK532" s="53"/>
      <c r="BL532" s="53"/>
      <c r="BM532" s="53"/>
      <c r="BN532" s="53">
        <v>30207874.1107684</v>
      </c>
      <c r="BO532" s="53"/>
      <c r="BP532" s="53">
        <v>31289500.738571301</v>
      </c>
      <c r="BQ532" s="53"/>
      <c r="BR532" s="53"/>
      <c r="BS532" s="53"/>
      <c r="BT532" s="53"/>
      <c r="BU532" s="53"/>
      <c r="BV532" s="53"/>
      <c r="BW532" s="53"/>
      <c r="BX532" s="53"/>
      <c r="BY532" s="53"/>
      <c r="BZ532" s="53"/>
      <c r="CA532" s="53">
        <v>31289500.738571301</v>
      </c>
      <c r="CB532" s="53"/>
      <c r="CC532" s="53"/>
      <c r="CD532" s="53"/>
      <c r="CE532" s="53"/>
      <c r="CF532" s="53"/>
      <c r="CG532" s="53"/>
      <c r="CH532" s="53"/>
      <c r="CI532" s="53"/>
      <c r="CJ532" s="53"/>
      <c r="CK532" s="53"/>
      <c r="CL532" s="53"/>
      <c r="CM532" s="53"/>
      <c r="CN532" s="53"/>
    </row>
    <row r="533" spans="1:92" outlineLevel="1">
      <c r="A533" s="52" t="s">
        <v>672</v>
      </c>
      <c r="B533" s="53"/>
      <c r="C533" s="53"/>
      <c r="D533" s="53"/>
      <c r="E533" s="53"/>
      <c r="F533" s="53"/>
      <c r="G533" s="53"/>
      <c r="H533" s="53"/>
      <c r="I533" s="53"/>
      <c r="J533" s="53"/>
      <c r="K533" s="53"/>
      <c r="L533" s="53"/>
      <c r="M533" s="53"/>
      <c r="N533" s="53"/>
      <c r="O533" s="53"/>
      <c r="P533" s="53"/>
      <c r="Q533" s="53"/>
      <c r="R533" s="53"/>
      <c r="S533" s="53"/>
      <c r="T533" s="53"/>
      <c r="U533" s="53"/>
      <c r="V533" s="53"/>
      <c r="W533" s="53"/>
      <c r="X533" s="53"/>
      <c r="Y533" s="53"/>
      <c r="Z533" s="53"/>
      <c r="AA533" s="53"/>
      <c r="AB533" s="53"/>
      <c r="AC533" s="53"/>
      <c r="AD533" s="53"/>
      <c r="AE533" s="53"/>
      <c r="AF533" s="53"/>
      <c r="AG533" s="53"/>
      <c r="AH533" s="53"/>
      <c r="AI533" s="53"/>
      <c r="AJ533" s="53"/>
      <c r="AK533" s="53"/>
      <c r="AL533" s="53"/>
      <c r="AM533" s="53"/>
      <c r="AN533" s="53"/>
      <c r="AO533" s="53"/>
      <c r="AP533" s="53"/>
      <c r="AQ533" s="53"/>
      <c r="AR533" s="53"/>
      <c r="AS533" s="53"/>
      <c r="AT533" s="53"/>
      <c r="AU533" s="53"/>
      <c r="AV533" s="53"/>
      <c r="AW533" s="53"/>
      <c r="AX533" s="53"/>
      <c r="AY533" s="53"/>
      <c r="AZ533" s="53"/>
      <c r="BA533" s="53"/>
      <c r="BB533" s="53"/>
      <c r="BC533" s="53"/>
      <c r="BD533" s="53"/>
      <c r="BE533" s="53"/>
      <c r="BF533" s="53"/>
      <c r="BG533" s="53"/>
      <c r="BH533" s="53"/>
      <c r="BI533" s="53"/>
      <c r="BJ533" s="53"/>
      <c r="BK533" s="53"/>
      <c r="BL533" s="53"/>
      <c r="BM533" s="53"/>
      <c r="BN533" s="53"/>
      <c r="BO533" s="53"/>
      <c r="BP533" s="53"/>
      <c r="BQ533" s="53"/>
      <c r="BR533" s="53"/>
      <c r="BS533" s="53"/>
      <c r="BT533" s="53"/>
      <c r="BU533" s="53"/>
      <c r="BV533" s="53"/>
      <c r="BW533" s="53"/>
      <c r="BX533" s="53"/>
      <c r="BY533" s="53"/>
      <c r="BZ533" s="53"/>
      <c r="CA533" s="53"/>
      <c r="CB533" s="53">
        <v>39172191.647821598</v>
      </c>
      <c r="CC533" s="53">
        <v>37120436.172720999</v>
      </c>
      <c r="CD533" s="53">
        <v>41729687.256265096</v>
      </c>
      <c r="CE533" s="53">
        <v>44963751.630124196</v>
      </c>
      <c r="CF533" s="53">
        <v>52001613.339596398</v>
      </c>
      <c r="CG533" s="53">
        <v>52781799.537151396</v>
      </c>
      <c r="CH533" s="53">
        <v>55214035.1206761</v>
      </c>
      <c r="CI533" s="53">
        <v>55382146.911830097</v>
      </c>
      <c r="CJ533" s="53">
        <v>52001064.229654297</v>
      </c>
      <c r="CK533" s="53">
        <v>48849395.438257702</v>
      </c>
      <c r="CL533" s="53">
        <v>41225124.776690401</v>
      </c>
      <c r="CM533" s="53">
        <v>40502668.778627299</v>
      </c>
      <c r="CN533" s="53">
        <v>560943914.83941603</v>
      </c>
    </row>
    <row r="534" spans="1:92" outlineLevel="1">
      <c r="A534" s="52" t="s">
        <v>683</v>
      </c>
      <c r="B534" s="53"/>
      <c r="C534" s="53"/>
      <c r="D534" s="53"/>
      <c r="E534" s="53"/>
      <c r="F534" s="53"/>
      <c r="G534" s="53"/>
      <c r="H534" s="53"/>
      <c r="I534" s="53"/>
      <c r="J534" s="53"/>
      <c r="K534" s="53"/>
      <c r="L534" s="53"/>
      <c r="M534" s="53"/>
      <c r="N534" s="53"/>
      <c r="O534" s="53"/>
      <c r="P534" s="53"/>
      <c r="Q534" s="53"/>
      <c r="R534" s="53"/>
      <c r="S534" s="53"/>
      <c r="T534" s="53"/>
      <c r="U534" s="53"/>
      <c r="V534" s="53"/>
      <c r="W534" s="53"/>
      <c r="X534" s="53"/>
      <c r="Y534" s="53"/>
      <c r="Z534" s="53"/>
      <c r="AA534" s="53"/>
      <c r="AB534" s="53"/>
      <c r="AC534" s="53"/>
      <c r="AD534" s="53"/>
      <c r="AE534" s="53"/>
      <c r="AF534" s="53"/>
      <c r="AG534" s="53"/>
      <c r="AH534" s="53"/>
      <c r="AI534" s="53"/>
      <c r="AJ534" s="53"/>
      <c r="AK534" s="53"/>
      <c r="AL534" s="53"/>
      <c r="AM534" s="53"/>
      <c r="AN534" s="53"/>
      <c r="AO534" s="53"/>
      <c r="AP534" s="53"/>
      <c r="AQ534" s="53"/>
      <c r="AR534" s="53"/>
      <c r="AS534" s="53"/>
      <c r="AT534" s="53"/>
      <c r="AU534" s="53"/>
      <c r="AV534" s="53"/>
      <c r="AW534" s="53"/>
      <c r="AX534" s="53"/>
      <c r="AY534" s="53"/>
      <c r="AZ534" s="53"/>
      <c r="BA534" s="53"/>
      <c r="BB534" s="53"/>
      <c r="BC534" s="53"/>
      <c r="BD534" s="53"/>
      <c r="BE534" s="53"/>
      <c r="BF534" s="53"/>
      <c r="BG534" s="53"/>
      <c r="BH534" s="53"/>
      <c r="BI534" s="53"/>
      <c r="BJ534" s="53"/>
      <c r="BK534" s="53"/>
      <c r="BL534" s="53"/>
      <c r="BM534" s="53"/>
      <c r="BN534" s="53"/>
      <c r="BO534" s="53"/>
      <c r="BP534" s="53"/>
      <c r="BQ534" s="53"/>
      <c r="BR534" s="53"/>
      <c r="BS534" s="53"/>
      <c r="BT534" s="53"/>
      <c r="BU534" s="53"/>
      <c r="BV534" s="53"/>
      <c r="BW534" s="53"/>
      <c r="BX534" s="53"/>
      <c r="BY534" s="53"/>
      <c r="BZ534" s="53"/>
      <c r="CA534" s="53"/>
      <c r="CB534" s="53">
        <v>8714024.7677525897</v>
      </c>
      <c r="CC534" s="53">
        <v>9096889.2812252697</v>
      </c>
      <c r="CD534" s="53">
        <v>9131906.6828210391</v>
      </c>
      <c r="CE534" s="53">
        <v>9392303.5764389206</v>
      </c>
      <c r="CF534" s="53">
        <v>10438544.7236438</v>
      </c>
      <c r="CG534" s="53">
        <v>9598753.8507946208</v>
      </c>
      <c r="CH534" s="53">
        <v>9576201.1355389096</v>
      </c>
      <c r="CI534" s="53">
        <v>10155789.5646096</v>
      </c>
      <c r="CJ534" s="53">
        <v>10092406.7807064</v>
      </c>
      <c r="CK534" s="53">
        <v>9908738.9421077594</v>
      </c>
      <c r="CL534" s="53">
        <v>10260016.739757899</v>
      </c>
      <c r="CM534" s="53">
        <v>9321967.4213715401</v>
      </c>
      <c r="CN534" s="53">
        <v>115687543.466768</v>
      </c>
    </row>
    <row r="535" spans="1:92" outlineLevel="1">
      <c r="A535" s="52" t="s">
        <v>1319</v>
      </c>
      <c r="B535" s="53"/>
      <c r="C535" s="53"/>
      <c r="D535" s="53"/>
      <c r="E535" s="53"/>
      <c r="F535" s="53"/>
      <c r="G535" s="53"/>
      <c r="H535" s="53"/>
      <c r="I535" s="53"/>
      <c r="J535" s="53"/>
      <c r="K535" s="53"/>
      <c r="L535" s="53"/>
      <c r="M535" s="53"/>
      <c r="N535" s="53"/>
      <c r="O535" s="53"/>
      <c r="P535" s="53"/>
      <c r="Q535" s="53"/>
      <c r="R535" s="53"/>
      <c r="S535" s="53"/>
      <c r="T535" s="53"/>
      <c r="U535" s="53"/>
      <c r="V535" s="53"/>
      <c r="W535" s="53"/>
      <c r="X535" s="53"/>
      <c r="Y535" s="53"/>
      <c r="Z535" s="53"/>
      <c r="AA535" s="53"/>
      <c r="AB535" s="53"/>
      <c r="AC535" s="53"/>
      <c r="AD535" s="53"/>
      <c r="AE535" s="53"/>
      <c r="AF535" s="53"/>
      <c r="AG535" s="53"/>
      <c r="AH535" s="53"/>
      <c r="AI535" s="53"/>
      <c r="AJ535" s="53"/>
      <c r="AK535" s="53"/>
      <c r="AL535" s="53"/>
      <c r="AM535" s="53"/>
      <c r="AN535" s="53"/>
      <c r="AO535" s="53"/>
      <c r="AP535" s="53"/>
      <c r="AQ535" s="53"/>
      <c r="AR535" s="53"/>
      <c r="AS535" s="53"/>
      <c r="AT535" s="53"/>
      <c r="AU535" s="53"/>
      <c r="AV535" s="53"/>
      <c r="AW535" s="53"/>
      <c r="AX535" s="53"/>
      <c r="AY535" s="53"/>
      <c r="AZ535" s="53"/>
      <c r="BA535" s="53"/>
      <c r="BB535" s="53"/>
      <c r="BC535" s="53"/>
      <c r="BD535" s="53"/>
      <c r="BE535" s="53"/>
      <c r="BF535" s="53"/>
      <c r="BG535" s="53"/>
      <c r="BH535" s="53"/>
      <c r="BI535" s="53"/>
      <c r="BJ535" s="53"/>
      <c r="BK535" s="53"/>
      <c r="BL535" s="53"/>
      <c r="BM535" s="53"/>
      <c r="BN535" s="53"/>
      <c r="BO535" s="53"/>
      <c r="BP535" s="53"/>
      <c r="BQ535" s="53"/>
      <c r="BR535" s="53"/>
      <c r="BS535" s="53"/>
      <c r="BT535" s="53"/>
      <c r="BU535" s="53"/>
      <c r="BV535" s="53"/>
      <c r="BW535" s="53"/>
      <c r="BX535" s="53"/>
      <c r="BY535" s="53"/>
      <c r="BZ535" s="53"/>
      <c r="CA535" s="53"/>
      <c r="CB535" s="53">
        <v>51369.702245102497</v>
      </c>
      <c r="CC535" s="53">
        <v>51386.970557654196</v>
      </c>
      <c r="CD535" s="53">
        <v>51420.180703288999</v>
      </c>
      <c r="CE535" s="53">
        <v>52201.291449996403</v>
      </c>
      <c r="CF535" s="53">
        <v>51986.809637269398</v>
      </c>
      <c r="CG535" s="53">
        <v>51912.416886563602</v>
      </c>
      <c r="CH535" s="53">
        <v>51822.556415999999</v>
      </c>
      <c r="CI535" s="53">
        <v>51893.282426558901</v>
      </c>
      <c r="CJ535" s="53">
        <v>51873.712049761598</v>
      </c>
      <c r="CK535" s="53">
        <v>52040.534968280801</v>
      </c>
      <c r="CL535" s="53">
        <v>52020.477776157</v>
      </c>
      <c r="CM535" s="53">
        <v>52039.5775398853</v>
      </c>
      <c r="CN535" s="53">
        <v>621967.51265651896</v>
      </c>
    </row>
    <row r="536" spans="1:92" outlineLevel="1">
      <c r="A536" s="52" t="s">
        <v>649</v>
      </c>
      <c r="B536" s="53"/>
      <c r="C536" s="53"/>
      <c r="D536" s="53"/>
      <c r="E536" s="53"/>
      <c r="F536" s="53"/>
      <c r="G536" s="53"/>
      <c r="H536" s="53"/>
      <c r="I536" s="53"/>
      <c r="J536" s="53"/>
      <c r="K536" s="53"/>
      <c r="L536" s="53"/>
      <c r="M536" s="53"/>
      <c r="N536" s="53"/>
      <c r="O536" s="53">
        <v>-2113996.9181152801</v>
      </c>
      <c r="P536" s="53">
        <v>-2113996.9181152801</v>
      </c>
      <c r="Q536" s="53">
        <v>-2113996.9181152801</v>
      </c>
      <c r="R536" s="53">
        <v>-2113996.9181152801</v>
      </c>
      <c r="S536" s="53">
        <v>-2113996.9181152801</v>
      </c>
      <c r="T536" s="53">
        <v>-2113996.9181152801</v>
      </c>
      <c r="U536" s="53">
        <v>-2113996.9181152801</v>
      </c>
      <c r="V536" s="53">
        <v>-2113996.9181152801</v>
      </c>
      <c r="W536" s="53">
        <v>-2113996.9181152801</v>
      </c>
      <c r="X536" s="53">
        <v>-2113996.9181152801</v>
      </c>
      <c r="Y536" s="53">
        <v>-2113996.9181152801</v>
      </c>
      <c r="Z536" s="53">
        <v>-2113996.9181152801</v>
      </c>
      <c r="AA536" s="53">
        <v>-25367963.0173834</v>
      </c>
      <c r="AB536" s="53">
        <v>-2326819.5320989899</v>
      </c>
      <c r="AC536" s="53">
        <v>-2326819.5320989899</v>
      </c>
      <c r="AD536" s="53">
        <v>-2326819.5320989899</v>
      </c>
      <c r="AE536" s="53">
        <v>-2326819.5320989899</v>
      </c>
      <c r="AF536" s="53">
        <v>-2326819.5320989899</v>
      </c>
      <c r="AG536" s="53">
        <v>-2326819.5320989899</v>
      </c>
      <c r="AH536" s="53">
        <v>-2326819.5320989899</v>
      </c>
      <c r="AI536" s="53">
        <v>-2326819.5320989899</v>
      </c>
      <c r="AJ536" s="53">
        <v>-2326819.5320989899</v>
      </c>
      <c r="AK536" s="53">
        <v>-2326819.5320989899</v>
      </c>
      <c r="AL536" s="53">
        <v>-2326819.5320989899</v>
      </c>
      <c r="AM536" s="53">
        <v>-2326819.5320989899</v>
      </c>
      <c r="AN536" s="53">
        <v>-27921834.385187902</v>
      </c>
      <c r="AO536" s="53">
        <v>-2430957.2625034801</v>
      </c>
      <c r="AP536" s="53">
        <v>-2430957.2625034801</v>
      </c>
      <c r="AQ536" s="53">
        <v>-2430957.2625034801</v>
      </c>
      <c r="AR536" s="53">
        <v>-2430957.2625034801</v>
      </c>
      <c r="AS536" s="53">
        <v>-2430957.2625034801</v>
      </c>
      <c r="AT536" s="53">
        <v>-2430957.2625034801</v>
      </c>
      <c r="AU536" s="53">
        <v>-2430957.2625034801</v>
      </c>
      <c r="AV536" s="53">
        <v>-2430957.2625034801</v>
      </c>
      <c r="AW536" s="53">
        <v>-2430957.2625034801</v>
      </c>
      <c r="AX536" s="53">
        <v>-2430957.2625034801</v>
      </c>
      <c r="AY536" s="53">
        <v>-2430957.2625034801</v>
      </c>
      <c r="AZ536" s="53">
        <v>-2430957.2625034801</v>
      </c>
      <c r="BA536" s="53">
        <v>-29171487.1500418</v>
      </c>
      <c r="BB536" s="53">
        <v>-2517322.8425640301</v>
      </c>
      <c r="BC536" s="53">
        <v>-2517322.8425640301</v>
      </c>
      <c r="BD536" s="53">
        <v>-2517322.8425640301</v>
      </c>
      <c r="BE536" s="53">
        <v>-2517322.8425640301</v>
      </c>
      <c r="BF536" s="53">
        <v>-2517322.8425640301</v>
      </c>
      <c r="BG536" s="53">
        <v>-2517322.8425640301</v>
      </c>
      <c r="BH536" s="53">
        <v>-2517322.8425640301</v>
      </c>
      <c r="BI536" s="53">
        <v>-2517322.8425640301</v>
      </c>
      <c r="BJ536" s="53">
        <v>-2517322.8425640301</v>
      </c>
      <c r="BK536" s="53">
        <v>-2517322.8425640301</v>
      </c>
      <c r="BL536" s="53">
        <v>-2517322.8425640301</v>
      </c>
      <c r="BM536" s="53">
        <v>-2517322.8425640301</v>
      </c>
      <c r="BN536" s="53">
        <v>-30207874.1107684</v>
      </c>
      <c r="BO536" s="53">
        <v>-2607458.39488095</v>
      </c>
      <c r="BP536" s="53">
        <v>-2607458.39488095</v>
      </c>
      <c r="BQ536" s="53">
        <v>-2607458.39488095</v>
      </c>
      <c r="BR536" s="53">
        <v>-2607458.39488095</v>
      </c>
      <c r="BS536" s="53">
        <v>-2607458.39488095</v>
      </c>
      <c r="BT536" s="53">
        <v>-2607458.39488095</v>
      </c>
      <c r="BU536" s="53">
        <v>-2607458.39488095</v>
      </c>
      <c r="BV536" s="53">
        <v>-2607458.39488095</v>
      </c>
      <c r="BW536" s="53">
        <v>-2607458.39488095</v>
      </c>
      <c r="BX536" s="53">
        <v>-2607458.39488095</v>
      </c>
      <c r="BY536" s="53">
        <v>-2607458.39488095</v>
      </c>
      <c r="BZ536" s="53">
        <v>-2607458.39488095</v>
      </c>
      <c r="CA536" s="53">
        <v>-31289500.738571301</v>
      </c>
      <c r="CB536" s="53">
        <v>10150638.584728301</v>
      </c>
      <c r="CC536" s="53">
        <v>10582833.755070001</v>
      </c>
      <c r="CD536" s="53">
        <v>10861946.3800245</v>
      </c>
      <c r="CE536" s="53">
        <v>11545671.1524942</v>
      </c>
      <c r="CF536" s="53">
        <v>12964757.1547729</v>
      </c>
      <c r="CG536" s="53">
        <v>12939176.5556027</v>
      </c>
      <c r="CH536" s="53">
        <v>12926718.042371299</v>
      </c>
      <c r="CI536" s="53">
        <v>11484898.8053078</v>
      </c>
      <c r="CJ536" s="53">
        <v>13319820.4179636</v>
      </c>
      <c r="CK536" s="53">
        <v>12365817.783599099</v>
      </c>
      <c r="CL536" s="53">
        <v>11031067.952532001</v>
      </c>
      <c r="CM536" s="53">
        <v>10620230.8340613</v>
      </c>
      <c r="CN536" s="53">
        <v>140793577.41852799</v>
      </c>
    </row>
    <row r="537" spans="1:92" outlineLevel="1">
      <c r="A537" s="59" t="s">
        <v>1343</v>
      </c>
      <c r="B537" s="53">
        <v>22932426.829999998</v>
      </c>
      <c r="C537" s="53">
        <v>20339374.32</v>
      </c>
      <c r="D537" s="53">
        <v>66203834.310000002</v>
      </c>
      <c r="E537" s="53">
        <v>64435394.419999897</v>
      </c>
      <c r="F537" s="53">
        <v>57084139.259999998</v>
      </c>
      <c r="G537" s="53">
        <v>24975387.649999999</v>
      </c>
      <c r="H537" s="53">
        <v>26683954.879999999</v>
      </c>
      <c r="I537" s="53">
        <v>21226607.710000001</v>
      </c>
      <c r="J537" s="53">
        <v>143747919.30000001</v>
      </c>
      <c r="K537" s="53">
        <v>140994261.81999999</v>
      </c>
      <c r="L537" s="53">
        <v>53430367.520000003</v>
      </c>
      <c r="M537" s="53">
        <v>67183804.019999996</v>
      </c>
      <c r="N537" s="53">
        <v>67183804.019999996</v>
      </c>
      <c r="O537" s="53">
        <v>-9896087.4994121604</v>
      </c>
      <c r="P537" s="53">
        <v>23070106.128553201</v>
      </c>
      <c r="Q537" s="53">
        <v>11389213.5813557</v>
      </c>
      <c r="R537" s="53">
        <v>-38428322.335274599</v>
      </c>
      <c r="S537" s="53">
        <v>-104864541.62803499</v>
      </c>
      <c r="T537" s="53">
        <v>-173022849.713889</v>
      </c>
      <c r="U537" s="53">
        <v>-238395944.00949001</v>
      </c>
      <c r="V537" s="53">
        <v>-378411417.435983</v>
      </c>
      <c r="W537" s="53">
        <v>-444375663.73215199</v>
      </c>
      <c r="X537" s="53">
        <v>-499524134.95845097</v>
      </c>
      <c r="Y537" s="53">
        <v>-518329342.12597901</v>
      </c>
      <c r="Z537" s="53">
        <v>-536346320.04681897</v>
      </c>
      <c r="AA537" s="53">
        <v>-536346320.04681897</v>
      </c>
      <c r="AB537" s="53">
        <v>-626254954.30546606</v>
      </c>
      <c r="AC537" s="53">
        <v>-612837190.70827794</v>
      </c>
      <c r="AD537" s="53">
        <v>-645295859.60316205</v>
      </c>
      <c r="AE537" s="53">
        <v>-703476825.16022599</v>
      </c>
      <c r="AF537" s="53">
        <v>-774133830.63127697</v>
      </c>
      <c r="AG537" s="53">
        <v>-853011754.90655005</v>
      </c>
      <c r="AH537" s="53">
        <v>-934347003.87061799</v>
      </c>
      <c r="AI537" s="53">
        <v>-1079688406.31726</v>
      </c>
      <c r="AJ537" s="53">
        <v>-1154422074.9187601</v>
      </c>
      <c r="AK537" s="53">
        <v>-1211564214.1310401</v>
      </c>
      <c r="AL537" s="53">
        <v>-1242051893.26805</v>
      </c>
      <c r="AM537" s="53">
        <v>-1271970650.7599499</v>
      </c>
      <c r="AN537" s="53">
        <v>-1271970650.7599499</v>
      </c>
      <c r="AO537" s="53">
        <v>-1299949901.0176699</v>
      </c>
      <c r="AP537" s="53">
        <v>-1249838548.2151999</v>
      </c>
      <c r="AQ537" s="53">
        <v>-1236605481.06041</v>
      </c>
      <c r="AR537" s="53">
        <v>-1240950409.9352601</v>
      </c>
      <c r="AS537" s="53">
        <v>-1249877355.39994</v>
      </c>
      <c r="AT537" s="53">
        <v>-1259036471.94752</v>
      </c>
      <c r="AU537" s="53">
        <v>-1267059990.2499101</v>
      </c>
      <c r="AV537" s="53">
        <v>-1320191801.9089899</v>
      </c>
      <c r="AW537" s="53">
        <v>-1326249657.7992899</v>
      </c>
      <c r="AX537" s="53">
        <v>-1326257280.1819899</v>
      </c>
      <c r="AY537" s="53">
        <v>-1310415808.1702199</v>
      </c>
      <c r="AZ537" s="53">
        <v>-1287773828.45222</v>
      </c>
      <c r="BA537" s="53">
        <v>-1287773828.45222</v>
      </c>
      <c r="BB537" s="53">
        <v>-1314555591.1967001</v>
      </c>
      <c r="BC537" s="53">
        <v>-1263109001.8225601</v>
      </c>
      <c r="BD537" s="53">
        <v>-1250890999.8870201</v>
      </c>
      <c r="BE537" s="53">
        <v>-1255936080.71964</v>
      </c>
      <c r="BF537" s="53">
        <v>-1264524017.88748</v>
      </c>
      <c r="BG537" s="53">
        <v>-1273644562.97861</v>
      </c>
      <c r="BH537" s="53">
        <v>-1280783787.18679</v>
      </c>
      <c r="BI537" s="53">
        <v>-1330108582.84989</v>
      </c>
      <c r="BJ537" s="53">
        <v>-1333246554.5599301</v>
      </c>
      <c r="BK537" s="53">
        <v>-1329371080.59815</v>
      </c>
      <c r="BL537" s="53">
        <v>-1310018558.6547301</v>
      </c>
      <c r="BM537" s="53">
        <v>-1287773828.6011901</v>
      </c>
      <c r="BN537" s="53">
        <v>-1287773828.6011901</v>
      </c>
      <c r="BO537" s="53">
        <v>-1311103832.7709</v>
      </c>
      <c r="BP537" s="53">
        <v>-1257234851.2488699</v>
      </c>
      <c r="BQ537" s="53">
        <v>-1241698831.6190701</v>
      </c>
      <c r="BR537" s="53">
        <v>-1243277800.27314</v>
      </c>
      <c r="BS537" s="53">
        <v>-1251775039.66294</v>
      </c>
      <c r="BT537" s="53">
        <v>-1261067030.6213</v>
      </c>
      <c r="BU537" s="53">
        <v>-1268808905.12131</v>
      </c>
      <c r="BV537" s="53">
        <v>-1317435063.4762001</v>
      </c>
      <c r="BW537" s="53">
        <v>-1321678860.0391901</v>
      </c>
      <c r="BX537" s="53">
        <v>-1319562448.5625</v>
      </c>
      <c r="BY537" s="53">
        <v>-1307805601.51718</v>
      </c>
      <c r="BZ537" s="53">
        <v>-1287773828.25647</v>
      </c>
      <c r="CA537" s="53">
        <v>-1287773828.25647</v>
      </c>
      <c r="CB537" s="53">
        <v>112181831.205708</v>
      </c>
      <c r="CC537" s="53">
        <v>91195534.152794406</v>
      </c>
      <c r="CD537" s="53">
        <v>93475742.682261899</v>
      </c>
      <c r="CE537" s="53">
        <v>97183198.435618296</v>
      </c>
      <c r="CF537" s="53">
        <v>130246819.12672099</v>
      </c>
      <c r="CG537" s="53">
        <v>153372695.028072</v>
      </c>
      <c r="CH537" s="53">
        <v>167890860.018843</v>
      </c>
      <c r="CI537" s="53">
        <v>167924277.673401</v>
      </c>
      <c r="CJ537" s="53">
        <v>152327655.21601999</v>
      </c>
      <c r="CK537" s="53">
        <v>122153566.006594</v>
      </c>
      <c r="CL537" s="53">
        <v>93520098.873069599</v>
      </c>
      <c r="CM537" s="53">
        <v>105924116.61503799</v>
      </c>
      <c r="CN537" s="53">
        <v>1487396395.0341401</v>
      </c>
    </row>
    <row r="538" spans="1:92" outlineLevel="1">
      <c r="A538" s="52" t="s">
        <v>1218</v>
      </c>
      <c r="B538" s="53">
        <v>1544905235.3759999</v>
      </c>
      <c r="C538" s="53">
        <v>1533244308.8999901</v>
      </c>
      <c r="D538" s="53">
        <v>1593758884.0799899</v>
      </c>
      <c r="E538" s="53">
        <v>1609526367.0699999</v>
      </c>
      <c r="F538" s="53">
        <v>1852483475.8999901</v>
      </c>
      <c r="G538" s="53">
        <v>2048174722.20999</v>
      </c>
      <c r="H538" s="53">
        <v>2050599431.3599999</v>
      </c>
      <c r="I538" s="53">
        <v>2208026890.75</v>
      </c>
      <c r="J538" s="53">
        <v>2390179078.9099898</v>
      </c>
      <c r="K538" s="53">
        <v>2665220092.20999</v>
      </c>
      <c r="L538" s="53">
        <v>2640336895.0299902</v>
      </c>
      <c r="M538" s="53">
        <v>2633977760.24999</v>
      </c>
      <c r="N538" s="53">
        <v>1544905235.3759999</v>
      </c>
      <c r="O538" s="53">
        <v>2414479472.5299902</v>
      </c>
      <c r="P538" s="53">
        <v>2545622599.9459801</v>
      </c>
      <c r="Q538" s="53">
        <v>2450651236.2218399</v>
      </c>
      <c r="R538" s="53">
        <v>2432750430.2063498</v>
      </c>
      <c r="S538" s="53">
        <v>2427088289.0726299</v>
      </c>
      <c r="T538" s="53">
        <v>2451204110.2065501</v>
      </c>
      <c r="U538" s="53">
        <v>2431867813.1826901</v>
      </c>
      <c r="V538" s="53">
        <v>2369607190.39328</v>
      </c>
      <c r="W538" s="53">
        <v>2359910861.4173102</v>
      </c>
      <c r="X538" s="53">
        <v>2245155853.9643602</v>
      </c>
      <c r="Y538" s="53">
        <v>2213360197.7508001</v>
      </c>
      <c r="Z538" s="53">
        <v>1991742946.94207</v>
      </c>
      <c r="AA538" s="53">
        <v>2414479472.5299902</v>
      </c>
      <c r="AB538" s="53">
        <v>1918029084.5417399</v>
      </c>
      <c r="AC538" s="53">
        <v>1990120012.1735101</v>
      </c>
      <c r="AD538" s="53">
        <v>1865821964.31919</v>
      </c>
      <c r="AE538" s="53">
        <v>1814071342.8310001</v>
      </c>
      <c r="AF538" s="53">
        <v>1739345798.83707</v>
      </c>
      <c r="AG538" s="53">
        <v>1751698741.58777</v>
      </c>
      <c r="AH538" s="53">
        <v>1719727708.2358601</v>
      </c>
      <c r="AI538" s="53">
        <v>1643978066.61637</v>
      </c>
      <c r="AJ538" s="53">
        <v>1730178115.9562399</v>
      </c>
      <c r="AK538" s="53">
        <v>1648637034.18626</v>
      </c>
      <c r="AL538" s="53">
        <v>1630252973.41644</v>
      </c>
      <c r="AM538" s="53">
        <v>1369992044.94135</v>
      </c>
      <c r="AN538" s="53">
        <v>1918029084.5417399</v>
      </c>
      <c r="AO538" s="53">
        <v>1153373659.1389999</v>
      </c>
      <c r="AP538" s="53">
        <v>1226975710.3106899</v>
      </c>
      <c r="AQ538" s="53">
        <v>1146603325.0517001</v>
      </c>
      <c r="AR538" s="53">
        <v>1144759415.4739599</v>
      </c>
      <c r="AS538" s="53">
        <v>1150746059.84092</v>
      </c>
      <c r="AT538" s="53">
        <v>1217227903.6972599</v>
      </c>
      <c r="AU538" s="53">
        <v>1482879832.5178399</v>
      </c>
      <c r="AV538" s="53">
        <v>1474781642.6104801</v>
      </c>
      <c r="AW538" s="53">
        <v>1555285944.8765299</v>
      </c>
      <c r="AX538" s="53">
        <v>1518982998.2996299</v>
      </c>
      <c r="AY538" s="53">
        <v>1461497328.8657999</v>
      </c>
      <c r="AZ538" s="53">
        <v>1141416802.65628</v>
      </c>
      <c r="BA538" s="53">
        <v>1153373659.1389999</v>
      </c>
      <c r="BB538" s="53">
        <v>1098489430.09532</v>
      </c>
      <c r="BC538" s="53">
        <v>1217478115.4161301</v>
      </c>
      <c r="BD538" s="53">
        <v>1145982366.7834799</v>
      </c>
      <c r="BE538" s="53">
        <v>1144330341.0019801</v>
      </c>
      <c r="BF538" s="53">
        <v>1149499564.6557</v>
      </c>
      <c r="BG538" s="53">
        <v>1215787838.54739</v>
      </c>
      <c r="BH538" s="53">
        <v>1482830286.88359</v>
      </c>
      <c r="BI538" s="53">
        <v>1504774150.3192999</v>
      </c>
      <c r="BJ538" s="53">
        <v>1594590355.0596001</v>
      </c>
      <c r="BK538" s="53">
        <v>1475352200.43104</v>
      </c>
      <c r="BL538" s="53">
        <v>1435231208.86216</v>
      </c>
      <c r="BM538" s="53">
        <v>1110608508.6131699</v>
      </c>
      <c r="BN538" s="53">
        <v>1098489430.09532</v>
      </c>
      <c r="BO538" s="53">
        <v>1113904782.0801799</v>
      </c>
      <c r="BP538" s="53">
        <v>1235833718.5248101</v>
      </c>
      <c r="BQ538" s="53">
        <v>1167286656.6591699</v>
      </c>
      <c r="BR538" s="53">
        <v>1168118907.19578</v>
      </c>
      <c r="BS538" s="53">
        <v>1176672982.1474099</v>
      </c>
      <c r="BT538" s="53">
        <v>1243920962.3015599</v>
      </c>
      <c r="BU538" s="53">
        <v>1367994977.95981</v>
      </c>
      <c r="BV538" s="53">
        <v>1408922161.6145401</v>
      </c>
      <c r="BW538" s="53">
        <v>1518182537.13662</v>
      </c>
      <c r="BX538" s="53">
        <v>1569706153.8724401</v>
      </c>
      <c r="BY538" s="53">
        <v>1525181715.9928701</v>
      </c>
      <c r="BZ538" s="53">
        <v>1182443241.5471001</v>
      </c>
      <c r="CA538" s="53">
        <v>1113904782.0801799</v>
      </c>
      <c r="CB538" s="53">
        <v>41555.513633333299</v>
      </c>
      <c r="CC538" s="53">
        <v>37572.114540000002</v>
      </c>
      <c r="CD538" s="53">
        <v>41572.117769999997</v>
      </c>
      <c r="CE538" s="53">
        <v>36491.42138</v>
      </c>
      <c r="CF538" s="53">
        <v>37708.576426666601</v>
      </c>
      <c r="CG538" s="53">
        <v>36498.845446666601</v>
      </c>
      <c r="CH538" s="53">
        <v>37741.3846466666</v>
      </c>
      <c r="CI538" s="53">
        <v>37746.846913333298</v>
      </c>
      <c r="CJ538" s="53">
        <v>36532.449926666603</v>
      </c>
      <c r="CK538" s="53">
        <v>37747.196960000001</v>
      </c>
      <c r="CL538" s="53">
        <v>36509.116046666597</v>
      </c>
      <c r="CM538" s="53">
        <v>41555.513633333299</v>
      </c>
      <c r="CN538" s="53">
        <v>459231.09732333297</v>
      </c>
    </row>
    <row r="539" spans="1:92" outlineLevel="1">
      <c r="A539" s="52" t="s">
        <v>699</v>
      </c>
      <c r="B539" s="53"/>
      <c r="C539" s="53"/>
      <c r="D539" s="53"/>
      <c r="E539" s="53"/>
      <c r="F539" s="53"/>
      <c r="G539" s="53"/>
      <c r="H539" s="53"/>
      <c r="I539" s="53"/>
      <c r="J539" s="53"/>
      <c r="K539" s="53"/>
      <c r="L539" s="53"/>
      <c r="M539" s="53"/>
      <c r="N539" s="53"/>
      <c r="O539" s="53"/>
      <c r="P539" s="53"/>
      <c r="Q539" s="53"/>
      <c r="R539" s="53"/>
      <c r="S539" s="53"/>
      <c r="T539" s="53"/>
      <c r="U539" s="53"/>
      <c r="V539" s="53"/>
      <c r="W539" s="53"/>
      <c r="X539" s="53"/>
      <c r="Y539" s="53"/>
      <c r="Z539" s="53"/>
      <c r="AA539" s="53"/>
      <c r="AB539" s="53"/>
      <c r="AC539" s="53"/>
      <c r="AD539" s="53"/>
      <c r="AE539" s="53"/>
      <c r="AF539" s="53"/>
      <c r="AG539" s="53"/>
      <c r="AH539" s="53"/>
      <c r="AI539" s="53"/>
      <c r="AJ539" s="53"/>
      <c r="AK539" s="53"/>
      <c r="AL539" s="53"/>
      <c r="AM539" s="53"/>
      <c r="AN539" s="53"/>
      <c r="AO539" s="53"/>
      <c r="AP539" s="53"/>
      <c r="AQ539" s="53"/>
      <c r="AR539" s="53"/>
      <c r="AS539" s="53"/>
      <c r="AT539" s="53"/>
      <c r="AU539" s="53"/>
      <c r="AV539" s="53"/>
      <c r="AW539" s="53"/>
      <c r="AX539" s="53"/>
      <c r="AY539" s="53"/>
      <c r="AZ539" s="53"/>
      <c r="BA539" s="53"/>
      <c r="BB539" s="53"/>
      <c r="BC539" s="53"/>
      <c r="BD539" s="53"/>
      <c r="BE539" s="53"/>
      <c r="BF539" s="53"/>
      <c r="BG539" s="53"/>
      <c r="BH539" s="53"/>
      <c r="BI539" s="53"/>
      <c r="BJ539" s="53"/>
      <c r="BK539" s="53"/>
      <c r="BL539" s="53"/>
      <c r="BM539" s="53"/>
      <c r="BN539" s="53"/>
      <c r="BO539" s="53"/>
      <c r="BP539" s="53"/>
      <c r="BQ539" s="53"/>
      <c r="BR539" s="53"/>
      <c r="BS539" s="53"/>
      <c r="BT539" s="53"/>
      <c r="BU539" s="53"/>
      <c r="BV539" s="53"/>
      <c r="BW539" s="53"/>
      <c r="BX539" s="53"/>
      <c r="BY539" s="53"/>
      <c r="BZ539" s="53"/>
      <c r="CA539" s="53"/>
      <c r="CB539" s="53"/>
      <c r="CC539" s="53"/>
      <c r="CD539" s="53"/>
      <c r="CE539" s="53"/>
      <c r="CF539" s="53"/>
      <c r="CG539" s="53"/>
      <c r="CH539" s="53"/>
      <c r="CI539" s="53"/>
      <c r="CJ539" s="53"/>
      <c r="CK539" s="53"/>
      <c r="CL539" s="53"/>
      <c r="CM539" s="53"/>
      <c r="CN539" s="53"/>
    </row>
    <row r="540" spans="1:92" outlineLevel="1">
      <c r="A540" s="52" t="s">
        <v>778</v>
      </c>
      <c r="B540" s="53"/>
      <c r="C540" s="53"/>
      <c r="D540" s="53"/>
      <c r="E540" s="53"/>
      <c r="F540" s="53"/>
      <c r="G540" s="53"/>
      <c r="H540" s="53"/>
      <c r="I540" s="53"/>
      <c r="J540" s="53"/>
      <c r="K540" s="53"/>
      <c r="L540" s="53"/>
      <c r="M540" s="53"/>
      <c r="N540" s="53"/>
      <c r="O540" s="53"/>
      <c r="P540" s="53"/>
      <c r="Q540" s="53"/>
      <c r="R540" s="53"/>
      <c r="S540" s="53"/>
      <c r="T540" s="53"/>
      <c r="U540" s="53"/>
      <c r="V540" s="53"/>
      <c r="W540" s="53"/>
      <c r="X540" s="53"/>
      <c r="Y540" s="53"/>
      <c r="Z540" s="53"/>
      <c r="AA540" s="53"/>
      <c r="AB540" s="53"/>
      <c r="AC540" s="53"/>
      <c r="AD540" s="53"/>
      <c r="AE540" s="53"/>
      <c r="AF540" s="53"/>
      <c r="AG540" s="53"/>
      <c r="AH540" s="53"/>
      <c r="AI540" s="53"/>
      <c r="AJ540" s="53"/>
      <c r="AK540" s="53"/>
      <c r="AL540" s="53"/>
      <c r="AM540" s="53"/>
      <c r="AN540" s="53"/>
      <c r="AO540" s="53"/>
      <c r="AP540" s="53"/>
      <c r="AQ540" s="53"/>
      <c r="AR540" s="53"/>
      <c r="AS540" s="53"/>
      <c r="AT540" s="53"/>
      <c r="AU540" s="53"/>
      <c r="AV540" s="53"/>
      <c r="AW540" s="53"/>
      <c r="AX540" s="53"/>
      <c r="AY540" s="53"/>
      <c r="AZ540" s="53"/>
      <c r="BA540" s="53"/>
      <c r="BB540" s="53"/>
      <c r="BC540" s="53"/>
      <c r="BD540" s="53"/>
      <c r="BE540" s="53"/>
      <c r="BF540" s="53"/>
      <c r="BG540" s="53"/>
      <c r="BH540" s="53"/>
      <c r="BI540" s="53"/>
      <c r="BJ540" s="53"/>
      <c r="BK540" s="53"/>
      <c r="BL540" s="53"/>
      <c r="BM540" s="53"/>
      <c r="BN540" s="53"/>
      <c r="BO540" s="53"/>
      <c r="BP540" s="53"/>
      <c r="BQ540" s="53"/>
      <c r="BR540" s="53"/>
      <c r="BS540" s="53"/>
      <c r="BT540" s="53"/>
      <c r="BU540" s="53"/>
      <c r="BV540" s="53"/>
      <c r="BW540" s="53"/>
      <c r="BX540" s="53"/>
      <c r="BY540" s="53"/>
      <c r="BZ540" s="53"/>
      <c r="CA540" s="53"/>
      <c r="CB540" s="53"/>
      <c r="CC540" s="53"/>
      <c r="CD540" s="53"/>
      <c r="CE540" s="53"/>
      <c r="CF540" s="53"/>
      <c r="CG540" s="53"/>
      <c r="CH540" s="53"/>
      <c r="CI540" s="53"/>
      <c r="CJ540" s="53"/>
      <c r="CK540" s="53"/>
      <c r="CL540" s="53"/>
      <c r="CM540" s="53"/>
      <c r="CN540" s="53"/>
    </row>
    <row r="541" spans="1:92" outlineLevel="1">
      <c r="A541" s="52" t="s">
        <v>1236</v>
      </c>
      <c r="B541" s="53"/>
      <c r="C541" s="53"/>
      <c r="D541" s="53"/>
      <c r="E541" s="53"/>
      <c r="F541" s="53"/>
      <c r="G541" s="53"/>
      <c r="H541" s="53"/>
      <c r="I541" s="53"/>
      <c r="J541" s="53"/>
      <c r="K541" s="53"/>
      <c r="L541" s="53"/>
      <c r="M541" s="53"/>
      <c r="N541" s="53"/>
      <c r="O541" s="53"/>
      <c r="P541" s="53"/>
      <c r="Q541" s="53"/>
      <c r="R541" s="53"/>
      <c r="S541" s="53"/>
      <c r="T541" s="53"/>
      <c r="U541" s="53"/>
      <c r="V541" s="53"/>
      <c r="W541" s="53"/>
      <c r="X541" s="53"/>
      <c r="Y541" s="53"/>
      <c r="Z541" s="53"/>
      <c r="AA541" s="53"/>
      <c r="AB541" s="53"/>
      <c r="AC541" s="53"/>
      <c r="AD541" s="53"/>
      <c r="AE541" s="53"/>
      <c r="AF541" s="53"/>
      <c r="AG541" s="53"/>
      <c r="AH541" s="53"/>
      <c r="AI541" s="53"/>
      <c r="AJ541" s="53"/>
      <c r="AK541" s="53"/>
      <c r="AL541" s="53"/>
      <c r="AM541" s="53"/>
      <c r="AN541" s="53"/>
      <c r="AO541" s="53"/>
      <c r="AP541" s="53"/>
      <c r="AQ541" s="53"/>
      <c r="AR541" s="53"/>
      <c r="AS541" s="53"/>
      <c r="AT541" s="53"/>
      <c r="AU541" s="53"/>
      <c r="AV541" s="53"/>
      <c r="AW541" s="53"/>
      <c r="AX541" s="53"/>
      <c r="AY541" s="53"/>
      <c r="AZ541" s="53"/>
      <c r="BA541" s="53"/>
      <c r="BB541" s="53"/>
      <c r="BC541" s="53"/>
      <c r="BD541" s="53"/>
      <c r="BE541" s="53"/>
      <c r="BF541" s="53"/>
      <c r="BG541" s="53"/>
      <c r="BH541" s="53"/>
      <c r="BI541" s="53"/>
      <c r="BJ541" s="53"/>
      <c r="BK541" s="53"/>
      <c r="BL541" s="53"/>
      <c r="BM541" s="53"/>
      <c r="BN541" s="53"/>
      <c r="BO541" s="53"/>
      <c r="BP541" s="53"/>
      <c r="BQ541" s="53"/>
      <c r="BR541" s="53"/>
      <c r="BS541" s="53"/>
      <c r="BT541" s="53"/>
      <c r="BU541" s="53"/>
      <c r="BV541" s="53"/>
      <c r="BW541" s="53"/>
      <c r="BX541" s="53"/>
      <c r="BY541" s="53"/>
      <c r="BZ541" s="53"/>
      <c r="CA541" s="53"/>
      <c r="CB541" s="53">
        <v>770852.59805555502</v>
      </c>
      <c r="CC541" s="53">
        <v>770852.59805555502</v>
      </c>
      <c r="CD541" s="53">
        <v>770852.59805555502</v>
      </c>
      <c r="CE541" s="53">
        <v>560852.59805555502</v>
      </c>
      <c r="CF541" s="53">
        <v>560852.59805555502</v>
      </c>
      <c r="CG541" s="53">
        <v>560852.59805555502</v>
      </c>
      <c r="CH541" s="53">
        <v>560852.59805555502</v>
      </c>
      <c r="CI541" s="53">
        <v>560852.59805555502</v>
      </c>
      <c r="CJ541" s="53">
        <v>560852.59805555502</v>
      </c>
      <c r="CK541" s="53">
        <v>560852.59805555502</v>
      </c>
      <c r="CL541" s="53">
        <v>560852.59805555502</v>
      </c>
      <c r="CM541" s="53">
        <v>770852.59805555502</v>
      </c>
      <c r="CN541" s="53">
        <v>7570231.1766666602</v>
      </c>
    </row>
    <row r="542" spans="1:92" outlineLevel="1">
      <c r="A542" s="52" t="s">
        <v>780</v>
      </c>
      <c r="B542" s="53"/>
      <c r="C542" s="53"/>
      <c r="D542" s="53"/>
      <c r="E542" s="53"/>
      <c r="F542" s="53"/>
      <c r="G542" s="53"/>
      <c r="H542" s="53"/>
      <c r="I542" s="53"/>
      <c r="J542" s="53"/>
      <c r="K542" s="53"/>
      <c r="L542" s="53"/>
      <c r="M542" s="53"/>
      <c r="N542" s="53"/>
      <c r="O542" s="53"/>
      <c r="P542" s="53"/>
      <c r="Q542" s="53"/>
      <c r="R542" s="53"/>
      <c r="S542" s="53"/>
      <c r="T542" s="53"/>
      <c r="U542" s="53"/>
      <c r="V542" s="53"/>
      <c r="W542" s="53"/>
      <c r="X542" s="53"/>
      <c r="Y542" s="53"/>
      <c r="Z542" s="53"/>
      <c r="AA542" s="53"/>
      <c r="AB542" s="53"/>
      <c r="AC542" s="53"/>
      <c r="AD542" s="53"/>
      <c r="AE542" s="53"/>
      <c r="AF542" s="53"/>
      <c r="AG542" s="53"/>
      <c r="AH542" s="53"/>
      <c r="AI542" s="53"/>
      <c r="AJ542" s="53"/>
      <c r="AK542" s="53"/>
      <c r="AL542" s="53"/>
      <c r="AM542" s="53"/>
      <c r="AN542" s="53"/>
      <c r="AO542" s="53"/>
      <c r="AP542" s="53"/>
      <c r="AQ542" s="53"/>
      <c r="AR542" s="53"/>
      <c r="AS542" s="53"/>
      <c r="AT542" s="53"/>
      <c r="AU542" s="53"/>
      <c r="AV542" s="53"/>
      <c r="AW542" s="53"/>
      <c r="AX542" s="53"/>
      <c r="AY542" s="53"/>
      <c r="AZ542" s="53"/>
      <c r="BA542" s="53"/>
      <c r="BB542" s="53"/>
      <c r="BC542" s="53"/>
      <c r="BD542" s="53"/>
      <c r="BE542" s="53"/>
      <c r="BF542" s="53"/>
      <c r="BG542" s="53"/>
      <c r="BH542" s="53"/>
      <c r="BI542" s="53"/>
      <c r="BJ542" s="53"/>
      <c r="BK542" s="53"/>
      <c r="BL542" s="53"/>
      <c r="BM542" s="53"/>
      <c r="BN542" s="53"/>
      <c r="BO542" s="53"/>
      <c r="BP542" s="53"/>
      <c r="BQ542" s="53"/>
      <c r="BR542" s="53"/>
      <c r="BS542" s="53"/>
      <c r="BT542" s="53"/>
      <c r="BU542" s="53"/>
      <c r="BV542" s="53"/>
      <c r="BW542" s="53"/>
      <c r="BX542" s="53"/>
      <c r="BY542" s="53"/>
      <c r="BZ542" s="53"/>
      <c r="CA542" s="53"/>
      <c r="CB542" s="53">
        <v>42291.683333333298</v>
      </c>
      <c r="CC542" s="53">
        <v>42291.683333333298</v>
      </c>
      <c r="CD542" s="53">
        <v>39785.033333333296</v>
      </c>
      <c r="CE542" s="53">
        <v>39785.033333333296</v>
      </c>
      <c r="CF542" s="53">
        <v>39785.033333333296</v>
      </c>
      <c r="CG542" s="53">
        <v>44798.333333333299</v>
      </c>
      <c r="CH542" s="53">
        <v>39785.033333333296</v>
      </c>
      <c r="CI542" s="53">
        <v>39785.033333333296</v>
      </c>
      <c r="CJ542" s="53">
        <v>39785.033333333296</v>
      </c>
      <c r="CK542" s="53">
        <v>42291.683333333298</v>
      </c>
      <c r="CL542" s="53">
        <v>32262.5333333333</v>
      </c>
      <c r="CM542" s="53">
        <v>39785.033333333296</v>
      </c>
      <c r="CN542" s="53">
        <v>482431.15</v>
      </c>
    </row>
    <row r="543" spans="1:92" outlineLevel="1">
      <c r="A543" s="52" t="s">
        <v>781</v>
      </c>
      <c r="B543" s="53"/>
      <c r="C543" s="53"/>
      <c r="D543" s="53"/>
      <c r="E543" s="53"/>
      <c r="F543" s="53"/>
      <c r="G543" s="53"/>
      <c r="H543" s="53"/>
      <c r="I543" s="53"/>
      <c r="J543" s="53"/>
      <c r="K543" s="53"/>
      <c r="L543" s="53"/>
      <c r="M543" s="53"/>
      <c r="N543" s="53"/>
      <c r="O543" s="53"/>
      <c r="P543" s="53"/>
      <c r="Q543" s="53"/>
      <c r="R543" s="53"/>
      <c r="S543" s="53"/>
      <c r="T543" s="53"/>
      <c r="U543" s="53"/>
      <c r="V543" s="53"/>
      <c r="W543" s="53"/>
      <c r="X543" s="53"/>
      <c r="Y543" s="53"/>
      <c r="Z543" s="53"/>
      <c r="AA543" s="53"/>
      <c r="AB543" s="53"/>
      <c r="AC543" s="53"/>
      <c r="AD543" s="53"/>
      <c r="AE543" s="53"/>
      <c r="AF543" s="53"/>
      <c r="AG543" s="53"/>
      <c r="AH543" s="53"/>
      <c r="AI543" s="53"/>
      <c r="AJ543" s="53"/>
      <c r="AK543" s="53"/>
      <c r="AL543" s="53"/>
      <c r="AM543" s="53"/>
      <c r="AN543" s="53"/>
      <c r="AO543" s="53"/>
      <c r="AP543" s="53"/>
      <c r="AQ543" s="53"/>
      <c r="AR543" s="53"/>
      <c r="AS543" s="53"/>
      <c r="AT543" s="53"/>
      <c r="AU543" s="53"/>
      <c r="AV543" s="53"/>
      <c r="AW543" s="53"/>
      <c r="AX543" s="53"/>
      <c r="AY543" s="53"/>
      <c r="AZ543" s="53"/>
      <c r="BA543" s="53"/>
      <c r="BB543" s="53"/>
      <c r="BC543" s="53"/>
      <c r="BD543" s="53"/>
      <c r="BE543" s="53"/>
      <c r="BF543" s="53"/>
      <c r="BG543" s="53"/>
      <c r="BH543" s="53"/>
      <c r="BI543" s="53"/>
      <c r="BJ543" s="53"/>
      <c r="BK543" s="53"/>
      <c r="BL543" s="53"/>
      <c r="BM543" s="53"/>
      <c r="BN543" s="53"/>
      <c r="BO543" s="53"/>
      <c r="BP543" s="53"/>
      <c r="BQ543" s="53"/>
      <c r="BR543" s="53"/>
      <c r="BS543" s="53"/>
      <c r="BT543" s="53"/>
      <c r="BU543" s="53"/>
      <c r="BV543" s="53"/>
      <c r="BW543" s="53"/>
      <c r="BX543" s="53"/>
      <c r="BY543" s="53"/>
      <c r="BZ543" s="53"/>
      <c r="CA543" s="53"/>
      <c r="CB543" s="53"/>
      <c r="CC543" s="53"/>
      <c r="CD543" s="53"/>
      <c r="CE543" s="53"/>
      <c r="CF543" s="53"/>
      <c r="CG543" s="53"/>
      <c r="CH543" s="53"/>
      <c r="CI543" s="53"/>
      <c r="CJ543" s="53"/>
      <c r="CK543" s="53"/>
      <c r="CL543" s="53"/>
      <c r="CM543" s="53"/>
      <c r="CN543" s="53"/>
    </row>
    <row r="544" spans="1:92" outlineLevel="1">
      <c r="A544" s="52" t="s">
        <v>783</v>
      </c>
      <c r="B544" s="53"/>
      <c r="C544" s="53"/>
      <c r="D544" s="53"/>
      <c r="E544" s="53"/>
      <c r="F544" s="53"/>
      <c r="G544" s="53"/>
      <c r="H544" s="53"/>
      <c r="I544" s="53"/>
      <c r="J544" s="53"/>
      <c r="K544" s="53"/>
      <c r="L544" s="53"/>
      <c r="M544" s="53"/>
      <c r="N544" s="53"/>
      <c r="O544" s="53"/>
      <c r="P544" s="53"/>
      <c r="Q544" s="53"/>
      <c r="R544" s="53"/>
      <c r="S544" s="53"/>
      <c r="T544" s="53"/>
      <c r="U544" s="53"/>
      <c r="V544" s="53"/>
      <c r="W544" s="53"/>
      <c r="X544" s="53"/>
      <c r="Y544" s="53"/>
      <c r="Z544" s="53"/>
      <c r="AA544" s="53"/>
      <c r="AB544" s="53"/>
      <c r="AC544" s="53"/>
      <c r="AD544" s="53"/>
      <c r="AE544" s="53"/>
      <c r="AF544" s="53"/>
      <c r="AG544" s="53"/>
      <c r="AH544" s="53"/>
      <c r="AI544" s="53"/>
      <c r="AJ544" s="53"/>
      <c r="AK544" s="53"/>
      <c r="AL544" s="53"/>
      <c r="AM544" s="53"/>
      <c r="AN544" s="53"/>
      <c r="AO544" s="53"/>
      <c r="AP544" s="53"/>
      <c r="AQ544" s="53"/>
      <c r="AR544" s="53"/>
      <c r="AS544" s="53"/>
      <c r="AT544" s="53"/>
      <c r="AU544" s="53"/>
      <c r="AV544" s="53"/>
      <c r="AW544" s="53"/>
      <c r="AX544" s="53"/>
      <c r="AY544" s="53"/>
      <c r="AZ544" s="53"/>
      <c r="BA544" s="53"/>
      <c r="BB544" s="53"/>
      <c r="BC544" s="53"/>
      <c r="BD544" s="53"/>
      <c r="BE544" s="53"/>
      <c r="BF544" s="53"/>
      <c r="BG544" s="53"/>
      <c r="BH544" s="53"/>
      <c r="BI544" s="53"/>
      <c r="BJ544" s="53"/>
      <c r="BK544" s="53"/>
      <c r="BL544" s="53"/>
      <c r="BM544" s="53"/>
      <c r="BN544" s="53"/>
      <c r="BO544" s="53"/>
      <c r="BP544" s="53"/>
      <c r="BQ544" s="53"/>
      <c r="BR544" s="53"/>
      <c r="BS544" s="53"/>
      <c r="BT544" s="53"/>
      <c r="BU544" s="53"/>
      <c r="BV544" s="53"/>
      <c r="BW544" s="53"/>
      <c r="BX544" s="53"/>
      <c r="BY544" s="53"/>
      <c r="BZ544" s="53"/>
      <c r="CA544" s="53"/>
      <c r="CB544" s="53">
        <v>982890.61780731997</v>
      </c>
      <c r="CC544" s="53">
        <v>903189.76795237104</v>
      </c>
      <c r="CD544" s="53">
        <v>1026025.89011202</v>
      </c>
      <c r="CE544" s="53">
        <v>1087003.14428808</v>
      </c>
      <c r="CF544" s="53">
        <v>1250090.9124895099</v>
      </c>
      <c r="CG544" s="53">
        <v>1304779.83067694</v>
      </c>
      <c r="CH544" s="53">
        <v>1376264.33078181</v>
      </c>
      <c r="CI544" s="53">
        <v>1378815.3928620699</v>
      </c>
      <c r="CJ544" s="53">
        <v>1301513.2795216299</v>
      </c>
      <c r="CK544" s="53">
        <v>1202219.52143859</v>
      </c>
      <c r="CL544" s="53">
        <v>1010153.1734196401</v>
      </c>
      <c r="CM544" s="53">
        <v>998070.84101133398</v>
      </c>
      <c r="CN544" s="53">
        <v>13821016.702361301</v>
      </c>
    </row>
    <row r="545" spans="1:92" outlineLevel="1">
      <c r="A545" s="52" t="s">
        <v>784</v>
      </c>
      <c r="B545" s="53">
        <v>19633063.4219588</v>
      </c>
      <c r="C545" s="53">
        <v>19671834.001220699</v>
      </c>
      <c r="D545" s="53">
        <v>19710456.593030401</v>
      </c>
      <c r="E545" s="53">
        <v>19748940.838256299</v>
      </c>
      <c r="F545" s="53">
        <v>19787295.749697499</v>
      </c>
      <c r="G545" s="53">
        <v>19825529.753001101</v>
      </c>
      <c r="H545" s="53">
        <v>19863650.7249121</v>
      </c>
      <c r="I545" s="53">
        <v>19900216.294918001</v>
      </c>
      <c r="J545" s="53">
        <v>19936683.081023201</v>
      </c>
      <c r="K545" s="53">
        <v>19973057.518655799</v>
      </c>
      <c r="L545" s="53">
        <v>20009345.623997901</v>
      </c>
      <c r="M545" s="53">
        <v>20045553.021298598</v>
      </c>
      <c r="N545" s="53">
        <v>238105626.62197</v>
      </c>
      <c r="O545" s="53">
        <v>21684526.050000001</v>
      </c>
      <c r="P545" s="53">
        <v>21724926.300000001</v>
      </c>
      <c r="Q545" s="53">
        <v>21765376.349999901</v>
      </c>
      <c r="R545" s="53">
        <v>21805851.2999999</v>
      </c>
      <c r="S545" s="53">
        <v>21846376.050000001</v>
      </c>
      <c r="T545" s="53">
        <v>21886938.149999999</v>
      </c>
      <c r="U545" s="53">
        <v>21927537.600000001</v>
      </c>
      <c r="V545" s="53">
        <v>21963754.649999999</v>
      </c>
      <c r="W545" s="53">
        <v>22000009.0499999</v>
      </c>
      <c r="X545" s="53">
        <v>22036288.349999901</v>
      </c>
      <c r="Y545" s="53">
        <v>22072605</v>
      </c>
      <c r="Z545" s="53">
        <v>22108959</v>
      </c>
      <c r="AA545" s="53">
        <v>262823147.84999901</v>
      </c>
      <c r="AB545" s="53">
        <v>22145337.899999999</v>
      </c>
      <c r="AC545" s="53">
        <v>22181754.149999999</v>
      </c>
      <c r="AD545" s="53">
        <v>22218195.300000001</v>
      </c>
      <c r="AE545" s="53">
        <v>22254661.349999901</v>
      </c>
      <c r="AF545" s="53">
        <v>22291152.2999999</v>
      </c>
      <c r="AG545" s="53">
        <v>22327680.600000001</v>
      </c>
      <c r="AH545" s="53">
        <v>22364233.7999999</v>
      </c>
      <c r="AI545" s="53">
        <v>22400351.25</v>
      </c>
      <c r="AJ545" s="53">
        <v>22436493.599999901</v>
      </c>
      <c r="AK545" s="53">
        <v>22472660.850000001</v>
      </c>
      <c r="AL545" s="53">
        <v>22508853</v>
      </c>
      <c r="AM545" s="53">
        <v>22545070.0499999</v>
      </c>
      <c r="AN545" s="53">
        <v>268146444.14999899</v>
      </c>
      <c r="AO545" s="53">
        <v>22581311.999999899</v>
      </c>
      <c r="AP545" s="53">
        <v>22617566.399999999</v>
      </c>
      <c r="AQ545" s="53">
        <v>22653845.699999999</v>
      </c>
      <c r="AR545" s="53">
        <v>22690137.449999999</v>
      </c>
      <c r="AS545" s="53">
        <v>22726454.099999901</v>
      </c>
      <c r="AT545" s="53">
        <v>22762795.649999999</v>
      </c>
      <c r="AU545" s="53">
        <v>22799137.199999899</v>
      </c>
      <c r="AV545" s="53">
        <v>22836213.300000001</v>
      </c>
      <c r="AW545" s="53">
        <v>22873289.399999999</v>
      </c>
      <c r="AX545" s="53">
        <v>22910390.399999999</v>
      </c>
      <c r="AY545" s="53">
        <v>22947503.849999901</v>
      </c>
      <c r="AZ545" s="53">
        <v>22984629.75</v>
      </c>
      <c r="BA545" s="53">
        <v>273383275.19999999</v>
      </c>
      <c r="BB545" s="53">
        <v>23021780.550000001</v>
      </c>
      <c r="BC545" s="53">
        <v>23058931.349999901</v>
      </c>
      <c r="BD545" s="53">
        <v>23096107.0499999</v>
      </c>
      <c r="BE545" s="53">
        <v>23133295.199999899</v>
      </c>
      <c r="BF545" s="53">
        <v>23170495.7999999</v>
      </c>
      <c r="BG545" s="53">
        <v>23207708.849999901</v>
      </c>
      <c r="BH545" s="53">
        <v>23244934.349999901</v>
      </c>
      <c r="BI545" s="53">
        <v>23282595.599999901</v>
      </c>
      <c r="BJ545" s="53">
        <v>23320269.300000001</v>
      </c>
      <c r="BK545" s="53">
        <v>23357955.449999999</v>
      </c>
      <c r="BL545" s="53">
        <v>23395654.0499999</v>
      </c>
      <c r="BM545" s="53">
        <v>23433352.649999999</v>
      </c>
      <c r="BN545" s="53">
        <v>278723080.19999999</v>
      </c>
      <c r="BO545" s="53">
        <v>23471076.149999999</v>
      </c>
      <c r="BP545" s="53">
        <v>23508799.649999999</v>
      </c>
      <c r="BQ545" s="53">
        <v>23546535.599999901</v>
      </c>
      <c r="BR545" s="53">
        <v>23584284</v>
      </c>
      <c r="BS545" s="53">
        <v>23622032.399999999</v>
      </c>
      <c r="BT545" s="53">
        <v>23659805.699999899</v>
      </c>
      <c r="BU545" s="53">
        <v>23697566.550000001</v>
      </c>
      <c r="BV545" s="53">
        <v>23736136.649999999</v>
      </c>
      <c r="BW545" s="53">
        <v>23774719.199999999</v>
      </c>
      <c r="BX545" s="53">
        <v>23813289.300000001</v>
      </c>
      <c r="BY545" s="53">
        <v>23851884.2999999</v>
      </c>
      <c r="BZ545" s="53">
        <v>23890479.300000001</v>
      </c>
      <c r="CA545" s="53">
        <v>284156608.80000001</v>
      </c>
      <c r="CB545" s="53">
        <v>329125.53873148101</v>
      </c>
      <c r="CC545" s="53">
        <v>335445.08085522801</v>
      </c>
      <c r="CD545" s="53">
        <v>358036.23444055498</v>
      </c>
      <c r="CE545" s="53">
        <v>354757.030219757</v>
      </c>
      <c r="CF545" s="53">
        <v>364352.69779009698</v>
      </c>
      <c r="CG545" s="53">
        <v>371515.41141280503</v>
      </c>
      <c r="CH545" s="53">
        <v>367879.12125121203</v>
      </c>
      <c r="CI545" s="53">
        <v>375512.95421963901</v>
      </c>
      <c r="CJ545" s="53">
        <v>365241.77031699498</v>
      </c>
      <c r="CK545" s="53">
        <v>357475.21890978498</v>
      </c>
      <c r="CL545" s="53">
        <v>352981.44702563202</v>
      </c>
      <c r="CM545" s="53">
        <v>340382.13706166903</v>
      </c>
      <c r="CN545" s="53">
        <v>4272704.64223486</v>
      </c>
    </row>
    <row r="546" spans="1:92" outlineLevel="1">
      <c r="A546" s="52" t="s">
        <v>1237</v>
      </c>
      <c r="B546" s="53">
        <v>264</v>
      </c>
      <c r="C546" s="53">
        <v>264</v>
      </c>
      <c r="D546" s="53">
        <v>264</v>
      </c>
      <c r="E546" s="53">
        <v>264</v>
      </c>
      <c r="F546" s="53">
        <v>264</v>
      </c>
      <c r="G546" s="53">
        <v>264</v>
      </c>
      <c r="H546" s="53">
        <v>264</v>
      </c>
      <c r="I546" s="53">
        <v>264</v>
      </c>
      <c r="J546" s="53">
        <v>264</v>
      </c>
      <c r="K546" s="53">
        <v>264</v>
      </c>
      <c r="L546" s="53">
        <v>264</v>
      </c>
      <c r="M546" s="53">
        <v>264</v>
      </c>
      <c r="N546" s="53">
        <v>3168</v>
      </c>
      <c r="O546" s="53"/>
      <c r="P546" s="53"/>
      <c r="Q546" s="53"/>
      <c r="R546" s="53"/>
      <c r="S546" s="53"/>
      <c r="T546" s="53"/>
      <c r="U546" s="53"/>
      <c r="V546" s="53"/>
      <c r="W546" s="53"/>
      <c r="X546" s="53"/>
      <c r="Y546" s="53"/>
      <c r="Z546" s="53"/>
      <c r="AA546" s="53"/>
      <c r="AB546" s="53"/>
      <c r="AC546" s="53"/>
      <c r="AD546" s="53"/>
      <c r="AE546" s="53"/>
      <c r="AF546" s="53"/>
      <c r="AG546" s="53"/>
      <c r="AH546" s="53"/>
      <c r="AI546" s="53"/>
      <c r="AJ546" s="53"/>
      <c r="AK546" s="53"/>
      <c r="AL546" s="53"/>
      <c r="AM546" s="53"/>
      <c r="AN546" s="53"/>
      <c r="AO546" s="53"/>
      <c r="AP546" s="53"/>
      <c r="AQ546" s="53"/>
      <c r="AR546" s="53"/>
      <c r="AS546" s="53"/>
      <c r="AT546" s="53"/>
      <c r="AU546" s="53"/>
      <c r="AV546" s="53"/>
      <c r="AW546" s="53"/>
      <c r="AX546" s="53"/>
      <c r="AY546" s="53"/>
      <c r="AZ546" s="53"/>
      <c r="BA546" s="53"/>
      <c r="BB546" s="53"/>
      <c r="BC546" s="53"/>
      <c r="BD546" s="53"/>
      <c r="BE546" s="53"/>
      <c r="BF546" s="53"/>
      <c r="BG546" s="53"/>
      <c r="BH546" s="53"/>
      <c r="BI546" s="53"/>
      <c r="BJ546" s="53"/>
      <c r="BK546" s="53"/>
      <c r="BL546" s="53"/>
      <c r="BM546" s="53"/>
      <c r="BN546" s="53"/>
      <c r="BO546" s="53"/>
      <c r="BP546" s="53"/>
      <c r="BQ546" s="53"/>
      <c r="BR546" s="53"/>
      <c r="BS546" s="53"/>
      <c r="BT546" s="53"/>
      <c r="BU546" s="53"/>
      <c r="BV546" s="53"/>
      <c r="BW546" s="53"/>
      <c r="BX546" s="53"/>
      <c r="BY546" s="53"/>
      <c r="BZ546" s="53"/>
      <c r="CA546" s="53"/>
      <c r="CB546" s="53">
        <v>2103.5286968594901</v>
      </c>
      <c r="CC546" s="53">
        <v>2102.7930149733002</v>
      </c>
      <c r="CD546" s="53">
        <v>2102.0596723021299</v>
      </c>
      <c r="CE546" s="53">
        <v>2101.3286540173499</v>
      </c>
      <c r="CF546" s="53">
        <v>2100.5999454308399</v>
      </c>
      <c r="CG546" s="53">
        <v>2099.8735319932798</v>
      </c>
      <c r="CH546" s="53">
        <v>2099.1493992924002</v>
      </c>
      <c r="CI546" s="53">
        <v>2098.4275330512501</v>
      </c>
      <c r="CJ546" s="53">
        <v>2097.7079191265402</v>
      </c>
      <c r="CK546" s="53">
        <v>2096.9905435069099</v>
      </c>
      <c r="CL546" s="53">
        <v>2096.2753923113701</v>
      </c>
      <c r="CM546" s="53">
        <v>2095.5624517876699</v>
      </c>
      <c r="CN546" s="53">
        <v>25194.2967546525</v>
      </c>
    </row>
    <row r="547" spans="1:92" outlineLevel="1">
      <c r="A547" s="52" t="s">
        <v>1238</v>
      </c>
      <c r="B547" s="53"/>
      <c r="C547" s="53"/>
      <c r="D547" s="53"/>
      <c r="E547" s="53"/>
      <c r="F547" s="53"/>
      <c r="G547" s="53"/>
      <c r="H547" s="53"/>
      <c r="I547" s="53"/>
      <c r="J547" s="53"/>
      <c r="K547" s="53"/>
      <c r="L547" s="53"/>
      <c r="M547" s="53"/>
      <c r="N547" s="53"/>
      <c r="O547" s="53"/>
      <c r="P547" s="53"/>
      <c r="Q547" s="53"/>
      <c r="R547" s="53"/>
      <c r="S547" s="53"/>
      <c r="T547" s="53"/>
      <c r="U547" s="53"/>
      <c r="V547" s="53"/>
      <c r="W547" s="53"/>
      <c r="X547" s="53"/>
      <c r="Y547" s="53"/>
      <c r="Z547" s="53"/>
      <c r="AA547" s="53"/>
      <c r="AB547" s="53"/>
      <c r="AC547" s="53"/>
      <c r="AD547" s="53"/>
      <c r="AE547" s="53"/>
      <c r="AF547" s="53"/>
      <c r="AG547" s="53"/>
      <c r="AH547" s="53"/>
      <c r="AI547" s="53"/>
      <c r="AJ547" s="53"/>
      <c r="AK547" s="53"/>
      <c r="AL547" s="53"/>
      <c r="AM547" s="53"/>
      <c r="AN547" s="53"/>
      <c r="AO547" s="53"/>
      <c r="AP547" s="53"/>
      <c r="AQ547" s="53"/>
      <c r="AR547" s="53"/>
      <c r="AS547" s="53"/>
      <c r="AT547" s="53"/>
      <c r="AU547" s="53"/>
      <c r="AV547" s="53"/>
      <c r="AW547" s="53"/>
      <c r="AX547" s="53"/>
      <c r="AY547" s="53"/>
      <c r="AZ547" s="53"/>
      <c r="BA547" s="53"/>
      <c r="BB547" s="53"/>
      <c r="BC547" s="53"/>
      <c r="BD547" s="53"/>
      <c r="BE547" s="53"/>
      <c r="BF547" s="53"/>
      <c r="BG547" s="53"/>
      <c r="BH547" s="53"/>
      <c r="BI547" s="53"/>
      <c r="BJ547" s="53"/>
      <c r="BK547" s="53"/>
      <c r="BL547" s="53"/>
      <c r="BM547" s="53"/>
      <c r="BN547" s="53"/>
      <c r="BO547" s="53"/>
      <c r="BP547" s="53"/>
      <c r="BQ547" s="53"/>
      <c r="BR547" s="53"/>
      <c r="BS547" s="53"/>
      <c r="BT547" s="53"/>
      <c r="BU547" s="53"/>
      <c r="BV547" s="53"/>
      <c r="BW547" s="53"/>
      <c r="BX547" s="53"/>
      <c r="BY547" s="53"/>
      <c r="BZ547" s="53"/>
      <c r="CA547" s="53"/>
      <c r="CB547" s="53">
        <v>288548.96546152502</v>
      </c>
      <c r="CC547" s="53">
        <v>286681.67712398898</v>
      </c>
      <c r="CD547" s="53">
        <v>296179.38778249198</v>
      </c>
      <c r="CE547" s="53">
        <v>314405.29076600203</v>
      </c>
      <c r="CF547" s="53">
        <v>345063.528404137</v>
      </c>
      <c r="CG547" s="53">
        <v>350086.41157760698</v>
      </c>
      <c r="CH547" s="53">
        <v>354301.620122083</v>
      </c>
      <c r="CI547" s="53">
        <v>319624.58480409899</v>
      </c>
      <c r="CJ547" s="53">
        <v>360114.32943743002</v>
      </c>
      <c r="CK547" s="53">
        <v>333053.55778646201</v>
      </c>
      <c r="CL547" s="53">
        <v>297184.00432870898</v>
      </c>
      <c r="CM547" s="53">
        <v>290180.74995236198</v>
      </c>
      <c r="CN547" s="53">
        <v>3835424.1075468999</v>
      </c>
    </row>
    <row r="548" spans="1:92" outlineLevel="1">
      <c r="A548" s="52" t="s">
        <v>780</v>
      </c>
      <c r="B548" s="53">
        <v>39107667.477253601</v>
      </c>
      <c r="C548" s="53">
        <v>36571037.167533599</v>
      </c>
      <c r="D548" s="53">
        <v>42581301.258990698</v>
      </c>
      <c r="E548" s="53">
        <v>46220726.7595919</v>
      </c>
      <c r="F548" s="53">
        <v>50441460.504455097</v>
      </c>
      <c r="G548" s="53">
        <v>52085261.270516798</v>
      </c>
      <c r="H548" s="53">
        <v>53881843.917446397</v>
      </c>
      <c r="I548" s="53">
        <v>54518539.787086703</v>
      </c>
      <c r="J548" s="53">
        <v>51309619.382675096</v>
      </c>
      <c r="K548" s="53">
        <v>46900520.297747202</v>
      </c>
      <c r="L548" s="53">
        <v>41105802.075970203</v>
      </c>
      <c r="M548" s="53">
        <v>41584817.127659202</v>
      </c>
      <c r="N548" s="53">
        <v>556308597.02692604</v>
      </c>
      <c r="O548" s="53">
        <v>61331077.062976703</v>
      </c>
      <c r="P548" s="53">
        <v>41856726.057133399</v>
      </c>
      <c r="Q548" s="53">
        <v>43901774.5312353</v>
      </c>
      <c r="R548" s="53">
        <v>46821548.479000598</v>
      </c>
      <c r="S548" s="53">
        <v>52091451.478800498</v>
      </c>
      <c r="T548" s="53">
        <v>52630952.219517797</v>
      </c>
      <c r="U548" s="53">
        <v>53440187.7779973</v>
      </c>
      <c r="V548" s="53">
        <v>68830074.002495304</v>
      </c>
      <c r="W548" s="53">
        <v>51007770.034564801</v>
      </c>
      <c r="X548" s="53">
        <v>49871022.227465302</v>
      </c>
      <c r="Y548" s="53">
        <v>41859094.434105098</v>
      </c>
      <c r="Z548" s="53">
        <v>42605203.793972202</v>
      </c>
      <c r="AA548" s="53">
        <v>606246882.09926498</v>
      </c>
      <c r="AB548" s="53">
        <v>62332248.786107197</v>
      </c>
      <c r="AC548" s="53">
        <v>42429449.692544401</v>
      </c>
      <c r="AD548" s="53">
        <v>43617121.049468599</v>
      </c>
      <c r="AE548" s="53">
        <v>46898675.6699486</v>
      </c>
      <c r="AF548" s="53">
        <v>52719199.802644797</v>
      </c>
      <c r="AG548" s="53">
        <v>53304188.121933997</v>
      </c>
      <c r="AH548" s="53">
        <v>53845010.810602903</v>
      </c>
      <c r="AI548" s="53">
        <v>69781549.557688907</v>
      </c>
      <c r="AJ548" s="53">
        <v>51662683.0305527</v>
      </c>
      <c r="AK548" s="53">
        <v>50203833.960028902</v>
      </c>
      <c r="AL548" s="53">
        <v>41692272.444522098</v>
      </c>
      <c r="AM548" s="53">
        <v>42357873.836391501</v>
      </c>
      <c r="AN548" s="53">
        <v>610844106.76243496</v>
      </c>
      <c r="AO548" s="53">
        <v>62106095.501059003</v>
      </c>
      <c r="AP548" s="53">
        <v>40704573.739441797</v>
      </c>
      <c r="AQ548" s="53">
        <v>44027119.660199396</v>
      </c>
      <c r="AR548" s="53">
        <v>47154684.014280498</v>
      </c>
      <c r="AS548" s="53">
        <v>53213615.410996698</v>
      </c>
      <c r="AT548" s="53">
        <v>53641638.088626601</v>
      </c>
      <c r="AU548" s="53">
        <v>54740933.295161799</v>
      </c>
      <c r="AV548" s="53">
        <v>70278544.551941007</v>
      </c>
      <c r="AW548" s="53">
        <v>52567111.2226739</v>
      </c>
      <c r="AX548" s="53">
        <v>49956476.044554703</v>
      </c>
      <c r="AY548" s="53">
        <v>41988447.637226097</v>
      </c>
      <c r="AZ548" s="53">
        <v>42586162.239042498</v>
      </c>
      <c r="BA548" s="53">
        <v>612965401.40520406</v>
      </c>
      <c r="BB548" s="53">
        <v>62261204.096663304</v>
      </c>
      <c r="BC548" s="53">
        <v>41497062.1514742</v>
      </c>
      <c r="BD548" s="53">
        <v>44303225.756131798</v>
      </c>
      <c r="BE548" s="53">
        <v>47481940.345740303</v>
      </c>
      <c r="BF548" s="53">
        <v>53420122.003189102</v>
      </c>
      <c r="BG548" s="53">
        <v>54371746.992490798</v>
      </c>
      <c r="BH548" s="53">
        <v>55274830.818062097</v>
      </c>
      <c r="BI548" s="53">
        <v>70810504.317031905</v>
      </c>
      <c r="BJ548" s="53">
        <v>53064284.721224897</v>
      </c>
      <c r="BK548" s="53">
        <v>50987667.560934298</v>
      </c>
      <c r="BL548" s="53">
        <v>42075037.076170601</v>
      </c>
      <c r="BM548" s="53">
        <v>42965977.809386797</v>
      </c>
      <c r="BN548" s="53">
        <v>618513603.64849997</v>
      </c>
      <c r="BO548" s="53">
        <v>62307788.660534099</v>
      </c>
      <c r="BP548" s="53">
        <v>41563706.540650398</v>
      </c>
      <c r="BQ548" s="53">
        <v>44238666.140722103</v>
      </c>
      <c r="BR548" s="53">
        <v>47362785.528558001</v>
      </c>
      <c r="BS548" s="53">
        <v>53743622.363571197</v>
      </c>
      <c r="BT548" s="53">
        <v>54844429.119674698</v>
      </c>
      <c r="BU548" s="53">
        <v>55728680.575092301</v>
      </c>
      <c r="BV548" s="53">
        <v>71199807.579191104</v>
      </c>
      <c r="BW548" s="53">
        <v>53516231.692938998</v>
      </c>
      <c r="BX548" s="53">
        <v>51365776.435137004</v>
      </c>
      <c r="BY548" s="53">
        <v>42452180.869305402</v>
      </c>
      <c r="BZ548" s="53">
        <v>43508646.115505598</v>
      </c>
      <c r="CA548" s="53">
        <v>621832321.62088096</v>
      </c>
      <c r="CB548" s="53">
        <v>1967217.15784434</v>
      </c>
      <c r="CC548" s="53">
        <v>1608386.2076145301</v>
      </c>
      <c r="CD548" s="53">
        <v>1662474.6567446601</v>
      </c>
      <c r="CE548" s="53">
        <v>1714201.9497177301</v>
      </c>
      <c r="CF548" s="53">
        <v>2268943.4818608998</v>
      </c>
      <c r="CG548" s="53">
        <v>2617636.4447136102</v>
      </c>
      <c r="CH548" s="53">
        <v>2836763.9256125502</v>
      </c>
      <c r="CI548" s="53">
        <v>2843923.4666057499</v>
      </c>
      <c r="CJ548" s="53">
        <v>2572887.1230964698</v>
      </c>
      <c r="CK548" s="53">
        <v>2098479.29797517</v>
      </c>
      <c r="CL548" s="53">
        <v>1633385.0203865201</v>
      </c>
      <c r="CM548" s="53">
        <v>1876296.6947107301</v>
      </c>
      <c r="CN548" s="53">
        <v>25700595.426883001</v>
      </c>
    </row>
    <row r="549" spans="1:92" outlineLevel="1">
      <c r="A549" s="52" t="s">
        <v>781</v>
      </c>
      <c r="B549" s="53">
        <v>8452307.3193124793</v>
      </c>
      <c r="C549" s="53">
        <v>8801183.84708854</v>
      </c>
      <c r="D549" s="53">
        <v>8786189.2319162302</v>
      </c>
      <c r="E549" s="53">
        <v>9381689.8129414208</v>
      </c>
      <c r="F549" s="53">
        <v>10254858.515009601</v>
      </c>
      <c r="G549" s="53">
        <v>9563161.3446843494</v>
      </c>
      <c r="H549" s="53">
        <v>9349952.2888405602</v>
      </c>
      <c r="I549" s="53">
        <v>9311600.1280743703</v>
      </c>
      <c r="J549" s="53">
        <v>9886950.0461840108</v>
      </c>
      <c r="K549" s="53">
        <v>9580838.6310133301</v>
      </c>
      <c r="L549" s="53">
        <v>10102657.1534326</v>
      </c>
      <c r="M549" s="53">
        <v>9066900.4305566102</v>
      </c>
      <c r="N549" s="53">
        <v>112538288.749054</v>
      </c>
      <c r="O549" s="53">
        <v>6342460.1619707895</v>
      </c>
      <c r="P549" s="53">
        <v>7887568.2790794</v>
      </c>
      <c r="Q549" s="53">
        <v>9233248.3387012798</v>
      </c>
      <c r="R549" s="53">
        <v>9597845.2252100296</v>
      </c>
      <c r="S549" s="53">
        <v>11429913.002699699</v>
      </c>
      <c r="T549" s="53">
        <v>8950604.9518423397</v>
      </c>
      <c r="U549" s="53">
        <v>8553099.1184630301</v>
      </c>
      <c r="V549" s="53">
        <v>9376823.2215604093</v>
      </c>
      <c r="W549" s="53">
        <v>8359286.4945969498</v>
      </c>
      <c r="X549" s="53">
        <v>8043770.4267395101</v>
      </c>
      <c r="Y549" s="53">
        <v>6874870.0506600104</v>
      </c>
      <c r="Z549" s="53">
        <v>7817483.5694952896</v>
      </c>
      <c r="AA549" s="53">
        <v>102466972.84101801</v>
      </c>
      <c r="AB549" s="53">
        <v>6352083.5668110503</v>
      </c>
      <c r="AC549" s="53">
        <v>8011307.64856649</v>
      </c>
      <c r="AD549" s="53">
        <v>9273631.3762093596</v>
      </c>
      <c r="AE549" s="53">
        <v>9651035.8841494992</v>
      </c>
      <c r="AF549" s="53">
        <v>11498923.738285599</v>
      </c>
      <c r="AG549" s="53">
        <v>9003610.5221597906</v>
      </c>
      <c r="AH549" s="53">
        <v>8606256.1616158802</v>
      </c>
      <c r="AI549" s="53">
        <v>9430459.5523391608</v>
      </c>
      <c r="AJ549" s="53">
        <v>8413520.33938591</v>
      </c>
      <c r="AK549" s="53">
        <v>8100944.7556614</v>
      </c>
      <c r="AL549" s="53">
        <v>6923774.4053272204</v>
      </c>
      <c r="AM549" s="53">
        <v>7879786.7739721099</v>
      </c>
      <c r="AN549" s="53">
        <v>103145334.724483</v>
      </c>
      <c r="AO549" s="53">
        <v>6392972.9059367198</v>
      </c>
      <c r="AP549" s="53">
        <v>7957658.1914534504</v>
      </c>
      <c r="AQ549" s="53">
        <v>9315285.9850679804</v>
      </c>
      <c r="AR549" s="53">
        <v>9683514.2653106004</v>
      </c>
      <c r="AS549" s="53">
        <v>11532245.066421499</v>
      </c>
      <c r="AT549" s="53">
        <v>9036513.5518300496</v>
      </c>
      <c r="AU549" s="53">
        <v>8638235.27631904</v>
      </c>
      <c r="AV549" s="53">
        <v>9465076.5778064802</v>
      </c>
      <c r="AW549" s="53">
        <v>8443631.42382944</v>
      </c>
      <c r="AX549" s="53">
        <v>8131560.4586299397</v>
      </c>
      <c r="AY549" s="53">
        <v>6953227.0406462401</v>
      </c>
      <c r="AZ549" s="53">
        <v>7909904.0158085199</v>
      </c>
      <c r="BA549" s="53">
        <v>103459824.75906</v>
      </c>
      <c r="BB549" s="53">
        <v>6420024.1589201</v>
      </c>
      <c r="BC549" s="53">
        <v>7988764.8163330602</v>
      </c>
      <c r="BD549" s="53">
        <v>9348774.7533477601</v>
      </c>
      <c r="BE549" s="53">
        <v>9711357.9891951308</v>
      </c>
      <c r="BF549" s="53">
        <v>11562140.1427336</v>
      </c>
      <c r="BG549" s="53">
        <v>9066981.5677652899</v>
      </c>
      <c r="BH549" s="53">
        <v>8669160.6599481292</v>
      </c>
      <c r="BI549" s="53">
        <v>9500226.2131369896</v>
      </c>
      <c r="BJ549" s="53">
        <v>8475866.0380552094</v>
      </c>
      <c r="BK549" s="53">
        <v>8166365.6044459902</v>
      </c>
      <c r="BL549" s="53">
        <v>6988568.8277475797</v>
      </c>
      <c r="BM549" s="53">
        <v>7947478.6651883302</v>
      </c>
      <c r="BN549" s="53">
        <v>103845709.43681701</v>
      </c>
      <c r="BO549" s="53">
        <v>6454123.3739470001</v>
      </c>
      <c r="BP549" s="53">
        <v>8028121.9687939603</v>
      </c>
      <c r="BQ549" s="53">
        <v>9392001.7571884897</v>
      </c>
      <c r="BR549" s="53">
        <v>9748972.7893825993</v>
      </c>
      <c r="BS549" s="53">
        <v>11604838.721409701</v>
      </c>
      <c r="BT549" s="53">
        <v>9112415.1272931695</v>
      </c>
      <c r="BU549" s="53">
        <v>8716125.4834362194</v>
      </c>
      <c r="BV549" s="53">
        <v>9553850.7735320292</v>
      </c>
      <c r="BW549" s="53">
        <v>8525570.6822361406</v>
      </c>
      <c r="BX549" s="53">
        <v>8220901.2911817897</v>
      </c>
      <c r="BY549" s="53">
        <v>7044636.7617054097</v>
      </c>
      <c r="BZ549" s="53">
        <v>8005864.8407333698</v>
      </c>
      <c r="CA549" s="53">
        <v>104407423.570839</v>
      </c>
      <c r="CB549" s="53"/>
      <c r="CC549" s="53"/>
      <c r="CD549" s="53"/>
      <c r="CE549" s="53"/>
      <c r="CF549" s="53"/>
      <c r="CG549" s="53"/>
      <c r="CH549" s="53"/>
      <c r="CI549" s="53"/>
      <c r="CJ549" s="53"/>
      <c r="CK549" s="53"/>
      <c r="CL549" s="53"/>
      <c r="CM549" s="53"/>
      <c r="CN549" s="53"/>
    </row>
    <row r="550" spans="1:92" outlineLevel="1">
      <c r="A550" s="52" t="s">
        <v>782</v>
      </c>
      <c r="B550" s="53">
        <v>51975.957290147897</v>
      </c>
      <c r="C550" s="53">
        <v>52002.937381220203</v>
      </c>
      <c r="D550" s="53">
        <v>52040.821293660003</v>
      </c>
      <c r="E550" s="53">
        <v>52832.645060548602</v>
      </c>
      <c r="F550" s="53">
        <v>52615.103811900597</v>
      </c>
      <c r="G550" s="53">
        <v>52538.351249880499</v>
      </c>
      <c r="H550" s="53">
        <v>52445.384067409999</v>
      </c>
      <c r="I550" s="53">
        <v>52514.6158933673</v>
      </c>
      <c r="J550" s="53">
        <v>52492.292265635202</v>
      </c>
      <c r="K550" s="53">
        <v>52658.483575490201</v>
      </c>
      <c r="L550" s="53">
        <v>52635.5217442094</v>
      </c>
      <c r="M550" s="53">
        <v>52652.160491747098</v>
      </c>
      <c r="N550" s="53">
        <v>629404.27412521699</v>
      </c>
      <c r="O550" s="53">
        <v>109916.681822069</v>
      </c>
      <c r="P550" s="53">
        <v>104737.971034631</v>
      </c>
      <c r="Q550" s="53">
        <v>95564.618198824202</v>
      </c>
      <c r="R550" s="53">
        <v>107274.708884308</v>
      </c>
      <c r="S550" s="53">
        <v>105434.604504977</v>
      </c>
      <c r="T550" s="53">
        <v>107457.58543676299</v>
      </c>
      <c r="U550" s="53">
        <v>107619.53865286701</v>
      </c>
      <c r="V550" s="53">
        <v>104251.434151647</v>
      </c>
      <c r="W550" s="53">
        <v>104772.687650594</v>
      </c>
      <c r="X550" s="53">
        <v>105784.18835151799</v>
      </c>
      <c r="Y550" s="53">
        <v>106259.27906255799</v>
      </c>
      <c r="Z550" s="53">
        <v>111085.062183139</v>
      </c>
      <c r="AA550" s="53">
        <v>1270158.3599338899</v>
      </c>
      <c r="AB550" s="53">
        <v>104046.989750472</v>
      </c>
      <c r="AC550" s="53">
        <v>99575.484167338</v>
      </c>
      <c r="AD550" s="53">
        <v>91225.362387633999</v>
      </c>
      <c r="AE550" s="53">
        <v>102796.122826035</v>
      </c>
      <c r="AF550" s="53">
        <v>101396.08101554299</v>
      </c>
      <c r="AG550" s="53">
        <v>103690.407587649</v>
      </c>
      <c r="AH550" s="53">
        <v>104174.631192639</v>
      </c>
      <c r="AI550" s="53">
        <v>101212.967610126</v>
      </c>
      <c r="AJ550" s="53">
        <v>102001.00737838099</v>
      </c>
      <c r="AK550" s="53">
        <v>103252.39119885099</v>
      </c>
      <c r="AL550" s="53">
        <v>103967.40724283901</v>
      </c>
      <c r="AM550" s="53">
        <v>108935.39794087299</v>
      </c>
      <c r="AN550" s="53">
        <v>1226274.2502983799</v>
      </c>
      <c r="AO550" s="53">
        <v>102249.29682169</v>
      </c>
      <c r="AP550" s="53">
        <v>98048.171250691405</v>
      </c>
      <c r="AQ550" s="53">
        <v>89991.652402099498</v>
      </c>
      <c r="AR550" s="53">
        <v>101580.19631832901</v>
      </c>
      <c r="AS550" s="53">
        <v>100357.143605188</v>
      </c>
      <c r="AT550" s="53">
        <v>102780.957581651</v>
      </c>
      <c r="AU550" s="53">
        <v>103404.653111259</v>
      </c>
      <c r="AV550" s="53">
        <v>100595.093659365</v>
      </c>
      <c r="AW550" s="53">
        <v>101500.367931803</v>
      </c>
      <c r="AX550" s="53">
        <v>102861.02883818701</v>
      </c>
      <c r="AY550" s="53">
        <v>103681.296360786</v>
      </c>
      <c r="AZ550" s="53">
        <v>108740.908767539</v>
      </c>
      <c r="BA550" s="53">
        <v>1215790.7666485901</v>
      </c>
      <c r="BB550" s="53">
        <v>102159.013247832</v>
      </c>
      <c r="BC550" s="53">
        <v>98043.739585673393</v>
      </c>
      <c r="BD550" s="53">
        <v>90057.129663700602</v>
      </c>
      <c r="BE550" s="53">
        <v>101727.64463753899</v>
      </c>
      <c r="BF550" s="53">
        <v>100570.131965833</v>
      </c>
      <c r="BG550" s="53">
        <v>103063.390219497</v>
      </c>
      <c r="BH550" s="53">
        <v>103748.378133223</v>
      </c>
      <c r="BI550" s="53">
        <v>100983.282383956</v>
      </c>
      <c r="BJ550" s="53">
        <v>101942.550729073</v>
      </c>
      <c r="BK550" s="53">
        <v>103356.049337622</v>
      </c>
      <c r="BL550" s="53">
        <v>104224.52328140401</v>
      </c>
      <c r="BM550" s="53">
        <v>109353.437888152</v>
      </c>
      <c r="BN550" s="53">
        <v>1219229.2710734999</v>
      </c>
      <c r="BO550" s="53">
        <v>102771.261855672</v>
      </c>
      <c r="BP550" s="53">
        <v>98664.172688188803</v>
      </c>
      <c r="BQ550" s="53">
        <v>90654.933362838201</v>
      </c>
      <c r="BR550" s="53">
        <v>102432.305585152</v>
      </c>
      <c r="BS550" s="53">
        <v>101292.88898034699</v>
      </c>
      <c r="BT550" s="53">
        <v>103829.087086471</v>
      </c>
      <c r="BU550" s="53">
        <v>104542.17874087799</v>
      </c>
      <c r="BV550" s="53">
        <v>101776.62757056599</v>
      </c>
      <c r="BW550" s="53">
        <v>102762.196461877</v>
      </c>
      <c r="BX550" s="53">
        <v>104205.199886653</v>
      </c>
      <c r="BY550" s="53">
        <v>105096.92695454801</v>
      </c>
      <c r="BZ550" s="53">
        <v>110284.30331086399</v>
      </c>
      <c r="CA550" s="53">
        <v>1228312.08248405</v>
      </c>
      <c r="CB550" s="53">
        <v>2361916.9078309098</v>
      </c>
      <c r="CC550" s="53">
        <v>2170393.2719040099</v>
      </c>
      <c r="CD550" s="53">
        <v>2465572.3168200199</v>
      </c>
      <c r="CE550" s="53">
        <v>2612102.56649605</v>
      </c>
      <c r="CF550" s="53">
        <v>3004007.5762668098</v>
      </c>
      <c r="CG550" s="53">
        <v>3135426.7578091398</v>
      </c>
      <c r="CH550" s="53">
        <v>3307206.2482087901</v>
      </c>
      <c r="CI550" s="53">
        <v>3313336.5302067399</v>
      </c>
      <c r="CJ550" s="53">
        <v>3127577.1331772199</v>
      </c>
      <c r="CK550" s="53">
        <v>2888971.1257441598</v>
      </c>
      <c r="CL550" s="53">
        <v>2427429.6819736599</v>
      </c>
      <c r="CM550" s="53">
        <v>2398395.4591576001</v>
      </c>
      <c r="CN550" s="53">
        <v>33212335.575595099</v>
      </c>
    </row>
    <row r="551" spans="1:92" outlineLevel="1">
      <c r="A551" s="52" t="s">
        <v>783</v>
      </c>
      <c r="B551" s="53">
        <v>10029345.186494799</v>
      </c>
      <c r="C551" s="53">
        <v>10442445.934711</v>
      </c>
      <c r="D551" s="53">
        <v>10706871.962675801</v>
      </c>
      <c r="E551" s="53">
        <v>11386492.6930496</v>
      </c>
      <c r="F551" s="53">
        <v>12803809.2461992</v>
      </c>
      <c r="G551" s="53">
        <v>12783658.523254501</v>
      </c>
      <c r="H551" s="53">
        <v>11914334.9410333</v>
      </c>
      <c r="I551" s="53">
        <v>12187960.1881049</v>
      </c>
      <c r="J551" s="53">
        <v>13158298.227984101</v>
      </c>
      <c r="K551" s="53">
        <v>12195270.8311038</v>
      </c>
      <c r="L551" s="53">
        <v>10860062.628333701</v>
      </c>
      <c r="M551" s="53">
        <v>10467459.974524399</v>
      </c>
      <c r="N551" s="53">
        <v>138936010.33746901</v>
      </c>
      <c r="O551" s="53">
        <v>13034523.0217543</v>
      </c>
      <c r="P551" s="53">
        <v>11991894.411763901</v>
      </c>
      <c r="Q551" s="53">
        <v>10939280.2067835</v>
      </c>
      <c r="R551" s="53">
        <v>11924575.341799401</v>
      </c>
      <c r="S551" s="53">
        <v>13196228.726736501</v>
      </c>
      <c r="T551" s="53">
        <v>13060683.803981099</v>
      </c>
      <c r="U551" s="53">
        <v>12885865.5470418</v>
      </c>
      <c r="V551" s="53">
        <v>12700375.311114101</v>
      </c>
      <c r="W551" s="53">
        <v>13239819.5134289</v>
      </c>
      <c r="X551" s="53">
        <v>12747301.749209199</v>
      </c>
      <c r="Y551" s="53">
        <v>11266063.7853406</v>
      </c>
      <c r="Z551" s="53">
        <v>11351729.545450799</v>
      </c>
      <c r="AA551" s="53">
        <v>148338340.96440399</v>
      </c>
      <c r="AB551" s="53">
        <v>13007114.942901</v>
      </c>
      <c r="AC551" s="53">
        <v>11980897.809355</v>
      </c>
      <c r="AD551" s="53">
        <v>10920252.1638902</v>
      </c>
      <c r="AE551" s="53">
        <v>11905662.20954</v>
      </c>
      <c r="AF551" s="53">
        <v>13175915.637733201</v>
      </c>
      <c r="AG551" s="53">
        <v>13039125.6608436</v>
      </c>
      <c r="AH551" s="53">
        <v>12864103.455070101</v>
      </c>
      <c r="AI551" s="53">
        <v>12675362.1061993</v>
      </c>
      <c r="AJ551" s="53">
        <v>13217251.655345</v>
      </c>
      <c r="AK551" s="53">
        <v>12724818.6958513</v>
      </c>
      <c r="AL551" s="53">
        <v>11242752.509873901</v>
      </c>
      <c r="AM551" s="53">
        <v>11322953.6302593</v>
      </c>
      <c r="AN551" s="53">
        <v>148076210.47686201</v>
      </c>
      <c r="AO551" s="53">
        <v>12965989.0622792</v>
      </c>
      <c r="AP551" s="53">
        <v>11929032.511912899</v>
      </c>
      <c r="AQ551" s="53">
        <v>10892427.515756801</v>
      </c>
      <c r="AR551" s="53">
        <v>11878239.232015001</v>
      </c>
      <c r="AS551" s="53">
        <v>13146559.098180501</v>
      </c>
      <c r="AT551" s="53">
        <v>13008039.061742701</v>
      </c>
      <c r="AU551" s="53">
        <v>12832871.158976801</v>
      </c>
      <c r="AV551" s="53">
        <v>12639534.9285657</v>
      </c>
      <c r="AW551" s="53">
        <v>13185575.670933601</v>
      </c>
      <c r="AX551" s="53">
        <v>12693790.163988</v>
      </c>
      <c r="AY551" s="53">
        <v>11210657.084261701</v>
      </c>
      <c r="AZ551" s="53">
        <v>11282473.956916999</v>
      </c>
      <c r="BA551" s="53">
        <v>147665189.44553</v>
      </c>
      <c r="BB551" s="53">
        <v>12937231.2730406</v>
      </c>
      <c r="BC551" s="53">
        <v>11902503.7373595</v>
      </c>
      <c r="BD551" s="53">
        <v>10872593.526396001</v>
      </c>
      <c r="BE551" s="53">
        <v>11858700.505127801</v>
      </c>
      <c r="BF551" s="53">
        <v>13125695.8834479</v>
      </c>
      <c r="BG551" s="53">
        <v>12985913.6718072</v>
      </c>
      <c r="BH551" s="53">
        <v>12810541.4564339</v>
      </c>
      <c r="BI551" s="53">
        <v>12613940.963985501</v>
      </c>
      <c r="BJ551" s="53">
        <v>13162775.918973699</v>
      </c>
      <c r="BK551" s="53">
        <v>12671393.6648883</v>
      </c>
      <c r="BL551" s="53">
        <v>11187540.477930499</v>
      </c>
      <c r="BM551" s="53">
        <v>11253574.223629201</v>
      </c>
      <c r="BN551" s="53">
        <v>147382405.30302</v>
      </c>
      <c r="BO551" s="53">
        <v>12908608.604975199</v>
      </c>
      <c r="BP551" s="53">
        <v>11875866.861144099</v>
      </c>
      <c r="BQ551" s="53">
        <v>10852367.8020989</v>
      </c>
      <c r="BR551" s="53">
        <v>11838470.4776682</v>
      </c>
      <c r="BS551" s="53">
        <v>13103889.3291796</v>
      </c>
      <c r="BT551" s="53">
        <v>12962683.7403809</v>
      </c>
      <c r="BU551" s="53">
        <v>12787002.2080596</v>
      </c>
      <c r="BV551" s="53">
        <v>12586922.657857301</v>
      </c>
      <c r="BW551" s="53">
        <v>13138254.040399799</v>
      </c>
      <c r="BX551" s="53">
        <v>12646886.6454744</v>
      </c>
      <c r="BY551" s="53">
        <v>11162096.3263418</v>
      </c>
      <c r="BZ551" s="53">
        <v>11222272.3210048</v>
      </c>
      <c r="CA551" s="53">
        <v>147085321.01458499</v>
      </c>
      <c r="CB551" s="53">
        <v>790898.96743854601</v>
      </c>
      <c r="CC551" s="53">
        <v>806085.024891334</v>
      </c>
      <c r="CD551" s="53">
        <v>860372.27380172</v>
      </c>
      <c r="CE551" s="53">
        <v>852492.24345753796</v>
      </c>
      <c r="CF551" s="53">
        <v>875550.93286376202</v>
      </c>
      <c r="CG551" s="53">
        <v>892763.15781018196</v>
      </c>
      <c r="CH551" s="53">
        <v>884025.03877756104</v>
      </c>
      <c r="CI551" s="53">
        <v>902369.37825239205</v>
      </c>
      <c r="CJ551" s="53">
        <v>877687.40196370496</v>
      </c>
      <c r="CK551" s="53">
        <v>859024.13592790696</v>
      </c>
      <c r="CL551" s="53">
        <v>848225.46148659999</v>
      </c>
      <c r="CM551" s="53">
        <v>817948.92542882904</v>
      </c>
      <c r="CN551" s="53">
        <v>10267442.9421</v>
      </c>
    </row>
    <row r="552" spans="1:92" outlineLevel="1">
      <c r="A552" s="52" t="s">
        <v>784</v>
      </c>
      <c r="B552" s="53">
        <v>109552498.395897</v>
      </c>
      <c r="C552" s="53">
        <v>92376945.300985307</v>
      </c>
      <c r="D552" s="53">
        <v>95052974.169056907</v>
      </c>
      <c r="E552" s="53">
        <v>100620043.712165</v>
      </c>
      <c r="F552" s="53">
        <v>126723115.238986</v>
      </c>
      <c r="G552" s="53">
        <v>144842102.326736</v>
      </c>
      <c r="H552" s="53">
        <v>159179912.70311099</v>
      </c>
      <c r="I552" s="53">
        <v>157661844.851659</v>
      </c>
      <c r="J552" s="53">
        <v>144654083.79613501</v>
      </c>
      <c r="K552" s="53">
        <v>118375388.139221</v>
      </c>
      <c r="L552" s="53">
        <v>96252678.900735602</v>
      </c>
      <c r="M552" s="53">
        <v>102791362.72603799</v>
      </c>
      <c r="N552" s="53">
        <v>1448082950.26072</v>
      </c>
      <c r="O552" s="53">
        <v>173681206.54411301</v>
      </c>
      <c r="P552" s="53">
        <v>95163750.975846097</v>
      </c>
      <c r="Q552" s="53">
        <v>87133565.558913007</v>
      </c>
      <c r="R552" s="53">
        <v>92900077.535376206</v>
      </c>
      <c r="S552" s="53">
        <v>120265421.867227</v>
      </c>
      <c r="T552" s="53">
        <v>138904761.29661199</v>
      </c>
      <c r="U552" s="53">
        <v>150167709.44933099</v>
      </c>
      <c r="V552" s="53">
        <v>196334347.103066</v>
      </c>
      <c r="W552" s="53">
        <v>135942585.190043</v>
      </c>
      <c r="X552" s="53">
        <v>110999450.204715</v>
      </c>
      <c r="Y552" s="53">
        <v>83997744.320044398</v>
      </c>
      <c r="Z552" s="53">
        <v>108391298.68720201</v>
      </c>
      <c r="AA552" s="53">
        <v>1493881918.7324901</v>
      </c>
      <c r="AB552" s="53">
        <v>175797451.67682099</v>
      </c>
      <c r="AC552" s="53">
        <v>99121506.506805897</v>
      </c>
      <c r="AD552" s="53">
        <v>88124869.430296794</v>
      </c>
      <c r="AE552" s="53">
        <v>93940792.484493196</v>
      </c>
      <c r="AF552" s="53">
        <v>123317023.725749</v>
      </c>
      <c r="AG552" s="53">
        <v>143654921.88358101</v>
      </c>
      <c r="AH552" s="53">
        <v>155731526.92646801</v>
      </c>
      <c r="AI552" s="53">
        <v>202013809.82769001</v>
      </c>
      <c r="AJ552" s="53">
        <v>140700950.09371701</v>
      </c>
      <c r="AK552" s="53">
        <v>114023013.908866</v>
      </c>
      <c r="AL552" s="53">
        <v>85531486.944405794</v>
      </c>
      <c r="AM552" s="53">
        <v>110686384.190411</v>
      </c>
      <c r="AN552" s="53">
        <v>1532643737.5992999</v>
      </c>
      <c r="AO552" s="53">
        <v>175620991.796929</v>
      </c>
      <c r="AP552" s="53">
        <v>95330975.882419497</v>
      </c>
      <c r="AQ552" s="53">
        <v>87051551.457707003</v>
      </c>
      <c r="AR552" s="53">
        <v>92834784.225863993</v>
      </c>
      <c r="AS552" s="53">
        <v>122734605.745831</v>
      </c>
      <c r="AT552" s="53">
        <v>143818283.63089699</v>
      </c>
      <c r="AU552" s="53">
        <v>156163729.655224</v>
      </c>
      <c r="AV552" s="53">
        <v>202591456.65912399</v>
      </c>
      <c r="AW552" s="53">
        <v>141127042.26656201</v>
      </c>
      <c r="AX552" s="53">
        <v>114020839.860753</v>
      </c>
      <c r="AY552" s="53">
        <v>85291968.040361404</v>
      </c>
      <c r="AZ552" s="53">
        <v>110693471.703696</v>
      </c>
      <c r="BA552" s="53">
        <v>1527279700.92537</v>
      </c>
      <c r="BB552" s="53">
        <v>175171755.688243</v>
      </c>
      <c r="BC552" s="53">
        <v>94397556.367549807</v>
      </c>
      <c r="BD552" s="53">
        <v>85830652.272796303</v>
      </c>
      <c r="BE552" s="53">
        <v>91588779.904353604</v>
      </c>
      <c r="BF552" s="53">
        <v>121963029.283962</v>
      </c>
      <c r="BG552" s="53">
        <v>143784251.68116701</v>
      </c>
      <c r="BH552" s="53">
        <v>156384960.76070601</v>
      </c>
      <c r="BI552" s="53">
        <v>202953059.15665001</v>
      </c>
      <c r="BJ552" s="53">
        <v>141355654.978333</v>
      </c>
      <c r="BK552" s="53">
        <v>113854471.6195</v>
      </c>
      <c r="BL552" s="53">
        <v>84915458.767824605</v>
      </c>
      <c r="BM552" s="53">
        <v>110522965.36604699</v>
      </c>
      <c r="BN552" s="53">
        <v>1522722595.8471301</v>
      </c>
      <c r="BO552" s="53">
        <v>174659065.962648</v>
      </c>
      <c r="BP552" s="53">
        <v>93643381.094991595</v>
      </c>
      <c r="BQ552" s="53">
        <v>84810921.976891294</v>
      </c>
      <c r="BR552" s="53">
        <v>90623250.639151096</v>
      </c>
      <c r="BS552" s="53">
        <v>121303499.636777</v>
      </c>
      <c r="BT552" s="53">
        <v>143746306.86556301</v>
      </c>
      <c r="BU552" s="53">
        <v>156596142.95674199</v>
      </c>
      <c r="BV552" s="53">
        <v>203372771.017775</v>
      </c>
      <c r="BW552" s="53">
        <v>141844839.37200299</v>
      </c>
      <c r="BX552" s="53">
        <v>114247488.54085501</v>
      </c>
      <c r="BY552" s="53">
        <v>85261719.333995998</v>
      </c>
      <c r="BZ552" s="53">
        <v>111070537.54646599</v>
      </c>
      <c r="CA552" s="53">
        <v>1521179924.9438601</v>
      </c>
      <c r="CB552" s="53">
        <v>5054.8452749540302</v>
      </c>
      <c r="CC552" s="53">
        <v>5053.0774083630704</v>
      </c>
      <c r="CD552" s="53">
        <v>5051.31516297902</v>
      </c>
      <c r="CE552" s="53">
        <v>5049.5585031681603</v>
      </c>
      <c r="CF552" s="53">
        <v>5047.8073936345399</v>
      </c>
      <c r="CG552" s="53">
        <v>5046.06179941563</v>
      </c>
      <c r="CH552" s="53">
        <v>5044.3216858783499</v>
      </c>
      <c r="CI552" s="53">
        <v>5042.5870187147102</v>
      </c>
      <c r="CJ552" s="53">
        <v>5040.85776393793</v>
      </c>
      <c r="CK552" s="53">
        <v>5039.1338878783099</v>
      </c>
      <c r="CL552" s="53">
        <v>5037.4153571793804</v>
      </c>
      <c r="CM552" s="53">
        <v>5035.7021387940304</v>
      </c>
      <c r="CN552" s="53">
        <v>60542.683394897198</v>
      </c>
    </row>
    <row r="553" spans="1:92" outlineLevel="1">
      <c r="A553" s="52" t="s">
        <v>1237</v>
      </c>
      <c r="B553" s="53">
        <v>55789.210486666598</v>
      </c>
      <c r="C553" s="53">
        <v>50413.194539999997</v>
      </c>
      <c r="D553" s="53">
        <v>55789.027770000001</v>
      </c>
      <c r="E553" s="53">
        <v>41705.121379999997</v>
      </c>
      <c r="F553" s="53">
        <v>43096.066426666599</v>
      </c>
      <c r="G553" s="53">
        <v>41712.545446666598</v>
      </c>
      <c r="H553" s="53">
        <v>43128.874646666598</v>
      </c>
      <c r="I553" s="53">
        <v>43134.336913333304</v>
      </c>
      <c r="J553" s="53">
        <v>41746.1499266666</v>
      </c>
      <c r="K553" s="53">
        <v>43134.686959999999</v>
      </c>
      <c r="L553" s="53">
        <v>41722.816046666601</v>
      </c>
      <c r="M553" s="53">
        <v>55772.423633333303</v>
      </c>
      <c r="N553" s="53">
        <v>557144.45417666598</v>
      </c>
      <c r="O553" s="53">
        <v>74775.113633333298</v>
      </c>
      <c r="P553" s="53">
        <v>67576.914539999998</v>
      </c>
      <c r="Q553" s="53">
        <v>74791.717770000003</v>
      </c>
      <c r="R553" s="53">
        <v>61846.221380000003</v>
      </c>
      <c r="S553" s="53">
        <v>63908.5364266666</v>
      </c>
      <c r="T553" s="53">
        <v>61853.645446666596</v>
      </c>
      <c r="U553" s="53">
        <v>63941.344646666599</v>
      </c>
      <c r="V553" s="53">
        <v>63946.806913333297</v>
      </c>
      <c r="W553" s="53">
        <v>61887.249926666598</v>
      </c>
      <c r="X553" s="53">
        <v>63947.15696</v>
      </c>
      <c r="Y553" s="53">
        <v>61863.9160466666</v>
      </c>
      <c r="Z553" s="53">
        <v>74775.113633333298</v>
      </c>
      <c r="AA553" s="53">
        <v>795113.73732333304</v>
      </c>
      <c r="AB553" s="53">
        <v>45818.633633333302</v>
      </c>
      <c r="AC553" s="53">
        <v>42897.954539999999</v>
      </c>
      <c r="AD553" s="53">
        <v>45835.23777</v>
      </c>
      <c r="AE553" s="53">
        <v>40829.42138</v>
      </c>
      <c r="AF553" s="53">
        <v>42191.1764266666</v>
      </c>
      <c r="AG553" s="53">
        <v>40836.845446666601</v>
      </c>
      <c r="AH553" s="53">
        <v>42223.984646666599</v>
      </c>
      <c r="AI553" s="53">
        <v>42229.446913333297</v>
      </c>
      <c r="AJ553" s="53">
        <v>40870.449926666603</v>
      </c>
      <c r="AK553" s="53">
        <v>42229.79696</v>
      </c>
      <c r="AL553" s="53">
        <v>40847.116046666597</v>
      </c>
      <c r="AM553" s="53">
        <v>45818.633633333302</v>
      </c>
      <c r="AN553" s="53">
        <v>512628.69732333301</v>
      </c>
      <c r="AO553" s="53">
        <v>46142.273633333301</v>
      </c>
      <c r="AP553" s="53">
        <v>41714.99454</v>
      </c>
      <c r="AQ553" s="53">
        <v>46158.877769999999</v>
      </c>
      <c r="AR553" s="53">
        <v>41038.221379999901</v>
      </c>
      <c r="AS553" s="53">
        <v>42406.936426666602</v>
      </c>
      <c r="AT553" s="53">
        <v>41045.645446666596</v>
      </c>
      <c r="AU553" s="53">
        <v>42439.744646666601</v>
      </c>
      <c r="AV553" s="53">
        <v>42445.206913333299</v>
      </c>
      <c r="AW553" s="53">
        <v>41079.249926666598</v>
      </c>
      <c r="AX553" s="53">
        <v>42445.5569599999</v>
      </c>
      <c r="AY553" s="53">
        <v>41055.9160466666</v>
      </c>
      <c r="AZ553" s="53">
        <v>46142.273633333301</v>
      </c>
      <c r="BA553" s="53">
        <v>514114.89732333302</v>
      </c>
      <c r="BB553" s="53">
        <v>47314.073633333297</v>
      </c>
      <c r="BC553" s="53">
        <v>42773.394540000001</v>
      </c>
      <c r="BD553" s="53">
        <v>47330.677770000002</v>
      </c>
      <c r="BE553" s="53">
        <v>42064.221380000003</v>
      </c>
      <c r="BF553" s="53">
        <v>43467.136426666599</v>
      </c>
      <c r="BG553" s="53">
        <v>42071.645446666596</v>
      </c>
      <c r="BH553" s="53">
        <v>43499.944646666598</v>
      </c>
      <c r="BI553" s="53">
        <v>43505.406913333303</v>
      </c>
      <c r="BJ553" s="53">
        <v>42105.249926666598</v>
      </c>
      <c r="BK553" s="53">
        <v>43505.756959999999</v>
      </c>
      <c r="BL553" s="53">
        <v>42081.9160466666</v>
      </c>
      <c r="BM553" s="53">
        <v>47314.073633333297</v>
      </c>
      <c r="BN553" s="53">
        <v>527033.49732333305</v>
      </c>
      <c r="BO553" s="53">
        <v>48590.033633333303</v>
      </c>
      <c r="BP553" s="53">
        <v>43925.874539999997</v>
      </c>
      <c r="BQ553" s="53">
        <v>48606.637770000001</v>
      </c>
      <c r="BR553" s="53">
        <v>43187.42138</v>
      </c>
      <c r="BS553" s="53">
        <v>44627.776426666598</v>
      </c>
      <c r="BT553" s="53">
        <v>43194.845446666601</v>
      </c>
      <c r="BU553" s="53">
        <v>44660.584646666597</v>
      </c>
      <c r="BV553" s="53">
        <v>44666.046913333303</v>
      </c>
      <c r="BW553" s="53">
        <v>43228.449926666603</v>
      </c>
      <c r="BX553" s="53">
        <v>44666.396959999998</v>
      </c>
      <c r="BY553" s="53">
        <v>43205.116046666597</v>
      </c>
      <c r="BZ553" s="53">
        <v>44635.673633333303</v>
      </c>
      <c r="CA553" s="53">
        <v>537194.85732333304</v>
      </c>
      <c r="CB553" s="53">
        <v>693392.19228796999</v>
      </c>
      <c r="CC553" s="53">
        <v>688905.03998809296</v>
      </c>
      <c r="CD553" s="53">
        <v>711728.33587024198</v>
      </c>
      <c r="CE553" s="53">
        <v>755525.75100202195</v>
      </c>
      <c r="CF553" s="53">
        <v>829198.45529881294</v>
      </c>
      <c r="CG553" s="53">
        <v>841268.60072348302</v>
      </c>
      <c r="CH553" s="53">
        <v>851397.87874369696</v>
      </c>
      <c r="CI553" s="53">
        <v>768067.877879804</v>
      </c>
      <c r="CJ553" s="53">
        <v>865366.001099827</v>
      </c>
      <c r="CK553" s="53">
        <v>800338.12012975605</v>
      </c>
      <c r="CL553" s="53">
        <v>714142.46086381504</v>
      </c>
      <c r="CM553" s="53">
        <v>697313.42147565202</v>
      </c>
      <c r="CN553" s="53">
        <v>9216644.1353631709</v>
      </c>
    </row>
    <row r="554" spans="1:92" outlineLevel="1">
      <c r="A554" s="52" t="s">
        <v>1239</v>
      </c>
      <c r="B554" s="53"/>
      <c r="C554" s="53"/>
      <c r="D554" s="53"/>
      <c r="E554" s="53"/>
      <c r="F554" s="53"/>
      <c r="G554" s="53"/>
      <c r="H554" s="53"/>
      <c r="I554" s="53"/>
      <c r="J554" s="53"/>
      <c r="K554" s="53"/>
      <c r="L554" s="53"/>
      <c r="M554" s="53"/>
      <c r="N554" s="53"/>
      <c r="O554" s="53"/>
      <c r="P554" s="53"/>
      <c r="Q554" s="53"/>
      <c r="R554" s="53"/>
      <c r="S554" s="53"/>
      <c r="T554" s="53"/>
      <c r="U554" s="53"/>
      <c r="V554" s="53"/>
      <c r="W554" s="53"/>
      <c r="X554" s="53"/>
      <c r="Y554" s="53"/>
      <c r="Z554" s="53"/>
      <c r="AA554" s="53"/>
      <c r="AB554" s="53"/>
      <c r="AC554" s="53"/>
      <c r="AD554" s="53"/>
      <c r="AE554" s="53"/>
      <c r="AF554" s="53"/>
      <c r="AG554" s="53"/>
      <c r="AH554" s="53"/>
      <c r="AI554" s="53"/>
      <c r="AJ554" s="53"/>
      <c r="AK554" s="53"/>
      <c r="AL554" s="53"/>
      <c r="AM554" s="53"/>
      <c r="AN554" s="53"/>
      <c r="AO554" s="53"/>
      <c r="AP554" s="53"/>
      <c r="AQ554" s="53"/>
      <c r="AR554" s="53"/>
      <c r="AS554" s="53"/>
      <c r="AT554" s="53"/>
      <c r="AU554" s="53"/>
      <c r="AV554" s="53"/>
      <c r="AW554" s="53"/>
      <c r="AX554" s="53"/>
      <c r="AY554" s="53"/>
      <c r="AZ554" s="53"/>
      <c r="BA554" s="53"/>
      <c r="BB554" s="53"/>
      <c r="BC554" s="53"/>
      <c r="BD554" s="53"/>
      <c r="BE554" s="53"/>
      <c r="BF554" s="53"/>
      <c r="BG554" s="53"/>
      <c r="BH554" s="53"/>
      <c r="BI554" s="53"/>
      <c r="BJ554" s="53"/>
      <c r="BK554" s="53"/>
      <c r="BL554" s="53"/>
      <c r="BM554" s="53"/>
      <c r="BN554" s="53"/>
      <c r="BO554" s="53"/>
      <c r="BP554" s="53"/>
      <c r="BQ554" s="53"/>
      <c r="BR554" s="53"/>
      <c r="BS554" s="53"/>
      <c r="BT554" s="53"/>
      <c r="BU554" s="53"/>
      <c r="BV554" s="53"/>
      <c r="BW554" s="53"/>
      <c r="BX554" s="53"/>
      <c r="BY554" s="53"/>
      <c r="BZ554" s="53"/>
      <c r="CA554" s="53"/>
      <c r="CB554" s="53">
        <v>4727284.3817077596</v>
      </c>
      <c r="CC554" s="53">
        <v>3865002.3809989402</v>
      </c>
      <c r="CD554" s="53">
        <v>3994978.6166087501</v>
      </c>
      <c r="CE554" s="53">
        <v>4119280.9200959802</v>
      </c>
      <c r="CF554" s="53">
        <v>5452342.1789041497</v>
      </c>
      <c r="CG554" s="53">
        <v>6290262.2787426999</v>
      </c>
      <c r="CH554" s="53">
        <v>6816832.4715279397</v>
      </c>
      <c r="CI554" s="53">
        <v>6834037.0725463703</v>
      </c>
      <c r="CJ554" s="53">
        <v>6182728.2587545002</v>
      </c>
      <c r="CK554" s="53">
        <v>5042711.4114465397</v>
      </c>
      <c r="CL554" s="53">
        <v>3925075.3102670698</v>
      </c>
      <c r="CM554" s="53">
        <v>4508799.6640266003</v>
      </c>
      <c r="CN554" s="53">
        <v>61759334.945627302</v>
      </c>
    </row>
    <row r="555" spans="1:92" outlineLevel="1">
      <c r="A555" s="52" t="s">
        <v>1237</v>
      </c>
      <c r="B555" s="53">
        <v>7819358.3600000003</v>
      </c>
      <c r="C555" s="53">
        <v>7819358.3600000003</v>
      </c>
      <c r="D555" s="53">
        <v>7819358.3600000003</v>
      </c>
      <c r="E555" s="53">
        <v>7126358.3600000003</v>
      </c>
      <c r="F555" s="53">
        <v>7126358.3600000003</v>
      </c>
      <c r="G555" s="53">
        <v>7246358.3600000003</v>
      </c>
      <c r="H555" s="53">
        <v>7246358.3600000003</v>
      </c>
      <c r="I555" s="53">
        <v>7246358.3600000003</v>
      </c>
      <c r="J555" s="53">
        <v>7246358.3600000003</v>
      </c>
      <c r="K555" s="53">
        <v>7246358.3600000003</v>
      </c>
      <c r="L555" s="53">
        <v>7246358.3600000003</v>
      </c>
      <c r="M555" s="53">
        <v>7939358.3600000003</v>
      </c>
      <c r="N555" s="53">
        <v>89128300.319999993</v>
      </c>
      <c r="O555" s="53">
        <v>4111108.36</v>
      </c>
      <c r="P555" s="53">
        <v>4111108.36</v>
      </c>
      <c r="Q555" s="53">
        <v>4111108.36</v>
      </c>
      <c r="R555" s="53">
        <v>3517108.36</v>
      </c>
      <c r="S555" s="53">
        <v>3517108.36</v>
      </c>
      <c r="T555" s="53">
        <v>3565108.36</v>
      </c>
      <c r="U555" s="53">
        <v>3565108.36</v>
      </c>
      <c r="V555" s="53">
        <v>3565108.36</v>
      </c>
      <c r="W555" s="53">
        <v>3565108.36</v>
      </c>
      <c r="X555" s="53">
        <v>3565108.36</v>
      </c>
      <c r="Y555" s="53">
        <v>3565108.36</v>
      </c>
      <c r="Z555" s="53">
        <v>4159108.36</v>
      </c>
      <c r="AA555" s="53">
        <v>44917300.319999903</v>
      </c>
      <c r="AB555" s="53">
        <v>3185608.36</v>
      </c>
      <c r="AC555" s="53">
        <v>3185608.36</v>
      </c>
      <c r="AD555" s="53">
        <v>3185608.36</v>
      </c>
      <c r="AE555" s="53">
        <v>2987608.36</v>
      </c>
      <c r="AF555" s="53">
        <v>2987608.36</v>
      </c>
      <c r="AG555" s="53">
        <v>3037608.36</v>
      </c>
      <c r="AH555" s="53">
        <v>3037608.36</v>
      </c>
      <c r="AI555" s="53">
        <v>3037608.36</v>
      </c>
      <c r="AJ555" s="53">
        <v>3037608.36</v>
      </c>
      <c r="AK555" s="53">
        <v>3037608.36</v>
      </c>
      <c r="AL555" s="53">
        <v>3037608.36</v>
      </c>
      <c r="AM555" s="53">
        <v>3235608.36</v>
      </c>
      <c r="AN555" s="53">
        <v>36993300.319999903</v>
      </c>
      <c r="AO555" s="53">
        <v>727608.36</v>
      </c>
      <c r="AP555" s="53">
        <v>727608.36</v>
      </c>
      <c r="AQ555" s="53">
        <v>727608.36</v>
      </c>
      <c r="AR555" s="53">
        <v>523608.359999999</v>
      </c>
      <c r="AS555" s="53">
        <v>523608.359999999</v>
      </c>
      <c r="AT555" s="53">
        <v>523608.359999999</v>
      </c>
      <c r="AU555" s="53">
        <v>523608.359999999</v>
      </c>
      <c r="AV555" s="53">
        <v>523608.359999999</v>
      </c>
      <c r="AW555" s="53">
        <v>523608.359999999</v>
      </c>
      <c r="AX555" s="53">
        <v>523608.359999999</v>
      </c>
      <c r="AY555" s="53">
        <v>523608.359999999</v>
      </c>
      <c r="AZ555" s="53">
        <v>727608.36</v>
      </c>
      <c r="BA555" s="53">
        <v>7099300.3200000003</v>
      </c>
      <c r="BB555" s="53">
        <v>747608.36</v>
      </c>
      <c r="BC555" s="53">
        <v>747608.36</v>
      </c>
      <c r="BD555" s="53">
        <v>747608.36</v>
      </c>
      <c r="BE555" s="53">
        <v>537608.36</v>
      </c>
      <c r="BF555" s="53">
        <v>537608.36</v>
      </c>
      <c r="BG555" s="53">
        <v>537608.36</v>
      </c>
      <c r="BH555" s="53">
        <v>537608.36</v>
      </c>
      <c r="BI555" s="53">
        <v>537608.36</v>
      </c>
      <c r="BJ555" s="53">
        <v>537608.36</v>
      </c>
      <c r="BK555" s="53">
        <v>537608.36</v>
      </c>
      <c r="BL555" s="53">
        <v>537608.36</v>
      </c>
      <c r="BM555" s="53">
        <v>747608.36</v>
      </c>
      <c r="BN555" s="53">
        <v>7291300.3200000003</v>
      </c>
      <c r="BO555" s="53">
        <v>768608.36</v>
      </c>
      <c r="BP555" s="53">
        <v>768608.36</v>
      </c>
      <c r="BQ555" s="53">
        <v>768608.36</v>
      </c>
      <c r="BR555" s="53">
        <v>552108.36</v>
      </c>
      <c r="BS555" s="53">
        <v>552108.36</v>
      </c>
      <c r="BT555" s="53">
        <v>552108.36</v>
      </c>
      <c r="BU555" s="53">
        <v>552108.36</v>
      </c>
      <c r="BV555" s="53">
        <v>552108.36</v>
      </c>
      <c r="BW555" s="53">
        <v>552108.36</v>
      </c>
      <c r="BX555" s="53">
        <v>552108.36</v>
      </c>
      <c r="BY555" s="53">
        <v>552108.36</v>
      </c>
      <c r="BZ555" s="53">
        <v>552108.36</v>
      </c>
      <c r="CA555" s="53">
        <v>7274800.3200000003</v>
      </c>
      <c r="CB555" s="53"/>
      <c r="CC555" s="53"/>
      <c r="CD555" s="53"/>
      <c r="CE555" s="53"/>
      <c r="CF555" s="53"/>
      <c r="CG555" s="53"/>
      <c r="CH555" s="53"/>
      <c r="CI555" s="53"/>
      <c r="CJ555" s="53"/>
      <c r="CK555" s="53"/>
      <c r="CL555" s="53"/>
      <c r="CM555" s="53"/>
      <c r="CN555" s="53"/>
    </row>
    <row r="556" spans="1:92" outlineLevel="1">
      <c r="A556" s="52" t="s">
        <v>1240</v>
      </c>
      <c r="B556" s="53">
        <v>737083.35</v>
      </c>
      <c r="C556" s="53">
        <v>662833.35</v>
      </c>
      <c r="D556" s="53">
        <v>685076.7</v>
      </c>
      <c r="E556" s="53">
        <v>759326.7</v>
      </c>
      <c r="F556" s="53">
        <v>751076.7</v>
      </c>
      <c r="G556" s="53">
        <v>987090</v>
      </c>
      <c r="H556" s="53">
        <v>1048076.7</v>
      </c>
      <c r="I556" s="53">
        <v>990326.7</v>
      </c>
      <c r="J556" s="53">
        <v>990326.7</v>
      </c>
      <c r="K556" s="53">
        <v>943333.35</v>
      </c>
      <c r="L556" s="53">
        <v>842554.2</v>
      </c>
      <c r="M556" s="53">
        <v>833576.7</v>
      </c>
      <c r="N556" s="53">
        <v>10230681.15</v>
      </c>
      <c r="O556" s="53">
        <v>27583.35</v>
      </c>
      <c r="P556" s="53">
        <v>27583.35</v>
      </c>
      <c r="Q556" s="53">
        <v>25076.699999999899</v>
      </c>
      <c r="R556" s="53">
        <v>25076.699999999899</v>
      </c>
      <c r="S556" s="53">
        <v>25076.699999999899</v>
      </c>
      <c r="T556" s="53">
        <v>30090</v>
      </c>
      <c r="U556" s="53">
        <v>25076.699999999899</v>
      </c>
      <c r="V556" s="53">
        <v>25076.699999999899</v>
      </c>
      <c r="W556" s="53">
        <v>25076.699999999899</v>
      </c>
      <c r="X556" s="53">
        <v>27583.35</v>
      </c>
      <c r="Y556" s="53">
        <v>17554.199999999899</v>
      </c>
      <c r="Z556" s="53">
        <v>25076.699999999899</v>
      </c>
      <c r="AA556" s="53">
        <v>305931.14999999898</v>
      </c>
      <c r="AB556" s="53">
        <v>27583.35</v>
      </c>
      <c r="AC556" s="53">
        <v>27583.35</v>
      </c>
      <c r="AD556" s="53">
        <v>25076.699999999899</v>
      </c>
      <c r="AE556" s="53">
        <v>25076.699999999899</v>
      </c>
      <c r="AF556" s="53">
        <v>25076.699999999899</v>
      </c>
      <c r="AG556" s="53">
        <v>30090</v>
      </c>
      <c r="AH556" s="53">
        <v>25076.699999999899</v>
      </c>
      <c r="AI556" s="53">
        <v>25076.699999999899</v>
      </c>
      <c r="AJ556" s="53">
        <v>25076.699999999899</v>
      </c>
      <c r="AK556" s="53">
        <v>27583.35</v>
      </c>
      <c r="AL556" s="53">
        <v>17554.199999999899</v>
      </c>
      <c r="AM556" s="53">
        <v>25076.699999999899</v>
      </c>
      <c r="AN556" s="53">
        <v>305931.14999999898</v>
      </c>
      <c r="AO556" s="53">
        <v>27583.35</v>
      </c>
      <c r="AP556" s="53">
        <v>27583.35</v>
      </c>
      <c r="AQ556" s="53">
        <v>25076.699999999899</v>
      </c>
      <c r="AR556" s="53">
        <v>25076.699999999899</v>
      </c>
      <c r="AS556" s="53">
        <v>25076.699999999899</v>
      </c>
      <c r="AT556" s="53">
        <v>30090</v>
      </c>
      <c r="AU556" s="53">
        <v>25076.699999999899</v>
      </c>
      <c r="AV556" s="53">
        <v>25076.699999999899</v>
      </c>
      <c r="AW556" s="53">
        <v>25076.699999999899</v>
      </c>
      <c r="AX556" s="53">
        <v>27583.35</v>
      </c>
      <c r="AY556" s="53">
        <v>17554.199999999899</v>
      </c>
      <c r="AZ556" s="53">
        <v>25076.699999999899</v>
      </c>
      <c r="BA556" s="53">
        <v>305931.14999999898</v>
      </c>
      <c r="BB556" s="53">
        <v>27583.35</v>
      </c>
      <c r="BC556" s="53">
        <v>27583.35</v>
      </c>
      <c r="BD556" s="53">
        <v>25076.699999999899</v>
      </c>
      <c r="BE556" s="53">
        <v>25076.699999999899</v>
      </c>
      <c r="BF556" s="53">
        <v>25076.699999999899</v>
      </c>
      <c r="BG556" s="53">
        <v>30090</v>
      </c>
      <c r="BH556" s="53">
        <v>25076.699999999899</v>
      </c>
      <c r="BI556" s="53">
        <v>25076.699999999899</v>
      </c>
      <c r="BJ556" s="53">
        <v>25076.699999999899</v>
      </c>
      <c r="BK556" s="53">
        <v>27583.35</v>
      </c>
      <c r="BL556" s="53">
        <v>17554.199999999899</v>
      </c>
      <c r="BM556" s="53">
        <v>25076.699999999899</v>
      </c>
      <c r="BN556" s="53">
        <v>305931.14999999898</v>
      </c>
      <c r="BO556" s="53">
        <v>27583.35</v>
      </c>
      <c r="BP556" s="53">
        <v>27583.35</v>
      </c>
      <c r="BQ556" s="53">
        <v>25076.699999999899</v>
      </c>
      <c r="BR556" s="53">
        <v>25076.699999999899</v>
      </c>
      <c r="BS556" s="53">
        <v>25076.699999999899</v>
      </c>
      <c r="BT556" s="53">
        <v>30090</v>
      </c>
      <c r="BU556" s="53">
        <v>25076.699999999899</v>
      </c>
      <c r="BV556" s="53">
        <v>25076.699999999899</v>
      </c>
      <c r="BW556" s="53">
        <v>25076.699999999899</v>
      </c>
      <c r="BX556" s="53">
        <v>27583.35</v>
      </c>
      <c r="BY556" s="53">
        <v>17554.199999999899</v>
      </c>
      <c r="BZ556" s="53">
        <v>25076.699999999899</v>
      </c>
      <c r="CA556" s="53">
        <v>305931.14999999898</v>
      </c>
      <c r="CB556" s="53">
        <v>232464.62502714299</v>
      </c>
      <c r="CC556" s="53">
        <v>213614.48255940099</v>
      </c>
      <c r="CD556" s="53">
        <v>242666.59940769701</v>
      </c>
      <c r="CE556" s="53">
        <v>257088.40206855099</v>
      </c>
      <c r="CF556" s="53">
        <v>295660.48343202402</v>
      </c>
      <c r="CG556" s="53">
        <v>308595.02429471299</v>
      </c>
      <c r="CH556" s="53">
        <v>325501.90814431402</v>
      </c>
      <c r="CI556" s="53">
        <v>326105.262860663</v>
      </c>
      <c r="CJ556" s="53">
        <v>307822.448409162</v>
      </c>
      <c r="CK556" s="53">
        <v>284338.36399313301</v>
      </c>
      <c r="CL556" s="53">
        <v>238912.524369024</v>
      </c>
      <c r="CM556" s="53">
        <v>236054.91761007701</v>
      </c>
      <c r="CN556" s="53">
        <v>3268825.0421759002</v>
      </c>
    </row>
    <row r="557" spans="1:92" outlineLevel="1">
      <c r="A557" s="52" t="s">
        <v>1241</v>
      </c>
      <c r="B557" s="53"/>
      <c r="C557" s="53"/>
      <c r="D557" s="53"/>
      <c r="E557" s="53"/>
      <c r="F557" s="53"/>
      <c r="G557" s="53"/>
      <c r="H557" s="53"/>
      <c r="I557" s="53"/>
      <c r="J557" s="53"/>
      <c r="K557" s="53"/>
      <c r="L557" s="53"/>
      <c r="M557" s="53"/>
      <c r="N557" s="53"/>
      <c r="O557" s="53"/>
      <c r="P557" s="53"/>
      <c r="Q557" s="53"/>
      <c r="R557" s="53"/>
      <c r="S557" s="53"/>
      <c r="T557" s="53"/>
      <c r="U557" s="53"/>
      <c r="V557" s="53"/>
      <c r="W557" s="53"/>
      <c r="X557" s="53"/>
      <c r="Y557" s="53"/>
      <c r="Z557" s="53"/>
      <c r="AA557" s="53"/>
      <c r="AB557" s="53"/>
      <c r="AC557" s="53"/>
      <c r="AD557" s="53"/>
      <c r="AE557" s="53"/>
      <c r="AF557" s="53"/>
      <c r="AG557" s="53"/>
      <c r="AH557" s="53"/>
      <c r="AI557" s="53"/>
      <c r="AJ557" s="53"/>
      <c r="AK557" s="53"/>
      <c r="AL557" s="53"/>
      <c r="AM557" s="53"/>
      <c r="AN557" s="53"/>
      <c r="AO557" s="53"/>
      <c r="AP557" s="53"/>
      <c r="AQ557" s="53"/>
      <c r="AR557" s="53"/>
      <c r="AS557" s="53"/>
      <c r="AT557" s="53"/>
      <c r="AU557" s="53"/>
      <c r="AV557" s="53"/>
      <c r="AW557" s="53"/>
      <c r="AX557" s="53"/>
      <c r="AY557" s="53"/>
      <c r="AZ557" s="53"/>
      <c r="BA557" s="53"/>
      <c r="BB557" s="53"/>
      <c r="BC557" s="53"/>
      <c r="BD557" s="53"/>
      <c r="BE557" s="53"/>
      <c r="BF557" s="53"/>
      <c r="BG557" s="53"/>
      <c r="BH557" s="53"/>
      <c r="BI557" s="53"/>
      <c r="BJ557" s="53"/>
      <c r="BK557" s="53"/>
      <c r="BL557" s="53"/>
      <c r="BM557" s="53"/>
      <c r="BN557" s="53"/>
      <c r="BO557" s="53"/>
      <c r="BP557" s="53"/>
      <c r="BQ557" s="53"/>
      <c r="BR557" s="53"/>
      <c r="BS557" s="53"/>
      <c r="BT557" s="53"/>
      <c r="BU557" s="53"/>
      <c r="BV557" s="53"/>
      <c r="BW557" s="53"/>
      <c r="BX557" s="53"/>
      <c r="BY557" s="53"/>
      <c r="BZ557" s="53"/>
      <c r="CA557" s="53"/>
      <c r="CB557" s="53">
        <v>77841.8712742957</v>
      </c>
      <c r="CC557" s="53">
        <v>79336.513672467496</v>
      </c>
      <c r="CD557" s="53">
        <v>84679.574183981196</v>
      </c>
      <c r="CE557" s="53">
        <v>83904.005706915195</v>
      </c>
      <c r="CF557" s="53">
        <v>86173.488417616507</v>
      </c>
      <c r="CG557" s="53">
        <v>87867.550306409597</v>
      </c>
      <c r="CH557" s="53">
        <v>87007.527010236096</v>
      </c>
      <c r="CI557" s="53">
        <v>88813.013893897703</v>
      </c>
      <c r="CJ557" s="53">
        <v>86383.764014761196</v>
      </c>
      <c r="CK557" s="53">
        <v>84546.887735833196</v>
      </c>
      <c r="CL557" s="53">
        <v>83484.060421093396</v>
      </c>
      <c r="CM557" s="53">
        <v>80504.182687691602</v>
      </c>
      <c r="CN557" s="53">
        <v>1010542.43932519</v>
      </c>
    </row>
    <row r="558" spans="1:92" outlineLevel="1">
      <c r="A558" s="52" t="s">
        <v>780</v>
      </c>
      <c r="B558" s="53">
        <v>8499866.9882796891</v>
      </c>
      <c r="C558" s="53">
        <v>7707723.2453585602</v>
      </c>
      <c r="D558" s="53">
        <v>9068908.4072299004</v>
      </c>
      <c r="E558" s="53">
        <v>9678942.8805502206</v>
      </c>
      <c r="F558" s="53">
        <v>10503531.205987001</v>
      </c>
      <c r="G558" s="53">
        <v>11152976.4639298</v>
      </c>
      <c r="H558" s="53">
        <v>11633696.064086899</v>
      </c>
      <c r="I558" s="53">
        <v>11757187.600413101</v>
      </c>
      <c r="J558" s="53">
        <v>11123925.247803001</v>
      </c>
      <c r="K558" s="53">
        <v>9998276.4327296</v>
      </c>
      <c r="L558" s="53">
        <v>8724715.5645796694</v>
      </c>
      <c r="M558" s="53">
        <v>8876370.4738698006</v>
      </c>
      <c r="N558" s="53">
        <v>118726120.574817</v>
      </c>
      <c r="O558" s="53">
        <v>12750878.592865899</v>
      </c>
      <c r="P558" s="53">
        <v>8137487.00657418</v>
      </c>
      <c r="Q558" s="53">
        <v>9012100.0382941402</v>
      </c>
      <c r="R558" s="53">
        <v>9958754.6199181899</v>
      </c>
      <c r="S558" s="53">
        <v>11077442.4959276</v>
      </c>
      <c r="T558" s="53">
        <v>11536139.9375732</v>
      </c>
      <c r="U558" s="53">
        <v>11884664.167230001</v>
      </c>
      <c r="V558" s="53">
        <v>15038905.889511401</v>
      </c>
      <c r="W558" s="53">
        <v>11280444.9260248</v>
      </c>
      <c r="X558" s="53">
        <v>10493802.996429101</v>
      </c>
      <c r="Y558" s="53">
        <v>8708445.8053802494</v>
      </c>
      <c r="Z558" s="53">
        <v>8646055.8352993503</v>
      </c>
      <c r="AA558" s="53">
        <v>128525122.311028</v>
      </c>
      <c r="AB558" s="53">
        <v>9537167.4697818309</v>
      </c>
      <c r="AC558" s="53">
        <v>6070710.8215751601</v>
      </c>
      <c r="AD558" s="53">
        <v>6589432.59515939</v>
      </c>
      <c r="AE558" s="53">
        <v>7341197.9162341002</v>
      </c>
      <c r="AF558" s="53">
        <v>8250664.9160381798</v>
      </c>
      <c r="AG558" s="53">
        <v>8598599.3858520109</v>
      </c>
      <c r="AH558" s="53">
        <v>8812751.0388922598</v>
      </c>
      <c r="AI558" s="53">
        <v>11220848.7543745</v>
      </c>
      <c r="AJ558" s="53">
        <v>8408411.2264985908</v>
      </c>
      <c r="AK558" s="53">
        <v>7774431.0361056495</v>
      </c>
      <c r="AL558" s="53">
        <v>6383420.9728642097</v>
      </c>
      <c r="AM558" s="53">
        <v>6326108.4903511396</v>
      </c>
      <c r="AN558" s="53">
        <v>95313744.623727098</v>
      </c>
      <c r="AO558" s="53">
        <v>4070734.1334211398</v>
      </c>
      <c r="AP558" s="53">
        <v>2494866.1836953298</v>
      </c>
      <c r="AQ558" s="53">
        <v>2849332.92087432</v>
      </c>
      <c r="AR558" s="53">
        <v>3162008.92205877</v>
      </c>
      <c r="AS558" s="53">
        <v>3567588.9075255101</v>
      </c>
      <c r="AT558" s="53">
        <v>3706809.8869021898</v>
      </c>
      <c r="AU558" s="53">
        <v>3838045.58952682</v>
      </c>
      <c r="AV558" s="53">
        <v>4841052.10329556</v>
      </c>
      <c r="AW558" s="53">
        <v>3665076.0995859499</v>
      </c>
      <c r="AX558" s="53">
        <v>3314022.2885029698</v>
      </c>
      <c r="AY558" s="53">
        <v>2753972.7346345801</v>
      </c>
      <c r="AZ558" s="53">
        <v>2724600.83925121</v>
      </c>
      <c r="BA558" s="53">
        <v>40988110.609274402</v>
      </c>
      <c r="BB558" s="53">
        <v>1434073.3791890801</v>
      </c>
      <c r="BC558" s="53">
        <v>893792.57633799396</v>
      </c>
      <c r="BD558" s="53">
        <v>1007566.26283278</v>
      </c>
      <c r="BE558" s="53">
        <v>1118876.25353429</v>
      </c>
      <c r="BF558" s="53">
        <v>1258555.1772898701</v>
      </c>
      <c r="BG558" s="53">
        <v>1320343.44880503</v>
      </c>
      <c r="BH558" s="53">
        <v>1361885.8266743</v>
      </c>
      <c r="BI558" s="53">
        <v>1714075.83447683</v>
      </c>
      <c r="BJ558" s="53">
        <v>1300129.3014352601</v>
      </c>
      <c r="BK558" s="53">
        <v>1188622.9781327001</v>
      </c>
      <c r="BL558" s="53">
        <v>969772.06916228903</v>
      </c>
      <c r="BM558" s="53">
        <v>965993.99835209304</v>
      </c>
      <c r="BN558" s="53">
        <v>14533687.106222499</v>
      </c>
      <c r="BO558" s="53">
        <v>671890.729643845</v>
      </c>
      <c r="BP558" s="53">
        <v>419117.807916302</v>
      </c>
      <c r="BQ558" s="53">
        <v>471023.68373440998</v>
      </c>
      <c r="BR558" s="53">
        <v>522508.412795379</v>
      </c>
      <c r="BS558" s="53">
        <v>592784.40830163599</v>
      </c>
      <c r="BT558" s="53">
        <v>623517.43239772797</v>
      </c>
      <c r="BU558" s="53">
        <v>642827.56476915302</v>
      </c>
      <c r="BV558" s="53">
        <v>806888.66910537297</v>
      </c>
      <c r="BW558" s="53">
        <v>613864.06254983402</v>
      </c>
      <c r="BX558" s="53">
        <v>560602.82966537401</v>
      </c>
      <c r="BY558" s="53">
        <v>458086.63637888402</v>
      </c>
      <c r="BZ558" s="53">
        <v>457960.21427526698</v>
      </c>
      <c r="CA558" s="53">
        <v>6841072.45153319</v>
      </c>
      <c r="CB558" s="53">
        <v>497.50806538387201</v>
      </c>
      <c r="CC558" s="53">
        <v>497.33406838897298</v>
      </c>
      <c r="CD558" s="53">
        <v>497.16062464459202</v>
      </c>
      <c r="CE558" s="53">
        <v>496.98773064358897</v>
      </c>
      <c r="CF558" s="53">
        <v>496.81538291206402</v>
      </c>
      <c r="CG558" s="53">
        <v>496.643578008936</v>
      </c>
      <c r="CH558" s="53">
        <v>496.472312525544</v>
      </c>
      <c r="CI558" s="53">
        <v>496.30158308523102</v>
      </c>
      <c r="CJ558" s="53">
        <v>496.13138634294597</v>
      </c>
      <c r="CK558" s="53">
        <v>495.96171898484999</v>
      </c>
      <c r="CL558" s="53">
        <v>495.79257772793301</v>
      </c>
      <c r="CM558" s="53">
        <v>495.62395931963101</v>
      </c>
      <c r="CN558" s="53">
        <v>5958.7329879681602</v>
      </c>
    </row>
    <row r="559" spans="1:92" outlineLevel="1">
      <c r="A559" s="52" t="s">
        <v>781</v>
      </c>
      <c r="B559" s="53">
        <v>2765291.8212414901</v>
      </c>
      <c r="C559" s="53">
        <v>2811204.9477438</v>
      </c>
      <c r="D559" s="53">
        <v>2983932.2996969698</v>
      </c>
      <c r="E559" s="53">
        <v>3069466.2036232301</v>
      </c>
      <c r="F559" s="53">
        <v>3100520.4701357</v>
      </c>
      <c r="G559" s="53">
        <v>3206168.6200406998</v>
      </c>
      <c r="H559" s="53">
        <v>3111316.3611510401</v>
      </c>
      <c r="I559" s="53">
        <v>2982348.86740583</v>
      </c>
      <c r="J559" s="53">
        <v>3099352.1883883299</v>
      </c>
      <c r="K559" s="53">
        <v>2994015.0327380998</v>
      </c>
      <c r="L559" s="53">
        <v>3010664.2221141201</v>
      </c>
      <c r="M559" s="53">
        <v>2867747.5881998902</v>
      </c>
      <c r="N559" s="53">
        <v>36002028.6224792</v>
      </c>
      <c r="O559" s="53">
        <v>2338912.8668769398</v>
      </c>
      <c r="P559" s="53">
        <v>2579472.5621086298</v>
      </c>
      <c r="Q559" s="53">
        <v>2958292.9820308201</v>
      </c>
      <c r="R559" s="53">
        <v>3718341.3291522199</v>
      </c>
      <c r="S559" s="53">
        <v>4179536.0546719902</v>
      </c>
      <c r="T559" s="53">
        <v>3242281.1585826799</v>
      </c>
      <c r="U559" s="53">
        <v>3138127.2021142701</v>
      </c>
      <c r="V559" s="53">
        <v>3105819.5395731302</v>
      </c>
      <c r="W559" s="53">
        <v>3028890.3091358398</v>
      </c>
      <c r="X559" s="53">
        <v>2711375.0677694799</v>
      </c>
      <c r="Y559" s="53">
        <v>2273687.62406789</v>
      </c>
      <c r="Z559" s="53">
        <v>2519665.3206971399</v>
      </c>
      <c r="AA559" s="53">
        <v>35794402.016781002</v>
      </c>
      <c r="AB559" s="53">
        <v>1723929.86083943</v>
      </c>
      <c r="AC559" s="53">
        <v>1928138.7596985099</v>
      </c>
      <c r="AD559" s="53">
        <v>2186671.7278799899</v>
      </c>
      <c r="AE559" s="53">
        <v>2751671.18697719</v>
      </c>
      <c r="AF559" s="53">
        <v>3094492.5341046602</v>
      </c>
      <c r="AG559" s="53">
        <v>2400280.9459891501</v>
      </c>
      <c r="AH559" s="53">
        <v>2323851.6569812698</v>
      </c>
      <c r="AI559" s="53">
        <v>2298796.0407759999</v>
      </c>
      <c r="AJ559" s="53">
        <v>2243567.7007030998</v>
      </c>
      <c r="AK559" s="53">
        <v>2009614.22379621</v>
      </c>
      <c r="AL559" s="53">
        <v>1685218.84772679</v>
      </c>
      <c r="AM559" s="53">
        <v>1869121.1059614599</v>
      </c>
      <c r="AN559" s="53">
        <v>26515354.591433801</v>
      </c>
      <c r="AO559" s="53">
        <v>743255.53459041705</v>
      </c>
      <c r="AP559" s="53">
        <v>820449.87771843595</v>
      </c>
      <c r="AQ559" s="53">
        <v>940939.82907905302</v>
      </c>
      <c r="AR559" s="53">
        <v>1182735.1426418</v>
      </c>
      <c r="AS559" s="53">
        <v>1329468.3628366301</v>
      </c>
      <c r="AT559" s="53">
        <v>1031996.39550617</v>
      </c>
      <c r="AU559" s="53">
        <v>999196.85887072096</v>
      </c>
      <c r="AV559" s="53">
        <v>988379.23892096896</v>
      </c>
      <c r="AW559" s="53">
        <v>964545.22694070404</v>
      </c>
      <c r="AX559" s="53">
        <v>864137.43488796102</v>
      </c>
      <c r="AY559" s="53">
        <v>724989.48502139596</v>
      </c>
      <c r="AZ559" s="53">
        <v>803759.44239073002</v>
      </c>
      <c r="BA559" s="53">
        <v>11393852.829405</v>
      </c>
      <c r="BB559" s="53">
        <v>262293.36025462497</v>
      </c>
      <c r="BC559" s="53">
        <v>289442.13730398502</v>
      </c>
      <c r="BD559" s="53">
        <v>331845.32396860601</v>
      </c>
      <c r="BE559" s="53">
        <v>416821.214733692</v>
      </c>
      <c r="BF559" s="53">
        <v>468400.898866984</v>
      </c>
      <c r="BG559" s="53">
        <v>363877.62851325801</v>
      </c>
      <c r="BH559" s="53">
        <v>352385.82449658599</v>
      </c>
      <c r="BI559" s="53">
        <v>348617.17198826198</v>
      </c>
      <c r="BJ559" s="53">
        <v>340245.78935660998</v>
      </c>
      <c r="BK559" s="53">
        <v>304967.17012562102</v>
      </c>
      <c r="BL559" s="53">
        <v>256064.21537544299</v>
      </c>
      <c r="BM559" s="53">
        <v>283791.63609479298</v>
      </c>
      <c r="BN559" s="53">
        <v>4018752.3710784698</v>
      </c>
      <c r="BO559" s="53">
        <v>123449.78835485999</v>
      </c>
      <c r="BP559" s="53">
        <v>136175.360801287</v>
      </c>
      <c r="BQ559" s="53">
        <v>156077.975666585</v>
      </c>
      <c r="BR559" s="53">
        <v>195898.522990664</v>
      </c>
      <c r="BS559" s="53">
        <v>220100.51167525901</v>
      </c>
      <c r="BT559" s="53">
        <v>171209.78084122899</v>
      </c>
      <c r="BU559" s="53">
        <v>165869.79364217</v>
      </c>
      <c r="BV559" s="53">
        <v>164132.934693933</v>
      </c>
      <c r="BW559" s="53">
        <v>160226.58886647</v>
      </c>
      <c r="BX559" s="53">
        <v>143729.580002306</v>
      </c>
      <c r="BY559" s="53">
        <v>120843.05636025401</v>
      </c>
      <c r="BZ559" s="53">
        <v>133838.458860157</v>
      </c>
      <c r="CA559" s="53">
        <v>1891552.3527551801</v>
      </c>
      <c r="CB559" s="53">
        <v>68245.057835248401</v>
      </c>
      <c r="CC559" s="53">
        <v>67803.423257261296</v>
      </c>
      <c r="CD559" s="53">
        <v>70049.738062636694</v>
      </c>
      <c r="CE559" s="53">
        <v>74360.367980230803</v>
      </c>
      <c r="CF559" s="53">
        <v>81611.384102900993</v>
      </c>
      <c r="CG559" s="53">
        <v>82799.352155827</v>
      </c>
      <c r="CH559" s="53">
        <v>83796.296124921704</v>
      </c>
      <c r="CI559" s="53">
        <v>75594.789399553396</v>
      </c>
      <c r="CJ559" s="53">
        <v>85171.066894835501</v>
      </c>
      <c r="CK559" s="53">
        <v>78770.891716827304</v>
      </c>
      <c r="CL559" s="53">
        <v>70287.341112743597</v>
      </c>
      <c r="CM559" s="53">
        <v>68630.993119312698</v>
      </c>
      <c r="CN559" s="53">
        <v>907120.70176229998</v>
      </c>
    </row>
    <row r="560" spans="1:92" outlineLevel="1">
      <c r="A560" s="52" t="s">
        <v>782</v>
      </c>
      <c r="B560" s="53">
        <v>18436.003694606399</v>
      </c>
      <c r="C560" s="53">
        <v>18432.926134015401</v>
      </c>
      <c r="D560" s="53">
        <v>18428.0117555541</v>
      </c>
      <c r="E560" s="53">
        <v>18422.051250081899</v>
      </c>
      <c r="F560" s="53">
        <v>18415.4998853793</v>
      </c>
      <c r="G560" s="53">
        <v>18408.619761851602</v>
      </c>
      <c r="H560" s="53">
        <v>18401.561736847201</v>
      </c>
      <c r="I560" s="53">
        <v>18394.412604418299</v>
      </c>
      <c r="J560" s="53">
        <v>18387.222265868299</v>
      </c>
      <c r="K560" s="53">
        <v>18380.0193770976</v>
      </c>
      <c r="L560" s="53">
        <v>18372.8203598045</v>
      </c>
      <c r="M560" s="53">
        <v>18365.634590967002</v>
      </c>
      <c r="N560" s="53">
        <v>220844.78341649199</v>
      </c>
      <c r="O560" s="53">
        <v>28346.662758662798</v>
      </c>
      <c r="P560" s="53">
        <v>28153.897568024098</v>
      </c>
      <c r="Q560" s="53">
        <v>27976.185389463499</v>
      </c>
      <c r="R560" s="53">
        <v>27812.5515675225</v>
      </c>
      <c r="S560" s="53">
        <v>27662.1297417938</v>
      </c>
      <c r="T560" s="53">
        <v>27523.728666717299</v>
      </c>
      <c r="U560" s="53">
        <v>27396.806867038398</v>
      </c>
      <c r="V560" s="53">
        <v>27280.389687298801</v>
      </c>
      <c r="W560" s="53">
        <v>27173.827357193</v>
      </c>
      <c r="X560" s="53">
        <v>27076.4701064154</v>
      </c>
      <c r="Y560" s="53">
        <v>26987.559869609599</v>
      </c>
      <c r="Z560" s="53">
        <v>26906.555171520999</v>
      </c>
      <c r="AA560" s="53">
        <v>330296.76475125999</v>
      </c>
      <c r="AB560" s="53">
        <v>19747.628193240998</v>
      </c>
      <c r="AC560" s="53">
        <v>19698.533289105701</v>
      </c>
      <c r="AD560" s="53">
        <v>19654.140656632699</v>
      </c>
      <c r="AE560" s="53">
        <v>19614.051798223401</v>
      </c>
      <c r="AF560" s="53">
        <v>19578.107314838599</v>
      </c>
      <c r="AG560" s="53">
        <v>19545.908708879801</v>
      </c>
      <c r="AH560" s="53">
        <v>19517.216881787699</v>
      </c>
      <c r="AI560" s="53">
        <v>19491.792735003299</v>
      </c>
      <c r="AJ560" s="53">
        <v>19469.476869487298</v>
      </c>
      <c r="AK560" s="53">
        <v>19449.950487160699</v>
      </c>
      <c r="AL560" s="53">
        <v>19433.054188984301</v>
      </c>
      <c r="AM560" s="53">
        <v>19418.628575918501</v>
      </c>
      <c r="AN560" s="53">
        <v>234618.48969926301</v>
      </c>
      <c r="AO560" s="53">
        <v>8313.3803482007806</v>
      </c>
      <c r="AP560" s="53">
        <v>8309.0784696247392</v>
      </c>
      <c r="AQ560" s="53">
        <v>8305.6301383852096</v>
      </c>
      <c r="AR560" s="53">
        <v>8302.9329288018198</v>
      </c>
      <c r="AS560" s="53">
        <v>8300.9868408745697</v>
      </c>
      <c r="AT560" s="53">
        <v>8299.6894489230599</v>
      </c>
      <c r="AU560" s="53">
        <v>8299.0407529473105</v>
      </c>
      <c r="AV560" s="53">
        <v>8298.9724691603897</v>
      </c>
      <c r="AW560" s="53">
        <v>8299.4504556688407</v>
      </c>
      <c r="AX560" s="53">
        <v>8300.4405705791996</v>
      </c>
      <c r="AY560" s="53">
        <v>8301.8745301045492</v>
      </c>
      <c r="AZ560" s="53">
        <v>8303.7523342448803</v>
      </c>
      <c r="BA560" s="53">
        <v>99635.229287515394</v>
      </c>
      <c r="BB560" s="53">
        <v>2918.8337314681298</v>
      </c>
      <c r="BC560" s="53">
        <v>2919.7695627368498</v>
      </c>
      <c r="BD560" s="53">
        <v>2920.8133745365799</v>
      </c>
      <c r="BE560" s="53">
        <v>2921.9771647040898</v>
      </c>
      <c r="BF560" s="53">
        <v>2923.2489354026102</v>
      </c>
      <c r="BG560" s="53">
        <v>2924.61668879535</v>
      </c>
      <c r="BH560" s="53">
        <v>2926.0684270455499</v>
      </c>
      <c r="BI560" s="53">
        <v>2927.6041501531899</v>
      </c>
      <c r="BJ560" s="53">
        <v>2929.2238581182901</v>
      </c>
      <c r="BK560" s="53">
        <v>2930.9035552672799</v>
      </c>
      <c r="BL560" s="53">
        <v>2932.6552394369301</v>
      </c>
      <c r="BM560" s="53">
        <v>2934.4669127904799</v>
      </c>
      <c r="BN560" s="53">
        <v>35110.181600455297</v>
      </c>
      <c r="BO560" s="53">
        <v>1374.69644089142</v>
      </c>
      <c r="BP560" s="53">
        <v>1375.5951629147401</v>
      </c>
      <c r="BQ560" s="53">
        <v>1376.510735976</v>
      </c>
      <c r="BR560" s="53">
        <v>1377.4543941004799</v>
      </c>
      <c r="BS560" s="53">
        <v>1378.40928625025</v>
      </c>
      <c r="BT560" s="53">
        <v>1379.38664645061</v>
      </c>
      <c r="BU560" s="53">
        <v>1380.3752406762601</v>
      </c>
      <c r="BV560" s="53">
        <v>1381.3806859398501</v>
      </c>
      <c r="BW560" s="53">
        <v>1382.39736522872</v>
      </c>
      <c r="BX560" s="53">
        <v>1383.43089555554</v>
      </c>
      <c r="BY560" s="53">
        <v>1384.470042895</v>
      </c>
      <c r="BZ560" s="53">
        <v>1385.5204242597499</v>
      </c>
      <c r="CA560" s="53">
        <v>16559.6273211386</v>
      </c>
      <c r="CB560" s="53">
        <v>465268.861722817</v>
      </c>
      <c r="CC560" s="53">
        <v>380401.32836555102</v>
      </c>
      <c r="CD560" s="53">
        <v>393193.85157976701</v>
      </c>
      <c r="CE560" s="53">
        <v>405427.93495262502</v>
      </c>
      <c r="CF560" s="53">
        <v>536630.51224889501</v>
      </c>
      <c r="CG560" s="53">
        <v>619100.29819515802</v>
      </c>
      <c r="CH560" s="53">
        <v>670926.39843198098</v>
      </c>
      <c r="CI560" s="53">
        <v>672619.70995840698</v>
      </c>
      <c r="CJ560" s="53">
        <v>608516.58309860399</v>
      </c>
      <c r="CK560" s="53">
        <v>496313.82606874401</v>
      </c>
      <c r="CL560" s="53">
        <v>386313.82720507297</v>
      </c>
      <c r="CM560" s="53">
        <v>443765.15522005298</v>
      </c>
      <c r="CN560" s="53">
        <v>6078478.2870476795</v>
      </c>
    </row>
    <row r="561" spans="1:92" outlineLevel="1">
      <c r="A561" s="52" t="s">
        <v>783</v>
      </c>
      <c r="B561" s="53">
        <v>2469571.6589054</v>
      </c>
      <c r="C561" s="53">
        <v>2450321.6364451498</v>
      </c>
      <c r="D561" s="53">
        <v>2528905.9755147202</v>
      </c>
      <c r="E561" s="53">
        <v>2685860.9852694101</v>
      </c>
      <c r="F561" s="53">
        <v>2951866.8556601899</v>
      </c>
      <c r="G561" s="53">
        <v>2996033.5575824599</v>
      </c>
      <c r="H561" s="53">
        <v>2828639.2547917101</v>
      </c>
      <c r="I561" s="53">
        <v>2938102.3988088402</v>
      </c>
      <c r="J561" s="53">
        <v>3081517.6208808501</v>
      </c>
      <c r="K561" s="53">
        <v>2845152.7063988401</v>
      </c>
      <c r="L561" s="53">
        <v>2534329.6054760301</v>
      </c>
      <c r="M561" s="53">
        <v>2477415.48715265</v>
      </c>
      <c r="N561" s="53">
        <v>32787717.742886301</v>
      </c>
      <c r="O561" s="53">
        <v>2820616.94232025</v>
      </c>
      <c r="P561" s="53">
        <v>2486762.9017363498</v>
      </c>
      <c r="Q561" s="53">
        <v>2582634.3444153098</v>
      </c>
      <c r="R561" s="53">
        <v>2790841.7595448899</v>
      </c>
      <c r="S561" s="53">
        <v>3060143.3944711098</v>
      </c>
      <c r="T561" s="53">
        <v>3069449.72967197</v>
      </c>
      <c r="U561" s="53">
        <v>3154266.5218480099</v>
      </c>
      <c r="V561" s="53">
        <v>3019526.9024431501</v>
      </c>
      <c r="W561" s="53">
        <v>3190443.7831486398</v>
      </c>
      <c r="X561" s="53">
        <v>2950598.8352530198</v>
      </c>
      <c r="Y561" s="53">
        <v>2588414.15957799</v>
      </c>
      <c r="Z561" s="53">
        <v>2501998.6075652102</v>
      </c>
      <c r="AA561" s="53">
        <v>34215697.881995901</v>
      </c>
      <c r="AB561" s="53">
        <v>2071462.32627589</v>
      </c>
      <c r="AC561" s="53">
        <v>1828449.80346228</v>
      </c>
      <c r="AD561" s="53">
        <v>1897378.33157262</v>
      </c>
      <c r="AE561" s="53">
        <v>2050656.6072591101</v>
      </c>
      <c r="AF561" s="53">
        <v>2248639.53903826</v>
      </c>
      <c r="AG561" s="53">
        <v>2255226.54494244</v>
      </c>
      <c r="AH561" s="53">
        <v>2317455.5314267701</v>
      </c>
      <c r="AI561" s="53">
        <v>2217837.9859602</v>
      </c>
      <c r="AJ561" s="53">
        <v>2343998.2609701399</v>
      </c>
      <c r="AK561" s="53">
        <v>2167657.1758689499</v>
      </c>
      <c r="AL561" s="53">
        <v>1900996.45066845</v>
      </c>
      <c r="AM561" s="53">
        <v>1836673.0405059101</v>
      </c>
      <c r="AN561" s="53">
        <v>25136431.597950999</v>
      </c>
      <c r="AO561" s="53">
        <v>884572.86036747205</v>
      </c>
      <c r="AP561" s="53">
        <v>779885.41611133004</v>
      </c>
      <c r="AQ561" s="53">
        <v>810732.99241385504</v>
      </c>
      <c r="AR561" s="53">
        <v>876442.34400064696</v>
      </c>
      <c r="AS561" s="53">
        <v>961131.99356765603</v>
      </c>
      <c r="AT561" s="53">
        <v>963796.700068473</v>
      </c>
      <c r="AU561" s="53">
        <v>990347.51907897496</v>
      </c>
      <c r="AV561" s="53">
        <v>947397.93893660198</v>
      </c>
      <c r="AW561" s="53">
        <v>1001721.78845971</v>
      </c>
      <c r="AX561" s="53">
        <v>926322.48952227796</v>
      </c>
      <c r="AY561" s="53">
        <v>812029.155257195</v>
      </c>
      <c r="AZ561" s="53">
        <v>783986.09650920797</v>
      </c>
      <c r="BA561" s="53">
        <v>10738367.2942934</v>
      </c>
      <c r="BB561" s="53">
        <v>310159.18600016</v>
      </c>
      <c r="BC561" s="53">
        <v>273450.832551628</v>
      </c>
      <c r="BD561" s="53">
        <v>284381.713703232</v>
      </c>
      <c r="BE561" s="53">
        <v>307484.85618440103</v>
      </c>
      <c r="BF561" s="53">
        <v>337216.34756788099</v>
      </c>
      <c r="BG561" s="53">
        <v>338112.68195792701</v>
      </c>
      <c r="BH561" s="53">
        <v>347413.44102211401</v>
      </c>
      <c r="BI561" s="53">
        <v>332251.90666135598</v>
      </c>
      <c r="BJ561" s="53">
        <v>351407.36491379101</v>
      </c>
      <c r="BK561" s="53">
        <v>324945.57200052898</v>
      </c>
      <c r="BL561" s="53">
        <v>284767.56413402798</v>
      </c>
      <c r="BM561" s="53">
        <v>274795.646080454</v>
      </c>
      <c r="BN561" s="53">
        <v>3766387.1127774999</v>
      </c>
      <c r="BO561" s="53">
        <v>144885.589289861</v>
      </c>
      <c r="BP561" s="53">
        <v>127734.642196468</v>
      </c>
      <c r="BQ561" s="53">
        <v>132890.969933049</v>
      </c>
      <c r="BR561" s="53">
        <v>143709.23518250301</v>
      </c>
      <c r="BS561" s="53">
        <v>157611.88071390701</v>
      </c>
      <c r="BT561" s="53">
        <v>158010.63805864</v>
      </c>
      <c r="BU561" s="53">
        <v>162349.26356230499</v>
      </c>
      <c r="BV561" s="53">
        <v>155216.79213877901</v>
      </c>
      <c r="BW561" s="53">
        <v>164211.46614773301</v>
      </c>
      <c r="BX561" s="53">
        <v>151835.14831359201</v>
      </c>
      <c r="BY561" s="53">
        <v>133016.07203869501</v>
      </c>
      <c r="BZ561" s="53">
        <v>128292.90023229001</v>
      </c>
      <c r="CA561" s="53">
        <v>1759764.59780782</v>
      </c>
      <c r="CB561" s="53"/>
      <c r="CC561" s="53"/>
      <c r="CD561" s="53"/>
      <c r="CE561" s="53"/>
      <c r="CF561" s="53"/>
      <c r="CG561" s="53"/>
      <c r="CH561" s="53"/>
      <c r="CI561" s="53"/>
      <c r="CJ561" s="53"/>
      <c r="CK561" s="53"/>
      <c r="CL561" s="53"/>
      <c r="CM561" s="53"/>
      <c r="CN561" s="53"/>
    </row>
    <row r="562" spans="1:92" outlineLevel="1">
      <c r="A562" s="52" t="s">
        <v>784</v>
      </c>
      <c r="B562" s="53">
        <v>16640829.152827401</v>
      </c>
      <c r="C562" s="53">
        <v>14112477.5051479</v>
      </c>
      <c r="D562" s="53">
        <v>14643494.0914202</v>
      </c>
      <c r="E562" s="53">
        <v>15373692.672384201</v>
      </c>
      <c r="F562" s="53">
        <v>19122086.996733598</v>
      </c>
      <c r="G562" s="53">
        <v>21413072.939019501</v>
      </c>
      <c r="H562" s="53">
        <v>23297391.657836799</v>
      </c>
      <c r="I562" s="53">
        <v>23128843.469170898</v>
      </c>
      <c r="J562" s="53">
        <v>21163893.731008101</v>
      </c>
      <c r="K562" s="53">
        <v>17615008.3044894</v>
      </c>
      <c r="L562" s="53">
        <v>14561943.2289919</v>
      </c>
      <c r="M562" s="53">
        <v>15771978.7496479</v>
      </c>
      <c r="N562" s="53">
        <v>216844712.498678</v>
      </c>
      <c r="O562" s="53">
        <v>23890600.699361399</v>
      </c>
      <c r="P562" s="53">
        <v>13132645.857476</v>
      </c>
      <c r="Q562" s="53">
        <v>14017846.5587746</v>
      </c>
      <c r="R562" s="53">
        <v>14883413.164417099</v>
      </c>
      <c r="S562" s="53">
        <v>19146124.5634997</v>
      </c>
      <c r="T562" s="53">
        <v>21883083.0494956</v>
      </c>
      <c r="U562" s="53">
        <v>23535265.829724099</v>
      </c>
      <c r="V562" s="53">
        <v>30807698.007134501</v>
      </c>
      <c r="W562" s="53">
        <v>21301905.472753599</v>
      </c>
      <c r="X562" s="53">
        <v>17545591.813265301</v>
      </c>
      <c r="Y562" s="53">
        <v>13390007.264600201</v>
      </c>
      <c r="Z562" s="53">
        <v>14994829.439725401</v>
      </c>
      <c r="AA562" s="53">
        <v>228529011.72022799</v>
      </c>
      <c r="AB562" s="53">
        <v>17796471.8473433</v>
      </c>
      <c r="AC562" s="53">
        <v>10066898.029633099</v>
      </c>
      <c r="AD562" s="53">
        <v>10433773.3085788</v>
      </c>
      <c r="AE562" s="53">
        <v>11076123.1399485</v>
      </c>
      <c r="AF562" s="53">
        <v>14448083.0643078</v>
      </c>
      <c r="AG562" s="53">
        <v>16655550.084052799</v>
      </c>
      <c r="AH562" s="53">
        <v>17962475.4578471</v>
      </c>
      <c r="AI562" s="53">
        <v>23328731.218899701</v>
      </c>
      <c r="AJ562" s="53">
        <v>16225834.9132393</v>
      </c>
      <c r="AK562" s="53">
        <v>13264375.400407299</v>
      </c>
      <c r="AL562" s="53">
        <v>10034282.0785136</v>
      </c>
      <c r="AM562" s="53">
        <v>11269078.5275399</v>
      </c>
      <c r="AN562" s="53">
        <v>172561677.07031101</v>
      </c>
      <c r="AO562" s="53">
        <v>7616047.7915966203</v>
      </c>
      <c r="AP562" s="53">
        <v>4147569.8892950001</v>
      </c>
      <c r="AQ562" s="53">
        <v>4415209.5907584596</v>
      </c>
      <c r="AR562" s="53">
        <v>4688956.31681275</v>
      </c>
      <c r="AS562" s="53">
        <v>6160076.7882909998</v>
      </c>
      <c r="AT562" s="53">
        <v>7143062.8352920702</v>
      </c>
      <c r="AU562" s="53">
        <v>7716168.7555169798</v>
      </c>
      <c r="AV562" s="53">
        <v>10022200.480316199</v>
      </c>
      <c r="AW562" s="53">
        <v>6971916.2463786304</v>
      </c>
      <c r="AX562" s="53">
        <v>5682120.2771463497</v>
      </c>
      <c r="AY562" s="53">
        <v>4286475.2202229304</v>
      </c>
      <c r="AZ562" s="53">
        <v>4827787.1215050304</v>
      </c>
      <c r="BA562" s="53">
        <v>73677591.313132107</v>
      </c>
      <c r="BB562" s="53">
        <v>2669516.8382770899</v>
      </c>
      <c r="BC562" s="53">
        <v>1443230.7472713101</v>
      </c>
      <c r="BD562" s="53">
        <v>1529792.64425271</v>
      </c>
      <c r="BE562" s="53">
        <v>1625635.1257496299</v>
      </c>
      <c r="BF562" s="53">
        <v>2151110.1193840601</v>
      </c>
      <c r="BG562" s="53">
        <v>2509556.84280614</v>
      </c>
      <c r="BH562" s="53">
        <v>2715387.88884207</v>
      </c>
      <c r="BI562" s="53">
        <v>3528197.65830279</v>
      </c>
      <c r="BJ562" s="53">
        <v>2453976.8162113801</v>
      </c>
      <c r="BK562" s="53">
        <v>1993846.06522792</v>
      </c>
      <c r="BL562" s="53">
        <v>1499665.11406314</v>
      </c>
      <c r="BM562" s="53">
        <v>1693924.22361356</v>
      </c>
      <c r="BN562" s="53">
        <v>25813840.084001798</v>
      </c>
      <c r="BO562" s="53">
        <v>1246126.60198928</v>
      </c>
      <c r="BP562" s="53">
        <v>670277.37300989998</v>
      </c>
      <c r="BQ562" s="53">
        <v>707692.17245729605</v>
      </c>
      <c r="BR562" s="53">
        <v>753048.39887353196</v>
      </c>
      <c r="BS562" s="53">
        <v>1001636.68766654</v>
      </c>
      <c r="BT562" s="53">
        <v>1174586.1171542299</v>
      </c>
      <c r="BU562" s="53">
        <v>1272976.55270881</v>
      </c>
      <c r="BV562" s="53">
        <v>1655207.9506409799</v>
      </c>
      <c r="BW562" s="53">
        <v>1152851.2113354299</v>
      </c>
      <c r="BX562" s="53">
        <v>936678.70660769904</v>
      </c>
      <c r="BY562" s="53">
        <v>704959.33674402605</v>
      </c>
      <c r="BZ562" s="53">
        <v>796971.47201173101</v>
      </c>
      <c r="CA562" s="53">
        <v>12073012.5811994</v>
      </c>
      <c r="CB562" s="53">
        <v>8477205.3861828409</v>
      </c>
      <c r="CC562" s="53">
        <v>7789803.8977232501</v>
      </c>
      <c r="CD562" s="53">
        <v>8849237.1831000391</v>
      </c>
      <c r="CE562" s="53">
        <v>9375151.9676862396</v>
      </c>
      <c r="CF562" s="53">
        <v>10781746.437070699</v>
      </c>
      <c r="CG562" s="53">
        <v>11253425.770888399</v>
      </c>
      <c r="CH562" s="53">
        <v>11869963.133580299</v>
      </c>
      <c r="CI562" s="53">
        <v>11891965.4569472</v>
      </c>
      <c r="CJ562" s="53">
        <v>11225252.5189045</v>
      </c>
      <c r="CK562" s="53">
        <v>10368866.7058893</v>
      </c>
      <c r="CL562" s="53">
        <v>8712338.6544131301</v>
      </c>
      <c r="CM562" s="53">
        <v>8608131.3178959806</v>
      </c>
      <c r="CN562" s="53">
        <v>119203088.430282</v>
      </c>
    </row>
    <row r="563" spans="1:92" outlineLevel="1">
      <c r="A563" s="52" t="s">
        <v>1242</v>
      </c>
      <c r="B563" s="53"/>
      <c r="C563" s="53"/>
      <c r="D563" s="53"/>
      <c r="E563" s="53"/>
      <c r="F563" s="53"/>
      <c r="G563" s="53"/>
      <c r="H563" s="53"/>
      <c r="I563" s="53"/>
      <c r="J563" s="53"/>
      <c r="K563" s="53"/>
      <c r="L563" s="53"/>
      <c r="M563" s="53"/>
      <c r="N563" s="53"/>
      <c r="O563" s="53"/>
      <c r="P563" s="53"/>
      <c r="Q563" s="53"/>
      <c r="R563" s="53"/>
      <c r="S563" s="53"/>
      <c r="T563" s="53"/>
      <c r="U563" s="53"/>
      <c r="V563" s="53"/>
      <c r="W563" s="53"/>
      <c r="X563" s="53"/>
      <c r="Y563" s="53"/>
      <c r="Z563" s="53"/>
      <c r="AA563" s="53"/>
      <c r="AB563" s="53"/>
      <c r="AC563" s="53"/>
      <c r="AD563" s="53"/>
      <c r="AE563" s="53"/>
      <c r="AF563" s="53"/>
      <c r="AG563" s="53"/>
      <c r="AH563" s="53"/>
      <c r="AI563" s="53"/>
      <c r="AJ563" s="53"/>
      <c r="AK563" s="53"/>
      <c r="AL563" s="53"/>
      <c r="AM563" s="53"/>
      <c r="AN563" s="53"/>
      <c r="AO563" s="53"/>
      <c r="AP563" s="53"/>
      <c r="AQ563" s="53"/>
      <c r="AR563" s="53"/>
      <c r="AS563" s="53"/>
      <c r="AT563" s="53"/>
      <c r="AU563" s="53"/>
      <c r="AV563" s="53"/>
      <c r="AW563" s="53"/>
      <c r="AX563" s="53"/>
      <c r="AY563" s="53"/>
      <c r="AZ563" s="53"/>
      <c r="BA563" s="53"/>
      <c r="BB563" s="53"/>
      <c r="BC563" s="53"/>
      <c r="BD563" s="53"/>
      <c r="BE563" s="53"/>
      <c r="BF563" s="53"/>
      <c r="BG563" s="53"/>
      <c r="BH563" s="53"/>
      <c r="BI563" s="53"/>
      <c r="BJ563" s="53"/>
      <c r="BK563" s="53"/>
      <c r="BL563" s="53"/>
      <c r="BM563" s="53"/>
      <c r="BN563" s="53"/>
      <c r="BO563" s="53"/>
      <c r="BP563" s="53"/>
      <c r="BQ563" s="53"/>
      <c r="BR563" s="53"/>
      <c r="BS563" s="53"/>
      <c r="BT563" s="53"/>
      <c r="BU563" s="53"/>
      <c r="BV563" s="53"/>
      <c r="BW563" s="53"/>
      <c r="BX563" s="53"/>
      <c r="BY563" s="53"/>
      <c r="BZ563" s="53"/>
      <c r="CA563" s="53"/>
      <c r="CB563" s="53">
        <v>2838632.02996998</v>
      </c>
      <c r="CC563" s="53">
        <v>2893136.6264724401</v>
      </c>
      <c r="CD563" s="53">
        <v>3087980.1272485899</v>
      </c>
      <c r="CE563" s="53">
        <v>3059697.7454867698</v>
      </c>
      <c r="CF563" s="53">
        <v>3142458.17003205</v>
      </c>
      <c r="CG563" s="53">
        <v>3204234.92667417</v>
      </c>
      <c r="CH563" s="53">
        <v>3172872.7608490898</v>
      </c>
      <c r="CI563" s="53">
        <v>3238712.8134294399</v>
      </c>
      <c r="CJ563" s="53">
        <v>3150126.2159744799</v>
      </c>
      <c r="CK563" s="53">
        <v>3083141.4974020799</v>
      </c>
      <c r="CL563" s="53">
        <v>3044383.7490520198</v>
      </c>
      <c r="CM563" s="53">
        <v>2935717.6000893102</v>
      </c>
      <c r="CN563" s="53">
        <v>36851094.262680396</v>
      </c>
    </row>
    <row r="564" spans="1:92" outlineLevel="1">
      <c r="A564" s="52" t="s">
        <v>780</v>
      </c>
      <c r="B564" s="53">
        <v>2306391.2893626802</v>
      </c>
      <c r="C564" s="53">
        <v>2091447.52246425</v>
      </c>
      <c r="D564" s="53">
        <v>2460797.4905141899</v>
      </c>
      <c r="E564" s="53">
        <v>2626326.9273179602</v>
      </c>
      <c r="F564" s="53">
        <v>2850074.3499211799</v>
      </c>
      <c r="G564" s="53">
        <v>3026297.6823453698</v>
      </c>
      <c r="H564" s="53">
        <v>3156738.2527633798</v>
      </c>
      <c r="I564" s="53">
        <v>3190246.98932188</v>
      </c>
      <c r="J564" s="53">
        <v>3018414.7975999401</v>
      </c>
      <c r="K564" s="53">
        <v>2712976.29773321</v>
      </c>
      <c r="L564" s="53">
        <v>2367402.6908962498</v>
      </c>
      <c r="M564" s="53">
        <v>2408553.4009318501</v>
      </c>
      <c r="N564" s="53">
        <v>32215667.691172201</v>
      </c>
      <c r="O564" s="53">
        <v>3364777.5673652599</v>
      </c>
      <c r="P564" s="53">
        <v>2147368.3977954602</v>
      </c>
      <c r="Q564" s="53">
        <v>2378166.47871383</v>
      </c>
      <c r="R564" s="53">
        <v>2627975.3116576499</v>
      </c>
      <c r="S564" s="53">
        <v>2923181.3119866201</v>
      </c>
      <c r="T564" s="53">
        <v>3044225.1169774602</v>
      </c>
      <c r="U564" s="53">
        <v>3136195.7604975598</v>
      </c>
      <c r="V564" s="53">
        <v>3968555.79842608</v>
      </c>
      <c r="W564" s="53">
        <v>2976750.7988213398</v>
      </c>
      <c r="X564" s="53">
        <v>2769167.0547698801</v>
      </c>
      <c r="Y564" s="53">
        <v>2298036.3964059502</v>
      </c>
      <c r="Z564" s="53">
        <v>2281572.5605825698</v>
      </c>
      <c r="AA564" s="53">
        <v>33915972.5539997</v>
      </c>
      <c r="AB564" s="53">
        <v>3604994.9481107499</v>
      </c>
      <c r="AC564" s="53">
        <v>2294694.0915697599</v>
      </c>
      <c r="AD564" s="53">
        <v>2490767.9656179198</v>
      </c>
      <c r="AE564" s="53">
        <v>2774930.97242535</v>
      </c>
      <c r="AF564" s="53">
        <v>3118704.3149985299</v>
      </c>
      <c r="AG564" s="53">
        <v>3250221.56159472</v>
      </c>
      <c r="AH564" s="53">
        <v>3331169.66592295</v>
      </c>
      <c r="AI564" s="53">
        <v>4241416.8778311796</v>
      </c>
      <c r="AJ564" s="53">
        <v>3178331.5213042502</v>
      </c>
      <c r="AK564" s="53">
        <v>2938690.6225981801</v>
      </c>
      <c r="AL564" s="53">
        <v>2412896.74651861</v>
      </c>
      <c r="AM564" s="53">
        <v>2391232.9547714302</v>
      </c>
      <c r="AN564" s="53">
        <v>36028052.243263699</v>
      </c>
      <c r="AO564" s="53">
        <v>3589144.54636853</v>
      </c>
      <c r="AP564" s="53">
        <v>2199710.1907522199</v>
      </c>
      <c r="AQ564" s="53">
        <v>2512241.6199531201</v>
      </c>
      <c r="AR564" s="53">
        <v>2787926.3804040202</v>
      </c>
      <c r="AS564" s="53">
        <v>3145524.0876585599</v>
      </c>
      <c r="AT564" s="53">
        <v>3268274.4816888198</v>
      </c>
      <c r="AU564" s="53">
        <v>3383984.2998508299</v>
      </c>
      <c r="AV564" s="53">
        <v>4268329.7866536602</v>
      </c>
      <c r="AW564" s="53">
        <v>3231478.02428434</v>
      </c>
      <c r="AX564" s="53">
        <v>2921955.75379613</v>
      </c>
      <c r="AY564" s="53">
        <v>2428163.0530005302</v>
      </c>
      <c r="AZ564" s="53">
        <v>2402266.0096966699</v>
      </c>
      <c r="BA564" s="53">
        <v>36138998.234107397</v>
      </c>
      <c r="BB564" s="53">
        <v>3649478.8322803499</v>
      </c>
      <c r="BC564" s="53">
        <v>2274553.8234865498</v>
      </c>
      <c r="BD564" s="53">
        <v>2564088.98016593</v>
      </c>
      <c r="BE564" s="53">
        <v>2847354.4397871098</v>
      </c>
      <c r="BF564" s="53">
        <v>3202814.1275263201</v>
      </c>
      <c r="BG564" s="53">
        <v>3360055.0276434901</v>
      </c>
      <c r="BH564" s="53">
        <v>3465773.4872959801</v>
      </c>
      <c r="BI564" s="53">
        <v>4362038.62760753</v>
      </c>
      <c r="BJ564" s="53">
        <v>3308613.3761847098</v>
      </c>
      <c r="BK564" s="53">
        <v>3024848.28266613</v>
      </c>
      <c r="BL564" s="53">
        <v>2467909.0274625602</v>
      </c>
      <c r="BM564" s="53">
        <v>2458294.4640456801</v>
      </c>
      <c r="BN564" s="53">
        <v>36985822.496152401</v>
      </c>
      <c r="BO564" s="53">
        <v>3875205.2944118599</v>
      </c>
      <c r="BP564" s="53">
        <v>2417309.06018078</v>
      </c>
      <c r="BQ564" s="53">
        <v>2716682.0324616199</v>
      </c>
      <c r="BR564" s="53">
        <v>3013625.9934895998</v>
      </c>
      <c r="BS564" s="53">
        <v>3418950.6956182802</v>
      </c>
      <c r="BT564" s="53">
        <v>3596206.8660577699</v>
      </c>
      <c r="BU564" s="53">
        <v>3707580.2247007801</v>
      </c>
      <c r="BV564" s="53">
        <v>4653821.0821505999</v>
      </c>
      <c r="BW564" s="53">
        <v>3540529.9705552799</v>
      </c>
      <c r="BX564" s="53">
        <v>3233339.8240709398</v>
      </c>
      <c r="BY564" s="53">
        <v>2642066.1578940898</v>
      </c>
      <c r="BZ564" s="53">
        <v>2641337.0042033801</v>
      </c>
      <c r="CA564" s="53">
        <v>39456654.205794998</v>
      </c>
      <c r="CB564" s="53">
        <v>18142.450925809098</v>
      </c>
      <c r="CC564" s="53">
        <v>18136.105838842999</v>
      </c>
      <c r="CD564" s="53">
        <v>18129.780927068201</v>
      </c>
      <c r="CE564" s="53">
        <v>18123.476062590998</v>
      </c>
      <c r="CF564" s="53">
        <v>18117.191118729901</v>
      </c>
      <c r="CG564" s="53">
        <v>18110.925970000299</v>
      </c>
      <c r="CH564" s="53">
        <v>18104.680492099698</v>
      </c>
      <c r="CI564" s="53">
        <v>18098.4545618927</v>
      </c>
      <c r="CJ564" s="53">
        <v>18092.248057396599</v>
      </c>
      <c r="CK564" s="53">
        <v>18086.060857766901</v>
      </c>
      <c r="CL564" s="53">
        <v>18079.892843283</v>
      </c>
      <c r="CM564" s="53">
        <v>18073.743895334799</v>
      </c>
      <c r="CN564" s="53">
        <v>217295.01155081499</v>
      </c>
    </row>
    <row r="565" spans="1:92" outlineLevel="1">
      <c r="A565" s="52" t="s">
        <v>781</v>
      </c>
      <c r="B565" s="53">
        <v>750346.44399159902</v>
      </c>
      <c r="C565" s="53">
        <v>762804.71365374303</v>
      </c>
      <c r="D565" s="53">
        <v>809673.31295403803</v>
      </c>
      <c r="E565" s="53">
        <v>832882.45860687096</v>
      </c>
      <c r="F565" s="53">
        <v>841308.85985299305</v>
      </c>
      <c r="G565" s="53">
        <v>869975.89346824505</v>
      </c>
      <c r="H565" s="53">
        <v>844238.26439932699</v>
      </c>
      <c r="I565" s="53">
        <v>809243.65747253096</v>
      </c>
      <c r="J565" s="53">
        <v>840991.85314578505</v>
      </c>
      <c r="K565" s="53">
        <v>812409.20607931598</v>
      </c>
      <c r="L565" s="53">
        <v>816926.87034450495</v>
      </c>
      <c r="M565" s="53">
        <v>778147.24237863999</v>
      </c>
      <c r="N565" s="53">
        <v>9768948.7763475906</v>
      </c>
      <c r="O565" s="53">
        <v>617206.21753019199</v>
      </c>
      <c r="P565" s="53">
        <v>680686.53853181296</v>
      </c>
      <c r="Q565" s="53">
        <v>780651.92066063499</v>
      </c>
      <c r="R565" s="53">
        <v>981217.99223612295</v>
      </c>
      <c r="S565" s="53">
        <v>1102920.7953264299</v>
      </c>
      <c r="T565" s="53">
        <v>855592.40722391405</v>
      </c>
      <c r="U565" s="53">
        <v>828107.64264672203</v>
      </c>
      <c r="V565" s="53">
        <v>819582.10478823795</v>
      </c>
      <c r="W565" s="53">
        <v>799281.56259698095</v>
      </c>
      <c r="X565" s="53">
        <v>715493.75506159698</v>
      </c>
      <c r="Y565" s="53">
        <v>599994.19310133101</v>
      </c>
      <c r="Z565" s="53">
        <v>664904.24848789396</v>
      </c>
      <c r="AA565" s="53">
        <v>9445639.3781918809</v>
      </c>
      <c r="AB565" s="53">
        <v>651635.66215175099</v>
      </c>
      <c r="AC565" s="53">
        <v>728825.462066537</v>
      </c>
      <c r="AD565" s="53">
        <v>826549.45057437499</v>
      </c>
      <c r="AE565" s="53">
        <v>1040116.0259946201</v>
      </c>
      <c r="AF565" s="53">
        <v>1169700.5413567401</v>
      </c>
      <c r="AG565" s="53">
        <v>907292.51759016805</v>
      </c>
      <c r="AH565" s="53">
        <v>878402.68194094696</v>
      </c>
      <c r="AI565" s="53">
        <v>868931.80181558302</v>
      </c>
      <c r="AJ565" s="53">
        <v>848055.80403257301</v>
      </c>
      <c r="AK565" s="53">
        <v>759622.72313989198</v>
      </c>
      <c r="AL565" s="53">
        <v>637003.11982202297</v>
      </c>
      <c r="AM565" s="53">
        <v>706517.12531502999</v>
      </c>
      <c r="AN565" s="53">
        <v>10022652.915800201</v>
      </c>
      <c r="AO565" s="53">
        <v>655324.43561757996</v>
      </c>
      <c r="AP565" s="53">
        <v>723386.27571018797</v>
      </c>
      <c r="AQ565" s="53">
        <v>829621.62236858602</v>
      </c>
      <c r="AR565" s="53">
        <v>1042811.25906978</v>
      </c>
      <c r="AS565" s="53">
        <v>1172185.15571155</v>
      </c>
      <c r="AT565" s="53">
        <v>909905.71071515104</v>
      </c>
      <c r="AU565" s="53">
        <v>880986.53442406096</v>
      </c>
      <c r="AV565" s="53">
        <v>871448.69668403803</v>
      </c>
      <c r="AW565" s="53">
        <v>850434.37560255895</v>
      </c>
      <c r="AX565" s="53">
        <v>761905.36156053003</v>
      </c>
      <c r="AY565" s="53">
        <v>639219.35725932999</v>
      </c>
      <c r="AZ565" s="53">
        <v>708670.408014204</v>
      </c>
      <c r="BA565" s="53">
        <v>10045899.192737499</v>
      </c>
      <c r="BB565" s="53">
        <v>667493.08646829205</v>
      </c>
      <c r="BC565" s="53">
        <v>736582.21998248203</v>
      </c>
      <c r="BD565" s="53">
        <v>844491.29520795797</v>
      </c>
      <c r="BE565" s="53">
        <v>1060740.83940959</v>
      </c>
      <c r="BF565" s="53">
        <v>1192002.5782800301</v>
      </c>
      <c r="BG565" s="53">
        <v>926008.19600348501</v>
      </c>
      <c r="BH565" s="53">
        <v>896763.46131126594</v>
      </c>
      <c r="BI565" s="53">
        <v>887172.86591012403</v>
      </c>
      <c r="BJ565" s="53">
        <v>865869.08595403295</v>
      </c>
      <c r="BK565" s="53">
        <v>776090.85285666306</v>
      </c>
      <c r="BL565" s="53">
        <v>651640.946187553</v>
      </c>
      <c r="BM565" s="53">
        <v>722202.63184287003</v>
      </c>
      <c r="BN565" s="53">
        <v>10227058.059414299</v>
      </c>
      <c r="BO565" s="53">
        <v>712010.52837916999</v>
      </c>
      <c r="BP565" s="53">
        <v>785406.697641626</v>
      </c>
      <c r="BQ565" s="53">
        <v>900197.26565485599</v>
      </c>
      <c r="BR565" s="53">
        <v>1129866.7476232201</v>
      </c>
      <c r="BS565" s="53">
        <v>1269454.4373291801</v>
      </c>
      <c r="BT565" s="53">
        <v>987471.65260446002</v>
      </c>
      <c r="BU565" s="53">
        <v>956672.67629345902</v>
      </c>
      <c r="BV565" s="53">
        <v>946655.14711066301</v>
      </c>
      <c r="BW565" s="53">
        <v>924124.85853172897</v>
      </c>
      <c r="BX565" s="53">
        <v>828976.50587287406</v>
      </c>
      <c r="BY565" s="53">
        <v>696975.90863978595</v>
      </c>
      <c r="BZ565" s="53">
        <v>771928.35306081595</v>
      </c>
      <c r="CA565" s="53">
        <v>10909740.778741799</v>
      </c>
      <c r="CB565" s="53">
        <v>2488668.42339464</v>
      </c>
      <c r="CC565" s="53">
        <v>2472563.4912020499</v>
      </c>
      <c r="CD565" s="53">
        <v>2554479.0599255399</v>
      </c>
      <c r="CE565" s="53">
        <v>2711673.27883521</v>
      </c>
      <c r="CF565" s="53">
        <v>2976093.5230905199</v>
      </c>
      <c r="CG565" s="53">
        <v>3019414.73454668</v>
      </c>
      <c r="CH565" s="53">
        <v>3055769.9381977501</v>
      </c>
      <c r="CI565" s="53">
        <v>2756688.4887987799</v>
      </c>
      <c r="CJ565" s="53">
        <v>3105903.21836509</v>
      </c>
      <c r="CK565" s="53">
        <v>2872510.29036501</v>
      </c>
      <c r="CL565" s="53">
        <v>2563143.6464444799</v>
      </c>
      <c r="CM565" s="53">
        <v>2502742.1891059</v>
      </c>
      <c r="CN565" s="53">
        <v>33079650.282271702</v>
      </c>
    </row>
    <row r="566" spans="1:92" outlineLevel="1">
      <c r="A566" s="52" t="s">
        <v>782</v>
      </c>
      <c r="B566" s="53">
        <v>5002.5063204552998</v>
      </c>
      <c r="C566" s="53">
        <v>5001.6712416300397</v>
      </c>
      <c r="D566" s="53">
        <v>5000.3377525658598</v>
      </c>
      <c r="E566" s="53">
        <v>4998.7204027978796</v>
      </c>
      <c r="F566" s="53">
        <v>4996.9427266878602</v>
      </c>
      <c r="G566" s="53">
        <v>4995.0758437123995</v>
      </c>
      <c r="H566" s="53">
        <v>4993.1606881678799</v>
      </c>
      <c r="I566" s="53">
        <v>4991.2208111341297</v>
      </c>
      <c r="J566" s="53">
        <v>4989.2697530502601</v>
      </c>
      <c r="K566" s="53">
        <v>4987.3152895343201</v>
      </c>
      <c r="L566" s="53">
        <v>4985.3618765221399</v>
      </c>
      <c r="M566" s="53">
        <v>4983.4120584041602</v>
      </c>
      <c r="N566" s="53">
        <v>59924.994764662297</v>
      </c>
      <c r="O566" s="53">
        <v>7480.2857124983702</v>
      </c>
      <c r="P566" s="53">
        <v>7429.4176892083897</v>
      </c>
      <c r="Q566" s="53">
        <v>7382.5219441416102</v>
      </c>
      <c r="R566" s="53">
        <v>7339.34127942747</v>
      </c>
      <c r="S566" s="53">
        <v>7299.6470747365802</v>
      </c>
      <c r="T566" s="53">
        <v>7263.1249771160101</v>
      </c>
      <c r="U566" s="53">
        <v>7229.63209885991</v>
      </c>
      <c r="V566" s="53">
        <v>7198.9112420976999</v>
      </c>
      <c r="W566" s="53">
        <v>7170.7909415823297</v>
      </c>
      <c r="X566" s="53">
        <v>7145.0997320667702</v>
      </c>
      <c r="Y566" s="53">
        <v>7121.6375707628004</v>
      </c>
      <c r="Z566" s="53">
        <v>7100.2615699645303</v>
      </c>
      <c r="AA566" s="53">
        <v>87160.671832462496</v>
      </c>
      <c r="AB566" s="53">
        <v>7464.49090879097</v>
      </c>
      <c r="AC566" s="53">
        <v>7445.9333148358901</v>
      </c>
      <c r="AD566" s="53">
        <v>7429.1531527693596</v>
      </c>
      <c r="AE566" s="53">
        <v>7413.9997927703198</v>
      </c>
      <c r="AF566" s="53">
        <v>7400.4129829103404</v>
      </c>
      <c r="AG566" s="53">
        <v>7388.2420933683698</v>
      </c>
      <c r="AH566" s="53">
        <v>7377.3967462517603</v>
      </c>
      <c r="AI566" s="53">
        <v>7367.7865636678798</v>
      </c>
      <c r="AJ566" s="53">
        <v>7359.3512936882998</v>
      </c>
      <c r="AK566" s="53">
        <v>7351.9704324561599</v>
      </c>
      <c r="AL566" s="53">
        <v>7345.5837280430496</v>
      </c>
      <c r="AM566" s="53">
        <v>7340.1309285205298</v>
      </c>
      <c r="AN566" s="53">
        <v>88684.451938072903</v>
      </c>
      <c r="AO566" s="53">
        <v>7329.8630568033996</v>
      </c>
      <c r="AP566" s="53">
        <v>7326.0701134363599</v>
      </c>
      <c r="AQ566" s="53">
        <v>7323.0297381976998</v>
      </c>
      <c r="AR566" s="53">
        <v>7320.6516229120198</v>
      </c>
      <c r="AS566" s="53">
        <v>7318.9357675793099</v>
      </c>
      <c r="AT566" s="53">
        <v>7317.7918640241696</v>
      </c>
      <c r="AU566" s="53">
        <v>7317.2199122466</v>
      </c>
      <c r="AV566" s="53">
        <v>7317.1597067963303</v>
      </c>
      <c r="AW566" s="53">
        <v>7317.5811449482198</v>
      </c>
      <c r="AX566" s="53">
        <v>7318.4541239771497</v>
      </c>
      <c r="AY566" s="53">
        <v>7319.7184384328302</v>
      </c>
      <c r="AZ566" s="53">
        <v>7321.3740883152605</v>
      </c>
      <c r="BA566" s="53">
        <v>87847.849577669404</v>
      </c>
      <c r="BB566" s="53">
        <v>7427.9476019296999</v>
      </c>
      <c r="BC566" s="53">
        <v>7430.3291372509402</v>
      </c>
      <c r="BD566" s="53">
        <v>7432.9854651092401</v>
      </c>
      <c r="BE566" s="53">
        <v>7435.9471180087303</v>
      </c>
      <c r="BF566" s="53">
        <v>7439.18356344528</v>
      </c>
      <c r="BG566" s="53">
        <v>7442.6642689147802</v>
      </c>
      <c r="BH566" s="53">
        <v>7446.3587019131101</v>
      </c>
      <c r="BI566" s="53">
        <v>7450.2668624402704</v>
      </c>
      <c r="BJ566" s="53">
        <v>7454.3887504962504</v>
      </c>
      <c r="BK566" s="53">
        <v>7458.6633010728301</v>
      </c>
      <c r="BL566" s="53">
        <v>7463.1210466741204</v>
      </c>
      <c r="BM566" s="53">
        <v>7467.7314547960004</v>
      </c>
      <c r="BN566" s="53">
        <v>89349.5872720513</v>
      </c>
      <c r="BO566" s="53">
        <v>7928.7162196380496</v>
      </c>
      <c r="BP566" s="53">
        <v>7933.8996999114097</v>
      </c>
      <c r="BQ566" s="53">
        <v>7939.1803704398999</v>
      </c>
      <c r="BR566" s="53">
        <v>7944.6230247269305</v>
      </c>
      <c r="BS566" s="53">
        <v>7950.1304725173804</v>
      </c>
      <c r="BT566" s="53">
        <v>7955.7675073146602</v>
      </c>
      <c r="BU566" s="53">
        <v>7961.4693356153603</v>
      </c>
      <c r="BV566" s="53">
        <v>7967.2683541711804</v>
      </c>
      <c r="BW566" s="53">
        <v>7973.1321662304199</v>
      </c>
      <c r="BX566" s="53">
        <v>7979.0931685447904</v>
      </c>
      <c r="BY566" s="53">
        <v>7985.0865676108597</v>
      </c>
      <c r="BZ566" s="53">
        <v>7991.1447601803602</v>
      </c>
      <c r="CA566" s="53">
        <v>95509.511646901301</v>
      </c>
      <c r="CB566" s="53">
        <v>16966795.271148399</v>
      </c>
      <c r="CC566" s="53">
        <v>13871960.903105199</v>
      </c>
      <c r="CD566" s="53">
        <v>14338461.329489499</v>
      </c>
      <c r="CE566" s="53">
        <v>14784597.3273915</v>
      </c>
      <c r="CF566" s="53">
        <v>19569115.379577499</v>
      </c>
      <c r="CG566" s="53">
        <v>22576511.939546</v>
      </c>
      <c r="CH566" s="53">
        <v>24466436.034539599</v>
      </c>
      <c r="CI566" s="53">
        <v>24528185.427982301</v>
      </c>
      <c r="CJ566" s="53">
        <v>22190559.3387498</v>
      </c>
      <c r="CK566" s="53">
        <v>18098901.022448901</v>
      </c>
      <c r="CL566" s="53">
        <v>14087569.910292201</v>
      </c>
      <c r="CM566" s="53">
        <v>16182627.200127499</v>
      </c>
      <c r="CN566" s="53">
        <v>221661721.08439901</v>
      </c>
    </row>
    <row r="567" spans="1:92" outlineLevel="1">
      <c r="A567" s="52" t="s">
        <v>783</v>
      </c>
      <c r="B567" s="53">
        <v>670104.434623532</v>
      </c>
      <c r="C567" s="53">
        <v>664881.04887130903</v>
      </c>
      <c r="D567" s="53">
        <v>686204.46903309599</v>
      </c>
      <c r="E567" s="53">
        <v>728793.33163756004</v>
      </c>
      <c r="F567" s="53">
        <v>800972.53435150697</v>
      </c>
      <c r="G567" s="53">
        <v>812956.92148766702</v>
      </c>
      <c r="H567" s="53">
        <v>767535.41520081798</v>
      </c>
      <c r="I567" s="53">
        <v>797237.62609605701</v>
      </c>
      <c r="J567" s="53">
        <v>836152.54316534498</v>
      </c>
      <c r="K567" s="53">
        <v>772016.24778284703</v>
      </c>
      <c r="L567" s="53">
        <v>687676.14063886902</v>
      </c>
      <c r="M567" s="53">
        <v>672232.81347577204</v>
      </c>
      <c r="N567" s="53">
        <v>8896763.5263643805</v>
      </c>
      <c r="O567" s="53">
        <v>744321.14967823296</v>
      </c>
      <c r="P567" s="53">
        <v>656221.76277328201</v>
      </c>
      <c r="Q567" s="53">
        <v>681520.88842393295</v>
      </c>
      <c r="R567" s="53">
        <v>736463.897620106</v>
      </c>
      <c r="S567" s="53">
        <v>807528.81235951104</v>
      </c>
      <c r="T567" s="53">
        <v>809984.62336031196</v>
      </c>
      <c r="U567" s="53">
        <v>832366.58218544698</v>
      </c>
      <c r="V567" s="53">
        <v>796810.69123198197</v>
      </c>
      <c r="W567" s="53">
        <v>841913.25274516596</v>
      </c>
      <c r="X567" s="53">
        <v>778621.54351529398</v>
      </c>
      <c r="Y567" s="53">
        <v>683046.10037393903</v>
      </c>
      <c r="Z567" s="53">
        <v>660242.25130844896</v>
      </c>
      <c r="AA567" s="53">
        <v>9029041.5555756502</v>
      </c>
      <c r="AB567" s="53">
        <v>783000.95338445297</v>
      </c>
      <c r="AC567" s="53">
        <v>691143.60476952395</v>
      </c>
      <c r="AD567" s="53">
        <v>717198.19554878597</v>
      </c>
      <c r="AE567" s="53">
        <v>775136.51017477305</v>
      </c>
      <c r="AF567" s="53">
        <v>849972.93001718295</v>
      </c>
      <c r="AG567" s="53">
        <v>852462.78070744302</v>
      </c>
      <c r="AH567" s="53">
        <v>875984.98293497704</v>
      </c>
      <c r="AI567" s="53">
        <v>838330.11850189802</v>
      </c>
      <c r="AJ567" s="53">
        <v>886017.98342658696</v>
      </c>
      <c r="AK567" s="53">
        <v>819362.05828441295</v>
      </c>
      <c r="AL567" s="53">
        <v>718565.82394615398</v>
      </c>
      <c r="AM567" s="53">
        <v>694251.94150507206</v>
      </c>
      <c r="AN567" s="53">
        <v>9501427.8832012601</v>
      </c>
      <c r="AO567" s="53">
        <v>779923.16707387206</v>
      </c>
      <c r="AP567" s="53">
        <v>687620.80653886695</v>
      </c>
      <c r="AQ567" s="53">
        <v>714818.94982852601</v>
      </c>
      <c r="AR567" s="53">
        <v>772754.53421289299</v>
      </c>
      <c r="AS567" s="53">
        <v>847424.94596534001</v>
      </c>
      <c r="AT567" s="53">
        <v>849774.40345669398</v>
      </c>
      <c r="AU567" s="53">
        <v>873184.11878808402</v>
      </c>
      <c r="AV567" s="53">
        <v>835315.703341541</v>
      </c>
      <c r="AW567" s="53">
        <v>883212.75135871198</v>
      </c>
      <c r="AX567" s="53">
        <v>816733.59214281302</v>
      </c>
      <c r="AY567" s="53">
        <v>715961.76968555897</v>
      </c>
      <c r="AZ567" s="53">
        <v>691236.35454668396</v>
      </c>
      <c r="BA567" s="53">
        <v>9467961.0969395898</v>
      </c>
      <c r="BB567" s="53">
        <v>789303.67188389297</v>
      </c>
      <c r="BC567" s="53">
        <v>695887.00240074797</v>
      </c>
      <c r="BD567" s="53">
        <v>723704.28146042302</v>
      </c>
      <c r="BE567" s="53">
        <v>782497.94618339301</v>
      </c>
      <c r="BF567" s="53">
        <v>858159.65919663501</v>
      </c>
      <c r="BG567" s="53">
        <v>860440.68151431403</v>
      </c>
      <c r="BH567" s="53">
        <v>884109.57030442695</v>
      </c>
      <c r="BI567" s="53">
        <v>845525.98070752295</v>
      </c>
      <c r="BJ567" s="53">
        <v>894273.44400289597</v>
      </c>
      <c r="BK567" s="53">
        <v>826932.57114202296</v>
      </c>
      <c r="BL567" s="53">
        <v>724686.206792871</v>
      </c>
      <c r="BM567" s="53">
        <v>699309.32972237305</v>
      </c>
      <c r="BN567" s="53">
        <v>9584830.3453115206</v>
      </c>
      <c r="BO567" s="53">
        <v>835643.91935824498</v>
      </c>
      <c r="BP567" s="53">
        <v>736723.904468733</v>
      </c>
      <c r="BQ567" s="53">
        <v>766463.60418912105</v>
      </c>
      <c r="BR567" s="53">
        <v>828859.164838186</v>
      </c>
      <c r="BS567" s="53">
        <v>909044.23540491995</v>
      </c>
      <c r="BT567" s="53">
        <v>911344.11320545897</v>
      </c>
      <c r="BU567" s="53">
        <v>936367.62339912797</v>
      </c>
      <c r="BV567" s="53">
        <v>895230.29287316196</v>
      </c>
      <c r="BW567" s="53">
        <v>947108.08609630005</v>
      </c>
      <c r="BX567" s="53">
        <v>875726.28206157498</v>
      </c>
      <c r="BY567" s="53">
        <v>767185.14464317297</v>
      </c>
      <c r="BZ567" s="53">
        <v>739943.72043078695</v>
      </c>
      <c r="CA567" s="53">
        <v>10149640.0909687</v>
      </c>
      <c r="CB567" s="53"/>
      <c r="CC567" s="53"/>
      <c r="CD567" s="53"/>
      <c r="CE567" s="53"/>
      <c r="CF567" s="53"/>
      <c r="CG567" s="53"/>
      <c r="CH567" s="53"/>
      <c r="CI567" s="53"/>
      <c r="CJ567" s="53"/>
      <c r="CK567" s="53"/>
      <c r="CL567" s="53"/>
      <c r="CM567" s="53"/>
      <c r="CN567" s="53"/>
    </row>
    <row r="568" spans="1:92" outlineLevel="1">
      <c r="A568" s="52" t="s">
        <v>784</v>
      </c>
      <c r="B568" s="53">
        <v>4515395.7654603003</v>
      </c>
      <c r="C568" s="53">
        <v>3829341.71017983</v>
      </c>
      <c r="D568" s="53">
        <v>3973430.08600668</v>
      </c>
      <c r="E568" s="53">
        <v>4171565.3802368799</v>
      </c>
      <c r="F568" s="53">
        <v>5188671.1809155196</v>
      </c>
      <c r="G568" s="53">
        <v>5810317.3818062404</v>
      </c>
      <c r="H568" s="53">
        <v>6321616.7098375997</v>
      </c>
      <c r="I568" s="53">
        <v>6275882.1030828198</v>
      </c>
      <c r="J568" s="53">
        <v>5742703.9996627104</v>
      </c>
      <c r="K568" s="53">
        <v>4779733.8207228202</v>
      </c>
      <c r="L568" s="53">
        <v>3951301.7163505401</v>
      </c>
      <c r="M568" s="53">
        <v>4279638.0760263698</v>
      </c>
      <c r="N568" s="53">
        <v>58839597.930288397</v>
      </c>
      <c r="O568" s="53">
        <v>6304393.5928515298</v>
      </c>
      <c r="P568" s="53">
        <v>3465520.5803709002</v>
      </c>
      <c r="Q568" s="53">
        <v>3699112.5984151899</v>
      </c>
      <c r="R568" s="53">
        <v>3927523.4546957798</v>
      </c>
      <c r="S568" s="53">
        <v>5052393.0538628604</v>
      </c>
      <c r="T568" s="53">
        <v>5774637.9132595798</v>
      </c>
      <c r="U568" s="53">
        <v>6210625.71720671</v>
      </c>
      <c r="V568" s="53">
        <v>8129718.3093380798</v>
      </c>
      <c r="W568" s="53">
        <v>5621273.3228406003</v>
      </c>
      <c r="X568" s="53">
        <v>4630034.9665672099</v>
      </c>
      <c r="Y568" s="53">
        <v>3533434.63688786</v>
      </c>
      <c r="Z568" s="53">
        <v>3956924.6430975399</v>
      </c>
      <c r="AA568" s="53">
        <v>60305592.789393902</v>
      </c>
      <c r="AB568" s="53">
        <v>6726964.9303259701</v>
      </c>
      <c r="AC568" s="53">
        <v>3805230.0806251601</v>
      </c>
      <c r="AD568" s="53">
        <v>3943906.8451232798</v>
      </c>
      <c r="AE568" s="53">
        <v>4186711.4204172101</v>
      </c>
      <c r="AF568" s="53">
        <v>5461293.0539119104</v>
      </c>
      <c r="AG568" s="53">
        <v>6295703.00629206</v>
      </c>
      <c r="AH568" s="53">
        <v>6789713.3489869898</v>
      </c>
      <c r="AI568" s="53">
        <v>8818127.4426012598</v>
      </c>
      <c r="AJ568" s="53">
        <v>6133273.12081319</v>
      </c>
      <c r="AK568" s="53">
        <v>5013858.3032983998</v>
      </c>
      <c r="AL568" s="53">
        <v>3792901.4369910802</v>
      </c>
      <c r="AM568" s="53">
        <v>4259647.4572102698</v>
      </c>
      <c r="AN568" s="53">
        <v>65227330.446596801</v>
      </c>
      <c r="AO568" s="53">
        <v>6715028.6656323802</v>
      </c>
      <c r="AP568" s="53">
        <v>3656890.2219941299</v>
      </c>
      <c r="AQ568" s="53">
        <v>3892866.7174897902</v>
      </c>
      <c r="AR568" s="53">
        <v>4134227.7439536401</v>
      </c>
      <c r="AS568" s="53">
        <v>5431306.8073853301</v>
      </c>
      <c r="AT568" s="53">
        <v>6298000.3555550296</v>
      </c>
      <c r="AU568" s="53">
        <v>6803304.7848418504</v>
      </c>
      <c r="AV568" s="53">
        <v>8836520.6416239794</v>
      </c>
      <c r="AW568" s="53">
        <v>6147101.3220895296</v>
      </c>
      <c r="AX568" s="53">
        <v>5009895.1039551999</v>
      </c>
      <c r="AY568" s="53">
        <v>3779362.3104727999</v>
      </c>
      <c r="AZ568" s="53">
        <v>4256634.12304834</v>
      </c>
      <c r="BA568" s="53">
        <v>64961138.798041999</v>
      </c>
      <c r="BB568" s="53">
        <v>6793477.4712972799</v>
      </c>
      <c r="BC568" s="53">
        <v>3672782.8148104302</v>
      </c>
      <c r="BD568" s="53">
        <v>3893068.4817086598</v>
      </c>
      <c r="BE568" s="53">
        <v>4136971.69651765</v>
      </c>
      <c r="BF568" s="53">
        <v>5474218.3771902304</v>
      </c>
      <c r="BG568" s="53">
        <v>6386405.8207426798</v>
      </c>
      <c r="BH568" s="53">
        <v>6910211.6848184802</v>
      </c>
      <c r="BI568" s="53">
        <v>8978677.7001313996</v>
      </c>
      <c r="BJ568" s="53">
        <v>6244963.8739785301</v>
      </c>
      <c r="BK568" s="53">
        <v>5074007.4500158001</v>
      </c>
      <c r="BL568" s="53">
        <v>3816398.9156381199</v>
      </c>
      <c r="BM568" s="53">
        <v>4310756.1211827798</v>
      </c>
      <c r="BN568" s="53">
        <v>65691940.408032</v>
      </c>
      <c r="BO568" s="53">
        <v>7187175.22430484</v>
      </c>
      <c r="BP568" s="53">
        <v>3865900.0787066901</v>
      </c>
      <c r="BQ568" s="53">
        <v>4081694.13942362</v>
      </c>
      <c r="BR568" s="53">
        <v>4343291.2726894803</v>
      </c>
      <c r="BS568" s="53">
        <v>5777052.1661759699</v>
      </c>
      <c r="BT568" s="53">
        <v>6774557.4378612796</v>
      </c>
      <c r="BU568" s="53">
        <v>7342035.33264142</v>
      </c>
      <c r="BV568" s="53">
        <v>9546597.8777183294</v>
      </c>
      <c r="BW568" s="53">
        <v>6649198.9258496501</v>
      </c>
      <c r="BX568" s="53">
        <v>5402399.71004376</v>
      </c>
      <c r="BY568" s="53">
        <v>4065932.2023145398</v>
      </c>
      <c r="BZ568" s="53">
        <v>4596622.5333577404</v>
      </c>
      <c r="CA568" s="53">
        <v>69632456.901087299</v>
      </c>
      <c r="CB568" s="53">
        <v>68761.545873078401</v>
      </c>
      <c r="CC568" s="53">
        <v>65016.100453266801</v>
      </c>
      <c r="CD568" s="53">
        <v>73142.370998875893</v>
      </c>
      <c r="CE568" s="53">
        <v>77346.687494002501</v>
      </c>
      <c r="CF568" s="53">
        <v>87582.950099330395</v>
      </c>
      <c r="CG568" s="53">
        <v>89471.3545275387</v>
      </c>
      <c r="CH568" s="53">
        <v>94022.713903270895</v>
      </c>
      <c r="CI568" s="53">
        <v>94367.351581825395</v>
      </c>
      <c r="CJ568" s="53">
        <v>89249.055088425695</v>
      </c>
      <c r="CK568" s="53">
        <v>84054.711216104202</v>
      </c>
      <c r="CL568" s="53">
        <v>72131.523667972302</v>
      </c>
      <c r="CM568" s="53">
        <v>70623.614631129894</v>
      </c>
      <c r="CN568" s="53">
        <v>965769.979534821</v>
      </c>
    </row>
    <row r="569" spans="1:92" outlineLevel="1">
      <c r="A569" s="52" t="s">
        <v>1243</v>
      </c>
      <c r="B569" s="53"/>
      <c r="C569" s="53"/>
      <c r="D569" s="53"/>
      <c r="E569" s="53"/>
      <c r="F569" s="53"/>
      <c r="G569" s="53"/>
      <c r="H569" s="53"/>
      <c r="I569" s="53"/>
      <c r="J569" s="53"/>
      <c r="K569" s="53"/>
      <c r="L569" s="53"/>
      <c r="M569" s="53"/>
      <c r="N569" s="53"/>
      <c r="O569" s="53"/>
      <c r="P569" s="53"/>
      <c r="Q569" s="53"/>
      <c r="R569" s="53"/>
      <c r="S569" s="53"/>
      <c r="T569" s="53"/>
      <c r="U569" s="53"/>
      <c r="V569" s="53"/>
      <c r="W569" s="53"/>
      <c r="X569" s="53"/>
      <c r="Y569" s="53"/>
      <c r="Z569" s="53"/>
      <c r="AA569" s="53"/>
      <c r="AB569" s="53"/>
      <c r="AC569" s="53"/>
      <c r="AD569" s="53"/>
      <c r="AE569" s="53"/>
      <c r="AF569" s="53"/>
      <c r="AG569" s="53"/>
      <c r="AH569" s="53"/>
      <c r="AI569" s="53"/>
      <c r="AJ569" s="53"/>
      <c r="AK569" s="53"/>
      <c r="AL569" s="53"/>
      <c r="AM569" s="53"/>
      <c r="AN569" s="53"/>
      <c r="AO569" s="53"/>
      <c r="AP569" s="53"/>
      <c r="AQ569" s="53"/>
      <c r="AR569" s="53"/>
      <c r="AS569" s="53"/>
      <c r="AT569" s="53"/>
      <c r="AU569" s="53"/>
      <c r="AV569" s="53"/>
      <c r="AW569" s="53"/>
      <c r="AX569" s="53"/>
      <c r="AY569" s="53"/>
      <c r="AZ569" s="53"/>
      <c r="BA569" s="53"/>
      <c r="BB569" s="53"/>
      <c r="BC569" s="53"/>
      <c r="BD569" s="53"/>
      <c r="BE569" s="53"/>
      <c r="BF569" s="53"/>
      <c r="BG569" s="53"/>
      <c r="BH569" s="53"/>
      <c r="BI569" s="53"/>
      <c r="BJ569" s="53"/>
      <c r="BK569" s="53"/>
      <c r="BL569" s="53"/>
      <c r="BM569" s="53"/>
      <c r="BN569" s="53"/>
      <c r="BO569" s="53"/>
      <c r="BP569" s="53"/>
      <c r="BQ569" s="53"/>
      <c r="BR569" s="53"/>
      <c r="BS569" s="53"/>
      <c r="BT569" s="53"/>
      <c r="BU569" s="53"/>
      <c r="BV569" s="53"/>
      <c r="BW569" s="53"/>
      <c r="BX569" s="53"/>
      <c r="BY569" s="53"/>
      <c r="BZ569" s="53"/>
      <c r="CA569" s="53"/>
      <c r="CB569" s="53">
        <v>19017.8751848508</v>
      </c>
      <c r="CC569" s="53">
        <v>19828.291627307299</v>
      </c>
      <c r="CD569" s="53">
        <v>20564.442966587401</v>
      </c>
      <c r="CE569" s="53">
        <v>20463.276442836799</v>
      </c>
      <c r="CF569" s="53">
        <v>21307.351650427099</v>
      </c>
      <c r="CG569" s="53">
        <v>20685.311817943501</v>
      </c>
      <c r="CH569" s="53">
        <v>20551.845540085</v>
      </c>
      <c r="CI569" s="53">
        <v>21325.464958454799</v>
      </c>
      <c r="CJ569" s="53">
        <v>21019.216811334401</v>
      </c>
      <c r="CK569" s="53">
        <v>20825.659916605498</v>
      </c>
      <c r="CL569" s="53">
        <v>21371.974168319699</v>
      </c>
      <c r="CM569" s="53">
        <v>19983.897189165498</v>
      </c>
      <c r="CN569" s="53">
        <v>246944.60827391801</v>
      </c>
    </row>
    <row r="570" spans="1:92" outlineLevel="1">
      <c r="A570" s="52" t="s">
        <v>780</v>
      </c>
      <c r="B570" s="53">
        <v>224908.54613512801</v>
      </c>
      <c r="C570" s="53">
        <v>203948.230191821</v>
      </c>
      <c r="D570" s="53">
        <v>239965.520368164</v>
      </c>
      <c r="E570" s="53">
        <v>256107.180781906</v>
      </c>
      <c r="F570" s="53">
        <v>277925.98826321401</v>
      </c>
      <c r="G570" s="53">
        <v>295110.46761561598</v>
      </c>
      <c r="H570" s="53">
        <v>307830.42505954899</v>
      </c>
      <c r="I570" s="53">
        <v>311098.04112147097</v>
      </c>
      <c r="J570" s="53">
        <v>294341.76537691802</v>
      </c>
      <c r="K570" s="53">
        <v>264556.82417654502</v>
      </c>
      <c r="L570" s="53">
        <v>230858.094106398</v>
      </c>
      <c r="M570" s="53">
        <v>234870.91986116901</v>
      </c>
      <c r="N570" s="53">
        <v>3141522.0030578999</v>
      </c>
      <c r="O570" s="53">
        <v>259032.45499999999</v>
      </c>
      <c r="P570" s="53">
        <v>165311.99960000001</v>
      </c>
      <c r="Q570" s="53">
        <v>183079.65059999999</v>
      </c>
      <c r="R570" s="53">
        <v>202310.81639999899</v>
      </c>
      <c r="S570" s="53">
        <v>225036.81640000001</v>
      </c>
      <c r="T570" s="53">
        <v>234355.19579999999</v>
      </c>
      <c r="U570" s="53">
        <v>241435.42060000001</v>
      </c>
      <c r="V570" s="53">
        <v>305513.43459999998</v>
      </c>
      <c r="W570" s="53">
        <v>229160.78460000001</v>
      </c>
      <c r="X570" s="53">
        <v>213180.25520000001</v>
      </c>
      <c r="Y570" s="53">
        <v>176910.954</v>
      </c>
      <c r="Z570" s="53">
        <v>175643.5098</v>
      </c>
      <c r="AA570" s="53">
        <v>2610971.2925999998</v>
      </c>
      <c r="AB570" s="53">
        <v>267439.850593874</v>
      </c>
      <c r="AC570" s="53">
        <v>170233.981972618</v>
      </c>
      <c r="AD570" s="53">
        <v>184779.90182426199</v>
      </c>
      <c r="AE570" s="53">
        <v>205860.79463514101</v>
      </c>
      <c r="AF570" s="53">
        <v>231363.93477799001</v>
      </c>
      <c r="AG570" s="53">
        <v>241120.6621206</v>
      </c>
      <c r="AH570" s="53">
        <v>247125.87134807499</v>
      </c>
      <c r="AI570" s="53">
        <v>314653.394093649</v>
      </c>
      <c r="AJ570" s="53">
        <v>235787.433666411</v>
      </c>
      <c r="AK570" s="53">
        <v>218009.45420496399</v>
      </c>
      <c r="AL570" s="53">
        <v>179002.954144377</v>
      </c>
      <c r="AM570" s="53">
        <v>177395.80592044001</v>
      </c>
      <c r="AN570" s="53">
        <v>2672774.0393023998</v>
      </c>
      <c r="AO570" s="53">
        <v>322422.06695938401</v>
      </c>
      <c r="AP570" s="53">
        <v>197605.61249380399</v>
      </c>
      <c r="AQ570" s="53">
        <v>225681.112962204</v>
      </c>
      <c r="AR570" s="53">
        <v>250446.58260140201</v>
      </c>
      <c r="AS570" s="53">
        <v>282570.50250025402</v>
      </c>
      <c r="AT570" s="53">
        <v>293597.48546290997</v>
      </c>
      <c r="AU570" s="53">
        <v>303991.99542407499</v>
      </c>
      <c r="AV570" s="53">
        <v>383435.02037821501</v>
      </c>
      <c r="AW570" s="53">
        <v>290291.965247755</v>
      </c>
      <c r="AX570" s="53">
        <v>262486.785230209</v>
      </c>
      <c r="AY570" s="53">
        <v>218128.11948601101</v>
      </c>
      <c r="AZ570" s="53">
        <v>215801.72161534999</v>
      </c>
      <c r="BA570" s="53">
        <v>3246458.9703615699</v>
      </c>
      <c r="BB570" s="53">
        <v>322567.005416459</v>
      </c>
      <c r="BC570" s="53">
        <v>201041.31280634599</v>
      </c>
      <c r="BD570" s="53">
        <v>226632.49794400501</v>
      </c>
      <c r="BE570" s="53">
        <v>251669.52247466301</v>
      </c>
      <c r="BF570" s="53">
        <v>283087.58853004599</v>
      </c>
      <c r="BG570" s="53">
        <v>296985.66236764402</v>
      </c>
      <c r="BH570" s="53">
        <v>306329.81492052699</v>
      </c>
      <c r="BI570" s="53">
        <v>385548.12955007498</v>
      </c>
      <c r="BJ570" s="53">
        <v>292438.88179230102</v>
      </c>
      <c r="BK570" s="53">
        <v>267357.69604918198</v>
      </c>
      <c r="BL570" s="53">
        <v>218131.426763592</v>
      </c>
      <c r="BM570" s="53">
        <v>217281.622977272</v>
      </c>
      <c r="BN570" s="53">
        <v>3269071.1615921101</v>
      </c>
      <c r="BO570" s="53">
        <v>321755.78060660802</v>
      </c>
      <c r="BP570" s="53">
        <v>200707.60244559901</v>
      </c>
      <c r="BQ570" s="53">
        <v>225564.346042549</v>
      </c>
      <c r="BR570" s="53">
        <v>250219.410411591</v>
      </c>
      <c r="BS570" s="53">
        <v>283873.25737567799</v>
      </c>
      <c r="BT570" s="53">
        <v>298590.72216892103</v>
      </c>
      <c r="BU570" s="53">
        <v>307837.97985631099</v>
      </c>
      <c r="BV570" s="53">
        <v>386403.74414489401</v>
      </c>
      <c r="BW570" s="53">
        <v>293967.90566936898</v>
      </c>
      <c r="BX570" s="53">
        <v>268462.10717160802</v>
      </c>
      <c r="BY570" s="53">
        <v>219369.03840252801</v>
      </c>
      <c r="BZ570" s="53">
        <v>219308.497244806</v>
      </c>
      <c r="CA570" s="53">
        <v>3276060.3915404598</v>
      </c>
      <c r="CB570" s="53">
        <v>117.91450892712101</v>
      </c>
      <c r="CC570" s="53">
        <v>119.460886262231</v>
      </c>
      <c r="CD570" s="53">
        <v>118.932199958504</v>
      </c>
      <c r="CE570" s="53">
        <v>118.354693769766</v>
      </c>
      <c r="CF570" s="53">
        <v>115.99417620561201</v>
      </c>
      <c r="CG570" s="53">
        <v>115.053799849846</v>
      </c>
      <c r="CH570" s="53">
        <v>115.00259165993199</v>
      </c>
      <c r="CI570" s="53">
        <v>115.177455109194</v>
      </c>
      <c r="CJ570" s="53">
        <v>115.66456706947901</v>
      </c>
      <c r="CK570" s="53">
        <v>117.05853219553499</v>
      </c>
      <c r="CL570" s="53">
        <v>119.24805807258301</v>
      </c>
      <c r="CM570" s="53">
        <v>118.49646551767501</v>
      </c>
      <c r="CN570" s="53">
        <v>1406.3579345974799</v>
      </c>
    </row>
    <row r="571" spans="1:92" outlineLevel="1">
      <c r="A571" s="52" t="s">
        <v>781</v>
      </c>
      <c r="B571" s="53">
        <v>73170.293607225001</v>
      </c>
      <c r="C571" s="53">
        <v>74385.166092217201</v>
      </c>
      <c r="D571" s="53">
        <v>78955.5738008466</v>
      </c>
      <c r="E571" s="53">
        <v>81218.821685059607</v>
      </c>
      <c r="F571" s="53">
        <v>82040.525123742002</v>
      </c>
      <c r="G571" s="53">
        <v>84836.000844687296</v>
      </c>
      <c r="H571" s="53">
        <v>82326.1870236096</v>
      </c>
      <c r="I571" s="53">
        <v>78913.675797619595</v>
      </c>
      <c r="J571" s="53">
        <v>82009.612104792395</v>
      </c>
      <c r="K571" s="53">
        <v>79222.3653674058</v>
      </c>
      <c r="L571" s="53">
        <v>79662.906964357098</v>
      </c>
      <c r="M571" s="53">
        <v>75881.298099595006</v>
      </c>
      <c r="N571" s="53">
        <v>952622.42651115695</v>
      </c>
      <c r="O571" s="53">
        <v>47514.713400000001</v>
      </c>
      <c r="P571" s="53">
        <v>52401.652600000001</v>
      </c>
      <c r="Q571" s="53">
        <v>60097.340599999901</v>
      </c>
      <c r="R571" s="53">
        <v>75537.624800000005</v>
      </c>
      <c r="S571" s="53">
        <v>84906.736199999999</v>
      </c>
      <c r="T571" s="53">
        <v>65866.523799999995</v>
      </c>
      <c r="U571" s="53">
        <v>63750.649599999997</v>
      </c>
      <c r="V571" s="53">
        <v>63094.323600000003</v>
      </c>
      <c r="W571" s="53">
        <v>61531.516199999998</v>
      </c>
      <c r="X571" s="53">
        <v>55081.235000000001</v>
      </c>
      <c r="Y571" s="53">
        <v>46189.6709999999</v>
      </c>
      <c r="Z571" s="53">
        <v>51186.676200000002</v>
      </c>
      <c r="AA571" s="53">
        <v>727158.66299999994</v>
      </c>
      <c r="AB571" s="53">
        <v>48342.188168345398</v>
      </c>
      <c r="AC571" s="53">
        <v>54068.584142187203</v>
      </c>
      <c r="AD571" s="53">
        <v>61318.327695827997</v>
      </c>
      <c r="AE571" s="53">
        <v>77161.959613306899</v>
      </c>
      <c r="AF571" s="53">
        <v>86775.305519904301</v>
      </c>
      <c r="AG571" s="53">
        <v>67308.326042569606</v>
      </c>
      <c r="AH571" s="53">
        <v>65165.107136324397</v>
      </c>
      <c r="AI571" s="53">
        <v>64462.501223645602</v>
      </c>
      <c r="AJ571" s="53">
        <v>62913.796216163697</v>
      </c>
      <c r="AK571" s="53">
        <v>56353.307149767301</v>
      </c>
      <c r="AL571" s="53">
        <v>47256.659619540696</v>
      </c>
      <c r="AM571" s="53">
        <v>52413.619757022803</v>
      </c>
      <c r="AN571" s="53">
        <v>743539.68228460604</v>
      </c>
      <c r="AO571" s="53">
        <v>58869.476091341698</v>
      </c>
      <c r="AP571" s="53">
        <v>64983.645883115998</v>
      </c>
      <c r="AQ571" s="53">
        <v>74527.039750716998</v>
      </c>
      <c r="AR571" s="53">
        <v>93678.412015472597</v>
      </c>
      <c r="AS571" s="53">
        <v>105300.401218452</v>
      </c>
      <c r="AT571" s="53">
        <v>81739.165474335503</v>
      </c>
      <c r="AU571" s="53">
        <v>79141.281640436893</v>
      </c>
      <c r="AV571" s="53">
        <v>78284.473195212006</v>
      </c>
      <c r="AW571" s="53">
        <v>76396.702794408906</v>
      </c>
      <c r="AX571" s="53">
        <v>68443.914233082294</v>
      </c>
      <c r="AY571" s="53">
        <v>57422.715565058701</v>
      </c>
      <c r="AZ571" s="53">
        <v>63661.681716350802</v>
      </c>
      <c r="BA571" s="53">
        <v>902448.90957798494</v>
      </c>
      <c r="BB571" s="53">
        <v>58997.8065179599</v>
      </c>
      <c r="BC571" s="53">
        <v>65104.397603614998</v>
      </c>
      <c r="BD571" s="53">
        <v>74642.172407200196</v>
      </c>
      <c r="BE571" s="53">
        <v>93755.851675264697</v>
      </c>
      <c r="BF571" s="53">
        <v>105357.70168702</v>
      </c>
      <c r="BG571" s="53">
        <v>81847.218329884403</v>
      </c>
      <c r="BH571" s="53">
        <v>79262.359798735299</v>
      </c>
      <c r="BI571" s="53">
        <v>78414.674476835702</v>
      </c>
      <c r="BJ571" s="53">
        <v>76531.694243136502</v>
      </c>
      <c r="BK571" s="53">
        <v>68596.452765463793</v>
      </c>
      <c r="BL571" s="53">
        <v>57596.681136831299</v>
      </c>
      <c r="BM571" s="53">
        <v>63833.426898348996</v>
      </c>
      <c r="BN571" s="53">
        <v>903940.437540296</v>
      </c>
      <c r="BO571" s="53">
        <v>59117.772080132701</v>
      </c>
      <c r="BP571" s="53">
        <v>65211.808380256101</v>
      </c>
      <c r="BQ571" s="53">
        <v>74742.794743903301</v>
      </c>
      <c r="BR571" s="53">
        <v>93812.1027774182</v>
      </c>
      <c r="BS571" s="53">
        <v>105401.97806200699</v>
      </c>
      <c r="BT571" s="53">
        <v>81989.130451698293</v>
      </c>
      <c r="BU571" s="53">
        <v>79431.911436973998</v>
      </c>
      <c r="BV571" s="53">
        <v>78600.162490251605</v>
      </c>
      <c r="BW571" s="53">
        <v>76729.487251584695</v>
      </c>
      <c r="BX571" s="53">
        <v>68829.381281113994</v>
      </c>
      <c r="BY571" s="53">
        <v>57869.457360562999</v>
      </c>
      <c r="BZ571" s="53">
        <v>64092.710177088098</v>
      </c>
      <c r="CA571" s="53">
        <v>905828.69649299199</v>
      </c>
      <c r="CB571" s="53">
        <v>19049.572225510499</v>
      </c>
      <c r="CC571" s="53">
        <v>19618.091666282799</v>
      </c>
      <c r="CD571" s="53">
        <v>20114.6164682335</v>
      </c>
      <c r="CE571" s="53">
        <v>21145.2332215346</v>
      </c>
      <c r="CF571" s="53">
        <v>23036.678019160801</v>
      </c>
      <c r="CG571" s="53">
        <v>23017.527690247502</v>
      </c>
      <c r="CH571" s="53">
        <v>23161.200433248701</v>
      </c>
      <c r="CI571" s="53">
        <v>20768.915840400801</v>
      </c>
      <c r="CJ571" s="53">
        <v>23833.097428649598</v>
      </c>
      <c r="CK571" s="53">
        <v>22325.900403346201</v>
      </c>
      <c r="CL571" s="53">
        <v>20298.692792106998</v>
      </c>
      <c r="CM571" s="53">
        <v>19564.332968389401</v>
      </c>
      <c r="CN571" s="53">
        <v>255933.85915711199</v>
      </c>
    </row>
    <row r="572" spans="1:92" outlineLevel="1">
      <c r="A572" s="52" t="s">
        <v>782</v>
      </c>
      <c r="B572" s="53">
        <v>487.82113804994799</v>
      </c>
      <c r="C572" s="53">
        <v>487.73970504880702</v>
      </c>
      <c r="D572" s="53">
        <v>487.609669400435</v>
      </c>
      <c r="E572" s="53">
        <v>487.45195297712701</v>
      </c>
      <c r="F572" s="53">
        <v>487.278602274994</v>
      </c>
      <c r="G572" s="53">
        <v>487.096552534453</v>
      </c>
      <c r="H572" s="53">
        <v>486.90979547760497</v>
      </c>
      <c r="I572" s="53">
        <v>486.72062769616502</v>
      </c>
      <c r="J572" s="53">
        <v>486.53036959074598</v>
      </c>
      <c r="K572" s="53">
        <v>486.33977940343902</v>
      </c>
      <c r="L572" s="53">
        <v>486.14929165637</v>
      </c>
      <c r="M572" s="53">
        <v>485.95915446665401</v>
      </c>
      <c r="N572" s="53">
        <v>5843.6066385767399</v>
      </c>
      <c r="O572" s="53">
        <v>575.85879999999997</v>
      </c>
      <c r="P572" s="53">
        <v>571.94279999999901</v>
      </c>
      <c r="Q572" s="53">
        <v>568.33259999999996</v>
      </c>
      <c r="R572" s="53">
        <v>565.00839999999903</v>
      </c>
      <c r="S572" s="53">
        <v>561.95259999999996</v>
      </c>
      <c r="T572" s="53">
        <v>559.14099999999996</v>
      </c>
      <c r="U572" s="53">
        <v>556.56259999999997</v>
      </c>
      <c r="V572" s="53">
        <v>554.19759999999997</v>
      </c>
      <c r="W572" s="53">
        <v>552.03279999999995</v>
      </c>
      <c r="X572" s="53">
        <v>550.05499999999995</v>
      </c>
      <c r="Y572" s="53">
        <v>548.24879999999996</v>
      </c>
      <c r="Z572" s="53">
        <v>546.60319999999899</v>
      </c>
      <c r="AA572" s="53">
        <v>6709.9361999999901</v>
      </c>
      <c r="AB572" s="53">
        <v>553.76009180056701</v>
      </c>
      <c r="AC572" s="53">
        <v>552.38337970355599</v>
      </c>
      <c r="AD572" s="53">
        <v>551.13852801843302</v>
      </c>
      <c r="AE572" s="53">
        <v>550.01436213402303</v>
      </c>
      <c r="AF572" s="53">
        <v>549.00641220585305</v>
      </c>
      <c r="AG572" s="53">
        <v>548.10350362274801</v>
      </c>
      <c r="AH572" s="53">
        <v>547.29893161800101</v>
      </c>
      <c r="AI572" s="53">
        <v>546.58599142490596</v>
      </c>
      <c r="AJ572" s="53">
        <v>545.96021319899205</v>
      </c>
      <c r="AK572" s="53">
        <v>545.41265725131598</v>
      </c>
      <c r="AL572" s="53">
        <v>544.93885373741</v>
      </c>
      <c r="AM572" s="53">
        <v>544.53433281280104</v>
      </c>
      <c r="AN572" s="53">
        <v>6579.1372575286096</v>
      </c>
      <c r="AO572" s="53">
        <v>658.46041216003903</v>
      </c>
      <c r="AP572" s="53">
        <v>658.11968232192305</v>
      </c>
      <c r="AQ572" s="53">
        <v>657.84655761041597</v>
      </c>
      <c r="AR572" s="53">
        <v>657.63292541032797</v>
      </c>
      <c r="AS572" s="53">
        <v>657.47878572165598</v>
      </c>
      <c r="AT572" s="53">
        <v>657.37602592920803</v>
      </c>
      <c r="AU572" s="53">
        <v>657.32464603298399</v>
      </c>
      <c r="AV572" s="53">
        <v>657.31923762285498</v>
      </c>
      <c r="AW572" s="53">
        <v>657.35709649375701</v>
      </c>
      <c r="AX572" s="53">
        <v>657.43551844062495</v>
      </c>
      <c r="AY572" s="53">
        <v>657.54909505333103</v>
      </c>
      <c r="AZ572" s="53">
        <v>657.69782633187401</v>
      </c>
      <c r="BA572" s="53">
        <v>7891.5978091289999</v>
      </c>
      <c r="BB572" s="53">
        <v>656.53506280174804</v>
      </c>
      <c r="BC572" s="53">
        <v>656.74555990343504</v>
      </c>
      <c r="BD572" s="53">
        <v>656.98034513224002</v>
      </c>
      <c r="BE572" s="53">
        <v>657.24211716895502</v>
      </c>
      <c r="BF572" s="53">
        <v>657.52817733278596</v>
      </c>
      <c r="BG572" s="53">
        <v>657.835826942945</v>
      </c>
      <c r="BH572" s="53">
        <v>658.16236731864001</v>
      </c>
      <c r="BI572" s="53">
        <v>658.50779845986995</v>
      </c>
      <c r="BJ572" s="53">
        <v>658.87212036663698</v>
      </c>
      <c r="BK572" s="53">
        <v>659.24993567735805</v>
      </c>
      <c r="BL572" s="53">
        <v>659.64394307282498</v>
      </c>
      <c r="BM572" s="53">
        <v>660.05144387224595</v>
      </c>
      <c r="BN572" s="53">
        <v>7897.3546980496803</v>
      </c>
      <c r="BO572" s="53">
        <v>658.31616202028897</v>
      </c>
      <c r="BP572" s="53">
        <v>658.74654302333397</v>
      </c>
      <c r="BQ572" s="53">
        <v>659.18499367018705</v>
      </c>
      <c r="BR572" s="53">
        <v>659.63689372338399</v>
      </c>
      <c r="BS572" s="53">
        <v>660.09417353911897</v>
      </c>
      <c r="BT572" s="53">
        <v>660.56221287993105</v>
      </c>
      <c r="BU572" s="53">
        <v>661.03563198328004</v>
      </c>
      <c r="BV572" s="53">
        <v>661.517120730437</v>
      </c>
      <c r="BW572" s="53">
        <v>662.003989240132</v>
      </c>
      <c r="BX572" s="53">
        <v>662.49892739363395</v>
      </c>
      <c r="BY572" s="53">
        <v>662.99655542840503</v>
      </c>
      <c r="BZ572" s="53">
        <v>663.49956322571302</v>
      </c>
      <c r="CA572" s="53">
        <v>7930.0927668578497</v>
      </c>
      <c r="CB572" s="53">
        <v>178256.77431815799</v>
      </c>
      <c r="CC572" s="53">
        <v>149554.99315754499</v>
      </c>
      <c r="CD572" s="53">
        <v>152532.43778443101</v>
      </c>
      <c r="CE572" s="53">
        <v>156266.079843663</v>
      </c>
      <c r="CF572" s="53">
        <v>200504.01027674699</v>
      </c>
      <c r="CG572" s="53">
        <v>230052.681750213</v>
      </c>
      <c r="CH572" s="53">
        <v>249910.01832603</v>
      </c>
      <c r="CI572" s="53">
        <v>250567.662698253</v>
      </c>
      <c r="CJ572" s="53">
        <v>229116.627166408</v>
      </c>
      <c r="CK572" s="53">
        <v>189685.47736611601</v>
      </c>
      <c r="CL572" s="53">
        <v>151544.02258516001</v>
      </c>
      <c r="CM572" s="53">
        <v>170221.009110799</v>
      </c>
      <c r="CN572" s="53">
        <v>2308211.7943835198</v>
      </c>
    </row>
    <row r="573" spans="1:92" outlineLevel="1">
      <c r="A573" s="52" t="s">
        <v>783</v>
      </c>
      <c r="B573" s="53">
        <v>65345.466246330798</v>
      </c>
      <c r="C573" s="53">
        <v>64836.105973920101</v>
      </c>
      <c r="D573" s="53">
        <v>66915.466683152306</v>
      </c>
      <c r="E573" s="53">
        <v>71068.534384238403</v>
      </c>
      <c r="F573" s="53">
        <v>78107.114359136001</v>
      </c>
      <c r="G573" s="53">
        <v>79275.776025326704</v>
      </c>
      <c r="H573" s="53">
        <v>74846.482093564802</v>
      </c>
      <c r="I573" s="53">
        <v>77742.903485831295</v>
      </c>
      <c r="J573" s="53">
        <v>81537.705114414101</v>
      </c>
      <c r="K573" s="53">
        <v>75283.432036164304</v>
      </c>
      <c r="L573" s="53">
        <v>67058.977249971198</v>
      </c>
      <c r="M573" s="53">
        <v>65553.015847948598</v>
      </c>
      <c r="N573" s="53">
        <v>867570.97949999897</v>
      </c>
      <c r="O573" s="53">
        <v>57300.469599999997</v>
      </c>
      <c r="P573" s="53">
        <v>50518.2677999999</v>
      </c>
      <c r="Q573" s="53">
        <v>52465.883800000003</v>
      </c>
      <c r="R573" s="53">
        <v>56695.590600000003</v>
      </c>
      <c r="S573" s="53">
        <v>62166.418599999997</v>
      </c>
      <c r="T573" s="53">
        <v>62355.475599999998</v>
      </c>
      <c r="U573" s="53">
        <v>64078.517800000001</v>
      </c>
      <c r="V573" s="53">
        <v>61341.299800000001</v>
      </c>
      <c r="W573" s="53">
        <v>64813.454199999898</v>
      </c>
      <c r="X573" s="53">
        <v>59941.034999999902</v>
      </c>
      <c r="Y573" s="53">
        <v>52583.3</v>
      </c>
      <c r="Z573" s="53">
        <v>50827.779199999997</v>
      </c>
      <c r="AA573" s="53">
        <v>695087.49199999997</v>
      </c>
      <c r="AB573" s="53">
        <v>58087.642563200003</v>
      </c>
      <c r="AC573" s="53">
        <v>51273.121060915997</v>
      </c>
      <c r="AD573" s="53">
        <v>53206.004730820197</v>
      </c>
      <c r="AE573" s="53">
        <v>57504.211643802199</v>
      </c>
      <c r="AF573" s="53">
        <v>63056.019962458398</v>
      </c>
      <c r="AG573" s="53">
        <v>63240.731815370396</v>
      </c>
      <c r="AH573" s="53">
        <v>64985.7479221662</v>
      </c>
      <c r="AI573" s="53">
        <v>62192.287331217798</v>
      </c>
      <c r="AJ573" s="53">
        <v>65730.055248835401</v>
      </c>
      <c r="AK573" s="53">
        <v>60785.124418748797</v>
      </c>
      <c r="AL573" s="53">
        <v>53307.463495541</v>
      </c>
      <c r="AM573" s="53">
        <v>51503.715867321</v>
      </c>
      <c r="AN573" s="53">
        <v>704872.12606039701</v>
      </c>
      <c r="AO573" s="53">
        <v>70062.499949158198</v>
      </c>
      <c r="AP573" s="53">
        <v>61770.741987212103</v>
      </c>
      <c r="AQ573" s="53">
        <v>64214.021009167896</v>
      </c>
      <c r="AR573" s="53">
        <v>69418.523259323207</v>
      </c>
      <c r="AS573" s="53">
        <v>76126.358005709</v>
      </c>
      <c r="AT573" s="53">
        <v>76337.415802576594</v>
      </c>
      <c r="AU573" s="53">
        <v>78440.370617175606</v>
      </c>
      <c r="AV573" s="53">
        <v>75038.553659676705</v>
      </c>
      <c r="AW573" s="53">
        <v>79341.268421770699</v>
      </c>
      <c r="AX573" s="53">
        <v>73369.274915463204</v>
      </c>
      <c r="AY573" s="53">
        <v>64316.683450233402</v>
      </c>
      <c r="AZ573" s="53">
        <v>62095.535944883901</v>
      </c>
      <c r="BA573" s="53">
        <v>850531.24702235102</v>
      </c>
      <c r="BB573" s="53">
        <v>69764.296082987697</v>
      </c>
      <c r="BC573" s="53">
        <v>61507.463610190804</v>
      </c>
      <c r="BD573" s="53">
        <v>63966.1534170054</v>
      </c>
      <c r="BE573" s="53">
        <v>69162.757436023006</v>
      </c>
      <c r="BF573" s="53">
        <v>75850.280042123704</v>
      </c>
      <c r="BG573" s="53">
        <v>76051.893086647702</v>
      </c>
      <c r="BH573" s="53">
        <v>78143.918531768999</v>
      </c>
      <c r="BI573" s="53">
        <v>74733.625301841006</v>
      </c>
      <c r="BJ573" s="53">
        <v>79042.274284197803</v>
      </c>
      <c r="BK573" s="53">
        <v>73090.206961946897</v>
      </c>
      <c r="BL573" s="53">
        <v>64052.942991239601</v>
      </c>
      <c r="BM573" s="53">
        <v>61809.953342677298</v>
      </c>
      <c r="BN573" s="53">
        <v>847175.76508865005</v>
      </c>
      <c r="BO573" s="53">
        <v>69382.972295687097</v>
      </c>
      <c r="BP573" s="53">
        <v>61169.707657994499</v>
      </c>
      <c r="BQ573" s="53">
        <v>63638.975624865299</v>
      </c>
      <c r="BR573" s="53">
        <v>68819.638531157601</v>
      </c>
      <c r="BS573" s="53">
        <v>75477.352900612997</v>
      </c>
      <c r="BT573" s="53">
        <v>75668.310261782797</v>
      </c>
      <c r="BU573" s="53">
        <v>77745.996073033093</v>
      </c>
      <c r="BV573" s="53">
        <v>74330.390217379099</v>
      </c>
      <c r="BW573" s="53">
        <v>78637.769720273893</v>
      </c>
      <c r="BX573" s="53">
        <v>72710.984857696298</v>
      </c>
      <c r="BY573" s="53">
        <v>63698.884660489202</v>
      </c>
      <c r="BZ573" s="53">
        <v>61437.046887679702</v>
      </c>
      <c r="CA573" s="53">
        <v>842718.02968865202</v>
      </c>
      <c r="CB573" s="53"/>
      <c r="CC573" s="53"/>
      <c r="CD573" s="53"/>
      <c r="CE573" s="53"/>
      <c r="CF573" s="53"/>
      <c r="CG573" s="53"/>
      <c r="CH573" s="53"/>
      <c r="CI573" s="53"/>
      <c r="CJ573" s="53"/>
      <c r="CK573" s="53"/>
      <c r="CL573" s="53"/>
      <c r="CM573" s="53"/>
      <c r="CN573" s="53"/>
    </row>
    <row r="574" spans="1:92" outlineLevel="1">
      <c r="A574" s="52" t="s">
        <v>784</v>
      </c>
      <c r="B574" s="53">
        <v>440320.38341378397</v>
      </c>
      <c r="C574" s="53">
        <v>373419.58437986398</v>
      </c>
      <c r="D574" s="53">
        <v>387470.412299502</v>
      </c>
      <c r="E574" s="53">
        <v>406791.64420360199</v>
      </c>
      <c r="F574" s="53">
        <v>505975.068955197</v>
      </c>
      <c r="G574" s="53">
        <v>566595.11374013498</v>
      </c>
      <c r="H574" s="53">
        <v>616454.64496442105</v>
      </c>
      <c r="I574" s="53">
        <v>611994.81893198704</v>
      </c>
      <c r="J574" s="53">
        <v>560001.77134098695</v>
      </c>
      <c r="K574" s="53">
        <v>466097.40051035403</v>
      </c>
      <c r="L574" s="53">
        <v>385312.55666127801</v>
      </c>
      <c r="M574" s="53">
        <v>417330.39059889998</v>
      </c>
      <c r="N574" s="53">
        <v>5737763.7900000103</v>
      </c>
      <c r="O574" s="53">
        <v>485334.47366071498</v>
      </c>
      <c r="P574" s="53">
        <v>266788.00776998</v>
      </c>
      <c r="Q574" s="53">
        <v>284770.74591269699</v>
      </c>
      <c r="R574" s="53">
        <v>302354.61993303598</v>
      </c>
      <c r="S574" s="53">
        <v>388951.05253326701</v>
      </c>
      <c r="T574" s="53">
        <v>444552.01137678302</v>
      </c>
      <c r="U574" s="53">
        <v>478115.89158741903</v>
      </c>
      <c r="V574" s="53">
        <v>625854.41384027502</v>
      </c>
      <c r="W574" s="53">
        <v>432745.46382023598</v>
      </c>
      <c r="X574" s="53">
        <v>356436.43602416897</v>
      </c>
      <c r="Y574" s="53">
        <v>272016.27158130001</v>
      </c>
      <c r="Z574" s="53">
        <v>304618.02720414102</v>
      </c>
      <c r="AA574" s="53">
        <v>4642537.4152440196</v>
      </c>
      <c r="AB574" s="53">
        <v>499046.05188404798</v>
      </c>
      <c r="AC574" s="53">
        <v>282294.47721446399</v>
      </c>
      <c r="AD574" s="53">
        <v>292582.33994715801</v>
      </c>
      <c r="AE574" s="53">
        <v>310595.01965261699</v>
      </c>
      <c r="AF574" s="53">
        <v>405151.02501128201</v>
      </c>
      <c r="AG574" s="53">
        <v>467052.49122985097</v>
      </c>
      <c r="AH574" s="53">
        <v>503701.10076851299</v>
      </c>
      <c r="AI574" s="53">
        <v>654180.85731380398</v>
      </c>
      <c r="AJ574" s="53">
        <v>455002.48147124797</v>
      </c>
      <c r="AK574" s="53">
        <v>371957.66841107502</v>
      </c>
      <c r="AL574" s="53">
        <v>281379.865499612</v>
      </c>
      <c r="AM574" s="53">
        <v>316005.846314959</v>
      </c>
      <c r="AN574" s="53">
        <v>4838949.2247186303</v>
      </c>
      <c r="AO574" s="53">
        <v>603228.26068827801</v>
      </c>
      <c r="AP574" s="53">
        <v>328507.83488557802</v>
      </c>
      <c r="AQ574" s="53">
        <v>349706.20916351699</v>
      </c>
      <c r="AR574" s="53">
        <v>371388.28967895702</v>
      </c>
      <c r="AS574" s="53">
        <v>487908.23119664402</v>
      </c>
      <c r="AT574" s="53">
        <v>565765.53719563805</v>
      </c>
      <c r="AU574" s="53">
        <v>611158.33105768298</v>
      </c>
      <c r="AV574" s="53">
        <v>793807.330185225</v>
      </c>
      <c r="AW574" s="53">
        <v>552209.88970260299</v>
      </c>
      <c r="AX574" s="53">
        <v>450051.73622814502</v>
      </c>
      <c r="AY574" s="53">
        <v>339509.81694619998</v>
      </c>
      <c r="AZ574" s="53">
        <v>382384.36889695801</v>
      </c>
      <c r="BA574" s="53">
        <v>5835625.8358254302</v>
      </c>
      <c r="BB574" s="53">
        <v>600456.06098536798</v>
      </c>
      <c r="BC574" s="53">
        <v>324626.77783999301</v>
      </c>
      <c r="BD574" s="53">
        <v>344097.19845978601</v>
      </c>
      <c r="BE574" s="53">
        <v>365655.10665108397</v>
      </c>
      <c r="BF574" s="53">
        <v>483850.51950627402</v>
      </c>
      <c r="BG574" s="53">
        <v>564476.16102050501</v>
      </c>
      <c r="BH574" s="53">
        <v>610773.86454463704</v>
      </c>
      <c r="BI574" s="53">
        <v>793599.66489276395</v>
      </c>
      <c r="BJ574" s="53">
        <v>551974.51152347901</v>
      </c>
      <c r="BK574" s="53">
        <v>448477.01927612303</v>
      </c>
      <c r="BL574" s="53">
        <v>337320.59460194199</v>
      </c>
      <c r="BM574" s="53">
        <v>381015.41534952499</v>
      </c>
      <c r="BN574" s="53">
        <v>5806322.89465148</v>
      </c>
      <c r="BO574" s="53">
        <v>596746.49443408404</v>
      </c>
      <c r="BP574" s="53">
        <v>320983.17458564602</v>
      </c>
      <c r="BQ574" s="53">
        <v>338900.41539773101</v>
      </c>
      <c r="BR574" s="53">
        <v>360620.65559759497</v>
      </c>
      <c r="BS574" s="53">
        <v>479664.89208029403</v>
      </c>
      <c r="BT574" s="53">
        <v>562487.10741250799</v>
      </c>
      <c r="BU574" s="53">
        <v>609604.42872585298</v>
      </c>
      <c r="BV574" s="53">
        <v>792647.82609377697</v>
      </c>
      <c r="BW574" s="53">
        <v>552078.67151721497</v>
      </c>
      <c r="BX574" s="53">
        <v>448557.74179516401</v>
      </c>
      <c r="BY574" s="53">
        <v>337591.711988981</v>
      </c>
      <c r="BZ574" s="53">
        <v>381654.585760188</v>
      </c>
      <c r="CA574" s="53">
        <v>5781537.7053890396</v>
      </c>
      <c r="CB574" s="53"/>
      <c r="CC574" s="53"/>
      <c r="CD574" s="53"/>
      <c r="CE574" s="53"/>
      <c r="CF574" s="53"/>
      <c r="CG574" s="53"/>
      <c r="CH574" s="53"/>
      <c r="CI574" s="53"/>
      <c r="CJ574" s="53"/>
      <c r="CK574" s="53"/>
      <c r="CL574" s="53"/>
      <c r="CM574" s="53"/>
      <c r="CN574" s="53"/>
    </row>
    <row r="575" spans="1:92" outlineLevel="1">
      <c r="A575" s="52" t="s">
        <v>1244</v>
      </c>
      <c r="B575" s="53"/>
      <c r="C575" s="53"/>
      <c r="D575" s="53"/>
      <c r="E575" s="53"/>
      <c r="F575" s="53"/>
      <c r="G575" s="53"/>
      <c r="H575" s="53"/>
      <c r="I575" s="53"/>
      <c r="J575" s="53"/>
      <c r="K575" s="53"/>
      <c r="L575" s="53"/>
      <c r="M575" s="53"/>
      <c r="N575" s="53"/>
      <c r="O575" s="53"/>
      <c r="P575" s="53"/>
      <c r="Q575" s="53"/>
      <c r="R575" s="53"/>
      <c r="S575" s="53"/>
      <c r="T575" s="53"/>
      <c r="U575" s="53"/>
      <c r="V575" s="53"/>
      <c r="W575" s="53"/>
      <c r="X575" s="53"/>
      <c r="Y575" s="53"/>
      <c r="Z575" s="53"/>
      <c r="AA575" s="53"/>
      <c r="AB575" s="53"/>
      <c r="AC575" s="53"/>
      <c r="AD575" s="53"/>
      <c r="AE575" s="53"/>
      <c r="AF575" s="53"/>
      <c r="AG575" s="53"/>
      <c r="AH575" s="53"/>
      <c r="AI575" s="53"/>
      <c r="AJ575" s="53"/>
      <c r="AK575" s="53"/>
      <c r="AL575" s="53"/>
      <c r="AM575" s="53"/>
      <c r="AN575" s="53"/>
      <c r="AO575" s="53"/>
      <c r="AP575" s="53"/>
      <c r="AQ575" s="53"/>
      <c r="AR575" s="53"/>
      <c r="AS575" s="53"/>
      <c r="AT575" s="53"/>
      <c r="AU575" s="53"/>
      <c r="AV575" s="53"/>
      <c r="AW575" s="53"/>
      <c r="AX575" s="53"/>
      <c r="AY575" s="53"/>
      <c r="AZ575" s="53"/>
      <c r="BA575" s="53"/>
      <c r="BB575" s="53"/>
      <c r="BC575" s="53"/>
      <c r="BD575" s="53"/>
      <c r="BE575" s="53"/>
      <c r="BF575" s="53"/>
      <c r="BG575" s="53"/>
      <c r="BH575" s="53"/>
      <c r="BI575" s="53"/>
      <c r="BJ575" s="53"/>
      <c r="BK575" s="53"/>
      <c r="BL575" s="53"/>
      <c r="BM575" s="53"/>
      <c r="BN575" s="53"/>
      <c r="BO575" s="53"/>
      <c r="BP575" s="53"/>
      <c r="BQ575" s="53"/>
      <c r="BR575" s="53"/>
      <c r="BS575" s="53"/>
      <c r="BT575" s="53"/>
      <c r="BU575" s="53"/>
      <c r="BV575" s="53"/>
      <c r="BW575" s="53"/>
      <c r="BX575" s="53"/>
      <c r="BY575" s="53"/>
      <c r="BZ575" s="53"/>
      <c r="CA575" s="53"/>
      <c r="CB575" s="53">
        <v>99707176.843383506</v>
      </c>
      <c r="CC575" s="53">
        <v>87583282.197764203</v>
      </c>
      <c r="CD575" s="53">
        <v>93421022.556293994</v>
      </c>
      <c r="CE575" s="53">
        <v>96986310.956328705</v>
      </c>
      <c r="CF575" s="53">
        <v>118159611.06574599</v>
      </c>
      <c r="CG575" s="53">
        <v>129766421.422316</v>
      </c>
      <c r="CH575" s="53">
        <v>137899384.73157299</v>
      </c>
      <c r="CI575" s="53">
        <v>137415263.77950099</v>
      </c>
      <c r="CJ575" s="53">
        <v>128530131.25942899</v>
      </c>
      <c r="CK575" s="53">
        <v>111533853.49240699</v>
      </c>
      <c r="CL575" s="53">
        <v>92051937.552933693</v>
      </c>
      <c r="CM575" s="53">
        <v>97951497.289581195</v>
      </c>
      <c r="CN575" s="53">
        <v>1331005893.14726</v>
      </c>
    </row>
    <row r="576" spans="1:92" outlineLevel="1">
      <c r="A576" s="52" t="s">
        <v>780</v>
      </c>
      <c r="B576" s="53">
        <v>2019225.08639929</v>
      </c>
      <c r="C576" s="53">
        <v>1831043.72780319</v>
      </c>
      <c r="D576" s="53">
        <v>2154406.3439329499</v>
      </c>
      <c r="E576" s="53">
        <v>2299325.8954736101</v>
      </c>
      <c r="F576" s="53">
        <v>2495214.77643727</v>
      </c>
      <c r="G576" s="53">
        <v>2649496.7386008301</v>
      </c>
      <c r="H576" s="53">
        <v>2763696.2993115601</v>
      </c>
      <c r="I576" s="53">
        <v>2793032.9005138502</v>
      </c>
      <c r="J576" s="53">
        <v>2642595.3430290599</v>
      </c>
      <c r="K576" s="53">
        <v>2375186.64957467</v>
      </c>
      <c r="L576" s="53">
        <v>2072640.0264838899</v>
      </c>
      <c r="M576" s="53">
        <v>2108667.10758251</v>
      </c>
      <c r="N576" s="53">
        <v>28204530.895142701</v>
      </c>
      <c r="O576" s="53">
        <v>4190838.4244271698</v>
      </c>
      <c r="P576" s="53">
        <v>2674552.4221764798</v>
      </c>
      <c r="Q576" s="53">
        <v>2962011.9782487499</v>
      </c>
      <c r="R576" s="53">
        <v>3273149.4709662902</v>
      </c>
      <c r="S576" s="53">
        <v>3640829.2431150498</v>
      </c>
      <c r="T576" s="53">
        <v>3791589.5887362598</v>
      </c>
      <c r="U576" s="53">
        <v>3906139.24293083</v>
      </c>
      <c r="V576" s="53">
        <v>4942845.6403287305</v>
      </c>
      <c r="W576" s="53">
        <v>3707550.1657642</v>
      </c>
      <c r="X576" s="53">
        <v>3449004.1212069402</v>
      </c>
      <c r="Y576" s="53">
        <v>2862209.7710700701</v>
      </c>
      <c r="Z576" s="53">
        <v>2841704.0245829001</v>
      </c>
      <c r="AA576" s="53">
        <v>42242424.0935537</v>
      </c>
      <c r="AB576" s="53">
        <v>4354573.6951265801</v>
      </c>
      <c r="AC576" s="53">
        <v>2771824.8356349901</v>
      </c>
      <c r="AD576" s="53">
        <v>3008667.9232180002</v>
      </c>
      <c r="AE576" s="53">
        <v>3351916.3250556099</v>
      </c>
      <c r="AF576" s="53">
        <v>3767169.70992913</v>
      </c>
      <c r="AG576" s="53">
        <v>3926033.05113392</v>
      </c>
      <c r="AH576" s="53">
        <v>4023812.5184706999</v>
      </c>
      <c r="AI576" s="53">
        <v>5123325.45041396</v>
      </c>
      <c r="AJ576" s="53">
        <v>3839195.07135962</v>
      </c>
      <c r="AK576" s="53">
        <v>3549726.1625810298</v>
      </c>
      <c r="AL576" s="53">
        <v>2914605.1111535798</v>
      </c>
      <c r="AM576" s="53">
        <v>2888436.81437736</v>
      </c>
      <c r="AN576" s="53">
        <v>43519286.668454498</v>
      </c>
      <c r="AO576" s="53">
        <v>7678165.5326198097</v>
      </c>
      <c r="AP576" s="53">
        <v>4705783.9967674501</v>
      </c>
      <c r="AQ576" s="53">
        <v>5374374.5248304</v>
      </c>
      <c r="AR576" s="53">
        <v>5964139.91271492</v>
      </c>
      <c r="AS576" s="53">
        <v>6729139.5818320904</v>
      </c>
      <c r="AT576" s="53">
        <v>6991736.3740154197</v>
      </c>
      <c r="AU576" s="53">
        <v>7239271.4415278602</v>
      </c>
      <c r="AV576" s="53">
        <v>9131129.2221144792</v>
      </c>
      <c r="AW576" s="53">
        <v>6913018.64968987</v>
      </c>
      <c r="AX576" s="53">
        <v>6250865.5382345598</v>
      </c>
      <c r="AY576" s="53">
        <v>5194507.3875593198</v>
      </c>
      <c r="AZ576" s="53">
        <v>5139106.50227213</v>
      </c>
      <c r="BA576" s="53">
        <v>77311238.664178297</v>
      </c>
      <c r="BB576" s="53">
        <v>10187346.445666401</v>
      </c>
      <c r="BC576" s="53">
        <v>6349308.72984243</v>
      </c>
      <c r="BD576" s="53">
        <v>7157532.3378829602</v>
      </c>
      <c r="BE576" s="53">
        <v>7948254.3850221597</v>
      </c>
      <c r="BF576" s="53">
        <v>8940503.1835184209</v>
      </c>
      <c r="BG576" s="53">
        <v>9379433.67155228</v>
      </c>
      <c r="BH576" s="53">
        <v>9674541.7194894105</v>
      </c>
      <c r="BI576" s="53">
        <v>12176423.196582999</v>
      </c>
      <c r="BJ576" s="53">
        <v>9235836.7501199692</v>
      </c>
      <c r="BK576" s="53">
        <v>8443719.9987386893</v>
      </c>
      <c r="BL576" s="53">
        <v>6889050.5780627802</v>
      </c>
      <c r="BM576" s="53">
        <v>6862211.9819363505</v>
      </c>
      <c r="BN576" s="53">
        <v>103244162.978415</v>
      </c>
      <c r="BO576" s="53">
        <v>12013588.488771999</v>
      </c>
      <c r="BP576" s="53">
        <v>7493940.08649542</v>
      </c>
      <c r="BQ576" s="53">
        <v>8422031.2250033095</v>
      </c>
      <c r="BR576" s="53">
        <v>9342592.1452622693</v>
      </c>
      <c r="BS576" s="53">
        <v>10599146.0064808</v>
      </c>
      <c r="BT576" s="53">
        <v>11148660.813303201</v>
      </c>
      <c r="BU576" s="53">
        <v>11493931.2177587</v>
      </c>
      <c r="BV576" s="53">
        <v>14427388.2630041</v>
      </c>
      <c r="BW576" s="53">
        <v>10976055.942055801</v>
      </c>
      <c r="BX576" s="53">
        <v>10023730.651576299</v>
      </c>
      <c r="BY576" s="53">
        <v>8190713.3092591297</v>
      </c>
      <c r="BZ576" s="53">
        <v>8188452.8477558903</v>
      </c>
      <c r="CA576" s="53">
        <v>122320230.996727</v>
      </c>
      <c r="CB576" s="53"/>
      <c r="CC576" s="53"/>
      <c r="CD576" s="53"/>
      <c r="CE576" s="53"/>
      <c r="CF576" s="53"/>
      <c r="CG576" s="53"/>
      <c r="CH576" s="53"/>
      <c r="CI576" s="53"/>
      <c r="CJ576" s="53"/>
      <c r="CK576" s="53"/>
      <c r="CL576" s="53"/>
      <c r="CM576" s="53"/>
      <c r="CN576" s="53"/>
    </row>
    <row r="577" spans="1:92" outlineLevel="1">
      <c r="A577" s="52" t="s">
        <v>781</v>
      </c>
      <c r="B577" s="53">
        <v>656921.646463988</v>
      </c>
      <c r="C577" s="53">
        <v>667828.75088766101</v>
      </c>
      <c r="D577" s="53">
        <v>708861.79324609903</v>
      </c>
      <c r="E577" s="53">
        <v>729181.19410068903</v>
      </c>
      <c r="F577" s="53">
        <v>736558.43354080897</v>
      </c>
      <c r="G577" s="53">
        <v>761656.16682463698</v>
      </c>
      <c r="H577" s="53">
        <v>739123.10119952401</v>
      </c>
      <c r="I577" s="53">
        <v>708485.63368862495</v>
      </c>
      <c r="J577" s="53">
        <v>736280.89698458696</v>
      </c>
      <c r="K577" s="53">
        <v>711257.04337462096</v>
      </c>
      <c r="L577" s="53">
        <v>715212.21830884495</v>
      </c>
      <c r="M577" s="53">
        <v>681260.99850019603</v>
      </c>
      <c r="N577" s="53">
        <v>8552627.8771202806</v>
      </c>
      <c r="O577" s="53">
        <v>768731.80483258294</v>
      </c>
      <c r="P577" s="53">
        <v>847796.69489510194</v>
      </c>
      <c r="Q577" s="53">
        <v>972303.81495001202</v>
      </c>
      <c r="R577" s="53">
        <v>1222109.33182794</v>
      </c>
      <c r="S577" s="53">
        <v>1373690.4611418699</v>
      </c>
      <c r="T577" s="53">
        <v>1065642.3683452599</v>
      </c>
      <c r="U577" s="53">
        <v>1031410.02900919</v>
      </c>
      <c r="V577" s="53">
        <v>1020791.45142689</v>
      </c>
      <c r="W577" s="53">
        <v>995507.07807723596</v>
      </c>
      <c r="X577" s="53">
        <v>891149.16547002899</v>
      </c>
      <c r="Y577" s="53">
        <v>747294.18766636599</v>
      </c>
      <c r="Z577" s="53">
        <v>828139.81528944697</v>
      </c>
      <c r="AA577" s="53">
        <v>11764566.2029319</v>
      </c>
      <c r="AB577" s="53">
        <v>787128.84596398298</v>
      </c>
      <c r="AC577" s="53">
        <v>880368.552837127</v>
      </c>
      <c r="AD577" s="53">
        <v>998412.07740908104</v>
      </c>
      <c r="AE577" s="53">
        <v>1256385.08565717</v>
      </c>
      <c r="AF577" s="53">
        <v>1412913.82703233</v>
      </c>
      <c r="AG577" s="53">
        <v>1095943.87447167</v>
      </c>
      <c r="AH577" s="53">
        <v>1061047.0382249099</v>
      </c>
      <c r="AI577" s="53">
        <v>1049606.8986249301</v>
      </c>
      <c r="AJ577" s="53">
        <v>1024390.20009583</v>
      </c>
      <c r="AK577" s="53">
        <v>917569.42132163304</v>
      </c>
      <c r="AL577" s="53">
        <v>769453.79098082602</v>
      </c>
      <c r="AM577" s="53">
        <v>853421.69221779401</v>
      </c>
      <c r="AN577" s="53">
        <v>12106641.3048373</v>
      </c>
      <c r="AO577" s="53">
        <v>1401918.87767057</v>
      </c>
      <c r="AP577" s="53">
        <v>1547521.8390265</v>
      </c>
      <c r="AQ577" s="53">
        <v>1774788.4109130299</v>
      </c>
      <c r="AR577" s="53">
        <v>2230859.5719608902</v>
      </c>
      <c r="AS577" s="53">
        <v>2507625.8546174699</v>
      </c>
      <c r="AT577" s="53">
        <v>1946538.1167263801</v>
      </c>
      <c r="AU577" s="53">
        <v>1884672.0592964401</v>
      </c>
      <c r="AV577" s="53">
        <v>1864268.0058945599</v>
      </c>
      <c r="AW577" s="53">
        <v>1819312.6039221201</v>
      </c>
      <c r="AX577" s="53">
        <v>1629924.7385205701</v>
      </c>
      <c r="AY577" s="53">
        <v>1367465.69364498</v>
      </c>
      <c r="AZ577" s="53">
        <v>1516040.55799528</v>
      </c>
      <c r="BA577" s="53">
        <v>21490936.3301888</v>
      </c>
      <c r="BB577" s="53">
        <v>1863275.1783056001</v>
      </c>
      <c r="BC577" s="53">
        <v>2056134.2058780801</v>
      </c>
      <c r="BD577" s="53">
        <v>2357357.2529142299</v>
      </c>
      <c r="BE577" s="53">
        <v>2961007.5621072901</v>
      </c>
      <c r="BF577" s="53">
        <v>3327418.4581250502</v>
      </c>
      <c r="BG577" s="53">
        <v>2584907.80129271</v>
      </c>
      <c r="BH577" s="53">
        <v>2503272.5164443599</v>
      </c>
      <c r="BI577" s="53">
        <v>2476500.82589297</v>
      </c>
      <c r="BJ577" s="53">
        <v>2417032.3382022702</v>
      </c>
      <c r="BK577" s="53">
        <v>2166420.6739413701</v>
      </c>
      <c r="BL577" s="53">
        <v>1819024.6832714099</v>
      </c>
      <c r="BM577" s="53">
        <v>2015994.2700525899</v>
      </c>
      <c r="BN577" s="53">
        <v>28548345.766427901</v>
      </c>
      <c r="BO577" s="53">
        <v>2207315.7001398802</v>
      </c>
      <c r="BP577" s="53">
        <v>2434852.3871491901</v>
      </c>
      <c r="BQ577" s="53">
        <v>2790716.5392992599</v>
      </c>
      <c r="BR577" s="53">
        <v>3502718.72632564</v>
      </c>
      <c r="BS577" s="53">
        <v>3935456.8485211302</v>
      </c>
      <c r="BT577" s="53">
        <v>3061277.3201524299</v>
      </c>
      <c r="BU577" s="53">
        <v>2965796.9006223101</v>
      </c>
      <c r="BV577" s="53">
        <v>2934741.39152453</v>
      </c>
      <c r="BW577" s="53">
        <v>2864894.8685774999</v>
      </c>
      <c r="BX577" s="53">
        <v>2569923.8754596901</v>
      </c>
      <c r="BY577" s="53">
        <v>2160706.6250298298</v>
      </c>
      <c r="BZ577" s="53">
        <v>2393067.9465836301</v>
      </c>
      <c r="CA577" s="53">
        <v>33821469.129385002</v>
      </c>
      <c r="CB577" s="53"/>
      <c r="CC577" s="53"/>
      <c r="CD577" s="53"/>
      <c r="CE577" s="53"/>
      <c r="CF577" s="53"/>
      <c r="CG577" s="53"/>
      <c r="CH577" s="53"/>
      <c r="CI577" s="53"/>
      <c r="CJ577" s="53"/>
      <c r="CK577" s="53"/>
      <c r="CL577" s="53"/>
      <c r="CM577" s="53"/>
      <c r="CN577" s="53"/>
    </row>
    <row r="578" spans="1:92" outlineLevel="1">
      <c r="A578" s="52" t="s">
        <v>782</v>
      </c>
      <c r="B578" s="53">
        <v>4379.6498468070304</v>
      </c>
      <c r="C578" s="53">
        <v>4378.9187427134302</v>
      </c>
      <c r="D578" s="53">
        <v>4377.7512848829801</v>
      </c>
      <c r="E578" s="53">
        <v>4376.3353095278699</v>
      </c>
      <c r="F578" s="53">
        <v>4374.7789698844599</v>
      </c>
      <c r="G578" s="53">
        <v>4373.14453042278</v>
      </c>
      <c r="H578" s="53">
        <v>4371.4678287556799</v>
      </c>
      <c r="I578" s="53">
        <v>4369.7694836443698</v>
      </c>
      <c r="J578" s="53">
        <v>4368.0613496229898</v>
      </c>
      <c r="K578" s="53">
        <v>4366.3502341760804</v>
      </c>
      <c r="L578" s="53">
        <v>4364.6400384358903</v>
      </c>
      <c r="M578" s="53">
        <v>4362.9329899936301</v>
      </c>
      <c r="N578" s="53">
        <v>52463.800608867197</v>
      </c>
      <c r="O578" s="53">
        <v>9316.7135604089599</v>
      </c>
      <c r="P578" s="53">
        <v>9253.3573169990104</v>
      </c>
      <c r="Q578" s="53">
        <v>9194.94855551826</v>
      </c>
      <c r="R578" s="53">
        <v>9141.1669354101505</v>
      </c>
      <c r="S578" s="53">
        <v>9091.7277095132904</v>
      </c>
      <c r="T578" s="53">
        <v>9046.2393504807496</v>
      </c>
      <c r="U578" s="53">
        <v>9004.5238913366702</v>
      </c>
      <c r="V578" s="53">
        <v>8966.2609915244793</v>
      </c>
      <c r="W578" s="53">
        <v>8931.2370906731394</v>
      </c>
      <c r="X578" s="53">
        <v>8899.2386284116001</v>
      </c>
      <c r="Y578" s="53">
        <v>8870.0164509736405</v>
      </c>
      <c r="Z578" s="53">
        <v>8843.39259138339</v>
      </c>
      <c r="AA578" s="53">
        <v>108558.82307263299</v>
      </c>
      <c r="AB578" s="53">
        <v>9016.5662440018605</v>
      </c>
      <c r="AC578" s="53">
        <v>8994.1500099585901</v>
      </c>
      <c r="AD578" s="53">
        <v>8973.8807853447906</v>
      </c>
      <c r="AE578" s="53">
        <v>8955.5766202088107</v>
      </c>
      <c r="AF578" s="53">
        <v>8939.1647345699894</v>
      </c>
      <c r="AG578" s="53">
        <v>8924.4631784766807</v>
      </c>
      <c r="AH578" s="53">
        <v>8911.3627819578796</v>
      </c>
      <c r="AI578" s="53">
        <v>8899.7543750426194</v>
      </c>
      <c r="AJ578" s="53">
        <v>8889.5651777502208</v>
      </c>
      <c r="AK578" s="53">
        <v>8880.6496301193802</v>
      </c>
      <c r="AL578" s="53">
        <v>8872.9349521694203</v>
      </c>
      <c r="AM578" s="53">
        <v>8866.3483639196893</v>
      </c>
      <c r="AN578" s="53">
        <v>107124.416853519</v>
      </c>
      <c r="AO578" s="53">
        <v>15680.589386825999</v>
      </c>
      <c r="AP578" s="53">
        <v>15672.475239666001</v>
      </c>
      <c r="AQ578" s="53">
        <v>15665.971042339201</v>
      </c>
      <c r="AR578" s="53">
        <v>15660.8836008659</v>
      </c>
      <c r="AS578" s="53">
        <v>15657.2129152458</v>
      </c>
      <c r="AT578" s="53">
        <v>15654.7657914991</v>
      </c>
      <c r="AU578" s="53">
        <v>15653.5422296258</v>
      </c>
      <c r="AV578" s="53">
        <v>15653.4134336391</v>
      </c>
      <c r="AW578" s="53">
        <v>15654.315005545801</v>
      </c>
      <c r="AX578" s="53">
        <v>15656.1825473525</v>
      </c>
      <c r="AY578" s="53">
        <v>15658.8872630725</v>
      </c>
      <c r="AZ578" s="53">
        <v>15662.429152705899</v>
      </c>
      <c r="BA578" s="53">
        <v>187930.66760838401</v>
      </c>
      <c r="BB578" s="53">
        <v>20734.762161596798</v>
      </c>
      <c r="BC578" s="53">
        <v>20741.410104085298</v>
      </c>
      <c r="BD578" s="53">
        <v>20748.825116860899</v>
      </c>
      <c r="BE578" s="53">
        <v>20757.092429955599</v>
      </c>
      <c r="BF578" s="53">
        <v>20766.1268133374</v>
      </c>
      <c r="BG578" s="53">
        <v>20775.8430369745</v>
      </c>
      <c r="BH578" s="53">
        <v>20786.1558708349</v>
      </c>
      <c r="BI578" s="53">
        <v>20797.0653149186</v>
      </c>
      <c r="BJ578" s="53">
        <v>20808.571369225599</v>
      </c>
      <c r="BK578" s="53">
        <v>20820.5035736922</v>
      </c>
      <c r="BL578" s="53">
        <v>20832.9471583501</v>
      </c>
      <c r="BM578" s="53">
        <v>20845.816893167601</v>
      </c>
      <c r="BN578" s="53">
        <v>249415.11984299999</v>
      </c>
      <c r="BO578" s="53">
        <v>24579.945233957002</v>
      </c>
      <c r="BP578" s="53">
        <v>24596.0146275021</v>
      </c>
      <c r="BQ578" s="53">
        <v>24612.3853221762</v>
      </c>
      <c r="BR578" s="53">
        <v>24629.258185398499</v>
      </c>
      <c r="BS578" s="53">
        <v>24646.331916040101</v>
      </c>
      <c r="BT578" s="53">
        <v>24663.807381520401</v>
      </c>
      <c r="BU578" s="53">
        <v>24681.483714419999</v>
      </c>
      <c r="BV578" s="53">
        <v>24699.461348448502</v>
      </c>
      <c r="BW578" s="53">
        <v>24717.639849896401</v>
      </c>
      <c r="BX578" s="53">
        <v>24736.1196524732</v>
      </c>
      <c r="BY578" s="53">
        <v>24754.6998887597</v>
      </c>
      <c r="BZ578" s="53">
        <v>24773.480992465498</v>
      </c>
      <c r="CA578" s="53">
        <v>296090.62811305799</v>
      </c>
      <c r="CB578" s="53">
        <v>-434730.19929067901</v>
      </c>
      <c r="CC578" s="53">
        <v>-443110.86610271898</v>
      </c>
      <c r="CD578" s="53">
        <v>-374766.93418954202</v>
      </c>
      <c r="CE578" s="53">
        <v>-411860.58209293202</v>
      </c>
      <c r="CF578" s="53">
        <v>-309320.21617517201</v>
      </c>
      <c r="CG578" s="53">
        <v>-327877.99139216199</v>
      </c>
      <c r="CH578" s="53">
        <v>-321814.55080753</v>
      </c>
      <c r="CI578" s="53">
        <v>-334998.21706726903</v>
      </c>
      <c r="CJ578" s="53">
        <v>-339585.19625758298</v>
      </c>
      <c r="CK578" s="53">
        <v>-328938.60394039197</v>
      </c>
      <c r="CL578" s="53">
        <v>-386593.26848698198</v>
      </c>
      <c r="CM578" s="53">
        <v>-356849.393456875</v>
      </c>
      <c r="CN578" s="53">
        <v>-4370446.0192598403</v>
      </c>
    </row>
    <row r="579" spans="1:92" outlineLevel="1">
      <c r="A579" s="52" t="s">
        <v>783</v>
      </c>
      <c r="B579" s="53">
        <v>586670.48004380101</v>
      </c>
      <c r="C579" s="53">
        <v>582097.45221653103</v>
      </c>
      <c r="D579" s="53">
        <v>600765.91715441702</v>
      </c>
      <c r="E579" s="53">
        <v>638052.08805211796</v>
      </c>
      <c r="F579" s="53">
        <v>701244.33886770799</v>
      </c>
      <c r="G579" s="53">
        <v>711736.56334933196</v>
      </c>
      <c r="H579" s="53">
        <v>671970.43806978699</v>
      </c>
      <c r="I579" s="53">
        <v>697974.45986686996</v>
      </c>
      <c r="J579" s="53">
        <v>732044.12408380699</v>
      </c>
      <c r="K579" s="53">
        <v>675893.36719257699</v>
      </c>
      <c r="L579" s="53">
        <v>602054.35257256299</v>
      </c>
      <c r="M579" s="53">
        <v>588533.85682276497</v>
      </c>
      <c r="N579" s="53">
        <v>7789037.4382922798</v>
      </c>
      <c r="O579" s="53">
        <v>927053.75369816599</v>
      </c>
      <c r="P579" s="53">
        <v>817325.75878085301</v>
      </c>
      <c r="Q579" s="53">
        <v>848835.87966060499</v>
      </c>
      <c r="R579" s="53">
        <v>917267.52766201505</v>
      </c>
      <c r="S579" s="53">
        <v>1005779.04717732</v>
      </c>
      <c r="T579" s="53">
        <v>1008837.76559161</v>
      </c>
      <c r="U579" s="53">
        <v>1036714.54828539</v>
      </c>
      <c r="V579" s="53">
        <v>992429.60194369103</v>
      </c>
      <c r="W579" s="53">
        <v>1048604.9490640501</v>
      </c>
      <c r="X579" s="53">
        <v>969774.97540968005</v>
      </c>
      <c r="Y579" s="53">
        <v>850735.53475444403</v>
      </c>
      <c r="Z579" s="53">
        <v>822333.28676771501</v>
      </c>
      <c r="AA579" s="53">
        <v>11245692.628795501</v>
      </c>
      <c r="AB579" s="53">
        <v>945808.63605754497</v>
      </c>
      <c r="AC579" s="53">
        <v>834851.58903248096</v>
      </c>
      <c r="AD579" s="53">
        <v>866323.654119318</v>
      </c>
      <c r="AE579" s="53">
        <v>936308.95630192198</v>
      </c>
      <c r="AF579" s="53">
        <v>1026705.94991046</v>
      </c>
      <c r="AG579" s="53">
        <v>1029713.50983126</v>
      </c>
      <c r="AH579" s="53">
        <v>1058126.6323309599</v>
      </c>
      <c r="AI579" s="53">
        <v>1012642.2739576499</v>
      </c>
      <c r="AJ579" s="53">
        <v>1070245.7727605</v>
      </c>
      <c r="AK579" s="53">
        <v>989730.22629613394</v>
      </c>
      <c r="AL579" s="53">
        <v>867975.65051032905</v>
      </c>
      <c r="AM579" s="53">
        <v>838606.23545474804</v>
      </c>
      <c r="AN579" s="53">
        <v>11477039.0865633</v>
      </c>
      <c r="AO579" s="53">
        <v>1668469.77104259</v>
      </c>
      <c r="AP579" s="53">
        <v>1471009.6815746401</v>
      </c>
      <c r="AQ579" s="53">
        <v>1529193.9769297</v>
      </c>
      <c r="AR579" s="53">
        <v>1653134.0973080599</v>
      </c>
      <c r="AS579" s="53">
        <v>1812874.60773254</v>
      </c>
      <c r="AT579" s="53">
        <v>1817900.74231626</v>
      </c>
      <c r="AU579" s="53">
        <v>1867980.5502102601</v>
      </c>
      <c r="AV579" s="53">
        <v>1786969.6133421001</v>
      </c>
      <c r="AW579" s="53">
        <v>1889434.5484954501</v>
      </c>
      <c r="AX579" s="53">
        <v>1747217.37603704</v>
      </c>
      <c r="AY579" s="53">
        <v>1531638.78234863</v>
      </c>
      <c r="AZ579" s="53">
        <v>1478744.3313599899</v>
      </c>
      <c r="BA579" s="53">
        <v>20254568.078697301</v>
      </c>
      <c r="BB579" s="53">
        <v>2203303.62932768</v>
      </c>
      <c r="BC579" s="53">
        <v>1942535.44308491</v>
      </c>
      <c r="BD579" s="53">
        <v>2020186.0534816899</v>
      </c>
      <c r="BE579" s="53">
        <v>2184305.76998625</v>
      </c>
      <c r="BF579" s="53">
        <v>2395511.8403765499</v>
      </c>
      <c r="BG579" s="53">
        <v>2401879.2056000298</v>
      </c>
      <c r="BH579" s="53">
        <v>2467949.7820220799</v>
      </c>
      <c r="BI579" s="53">
        <v>2360245.5282353899</v>
      </c>
      <c r="BJ579" s="53">
        <v>2496321.7516524899</v>
      </c>
      <c r="BK579" s="53">
        <v>2308342.9104768001</v>
      </c>
      <c r="BL579" s="53">
        <v>2022927.0513077199</v>
      </c>
      <c r="BM579" s="53">
        <v>1952088.7069009601</v>
      </c>
      <c r="BN579" s="53">
        <v>26755597.672452599</v>
      </c>
      <c r="BO579" s="53">
        <v>2590593.6350755799</v>
      </c>
      <c r="BP579" s="53">
        <v>2283930.0490458398</v>
      </c>
      <c r="BQ579" s="53">
        <v>2376126.5875713201</v>
      </c>
      <c r="BR579" s="53">
        <v>2569560.1045633098</v>
      </c>
      <c r="BS579" s="53">
        <v>2818143.17759973</v>
      </c>
      <c r="BT579" s="53">
        <v>2825273.0670819702</v>
      </c>
      <c r="BU579" s="53">
        <v>2902848.8678904702</v>
      </c>
      <c r="BV579" s="53">
        <v>2775318.34423583</v>
      </c>
      <c r="BW579" s="53">
        <v>2936145.55521924</v>
      </c>
      <c r="BX579" s="53">
        <v>2714853.6354089598</v>
      </c>
      <c r="BY579" s="53">
        <v>2378363.4471527901</v>
      </c>
      <c r="BZ579" s="53">
        <v>2293911.8541474901</v>
      </c>
      <c r="CA579" s="53">
        <v>31465068.3249925</v>
      </c>
      <c r="CB579" s="53"/>
      <c r="CC579" s="53"/>
      <c r="CD579" s="53"/>
      <c r="CE579" s="53"/>
      <c r="CF579" s="53"/>
      <c r="CG579" s="53"/>
      <c r="CH579" s="53"/>
      <c r="CI579" s="53"/>
      <c r="CJ579" s="53"/>
      <c r="CK579" s="53"/>
      <c r="CL579" s="53"/>
      <c r="CM579" s="53"/>
      <c r="CN579" s="53"/>
    </row>
    <row r="580" spans="1:92" outlineLevel="1">
      <c r="A580" s="52" t="s">
        <v>784</v>
      </c>
      <c r="B580" s="53">
        <v>3953188.8828620999</v>
      </c>
      <c r="C580" s="53">
        <v>3352554.6516120001</v>
      </c>
      <c r="D580" s="53">
        <v>3478702.7447261098</v>
      </c>
      <c r="E580" s="53">
        <v>3652168.4348091199</v>
      </c>
      <c r="F580" s="53">
        <v>4542635.5284565501</v>
      </c>
      <c r="G580" s="53">
        <v>5086881.2553168004</v>
      </c>
      <c r="H580" s="53">
        <v>5534519.2751886602</v>
      </c>
      <c r="I580" s="53">
        <v>5494479.03323068</v>
      </c>
      <c r="J580" s="53">
        <v>5027686.33985289</v>
      </c>
      <c r="K580" s="53">
        <v>4184614.5021565501</v>
      </c>
      <c r="L580" s="53">
        <v>3459329.5536562102</v>
      </c>
      <c r="M580" s="53">
        <v>3746785.1199741201</v>
      </c>
      <c r="N580" s="53">
        <v>51513545.321841799</v>
      </c>
      <c r="O580" s="53">
        <v>7852137.1421062499</v>
      </c>
      <c r="P580" s="53">
        <v>4316314.0855797697</v>
      </c>
      <c r="Q580" s="53">
        <v>4607253.4969555</v>
      </c>
      <c r="R580" s="53">
        <v>4891739.75909096</v>
      </c>
      <c r="S580" s="53">
        <v>6292767.5073681697</v>
      </c>
      <c r="T580" s="53">
        <v>7192325.1892671501</v>
      </c>
      <c r="U580" s="53">
        <v>7735349.0310463803</v>
      </c>
      <c r="V580" s="53">
        <v>10125583.3969499</v>
      </c>
      <c r="W580" s="53">
        <v>7001309.2288933704</v>
      </c>
      <c r="X580" s="53">
        <v>5766719.5099392803</v>
      </c>
      <c r="Y580" s="53">
        <v>4400901.2037211005</v>
      </c>
      <c r="Z580" s="53">
        <v>4928359.0088366196</v>
      </c>
      <c r="AA580" s="53">
        <v>75110758.559754506</v>
      </c>
      <c r="AB580" s="53">
        <v>8125688.0953433504</v>
      </c>
      <c r="AC580" s="53">
        <v>4596443.2825844903</v>
      </c>
      <c r="AD580" s="53">
        <v>4763954.8046534099</v>
      </c>
      <c r="AE580" s="53">
        <v>5057245.2064015204</v>
      </c>
      <c r="AF580" s="53">
        <v>6596847.8226038497</v>
      </c>
      <c r="AG580" s="53">
        <v>7604754.8188371202</v>
      </c>
      <c r="AH580" s="53">
        <v>8201483.6560154296</v>
      </c>
      <c r="AI580" s="53">
        <v>10651661.4737418</v>
      </c>
      <c r="AJ580" s="53">
        <v>7408551.2410819298</v>
      </c>
      <c r="AK580" s="53">
        <v>6056378.9389156299</v>
      </c>
      <c r="AL580" s="53">
        <v>4581551.1709343297</v>
      </c>
      <c r="AM580" s="53">
        <v>5145346.6744527603</v>
      </c>
      <c r="AN580" s="53">
        <v>78789907.185565695</v>
      </c>
      <c r="AO580" s="53">
        <v>14365289.8301851</v>
      </c>
      <c r="AP580" s="53">
        <v>7823092.1313824002</v>
      </c>
      <c r="AQ580" s="53">
        <v>8327910.6391954701</v>
      </c>
      <c r="AR580" s="53">
        <v>8844248.13699493</v>
      </c>
      <c r="AS580" s="53">
        <v>11619056.3480491</v>
      </c>
      <c r="AT580" s="53">
        <v>13473151.785814</v>
      </c>
      <c r="AU580" s="53">
        <v>14554136.6841112</v>
      </c>
      <c r="AV580" s="53">
        <v>18903743.591895401</v>
      </c>
      <c r="AW580" s="53">
        <v>13150337.3260752</v>
      </c>
      <c r="AX580" s="53">
        <v>10717541.021898899</v>
      </c>
      <c r="AY580" s="53">
        <v>8085093.5515860897</v>
      </c>
      <c r="AZ580" s="53">
        <v>9106108.9867867194</v>
      </c>
      <c r="BA580" s="53">
        <v>138969710.03397399</v>
      </c>
      <c r="BB580" s="53">
        <v>18963668.992619298</v>
      </c>
      <c r="BC580" s="53">
        <v>10252398.403633</v>
      </c>
      <c r="BD580" s="53">
        <v>10867315.357214799</v>
      </c>
      <c r="BE580" s="53">
        <v>11548159.571597699</v>
      </c>
      <c r="BF580" s="53">
        <v>15281020.0279541</v>
      </c>
      <c r="BG580" s="53">
        <v>17827347.856645498</v>
      </c>
      <c r="BH580" s="53">
        <v>19289526.993132699</v>
      </c>
      <c r="BI580" s="53">
        <v>25063551.416207101</v>
      </c>
      <c r="BJ580" s="53">
        <v>17432519.394868799</v>
      </c>
      <c r="BK580" s="53">
        <v>14163850.2747267</v>
      </c>
      <c r="BL580" s="53">
        <v>10653295.9129887</v>
      </c>
      <c r="BM580" s="53">
        <v>12033270.520937899</v>
      </c>
      <c r="BN580" s="53">
        <v>183375924.722527</v>
      </c>
      <c r="BO580" s="53">
        <v>22281081.641276099</v>
      </c>
      <c r="BP580" s="53">
        <v>11984741.2345524</v>
      </c>
      <c r="BQ580" s="53">
        <v>12653727.997011799</v>
      </c>
      <c r="BR580" s="53">
        <v>13464709.627696101</v>
      </c>
      <c r="BS580" s="53">
        <v>17909535.6580691</v>
      </c>
      <c r="BT580" s="53">
        <v>21001918.3678803</v>
      </c>
      <c r="BU580" s="53">
        <v>22761166.042885799</v>
      </c>
      <c r="BV580" s="53">
        <v>29595567.1138447</v>
      </c>
      <c r="BW580" s="53">
        <v>20613292.356493399</v>
      </c>
      <c r="BX580" s="53">
        <v>16748069.3376213</v>
      </c>
      <c r="BY580" s="53">
        <v>12604864.1532079</v>
      </c>
      <c r="BZ580" s="53">
        <v>14250066.0890426</v>
      </c>
      <c r="CA580" s="53">
        <v>215868739.619582</v>
      </c>
      <c r="CB580" s="53">
        <v>-70524.2251436683</v>
      </c>
      <c r="CC580" s="53">
        <v>-22792.929675146501</v>
      </c>
      <c r="CD580" s="53">
        <v>-42923.529018788598</v>
      </c>
      <c r="CE580" s="53">
        <v>-25492.149875914401</v>
      </c>
      <c r="CF580" s="53">
        <v>-30135.2512537445</v>
      </c>
      <c r="CG580" s="53">
        <v>-17897.941782620899</v>
      </c>
      <c r="CH580" s="53">
        <v>-21647.0211627916</v>
      </c>
      <c r="CI580" s="53">
        <v>-60904.237280389199</v>
      </c>
      <c r="CJ580" s="53">
        <v>-70213.233293351106</v>
      </c>
      <c r="CK580" s="53">
        <v>-61201.006357274498</v>
      </c>
      <c r="CL580" s="53">
        <v>-61708.1423847693</v>
      </c>
      <c r="CM580" s="53">
        <v>-60348.043877687996</v>
      </c>
      <c r="CN580" s="53">
        <v>-545787.71110614704</v>
      </c>
    </row>
    <row r="581" spans="1:92" outlineLevel="1">
      <c r="A581" s="52" t="s">
        <v>1245</v>
      </c>
      <c r="B581" s="53"/>
      <c r="C581" s="53"/>
      <c r="D581" s="53"/>
      <c r="E581" s="53"/>
      <c r="F581" s="53"/>
      <c r="G581" s="53"/>
      <c r="H581" s="53"/>
      <c r="I581" s="53"/>
      <c r="J581" s="53"/>
      <c r="K581" s="53"/>
      <c r="L581" s="53"/>
      <c r="M581" s="53"/>
      <c r="N581" s="53"/>
      <c r="O581" s="53"/>
      <c r="P581" s="53"/>
      <c r="Q581" s="53"/>
      <c r="R581" s="53"/>
      <c r="S581" s="53"/>
      <c r="T581" s="53"/>
      <c r="U581" s="53"/>
      <c r="V581" s="53"/>
      <c r="W581" s="53"/>
      <c r="X581" s="53"/>
      <c r="Y581" s="53"/>
      <c r="Z581" s="53"/>
      <c r="AA581" s="53"/>
      <c r="AB581" s="53"/>
      <c r="AC581" s="53"/>
      <c r="AD581" s="53"/>
      <c r="AE581" s="53"/>
      <c r="AF581" s="53"/>
      <c r="AG581" s="53"/>
      <c r="AH581" s="53"/>
      <c r="AI581" s="53"/>
      <c r="AJ581" s="53"/>
      <c r="AK581" s="53"/>
      <c r="AL581" s="53"/>
      <c r="AM581" s="53"/>
      <c r="AN581" s="53"/>
      <c r="AO581" s="53"/>
      <c r="AP581" s="53"/>
      <c r="AQ581" s="53"/>
      <c r="AR581" s="53"/>
      <c r="AS581" s="53"/>
      <c r="AT581" s="53"/>
      <c r="AU581" s="53"/>
      <c r="AV581" s="53"/>
      <c r="AW581" s="53"/>
      <c r="AX581" s="53"/>
      <c r="AY581" s="53"/>
      <c r="AZ581" s="53"/>
      <c r="BA581" s="53"/>
      <c r="BB581" s="53"/>
      <c r="BC581" s="53"/>
      <c r="BD581" s="53"/>
      <c r="BE581" s="53"/>
      <c r="BF581" s="53"/>
      <c r="BG581" s="53"/>
      <c r="BH581" s="53"/>
      <c r="BI581" s="53"/>
      <c r="BJ581" s="53"/>
      <c r="BK581" s="53"/>
      <c r="BL581" s="53"/>
      <c r="BM581" s="53"/>
      <c r="BN581" s="53"/>
      <c r="BO581" s="53"/>
      <c r="BP581" s="53"/>
      <c r="BQ581" s="53"/>
      <c r="BR581" s="53"/>
      <c r="BS581" s="53"/>
      <c r="BT581" s="53"/>
      <c r="BU581" s="53"/>
      <c r="BV581" s="53"/>
      <c r="BW581" s="53"/>
      <c r="BX581" s="53"/>
      <c r="BY581" s="53"/>
      <c r="BZ581" s="53"/>
      <c r="CA581" s="53"/>
      <c r="CB581" s="53"/>
      <c r="CC581" s="53"/>
      <c r="CD581" s="53"/>
      <c r="CE581" s="53"/>
      <c r="CF581" s="53"/>
      <c r="CG581" s="53"/>
      <c r="CH581" s="53"/>
      <c r="CI581" s="53"/>
      <c r="CJ581" s="53"/>
      <c r="CK581" s="53"/>
      <c r="CL581" s="53"/>
      <c r="CM581" s="53"/>
      <c r="CN581" s="53"/>
    </row>
    <row r="582" spans="1:92" outlineLevel="1">
      <c r="A582" s="52" t="s">
        <v>780</v>
      </c>
      <c r="B582" s="53">
        <v>71299.921544151701</v>
      </c>
      <c r="C582" s="53">
        <v>65498.4569072206</v>
      </c>
      <c r="D582" s="53">
        <v>76724.371965783794</v>
      </c>
      <c r="E582" s="53">
        <v>82475.320919290098</v>
      </c>
      <c r="F582" s="53">
        <v>89717.125867791401</v>
      </c>
      <c r="G582" s="53">
        <v>94141.749660555404</v>
      </c>
      <c r="H582" s="53">
        <v>97858.184666191504</v>
      </c>
      <c r="I582" s="53">
        <v>98946.223399039998</v>
      </c>
      <c r="J582" s="53">
        <v>93409.436966637106</v>
      </c>
      <c r="K582" s="53">
        <v>84553.139213164905</v>
      </c>
      <c r="L582" s="53">
        <v>73919.453841734401</v>
      </c>
      <c r="M582" s="53">
        <v>75025.098564408807</v>
      </c>
      <c r="N582" s="53">
        <v>1003568.4835159699</v>
      </c>
      <c r="O582" s="53">
        <v>129226.411501058</v>
      </c>
      <c r="P582" s="53">
        <v>84831.041346170401</v>
      </c>
      <c r="Q582" s="53">
        <v>92062.596392355495</v>
      </c>
      <c r="R582" s="53">
        <v>108746.090016199</v>
      </c>
      <c r="S582" s="53">
        <v>119285.362421818</v>
      </c>
      <c r="T582" s="53">
        <v>122670.46545162299</v>
      </c>
      <c r="U582" s="53">
        <v>125317.69230423401</v>
      </c>
      <c r="V582" s="53">
        <v>157432.287582308</v>
      </c>
      <c r="W582" s="53">
        <v>119560.340225016</v>
      </c>
      <c r="X582" s="53">
        <v>114351.792705763</v>
      </c>
      <c r="Y582" s="53">
        <v>97110.045132888394</v>
      </c>
      <c r="Z582" s="53">
        <v>96407.181082631607</v>
      </c>
      <c r="AA582" s="53">
        <v>1367001.30616206</v>
      </c>
      <c r="AB582" s="53">
        <v>132310.90729119099</v>
      </c>
      <c r="AC582" s="53">
        <v>89373.943301946696</v>
      </c>
      <c r="AD582" s="53">
        <v>95370.127093186602</v>
      </c>
      <c r="AE582" s="53">
        <v>95769.142020030398</v>
      </c>
      <c r="AF582" s="53">
        <v>107438.801065163</v>
      </c>
      <c r="AG582" s="53">
        <v>110571.51629022601</v>
      </c>
      <c r="AH582" s="53">
        <v>112670.653129461</v>
      </c>
      <c r="AI582" s="53">
        <v>144206.539966318</v>
      </c>
      <c r="AJ582" s="53">
        <v>107577.177803357</v>
      </c>
      <c r="AK582" s="53">
        <v>101447.410280296</v>
      </c>
      <c r="AL582" s="53">
        <v>83800.203360422704</v>
      </c>
      <c r="AM582" s="53">
        <v>83736.597487684296</v>
      </c>
      <c r="AN582" s="53">
        <v>1264273.0190892799</v>
      </c>
      <c r="AO582" s="53">
        <v>104474.905691305</v>
      </c>
      <c r="AP582" s="53">
        <v>66623.992679354196</v>
      </c>
      <c r="AQ582" s="53">
        <v>74179.3454397553</v>
      </c>
      <c r="AR582" s="53">
        <v>80869.430978758595</v>
      </c>
      <c r="AS582" s="53">
        <v>90907.091369440299</v>
      </c>
      <c r="AT582" s="53">
        <v>92869.269744917896</v>
      </c>
      <c r="AU582" s="53">
        <v>95459.805627606402</v>
      </c>
      <c r="AV582" s="53">
        <v>121074.695783191</v>
      </c>
      <c r="AW582" s="53">
        <v>91268.311063585395</v>
      </c>
      <c r="AX582" s="53">
        <v>84585.175677602805</v>
      </c>
      <c r="AY582" s="53">
        <v>70893.828282771705</v>
      </c>
      <c r="AZ582" s="53">
        <v>70787.775658121202</v>
      </c>
      <c r="BA582" s="53">
        <v>1043993.62799641</v>
      </c>
      <c r="BB582" s="53">
        <v>103339.19693509099</v>
      </c>
      <c r="BC582" s="53">
        <v>67077.639843838901</v>
      </c>
      <c r="BD582" s="53">
        <v>73704.515614839795</v>
      </c>
      <c r="BE582" s="53">
        <v>80376.709470828704</v>
      </c>
      <c r="BF582" s="53">
        <v>90050.685002611295</v>
      </c>
      <c r="BG582" s="53">
        <v>92841.991329041804</v>
      </c>
      <c r="BH582" s="53">
        <v>95054.957967926501</v>
      </c>
      <c r="BI582" s="53">
        <v>120295.23351749701</v>
      </c>
      <c r="BJ582" s="53">
        <v>90861.9547995186</v>
      </c>
      <c r="BK582" s="53">
        <v>85178.436755565897</v>
      </c>
      <c r="BL582" s="53">
        <v>70128.559120544902</v>
      </c>
      <c r="BM582" s="53">
        <v>70496.568998236602</v>
      </c>
      <c r="BN582" s="53">
        <v>1039406.44935554</v>
      </c>
      <c r="BO582" s="53">
        <v>102676.163495935</v>
      </c>
      <c r="BP582" s="53">
        <v>66714.8125025263</v>
      </c>
      <c r="BQ582" s="53">
        <v>73077.407435378598</v>
      </c>
      <c r="BR582" s="53">
        <v>79600.398070072406</v>
      </c>
      <c r="BS582" s="53">
        <v>89937.178273993602</v>
      </c>
      <c r="BT582" s="53">
        <v>92950.424925089406</v>
      </c>
      <c r="BU582" s="53">
        <v>95115.288122310507</v>
      </c>
      <c r="BV582" s="53">
        <v>120062.447533151</v>
      </c>
      <c r="BW582" s="53">
        <v>90943.101048742203</v>
      </c>
      <c r="BX582" s="53">
        <v>85171.3360498767</v>
      </c>
      <c r="BY582" s="53">
        <v>70224.086090970799</v>
      </c>
      <c r="BZ582" s="53">
        <v>70855.6950409243</v>
      </c>
      <c r="CA582" s="53">
        <v>1037328.33858897</v>
      </c>
      <c r="CB582" s="53"/>
      <c r="CC582" s="53"/>
      <c r="CD582" s="53"/>
      <c r="CE582" s="53"/>
      <c r="CF582" s="53"/>
      <c r="CG582" s="53"/>
      <c r="CH582" s="53"/>
      <c r="CI582" s="53"/>
      <c r="CJ582" s="53"/>
      <c r="CK582" s="53"/>
      <c r="CL582" s="53"/>
      <c r="CM582" s="53"/>
      <c r="CN582" s="53"/>
    </row>
    <row r="583" spans="1:92" outlineLevel="1">
      <c r="A583" s="52" t="s">
        <v>781</v>
      </c>
      <c r="B583" s="53">
        <v>19780.076269337798</v>
      </c>
      <c r="C583" s="53">
        <v>20265.897043381301</v>
      </c>
      <c r="D583" s="53">
        <v>21091.597281148901</v>
      </c>
      <c r="E583" s="53">
        <v>21955.566994042601</v>
      </c>
      <c r="F583" s="53">
        <v>22765.117132495801</v>
      </c>
      <c r="G583" s="53">
        <v>22754.986201977099</v>
      </c>
      <c r="H583" s="53">
        <v>22134.412977637501</v>
      </c>
      <c r="I583" s="53">
        <v>21480.502343489701</v>
      </c>
      <c r="J583" s="53">
        <v>22481.759811315598</v>
      </c>
      <c r="K583" s="53">
        <v>21740.255550334299</v>
      </c>
      <c r="L583" s="53">
        <v>22214.8024203481</v>
      </c>
      <c r="M583" s="53">
        <v>20740.458476679501</v>
      </c>
      <c r="N583" s="53">
        <v>259405.43250218799</v>
      </c>
      <c r="O583" s="53">
        <v>19769.0412218075</v>
      </c>
      <c r="P583" s="53">
        <v>22555.203975910699</v>
      </c>
      <c r="Q583" s="53">
        <v>26012.149992667699</v>
      </c>
      <c r="R583" s="53">
        <v>33741.413689425201</v>
      </c>
      <c r="S583" s="53">
        <v>37921.720826504599</v>
      </c>
      <c r="T583" s="53">
        <v>29432.651423156301</v>
      </c>
      <c r="U583" s="53">
        <v>28303.290813495201</v>
      </c>
      <c r="V583" s="53">
        <v>28367.749729611998</v>
      </c>
      <c r="W583" s="53">
        <v>27490.014436618701</v>
      </c>
      <c r="X583" s="53">
        <v>25317.675165750501</v>
      </c>
      <c r="Y583" s="53">
        <v>21745.1337321961</v>
      </c>
      <c r="Z583" s="53">
        <v>24042.0369964126</v>
      </c>
      <c r="AA583" s="53">
        <v>324698.08200355701</v>
      </c>
      <c r="AB583" s="53">
        <v>19699.049771848098</v>
      </c>
      <c r="AC583" s="53">
        <v>23533.336915390199</v>
      </c>
      <c r="AD583" s="53">
        <v>26971.162037018701</v>
      </c>
      <c r="AE583" s="53">
        <v>29449.481056638298</v>
      </c>
      <c r="AF583" s="53">
        <v>33555.7905770012</v>
      </c>
      <c r="AG583" s="53">
        <v>26065.160134719899</v>
      </c>
      <c r="AH583" s="53">
        <v>25140.430127390398</v>
      </c>
      <c r="AI583" s="53">
        <v>25541.9272072114</v>
      </c>
      <c r="AJ583" s="53">
        <v>24319.139971100401</v>
      </c>
      <c r="AK583" s="53">
        <v>22237.766449122399</v>
      </c>
      <c r="AL583" s="53">
        <v>18779.625503203501</v>
      </c>
      <c r="AM583" s="53">
        <v>20953.387741324001</v>
      </c>
      <c r="AN583" s="53">
        <v>296246.25749196898</v>
      </c>
      <c r="AO583" s="53">
        <v>15076.718266608999</v>
      </c>
      <c r="AP583" s="53">
        <v>17479.853406683898</v>
      </c>
      <c r="AQ583" s="53">
        <v>20203.309363465902</v>
      </c>
      <c r="AR583" s="53">
        <v>23778.369181656501</v>
      </c>
      <c r="AS583" s="53">
        <v>27132.000892375901</v>
      </c>
      <c r="AT583" s="53">
        <v>21061.1875886239</v>
      </c>
      <c r="AU583" s="53">
        <v>20290.438198461899</v>
      </c>
      <c r="AV583" s="53">
        <v>20734.223022184899</v>
      </c>
      <c r="AW583" s="53">
        <v>19642.652876627599</v>
      </c>
      <c r="AX583" s="53">
        <v>18072.304619364499</v>
      </c>
      <c r="AY583" s="53">
        <v>15314.0055564331</v>
      </c>
      <c r="AZ583" s="53">
        <v>17093.2645266787</v>
      </c>
      <c r="BA583" s="53">
        <v>235878.32749916599</v>
      </c>
      <c r="BB583" s="53">
        <v>14882.926090212201</v>
      </c>
      <c r="BC583" s="53">
        <v>17270.579507727201</v>
      </c>
      <c r="BD583" s="53">
        <v>19961.641130816199</v>
      </c>
      <c r="BE583" s="53">
        <v>23447.019772148498</v>
      </c>
      <c r="BF583" s="53">
        <v>26747.324014105801</v>
      </c>
      <c r="BG583" s="53">
        <v>20774.331174843101</v>
      </c>
      <c r="BH583" s="53">
        <v>20015.782276692498</v>
      </c>
      <c r="BI583" s="53">
        <v>20465.869280765401</v>
      </c>
      <c r="BJ583" s="53">
        <v>19383.650098525501</v>
      </c>
      <c r="BK583" s="53">
        <v>17851.892746159599</v>
      </c>
      <c r="BL583" s="53">
        <v>15147.965916401299</v>
      </c>
      <c r="BM583" s="53">
        <v>16900.731172876</v>
      </c>
      <c r="BN583" s="53">
        <v>232849.71318127401</v>
      </c>
      <c r="BO583" s="53">
        <v>14827.510912830699</v>
      </c>
      <c r="BP583" s="53">
        <v>17204.822940343602</v>
      </c>
      <c r="BQ583" s="53">
        <v>19883.394700720801</v>
      </c>
      <c r="BR583" s="53">
        <v>23324.468401631399</v>
      </c>
      <c r="BS583" s="53">
        <v>26604.487810733601</v>
      </c>
      <c r="BT583" s="53">
        <v>20689.276285886299</v>
      </c>
      <c r="BU583" s="53">
        <v>19941.016680853601</v>
      </c>
      <c r="BV583" s="53">
        <v>20401.708444268199</v>
      </c>
      <c r="BW583" s="53">
        <v>19319.316928116201</v>
      </c>
      <c r="BX583" s="53">
        <v>17810.081688227801</v>
      </c>
      <c r="BY583" s="53">
        <v>15131.6172195167</v>
      </c>
      <c r="BZ583" s="53">
        <v>16872.6741701709</v>
      </c>
      <c r="CA583" s="53">
        <v>232010.37618329999</v>
      </c>
      <c r="CB583" s="53">
        <v>26552.408488063698</v>
      </c>
      <c r="CC583" s="53">
        <v>26552.408488063698</v>
      </c>
      <c r="CD583" s="53">
        <v>26552.408488063698</v>
      </c>
      <c r="CE583" s="53">
        <v>26552.408488063698</v>
      </c>
      <c r="CF583" s="53">
        <v>26552.408488063698</v>
      </c>
      <c r="CG583" s="53">
        <v>26552.408488063698</v>
      </c>
      <c r="CH583" s="53">
        <v>26552.408488063698</v>
      </c>
      <c r="CI583" s="53">
        <v>26552.408488063698</v>
      </c>
      <c r="CJ583" s="53">
        <v>26552.408488063698</v>
      </c>
      <c r="CK583" s="53">
        <v>26552.408488063698</v>
      </c>
      <c r="CL583" s="53">
        <v>26552.408488063698</v>
      </c>
      <c r="CM583" s="53">
        <v>26552.408488063698</v>
      </c>
      <c r="CN583" s="53">
        <v>318628.90185676399</v>
      </c>
    </row>
    <row r="584" spans="1:92" outlineLevel="1">
      <c r="A584" s="52" t="s">
        <v>782</v>
      </c>
      <c r="B584" s="53">
        <v>128.69429860862201</v>
      </c>
      <c r="C584" s="53">
        <v>128.699754818705</v>
      </c>
      <c r="D584" s="53">
        <v>128.704539523802</v>
      </c>
      <c r="E584" s="53">
        <v>129.27387045112201</v>
      </c>
      <c r="F584" s="53">
        <v>129.077734699302</v>
      </c>
      <c r="G584" s="53">
        <v>128.98637367557399</v>
      </c>
      <c r="H584" s="53">
        <v>128.881899174148</v>
      </c>
      <c r="I584" s="53">
        <v>128.89952818293401</v>
      </c>
      <c r="J584" s="53">
        <v>128.84778486883999</v>
      </c>
      <c r="K584" s="53">
        <v>128.93840845912499</v>
      </c>
      <c r="L584" s="53">
        <v>128.88614086932199</v>
      </c>
      <c r="M584" s="53">
        <v>128.86385677611401</v>
      </c>
      <c r="N584" s="53">
        <v>1546.7541901076099</v>
      </c>
      <c r="O584" s="53">
        <v>265.022666240077</v>
      </c>
      <c r="P584" s="53">
        <v>260.68352769371501</v>
      </c>
      <c r="Q584" s="53">
        <v>252.53980644236</v>
      </c>
      <c r="R584" s="53">
        <v>282.01653506164899</v>
      </c>
      <c r="S584" s="53">
        <v>275.55513360549497</v>
      </c>
      <c r="T584" s="53">
        <v>275.75762334840698</v>
      </c>
      <c r="U584" s="53">
        <v>274.108832702678</v>
      </c>
      <c r="V584" s="53">
        <v>266.96171567300001</v>
      </c>
      <c r="W584" s="53">
        <v>271.14019492002302</v>
      </c>
      <c r="X584" s="53">
        <v>274.03457266523498</v>
      </c>
      <c r="Y584" s="53">
        <v>279.045145792092</v>
      </c>
      <c r="Z584" s="53">
        <v>279.93647248111898</v>
      </c>
      <c r="AA584" s="53">
        <v>3256.8022266258499</v>
      </c>
      <c r="AB584" s="53">
        <v>251.474190506262</v>
      </c>
      <c r="AC584" s="53">
        <v>255.65078207274701</v>
      </c>
      <c r="AD584" s="53">
        <v>249.343588885234</v>
      </c>
      <c r="AE584" s="53">
        <v>236.51979601335299</v>
      </c>
      <c r="AF584" s="53">
        <v>234.70234518371799</v>
      </c>
      <c r="AG584" s="53">
        <v>235.96925453928901</v>
      </c>
      <c r="AH584" s="53">
        <v>236.02927716103</v>
      </c>
      <c r="AI584" s="53">
        <v>233.20328230098599</v>
      </c>
      <c r="AJ584" s="53">
        <v>233.644337290767</v>
      </c>
      <c r="AK584" s="53">
        <v>234.65197276565499</v>
      </c>
      <c r="AL584" s="53">
        <v>235.45525762601699</v>
      </c>
      <c r="AM584" s="53">
        <v>238.83857193822899</v>
      </c>
      <c r="AN584" s="53">
        <v>2875.48265628329</v>
      </c>
      <c r="AO584" s="53">
        <v>192.68833821254799</v>
      </c>
      <c r="AP584" s="53">
        <v>190.871783953125</v>
      </c>
      <c r="AQ584" s="53">
        <v>184.59154176896101</v>
      </c>
      <c r="AR584" s="53">
        <v>193.384364161874</v>
      </c>
      <c r="AS584" s="53">
        <v>191.67621087453</v>
      </c>
      <c r="AT584" s="53">
        <v>192.94467141696401</v>
      </c>
      <c r="AU584" s="53">
        <v>193.27654084379401</v>
      </c>
      <c r="AV584" s="53">
        <v>190.627819185108</v>
      </c>
      <c r="AW584" s="53">
        <v>191.553821972641</v>
      </c>
      <c r="AX584" s="53">
        <v>192.997897732501</v>
      </c>
      <c r="AY584" s="53">
        <v>194.289866806867</v>
      </c>
      <c r="AZ584" s="53">
        <v>197.78221755595499</v>
      </c>
      <c r="BA584" s="53">
        <v>2306.6850744848698</v>
      </c>
      <c r="BB584" s="53">
        <v>189.675351856726</v>
      </c>
      <c r="BC584" s="53">
        <v>188.08167333732899</v>
      </c>
      <c r="BD584" s="53">
        <v>181.96758212744101</v>
      </c>
      <c r="BE584" s="53">
        <v>190.90393781887599</v>
      </c>
      <c r="BF584" s="53">
        <v>189.270387909981</v>
      </c>
      <c r="BG584" s="53">
        <v>190.62103982314301</v>
      </c>
      <c r="BH584" s="53">
        <v>191.05786496380099</v>
      </c>
      <c r="BI584" s="53">
        <v>188.47471016400601</v>
      </c>
      <c r="BJ584" s="53">
        <v>189.53430782618099</v>
      </c>
      <c r="BK584" s="53">
        <v>191.08485607450399</v>
      </c>
      <c r="BL584" s="53">
        <v>192.54263536893501</v>
      </c>
      <c r="BM584" s="53">
        <v>196.09196141281899</v>
      </c>
      <c r="BN584" s="53">
        <v>2279.3063086837401</v>
      </c>
      <c r="BO584" s="53">
        <v>189.310606662352</v>
      </c>
      <c r="BP584" s="53">
        <v>187.744168894468</v>
      </c>
      <c r="BQ584" s="53">
        <v>181.66958876352399</v>
      </c>
      <c r="BR584" s="53">
        <v>190.72341518642901</v>
      </c>
      <c r="BS584" s="53">
        <v>189.112640898086</v>
      </c>
      <c r="BT584" s="53">
        <v>190.50615915634401</v>
      </c>
      <c r="BU584" s="53">
        <v>190.987525503217</v>
      </c>
      <c r="BV584" s="53">
        <v>188.43870763753</v>
      </c>
      <c r="BW584" s="53">
        <v>189.513952077532</v>
      </c>
      <c r="BX584" s="53">
        <v>191.09634465818499</v>
      </c>
      <c r="BY584" s="53">
        <v>192.563856563136</v>
      </c>
      <c r="BZ584" s="53">
        <v>196.17366446096401</v>
      </c>
      <c r="CA584" s="53">
        <v>2277.8406304617702</v>
      </c>
      <c r="CB584" s="53"/>
      <c r="CC584" s="53"/>
      <c r="CD584" s="53"/>
      <c r="CE584" s="53"/>
      <c r="CF584" s="53"/>
      <c r="CG584" s="53"/>
      <c r="CH584" s="53"/>
      <c r="CI584" s="53"/>
      <c r="CJ584" s="53"/>
      <c r="CK584" s="53"/>
      <c r="CL584" s="53"/>
      <c r="CM584" s="53"/>
      <c r="CN584" s="53"/>
    </row>
    <row r="585" spans="1:92" outlineLevel="1">
      <c r="A585" s="52" t="s">
        <v>783</v>
      </c>
      <c r="B585" s="53">
        <v>19744.821997835399</v>
      </c>
      <c r="C585" s="53">
        <v>19965.665479962499</v>
      </c>
      <c r="D585" s="53">
        <v>20552.2266835839</v>
      </c>
      <c r="E585" s="53">
        <v>21839.310550207199</v>
      </c>
      <c r="F585" s="53">
        <v>24223.175562889599</v>
      </c>
      <c r="G585" s="53">
        <v>24424.103819207801</v>
      </c>
      <c r="H585" s="53">
        <v>22941.187917534698</v>
      </c>
      <c r="I585" s="53">
        <v>23685.9904374986</v>
      </c>
      <c r="J585" s="53">
        <v>25128.5274349713</v>
      </c>
      <c r="K585" s="53">
        <v>23236.360664965501</v>
      </c>
      <c r="L585" s="53">
        <v>20695.6434385789</v>
      </c>
      <c r="M585" s="53">
        <v>20117.434286909302</v>
      </c>
      <c r="N585" s="53">
        <v>266554.44827414502</v>
      </c>
      <c r="O585" s="53">
        <v>28239.7624625996</v>
      </c>
      <c r="P585" s="53">
        <v>25364.1886580504</v>
      </c>
      <c r="Q585" s="53">
        <v>25173.344634008099</v>
      </c>
      <c r="R585" s="53">
        <v>29541.959311853399</v>
      </c>
      <c r="S585" s="53">
        <v>32041.177615450699</v>
      </c>
      <c r="T585" s="53">
        <v>31935.600676394901</v>
      </c>
      <c r="U585" s="53">
        <v>32269.567168749501</v>
      </c>
      <c r="V585" s="53">
        <v>30773.5910156711</v>
      </c>
      <c r="W585" s="53">
        <v>32913.687848732901</v>
      </c>
      <c r="X585" s="53">
        <v>31164.2609725933</v>
      </c>
      <c r="Y585" s="53">
        <v>27932.1066343518</v>
      </c>
      <c r="Z585" s="53">
        <v>27139.889234485399</v>
      </c>
      <c r="AA585" s="53">
        <v>354489.136232941</v>
      </c>
      <c r="AB585" s="53">
        <v>28362.600171120401</v>
      </c>
      <c r="AC585" s="53">
        <v>26296.751770300099</v>
      </c>
      <c r="AD585" s="53">
        <v>26116.279844226399</v>
      </c>
      <c r="AE585" s="53">
        <v>25874.626443675799</v>
      </c>
      <c r="AF585" s="53">
        <v>28413.7544778507</v>
      </c>
      <c r="AG585" s="53">
        <v>28329.240256734502</v>
      </c>
      <c r="AH585" s="53">
        <v>28682.465886943501</v>
      </c>
      <c r="AI585" s="53">
        <v>27694.6928470721</v>
      </c>
      <c r="AJ585" s="53">
        <v>29131.5231953439</v>
      </c>
      <c r="AK585" s="53">
        <v>27354.360699951299</v>
      </c>
      <c r="AL585" s="53">
        <v>24093.7127370942</v>
      </c>
      <c r="AM585" s="53">
        <v>23604.1159366391</v>
      </c>
      <c r="AN585" s="53">
        <v>323954.12426695199</v>
      </c>
      <c r="AO585" s="53">
        <v>22337.335169018199</v>
      </c>
      <c r="AP585" s="53">
        <v>20243.941518822099</v>
      </c>
      <c r="AQ585" s="53">
        <v>19860.0808342409</v>
      </c>
      <c r="AR585" s="53">
        <v>21523.247893059401</v>
      </c>
      <c r="AS585" s="53">
        <v>23609.048468127199</v>
      </c>
      <c r="AT585" s="53">
        <v>23463.373437049999</v>
      </c>
      <c r="AU585" s="53">
        <v>23673.438156649401</v>
      </c>
      <c r="AV585" s="53">
        <v>22875.6769958484</v>
      </c>
      <c r="AW585" s="53">
        <v>24074.992845514698</v>
      </c>
      <c r="AX585" s="53">
        <v>22699.108047220099</v>
      </c>
      <c r="AY585" s="53">
        <v>20029.045800420299</v>
      </c>
      <c r="AZ585" s="53">
        <v>19651.140846413698</v>
      </c>
      <c r="BA585" s="53">
        <v>264040.43001238402</v>
      </c>
      <c r="BB585" s="53">
        <v>21984.6005608329</v>
      </c>
      <c r="BC585" s="53">
        <v>19939.302229144301</v>
      </c>
      <c r="BD585" s="53">
        <v>19555.721423789098</v>
      </c>
      <c r="BE585" s="53">
        <v>21195.995325249602</v>
      </c>
      <c r="BF585" s="53">
        <v>23245.6134334985</v>
      </c>
      <c r="BG585" s="53">
        <v>23091.259453349099</v>
      </c>
      <c r="BH585" s="53">
        <v>23289.663693135801</v>
      </c>
      <c r="BI585" s="53">
        <v>22499.138224782899</v>
      </c>
      <c r="BJ585" s="53">
        <v>23688.4629449803</v>
      </c>
      <c r="BK585" s="53">
        <v>22342.061328658601</v>
      </c>
      <c r="BL585" s="53">
        <v>19718.0125772666</v>
      </c>
      <c r="BM585" s="53">
        <v>19336.747556218201</v>
      </c>
      <c r="BN585" s="53">
        <v>259886.57875090599</v>
      </c>
      <c r="BO585" s="53">
        <v>21776.003933135999</v>
      </c>
      <c r="BP585" s="53">
        <v>19751.063222674798</v>
      </c>
      <c r="BQ585" s="53">
        <v>19372.4643760576</v>
      </c>
      <c r="BR585" s="53">
        <v>21001.4877254653</v>
      </c>
      <c r="BS585" s="53">
        <v>23031.571759485101</v>
      </c>
      <c r="BT585" s="53">
        <v>22872.673698965798</v>
      </c>
      <c r="BU585" s="53">
        <v>23064.835756166402</v>
      </c>
      <c r="BV585" s="53">
        <v>22278.718713679798</v>
      </c>
      <c r="BW585" s="53">
        <v>23458.898651238698</v>
      </c>
      <c r="BX585" s="53">
        <v>22125.8197210006</v>
      </c>
      <c r="BY585" s="53">
        <v>19518.479413632798</v>
      </c>
      <c r="BZ585" s="53">
        <v>19134.167845781802</v>
      </c>
      <c r="CA585" s="53">
        <v>257386.184817284</v>
      </c>
      <c r="CB585" s="53">
        <v>-24171.149367088601</v>
      </c>
      <c r="CC585" s="53">
        <v>-24171.149367088601</v>
      </c>
      <c r="CD585" s="53">
        <v>-24171.149367088601</v>
      </c>
      <c r="CE585" s="53">
        <v>-24171.149367088601</v>
      </c>
      <c r="CF585" s="53">
        <v>-24171.149367088601</v>
      </c>
      <c r="CG585" s="53">
        <v>-24171.149367088601</v>
      </c>
      <c r="CH585" s="53">
        <v>-24171.149367088601</v>
      </c>
      <c r="CI585" s="53">
        <v>-24171.149367088601</v>
      </c>
      <c r="CJ585" s="53">
        <v>-24171.149367088601</v>
      </c>
      <c r="CK585" s="53">
        <v>-24171.149367088601</v>
      </c>
      <c r="CL585" s="53">
        <v>-24171.149367088601</v>
      </c>
      <c r="CM585" s="53">
        <v>-24171.149367088601</v>
      </c>
      <c r="CN585" s="53">
        <v>-290053.79240506398</v>
      </c>
    </row>
    <row r="586" spans="1:92" outlineLevel="1">
      <c r="A586" s="52" t="s">
        <v>784</v>
      </c>
      <c r="B586" s="53">
        <v>178460.95583545201</v>
      </c>
      <c r="C586" s="53">
        <v>153229.87349176401</v>
      </c>
      <c r="D586" s="53">
        <v>157860.23984611701</v>
      </c>
      <c r="E586" s="53">
        <v>165643.383976301</v>
      </c>
      <c r="F586" s="53">
        <v>203605.62738618901</v>
      </c>
      <c r="G586" s="53">
        <v>228456.01775235799</v>
      </c>
      <c r="H586" s="53">
        <v>248473.17548268</v>
      </c>
      <c r="I586" s="53">
        <v>246534.782318026</v>
      </c>
      <c r="J586" s="53">
        <v>227188.284655086</v>
      </c>
      <c r="K586" s="53">
        <v>190118.247202194</v>
      </c>
      <c r="L586" s="53">
        <v>158597.47719629601</v>
      </c>
      <c r="M586" s="53">
        <v>169442.87408777801</v>
      </c>
      <c r="N586" s="53">
        <v>2327610.93923024</v>
      </c>
      <c r="O586" s="53">
        <v>295063.69077066</v>
      </c>
      <c r="P586" s="53">
        <v>166724.13096293301</v>
      </c>
      <c r="Q586" s="53">
        <v>166117.68199132601</v>
      </c>
      <c r="R586" s="53">
        <v>192023.83087412699</v>
      </c>
      <c r="S586" s="53">
        <v>240948.384821527</v>
      </c>
      <c r="T586" s="53">
        <v>274159.70928266097</v>
      </c>
      <c r="U586" s="53">
        <v>293557.29091346799</v>
      </c>
      <c r="V586" s="53">
        <v>375528.54126708</v>
      </c>
      <c r="W586" s="53">
        <v>267617.05436504399</v>
      </c>
      <c r="X586" s="53">
        <v>224121.28943299499</v>
      </c>
      <c r="Y586" s="53">
        <v>176160.340384685</v>
      </c>
      <c r="Z586" s="53">
        <v>206426.15009415601</v>
      </c>
      <c r="AA586" s="53">
        <v>2878448.0951606599</v>
      </c>
      <c r="AB586" s="53">
        <v>305675.07770690101</v>
      </c>
      <c r="AC586" s="53">
        <v>183707.98752442701</v>
      </c>
      <c r="AD586" s="53">
        <v>178294.00856410401</v>
      </c>
      <c r="AE586" s="53">
        <v>172306.75645249299</v>
      </c>
      <c r="AF586" s="53">
        <v>221745.52720613201</v>
      </c>
      <c r="AG586" s="53">
        <v>254631.396619387</v>
      </c>
      <c r="AH586" s="53">
        <v>274178.91070475499</v>
      </c>
      <c r="AI586" s="53">
        <v>352320.82936455298</v>
      </c>
      <c r="AJ586" s="53">
        <v>248212.26681332599</v>
      </c>
      <c r="AK586" s="53">
        <v>204406.17483731499</v>
      </c>
      <c r="AL586" s="53">
        <v>156428.71116922601</v>
      </c>
      <c r="AM586" s="53">
        <v>186019.58970125901</v>
      </c>
      <c r="AN586" s="53">
        <v>2737927.2366638798</v>
      </c>
      <c r="AO586" s="53">
        <v>251120.68290902601</v>
      </c>
      <c r="AP586" s="53">
        <v>142608.33855309599</v>
      </c>
      <c r="AQ586" s="53">
        <v>139885.47767891499</v>
      </c>
      <c r="AR586" s="53">
        <v>148010.66125631699</v>
      </c>
      <c r="AS586" s="53">
        <v>190903.93678850899</v>
      </c>
      <c r="AT586" s="53">
        <v>220115.78816025899</v>
      </c>
      <c r="AU586" s="53">
        <v>237377.85063577499</v>
      </c>
      <c r="AV586" s="53">
        <v>304147.63884673099</v>
      </c>
      <c r="AW586" s="53">
        <v>215319.83184251099</v>
      </c>
      <c r="AX586" s="53">
        <v>177117.566728556</v>
      </c>
      <c r="AY586" s="53">
        <v>136245.48191276999</v>
      </c>
      <c r="AZ586" s="53">
        <v>163087.40085546899</v>
      </c>
      <c r="BA586" s="53">
        <v>2325940.65616793</v>
      </c>
      <c r="BB586" s="53">
        <v>248253.506269896</v>
      </c>
      <c r="BC586" s="53">
        <v>140291.27839880501</v>
      </c>
      <c r="BD586" s="53">
        <v>136981.02100343999</v>
      </c>
      <c r="BE586" s="53">
        <v>144973.398102537</v>
      </c>
      <c r="BF586" s="53">
        <v>188039.366085961</v>
      </c>
      <c r="BG586" s="53">
        <v>217944.57381524899</v>
      </c>
      <c r="BH586" s="53">
        <v>235372.012724398</v>
      </c>
      <c r="BI586" s="53">
        <v>301520.64425906597</v>
      </c>
      <c r="BJ586" s="53">
        <v>213588.34611180701</v>
      </c>
      <c r="BK586" s="53">
        <v>175266.536611369</v>
      </c>
      <c r="BL586" s="53">
        <v>134614.38457530999</v>
      </c>
      <c r="BM586" s="53">
        <v>161574.87937299599</v>
      </c>
      <c r="BN586" s="53">
        <v>2298419.9473308302</v>
      </c>
      <c r="BO586" s="53">
        <v>246466.913307649</v>
      </c>
      <c r="BP586" s="53">
        <v>138787.48493600401</v>
      </c>
      <c r="BQ586" s="53">
        <v>134992.54856687001</v>
      </c>
      <c r="BR586" s="53">
        <v>143022.28653981999</v>
      </c>
      <c r="BS586" s="53">
        <v>186252.760270381</v>
      </c>
      <c r="BT586" s="53">
        <v>216851.79121109299</v>
      </c>
      <c r="BU586" s="53">
        <v>234526.15537782799</v>
      </c>
      <c r="BV586" s="53">
        <v>300568.82230329397</v>
      </c>
      <c r="BW586" s="53">
        <v>213263.08110983999</v>
      </c>
      <c r="BX586" s="53">
        <v>175041.584834257</v>
      </c>
      <c r="BY586" s="53">
        <v>134571.090129552</v>
      </c>
      <c r="BZ586" s="53">
        <v>161664.16481393599</v>
      </c>
      <c r="CA586" s="53">
        <v>2286008.6834005299</v>
      </c>
      <c r="CB586" s="53"/>
      <c r="CC586" s="53"/>
      <c r="CD586" s="53"/>
      <c r="CE586" s="53"/>
      <c r="CF586" s="53"/>
      <c r="CG586" s="53"/>
      <c r="CH586" s="53"/>
      <c r="CI586" s="53"/>
      <c r="CJ586" s="53"/>
      <c r="CK586" s="53"/>
      <c r="CL586" s="53"/>
      <c r="CM586" s="53"/>
      <c r="CN586" s="53"/>
    </row>
    <row r="587" spans="1:92" outlineLevel="1">
      <c r="A587" s="52" t="s">
        <v>675</v>
      </c>
      <c r="B587" s="53"/>
      <c r="C587" s="53"/>
      <c r="D587" s="53"/>
      <c r="E587" s="53"/>
      <c r="F587" s="53"/>
      <c r="G587" s="53"/>
      <c r="H587" s="53"/>
      <c r="I587" s="53"/>
      <c r="J587" s="53"/>
      <c r="K587" s="53"/>
      <c r="L587" s="53"/>
      <c r="M587" s="53"/>
      <c r="N587" s="53"/>
      <c r="O587" s="53"/>
      <c r="P587" s="53"/>
      <c r="Q587" s="53"/>
      <c r="R587" s="53"/>
      <c r="S587" s="53"/>
      <c r="T587" s="53"/>
      <c r="U587" s="53"/>
      <c r="V587" s="53"/>
      <c r="W587" s="53"/>
      <c r="X587" s="53"/>
      <c r="Y587" s="53"/>
      <c r="Z587" s="53"/>
      <c r="AA587" s="53"/>
      <c r="AB587" s="53"/>
      <c r="AC587" s="53"/>
      <c r="AD587" s="53"/>
      <c r="AE587" s="53"/>
      <c r="AF587" s="53"/>
      <c r="AG587" s="53"/>
      <c r="AH587" s="53"/>
      <c r="AI587" s="53"/>
      <c r="AJ587" s="53"/>
      <c r="AK587" s="53"/>
      <c r="AL587" s="53"/>
      <c r="AM587" s="53"/>
      <c r="AN587" s="53"/>
      <c r="AO587" s="53"/>
      <c r="AP587" s="53"/>
      <c r="AQ587" s="53"/>
      <c r="AR587" s="53"/>
      <c r="AS587" s="53"/>
      <c r="AT587" s="53"/>
      <c r="AU587" s="53"/>
      <c r="AV587" s="53"/>
      <c r="AW587" s="53"/>
      <c r="AX587" s="53"/>
      <c r="AY587" s="53"/>
      <c r="AZ587" s="53"/>
      <c r="BA587" s="53"/>
      <c r="BB587" s="53"/>
      <c r="BC587" s="53"/>
      <c r="BD587" s="53"/>
      <c r="BE587" s="53"/>
      <c r="BF587" s="53"/>
      <c r="BG587" s="53"/>
      <c r="BH587" s="53"/>
      <c r="BI587" s="53"/>
      <c r="BJ587" s="53"/>
      <c r="BK587" s="53"/>
      <c r="BL587" s="53"/>
      <c r="BM587" s="53"/>
      <c r="BN587" s="53"/>
      <c r="BO587" s="53"/>
      <c r="BP587" s="53"/>
      <c r="BQ587" s="53"/>
      <c r="BR587" s="53"/>
      <c r="BS587" s="53"/>
      <c r="BT587" s="53"/>
      <c r="BU587" s="53"/>
      <c r="BV587" s="53"/>
      <c r="BW587" s="53"/>
      <c r="BX587" s="53"/>
      <c r="BY587" s="53"/>
      <c r="BZ587" s="53"/>
      <c r="CA587" s="53"/>
      <c r="CB587" s="53">
        <v>-16813.8726114649</v>
      </c>
      <c r="CC587" s="53">
        <v>-16813.8726114649</v>
      </c>
      <c r="CD587" s="53">
        <v>-16813.8726114649</v>
      </c>
      <c r="CE587" s="53">
        <v>-16813.8726114649</v>
      </c>
      <c r="CF587" s="53">
        <v>-16813.8726114649</v>
      </c>
      <c r="CG587" s="53">
        <v>-16813.8726114649</v>
      </c>
      <c r="CH587" s="53">
        <v>-16813.8726114649</v>
      </c>
      <c r="CI587" s="53">
        <v>-16813.8726114649</v>
      </c>
      <c r="CJ587" s="53">
        <v>-16813.8726114649</v>
      </c>
      <c r="CK587" s="53">
        <v>-16813.8726114649</v>
      </c>
      <c r="CL587" s="53">
        <v>-16813.8726114649</v>
      </c>
      <c r="CM587" s="53">
        <v>-16813.8726114649</v>
      </c>
      <c r="CN587" s="53">
        <v>-201766.47133757899</v>
      </c>
    </row>
    <row r="588" spans="1:92" outlineLevel="1">
      <c r="A588" s="52" t="s">
        <v>1246</v>
      </c>
      <c r="B588" s="53"/>
      <c r="C588" s="53"/>
      <c r="D588" s="53"/>
      <c r="E588" s="53"/>
      <c r="F588" s="53"/>
      <c r="G588" s="53"/>
      <c r="H588" s="53"/>
      <c r="I588" s="53"/>
      <c r="J588" s="53"/>
      <c r="K588" s="53"/>
      <c r="L588" s="53"/>
      <c r="M588" s="53"/>
      <c r="N588" s="53"/>
      <c r="O588" s="53"/>
      <c r="P588" s="53"/>
      <c r="Q588" s="53"/>
      <c r="R588" s="53"/>
      <c r="S588" s="53"/>
      <c r="T588" s="53"/>
      <c r="U588" s="53"/>
      <c r="V588" s="53"/>
      <c r="W588" s="53"/>
      <c r="X588" s="53"/>
      <c r="Y588" s="53"/>
      <c r="Z588" s="53"/>
      <c r="AA588" s="53"/>
      <c r="AB588" s="53"/>
      <c r="AC588" s="53"/>
      <c r="AD588" s="53"/>
      <c r="AE588" s="53"/>
      <c r="AF588" s="53"/>
      <c r="AG588" s="53"/>
      <c r="AH588" s="53"/>
      <c r="AI588" s="53"/>
      <c r="AJ588" s="53"/>
      <c r="AK588" s="53"/>
      <c r="AL588" s="53"/>
      <c r="AM588" s="53"/>
      <c r="AN588" s="53"/>
      <c r="AO588" s="53"/>
      <c r="AP588" s="53"/>
      <c r="AQ588" s="53"/>
      <c r="AR588" s="53"/>
      <c r="AS588" s="53"/>
      <c r="AT588" s="53"/>
      <c r="AU588" s="53"/>
      <c r="AV588" s="53"/>
      <c r="AW588" s="53"/>
      <c r="AX588" s="53"/>
      <c r="AY588" s="53"/>
      <c r="AZ588" s="53"/>
      <c r="BA588" s="53"/>
      <c r="BB588" s="53"/>
      <c r="BC588" s="53"/>
      <c r="BD588" s="53"/>
      <c r="BE588" s="53"/>
      <c r="BF588" s="53"/>
      <c r="BG588" s="53"/>
      <c r="BH588" s="53"/>
      <c r="BI588" s="53"/>
      <c r="BJ588" s="53"/>
      <c r="BK588" s="53"/>
      <c r="BL588" s="53"/>
      <c r="BM588" s="53"/>
      <c r="BN588" s="53"/>
      <c r="BO588" s="53"/>
      <c r="BP588" s="53"/>
      <c r="BQ588" s="53"/>
      <c r="BR588" s="53"/>
      <c r="BS588" s="53"/>
      <c r="BT588" s="53"/>
      <c r="BU588" s="53"/>
      <c r="BV588" s="53"/>
      <c r="BW588" s="53"/>
      <c r="BX588" s="53"/>
      <c r="BY588" s="53"/>
      <c r="BZ588" s="53"/>
      <c r="CA588" s="53"/>
      <c r="CB588" s="53">
        <v>308004.32631578902</v>
      </c>
      <c r="CC588" s="53">
        <v>308004.32631578902</v>
      </c>
      <c r="CD588" s="53">
        <v>308004.32631578902</v>
      </c>
      <c r="CE588" s="53">
        <v>308004.32631578902</v>
      </c>
      <c r="CF588" s="53">
        <v>308004.32631578902</v>
      </c>
      <c r="CG588" s="53">
        <v>308004.32631578902</v>
      </c>
      <c r="CH588" s="53">
        <v>308004.32631578902</v>
      </c>
      <c r="CI588" s="53">
        <v>308004.32631578902</v>
      </c>
      <c r="CJ588" s="53">
        <v>308004.32631578902</v>
      </c>
      <c r="CK588" s="53">
        <v>308004.32631578902</v>
      </c>
      <c r="CL588" s="53">
        <v>308004.32631578902</v>
      </c>
      <c r="CM588" s="53">
        <v>308004.32631578902</v>
      </c>
      <c r="CN588" s="53">
        <v>3696051.9157894701</v>
      </c>
    </row>
    <row r="589" spans="1:92" outlineLevel="1">
      <c r="A589" s="52" t="s">
        <v>649</v>
      </c>
      <c r="B589" s="53">
        <v>148467618.28847301</v>
      </c>
      <c r="C589" s="53">
        <v>132377996.58886001</v>
      </c>
      <c r="D589" s="53">
        <v>142848538.51376101</v>
      </c>
      <c r="E589" s="53">
        <v>150579739.075681</v>
      </c>
      <c r="F589" s="53">
        <v>174368736.40789601</v>
      </c>
      <c r="G589" s="53">
        <v>189463837.93584201</v>
      </c>
      <c r="H589" s="53">
        <v>199735453.419581</v>
      </c>
      <c r="I589" s="53">
        <v>199420052.97851101</v>
      </c>
      <c r="J589" s="53">
        <v>188000438.660759</v>
      </c>
      <c r="K589" s="53">
        <v>163497252.68417501</v>
      </c>
      <c r="L589" s="53">
        <v>140925682.08928201</v>
      </c>
      <c r="M589" s="53">
        <v>146601062.00343999</v>
      </c>
      <c r="N589" s="53">
        <v>1976286408.64626</v>
      </c>
      <c r="O589" s="53">
        <v>283245030.09121698</v>
      </c>
      <c r="P589" s="53">
        <v>178525816.49096599</v>
      </c>
      <c r="Q589" s="53">
        <v>193655436.75446501</v>
      </c>
      <c r="R589" s="53">
        <v>212482165.36120901</v>
      </c>
      <c r="S589" s="53">
        <v>253867489.742659</v>
      </c>
      <c r="T589" s="53">
        <v>269222200.04559201</v>
      </c>
      <c r="U589" s="53">
        <v>282638070.343274</v>
      </c>
      <c r="V589" s="53">
        <v>352109742.148669</v>
      </c>
      <c r="W589" s="53">
        <v>262927337.557174</v>
      </c>
      <c r="X589" s="53">
        <v>228390189.048022</v>
      </c>
      <c r="Y589" s="53">
        <v>182744561.166394</v>
      </c>
      <c r="Z589" s="53">
        <v>194268967.598189</v>
      </c>
      <c r="AA589" s="53">
        <v>2894077006.3478298</v>
      </c>
      <c r="AB589" s="53">
        <v>262526128.74334899</v>
      </c>
      <c r="AC589" s="53">
        <v>167837011.81703699</v>
      </c>
      <c r="AD589" s="53">
        <v>178060459.393628</v>
      </c>
      <c r="AE589" s="53">
        <v>195863654.83632699</v>
      </c>
      <c r="AF589" s="53">
        <v>236505769.50473401</v>
      </c>
      <c r="AG589" s="53">
        <v>252247374.84284699</v>
      </c>
      <c r="AH589" s="53">
        <v>264947294.12028</v>
      </c>
      <c r="AI589" s="53">
        <v>329419621.46717501</v>
      </c>
      <c r="AJ589" s="53">
        <v>246449481.04071701</v>
      </c>
      <c r="AK589" s="53">
        <v>212688445.619692</v>
      </c>
      <c r="AL589" s="53">
        <v>168759517.225391</v>
      </c>
      <c r="AM589" s="53">
        <v>179691216.695921</v>
      </c>
      <c r="AN589" s="53">
        <v>2694995975.3070998</v>
      </c>
      <c r="AO589" s="53">
        <v>182250131.89121899</v>
      </c>
      <c r="AP589" s="53">
        <v>112870157.723905</v>
      </c>
      <c r="AQ589" s="53">
        <v>123450390.68038499</v>
      </c>
      <c r="AR589" s="53">
        <v>135678779.678303</v>
      </c>
      <c r="AS589" s="53">
        <v>164516699.06465799</v>
      </c>
      <c r="AT589" s="53">
        <v>175835046.54903099</v>
      </c>
      <c r="AU589" s="53">
        <v>185384557.503708</v>
      </c>
      <c r="AV589" s="53">
        <v>229914840.570986</v>
      </c>
      <c r="AW589" s="53">
        <v>172519058.76728201</v>
      </c>
      <c r="AX589" s="53">
        <v>147668224.116034</v>
      </c>
      <c r="AY589" s="53">
        <v>117448502.38436</v>
      </c>
      <c r="AZ589" s="53">
        <v>125145496.084562</v>
      </c>
      <c r="BA589" s="53">
        <v>1872681885.01443</v>
      </c>
      <c r="BB589" s="53">
        <v>176188687.93376201</v>
      </c>
      <c r="BC589" s="53">
        <v>109307774.081778</v>
      </c>
      <c r="BD589" s="53">
        <v>118859873.624975</v>
      </c>
      <c r="BE589" s="53">
        <v>130730120.736339</v>
      </c>
      <c r="BF589" s="53">
        <v>158838692.828664</v>
      </c>
      <c r="BG589" s="53">
        <v>170760782.44633701</v>
      </c>
      <c r="BH589" s="53">
        <v>179993304.77683401</v>
      </c>
      <c r="BI589" s="53">
        <v>223149198.191158</v>
      </c>
      <c r="BJ589" s="53">
        <v>167517636.717388</v>
      </c>
      <c r="BK589" s="53">
        <v>143667547.32617399</v>
      </c>
      <c r="BL589" s="53">
        <v>113463645.403681</v>
      </c>
      <c r="BM589" s="53">
        <v>121304966.911111</v>
      </c>
      <c r="BN589" s="53">
        <v>1813782230.9782</v>
      </c>
      <c r="BO589" s="53">
        <v>168775091.03702599</v>
      </c>
      <c r="BP589" s="53">
        <v>104508619.866825</v>
      </c>
      <c r="BQ589" s="53">
        <v>113332655.664801</v>
      </c>
      <c r="BR589" s="53">
        <v>124710247.991799</v>
      </c>
      <c r="BS589" s="53">
        <v>152249155.592592</v>
      </c>
      <c r="BT589" s="53">
        <v>164221603.481491</v>
      </c>
      <c r="BU589" s="53">
        <v>173224592.589784</v>
      </c>
      <c r="BV589" s="53">
        <v>214684883.40082201</v>
      </c>
      <c r="BW589" s="53">
        <v>161431404.46811101</v>
      </c>
      <c r="BX589" s="53">
        <v>138418195.706265</v>
      </c>
      <c r="BY589" s="53">
        <v>109415803.327226</v>
      </c>
      <c r="BZ589" s="53">
        <v>117142699.88969</v>
      </c>
      <c r="CA589" s="53">
        <v>1742114953.0164299</v>
      </c>
      <c r="CB589" s="53">
        <v>199670.97536945701</v>
      </c>
      <c r="CC589" s="53">
        <v>199670.97536945701</v>
      </c>
      <c r="CD589" s="53">
        <v>199670.97536945701</v>
      </c>
      <c r="CE589" s="53">
        <v>199670.97536945701</v>
      </c>
      <c r="CF589" s="53">
        <v>199670.975369458</v>
      </c>
      <c r="CG589" s="53">
        <v>199670.97536945701</v>
      </c>
      <c r="CH589" s="53">
        <v>199670.975369458</v>
      </c>
      <c r="CI589" s="53">
        <v>199670.975369458</v>
      </c>
      <c r="CJ589" s="53">
        <v>199670.975369458</v>
      </c>
      <c r="CK589" s="53">
        <v>199670.975369458</v>
      </c>
      <c r="CL589" s="53">
        <v>199670.975369458</v>
      </c>
      <c r="CM589" s="53">
        <v>199670.975369458</v>
      </c>
      <c r="CN589" s="53">
        <v>2396051.7044334901</v>
      </c>
    </row>
    <row r="590" spans="1:92" outlineLevel="1">
      <c r="A590" s="52" t="s">
        <v>1327</v>
      </c>
      <c r="B590" s="53"/>
      <c r="C590" s="53"/>
      <c r="D590" s="53"/>
      <c r="E590" s="53"/>
      <c r="F590" s="53"/>
      <c r="G590" s="53"/>
      <c r="H590" s="53"/>
      <c r="I590" s="53"/>
      <c r="J590" s="53"/>
      <c r="K590" s="53"/>
      <c r="L590" s="53"/>
      <c r="M590" s="53"/>
      <c r="N590" s="53"/>
      <c r="O590" s="53"/>
      <c r="P590" s="53"/>
      <c r="Q590" s="53"/>
      <c r="R590" s="53"/>
      <c r="S590" s="53"/>
      <c r="T590" s="53"/>
      <c r="U590" s="53"/>
      <c r="V590" s="53"/>
      <c r="W590" s="53"/>
      <c r="X590" s="53"/>
      <c r="Y590" s="53"/>
      <c r="Z590" s="53"/>
      <c r="AA590" s="53"/>
      <c r="AB590" s="53"/>
      <c r="AC590" s="53"/>
      <c r="AD590" s="53"/>
      <c r="AE590" s="53"/>
      <c r="AF590" s="53"/>
      <c r="AG590" s="53"/>
      <c r="AH590" s="53"/>
      <c r="AI590" s="53"/>
      <c r="AJ590" s="53"/>
      <c r="AK590" s="53"/>
      <c r="AL590" s="53"/>
      <c r="AM590" s="53"/>
      <c r="AN590" s="53"/>
      <c r="AO590" s="53"/>
      <c r="AP590" s="53"/>
      <c r="AQ590" s="53"/>
      <c r="AR590" s="53"/>
      <c r="AS590" s="53"/>
      <c r="AT590" s="53"/>
      <c r="AU590" s="53"/>
      <c r="AV590" s="53"/>
      <c r="AW590" s="53"/>
      <c r="AX590" s="53"/>
      <c r="AY590" s="53"/>
      <c r="AZ590" s="53"/>
      <c r="BA590" s="53"/>
      <c r="BB590" s="53"/>
      <c r="BC590" s="53"/>
      <c r="BD590" s="53"/>
      <c r="BE590" s="53"/>
      <c r="BF590" s="53"/>
      <c r="BG590" s="53"/>
      <c r="BH590" s="53"/>
      <c r="BI590" s="53"/>
      <c r="BJ590" s="53"/>
      <c r="BK590" s="53"/>
      <c r="BL590" s="53"/>
      <c r="BM590" s="53"/>
      <c r="BN590" s="53"/>
      <c r="BO590" s="53"/>
      <c r="BP590" s="53"/>
      <c r="BQ590" s="53"/>
      <c r="BR590" s="53"/>
      <c r="BS590" s="53"/>
      <c r="BT590" s="53"/>
      <c r="BU590" s="53"/>
      <c r="BV590" s="53"/>
      <c r="BW590" s="53"/>
      <c r="BX590" s="53"/>
      <c r="BY590" s="53"/>
      <c r="BZ590" s="53"/>
      <c r="CA590" s="53"/>
      <c r="CB590" s="53">
        <v>115069.472803347</v>
      </c>
      <c r="CC590" s="53">
        <v>115069.472803347</v>
      </c>
      <c r="CD590" s="53">
        <v>115069.472803347</v>
      </c>
      <c r="CE590" s="53">
        <v>115069.472803347</v>
      </c>
      <c r="CF590" s="53">
        <v>115069.472803347</v>
      </c>
      <c r="CG590" s="53">
        <v>115069.472803347</v>
      </c>
      <c r="CH590" s="53">
        <v>115069.472803347</v>
      </c>
      <c r="CI590" s="53">
        <v>115069.472803347</v>
      </c>
      <c r="CJ590" s="53">
        <v>115069.472803347</v>
      </c>
      <c r="CK590" s="53">
        <v>115069.472803347</v>
      </c>
      <c r="CL590" s="53">
        <v>115069.472803347</v>
      </c>
      <c r="CM590" s="53">
        <v>115069.472803347</v>
      </c>
      <c r="CN590" s="53">
        <v>1380833.6736401699</v>
      </c>
    </row>
    <row r="591" spans="1:92" outlineLevel="1">
      <c r="A591" s="52" t="s">
        <v>649</v>
      </c>
      <c r="B591" s="53">
        <v>38895817.149999999</v>
      </c>
      <c r="C591" s="53">
        <v>53338797.769999899</v>
      </c>
      <c r="D591" s="53">
        <v>49395795.530000001</v>
      </c>
      <c r="E591" s="53">
        <v>55768716.530000001</v>
      </c>
      <c r="F591" s="53">
        <v>151230588.41</v>
      </c>
      <c r="G591" s="53">
        <v>153389594.50999999</v>
      </c>
      <c r="H591" s="53">
        <v>132895311.91</v>
      </c>
      <c r="I591" s="53">
        <v>227544395.18000001</v>
      </c>
      <c r="J591" s="53">
        <v>160342752.34999999</v>
      </c>
      <c r="K591" s="53">
        <v>111880543.44</v>
      </c>
      <c r="L591" s="53">
        <v>80342878.700000003</v>
      </c>
      <c r="M591" s="53">
        <v>112679940.14999899</v>
      </c>
      <c r="N591" s="53">
        <v>1327705131.6299901</v>
      </c>
      <c r="O591" s="53">
        <v>-25169829.750387099</v>
      </c>
      <c r="P591" s="53">
        <v>58966178.861763597</v>
      </c>
      <c r="Q591" s="53">
        <v>39686741.523096398</v>
      </c>
      <c r="R591" s="53">
        <v>1673906.3198921201</v>
      </c>
      <c r="S591" s="53">
        <v>-14702597.925310399</v>
      </c>
      <c r="T591" s="53">
        <v>-16142858.2049587</v>
      </c>
      <c r="U591" s="53">
        <v>-13056264.7662798</v>
      </c>
      <c r="V591" s="53">
        <v>-87246027.866794303</v>
      </c>
      <c r="W591" s="53">
        <v>-12762768.6735243</v>
      </c>
      <c r="X591" s="53">
        <v>-1696696.12501311</v>
      </c>
      <c r="Y591" s="53">
        <v>34795878.831630699</v>
      </c>
      <c r="Z591" s="53">
        <v>35653905.427634999</v>
      </c>
      <c r="AA591" s="53">
        <v>-432.34825003310101</v>
      </c>
      <c r="AB591" s="53">
        <v>-27670599.241675802</v>
      </c>
      <c r="AC591" s="53">
        <v>48224967.1995501</v>
      </c>
      <c r="AD591" s="53">
        <v>30341278.5618308</v>
      </c>
      <c r="AE591" s="53">
        <v>4763471.9614883298</v>
      </c>
      <c r="AF591" s="53">
        <v>-7503726.7901726803</v>
      </c>
      <c r="AG591" s="53">
        <v>-15480937.1527646</v>
      </c>
      <c r="AH591" s="53">
        <v>-17676564.220773499</v>
      </c>
      <c r="AI591" s="53">
        <v>-81309051.909450904</v>
      </c>
      <c r="AJ591" s="53">
        <v>-10338773.6698892</v>
      </c>
      <c r="AK591" s="53">
        <v>7466714.5950873904</v>
      </c>
      <c r="AL591" s="53">
        <v>34260594.224009</v>
      </c>
      <c r="AM591" s="53">
        <v>34923073.3583389</v>
      </c>
      <c r="AN591" s="53">
        <v>446.91557777696198</v>
      </c>
      <c r="AO591" s="53">
        <v>-24231361.526878498</v>
      </c>
      <c r="AP591" s="53">
        <v>24687754.383266799</v>
      </c>
      <c r="AQ591" s="53">
        <v>16980955.885632399</v>
      </c>
      <c r="AR591" s="53">
        <v>-597040.14400858397</v>
      </c>
      <c r="AS591" s="53">
        <v>-5179056.73384465</v>
      </c>
      <c r="AT591" s="53">
        <v>-5411227.8167322204</v>
      </c>
      <c r="AU591" s="53">
        <v>-4275629.5715572704</v>
      </c>
      <c r="AV591" s="53">
        <v>-49383922.928237803</v>
      </c>
      <c r="AW591" s="53">
        <v>-2309967.15946157</v>
      </c>
      <c r="AX591" s="53">
        <v>3740266.34814069</v>
      </c>
      <c r="AY591" s="53">
        <v>19589360.742612898</v>
      </c>
      <c r="AZ591" s="53">
        <v>26389868.4488369</v>
      </c>
      <c r="BA591" s="53">
        <v>-7.2230861405842006E-2</v>
      </c>
      <c r="BB591" s="53">
        <v>-24264439.9079291</v>
      </c>
      <c r="BC591" s="53">
        <v>23756038.0999148</v>
      </c>
      <c r="BD591" s="53">
        <v>14735324.7720805</v>
      </c>
      <c r="BE591" s="53">
        <v>-2527757.9960713</v>
      </c>
      <c r="BF591" s="53">
        <v>-6070614.3312913999</v>
      </c>
      <c r="BG591" s="53">
        <v>-6603222.2545889895</v>
      </c>
      <c r="BH591" s="53">
        <v>-4621901.3716337997</v>
      </c>
      <c r="BI591" s="53">
        <v>-46807472.8265559</v>
      </c>
      <c r="BJ591" s="53">
        <v>-620648.87349287095</v>
      </c>
      <c r="BK591" s="53">
        <v>6392796.79832255</v>
      </c>
      <c r="BL591" s="53">
        <v>21869844.779964801</v>
      </c>
      <c r="BM591" s="53">
        <v>24762052.890089098</v>
      </c>
      <c r="BN591" s="53">
        <v>-0.221191468881443</v>
      </c>
      <c r="BO591" s="53">
        <v>-20722545.7932631</v>
      </c>
      <c r="BP591" s="53">
        <v>25186939.1599067</v>
      </c>
      <c r="BQ591" s="53">
        <v>18143478.006243199</v>
      </c>
      <c r="BR591" s="53">
        <v>1028489.7223845701</v>
      </c>
      <c r="BS591" s="53">
        <v>-5889781.0133553203</v>
      </c>
      <c r="BT591" s="53">
        <v>-6684532.5819095802</v>
      </c>
      <c r="BU591" s="53">
        <v>-5134416.1235667998</v>
      </c>
      <c r="BV591" s="53">
        <v>-46018699.978442602</v>
      </c>
      <c r="BW591" s="53">
        <v>-1636338.18653807</v>
      </c>
      <c r="BX591" s="53">
        <v>4723869.8531401101</v>
      </c>
      <c r="BY591" s="53">
        <v>14364305.421770999</v>
      </c>
      <c r="BZ591" s="53">
        <v>22639231.637156401</v>
      </c>
      <c r="CA591" s="53">
        <v>0.12352668272797</v>
      </c>
      <c r="CB591" s="53"/>
      <c r="CC591" s="53"/>
      <c r="CD591" s="53"/>
      <c r="CE591" s="53"/>
      <c r="CF591" s="53"/>
      <c r="CG591" s="53"/>
      <c r="CH591" s="53"/>
      <c r="CI591" s="53"/>
      <c r="CJ591" s="53"/>
      <c r="CK591" s="53"/>
      <c r="CL591" s="53"/>
      <c r="CM591" s="53"/>
      <c r="CN591" s="53"/>
    </row>
    <row r="592" spans="1:92" outlineLevel="1">
      <c r="A592" s="52" t="s">
        <v>1328</v>
      </c>
      <c r="B592" s="53"/>
      <c r="C592" s="53"/>
      <c r="D592" s="53"/>
      <c r="E592" s="53"/>
      <c r="F592" s="53"/>
      <c r="G592" s="53"/>
      <c r="H592" s="53"/>
      <c r="I592" s="53"/>
      <c r="J592" s="53"/>
      <c r="K592" s="53"/>
      <c r="L592" s="53"/>
      <c r="M592" s="53"/>
      <c r="N592" s="53"/>
      <c r="O592" s="53"/>
      <c r="P592" s="53"/>
      <c r="Q592" s="53"/>
      <c r="R592" s="53"/>
      <c r="S592" s="53"/>
      <c r="T592" s="53"/>
      <c r="U592" s="53"/>
      <c r="V592" s="53"/>
      <c r="W592" s="53"/>
      <c r="X592" s="53"/>
      <c r="Y592" s="53"/>
      <c r="Z592" s="53"/>
      <c r="AA592" s="53"/>
      <c r="AB592" s="53"/>
      <c r="AC592" s="53"/>
      <c r="AD592" s="53"/>
      <c r="AE592" s="53"/>
      <c r="AF592" s="53"/>
      <c r="AG592" s="53"/>
      <c r="AH592" s="53"/>
      <c r="AI592" s="53"/>
      <c r="AJ592" s="53"/>
      <c r="AK592" s="53"/>
      <c r="AL592" s="53"/>
      <c r="AM592" s="53"/>
      <c r="AN592" s="53"/>
      <c r="AO592" s="53"/>
      <c r="AP592" s="53"/>
      <c r="AQ592" s="53"/>
      <c r="AR592" s="53"/>
      <c r="AS592" s="53"/>
      <c r="AT592" s="53"/>
      <c r="AU592" s="53"/>
      <c r="AV592" s="53"/>
      <c r="AW592" s="53"/>
      <c r="AX592" s="53"/>
      <c r="AY592" s="53"/>
      <c r="AZ592" s="53"/>
      <c r="BA592" s="53"/>
      <c r="BB592" s="53"/>
      <c r="BC592" s="53"/>
      <c r="BD592" s="53"/>
      <c r="BE592" s="53"/>
      <c r="BF592" s="53"/>
      <c r="BG592" s="53"/>
      <c r="BH592" s="53"/>
      <c r="BI592" s="53"/>
      <c r="BJ592" s="53"/>
      <c r="BK592" s="53"/>
      <c r="BL592" s="53"/>
      <c r="BM592" s="53"/>
      <c r="BN592" s="53"/>
      <c r="BO592" s="53"/>
      <c r="BP592" s="53"/>
      <c r="BQ592" s="53"/>
      <c r="BR592" s="53"/>
      <c r="BS592" s="53"/>
      <c r="BT592" s="53"/>
      <c r="BU592" s="53"/>
      <c r="BV592" s="53"/>
      <c r="BW592" s="53"/>
      <c r="BX592" s="53"/>
      <c r="BY592" s="53"/>
      <c r="BZ592" s="53"/>
      <c r="CA592" s="53"/>
      <c r="CB592" s="53"/>
      <c r="CC592" s="53"/>
      <c r="CD592" s="53"/>
      <c r="CE592" s="53"/>
      <c r="CF592" s="53"/>
      <c r="CG592" s="53"/>
      <c r="CH592" s="53"/>
      <c r="CI592" s="53"/>
      <c r="CJ592" s="53"/>
      <c r="CK592" s="53"/>
      <c r="CL592" s="53"/>
      <c r="CM592" s="53"/>
      <c r="CN592" s="53"/>
    </row>
    <row r="593" spans="1:92" outlineLevel="1">
      <c r="A593" s="52" t="s">
        <v>649</v>
      </c>
      <c r="B593" s="53"/>
      <c r="C593" s="53"/>
      <c r="D593" s="53"/>
      <c r="E593" s="53"/>
      <c r="F593" s="53"/>
      <c r="G593" s="53"/>
      <c r="H593" s="53"/>
      <c r="I593" s="53"/>
      <c r="J593" s="53"/>
      <c r="K593" s="53"/>
      <c r="L593" s="53"/>
      <c r="M593" s="53"/>
      <c r="N593" s="53"/>
      <c r="O593" s="53">
        <v>5013096.8596963696</v>
      </c>
      <c r="P593" s="53">
        <v>5555210.3775397604</v>
      </c>
      <c r="Q593" s="53">
        <v>5555524.5584273897</v>
      </c>
      <c r="R593" s="53">
        <v>5431716.3921988299</v>
      </c>
      <c r="S593" s="53">
        <v>5189537.2612710297</v>
      </c>
      <c r="T593" s="53">
        <v>4907708.7478258302</v>
      </c>
      <c r="U593" s="53">
        <v>4606329.0994005799</v>
      </c>
      <c r="V593" s="53">
        <v>4153713.06902237</v>
      </c>
      <c r="W593" s="53">
        <v>3721681.0060771699</v>
      </c>
      <c r="X593" s="53">
        <v>3471383.5274356701</v>
      </c>
      <c r="Y593" s="53">
        <v>3322072.6295619099</v>
      </c>
      <c r="Z593" s="53">
        <v>3252275.2802464501</v>
      </c>
      <c r="AA593" s="53">
        <v>54180248.808703303</v>
      </c>
      <c r="AB593" s="53">
        <v>2707743.54289325</v>
      </c>
      <c r="AC593" s="53">
        <v>2216740.5723132598</v>
      </c>
      <c r="AD593" s="53">
        <v>2145831.10314909</v>
      </c>
      <c r="AE593" s="53">
        <v>2001341.0413122501</v>
      </c>
      <c r="AF593" s="53">
        <v>1792499.8789852301</v>
      </c>
      <c r="AG593" s="53">
        <v>1548791.4373550499</v>
      </c>
      <c r="AH593" s="53">
        <v>1287093.81657022</v>
      </c>
      <c r="AI593" s="53">
        <v>913428.02266334102</v>
      </c>
      <c r="AJ593" s="53">
        <v>550883.628256639</v>
      </c>
      <c r="AK593" s="53">
        <v>336924.75249522401</v>
      </c>
      <c r="AL593" s="53">
        <v>197505.19884906599</v>
      </c>
      <c r="AM593" s="53">
        <v>103947.70962234</v>
      </c>
      <c r="AN593" s="53">
        <v>15802730.704464899</v>
      </c>
      <c r="AO593" s="53"/>
      <c r="AP593" s="53"/>
      <c r="AQ593" s="53"/>
      <c r="AR593" s="53"/>
      <c r="AS593" s="53"/>
      <c r="AT593" s="53"/>
      <c r="AU593" s="53"/>
      <c r="AV593" s="53"/>
      <c r="AW593" s="53"/>
      <c r="AX593" s="53"/>
      <c r="AY593" s="53"/>
      <c r="AZ593" s="53"/>
      <c r="BA593" s="53"/>
      <c r="BB593" s="53"/>
      <c r="BC593" s="53"/>
      <c r="BD593" s="53"/>
      <c r="BE593" s="53"/>
      <c r="BF593" s="53"/>
      <c r="BG593" s="53"/>
      <c r="BH593" s="53"/>
      <c r="BI593" s="53"/>
      <c r="BJ593" s="53"/>
      <c r="BK593" s="53"/>
      <c r="BL593" s="53"/>
      <c r="BM593" s="53"/>
      <c r="BN593" s="53"/>
      <c r="BO593" s="53"/>
      <c r="BP593" s="53"/>
      <c r="BQ593" s="53"/>
      <c r="BR593" s="53"/>
      <c r="BS593" s="53"/>
      <c r="BT593" s="53"/>
      <c r="BU593" s="53"/>
      <c r="BV593" s="53"/>
      <c r="BW593" s="53"/>
      <c r="BX593" s="53"/>
      <c r="BY593" s="53"/>
      <c r="BZ593" s="53"/>
      <c r="CA593" s="53"/>
      <c r="CB593" s="53"/>
      <c r="CC593" s="53"/>
      <c r="CD593" s="53"/>
      <c r="CE593" s="53"/>
      <c r="CF593" s="53"/>
      <c r="CG593" s="53"/>
      <c r="CH593" s="53"/>
      <c r="CI593" s="53">
        <v>135781289.63455999</v>
      </c>
      <c r="CJ593" s="53">
        <v>187269772.34568301</v>
      </c>
      <c r="CK593" s="53">
        <v>329052477.29803097</v>
      </c>
      <c r="CL593" s="53">
        <v>128905879.141932</v>
      </c>
      <c r="CM593" s="53">
        <v>7838809.6437666602</v>
      </c>
      <c r="CN593" s="53">
        <v>788848228.06397402</v>
      </c>
    </row>
    <row r="594" spans="1:92" outlineLevel="1">
      <c r="A594" s="52" t="s">
        <v>1329</v>
      </c>
      <c r="B594" s="53"/>
      <c r="C594" s="53"/>
      <c r="D594" s="53"/>
      <c r="E594" s="53"/>
      <c r="F594" s="53"/>
      <c r="G594" s="53"/>
      <c r="H594" s="53"/>
      <c r="I594" s="53"/>
      <c r="J594" s="53"/>
      <c r="K594" s="53"/>
      <c r="L594" s="53"/>
      <c r="M594" s="53"/>
      <c r="N594" s="53"/>
      <c r="O594" s="53"/>
      <c r="P594" s="53"/>
      <c r="Q594" s="53"/>
      <c r="R594" s="53"/>
      <c r="S594" s="53"/>
      <c r="T594" s="53"/>
      <c r="U594" s="53"/>
      <c r="V594" s="53"/>
      <c r="W594" s="53"/>
      <c r="X594" s="53"/>
      <c r="Y594" s="53"/>
      <c r="Z594" s="53"/>
      <c r="AA594" s="53"/>
      <c r="AB594" s="53"/>
      <c r="AC594" s="53"/>
      <c r="AD594" s="53"/>
      <c r="AE594" s="53"/>
      <c r="AF594" s="53"/>
      <c r="AG594" s="53"/>
      <c r="AH594" s="53"/>
      <c r="AI594" s="53"/>
      <c r="AJ594" s="53"/>
      <c r="AK594" s="53"/>
      <c r="AL594" s="53"/>
      <c r="AM594" s="53"/>
      <c r="AN594" s="53"/>
      <c r="AO594" s="53"/>
      <c r="AP594" s="53"/>
      <c r="AQ594" s="53"/>
      <c r="AR594" s="53"/>
      <c r="AS594" s="53"/>
      <c r="AT594" s="53"/>
      <c r="AU594" s="53"/>
      <c r="AV594" s="53"/>
      <c r="AW594" s="53"/>
      <c r="AX594" s="53"/>
      <c r="AY594" s="53"/>
      <c r="AZ594" s="53"/>
      <c r="BA594" s="53"/>
      <c r="BB594" s="53"/>
      <c r="BC594" s="53"/>
      <c r="BD594" s="53"/>
      <c r="BE594" s="53"/>
      <c r="BF594" s="53"/>
      <c r="BG594" s="53"/>
      <c r="BH594" s="53"/>
      <c r="BI594" s="53"/>
      <c r="BJ594" s="53"/>
      <c r="BK594" s="53"/>
      <c r="BL594" s="53"/>
      <c r="BM594" s="53"/>
      <c r="BN594" s="53"/>
      <c r="BO594" s="53"/>
      <c r="BP594" s="53"/>
      <c r="BQ594" s="53"/>
      <c r="BR594" s="53"/>
      <c r="BS594" s="53"/>
      <c r="BT594" s="53"/>
      <c r="BU594" s="53"/>
      <c r="BV594" s="53"/>
      <c r="BW594" s="53"/>
      <c r="BX594" s="53"/>
      <c r="BY594" s="53"/>
      <c r="BZ594" s="53"/>
      <c r="CA594" s="53"/>
      <c r="CB594" s="53"/>
      <c r="CC594" s="53"/>
      <c r="CD594" s="53"/>
      <c r="CE594" s="53"/>
      <c r="CF594" s="53"/>
      <c r="CG594" s="53"/>
      <c r="CH594" s="53"/>
      <c r="CI594" s="53"/>
      <c r="CJ594" s="53"/>
      <c r="CK594" s="53"/>
      <c r="CL594" s="53"/>
      <c r="CM594" s="53"/>
      <c r="CN594" s="53"/>
    </row>
    <row r="595" spans="1:92" outlineLevel="1">
      <c r="A595" s="52" t="s">
        <v>649</v>
      </c>
      <c r="B595" s="53">
        <v>-10284349.92</v>
      </c>
      <c r="C595" s="53">
        <v>-10305214.49</v>
      </c>
      <c r="D595" s="53">
        <v>-36470185.409999996</v>
      </c>
      <c r="E595" s="53">
        <v>-36470185.409999996</v>
      </c>
      <c r="F595" s="53">
        <v>-36470185.409999996</v>
      </c>
      <c r="G595" s="53">
        <v>-36470185.409999996</v>
      </c>
      <c r="H595" s="53">
        <v>-36470185.409999996</v>
      </c>
      <c r="I595" s="53">
        <v>-36470185.409999996</v>
      </c>
      <c r="J595" s="53">
        <v>-36470185.409999996</v>
      </c>
      <c r="K595" s="53">
        <v>-36470185.409999996</v>
      </c>
      <c r="L595" s="53">
        <v>-36470185.409999996</v>
      </c>
      <c r="M595" s="53">
        <v>-36470185.409999996</v>
      </c>
      <c r="N595" s="53">
        <v>-385291418.50999898</v>
      </c>
      <c r="O595" s="53">
        <v>-54809161.710606001</v>
      </c>
      <c r="P595" s="53">
        <v>-54809161.710606001</v>
      </c>
      <c r="Q595" s="53">
        <v>-54809161.710606001</v>
      </c>
      <c r="R595" s="53">
        <v>-54809161.710606001</v>
      </c>
      <c r="S595" s="53">
        <v>-54809161.710606001</v>
      </c>
      <c r="T595" s="53">
        <v>-54809161.710606001</v>
      </c>
      <c r="U595" s="53">
        <v>-54809161.710606001</v>
      </c>
      <c r="V595" s="53">
        <v>-54809161.710606001</v>
      </c>
      <c r="W595" s="53">
        <v>-54809161.710606001</v>
      </c>
      <c r="X595" s="53">
        <v>-54809161.710606001</v>
      </c>
      <c r="Y595" s="53">
        <v>-54809161.710606001</v>
      </c>
      <c r="Z595" s="53">
        <v>-54809161.710606001</v>
      </c>
      <c r="AA595" s="53">
        <v>-657709940.52727199</v>
      </c>
      <c r="AB595" s="53">
        <v>-62618959.027764902</v>
      </c>
      <c r="AC595" s="53">
        <v>-62618959.027764902</v>
      </c>
      <c r="AD595" s="53">
        <v>-62618959.027764902</v>
      </c>
      <c r="AE595" s="53">
        <v>-62618959.027764902</v>
      </c>
      <c r="AF595" s="53">
        <v>-62618959.027764902</v>
      </c>
      <c r="AG595" s="53">
        <v>-62618959.027764902</v>
      </c>
      <c r="AH595" s="53">
        <v>-62618959.027764902</v>
      </c>
      <c r="AI595" s="53">
        <v>-62618959.027764902</v>
      </c>
      <c r="AJ595" s="53">
        <v>-62618959.027764902</v>
      </c>
      <c r="AK595" s="53">
        <v>-62618959.027764902</v>
      </c>
      <c r="AL595" s="53">
        <v>-62618959.027764902</v>
      </c>
      <c r="AM595" s="53">
        <v>-62618959.027764902</v>
      </c>
      <c r="AN595" s="53">
        <v>-751427508.333179</v>
      </c>
      <c r="AO595" s="53">
        <v>-1316931.46833687</v>
      </c>
      <c r="AP595" s="53">
        <v>-1316931.46833687</v>
      </c>
      <c r="AQ595" s="53">
        <v>-1316931.46833687</v>
      </c>
      <c r="AR595" s="53">
        <v>-1316931.46833687</v>
      </c>
      <c r="AS595" s="53">
        <v>-1316931.46833687</v>
      </c>
      <c r="AT595" s="53">
        <v>-1316931.46833687</v>
      </c>
      <c r="AU595" s="53">
        <v>-1316931.46833687</v>
      </c>
      <c r="AV595" s="53">
        <v>-1316931.46833687</v>
      </c>
      <c r="AW595" s="53">
        <v>-1316931.46833687</v>
      </c>
      <c r="AX595" s="53">
        <v>-1316931.46833687</v>
      </c>
      <c r="AY595" s="53">
        <v>-1316931.46833687</v>
      </c>
      <c r="AZ595" s="53">
        <v>-1316931.46833687</v>
      </c>
      <c r="BA595" s="53">
        <v>-15803177.620042499</v>
      </c>
      <c r="BB595" s="53">
        <v>6.0192389052341798E-3</v>
      </c>
      <c r="BC595" s="53">
        <v>6.0192389052341798E-3</v>
      </c>
      <c r="BD595" s="53">
        <v>6.0192389052341798E-3</v>
      </c>
      <c r="BE595" s="53">
        <v>6.0192389052341798E-3</v>
      </c>
      <c r="BF595" s="53">
        <v>6.0192389052341798E-3</v>
      </c>
      <c r="BG595" s="53">
        <v>6.0192389052341798E-3</v>
      </c>
      <c r="BH595" s="53">
        <v>6.0192389052341798E-3</v>
      </c>
      <c r="BI595" s="53">
        <v>6.0192389052341798E-3</v>
      </c>
      <c r="BJ595" s="53">
        <v>6.0192389052341798E-3</v>
      </c>
      <c r="BK595" s="53">
        <v>6.0192389052341798E-3</v>
      </c>
      <c r="BL595" s="53">
        <v>6.0192389052341798E-3</v>
      </c>
      <c r="BM595" s="53">
        <v>6.0192389052341798E-3</v>
      </c>
      <c r="BN595" s="53">
        <v>7.2230866862810203E-2</v>
      </c>
      <c r="BO595" s="53">
        <v>1.84326218636164E-2</v>
      </c>
      <c r="BP595" s="53">
        <v>1.84326218636164E-2</v>
      </c>
      <c r="BQ595" s="53">
        <v>1.84326218636164E-2</v>
      </c>
      <c r="BR595" s="53">
        <v>1.84326218636164E-2</v>
      </c>
      <c r="BS595" s="53">
        <v>1.84326218636164E-2</v>
      </c>
      <c r="BT595" s="53">
        <v>1.84326218636164E-2</v>
      </c>
      <c r="BU595" s="53">
        <v>1.84326218636164E-2</v>
      </c>
      <c r="BV595" s="53">
        <v>1.84326218636164E-2</v>
      </c>
      <c r="BW595" s="53">
        <v>1.84326218636164E-2</v>
      </c>
      <c r="BX595" s="53">
        <v>1.84326218636164E-2</v>
      </c>
      <c r="BY595" s="53">
        <v>1.84326218636164E-2</v>
      </c>
      <c r="BZ595" s="53">
        <v>1.84326218636164E-2</v>
      </c>
      <c r="CA595" s="53">
        <v>0.22119146236339701</v>
      </c>
      <c r="CB595" s="53">
        <v>31603238.0376059</v>
      </c>
      <c r="CC595" s="53">
        <v>32546244.852846898</v>
      </c>
      <c r="CD595" s="53">
        <v>33056917.571814001</v>
      </c>
      <c r="CE595" s="53">
        <v>33819913.831041798</v>
      </c>
      <c r="CF595" s="53">
        <v>34766155.657343701</v>
      </c>
      <c r="CG595" s="53">
        <v>34870152.815458603</v>
      </c>
      <c r="CH595" s="53">
        <v>35817927.357885003</v>
      </c>
      <c r="CI595" s="53">
        <v>36767158.1933994</v>
      </c>
      <c r="CJ595" s="53">
        <v>36882544.603856601</v>
      </c>
      <c r="CK595" s="53">
        <v>37833299.897772402</v>
      </c>
      <c r="CL595" s="53">
        <v>38785398.849575698</v>
      </c>
      <c r="CM595" s="53">
        <v>38694636.710088797</v>
      </c>
      <c r="CN595" s="53">
        <v>425443588.37868899</v>
      </c>
    </row>
    <row r="596" spans="1:92" outlineLevel="1">
      <c r="A596" s="52" t="s">
        <v>1247</v>
      </c>
      <c r="B596" s="53"/>
      <c r="C596" s="53"/>
      <c r="D596" s="53"/>
      <c r="E596" s="53"/>
      <c r="F596" s="53"/>
      <c r="G596" s="53"/>
      <c r="H596" s="53"/>
      <c r="I596" s="53"/>
      <c r="J596" s="53"/>
      <c r="K596" s="53"/>
      <c r="L596" s="53"/>
      <c r="M596" s="53"/>
      <c r="N596" s="53"/>
      <c r="O596" s="53"/>
      <c r="P596" s="53"/>
      <c r="Q596" s="53"/>
      <c r="R596" s="53"/>
      <c r="S596" s="53"/>
      <c r="T596" s="53"/>
      <c r="U596" s="53"/>
      <c r="V596" s="53"/>
      <c r="W596" s="53"/>
      <c r="X596" s="53"/>
      <c r="Y596" s="53"/>
      <c r="Z596" s="53"/>
      <c r="AA596" s="53"/>
      <c r="AB596" s="53"/>
      <c r="AC596" s="53"/>
      <c r="AD596" s="53"/>
      <c r="AE596" s="53"/>
      <c r="AF596" s="53"/>
      <c r="AG596" s="53"/>
      <c r="AH596" s="53"/>
      <c r="AI596" s="53"/>
      <c r="AJ596" s="53"/>
      <c r="AK596" s="53"/>
      <c r="AL596" s="53"/>
      <c r="AM596" s="53"/>
      <c r="AN596" s="53"/>
      <c r="AO596" s="53"/>
      <c r="AP596" s="53"/>
      <c r="AQ596" s="53"/>
      <c r="AR596" s="53"/>
      <c r="AS596" s="53"/>
      <c r="AT596" s="53"/>
      <c r="AU596" s="53"/>
      <c r="AV596" s="53"/>
      <c r="AW596" s="53"/>
      <c r="AX596" s="53"/>
      <c r="AY596" s="53"/>
      <c r="AZ596" s="53"/>
      <c r="BA596" s="53"/>
      <c r="BB596" s="53"/>
      <c r="BC596" s="53"/>
      <c r="BD596" s="53"/>
      <c r="BE596" s="53"/>
      <c r="BF596" s="53"/>
      <c r="BG596" s="53"/>
      <c r="BH596" s="53"/>
      <c r="BI596" s="53"/>
      <c r="BJ596" s="53"/>
      <c r="BK596" s="53"/>
      <c r="BL596" s="53"/>
      <c r="BM596" s="53"/>
      <c r="BN596" s="53"/>
      <c r="BO596" s="53"/>
      <c r="BP596" s="53"/>
      <c r="BQ596" s="53"/>
      <c r="BR596" s="53"/>
      <c r="BS596" s="53"/>
      <c r="BT596" s="53"/>
      <c r="BU596" s="53"/>
      <c r="BV596" s="53"/>
      <c r="BW596" s="53"/>
      <c r="BX596" s="53"/>
      <c r="BY596" s="53"/>
      <c r="BZ596" s="53"/>
      <c r="CA596" s="53"/>
      <c r="CB596" s="53"/>
      <c r="CC596" s="53"/>
      <c r="CD596" s="53"/>
      <c r="CE596" s="53"/>
      <c r="CF596" s="53"/>
      <c r="CG596" s="53"/>
      <c r="CH596" s="53"/>
      <c r="CI596" s="53"/>
      <c r="CJ596" s="53"/>
      <c r="CK596" s="53"/>
      <c r="CL596" s="53"/>
      <c r="CM596" s="53"/>
      <c r="CN596" s="53"/>
    </row>
    <row r="597" spans="1:92" outlineLevel="1">
      <c r="A597" s="52" t="s">
        <v>1248</v>
      </c>
      <c r="B597" s="53"/>
      <c r="C597" s="53"/>
      <c r="D597" s="53"/>
      <c r="E597" s="53"/>
      <c r="F597" s="53"/>
      <c r="G597" s="53"/>
      <c r="H597" s="53"/>
      <c r="I597" s="53"/>
      <c r="J597" s="53"/>
      <c r="K597" s="53"/>
      <c r="L597" s="53"/>
      <c r="M597" s="53"/>
      <c r="N597" s="53"/>
      <c r="O597" s="53"/>
      <c r="P597" s="53"/>
      <c r="Q597" s="53"/>
      <c r="R597" s="53"/>
      <c r="S597" s="53"/>
      <c r="T597" s="53"/>
      <c r="U597" s="53"/>
      <c r="V597" s="53"/>
      <c r="W597" s="53"/>
      <c r="X597" s="53"/>
      <c r="Y597" s="53"/>
      <c r="Z597" s="53"/>
      <c r="AA597" s="53"/>
      <c r="AB597" s="53"/>
      <c r="AC597" s="53"/>
      <c r="AD597" s="53"/>
      <c r="AE597" s="53"/>
      <c r="AF597" s="53"/>
      <c r="AG597" s="53"/>
      <c r="AH597" s="53"/>
      <c r="AI597" s="53"/>
      <c r="AJ597" s="53"/>
      <c r="AK597" s="53"/>
      <c r="AL597" s="53"/>
      <c r="AM597" s="53"/>
      <c r="AN597" s="53"/>
      <c r="AO597" s="53"/>
      <c r="AP597" s="53"/>
      <c r="AQ597" s="53"/>
      <c r="AR597" s="53"/>
      <c r="AS597" s="53"/>
      <c r="AT597" s="53"/>
      <c r="AU597" s="53"/>
      <c r="AV597" s="53"/>
      <c r="AW597" s="53"/>
      <c r="AX597" s="53"/>
      <c r="AY597" s="53"/>
      <c r="AZ597" s="53"/>
      <c r="BA597" s="53"/>
      <c r="BB597" s="53"/>
      <c r="BC597" s="53"/>
      <c r="BD597" s="53"/>
      <c r="BE597" s="53"/>
      <c r="BF597" s="53"/>
      <c r="BG597" s="53"/>
      <c r="BH597" s="53"/>
      <c r="BI597" s="53"/>
      <c r="BJ597" s="53"/>
      <c r="BK597" s="53"/>
      <c r="BL597" s="53"/>
      <c r="BM597" s="53"/>
      <c r="BN597" s="53"/>
      <c r="BO597" s="53"/>
      <c r="BP597" s="53"/>
      <c r="BQ597" s="53"/>
      <c r="BR597" s="53"/>
      <c r="BS597" s="53"/>
      <c r="BT597" s="53"/>
      <c r="BU597" s="53"/>
      <c r="BV597" s="53"/>
      <c r="BW597" s="53"/>
      <c r="BX597" s="53"/>
      <c r="BY597" s="53"/>
      <c r="BZ597" s="53"/>
      <c r="CA597" s="53"/>
      <c r="CB597" s="53"/>
      <c r="CC597" s="53"/>
      <c r="CD597" s="53"/>
      <c r="CE597" s="53"/>
      <c r="CF597" s="53"/>
      <c r="CG597" s="53"/>
      <c r="CH597" s="53"/>
      <c r="CI597" s="53"/>
      <c r="CJ597" s="53"/>
      <c r="CK597" s="53"/>
      <c r="CL597" s="53"/>
      <c r="CM597" s="53"/>
      <c r="CN597" s="53"/>
    </row>
    <row r="598" spans="1:92" outlineLevel="1">
      <c r="A598" s="52" t="s">
        <v>1249</v>
      </c>
      <c r="B598" s="53">
        <v>-511505.23322747898</v>
      </c>
      <c r="C598" s="53">
        <v>-2743416.4631051798</v>
      </c>
      <c r="D598" s="53">
        <v>-2131472.2341688098</v>
      </c>
      <c r="E598" s="53">
        <v>-1781790.0777302</v>
      </c>
      <c r="F598" s="53">
        <v>-694603.66442794004</v>
      </c>
      <c r="G598" s="53">
        <v>-629769.55830318597</v>
      </c>
      <c r="H598" s="53">
        <v>-581901.95061849197</v>
      </c>
      <c r="I598" s="53">
        <v>-873954.861586691</v>
      </c>
      <c r="J598" s="53">
        <v>-874720.62436687702</v>
      </c>
      <c r="K598" s="53">
        <v>-843902.37498390896</v>
      </c>
      <c r="L598" s="53">
        <v>-849344.59679849399</v>
      </c>
      <c r="M598" s="53">
        <v>-656531.54544786399</v>
      </c>
      <c r="N598" s="53">
        <v>-13172913.1847651</v>
      </c>
      <c r="O598" s="53">
        <v>-903934.74421155802</v>
      </c>
      <c r="P598" s="53">
        <v>-2084298.0994595501</v>
      </c>
      <c r="Q598" s="53">
        <v>-1984381.6632226401</v>
      </c>
      <c r="R598" s="53">
        <v>-2416221.7540972899</v>
      </c>
      <c r="S598" s="53">
        <v>-2814683.1936568399</v>
      </c>
      <c r="T598" s="53">
        <v>-2753720.1509282598</v>
      </c>
      <c r="U598" s="53">
        <v>-3679724.9093171102</v>
      </c>
      <c r="V598" s="53">
        <v>-4457509.0419478202</v>
      </c>
      <c r="W598" s="53">
        <v>-3926376.0527628399</v>
      </c>
      <c r="X598" s="53">
        <v>-3448338.94546672</v>
      </c>
      <c r="Y598" s="53">
        <v>-4050786.5327370702</v>
      </c>
      <c r="Z598" s="53">
        <v>-3219439.2831973801</v>
      </c>
      <c r="AA598" s="53">
        <v>-35739414.371005103</v>
      </c>
      <c r="AB598" s="53">
        <v>-4826635.8343028603</v>
      </c>
      <c r="AC598" s="53">
        <v>-1512506.2214154</v>
      </c>
      <c r="AD598" s="53">
        <v>-1531387.4001426101</v>
      </c>
      <c r="AE598" s="53">
        <v>-1825631.1291002601</v>
      </c>
      <c r="AF598" s="53">
        <v>-2227637.2722332501</v>
      </c>
      <c r="AG598" s="53">
        <v>-2169754.93692639</v>
      </c>
      <c r="AH598" s="53">
        <v>-2985010.7197277402</v>
      </c>
      <c r="AI598" s="53">
        <v>-3531556.98984343</v>
      </c>
      <c r="AJ598" s="53">
        <v>-3166526.5268250601</v>
      </c>
      <c r="AK598" s="53">
        <v>-2820611.5984066701</v>
      </c>
      <c r="AL598" s="53">
        <v>-3391245.8875457598</v>
      </c>
      <c r="AM598" s="53">
        <v>-2762181.5588388401</v>
      </c>
      <c r="AN598" s="53">
        <v>-32750686.075308301</v>
      </c>
      <c r="AO598" s="53">
        <v>-4117418.7350950302</v>
      </c>
      <c r="AP598" s="53">
        <v>-636361.84366106999</v>
      </c>
      <c r="AQ598" s="53">
        <v>-566337.86061880295</v>
      </c>
      <c r="AR598" s="53">
        <v>-616104.59002085798</v>
      </c>
      <c r="AS598" s="53">
        <v>-472731.00183010299</v>
      </c>
      <c r="AT598" s="53">
        <v>-443453.97011011897</v>
      </c>
      <c r="AU598" s="53">
        <v>-424517.20318619901</v>
      </c>
      <c r="AV598" s="53">
        <v>-463680.00236431003</v>
      </c>
      <c r="AW598" s="53">
        <v>-498144.87638907402</v>
      </c>
      <c r="AX598" s="53">
        <v>-481132.34443810902</v>
      </c>
      <c r="AY598" s="53">
        <v>-481870.51815674</v>
      </c>
      <c r="AZ598" s="53">
        <v>-503490.238304967</v>
      </c>
      <c r="BA598" s="53">
        <v>-9705243.1841753796</v>
      </c>
      <c r="BB598" s="53">
        <v>-612361.35003153596</v>
      </c>
      <c r="BC598" s="53">
        <v>-632323.61167207395</v>
      </c>
      <c r="BD598" s="53">
        <v>-571086.44043036597</v>
      </c>
      <c r="BE598" s="53">
        <v>-589364.11983287195</v>
      </c>
      <c r="BF598" s="53">
        <v>-429493.90613010002</v>
      </c>
      <c r="BG598" s="53">
        <v>-466370.87115411903</v>
      </c>
      <c r="BH598" s="53">
        <v>-450919.47127108701</v>
      </c>
      <c r="BI598" s="53">
        <v>-475710.05686567101</v>
      </c>
      <c r="BJ598" s="53">
        <v>-492272.99960638297</v>
      </c>
      <c r="BK598" s="53">
        <v>-476425.31707493798</v>
      </c>
      <c r="BL598" s="53">
        <v>-534151.40123273095</v>
      </c>
      <c r="BM598" s="53">
        <v>-549763.75346925994</v>
      </c>
      <c r="BN598" s="53">
        <v>-6280243.2987711402</v>
      </c>
      <c r="BO598" s="53">
        <v>-629221.30396527704</v>
      </c>
      <c r="BP598" s="53">
        <v>-629701.478562259</v>
      </c>
      <c r="BQ598" s="53">
        <v>-545681.13909299602</v>
      </c>
      <c r="BR598" s="53">
        <v>-580947.06194173999</v>
      </c>
      <c r="BS598" s="53">
        <v>-474094.35143996897</v>
      </c>
      <c r="BT598" s="53">
        <v>-460523.52984044602</v>
      </c>
      <c r="BU598" s="53">
        <v>-452007.59052472899</v>
      </c>
      <c r="BV598" s="53">
        <v>-469691.71284920903</v>
      </c>
      <c r="BW598" s="53">
        <v>-482724.15601380798</v>
      </c>
      <c r="BX598" s="53">
        <v>-462175.60266473901</v>
      </c>
      <c r="BY598" s="53">
        <v>-483890.35726451903</v>
      </c>
      <c r="BZ598" s="53">
        <v>-488028.12336450903</v>
      </c>
      <c r="CA598" s="53">
        <v>-6158686.4075242002</v>
      </c>
      <c r="CB598" s="53"/>
      <c r="CC598" s="53"/>
      <c r="CD598" s="53"/>
      <c r="CE598" s="53"/>
      <c r="CF598" s="53"/>
      <c r="CG598" s="53"/>
      <c r="CH598" s="53"/>
      <c r="CI598" s="53"/>
      <c r="CJ598" s="53"/>
      <c r="CK598" s="53"/>
      <c r="CL598" s="53"/>
      <c r="CM598" s="53"/>
      <c r="CN598" s="53"/>
    </row>
    <row r="599" spans="1:92" outlineLevel="1">
      <c r="A599" s="52" t="s">
        <v>1250</v>
      </c>
      <c r="B599" s="53"/>
      <c r="C599" s="53"/>
      <c r="D599" s="53"/>
      <c r="E599" s="53"/>
      <c r="F599" s="53"/>
      <c r="G599" s="53"/>
      <c r="H599" s="53"/>
      <c r="I599" s="53"/>
      <c r="J599" s="53"/>
      <c r="K599" s="53"/>
      <c r="L599" s="53"/>
      <c r="M599" s="53"/>
      <c r="N599" s="53"/>
      <c r="O599" s="53"/>
      <c r="P599" s="53"/>
      <c r="Q599" s="53"/>
      <c r="R599" s="53"/>
      <c r="S599" s="53"/>
      <c r="T599" s="53"/>
      <c r="U599" s="53"/>
      <c r="V599" s="53"/>
      <c r="W599" s="53"/>
      <c r="X599" s="53"/>
      <c r="Y599" s="53"/>
      <c r="Z599" s="53"/>
      <c r="AA599" s="53"/>
      <c r="AB599" s="53"/>
      <c r="AC599" s="53"/>
      <c r="AD599" s="53"/>
      <c r="AE599" s="53"/>
      <c r="AF599" s="53"/>
      <c r="AG599" s="53"/>
      <c r="AH599" s="53"/>
      <c r="AI599" s="53"/>
      <c r="AJ599" s="53"/>
      <c r="AK599" s="53"/>
      <c r="AL599" s="53"/>
      <c r="AM599" s="53"/>
      <c r="AN599" s="53"/>
      <c r="AO599" s="53"/>
      <c r="AP599" s="53"/>
      <c r="AQ599" s="53"/>
      <c r="AR599" s="53"/>
      <c r="AS599" s="53"/>
      <c r="AT599" s="53"/>
      <c r="AU599" s="53"/>
      <c r="AV599" s="53"/>
      <c r="AW599" s="53"/>
      <c r="AX599" s="53"/>
      <c r="AY599" s="53"/>
      <c r="AZ599" s="53"/>
      <c r="BA599" s="53"/>
      <c r="BB599" s="53"/>
      <c r="BC599" s="53"/>
      <c r="BD599" s="53"/>
      <c r="BE599" s="53"/>
      <c r="BF599" s="53"/>
      <c r="BG599" s="53"/>
      <c r="BH599" s="53"/>
      <c r="BI599" s="53"/>
      <c r="BJ599" s="53"/>
      <c r="BK599" s="53"/>
      <c r="BL599" s="53"/>
      <c r="BM599" s="53"/>
      <c r="BN599" s="53"/>
      <c r="BO599" s="53"/>
      <c r="BP599" s="53"/>
      <c r="BQ599" s="53"/>
      <c r="BR599" s="53"/>
      <c r="BS599" s="53"/>
      <c r="BT599" s="53"/>
      <c r="BU599" s="53"/>
      <c r="BV599" s="53"/>
      <c r="BW599" s="53"/>
      <c r="BX599" s="53"/>
      <c r="BY599" s="53"/>
      <c r="BZ599" s="53"/>
      <c r="CA599" s="53"/>
      <c r="CB599" s="53"/>
      <c r="CC599" s="53"/>
      <c r="CD599" s="53"/>
      <c r="CE599" s="53"/>
      <c r="CF599" s="53"/>
      <c r="CG599" s="53"/>
      <c r="CH599" s="53"/>
      <c r="CI599" s="53"/>
      <c r="CJ599" s="53"/>
      <c r="CK599" s="53"/>
      <c r="CL599" s="53"/>
      <c r="CM599" s="53"/>
      <c r="CN599" s="53"/>
    </row>
    <row r="600" spans="1:92" outlineLevel="1">
      <c r="A600" s="52" t="s">
        <v>1249</v>
      </c>
      <c r="B600" s="53">
        <v>-81703.500072296301</v>
      </c>
      <c r="C600" s="53">
        <v>-26259.534003308501</v>
      </c>
      <c r="D600" s="53">
        <v>-47600.570986477702</v>
      </c>
      <c r="E600" s="53">
        <v>-43174.804548433203</v>
      </c>
      <c r="F600" s="53">
        <v>-51544.426838227198</v>
      </c>
      <c r="G600" s="53">
        <v>-33672.378730987803</v>
      </c>
      <c r="H600" s="53">
        <v>-33126.842980366797</v>
      </c>
      <c r="I600" s="53">
        <v>-120195.67607650001</v>
      </c>
      <c r="J600" s="53">
        <v>-141781.718066737</v>
      </c>
      <c r="K600" s="53">
        <v>-159946.056670563</v>
      </c>
      <c r="L600" s="53">
        <v>-158045.50466753199</v>
      </c>
      <c r="M600" s="53">
        <v>-152696.335958674</v>
      </c>
      <c r="N600" s="53">
        <v>-1049747.3496001</v>
      </c>
      <c r="O600" s="53">
        <v>-175549.213041949</v>
      </c>
      <c r="P600" s="53">
        <v>-45798.298789285</v>
      </c>
      <c r="Q600" s="53">
        <v>-85018.962315359095</v>
      </c>
      <c r="R600" s="53">
        <v>-37660.110173381603</v>
      </c>
      <c r="S600" s="53">
        <v>-63057.733443543897</v>
      </c>
      <c r="T600" s="53">
        <v>-34681.823918407397</v>
      </c>
      <c r="U600" s="53">
        <v>-37070.370093831698</v>
      </c>
      <c r="V600" s="53">
        <v>-102483.82395090901</v>
      </c>
      <c r="W600" s="53">
        <v>-119237.331035134</v>
      </c>
      <c r="X600" s="53">
        <v>-106522.463297828</v>
      </c>
      <c r="Y600" s="53">
        <v>-83627.152333526799</v>
      </c>
      <c r="Z600" s="53">
        <v>-100624.96847155099</v>
      </c>
      <c r="AA600" s="53">
        <v>-991332.25086470798</v>
      </c>
      <c r="AB600" s="53">
        <v>-115340.217512654</v>
      </c>
      <c r="AC600" s="53">
        <v>-43127.0262190254</v>
      </c>
      <c r="AD600" s="53">
        <v>-79322.887439561397</v>
      </c>
      <c r="AE600" s="53">
        <v>-30967.503860578101</v>
      </c>
      <c r="AF600" s="53">
        <v>-52274.796800608397</v>
      </c>
      <c r="AG600" s="53">
        <v>-27205.943849929699</v>
      </c>
      <c r="AH600" s="53">
        <v>-30726.311427552399</v>
      </c>
      <c r="AI600" s="53">
        <v>-88209.394814677595</v>
      </c>
      <c r="AJ600" s="53">
        <v>-100257.49385484299</v>
      </c>
      <c r="AK600" s="53">
        <v>-87695.306270033296</v>
      </c>
      <c r="AL600" s="53">
        <v>-70902.108287347801</v>
      </c>
      <c r="AM600" s="53">
        <v>-85528.582469283298</v>
      </c>
      <c r="AN600" s="53">
        <v>-811557.57280609605</v>
      </c>
      <c r="AO600" s="53">
        <v>-101701.599843458</v>
      </c>
      <c r="AP600" s="53">
        <v>-35930.900399412698</v>
      </c>
      <c r="AQ600" s="53">
        <v>-66531.469077179907</v>
      </c>
      <c r="AR600" s="53">
        <v>-27705.615066570899</v>
      </c>
      <c r="AS600" s="53">
        <v>-45394.882634061403</v>
      </c>
      <c r="AT600" s="53">
        <v>-25909.8458810997</v>
      </c>
      <c r="AU600" s="53">
        <v>-29765.923411813601</v>
      </c>
      <c r="AV600" s="53">
        <v>-83365.699501543</v>
      </c>
      <c r="AW600" s="53">
        <v>-97179.469923626501</v>
      </c>
      <c r="AX600" s="53">
        <v>-84918.480501698694</v>
      </c>
      <c r="AY600" s="53">
        <v>-68276.098677540896</v>
      </c>
      <c r="AZ600" s="53">
        <v>-82770.659489733196</v>
      </c>
      <c r="BA600" s="53">
        <v>-749450.64440773905</v>
      </c>
      <c r="BB600" s="53">
        <v>-97022.617716270703</v>
      </c>
      <c r="BC600" s="53">
        <v>-34724.037776647499</v>
      </c>
      <c r="BD600" s="53">
        <v>-65761.081449644102</v>
      </c>
      <c r="BE600" s="53">
        <v>-26842.709695682701</v>
      </c>
      <c r="BF600" s="53">
        <v>-44238.485313627803</v>
      </c>
      <c r="BG600" s="53">
        <v>-24948.571048864898</v>
      </c>
      <c r="BH600" s="53">
        <v>-28577.649044941401</v>
      </c>
      <c r="BI600" s="53">
        <v>-80634.402099777202</v>
      </c>
      <c r="BJ600" s="53">
        <v>-93859.264579023598</v>
      </c>
      <c r="BK600" s="53">
        <v>-82454.536228373094</v>
      </c>
      <c r="BL600" s="53">
        <v>-66925.677227510998</v>
      </c>
      <c r="BM600" s="53">
        <v>-81457.791908049505</v>
      </c>
      <c r="BN600" s="53">
        <v>-727446.82408841304</v>
      </c>
      <c r="BO600" s="53">
        <v>-96470.128126115407</v>
      </c>
      <c r="BP600" s="53">
        <v>-34674.345282950002</v>
      </c>
      <c r="BQ600" s="53">
        <v>-63737.574700382203</v>
      </c>
      <c r="BR600" s="53">
        <v>-26165.798645435301</v>
      </c>
      <c r="BS600" s="53">
        <v>-43206.837874316501</v>
      </c>
      <c r="BT600" s="53">
        <v>-24684.116948143201</v>
      </c>
      <c r="BU600" s="53">
        <v>-28158.362205160101</v>
      </c>
      <c r="BV600" s="53">
        <v>-77158.209328815094</v>
      </c>
      <c r="BW600" s="53">
        <v>-89685.936345769005</v>
      </c>
      <c r="BX600" s="53">
        <v>-78638.778298201098</v>
      </c>
      <c r="BY600" s="53">
        <v>-63711.106720048097</v>
      </c>
      <c r="BZ600" s="53">
        <v>-77491.411204959906</v>
      </c>
      <c r="CA600" s="53">
        <v>-703782.60568029596</v>
      </c>
      <c r="CB600" s="53"/>
      <c r="CC600" s="53"/>
      <c r="CD600" s="53"/>
      <c r="CE600" s="53"/>
      <c r="CF600" s="53"/>
      <c r="CG600" s="53"/>
      <c r="CH600" s="53"/>
      <c r="CI600" s="53"/>
      <c r="CJ600" s="53"/>
      <c r="CK600" s="53"/>
      <c r="CL600" s="53"/>
      <c r="CM600" s="53"/>
      <c r="CN600" s="53"/>
    </row>
    <row r="601" spans="1:92" outlineLevel="1">
      <c r="A601" s="52" t="s">
        <v>709</v>
      </c>
      <c r="B601" s="53"/>
      <c r="C601" s="53"/>
      <c r="D601" s="53"/>
      <c r="E601" s="53"/>
      <c r="F601" s="53"/>
      <c r="G601" s="53"/>
      <c r="H601" s="53"/>
      <c r="I601" s="53"/>
      <c r="J601" s="53"/>
      <c r="K601" s="53"/>
      <c r="L601" s="53"/>
      <c r="M601" s="53"/>
      <c r="N601" s="53"/>
      <c r="O601" s="53"/>
      <c r="P601" s="53"/>
      <c r="Q601" s="53"/>
      <c r="R601" s="53"/>
      <c r="S601" s="53"/>
      <c r="T601" s="53"/>
      <c r="U601" s="53"/>
      <c r="V601" s="53"/>
      <c r="W601" s="53"/>
      <c r="X601" s="53"/>
      <c r="Y601" s="53"/>
      <c r="Z601" s="53"/>
      <c r="AA601" s="53"/>
      <c r="AB601" s="53"/>
      <c r="AC601" s="53"/>
      <c r="AD601" s="53"/>
      <c r="AE601" s="53"/>
      <c r="AF601" s="53"/>
      <c r="AG601" s="53"/>
      <c r="AH601" s="53"/>
      <c r="AI601" s="53"/>
      <c r="AJ601" s="53"/>
      <c r="AK601" s="53"/>
      <c r="AL601" s="53"/>
      <c r="AM601" s="53"/>
      <c r="AN601" s="53"/>
      <c r="AO601" s="53"/>
      <c r="AP601" s="53"/>
      <c r="AQ601" s="53"/>
      <c r="AR601" s="53"/>
      <c r="AS601" s="53"/>
      <c r="AT601" s="53"/>
      <c r="AU601" s="53"/>
      <c r="AV601" s="53"/>
      <c r="AW601" s="53"/>
      <c r="AX601" s="53"/>
      <c r="AY601" s="53"/>
      <c r="AZ601" s="53"/>
      <c r="BA601" s="53"/>
      <c r="BB601" s="53"/>
      <c r="BC601" s="53"/>
      <c r="BD601" s="53"/>
      <c r="BE601" s="53"/>
      <c r="BF601" s="53"/>
      <c r="BG601" s="53"/>
      <c r="BH601" s="53"/>
      <c r="BI601" s="53"/>
      <c r="BJ601" s="53"/>
      <c r="BK601" s="53"/>
      <c r="BL601" s="53"/>
      <c r="BM601" s="53"/>
      <c r="BN601" s="53"/>
      <c r="BO601" s="53"/>
      <c r="BP601" s="53"/>
      <c r="BQ601" s="53"/>
      <c r="BR601" s="53"/>
      <c r="BS601" s="53"/>
      <c r="BT601" s="53"/>
      <c r="BU601" s="53"/>
      <c r="BV601" s="53"/>
      <c r="BW601" s="53"/>
      <c r="BX601" s="53"/>
      <c r="BY601" s="53"/>
      <c r="BZ601" s="53"/>
      <c r="CA601" s="53"/>
      <c r="CB601" s="53"/>
      <c r="CC601" s="53">
        <v>32362693.409276001</v>
      </c>
      <c r="CD601" s="53"/>
      <c r="CE601" s="53"/>
      <c r="CF601" s="53"/>
      <c r="CG601" s="53"/>
      <c r="CH601" s="53"/>
      <c r="CI601" s="53"/>
      <c r="CJ601" s="53"/>
      <c r="CK601" s="53"/>
      <c r="CL601" s="53"/>
      <c r="CM601" s="53"/>
      <c r="CN601" s="53">
        <v>32362693.409276001</v>
      </c>
    </row>
    <row r="602" spans="1:92" outlineLevel="1">
      <c r="A602" s="52" t="s">
        <v>1301</v>
      </c>
      <c r="B602" s="53"/>
      <c r="C602" s="53"/>
      <c r="D602" s="53"/>
      <c r="E602" s="53"/>
      <c r="F602" s="53"/>
      <c r="G602" s="53"/>
      <c r="H602" s="53"/>
      <c r="I602" s="53"/>
      <c r="J602" s="53"/>
      <c r="K602" s="53"/>
      <c r="L602" s="53"/>
      <c r="M602" s="53"/>
      <c r="N602" s="53"/>
      <c r="O602" s="53"/>
      <c r="P602" s="53"/>
      <c r="Q602" s="53"/>
      <c r="R602" s="53"/>
      <c r="S602" s="53"/>
      <c r="T602" s="53"/>
      <c r="U602" s="53"/>
      <c r="V602" s="53"/>
      <c r="W602" s="53"/>
      <c r="X602" s="53"/>
      <c r="Y602" s="53"/>
      <c r="Z602" s="53"/>
      <c r="AA602" s="53"/>
      <c r="AB602" s="53"/>
      <c r="AC602" s="53"/>
      <c r="AD602" s="53"/>
      <c r="AE602" s="53"/>
      <c r="AF602" s="53"/>
      <c r="AG602" s="53"/>
      <c r="AH602" s="53"/>
      <c r="AI602" s="53"/>
      <c r="AJ602" s="53"/>
      <c r="AK602" s="53"/>
      <c r="AL602" s="53"/>
      <c r="AM602" s="53"/>
      <c r="AN602" s="53"/>
      <c r="AO602" s="53"/>
      <c r="AP602" s="53"/>
      <c r="AQ602" s="53"/>
      <c r="AR602" s="53"/>
      <c r="AS602" s="53"/>
      <c r="AT602" s="53"/>
      <c r="AU602" s="53"/>
      <c r="AV602" s="53"/>
      <c r="AW602" s="53"/>
      <c r="AX602" s="53"/>
      <c r="AY602" s="53"/>
      <c r="AZ602" s="53"/>
      <c r="BA602" s="53"/>
      <c r="BB602" s="53"/>
      <c r="BC602" s="53"/>
      <c r="BD602" s="53"/>
      <c r="BE602" s="53"/>
      <c r="BF602" s="53"/>
      <c r="BG602" s="53"/>
      <c r="BH602" s="53"/>
      <c r="BI602" s="53"/>
      <c r="BJ602" s="53"/>
      <c r="BK602" s="53"/>
      <c r="BL602" s="53"/>
      <c r="BM602" s="53"/>
      <c r="BN602" s="53"/>
      <c r="BO602" s="53"/>
      <c r="BP602" s="53"/>
      <c r="BQ602" s="53"/>
      <c r="BR602" s="53"/>
      <c r="BS602" s="53"/>
      <c r="BT602" s="53"/>
      <c r="BU602" s="53"/>
      <c r="BV602" s="53"/>
      <c r="BW602" s="53"/>
      <c r="BX602" s="53"/>
      <c r="BY602" s="53"/>
      <c r="BZ602" s="53"/>
      <c r="CA602" s="53"/>
      <c r="CB602" s="53"/>
      <c r="CC602" s="53"/>
      <c r="CD602" s="53"/>
      <c r="CE602" s="53"/>
      <c r="CF602" s="53"/>
      <c r="CG602" s="53"/>
      <c r="CH602" s="53"/>
      <c r="CI602" s="53"/>
      <c r="CJ602" s="53"/>
      <c r="CK602" s="53"/>
      <c r="CL602" s="53"/>
      <c r="CM602" s="53"/>
      <c r="CN602" s="53"/>
    </row>
    <row r="603" spans="1:92" outlineLevel="1">
      <c r="A603" s="52" t="s">
        <v>713</v>
      </c>
      <c r="B603" s="53">
        <v>26552.407932011301</v>
      </c>
      <c r="C603" s="53">
        <v>26552.407932011301</v>
      </c>
      <c r="D603" s="53">
        <v>26552.407932011301</v>
      </c>
      <c r="E603" s="53">
        <v>26552.407932011301</v>
      </c>
      <c r="F603" s="53">
        <v>26552.407932011301</v>
      </c>
      <c r="G603" s="53">
        <v>26552.407932011301</v>
      </c>
      <c r="H603" s="53">
        <v>26552.407932011301</v>
      </c>
      <c r="I603" s="53">
        <v>26552.407932011301</v>
      </c>
      <c r="J603" s="53">
        <v>26552.407932011301</v>
      </c>
      <c r="K603" s="53">
        <v>26552.407932011301</v>
      </c>
      <c r="L603" s="53">
        <v>26552.407932011301</v>
      </c>
      <c r="M603" s="53">
        <v>26552.407932011301</v>
      </c>
      <c r="N603" s="53">
        <v>318628.895184136</v>
      </c>
      <c r="O603" s="53">
        <v>26552.407932011301</v>
      </c>
      <c r="P603" s="53">
        <v>26552.407932011301</v>
      </c>
      <c r="Q603" s="53">
        <v>26552.407932011301</v>
      </c>
      <c r="R603" s="53">
        <v>26552.407932011301</v>
      </c>
      <c r="S603" s="53">
        <v>26552.407932011301</v>
      </c>
      <c r="T603" s="53">
        <v>26552.407932011301</v>
      </c>
      <c r="U603" s="53">
        <v>26552.407932011301</v>
      </c>
      <c r="V603" s="53">
        <v>26552.407932011301</v>
      </c>
      <c r="W603" s="53">
        <v>26552.407932011301</v>
      </c>
      <c r="X603" s="53">
        <v>26552.407932011301</v>
      </c>
      <c r="Y603" s="53">
        <v>26552.407932011301</v>
      </c>
      <c r="Z603" s="53">
        <v>26552.407932011301</v>
      </c>
      <c r="AA603" s="53">
        <v>318628.895184136</v>
      </c>
      <c r="AB603" s="53">
        <v>26552.407932011301</v>
      </c>
      <c r="AC603" s="53">
        <v>26552.407932011301</v>
      </c>
      <c r="AD603" s="53">
        <v>26552.407932011301</v>
      </c>
      <c r="AE603" s="53">
        <v>26552.407932011301</v>
      </c>
      <c r="AF603" s="53">
        <v>26552.407932011301</v>
      </c>
      <c r="AG603" s="53">
        <v>26552.407932011301</v>
      </c>
      <c r="AH603" s="53">
        <v>26552.407932011301</v>
      </c>
      <c r="AI603" s="53">
        <v>26552.407932011301</v>
      </c>
      <c r="AJ603" s="53">
        <v>26552.407932011301</v>
      </c>
      <c r="AK603" s="53">
        <v>26552.407932011301</v>
      </c>
      <c r="AL603" s="53">
        <v>26552.407932011301</v>
      </c>
      <c r="AM603" s="53">
        <v>26552.407932011301</v>
      </c>
      <c r="AN603" s="53">
        <v>318628.895184136</v>
      </c>
      <c r="AO603" s="53">
        <v>26552.407932011301</v>
      </c>
      <c r="AP603" s="53">
        <v>26552.407932011301</v>
      </c>
      <c r="AQ603" s="53">
        <v>26552.407932011301</v>
      </c>
      <c r="AR603" s="53">
        <v>26552.407932011301</v>
      </c>
      <c r="AS603" s="53">
        <v>26552.407932011301</v>
      </c>
      <c r="AT603" s="53">
        <v>26552.407932011301</v>
      </c>
      <c r="AU603" s="53">
        <v>26552.407932011301</v>
      </c>
      <c r="AV603" s="53">
        <v>26552.407932011301</v>
      </c>
      <c r="AW603" s="53">
        <v>26552.407932011301</v>
      </c>
      <c r="AX603" s="53">
        <v>26552.407932011301</v>
      </c>
      <c r="AY603" s="53">
        <v>26552.407932011301</v>
      </c>
      <c r="AZ603" s="53">
        <v>26552.407932011301</v>
      </c>
      <c r="BA603" s="53">
        <v>318628.895184136</v>
      </c>
      <c r="BB603" s="53">
        <v>26552.407932011301</v>
      </c>
      <c r="BC603" s="53">
        <v>26552.407932011301</v>
      </c>
      <c r="BD603" s="53">
        <v>26552.407932011301</v>
      </c>
      <c r="BE603" s="53">
        <v>26552.407932011301</v>
      </c>
      <c r="BF603" s="53">
        <v>26552.407932011301</v>
      </c>
      <c r="BG603" s="53">
        <v>26552.407932011301</v>
      </c>
      <c r="BH603" s="53">
        <v>26552.407932011301</v>
      </c>
      <c r="BI603" s="53">
        <v>26552.4079320114</v>
      </c>
      <c r="BJ603" s="53">
        <v>26552.407932011301</v>
      </c>
      <c r="BK603" s="53">
        <v>26552.407932011301</v>
      </c>
      <c r="BL603" s="53">
        <v>26552.4079320114</v>
      </c>
      <c r="BM603" s="53">
        <v>26552.4079320114</v>
      </c>
      <c r="BN603" s="53">
        <v>318628.895184136</v>
      </c>
      <c r="BO603" s="53">
        <v>26552.4079320114</v>
      </c>
      <c r="BP603" s="53">
        <v>26552.4079320114</v>
      </c>
      <c r="BQ603" s="53">
        <v>26552.4079320114</v>
      </c>
      <c r="BR603" s="53">
        <v>26552.4079320114</v>
      </c>
      <c r="BS603" s="53">
        <v>26552.4079320114</v>
      </c>
      <c r="BT603" s="53">
        <v>26552.4079320114</v>
      </c>
      <c r="BU603" s="53">
        <v>26552.4079320114</v>
      </c>
      <c r="BV603" s="53">
        <v>26552.4079320114</v>
      </c>
      <c r="BW603" s="53">
        <v>26552.4079320114</v>
      </c>
      <c r="BX603" s="53">
        <v>26552.4079320114</v>
      </c>
      <c r="BY603" s="53">
        <v>26552.4079320114</v>
      </c>
      <c r="BZ603" s="53">
        <v>26552.4079320114</v>
      </c>
      <c r="CA603" s="53">
        <v>318628.89518413699</v>
      </c>
      <c r="CB603" s="53"/>
      <c r="CC603" s="53"/>
      <c r="CD603" s="53"/>
      <c r="CE603" s="53"/>
      <c r="CF603" s="53"/>
      <c r="CG603" s="53"/>
      <c r="CH603" s="53"/>
      <c r="CI603" s="53"/>
      <c r="CJ603" s="53"/>
      <c r="CK603" s="53"/>
      <c r="CL603" s="53"/>
      <c r="CM603" s="53"/>
      <c r="CN603" s="53"/>
    </row>
    <row r="604" spans="1:92" outlineLevel="1">
      <c r="A604" s="52" t="s">
        <v>716</v>
      </c>
      <c r="B604" s="53">
        <v>-24171.148247978399</v>
      </c>
      <c r="C604" s="53">
        <v>-24171.148247978399</v>
      </c>
      <c r="D604" s="53">
        <v>-24171.148247978399</v>
      </c>
      <c r="E604" s="53">
        <v>-24171.148247978399</v>
      </c>
      <c r="F604" s="53">
        <v>-24171.148247978399</v>
      </c>
      <c r="G604" s="53">
        <v>-24171.148247978399</v>
      </c>
      <c r="H604" s="53">
        <v>-24171.148247978399</v>
      </c>
      <c r="I604" s="53">
        <v>-24171.148247978399</v>
      </c>
      <c r="J604" s="53">
        <v>-24171.148247978399</v>
      </c>
      <c r="K604" s="53">
        <v>-24171.148247978399</v>
      </c>
      <c r="L604" s="53">
        <v>-24171.148247978399</v>
      </c>
      <c r="M604" s="53">
        <v>-24171.148247978399</v>
      </c>
      <c r="N604" s="53">
        <v>-290053.77897574101</v>
      </c>
      <c r="O604" s="53">
        <v>-24171.148247978399</v>
      </c>
      <c r="P604" s="53">
        <v>-24171.148247978399</v>
      </c>
      <c r="Q604" s="53">
        <v>-24171.148247978399</v>
      </c>
      <c r="R604" s="53">
        <v>-24171.148247978399</v>
      </c>
      <c r="S604" s="53">
        <v>-24171.148247978399</v>
      </c>
      <c r="T604" s="53">
        <v>-24171.148247978399</v>
      </c>
      <c r="U604" s="53">
        <v>-24171.148247978399</v>
      </c>
      <c r="V604" s="53">
        <v>-24171.148247978399</v>
      </c>
      <c r="W604" s="53">
        <v>-24171.148247978399</v>
      </c>
      <c r="X604" s="53">
        <v>-24171.148247978399</v>
      </c>
      <c r="Y604" s="53">
        <v>-24171.148247978399</v>
      </c>
      <c r="Z604" s="53">
        <v>-24171.148247978399</v>
      </c>
      <c r="AA604" s="53">
        <v>-290053.77897574002</v>
      </c>
      <c r="AB604" s="53">
        <v>-24171.148247978399</v>
      </c>
      <c r="AC604" s="53">
        <v>-24171.148247978399</v>
      </c>
      <c r="AD604" s="53">
        <v>-24171.148247978399</v>
      </c>
      <c r="AE604" s="53">
        <v>-24171.148247978399</v>
      </c>
      <c r="AF604" s="53">
        <v>-24171.148247978399</v>
      </c>
      <c r="AG604" s="53">
        <v>-24171.148247978399</v>
      </c>
      <c r="AH604" s="53">
        <v>-24171.148247978399</v>
      </c>
      <c r="AI604" s="53">
        <v>-24171.148247978399</v>
      </c>
      <c r="AJ604" s="53">
        <v>-24171.148247978399</v>
      </c>
      <c r="AK604" s="53">
        <v>-24171.148247978399</v>
      </c>
      <c r="AL604" s="53">
        <v>-24171.148247978399</v>
      </c>
      <c r="AM604" s="53">
        <v>-24171.148247978399</v>
      </c>
      <c r="AN604" s="53">
        <v>-290053.77897574002</v>
      </c>
      <c r="AO604" s="53">
        <v>-24171.148247978399</v>
      </c>
      <c r="AP604" s="53">
        <v>-24171.148247978399</v>
      </c>
      <c r="AQ604" s="53">
        <v>-24171.148247978399</v>
      </c>
      <c r="AR604" s="53">
        <v>-24171.148247978399</v>
      </c>
      <c r="AS604" s="53">
        <v>-24171.148247978399</v>
      </c>
      <c r="AT604" s="53">
        <v>-24171.148247978399</v>
      </c>
      <c r="AU604" s="53">
        <v>-24171.148247978399</v>
      </c>
      <c r="AV604" s="53">
        <v>-24171.148247978399</v>
      </c>
      <c r="AW604" s="53">
        <v>-24171.148247978399</v>
      </c>
      <c r="AX604" s="53">
        <v>-24171.148247978399</v>
      </c>
      <c r="AY604" s="53">
        <v>-24171.148247978399</v>
      </c>
      <c r="AZ604" s="53">
        <v>-24171.148247978399</v>
      </c>
      <c r="BA604" s="53">
        <v>-290053.77897574002</v>
      </c>
      <c r="BB604" s="53">
        <v>-24171.148247978399</v>
      </c>
      <c r="BC604" s="53">
        <v>-24171.148247978399</v>
      </c>
      <c r="BD604" s="53">
        <v>-24171.148247978399</v>
      </c>
      <c r="BE604" s="53">
        <v>-24171.148247978399</v>
      </c>
      <c r="BF604" s="53">
        <v>-24171.148247978399</v>
      </c>
      <c r="BG604" s="53">
        <v>-24171.148247978399</v>
      </c>
      <c r="BH604" s="53">
        <v>-24171.148247978399</v>
      </c>
      <c r="BI604" s="53">
        <v>-24171.148247978399</v>
      </c>
      <c r="BJ604" s="53">
        <v>-24171.148247978399</v>
      </c>
      <c r="BK604" s="53">
        <v>-24171.148247978399</v>
      </c>
      <c r="BL604" s="53">
        <v>-24171.148247978399</v>
      </c>
      <c r="BM604" s="53">
        <v>-24171.148247978399</v>
      </c>
      <c r="BN604" s="53">
        <v>-290053.77897574002</v>
      </c>
      <c r="BO604" s="53">
        <v>-24171.148247978399</v>
      </c>
      <c r="BP604" s="53">
        <v>-24171.148247978399</v>
      </c>
      <c r="BQ604" s="53">
        <v>-24171.148247978399</v>
      </c>
      <c r="BR604" s="53">
        <v>-24171.148247978399</v>
      </c>
      <c r="BS604" s="53">
        <v>-24171.148247978399</v>
      </c>
      <c r="BT604" s="53">
        <v>-24171.148247978399</v>
      </c>
      <c r="BU604" s="53">
        <v>-24171.148247978399</v>
      </c>
      <c r="BV604" s="53">
        <v>-24171.148247978399</v>
      </c>
      <c r="BW604" s="53">
        <v>-24171.148247978399</v>
      </c>
      <c r="BX604" s="53">
        <v>-24171.148247978399</v>
      </c>
      <c r="BY604" s="53">
        <v>-24171.148247978399</v>
      </c>
      <c r="BZ604" s="53">
        <v>-24171.148247978399</v>
      </c>
      <c r="CA604" s="53">
        <v>-290053.77897574002</v>
      </c>
      <c r="CB604" s="53"/>
      <c r="CC604" s="53"/>
      <c r="CD604" s="53"/>
      <c r="CE604" s="53"/>
      <c r="CF604" s="53"/>
      <c r="CG604" s="53"/>
      <c r="CH604" s="53"/>
      <c r="CI604" s="53"/>
      <c r="CJ604" s="53"/>
      <c r="CK604" s="53"/>
      <c r="CL604" s="53"/>
      <c r="CM604" s="53"/>
      <c r="CN604" s="53"/>
    </row>
    <row r="605" spans="1:92" outlineLevel="1">
      <c r="A605" s="52" t="s">
        <v>725</v>
      </c>
      <c r="B605" s="53">
        <v>-16813.8796992481</v>
      </c>
      <c r="C605" s="53">
        <v>-16813.8796992481</v>
      </c>
      <c r="D605" s="53">
        <v>-16813.8796992481</v>
      </c>
      <c r="E605" s="53">
        <v>-16813.8796992481</v>
      </c>
      <c r="F605" s="53">
        <v>-16813.8796992481</v>
      </c>
      <c r="G605" s="53">
        <v>-16813.8796992481</v>
      </c>
      <c r="H605" s="53">
        <v>-16813.8796992481</v>
      </c>
      <c r="I605" s="53">
        <v>-16813.8796992481</v>
      </c>
      <c r="J605" s="53">
        <v>-16813.8796992481</v>
      </c>
      <c r="K605" s="53">
        <v>-16813.8796992481</v>
      </c>
      <c r="L605" s="53">
        <v>-16813.8796992481</v>
      </c>
      <c r="M605" s="53">
        <v>-16813.8796992481</v>
      </c>
      <c r="N605" s="53">
        <v>-201766.556390977</v>
      </c>
      <c r="O605" s="53">
        <v>-16813.8796992481</v>
      </c>
      <c r="P605" s="53">
        <v>-16813.8796992481</v>
      </c>
      <c r="Q605" s="53">
        <v>-16813.8796992481</v>
      </c>
      <c r="R605" s="53">
        <v>-16813.8796992481</v>
      </c>
      <c r="S605" s="53">
        <v>-16813.8796992481</v>
      </c>
      <c r="T605" s="53">
        <v>-16813.8796992481</v>
      </c>
      <c r="U605" s="53">
        <v>-16813.8796992481</v>
      </c>
      <c r="V605" s="53">
        <v>-16813.8796992481</v>
      </c>
      <c r="W605" s="53">
        <v>-16813.8796992481</v>
      </c>
      <c r="X605" s="53">
        <v>-16813.8796992481</v>
      </c>
      <c r="Y605" s="53">
        <v>-16813.8796992481</v>
      </c>
      <c r="Z605" s="53">
        <v>-16813.8796992481</v>
      </c>
      <c r="AA605" s="53">
        <v>-201766.556390977</v>
      </c>
      <c r="AB605" s="53">
        <v>-16813.8796992481</v>
      </c>
      <c r="AC605" s="53">
        <v>-16813.8796992481</v>
      </c>
      <c r="AD605" s="53">
        <v>-16813.8796992481</v>
      </c>
      <c r="AE605" s="53">
        <v>-16813.8796992481</v>
      </c>
      <c r="AF605" s="53">
        <v>-16813.8796992481</v>
      </c>
      <c r="AG605" s="53">
        <v>-16813.8796992481</v>
      </c>
      <c r="AH605" s="53">
        <v>-16813.8796992481</v>
      </c>
      <c r="AI605" s="53">
        <v>-16813.8796992481</v>
      </c>
      <c r="AJ605" s="53">
        <v>-16813.8796992481</v>
      </c>
      <c r="AK605" s="53">
        <v>-16813.8796992481</v>
      </c>
      <c r="AL605" s="53">
        <v>-16813.8796992481</v>
      </c>
      <c r="AM605" s="53">
        <v>-16813.8796992481</v>
      </c>
      <c r="AN605" s="53">
        <v>-201766.556390977</v>
      </c>
      <c r="AO605" s="53">
        <v>-16813.8796992481</v>
      </c>
      <c r="AP605" s="53">
        <v>-16813.8796992481</v>
      </c>
      <c r="AQ605" s="53">
        <v>-16813.8796992481</v>
      </c>
      <c r="AR605" s="53">
        <v>-16813.8796992481</v>
      </c>
      <c r="AS605" s="53">
        <v>-16813.8796992481</v>
      </c>
      <c r="AT605" s="53">
        <v>-16813.8796992481</v>
      </c>
      <c r="AU605" s="53">
        <v>-16813.8796992481</v>
      </c>
      <c r="AV605" s="53">
        <v>-16813.8796992481</v>
      </c>
      <c r="AW605" s="53">
        <v>-16813.8796992481</v>
      </c>
      <c r="AX605" s="53">
        <v>-16813.8796992481</v>
      </c>
      <c r="AY605" s="53">
        <v>-16813.8796992481</v>
      </c>
      <c r="AZ605" s="53">
        <v>-16813.8796992481</v>
      </c>
      <c r="BA605" s="53">
        <v>-201766.556390977</v>
      </c>
      <c r="BB605" s="53">
        <v>-16813.8796992481</v>
      </c>
      <c r="BC605" s="53">
        <v>-16813.8796992481</v>
      </c>
      <c r="BD605" s="53">
        <v>-16813.8796992481</v>
      </c>
      <c r="BE605" s="53">
        <v>-16813.8796992481</v>
      </c>
      <c r="BF605" s="53">
        <v>-16813.8796992481</v>
      </c>
      <c r="BG605" s="53">
        <v>-16813.8796992481</v>
      </c>
      <c r="BH605" s="53">
        <v>-16813.8796992481</v>
      </c>
      <c r="BI605" s="53">
        <v>-16813.8796992481</v>
      </c>
      <c r="BJ605" s="53">
        <v>-16813.8796992481</v>
      </c>
      <c r="BK605" s="53">
        <v>-16813.8796992481</v>
      </c>
      <c r="BL605" s="53">
        <v>-16813.8796992481</v>
      </c>
      <c r="BM605" s="53">
        <v>-16813.8796992481</v>
      </c>
      <c r="BN605" s="53">
        <v>-201766.556390977</v>
      </c>
      <c r="BO605" s="53">
        <v>-16813.8796992481</v>
      </c>
      <c r="BP605" s="53">
        <v>-16813.8796992481</v>
      </c>
      <c r="BQ605" s="53">
        <v>-16813.8796992481</v>
      </c>
      <c r="BR605" s="53">
        <v>-16813.8796992481</v>
      </c>
      <c r="BS605" s="53">
        <v>-16813.8796992481</v>
      </c>
      <c r="BT605" s="53">
        <v>-16813.8796992481</v>
      </c>
      <c r="BU605" s="53">
        <v>-8406.9398496240701</v>
      </c>
      <c r="BV605" s="53"/>
      <c r="BW605" s="53"/>
      <c r="BX605" s="53"/>
      <c r="BY605" s="53"/>
      <c r="BZ605" s="53"/>
      <c r="CA605" s="53">
        <v>-109290.21804511199</v>
      </c>
      <c r="CB605" s="53"/>
      <c r="CC605" s="53"/>
      <c r="CD605" s="53"/>
      <c r="CE605" s="53"/>
      <c r="CF605" s="53"/>
      <c r="CG605" s="53"/>
      <c r="CH605" s="53"/>
      <c r="CI605" s="53"/>
      <c r="CJ605" s="53"/>
      <c r="CK605" s="53"/>
      <c r="CL605" s="53"/>
      <c r="CM605" s="53"/>
      <c r="CN605" s="53"/>
    </row>
    <row r="606" spans="1:92" outlineLevel="1">
      <c r="A606" s="52" t="s">
        <v>726</v>
      </c>
      <c r="B606" s="53">
        <v>308004.32530120399</v>
      </c>
      <c r="C606" s="53">
        <v>308004.32530120399</v>
      </c>
      <c r="D606" s="53">
        <v>308004.32530120399</v>
      </c>
      <c r="E606" s="53">
        <v>308004.32530120399</v>
      </c>
      <c r="F606" s="53">
        <v>308004.32530120399</v>
      </c>
      <c r="G606" s="53">
        <v>308004.32530120399</v>
      </c>
      <c r="H606" s="53">
        <v>308004.32530120399</v>
      </c>
      <c r="I606" s="53">
        <v>308004.32530120399</v>
      </c>
      <c r="J606" s="53">
        <v>308004.32530120399</v>
      </c>
      <c r="K606" s="53">
        <v>308004.32530120399</v>
      </c>
      <c r="L606" s="53">
        <v>308004.32530120399</v>
      </c>
      <c r="M606" s="53">
        <v>308004.32530120399</v>
      </c>
      <c r="N606" s="53">
        <v>3696051.9036144498</v>
      </c>
      <c r="O606" s="53">
        <v>308004.32530120399</v>
      </c>
      <c r="P606" s="53">
        <v>308004.32530120399</v>
      </c>
      <c r="Q606" s="53">
        <v>308004.32530120399</v>
      </c>
      <c r="R606" s="53">
        <v>308004.32530120399</v>
      </c>
      <c r="S606" s="53">
        <v>308004.32530120399</v>
      </c>
      <c r="T606" s="53">
        <v>308004.32530120399</v>
      </c>
      <c r="U606" s="53">
        <v>308004.32530120399</v>
      </c>
      <c r="V606" s="53">
        <v>308004.32530120399</v>
      </c>
      <c r="W606" s="53">
        <v>308004.32530120399</v>
      </c>
      <c r="X606" s="53">
        <v>308004.32530120399</v>
      </c>
      <c r="Y606" s="53">
        <v>308004.32530120498</v>
      </c>
      <c r="Z606" s="53">
        <v>308004.32530120399</v>
      </c>
      <c r="AA606" s="53">
        <v>3696051.9036144498</v>
      </c>
      <c r="AB606" s="53">
        <v>308004.32530120498</v>
      </c>
      <c r="AC606" s="53">
        <v>308004.32530120498</v>
      </c>
      <c r="AD606" s="53">
        <v>308004.32530120498</v>
      </c>
      <c r="AE606" s="53">
        <v>308004.32530120498</v>
      </c>
      <c r="AF606" s="53">
        <v>308004.32530120498</v>
      </c>
      <c r="AG606" s="53">
        <v>308004.32530120498</v>
      </c>
      <c r="AH606" s="53">
        <v>308004.32530120498</v>
      </c>
      <c r="AI606" s="53">
        <v>308004.32530120498</v>
      </c>
      <c r="AJ606" s="53">
        <v>308004.32530120498</v>
      </c>
      <c r="AK606" s="53">
        <v>308004.32530120498</v>
      </c>
      <c r="AL606" s="53">
        <v>308004.32530120498</v>
      </c>
      <c r="AM606" s="53">
        <v>308004.32530120498</v>
      </c>
      <c r="AN606" s="53">
        <v>3696051.9036144498</v>
      </c>
      <c r="AO606" s="53">
        <v>308004.32530120498</v>
      </c>
      <c r="AP606" s="53">
        <v>308004.32530120498</v>
      </c>
      <c r="AQ606" s="53">
        <v>308004.32530120498</v>
      </c>
      <c r="AR606" s="53">
        <v>308004.32530120498</v>
      </c>
      <c r="AS606" s="53">
        <v>308004.32530120498</v>
      </c>
      <c r="AT606" s="53">
        <v>308004.32530120498</v>
      </c>
      <c r="AU606" s="53">
        <v>308004.32530120498</v>
      </c>
      <c r="AV606" s="53">
        <v>308004.32530120498</v>
      </c>
      <c r="AW606" s="53">
        <v>308004.32530120498</v>
      </c>
      <c r="AX606" s="53">
        <v>308004.32530120498</v>
      </c>
      <c r="AY606" s="53">
        <v>308004.32530120498</v>
      </c>
      <c r="AZ606" s="53">
        <v>308004.32530120498</v>
      </c>
      <c r="BA606" s="53">
        <v>3696051.90361446</v>
      </c>
      <c r="BB606" s="53">
        <v>308004.32530120498</v>
      </c>
      <c r="BC606" s="53">
        <v>308004.32530120498</v>
      </c>
      <c r="BD606" s="53">
        <v>308004.32530120498</v>
      </c>
      <c r="BE606" s="53">
        <v>308004.32530120498</v>
      </c>
      <c r="BF606" s="53">
        <v>308004.32530120498</v>
      </c>
      <c r="BG606" s="53">
        <v>308004.32530120498</v>
      </c>
      <c r="BH606" s="53">
        <v>308004.32530120498</v>
      </c>
      <c r="BI606" s="53">
        <v>308004.32530120498</v>
      </c>
      <c r="BJ606" s="53">
        <v>308004.32530120498</v>
      </c>
      <c r="BK606" s="53">
        <v>308004.32530120498</v>
      </c>
      <c r="BL606" s="53">
        <v>308004.32530120498</v>
      </c>
      <c r="BM606" s="53">
        <v>308004.32530120498</v>
      </c>
      <c r="BN606" s="53">
        <v>3696051.90361446</v>
      </c>
      <c r="BO606" s="53">
        <v>308004.32530120498</v>
      </c>
      <c r="BP606" s="53">
        <v>308004.32530120498</v>
      </c>
      <c r="BQ606" s="53">
        <v>308004.32530120498</v>
      </c>
      <c r="BR606" s="53">
        <v>308004.32530120498</v>
      </c>
      <c r="BS606" s="53">
        <v>308004.32530120498</v>
      </c>
      <c r="BT606" s="53">
        <v>308004.32530120498</v>
      </c>
      <c r="BU606" s="53">
        <v>308004.32530120498</v>
      </c>
      <c r="BV606" s="53">
        <v>308004.32530120498</v>
      </c>
      <c r="BW606" s="53">
        <v>308004.32530120498</v>
      </c>
      <c r="BX606" s="53">
        <v>308004.32530120498</v>
      </c>
      <c r="BY606" s="53">
        <v>308004.32530120498</v>
      </c>
      <c r="BZ606" s="53">
        <v>308004.32530120498</v>
      </c>
      <c r="CA606" s="53">
        <v>3696051.90361446</v>
      </c>
      <c r="CB606" s="53"/>
      <c r="CC606" s="53"/>
      <c r="CD606" s="53"/>
      <c r="CE606" s="53"/>
      <c r="CF606" s="53"/>
      <c r="CG606" s="53"/>
      <c r="CH606" s="53"/>
      <c r="CI606" s="53"/>
      <c r="CJ606" s="53"/>
      <c r="CK606" s="53"/>
      <c r="CL606" s="53"/>
      <c r="CM606" s="53"/>
      <c r="CN606" s="53"/>
    </row>
    <row r="607" spans="1:92" outlineLevel="1">
      <c r="A607" s="52" t="s">
        <v>728</v>
      </c>
      <c r="B607" s="53">
        <v>199670.97206703899</v>
      </c>
      <c r="C607" s="53">
        <v>199670.97206703899</v>
      </c>
      <c r="D607" s="53">
        <v>199670.97206703899</v>
      </c>
      <c r="E607" s="53">
        <v>199670.97206703899</v>
      </c>
      <c r="F607" s="53">
        <v>199670.97206703899</v>
      </c>
      <c r="G607" s="53">
        <v>199670.97206703899</v>
      </c>
      <c r="H607" s="53">
        <v>199670.97206703899</v>
      </c>
      <c r="I607" s="53">
        <v>199670.972067038</v>
      </c>
      <c r="J607" s="53">
        <v>199670.972067038</v>
      </c>
      <c r="K607" s="53">
        <v>199670.972067038</v>
      </c>
      <c r="L607" s="53">
        <v>199670.97206703899</v>
      </c>
      <c r="M607" s="53">
        <v>199670.97206703899</v>
      </c>
      <c r="N607" s="53">
        <v>2396051.66480446</v>
      </c>
      <c r="O607" s="53">
        <v>199670.97206703899</v>
      </c>
      <c r="P607" s="53">
        <v>199670.97206703899</v>
      </c>
      <c r="Q607" s="53">
        <v>199670.97206703899</v>
      </c>
      <c r="R607" s="53">
        <v>199670.97206703899</v>
      </c>
      <c r="S607" s="53">
        <v>199670.97206703899</v>
      </c>
      <c r="T607" s="53">
        <v>199670.97206703899</v>
      </c>
      <c r="U607" s="53">
        <v>199670.97206703899</v>
      </c>
      <c r="V607" s="53">
        <v>199670.97206703899</v>
      </c>
      <c r="W607" s="53">
        <v>199670.97206703899</v>
      </c>
      <c r="X607" s="53">
        <v>199670.97206703899</v>
      </c>
      <c r="Y607" s="53">
        <v>199670.97206703899</v>
      </c>
      <c r="Z607" s="53">
        <v>199670.97206703899</v>
      </c>
      <c r="AA607" s="53">
        <v>2396051.66480446</v>
      </c>
      <c r="AB607" s="53">
        <v>199670.97206703899</v>
      </c>
      <c r="AC607" s="53">
        <v>199670.97206703899</v>
      </c>
      <c r="AD607" s="53">
        <v>199670.97206703899</v>
      </c>
      <c r="AE607" s="53">
        <v>199670.97206703899</v>
      </c>
      <c r="AF607" s="53">
        <v>199670.97206703899</v>
      </c>
      <c r="AG607" s="53">
        <v>199670.97206703899</v>
      </c>
      <c r="AH607" s="53">
        <v>199670.97206703899</v>
      </c>
      <c r="AI607" s="53">
        <v>199670.97206703899</v>
      </c>
      <c r="AJ607" s="53">
        <v>199670.97206703899</v>
      </c>
      <c r="AK607" s="53">
        <v>199670.97206703899</v>
      </c>
      <c r="AL607" s="53">
        <v>199670.97206703899</v>
      </c>
      <c r="AM607" s="53">
        <v>199670.97206703899</v>
      </c>
      <c r="AN607" s="53">
        <v>2396051.66480446</v>
      </c>
      <c r="AO607" s="53">
        <v>199670.97206703899</v>
      </c>
      <c r="AP607" s="53">
        <v>199670.97206703899</v>
      </c>
      <c r="AQ607" s="53">
        <v>199670.97206703899</v>
      </c>
      <c r="AR607" s="53">
        <v>199670.97206703899</v>
      </c>
      <c r="AS607" s="53">
        <v>199670.97206703899</v>
      </c>
      <c r="AT607" s="53">
        <v>199670.97206703899</v>
      </c>
      <c r="AU607" s="53">
        <v>199670.97206703899</v>
      </c>
      <c r="AV607" s="53">
        <v>199670.97206703899</v>
      </c>
      <c r="AW607" s="53">
        <v>199670.97206703899</v>
      </c>
      <c r="AX607" s="53">
        <v>199670.97206703899</v>
      </c>
      <c r="AY607" s="53">
        <v>199670.97206703899</v>
      </c>
      <c r="AZ607" s="53">
        <v>199670.97206703899</v>
      </c>
      <c r="BA607" s="53">
        <v>2396051.6648044698</v>
      </c>
      <c r="BB607" s="53">
        <v>199670.97206703899</v>
      </c>
      <c r="BC607" s="53">
        <v>199670.97206703899</v>
      </c>
      <c r="BD607" s="53">
        <v>199670.97206703899</v>
      </c>
      <c r="BE607" s="53">
        <v>199670.97206703899</v>
      </c>
      <c r="BF607" s="53">
        <v>199670.97206703899</v>
      </c>
      <c r="BG607" s="53">
        <v>199670.97206703899</v>
      </c>
      <c r="BH607" s="53">
        <v>199670.97206703899</v>
      </c>
      <c r="BI607" s="53">
        <v>199670.97206703899</v>
      </c>
      <c r="BJ607" s="53">
        <v>199670.97206703899</v>
      </c>
      <c r="BK607" s="53">
        <v>199670.97206703899</v>
      </c>
      <c r="BL607" s="53">
        <v>199670.97206703899</v>
      </c>
      <c r="BM607" s="53">
        <v>199670.97206703899</v>
      </c>
      <c r="BN607" s="53">
        <v>2396051.6648044698</v>
      </c>
      <c r="BO607" s="53">
        <v>199670.97206703899</v>
      </c>
      <c r="BP607" s="53">
        <v>199670.97206703899</v>
      </c>
      <c r="BQ607" s="53">
        <v>199670.97206703899</v>
      </c>
      <c r="BR607" s="53">
        <v>199670.97206703899</v>
      </c>
      <c r="BS607" s="53">
        <v>199670.97206703899</v>
      </c>
      <c r="BT607" s="53">
        <v>199670.97206703899</v>
      </c>
      <c r="BU607" s="53">
        <v>199670.97206703899</v>
      </c>
      <c r="BV607" s="53">
        <v>199670.97206703899</v>
      </c>
      <c r="BW607" s="53">
        <v>199670.97206703899</v>
      </c>
      <c r="BX607" s="53">
        <v>199670.97206703899</v>
      </c>
      <c r="BY607" s="53">
        <v>199670.97206703899</v>
      </c>
      <c r="BZ607" s="53">
        <v>199670.97206703899</v>
      </c>
      <c r="CA607" s="53">
        <v>2396051.6648044698</v>
      </c>
      <c r="CB607" s="53"/>
      <c r="CC607" s="53"/>
      <c r="CD607" s="53"/>
      <c r="CE607" s="53"/>
      <c r="CF607" s="53"/>
      <c r="CG607" s="53"/>
      <c r="CH607" s="53"/>
      <c r="CI607" s="53"/>
      <c r="CJ607" s="53"/>
      <c r="CK607" s="53"/>
      <c r="CL607" s="53"/>
      <c r="CM607" s="53"/>
      <c r="CN607" s="53"/>
    </row>
    <row r="608" spans="1:92" outlineLevel="1">
      <c r="A608" s="52" t="s">
        <v>729</v>
      </c>
      <c r="B608" s="53">
        <v>115069.469767441</v>
      </c>
      <c r="C608" s="53">
        <v>115069.469767441</v>
      </c>
      <c r="D608" s="53">
        <v>115069.469767441</v>
      </c>
      <c r="E608" s="53">
        <v>115069.469767441</v>
      </c>
      <c r="F608" s="53">
        <v>115069.469767441</v>
      </c>
      <c r="G608" s="53">
        <v>115069.469767441</v>
      </c>
      <c r="H608" s="53">
        <v>115069.469767441</v>
      </c>
      <c r="I608" s="53">
        <v>115069.469767441</v>
      </c>
      <c r="J608" s="53">
        <v>115069.469767441</v>
      </c>
      <c r="K608" s="53">
        <v>115069.469767441</v>
      </c>
      <c r="L608" s="53">
        <v>115069.469767441</v>
      </c>
      <c r="M608" s="53">
        <v>115069.469767441</v>
      </c>
      <c r="N608" s="53">
        <v>1380833.6372093</v>
      </c>
      <c r="O608" s="53">
        <v>115069.469767441</v>
      </c>
      <c r="P608" s="53">
        <v>115069.469767441</v>
      </c>
      <c r="Q608" s="53">
        <v>115069.469767441</v>
      </c>
      <c r="R608" s="53">
        <v>115069.469767441</v>
      </c>
      <c r="S608" s="53">
        <v>115069.469767441</v>
      </c>
      <c r="T608" s="53">
        <v>115069.469767441</v>
      </c>
      <c r="U608" s="53">
        <v>115069.469767441</v>
      </c>
      <c r="V608" s="53">
        <v>115069.469767441</v>
      </c>
      <c r="W608" s="53">
        <v>115069.469767441</v>
      </c>
      <c r="X608" s="53">
        <v>115069.469767441</v>
      </c>
      <c r="Y608" s="53">
        <v>115069.469767441</v>
      </c>
      <c r="Z608" s="53">
        <v>115069.469767441</v>
      </c>
      <c r="AA608" s="53">
        <v>1380833.6372093</v>
      </c>
      <c r="AB608" s="53">
        <v>115069.469767441</v>
      </c>
      <c r="AC608" s="53">
        <v>115069.469767441</v>
      </c>
      <c r="AD608" s="53">
        <v>115069.469767441</v>
      </c>
      <c r="AE608" s="53">
        <v>115069.469767441</v>
      </c>
      <c r="AF608" s="53">
        <v>115069.469767441</v>
      </c>
      <c r="AG608" s="53">
        <v>115069.469767441</v>
      </c>
      <c r="AH608" s="53">
        <v>115069.469767441</v>
      </c>
      <c r="AI608" s="53">
        <v>115069.469767441</v>
      </c>
      <c r="AJ608" s="53">
        <v>115069.469767441</v>
      </c>
      <c r="AK608" s="53">
        <v>115069.469767441</v>
      </c>
      <c r="AL608" s="53">
        <v>115069.469767441</v>
      </c>
      <c r="AM608" s="53">
        <v>115069.469767441</v>
      </c>
      <c r="AN608" s="53">
        <v>1380833.6372093</v>
      </c>
      <c r="AO608" s="53">
        <v>115069.469767441</v>
      </c>
      <c r="AP608" s="53">
        <v>115069.469767441</v>
      </c>
      <c r="AQ608" s="53">
        <v>115069.469767441</v>
      </c>
      <c r="AR608" s="53">
        <v>115069.469767441</v>
      </c>
      <c r="AS608" s="53">
        <v>115069.469767441</v>
      </c>
      <c r="AT608" s="53">
        <v>115069.469767441</v>
      </c>
      <c r="AU608" s="53">
        <v>115069.469767441</v>
      </c>
      <c r="AV608" s="53">
        <v>115069.469767441</v>
      </c>
      <c r="AW608" s="53">
        <v>115069.469767441</v>
      </c>
      <c r="AX608" s="53">
        <v>115069.469767441</v>
      </c>
      <c r="AY608" s="53">
        <v>115069.469767441</v>
      </c>
      <c r="AZ608" s="53">
        <v>115069.469767441</v>
      </c>
      <c r="BA608" s="53">
        <v>1380833.6372093</v>
      </c>
      <c r="BB608" s="53">
        <v>115069.469767441</v>
      </c>
      <c r="BC608" s="53">
        <v>115069.469767441</v>
      </c>
      <c r="BD608" s="53">
        <v>115069.469767441</v>
      </c>
      <c r="BE608" s="53">
        <v>115069.469767441</v>
      </c>
      <c r="BF608" s="53">
        <v>115069.469767441</v>
      </c>
      <c r="BG608" s="53">
        <v>115069.469767441</v>
      </c>
      <c r="BH608" s="53">
        <v>115069.469767441</v>
      </c>
      <c r="BI608" s="53">
        <v>115069.469767441</v>
      </c>
      <c r="BJ608" s="53">
        <v>115069.469767441</v>
      </c>
      <c r="BK608" s="53">
        <v>115069.469767441</v>
      </c>
      <c r="BL608" s="53">
        <v>115069.469767441</v>
      </c>
      <c r="BM608" s="53">
        <v>115069.469767441</v>
      </c>
      <c r="BN608" s="53">
        <v>1380833.6372093</v>
      </c>
      <c r="BO608" s="53">
        <v>115069.469767441</v>
      </c>
      <c r="BP608" s="53">
        <v>115069.469767441</v>
      </c>
      <c r="BQ608" s="53">
        <v>115069.469767441</v>
      </c>
      <c r="BR608" s="53">
        <v>115069.469767441</v>
      </c>
      <c r="BS608" s="53">
        <v>115069.469767441</v>
      </c>
      <c r="BT608" s="53">
        <v>115069.469767441</v>
      </c>
      <c r="BU608" s="53">
        <v>115069.469767441</v>
      </c>
      <c r="BV608" s="53">
        <v>115069.469767441</v>
      </c>
      <c r="BW608" s="53">
        <v>115069.469767441</v>
      </c>
      <c r="BX608" s="53">
        <v>115069.469767441</v>
      </c>
      <c r="BY608" s="53">
        <v>115069.469767441</v>
      </c>
      <c r="BZ608" s="53">
        <v>115069.469767441</v>
      </c>
      <c r="CA608" s="53">
        <v>1380833.6372093</v>
      </c>
      <c r="CB608" s="53"/>
      <c r="CC608" s="53"/>
      <c r="CD608" s="53"/>
      <c r="CE608" s="53"/>
      <c r="CF608" s="53"/>
      <c r="CG608" s="53"/>
      <c r="CH608" s="53"/>
      <c r="CI608" s="53"/>
      <c r="CJ608" s="53"/>
      <c r="CK608" s="53"/>
      <c r="CL608" s="53"/>
      <c r="CM608" s="53"/>
      <c r="CN608" s="53"/>
    </row>
    <row r="609" spans="1:92" outlineLevel="1">
      <c r="A609" s="52" t="s">
        <v>739</v>
      </c>
      <c r="B609" s="53"/>
      <c r="C609" s="53"/>
      <c r="D609" s="53"/>
      <c r="E609" s="53"/>
      <c r="F609" s="53"/>
      <c r="G609" s="53"/>
      <c r="H609" s="53"/>
      <c r="I609" s="53"/>
      <c r="J609" s="53"/>
      <c r="K609" s="53"/>
      <c r="L609" s="53"/>
      <c r="M609" s="53"/>
      <c r="N609" s="53"/>
      <c r="O609" s="53"/>
      <c r="P609" s="53"/>
      <c r="Q609" s="53"/>
      <c r="R609" s="53"/>
      <c r="S609" s="53"/>
      <c r="T609" s="53"/>
      <c r="U609" s="53"/>
      <c r="V609" s="53"/>
      <c r="W609" s="53"/>
      <c r="X609" s="53"/>
      <c r="Y609" s="53"/>
      <c r="Z609" s="53"/>
      <c r="AA609" s="53"/>
      <c r="AB609" s="53"/>
      <c r="AC609" s="53"/>
      <c r="AD609" s="53"/>
      <c r="AE609" s="53"/>
      <c r="AF609" s="53"/>
      <c r="AG609" s="53"/>
      <c r="AH609" s="53"/>
      <c r="AI609" s="53"/>
      <c r="AJ609" s="53"/>
      <c r="AK609" s="53"/>
      <c r="AL609" s="53"/>
      <c r="AM609" s="53"/>
      <c r="AN609" s="53"/>
      <c r="AO609" s="53"/>
      <c r="AP609" s="53"/>
      <c r="AQ609" s="53"/>
      <c r="AR609" s="53"/>
      <c r="AS609" s="53"/>
      <c r="AT609" s="53"/>
      <c r="AU609" s="53"/>
      <c r="AV609" s="53"/>
      <c r="AW609" s="53"/>
      <c r="AX609" s="53"/>
      <c r="AY609" s="53"/>
      <c r="AZ609" s="53"/>
      <c r="BA609" s="53"/>
      <c r="BB609" s="53"/>
      <c r="BC609" s="53"/>
      <c r="BD609" s="53"/>
      <c r="BE609" s="53"/>
      <c r="BF609" s="53"/>
      <c r="BG609" s="53"/>
      <c r="BH609" s="53"/>
      <c r="BI609" s="53"/>
      <c r="BJ609" s="53"/>
      <c r="BK609" s="53"/>
      <c r="BL609" s="53"/>
      <c r="BM609" s="53"/>
      <c r="BN609" s="53"/>
      <c r="BO609" s="53"/>
      <c r="BP609" s="53"/>
      <c r="BQ609" s="53"/>
      <c r="BR609" s="53"/>
      <c r="BS609" s="53"/>
      <c r="BT609" s="53"/>
      <c r="BU609" s="53"/>
      <c r="BV609" s="53"/>
      <c r="BW609" s="53"/>
      <c r="BX609" s="53"/>
      <c r="BY609" s="53"/>
      <c r="BZ609" s="53"/>
      <c r="CA609" s="53"/>
      <c r="CB609" s="53"/>
      <c r="CC609" s="53"/>
      <c r="CD609" s="53"/>
      <c r="CE609" s="53"/>
      <c r="CF609" s="53"/>
      <c r="CG609" s="53"/>
      <c r="CH609" s="53"/>
      <c r="CI609" s="53"/>
      <c r="CJ609" s="53"/>
      <c r="CK609" s="53"/>
      <c r="CL609" s="53"/>
      <c r="CM609" s="53"/>
      <c r="CN609" s="53"/>
    </row>
    <row r="610" spans="1:92" outlineLevel="1">
      <c r="A610" s="52" t="s">
        <v>1219</v>
      </c>
      <c r="B610" s="53"/>
      <c r="C610" s="53"/>
      <c r="D610" s="53"/>
      <c r="E610" s="53"/>
      <c r="F610" s="53"/>
      <c r="G610" s="53"/>
      <c r="H610" s="53"/>
      <c r="I610" s="53"/>
      <c r="J610" s="53"/>
      <c r="K610" s="53"/>
      <c r="L610" s="53"/>
      <c r="M610" s="53"/>
      <c r="N610" s="53"/>
      <c r="O610" s="53"/>
      <c r="P610" s="53"/>
      <c r="Q610" s="53"/>
      <c r="R610" s="53"/>
      <c r="S610" s="53"/>
      <c r="T610" s="53"/>
      <c r="U610" s="53"/>
      <c r="V610" s="53"/>
      <c r="W610" s="53"/>
      <c r="X610" s="53"/>
      <c r="Y610" s="53"/>
      <c r="Z610" s="53"/>
      <c r="AA610" s="53"/>
      <c r="AB610" s="53"/>
      <c r="AC610" s="53"/>
      <c r="AD610" s="53"/>
      <c r="AE610" s="53"/>
      <c r="AF610" s="53"/>
      <c r="AG610" s="53"/>
      <c r="AH610" s="53"/>
      <c r="AI610" s="53"/>
      <c r="AJ610" s="53"/>
      <c r="AK610" s="53"/>
      <c r="AL610" s="53"/>
      <c r="AM610" s="53"/>
      <c r="AN610" s="53"/>
      <c r="AO610" s="53"/>
      <c r="AP610" s="53"/>
      <c r="AQ610" s="53"/>
      <c r="AR610" s="53"/>
      <c r="AS610" s="53"/>
      <c r="AT610" s="53"/>
      <c r="AU610" s="53"/>
      <c r="AV610" s="53"/>
      <c r="AW610" s="53"/>
      <c r="AX610" s="53"/>
      <c r="AY610" s="53"/>
      <c r="AZ610" s="53"/>
      <c r="BA610" s="53"/>
      <c r="BB610" s="53"/>
      <c r="BC610" s="53"/>
      <c r="BD610" s="53"/>
      <c r="BE610" s="53"/>
      <c r="BF610" s="53"/>
      <c r="BG610" s="53"/>
      <c r="BH610" s="53"/>
      <c r="BI610" s="53"/>
      <c r="BJ610" s="53"/>
      <c r="BK610" s="53"/>
      <c r="BL610" s="53"/>
      <c r="BM610" s="53"/>
      <c r="BN610" s="53"/>
      <c r="BO610" s="53"/>
      <c r="BP610" s="53"/>
      <c r="BQ610" s="53"/>
      <c r="BR610" s="53"/>
      <c r="BS610" s="53"/>
      <c r="BT610" s="53"/>
      <c r="BU610" s="53"/>
      <c r="BV610" s="53"/>
      <c r="BW610" s="53"/>
      <c r="BX610" s="53"/>
      <c r="BY610" s="53"/>
      <c r="BZ610" s="53"/>
      <c r="CA610" s="53"/>
      <c r="CB610" s="53">
        <v>14636984.920697</v>
      </c>
      <c r="CC610" s="53">
        <v>13239664.975370999</v>
      </c>
      <c r="CD610" s="53">
        <v>14183658.045549201</v>
      </c>
      <c r="CE610" s="53">
        <v>14620125.3385897</v>
      </c>
      <c r="CF610" s="53">
        <v>17025925.064432099</v>
      </c>
      <c r="CG610" s="53">
        <v>18398724.701769501</v>
      </c>
      <c r="CH610" s="53">
        <v>19662962.669333499</v>
      </c>
      <c r="CI610" s="53">
        <v>20136690.254781</v>
      </c>
      <c r="CJ610" s="53">
        <v>18800869.083927698</v>
      </c>
      <c r="CK610" s="53">
        <v>16145176.3461945</v>
      </c>
      <c r="CL610" s="53">
        <v>13960036.1488743</v>
      </c>
      <c r="CM610" s="53">
        <v>14567182.450480299</v>
      </c>
      <c r="CN610" s="53">
        <v>195378000</v>
      </c>
    </row>
    <row r="611" spans="1:92" outlineLevel="1">
      <c r="A611" s="52" t="s">
        <v>649</v>
      </c>
      <c r="B611" s="53"/>
      <c r="C611" s="53"/>
      <c r="D611" s="53"/>
      <c r="E611" s="53"/>
      <c r="F611" s="53"/>
      <c r="G611" s="53"/>
      <c r="H611" s="53"/>
      <c r="I611" s="53"/>
      <c r="J611" s="53"/>
      <c r="K611" s="53"/>
      <c r="L611" s="53"/>
      <c r="M611" s="53"/>
      <c r="N611" s="53"/>
      <c r="O611" s="53"/>
      <c r="P611" s="53"/>
      <c r="Q611" s="53"/>
      <c r="R611" s="53"/>
      <c r="S611" s="53"/>
      <c r="T611" s="53"/>
      <c r="U611" s="53"/>
      <c r="V611" s="53">
        <v>34957002.304019198</v>
      </c>
      <c r="W611" s="53">
        <v>97623944.7103073</v>
      </c>
      <c r="X611" s="53">
        <v>240481624.42002299</v>
      </c>
      <c r="Y611" s="53">
        <v>60551123.303601101</v>
      </c>
      <c r="Z611" s="53"/>
      <c r="AA611" s="53">
        <v>433613694.73795098</v>
      </c>
      <c r="AB611" s="53"/>
      <c r="AC611" s="53"/>
      <c r="AD611" s="53"/>
      <c r="AE611" s="53"/>
      <c r="AF611" s="53"/>
      <c r="AG611" s="53"/>
      <c r="AH611" s="53"/>
      <c r="AI611" s="53">
        <v>137442028.716232</v>
      </c>
      <c r="AJ611" s="53">
        <v>239377237.91134599</v>
      </c>
      <c r="AK611" s="53">
        <v>393280992.26323497</v>
      </c>
      <c r="AL611" s="53">
        <v>193048441.87334099</v>
      </c>
      <c r="AM611" s="53"/>
      <c r="AN611" s="53">
        <v>963148700.76415598</v>
      </c>
      <c r="AO611" s="53"/>
      <c r="AP611" s="53"/>
      <c r="AQ611" s="53"/>
      <c r="AR611" s="53"/>
      <c r="AS611" s="53"/>
      <c r="AT611" s="53">
        <v>233794140.86158001</v>
      </c>
      <c r="AU611" s="53">
        <v>227643124.22132599</v>
      </c>
      <c r="AV611" s="53">
        <v>280939309.93058503</v>
      </c>
      <c r="AW611" s="53">
        <v>341934612.80359203</v>
      </c>
      <c r="AX611" s="53">
        <v>384555249.98042399</v>
      </c>
      <c r="AY611" s="53">
        <v>71955812.614500195</v>
      </c>
      <c r="AZ611" s="53"/>
      <c r="BA611" s="53">
        <v>1540822250.4119999</v>
      </c>
      <c r="BB611" s="53"/>
      <c r="BC611" s="53"/>
      <c r="BD611" s="53"/>
      <c r="BE611" s="53"/>
      <c r="BF611" s="53"/>
      <c r="BG611" s="53">
        <v>233559606.438665</v>
      </c>
      <c r="BH611" s="53">
        <v>256509907.93695101</v>
      </c>
      <c r="BI611" s="53">
        <v>316266376.39893699</v>
      </c>
      <c r="BJ611" s="53">
        <v>290456805.72593403</v>
      </c>
      <c r="BK611" s="53">
        <v>345374414.50259</v>
      </c>
      <c r="BL611" s="53">
        <v>25961727.997004099</v>
      </c>
      <c r="BM611" s="53"/>
      <c r="BN611" s="53">
        <v>1468128839.0000801</v>
      </c>
      <c r="BO611" s="53"/>
      <c r="BP611" s="53"/>
      <c r="BQ611" s="53"/>
      <c r="BR611" s="53"/>
      <c r="BS611" s="53"/>
      <c r="BT611" s="53">
        <v>89413364.099600807</v>
      </c>
      <c r="BU611" s="53">
        <v>131321263.992834</v>
      </c>
      <c r="BV611" s="53">
        <v>209891225.351459</v>
      </c>
      <c r="BW611" s="53">
        <v>354915954.59222502</v>
      </c>
      <c r="BX611" s="53">
        <v>406748952.61554003</v>
      </c>
      <c r="BY611" s="53">
        <v>76328665.770742998</v>
      </c>
      <c r="BZ611" s="53"/>
      <c r="CA611" s="53">
        <v>1268619426.4224</v>
      </c>
      <c r="CB611" s="53"/>
      <c r="CC611" s="53"/>
      <c r="CD611" s="53"/>
      <c r="CE611" s="53"/>
      <c r="CF611" s="53"/>
      <c r="CG611" s="53"/>
      <c r="CH611" s="53"/>
      <c r="CI611" s="53"/>
      <c r="CJ611" s="53"/>
      <c r="CK611" s="53"/>
      <c r="CL611" s="53"/>
      <c r="CM611" s="53"/>
      <c r="CN611" s="53"/>
    </row>
    <row r="612" spans="1:92" outlineLevel="1">
      <c r="A612" s="52" t="s">
        <v>1220</v>
      </c>
      <c r="B612" s="53"/>
      <c r="C612" s="53"/>
      <c r="D612" s="53"/>
      <c r="E612" s="53"/>
      <c r="F612" s="53"/>
      <c r="G612" s="53"/>
      <c r="H612" s="53"/>
      <c r="I612" s="53"/>
      <c r="J612" s="53"/>
      <c r="K612" s="53"/>
      <c r="L612" s="53"/>
      <c r="M612" s="53"/>
      <c r="N612" s="53"/>
      <c r="O612" s="53"/>
      <c r="P612" s="53"/>
      <c r="Q612" s="53"/>
      <c r="R612" s="53"/>
      <c r="S612" s="53"/>
      <c r="T612" s="53"/>
      <c r="U612" s="53"/>
      <c r="V612" s="53"/>
      <c r="W612" s="53"/>
      <c r="X612" s="53"/>
      <c r="Y612" s="53"/>
      <c r="Z612" s="53"/>
      <c r="AA612" s="53"/>
      <c r="AB612" s="53"/>
      <c r="AC612" s="53"/>
      <c r="AD612" s="53"/>
      <c r="AE612" s="53"/>
      <c r="AF612" s="53"/>
      <c r="AG612" s="53"/>
      <c r="AH612" s="53"/>
      <c r="AI612" s="53"/>
      <c r="AJ612" s="53"/>
      <c r="AK612" s="53"/>
      <c r="AL612" s="53"/>
      <c r="AM612" s="53"/>
      <c r="AN612" s="53"/>
      <c r="AO612" s="53"/>
      <c r="AP612" s="53"/>
      <c r="AQ612" s="53"/>
      <c r="AR612" s="53"/>
      <c r="AS612" s="53"/>
      <c r="AT612" s="53"/>
      <c r="AU612" s="53"/>
      <c r="AV612" s="53"/>
      <c r="AW612" s="53"/>
      <c r="AX612" s="53"/>
      <c r="AY612" s="53"/>
      <c r="AZ612" s="53"/>
      <c r="BA612" s="53"/>
      <c r="BB612" s="53"/>
      <c r="BC612" s="53"/>
      <c r="BD612" s="53"/>
      <c r="BE612" s="53"/>
      <c r="BF612" s="53"/>
      <c r="BG612" s="53"/>
      <c r="BH612" s="53"/>
      <c r="BI612" s="53"/>
      <c r="BJ612" s="53"/>
      <c r="BK612" s="53"/>
      <c r="BL612" s="53"/>
      <c r="BM612" s="53"/>
      <c r="BN612" s="53"/>
      <c r="BO612" s="53"/>
      <c r="BP612" s="53"/>
      <c r="BQ612" s="53"/>
      <c r="BR612" s="53"/>
      <c r="BS612" s="53"/>
      <c r="BT612" s="53"/>
      <c r="BU612" s="53"/>
      <c r="BV612" s="53"/>
      <c r="BW612" s="53"/>
      <c r="BX612" s="53"/>
      <c r="BY612" s="53"/>
      <c r="BZ612" s="53"/>
      <c r="CA612" s="53"/>
      <c r="CB612" s="53">
        <v>16698580.1769762</v>
      </c>
      <c r="CC612" s="53">
        <v>16698580.1769762</v>
      </c>
      <c r="CD612" s="53">
        <v>16698580.1769762</v>
      </c>
      <c r="CE612" s="53">
        <v>16698580.1769762</v>
      </c>
      <c r="CF612" s="53">
        <v>16698580.1769762</v>
      </c>
      <c r="CG612" s="53">
        <v>16698580.1769762</v>
      </c>
      <c r="CH612" s="53">
        <v>16698580.1769762</v>
      </c>
      <c r="CI612" s="53">
        <v>16698580.1769762</v>
      </c>
      <c r="CJ612" s="53">
        <v>16698580.1769762</v>
      </c>
      <c r="CK612" s="53">
        <v>16698580.1769762</v>
      </c>
      <c r="CL612" s="53">
        <v>16698580.1769762</v>
      </c>
      <c r="CM612" s="53">
        <v>16698580.1769762</v>
      </c>
      <c r="CN612" s="53">
        <v>200382962.123714</v>
      </c>
    </row>
    <row r="613" spans="1:92" outlineLevel="1">
      <c r="A613" s="52" t="s">
        <v>1221</v>
      </c>
      <c r="B613" s="53"/>
      <c r="C613" s="53"/>
      <c r="D613" s="53"/>
      <c r="E613" s="53"/>
      <c r="F613" s="53"/>
      <c r="G613" s="53"/>
      <c r="H613" s="53"/>
      <c r="I613" s="53"/>
      <c r="J613" s="53"/>
      <c r="K613" s="53"/>
      <c r="L613" s="53"/>
      <c r="M613" s="53"/>
      <c r="N613" s="53"/>
      <c r="O613" s="53">
        <v>1189666.97029785</v>
      </c>
      <c r="P613" s="53">
        <v>2233349.8897617199</v>
      </c>
      <c r="Q613" s="53">
        <v>179387.54782046899</v>
      </c>
      <c r="R613" s="53">
        <v>1033052.38650028</v>
      </c>
      <c r="S613" s="53">
        <v>2076362.0680704</v>
      </c>
      <c r="T613" s="53">
        <v>2249648.3520378801</v>
      </c>
      <c r="U613" s="53">
        <v>3297603.1986955102</v>
      </c>
      <c r="V613" s="53">
        <v>4349358.0009448398</v>
      </c>
      <c r="W613" s="53">
        <v>4557024.1327773901</v>
      </c>
      <c r="X613" s="53">
        <v>5613510.6354678497</v>
      </c>
      <c r="Y613" s="53">
        <v>6673966.4049185701</v>
      </c>
      <c r="Z613" s="53">
        <v>6665560.7110996898</v>
      </c>
      <c r="AA613" s="53">
        <v>40118490.298392497</v>
      </c>
      <c r="AB613" s="53">
        <v>7903196.5122474199</v>
      </c>
      <c r="AC613" s="53">
        <v>8994305.0694999602</v>
      </c>
      <c r="AD613" s="53">
        <v>9640693.4855225701</v>
      </c>
      <c r="AE613" s="53">
        <v>10543825.307235699</v>
      </c>
      <c r="AF613" s="53">
        <v>11646861.093870901</v>
      </c>
      <c r="AG613" s="53">
        <v>11842252.917847799</v>
      </c>
      <c r="AH613" s="53">
        <v>12946880.624033101</v>
      </c>
      <c r="AI613" s="53">
        <v>14055242.750561099</v>
      </c>
      <c r="AJ613" s="53">
        <v>14282564.3204113</v>
      </c>
      <c r="AK613" s="53">
        <v>15395441.999409299</v>
      </c>
      <c r="AL613" s="53">
        <v>16514879.670560701</v>
      </c>
      <c r="AM613" s="53">
        <v>16513815.966390001</v>
      </c>
      <c r="AN613" s="53">
        <v>150279959.71759</v>
      </c>
      <c r="AO613" s="53">
        <v>17633676.896308299</v>
      </c>
      <c r="AP613" s="53">
        <v>18756596.925441898</v>
      </c>
      <c r="AQ613" s="53">
        <v>19415172.210011199</v>
      </c>
      <c r="AR613" s="53">
        <v>20346295.839072201</v>
      </c>
      <c r="AS613" s="53">
        <v>21479561.534265298</v>
      </c>
      <c r="AT613" s="53">
        <v>21712692.5097069</v>
      </c>
      <c r="AU613" s="53">
        <v>22846867.133390199</v>
      </c>
      <c r="AV613" s="53">
        <v>23984117.645277999</v>
      </c>
      <c r="AW613" s="53">
        <v>24219085.231812298</v>
      </c>
      <c r="AX613" s="53">
        <v>25360057.2071984</v>
      </c>
      <c r="AY613" s="53">
        <v>26506920.252508398</v>
      </c>
      <c r="AZ613" s="53">
        <v>26507151.8803395</v>
      </c>
      <c r="BA613" s="53">
        <v>268768195.265333</v>
      </c>
      <c r="BB613" s="53">
        <v>27653006.958791699</v>
      </c>
      <c r="BC613" s="53">
        <v>28801921.730377302</v>
      </c>
      <c r="BD613" s="53">
        <v>29475718.909522198</v>
      </c>
      <c r="BE613" s="53">
        <v>30428569.385194398</v>
      </c>
      <c r="BF613" s="53">
        <v>31587884.503713001</v>
      </c>
      <c r="BG613" s="53">
        <v>31827302.641490199</v>
      </c>
      <c r="BH613" s="53">
        <v>32987556.006354</v>
      </c>
      <c r="BI613" s="53">
        <v>34150907.511043899</v>
      </c>
      <c r="BJ613" s="53">
        <v>34392181.504638001</v>
      </c>
      <c r="BK613" s="53">
        <v>35559283.678215101</v>
      </c>
      <c r="BL613" s="53">
        <v>36732298.968410604</v>
      </c>
      <c r="BM613" s="53">
        <v>36733670.199525297</v>
      </c>
      <c r="BN613" s="53">
        <v>390330301.99727601</v>
      </c>
      <c r="BO613" s="53">
        <v>37906832.402995303</v>
      </c>
      <c r="BP613" s="53">
        <v>39083127.215820402</v>
      </c>
      <c r="BQ613" s="53">
        <v>39773981.380675599</v>
      </c>
      <c r="BR613" s="53">
        <v>40749765.333554</v>
      </c>
      <c r="BS613" s="53">
        <v>41936640.387849197</v>
      </c>
      <c r="BT613" s="53">
        <v>42182807.076667197</v>
      </c>
      <c r="BU613" s="53">
        <v>43370711.988754399</v>
      </c>
      <c r="BV613" s="53">
        <v>44561788.876574799</v>
      </c>
      <c r="BW613" s="53">
        <v>44809871.6395832</v>
      </c>
      <c r="BX613" s="53">
        <v>46004791.4103164</v>
      </c>
      <c r="BY613" s="53">
        <v>47205698.576966099</v>
      </c>
      <c r="BZ613" s="53">
        <v>47208420.346398003</v>
      </c>
      <c r="CA613" s="53">
        <v>514794436.63615501</v>
      </c>
      <c r="CB613" s="53"/>
      <c r="CC613" s="53"/>
      <c r="CD613" s="53"/>
      <c r="CE613" s="53"/>
      <c r="CF613" s="53"/>
      <c r="CG613" s="53"/>
      <c r="CH613" s="53"/>
      <c r="CI613" s="53"/>
      <c r="CJ613" s="53"/>
      <c r="CK613" s="53"/>
      <c r="CL613" s="53"/>
      <c r="CM613" s="53"/>
      <c r="CN613" s="53"/>
    </row>
    <row r="614" spans="1:92" outlineLevel="1">
      <c r="A614" s="52" t="s">
        <v>1227</v>
      </c>
      <c r="B614" s="53"/>
      <c r="C614" s="53"/>
      <c r="D614" s="53"/>
      <c r="E614" s="53"/>
      <c r="F614" s="53"/>
      <c r="G614" s="53"/>
      <c r="H614" s="53"/>
      <c r="I614" s="53"/>
      <c r="J614" s="53"/>
      <c r="K614" s="53"/>
      <c r="L614" s="53"/>
      <c r="M614" s="53"/>
      <c r="N614" s="53"/>
      <c r="O614" s="53"/>
      <c r="P614" s="53"/>
      <c r="Q614" s="53"/>
      <c r="R614" s="53"/>
      <c r="S614" s="53"/>
      <c r="T614" s="53"/>
      <c r="U614" s="53"/>
      <c r="V614" s="53"/>
      <c r="W614" s="53"/>
      <c r="X614" s="53"/>
      <c r="Y614" s="53"/>
      <c r="Z614" s="53"/>
      <c r="AA614" s="53"/>
      <c r="AB614" s="53"/>
      <c r="AC614" s="53"/>
      <c r="AD614" s="53"/>
      <c r="AE614" s="53"/>
      <c r="AF614" s="53"/>
      <c r="AG614" s="53"/>
      <c r="AH614" s="53"/>
      <c r="AI614" s="53"/>
      <c r="AJ614" s="53"/>
      <c r="AK614" s="53"/>
      <c r="AL614" s="53"/>
      <c r="AM614" s="53"/>
      <c r="AN614" s="53"/>
      <c r="AO614" s="53"/>
      <c r="AP614" s="53"/>
      <c r="AQ614" s="53"/>
      <c r="AR614" s="53"/>
      <c r="AS614" s="53"/>
      <c r="AT614" s="53"/>
      <c r="AU614" s="53"/>
      <c r="AV614" s="53"/>
      <c r="AW614" s="53"/>
      <c r="AX614" s="53"/>
      <c r="AY614" s="53"/>
      <c r="AZ614" s="53"/>
      <c r="BA614" s="53"/>
      <c r="BB614" s="53"/>
      <c r="BC614" s="53"/>
      <c r="BD614" s="53"/>
      <c r="BE614" s="53"/>
      <c r="BF614" s="53"/>
      <c r="BG614" s="53"/>
      <c r="BH614" s="53"/>
      <c r="BI614" s="53"/>
      <c r="BJ614" s="53"/>
      <c r="BK614" s="53"/>
      <c r="BL614" s="53"/>
      <c r="BM614" s="53"/>
      <c r="BN614" s="53"/>
      <c r="BO614" s="53"/>
      <c r="BP614" s="53"/>
      <c r="BQ614" s="53"/>
      <c r="BR614" s="53"/>
      <c r="BS614" s="53"/>
      <c r="BT614" s="53"/>
      <c r="BU614" s="53"/>
      <c r="BV614" s="53"/>
      <c r="BW614" s="53"/>
      <c r="BX614" s="53"/>
      <c r="BY614" s="53"/>
      <c r="BZ614" s="53"/>
      <c r="CA614" s="53"/>
      <c r="CB614" s="53">
        <v>6254150</v>
      </c>
      <c r="CC614" s="53">
        <v>6254150</v>
      </c>
      <c r="CD614" s="53">
        <v>6254150</v>
      </c>
      <c r="CE614" s="53">
        <v>6254150</v>
      </c>
      <c r="CF614" s="53">
        <v>6254150</v>
      </c>
      <c r="CG614" s="53">
        <v>6254150</v>
      </c>
      <c r="CH614" s="53">
        <v>6254150</v>
      </c>
      <c r="CI614" s="53">
        <v>6254150</v>
      </c>
      <c r="CJ614" s="53">
        <v>6254150</v>
      </c>
      <c r="CK614" s="53">
        <v>6254150</v>
      </c>
      <c r="CL614" s="53">
        <v>6254150</v>
      </c>
      <c r="CM614" s="53">
        <v>6254150</v>
      </c>
      <c r="CN614" s="53">
        <v>75049800</v>
      </c>
    </row>
    <row r="615" spans="1:92" outlineLevel="1">
      <c r="A615" s="52" t="s">
        <v>1228</v>
      </c>
      <c r="B615" s="53"/>
      <c r="C615" s="53"/>
      <c r="D615" s="53"/>
      <c r="E615" s="53"/>
      <c r="F615" s="53"/>
      <c r="G615" s="53"/>
      <c r="H615" s="53"/>
      <c r="I615" s="53"/>
      <c r="J615" s="53"/>
      <c r="K615" s="53"/>
      <c r="L615" s="53"/>
      <c r="M615" s="53"/>
      <c r="N615" s="53"/>
      <c r="O615" s="53"/>
      <c r="P615" s="53"/>
      <c r="Q615" s="53"/>
      <c r="R615" s="53"/>
      <c r="S615" s="53"/>
      <c r="T615" s="53"/>
      <c r="U615" s="53"/>
      <c r="V615" s="53"/>
      <c r="W615" s="53"/>
      <c r="X615" s="53"/>
      <c r="Y615" s="53"/>
      <c r="Z615" s="53"/>
      <c r="AA615" s="53"/>
      <c r="AB615" s="53"/>
      <c r="AC615" s="53"/>
      <c r="AD615" s="53"/>
      <c r="AE615" s="53"/>
      <c r="AF615" s="53"/>
      <c r="AG615" s="53"/>
      <c r="AH615" s="53"/>
      <c r="AI615" s="53"/>
      <c r="AJ615" s="53"/>
      <c r="AK615" s="53"/>
      <c r="AL615" s="53"/>
      <c r="AM615" s="53"/>
      <c r="AN615" s="53"/>
      <c r="AO615" s="53"/>
      <c r="AP615" s="53"/>
      <c r="AQ615" s="53"/>
      <c r="AR615" s="53"/>
      <c r="AS615" s="53"/>
      <c r="AT615" s="53"/>
      <c r="AU615" s="53"/>
      <c r="AV615" s="53"/>
      <c r="AW615" s="53"/>
      <c r="AX615" s="53"/>
      <c r="AY615" s="53"/>
      <c r="AZ615" s="53"/>
      <c r="BA615" s="53"/>
      <c r="BB615" s="53"/>
      <c r="BC615" s="53"/>
      <c r="BD615" s="53"/>
      <c r="BE615" s="53"/>
      <c r="BF615" s="53"/>
      <c r="BG615" s="53"/>
      <c r="BH615" s="53"/>
      <c r="BI615" s="53"/>
      <c r="BJ615" s="53"/>
      <c r="BK615" s="53"/>
      <c r="BL615" s="53"/>
      <c r="BM615" s="53"/>
      <c r="BN615" s="53"/>
      <c r="BO615" s="53"/>
      <c r="BP615" s="53"/>
      <c r="BQ615" s="53"/>
      <c r="BR615" s="53"/>
      <c r="BS615" s="53"/>
      <c r="BT615" s="53"/>
      <c r="BU615" s="53"/>
      <c r="BV615" s="53"/>
      <c r="BW615" s="53"/>
      <c r="BX615" s="53"/>
      <c r="BY615" s="53"/>
      <c r="BZ615" s="53"/>
      <c r="CA615" s="53"/>
      <c r="CB615" s="53"/>
      <c r="CC615" s="53"/>
      <c r="CD615" s="53"/>
      <c r="CE615" s="53"/>
      <c r="CF615" s="53"/>
      <c r="CG615" s="53"/>
      <c r="CH615" s="53"/>
      <c r="CI615" s="53"/>
      <c r="CJ615" s="53"/>
      <c r="CK615" s="53"/>
      <c r="CL615" s="53"/>
      <c r="CM615" s="53"/>
      <c r="CN615" s="53"/>
    </row>
    <row r="616" spans="1:92" outlineLevel="1">
      <c r="A616" s="52" t="s">
        <v>649</v>
      </c>
      <c r="B616" s="53"/>
      <c r="C616" s="53"/>
      <c r="D616" s="53"/>
      <c r="E616" s="53"/>
      <c r="F616" s="53"/>
      <c r="G616" s="53"/>
      <c r="H616" s="53"/>
      <c r="I616" s="53"/>
      <c r="J616" s="53"/>
      <c r="K616" s="53"/>
      <c r="L616" s="53"/>
      <c r="M616" s="53"/>
      <c r="N616" s="53"/>
      <c r="O616" s="53">
        <v>4000000</v>
      </c>
      <c r="P616" s="53"/>
      <c r="Q616" s="53"/>
      <c r="R616" s="53"/>
      <c r="S616" s="53"/>
      <c r="T616" s="53"/>
      <c r="U616" s="53"/>
      <c r="V616" s="53"/>
      <c r="W616" s="53"/>
      <c r="X616" s="53"/>
      <c r="Y616" s="53"/>
      <c r="Z616" s="53"/>
      <c r="AA616" s="53">
        <v>4000000</v>
      </c>
      <c r="AB616" s="53"/>
      <c r="AC616" s="53"/>
      <c r="AD616" s="53"/>
      <c r="AE616" s="53"/>
      <c r="AF616" s="53"/>
      <c r="AG616" s="53"/>
      <c r="AH616" s="53"/>
      <c r="AI616" s="53"/>
      <c r="AJ616" s="53"/>
      <c r="AK616" s="53"/>
      <c r="AL616" s="53"/>
      <c r="AM616" s="53"/>
      <c r="AN616" s="53"/>
      <c r="AO616" s="53"/>
      <c r="AP616" s="53"/>
      <c r="AQ616" s="53"/>
      <c r="AR616" s="53"/>
      <c r="AS616" s="53"/>
      <c r="AT616" s="53"/>
      <c r="AU616" s="53"/>
      <c r="AV616" s="53"/>
      <c r="AW616" s="53"/>
      <c r="AX616" s="53"/>
      <c r="AY616" s="53"/>
      <c r="AZ616" s="53"/>
      <c r="BA616" s="53"/>
      <c r="BB616" s="53"/>
      <c r="BC616" s="53"/>
      <c r="BD616" s="53"/>
      <c r="BE616" s="53"/>
      <c r="BF616" s="53"/>
      <c r="BG616" s="53"/>
      <c r="BH616" s="53"/>
      <c r="BI616" s="53"/>
      <c r="BJ616" s="53"/>
      <c r="BK616" s="53"/>
      <c r="BL616" s="53"/>
      <c r="BM616" s="53"/>
      <c r="BN616" s="53"/>
      <c r="BO616" s="53"/>
      <c r="BP616" s="53"/>
      <c r="BQ616" s="53"/>
      <c r="BR616" s="53"/>
      <c r="BS616" s="53"/>
      <c r="BT616" s="53"/>
      <c r="BU616" s="53"/>
      <c r="BV616" s="53"/>
      <c r="BW616" s="53"/>
      <c r="BX616" s="53"/>
      <c r="BY616" s="53"/>
      <c r="BZ616" s="53"/>
      <c r="CA616" s="53"/>
      <c r="CB616" s="53"/>
      <c r="CC616" s="53"/>
      <c r="CD616" s="53"/>
      <c r="CE616" s="53"/>
      <c r="CF616" s="53"/>
      <c r="CG616" s="53"/>
      <c r="CH616" s="53"/>
      <c r="CI616" s="53"/>
      <c r="CJ616" s="53"/>
      <c r="CK616" s="53"/>
      <c r="CL616" s="53"/>
      <c r="CM616" s="53"/>
      <c r="CN616" s="53"/>
    </row>
    <row r="617" spans="1:92" outlineLevel="1">
      <c r="A617" s="52" t="s">
        <v>683</v>
      </c>
      <c r="B617" s="53"/>
      <c r="C617" s="53"/>
      <c r="D617" s="53"/>
      <c r="E617" s="53"/>
      <c r="F617" s="53"/>
      <c r="G617" s="53"/>
      <c r="H617" s="53"/>
      <c r="I617" s="53"/>
      <c r="J617" s="53"/>
      <c r="K617" s="53"/>
      <c r="L617" s="53"/>
      <c r="M617" s="53"/>
      <c r="N617" s="53"/>
      <c r="O617" s="53"/>
      <c r="P617" s="53"/>
      <c r="Q617" s="53"/>
      <c r="R617" s="53"/>
      <c r="S617" s="53"/>
      <c r="T617" s="53"/>
      <c r="U617" s="53"/>
      <c r="V617" s="53"/>
      <c r="W617" s="53"/>
      <c r="X617" s="53"/>
      <c r="Y617" s="53"/>
      <c r="Z617" s="53"/>
      <c r="AA617" s="53"/>
      <c r="AB617" s="53"/>
      <c r="AC617" s="53"/>
      <c r="AD617" s="53"/>
      <c r="AE617" s="53"/>
      <c r="AF617" s="53"/>
      <c r="AG617" s="53"/>
      <c r="AH617" s="53"/>
      <c r="AI617" s="53"/>
      <c r="AJ617" s="53"/>
      <c r="AK617" s="53"/>
      <c r="AL617" s="53"/>
      <c r="AM617" s="53"/>
      <c r="AN617" s="53"/>
      <c r="AO617" s="53"/>
      <c r="AP617" s="53"/>
      <c r="AQ617" s="53"/>
      <c r="AR617" s="53"/>
      <c r="AS617" s="53"/>
      <c r="AT617" s="53"/>
      <c r="AU617" s="53"/>
      <c r="AV617" s="53"/>
      <c r="AW617" s="53"/>
      <c r="AX617" s="53"/>
      <c r="AY617" s="53"/>
      <c r="AZ617" s="53"/>
      <c r="BA617" s="53"/>
      <c r="BB617" s="53"/>
      <c r="BC617" s="53"/>
      <c r="BD617" s="53"/>
      <c r="BE617" s="53"/>
      <c r="BF617" s="53"/>
      <c r="BG617" s="53"/>
      <c r="BH617" s="53"/>
      <c r="BI617" s="53"/>
      <c r="BJ617" s="53"/>
      <c r="BK617" s="53"/>
      <c r="BL617" s="53"/>
      <c r="BM617" s="53"/>
      <c r="BN617" s="53"/>
      <c r="BO617" s="53"/>
      <c r="BP617" s="53"/>
      <c r="BQ617" s="53"/>
      <c r="BR617" s="53"/>
      <c r="BS617" s="53"/>
      <c r="BT617" s="53"/>
      <c r="BU617" s="53"/>
      <c r="BV617" s="53"/>
      <c r="BW617" s="53"/>
      <c r="BX617" s="53"/>
      <c r="BY617" s="53"/>
      <c r="BZ617" s="53"/>
      <c r="CA617" s="53"/>
      <c r="CB617" s="53"/>
      <c r="CC617" s="53"/>
      <c r="CD617" s="53"/>
      <c r="CE617" s="53"/>
      <c r="CF617" s="53"/>
      <c r="CG617" s="53"/>
      <c r="CH617" s="53"/>
      <c r="CI617" s="53"/>
      <c r="CJ617" s="53"/>
      <c r="CK617" s="53"/>
      <c r="CL617" s="53"/>
      <c r="CM617" s="53"/>
      <c r="CN617" s="53"/>
    </row>
    <row r="618" spans="1:92" outlineLevel="1">
      <c r="A618" s="52" t="s">
        <v>1318</v>
      </c>
      <c r="B618" s="53"/>
      <c r="C618" s="53"/>
      <c r="D618" s="53"/>
      <c r="E618" s="53"/>
      <c r="F618" s="53"/>
      <c r="G618" s="53"/>
      <c r="H618" s="53"/>
      <c r="I618" s="53"/>
      <c r="J618" s="53"/>
      <c r="K618" s="53"/>
      <c r="L618" s="53"/>
      <c r="M618" s="53"/>
      <c r="N618" s="53"/>
      <c r="O618" s="53"/>
      <c r="P618" s="53"/>
      <c r="Q618" s="53"/>
      <c r="R618" s="53"/>
      <c r="S618" s="53"/>
      <c r="T618" s="53"/>
      <c r="U618" s="53"/>
      <c r="V618" s="53"/>
      <c r="W618" s="53"/>
      <c r="X618" s="53"/>
      <c r="Y618" s="53"/>
      <c r="Z618" s="53"/>
      <c r="AA618" s="53"/>
      <c r="AB618" s="53"/>
      <c r="AC618" s="53"/>
      <c r="AD618" s="53"/>
      <c r="AE618" s="53"/>
      <c r="AF618" s="53"/>
      <c r="AG618" s="53"/>
      <c r="AH618" s="53"/>
      <c r="AI618" s="53"/>
      <c r="AJ618" s="53"/>
      <c r="AK618" s="53"/>
      <c r="AL618" s="53"/>
      <c r="AM618" s="53"/>
      <c r="AN618" s="53"/>
      <c r="AO618" s="53"/>
      <c r="AP618" s="53"/>
      <c r="AQ618" s="53"/>
      <c r="AR618" s="53"/>
      <c r="AS618" s="53"/>
      <c r="AT618" s="53"/>
      <c r="AU618" s="53"/>
      <c r="AV618" s="53"/>
      <c r="AW618" s="53"/>
      <c r="AX618" s="53"/>
      <c r="AY618" s="53"/>
      <c r="AZ618" s="53"/>
      <c r="BA618" s="53"/>
      <c r="BB618" s="53"/>
      <c r="BC618" s="53"/>
      <c r="BD618" s="53"/>
      <c r="BE618" s="53"/>
      <c r="BF618" s="53"/>
      <c r="BG618" s="53"/>
      <c r="BH618" s="53"/>
      <c r="BI618" s="53"/>
      <c r="BJ618" s="53"/>
      <c r="BK618" s="53"/>
      <c r="BL618" s="53"/>
      <c r="BM618" s="53"/>
      <c r="BN618" s="53"/>
      <c r="BO618" s="53"/>
      <c r="BP618" s="53"/>
      <c r="BQ618" s="53"/>
      <c r="BR618" s="53"/>
      <c r="BS618" s="53"/>
      <c r="BT618" s="53"/>
      <c r="BU618" s="53"/>
      <c r="BV618" s="53"/>
      <c r="BW618" s="53"/>
      <c r="BX618" s="53"/>
      <c r="BY618" s="53"/>
      <c r="BZ618" s="53"/>
      <c r="CA618" s="53"/>
      <c r="CB618" s="53">
        <v>5211941.8569540102</v>
      </c>
      <c r="CC618" s="53">
        <v>5211941.8569540102</v>
      </c>
      <c r="CD618" s="53">
        <v>5211941.8569540102</v>
      </c>
      <c r="CE618" s="53">
        <v>2963163.0301156901</v>
      </c>
      <c r="CF618" s="53">
        <v>2963163.0301156901</v>
      </c>
      <c r="CG618" s="53">
        <v>2963163.0301156901</v>
      </c>
      <c r="CH618" s="53">
        <v>2963163.0301156901</v>
      </c>
      <c r="CI618" s="53">
        <v>2963163.0301156901</v>
      </c>
      <c r="CJ618" s="53">
        <v>2963163.0301156901</v>
      </c>
      <c r="CK618" s="53">
        <v>2963163.0301156901</v>
      </c>
      <c r="CL618" s="53">
        <v>2963163.0301156901</v>
      </c>
      <c r="CM618" s="53">
        <v>2963163.0301156901</v>
      </c>
      <c r="CN618" s="53">
        <v>42304292.841903202</v>
      </c>
    </row>
    <row r="619" spans="1:92" outlineLevel="1">
      <c r="A619" s="52" t="s">
        <v>649</v>
      </c>
      <c r="B619" s="53"/>
      <c r="C619" s="53"/>
      <c r="D619" s="53"/>
      <c r="E619" s="53"/>
      <c r="F619" s="53"/>
      <c r="G619" s="53"/>
      <c r="H619" s="53"/>
      <c r="I619" s="53"/>
      <c r="J619" s="53"/>
      <c r="K619" s="53"/>
      <c r="L619" s="53"/>
      <c r="M619" s="53"/>
      <c r="N619" s="53"/>
      <c r="O619" s="53"/>
      <c r="P619" s="53">
        <v>25367963.0173834</v>
      </c>
      <c r="Q619" s="53"/>
      <c r="R619" s="53"/>
      <c r="S619" s="53"/>
      <c r="T619" s="53"/>
      <c r="U619" s="53"/>
      <c r="V619" s="53"/>
      <c r="W619" s="53"/>
      <c r="X619" s="53"/>
      <c r="Y619" s="53"/>
      <c r="Z619" s="53"/>
      <c r="AA619" s="53">
        <v>25367963.0173834</v>
      </c>
      <c r="AB619" s="53"/>
      <c r="AC619" s="53">
        <v>27921834.385187902</v>
      </c>
      <c r="AD619" s="53"/>
      <c r="AE619" s="53"/>
      <c r="AF619" s="53"/>
      <c r="AG619" s="53"/>
      <c r="AH619" s="53"/>
      <c r="AI619" s="53"/>
      <c r="AJ619" s="53"/>
      <c r="AK619" s="53"/>
      <c r="AL619" s="53"/>
      <c r="AM619" s="53"/>
      <c r="AN619" s="53">
        <v>27921834.385187902</v>
      </c>
      <c r="AO619" s="53"/>
      <c r="AP619" s="53">
        <v>29171487.1500418</v>
      </c>
      <c r="AQ619" s="53"/>
      <c r="AR619" s="53"/>
      <c r="AS619" s="53"/>
      <c r="AT619" s="53"/>
      <c r="AU619" s="53"/>
      <c r="AV619" s="53"/>
      <c r="AW619" s="53"/>
      <c r="AX619" s="53"/>
      <c r="AY619" s="53"/>
      <c r="AZ619" s="53"/>
      <c r="BA619" s="53">
        <v>29171487.1500418</v>
      </c>
      <c r="BB619" s="53"/>
      <c r="BC619" s="53">
        <v>30207874.1107684</v>
      </c>
      <c r="BD619" s="53"/>
      <c r="BE619" s="53"/>
      <c r="BF619" s="53"/>
      <c r="BG619" s="53"/>
      <c r="BH619" s="53"/>
      <c r="BI619" s="53"/>
      <c r="BJ619" s="53"/>
      <c r="BK619" s="53"/>
      <c r="BL619" s="53"/>
      <c r="BM619" s="53"/>
      <c r="BN619" s="53">
        <v>30207874.1107684</v>
      </c>
      <c r="BO619" s="53"/>
      <c r="BP619" s="53">
        <v>31289500.738571301</v>
      </c>
      <c r="BQ619" s="53"/>
      <c r="BR619" s="53"/>
      <c r="BS619" s="53"/>
      <c r="BT619" s="53"/>
      <c r="BU619" s="53"/>
      <c r="BV619" s="53"/>
      <c r="BW619" s="53"/>
      <c r="BX619" s="53"/>
      <c r="BY619" s="53"/>
      <c r="BZ619" s="53"/>
      <c r="CA619" s="53">
        <v>31289500.738571301</v>
      </c>
      <c r="CB619" s="53"/>
      <c r="CC619" s="53"/>
      <c r="CD619" s="53"/>
      <c r="CE619" s="53"/>
      <c r="CF619" s="53"/>
      <c r="CG619" s="53"/>
      <c r="CH619" s="53"/>
      <c r="CI619" s="53"/>
      <c r="CJ619" s="53"/>
      <c r="CK619" s="53"/>
      <c r="CL619" s="53"/>
      <c r="CM619" s="53"/>
      <c r="CN619" s="53"/>
    </row>
    <row r="620" spans="1:92" outlineLevel="1">
      <c r="A620" s="52" t="s">
        <v>650</v>
      </c>
      <c r="B620" s="53"/>
      <c r="C620" s="53"/>
      <c r="D620" s="53"/>
      <c r="E620" s="53"/>
      <c r="F620" s="53"/>
      <c r="G620" s="53"/>
      <c r="H620" s="53"/>
      <c r="I620" s="53"/>
      <c r="J620" s="53"/>
      <c r="K620" s="53"/>
      <c r="L620" s="53"/>
      <c r="M620" s="53"/>
      <c r="N620" s="53"/>
      <c r="O620" s="53"/>
      <c r="P620" s="53"/>
      <c r="Q620" s="53"/>
      <c r="R620" s="53"/>
      <c r="S620" s="53"/>
      <c r="T620" s="53"/>
      <c r="U620" s="53"/>
      <c r="V620" s="53"/>
      <c r="W620" s="53"/>
      <c r="X620" s="53"/>
      <c r="Y620" s="53"/>
      <c r="Z620" s="53"/>
      <c r="AA620" s="53"/>
      <c r="AB620" s="53"/>
      <c r="AC620" s="53"/>
      <c r="AD620" s="53"/>
      <c r="AE620" s="53"/>
      <c r="AF620" s="53"/>
      <c r="AG620" s="53"/>
      <c r="AH620" s="53"/>
      <c r="AI620" s="53"/>
      <c r="AJ620" s="53"/>
      <c r="AK620" s="53"/>
      <c r="AL620" s="53"/>
      <c r="AM620" s="53"/>
      <c r="AN620" s="53"/>
      <c r="AO620" s="53"/>
      <c r="AP620" s="53"/>
      <c r="AQ620" s="53"/>
      <c r="AR620" s="53"/>
      <c r="AS620" s="53"/>
      <c r="AT620" s="53"/>
      <c r="AU620" s="53"/>
      <c r="AV620" s="53"/>
      <c r="AW620" s="53"/>
      <c r="AX620" s="53"/>
      <c r="AY620" s="53"/>
      <c r="AZ620" s="53"/>
      <c r="BA620" s="53"/>
      <c r="BB620" s="53"/>
      <c r="BC620" s="53"/>
      <c r="BD620" s="53"/>
      <c r="BE620" s="53"/>
      <c r="BF620" s="53"/>
      <c r="BG620" s="53"/>
      <c r="BH620" s="53"/>
      <c r="BI620" s="53"/>
      <c r="BJ620" s="53"/>
      <c r="BK620" s="53"/>
      <c r="BL620" s="53"/>
      <c r="BM620" s="53"/>
      <c r="BN620" s="53"/>
      <c r="BO620" s="53"/>
      <c r="BP620" s="53"/>
      <c r="BQ620" s="53"/>
      <c r="BR620" s="53"/>
      <c r="BS620" s="53"/>
      <c r="BT620" s="53"/>
      <c r="BU620" s="53"/>
      <c r="BV620" s="53"/>
      <c r="BW620" s="53"/>
      <c r="BX620" s="53"/>
      <c r="BY620" s="53"/>
      <c r="BZ620" s="53"/>
      <c r="CA620" s="53"/>
      <c r="CB620" s="53">
        <v>5262777.5798480297</v>
      </c>
      <c r="CC620" s="53">
        <v>5262777.5798480297</v>
      </c>
      <c r="CD620" s="53">
        <v>5262777.5798480297</v>
      </c>
      <c r="CE620" s="53">
        <v>5262777.5798480297</v>
      </c>
      <c r="CF620" s="53">
        <v>5262777.5798480297</v>
      </c>
      <c r="CG620" s="53">
        <v>5262777.5798480297</v>
      </c>
      <c r="CH620" s="53">
        <v>7577309.3457095502</v>
      </c>
      <c r="CI620" s="53">
        <v>7577309.3457095502</v>
      </c>
      <c r="CJ620" s="53">
        <v>7577309.3457095502</v>
      </c>
      <c r="CK620" s="53">
        <v>7577309.3457095502</v>
      </c>
      <c r="CL620" s="53">
        <v>7577309.3457095502</v>
      </c>
      <c r="CM620" s="53">
        <v>7577309.3457095502</v>
      </c>
      <c r="CN620" s="53">
        <v>77040521.553345397</v>
      </c>
    </row>
    <row r="621" spans="1:92" outlineLevel="1">
      <c r="A621" s="52" t="s">
        <v>1251</v>
      </c>
      <c r="B621" s="53"/>
      <c r="C621" s="53"/>
      <c r="D621" s="53"/>
      <c r="E621" s="53"/>
      <c r="F621" s="53"/>
      <c r="G621" s="53"/>
      <c r="H621" s="53"/>
      <c r="I621" s="53"/>
      <c r="J621" s="53"/>
      <c r="K621" s="53"/>
      <c r="L621" s="53"/>
      <c r="M621" s="53"/>
      <c r="N621" s="53"/>
      <c r="O621" s="53"/>
      <c r="P621" s="53"/>
      <c r="Q621" s="53"/>
      <c r="R621" s="53"/>
      <c r="S621" s="53"/>
      <c r="T621" s="53"/>
      <c r="U621" s="53"/>
      <c r="V621" s="53"/>
      <c r="W621" s="53"/>
      <c r="X621" s="53"/>
      <c r="Y621" s="53"/>
      <c r="Z621" s="53"/>
      <c r="AA621" s="53"/>
      <c r="AB621" s="53"/>
      <c r="AC621" s="53"/>
      <c r="AD621" s="53"/>
      <c r="AE621" s="53"/>
      <c r="AF621" s="53"/>
      <c r="AG621" s="53"/>
      <c r="AH621" s="53"/>
      <c r="AI621" s="53"/>
      <c r="AJ621" s="53"/>
      <c r="AK621" s="53"/>
      <c r="AL621" s="53"/>
      <c r="AM621" s="53"/>
      <c r="AN621" s="53"/>
      <c r="AO621" s="53"/>
      <c r="AP621" s="53"/>
      <c r="AQ621" s="53"/>
      <c r="AR621" s="53"/>
      <c r="AS621" s="53"/>
      <c r="AT621" s="53"/>
      <c r="AU621" s="53"/>
      <c r="AV621" s="53"/>
      <c r="AW621" s="53"/>
      <c r="AX621" s="53"/>
      <c r="AY621" s="53"/>
      <c r="AZ621" s="53"/>
      <c r="BA621" s="53"/>
      <c r="BB621" s="53"/>
      <c r="BC621" s="53"/>
      <c r="BD621" s="53"/>
      <c r="BE621" s="53"/>
      <c r="BF621" s="53"/>
      <c r="BG621" s="53"/>
      <c r="BH621" s="53"/>
      <c r="BI621" s="53"/>
      <c r="BJ621" s="53"/>
      <c r="BK621" s="53"/>
      <c r="BL621" s="53"/>
      <c r="BM621" s="53"/>
      <c r="BN621" s="53"/>
      <c r="BO621" s="53"/>
      <c r="BP621" s="53"/>
      <c r="BQ621" s="53"/>
      <c r="BR621" s="53"/>
      <c r="BS621" s="53"/>
      <c r="BT621" s="53"/>
      <c r="BU621" s="53"/>
      <c r="BV621" s="53"/>
      <c r="BW621" s="53"/>
      <c r="BX621" s="53"/>
      <c r="BY621" s="53"/>
      <c r="BZ621" s="53"/>
      <c r="CA621" s="53"/>
      <c r="CB621" s="53"/>
      <c r="CC621" s="53"/>
      <c r="CD621" s="53"/>
      <c r="CE621" s="53"/>
      <c r="CF621" s="53"/>
      <c r="CG621" s="53"/>
      <c r="CH621" s="53"/>
      <c r="CI621" s="53"/>
      <c r="CJ621" s="53"/>
      <c r="CK621" s="53"/>
      <c r="CL621" s="53"/>
      <c r="CM621" s="53"/>
      <c r="CN621" s="53"/>
    </row>
    <row r="622" spans="1:92" outlineLevel="1">
      <c r="A622" s="52" t="s">
        <v>649</v>
      </c>
      <c r="B622" s="53"/>
      <c r="C622" s="53"/>
      <c r="D622" s="53"/>
      <c r="E622" s="53"/>
      <c r="F622" s="53"/>
      <c r="G622" s="53"/>
      <c r="H622" s="53"/>
      <c r="I622" s="53"/>
      <c r="J622" s="53"/>
      <c r="K622" s="53"/>
      <c r="L622" s="53"/>
      <c r="M622" s="53"/>
      <c r="N622" s="53"/>
      <c r="O622" s="53">
        <v>4789101.6814871104</v>
      </c>
      <c r="P622" s="53">
        <v>3018511.17271291</v>
      </c>
      <c r="Q622" s="53">
        <v>3274322.5097056599</v>
      </c>
      <c r="R622" s="53">
        <v>3592644.4855525899</v>
      </c>
      <c r="S622" s="53">
        <v>4292386.77766011</v>
      </c>
      <c r="T622" s="53">
        <v>4552003.9328378802</v>
      </c>
      <c r="U622" s="53">
        <v>4778839.2173989099</v>
      </c>
      <c r="V622" s="53">
        <v>5953464.9474665998</v>
      </c>
      <c r="W622" s="53">
        <v>4445570.5153890196</v>
      </c>
      <c r="X622" s="53">
        <v>3861617.0530963801</v>
      </c>
      <c r="Y622" s="53">
        <v>3089841.6289343401</v>
      </c>
      <c r="Z622" s="53">
        <v>3284696.0777586601</v>
      </c>
      <c r="AA622" s="53">
        <v>48933000.000000097</v>
      </c>
      <c r="AB622" s="53">
        <v>4789101.6814871104</v>
      </c>
      <c r="AC622" s="53">
        <v>3018511.17271291</v>
      </c>
      <c r="AD622" s="53">
        <v>3274322.5097056599</v>
      </c>
      <c r="AE622" s="53">
        <v>3592644.4855525899</v>
      </c>
      <c r="AF622" s="53">
        <v>4292386.77766011</v>
      </c>
      <c r="AG622" s="53">
        <v>4552003.9328378802</v>
      </c>
      <c r="AH622" s="53">
        <v>4778839.2173989099</v>
      </c>
      <c r="AI622" s="53">
        <v>5953464.9474665998</v>
      </c>
      <c r="AJ622" s="53">
        <v>4445570.5153890196</v>
      </c>
      <c r="AK622" s="53">
        <v>3861617.0530963801</v>
      </c>
      <c r="AL622" s="53">
        <v>3089841.6289343401</v>
      </c>
      <c r="AM622" s="53">
        <v>3284696.0777586601</v>
      </c>
      <c r="AN622" s="53">
        <v>48933000.000000097</v>
      </c>
      <c r="AO622" s="53"/>
      <c r="AP622" s="53"/>
      <c r="AQ622" s="53"/>
      <c r="AR622" s="53"/>
      <c r="AS622" s="53"/>
      <c r="AT622" s="53"/>
      <c r="AU622" s="53"/>
      <c r="AV622" s="53"/>
      <c r="AW622" s="53"/>
      <c r="AX622" s="53"/>
      <c r="AY622" s="53"/>
      <c r="AZ622" s="53"/>
      <c r="BA622" s="53"/>
      <c r="BB622" s="53"/>
      <c r="BC622" s="53"/>
      <c r="BD622" s="53"/>
      <c r="BE622" s="53"/>
      <c r="BF622" s="53"/>
      <c r="BG622" s="53"/>
      <c r="BH622" s="53"/>
      <c r="BI622" s="53"/>
      <c r="BJ622" s="53"/>
      <c r="BK622" s="53"/>
      <c r="BL622" s="53"/>
      <c r="BM622" s="53"/>
      <c r="BN622" s="53"/>
      <c r="BO622" s="53"/>
      <c r="BP622" s="53"/>
      <c r="BQ622" s="53"/>
      <c r="BR622" s="53"/>
      <c r="BS622" s="53"/>
      <c r="BT622" s="53"/>
      <c r="BU622" s="53"/>
      <c r="BV622" s="53"/>
      <c r="BW622" s="53"/>
      <c r="BX622" s="53"/>
      <c r="BY622" s="53"/>
      <c r="BZ622" s="53"/>
      <c r="CA622" s="53"/>
      <c r="CB622" s="53"/>
      <c r="CC622" s="53"/>
      <c r="CD622" s="53"/>
      <c r="CE622" s="53"/>
      <c r="CF622" s="53"/>
      <c r="CG622" s="53"/>
      <c r="CH622" s="53"/>
      <c r="CI622" s="53"/>
      <c r="CJ622" s="53"/>
      <c r="CK622" s="53"/>
      <c r="CL622" s="53"/>
      <c r="CM622" s="53"/>
      <c r="CN622" s="53"/>
    </row>
    <row r="623" spans="1:92" outlineLevel="1">
      <c r="A623" s="52" t="s">
        <v>1252</v>
      </c>
      <c r="B623" s="53"/>
      <c r="C623" s="53"/>
      <c r="D623" s="53"/>
      <c r="E623" s="53"/>
      <c r="F623" s="53"/>
      <c r="G623" s="53"/>
      <c r="H623" s="53"/>
      <c r="I623" s="53"/>
      <c r="J623" s="53"/>
      <c r="K623" s="53"/>
      <c r="L623" s="53"/>
      <c r="M623" s="53"/>
      <c r="N623" s="53"/>
      <c r="O623" s="53"/>
      <c r="P623" s="53"/>
      <c r="Q623" s="53"/>
      <c r="R623" s="53"/>
      <c r="S623" s="53"/>
      <c r="T623" s="53"/>
      <c r="U623" s="53"/>
      <c r="V623" s="53"/>
      <c r="W623" s="53"/>
      <c r="X623" s="53"/>
      <c r="Y623" s="53"/>
      <c r="Z623" s="53"/>
      <c r="AA623" s="53"/>
      <c r="AB623" s="53"/>
      <c r="AC623" s="53"/>
      <c r="AD623" s="53"/>
      <c r="AE623" s="53"/>
      <c r="AF623" s="53"/>
      <c r="AG623" s="53"/>
      <c r="AH623" s="53"/>
      <c r="AI623" s="53"/>
      <c r="AJ623" s="53"/>
      <c r="AK623" s="53"/>
      <c r="AL623" s="53"/>
      <c r="AM623" s="53"/>
      <c r="AN623" s="53"/>
      <c r="AO623" s="53"/>
      <c r="AP623" s="53"/>
      <c r="AQ623" s="53"/>
      <c r="AR623" s="53"/>
      <c r="AS623" s="53"/>
      <c r="AT623" s="53"/>
      <c r="AU623" s="53"/>
      <c r="AV623" s="53"/>
      <c r="AW623" s="53"/>
      <c r="AX623" s="53"/>
      <c r="AY623" s="53"/>
      <c r="AZ623" s="53"/>
      <c r="BA623" s="53"/>
      <c r="BB623" s="53"/>
      <c r="BC623" s="53"/>
      <c r="BD623" s="53"/>
      <c r="BE623" s="53"/>
      <c r="BF623" s="53"/>
      <c r="BG623" s="53"/>
      <c r="BH623" s="53"/>
      <c r="BI623" s="53"/>
      <c r="BJ623" s="53"/>
      <c r="BK623" s="53"/>
      <c r="BL623" s="53"/>
      <c r="BM623" s="53"/>
      <c r="BN623" s="53"/>
      <c r="BO623" s="53"/>
      <c r="BP623" s="53"/>
      <c r="BQ623" s="53"/>
      <c r="BR623" s="53"/>
      <c r="BS623" s="53"/>
      <c r="BT623" s="53"/>
      <c r="BU623" s="53"/>
      <c r="BV623" s="53"/>
      <c r="BW623" s="53"/>
      <c r="BX623" s="53"/>
      <c r="BY623" s="53"/>
      <c r="BZ623" s="53"/>
      <c r="CA623" s="53"/>
      <c r="CB623" s="53"/>
      <c r="CC623" s="53"/>
      <c r="CD623" s="53"/>
      <c r="CE623" s="53"/>
      <c r="CF623" s="53"/>
      <c r="CG623" s="53"/>
      <c r="CH623" s="53"/>
      <c r="CI623" s="53"/>
      <c r="CJ623" s="53"/>
      <c r="CK623" s="53"/>
      <c r="CL623" s="53"/>
      <c r="CM623" s="53"/>
      <c r="CN623" s="53"/>
    </row>
    <row r="624" spans="1:92" outlineLevel="1">
      <c r="A624" s="52" t="s">
        <v>649</v>
      </c>
      <c r="B624" s="53"/>
      <c r="C624" s="53"/>
      <c r="D624" s="53"/>
      <c r="E624" s="53"/>
      <c r="F624" s="53"/>
      <c r="G624" s="53"/>
      <c r="H624" s="53"/>
      <c r="I624" s="53"/>
      <c r="J624" s="53"/>
      <c r="K624" s="53"/>
      <c r="L624" s="53"/>
      <c r="M624" s="53"/>
      <c r="N624" s="53"/>
      <c r="O624" s="53"/>
      <c r="P624" s="53"/>
      <c r="Q624" s="53"/>
      <c r="R624" s="53"/>
      <c r="S624" s="53"/>
      <c r="T624" s="53"/>
      <c r="U624" s="53"/>
      <c r="V624" s="53"/>
      <c r="W624" s="53"/>
      <c r="X624" s="53"/>
      <c r="Y624" s="53"/>
      <c r="Z624" s="53"/>
      <c r="AA624" s="53"/>
      <c r="AB624" s="53">
        <v>7714967.6885789502</v>
      </c>
      <c r="AC624" s="53">
        <v>4932298.0890102796</v>
      </c>
      <c r="AD624" s="53">
        <v>5232738.9178787498</v>
      </c>
      <c r="AE624" s="53">
        <v>5755929.0409013303</v>
      </c>
      <c r="AF624" s="53">
        <v>6950296.2567026</v>
      </c>
      <c r="AG624" s="53">
        <v>7412901.5491024004</v>
      </c>
      <c r="AH624" s="53">
        <v>7786119.51160374</v>
      </c>
      <c r="AI624" s="53">
        <v>9680795.3850862104</v>
      </c>
      <c r="AJ624" s="53">
        <v>7242516.3628378501</v>
      </c>
      <c r="AK624" s="53">
        <v>6250366.3675099202</v>
      </c>
      <c r="AL624" s="53">
        <v>4959408.1502147</v>
      </c>
      <c r="AM624" s="53">
        <v>5280662.6805736199</v>
      </c>
      <c r="AN624" s="53">
        <v>79199000.000000298</v>
      </c>
      <c r="AO624" s="53"/>
      <c r="AP624" s="53"/>
      <c r="AQ624" s="53"/>
      <c r="AR624" s="53"/>
      <c r="AS624" s="53"/>
      <c r="AT624" s="53"/>
      <c r="AU624" s="53"/>
      <c r="AV624" s="53"/>
      <c r="AW624" s="53"/>
      <c r="AX624" s="53"/>
      <c r="AY624" s="53"/>
      <c r="AZ624" s="53"/>
      <c r="BA624" s="53"/>
      <c r="BB624" s="53"/>
      <c r="BC624" s="53"/>
      <c r="BD624" s="53"/>
      <c r="BE624" s="53"/>
      <c r="BF624" s="53"/>
      <c r="BG624" s="53"/>
      <c r="BH624" s="53"/>
      <c r="BI624" s="53"/>
      <c r="BJ624" s="53"/>
      <c r="BK624" s="53"/>
      <c r="BL624" s="53"/>
      <c r="BM624" s="53"/>
      <c r="BN624" s="53"/>
      <c r="BO624" s="53"/>
      <c r="BP624" s="53"/>
      <c r="BQ624" s="53"/>
      <c r="BR624" s="53"/>
      <c r="BS624" s="53"/>
      <c r="BT624" s="53"/>
      <c r="BU624" s="53"/>
      <c r="BV624" s="53"/>
      <c r="BW624" s="53"/>
      <c r="BX624" s="53"/>
      <c r="BY624" s="53"/>
      <c r="BZ624" s="53"/>
      <c r="CA624" s="53"/>
      <c r="CB624" s="53">
        <v>416666.66666666698</v>
      </c>
      <c r="CC624" s="53">
        <v>416666.66666666698</v>
      </c>
      <c r="CD624" s="53">
        <v>416666.66666666698</v>
      </c>
      <c r="CE624" s="53">
        <v>416666.66666666698</v>
      </c>
      <c r="CF624" s="53">
        <v>416666.66666666698</v>
      </c>
      <c r="CG624" s="53">
        <v>416666.66666666698</v>
      </c>
      <c r="CH624" s="53">
        <v>416666.66666666698</v>
      </c>
      <c r="CI624" s="53">
        <v>416666.66666666698</v>
      </c>
      <c r="CJ624" s="53">
        <v>416666.66666666698</v>
      </c>
      <c r="CK624" s="53">
        <v>416666.66666666698</v>
      </c>
      <c r="CL624" s="53">
        <v>416666.66666666698</v>
      </c>
      <c r="CM624" s="53">
        <v>416666.66666666698</v>
      </c>
      <c r="CN624" s="53">
        <v>5000000</v>
      </c>
    </row>
    <row r="625" spans="1:92" outlineLevel="1">
      <c r="A625" s="52" t="s">
        <v>1253</v>
      </c>
      <c r="B625" s="53"/>
      <c r="C625" s="53"/>
      <c r="D625" s="53"/>
      <c r="E625" s="53"/>
      <c r="F625" s="53"/>
      <c r="G625" s="53"/>
      <c r="H625" s="53"/>
      <c r="I625" s="53"/>
      <c r="J625" s="53"/>
      <c r="K625" s="53"/>
      <c r="L625" s="53"/>
      <c r="M625" s="53"/>
      <c r="N625" s="53"/>
      <c r="O625" s="53"/>
      <c r="P625" s="53"/>
      <c r="Q625" s="53"/>
      <c r="R625" s="53"/>
      <c r="S625" s="53"/>
      <c r="T625" s="53"/>
      <c r="U625" s="53"/>
      <c r="V625" s="53"/>
      <c r="W625" s="53"/>
      <c r="X625" s="53"/>
      <c r="Y625" s="53"/>
      <c r="Z625" s="53"/>
      <c r="AA625" s="53"/>
      <c r="AB625" s="53"/>
      <c r="AC625" s="53"/>
      <c r="AD625" s="53"/>
      <c r="AE625" s="53"/>
      <c r="AF625" s="53"/>
      <c r="AG625" s="53"/>
      <c r="AH625" s="53"/>
      <c r="AI625" s="53"/>
      <c r="AJ625" s="53"/>
      <c r="AK625" s="53"/>
      <c r="AL625" s="53"/>
      <c r="AM625" s="53"/>
      <c r="AN625" s="53"/>
      <c r="AO625" s="53"/>
      <c r="AP625" s="53"/>
      <c r="AQ625" s="53"/>
      <c r="AR625" s="53"/>
      <c r="AS625" s="53"/>
      <c r="AT625" s="53"/>
      <c r="AU625" s="53"/>
      <c r="AV625" s="53"/>
      <c r="AW625" s="53"/>
      <c r="AX625" s="53"/>
      <c r="AY625" s="53"/>
      <c r="AZ625" s="53"/>
      <c r="BA625" s="53"/>
      <c r="BB625" s="53"/>
      <c r="BC625" s="53"/>
      <c r="BD625" s="53"/>
      <c r="BE625" s="53"/>
      <c r="BF625" s="53"/>
      <c r="BG625" s="53"/>
      <c r="BH625" s="53"/>
      <c r="BI625" s="53"/>
      <c r="BJ625" s="53"/>
      <c r="BK625" s="53"/>
      <c r="BL625" s="53"/>
      <c r="BM625" s="53"/>
      <c r="BN625" s="53"/>
      <c r="BO625" s="53"/>
      <c r="BP625" s="53"/>
      <c r="BQ625" s="53"/>
      <c r="BR625" s="53"/>
      <c r="BS625" s="53"/>
      <c r="BT625" s="53"/>
      <c r="BU625" s="53"/>
      <c r="BV625" s="53"/>
      <c r="BW625" s="53"/>
      <c r="BX625" s="53"/>
      <c r="BY625" s="53"/>
      <c r="BZ625" s="53"/>
      <c r="CA625" s="53"/>
      <c r="CB625" s="53"/>
      <c r="CC625" s="53"/>
      <c r="CD625" s="53"/>
      <c r="CE625" s="53"/>
      <c r="CF625" s="53"/>
      <c r="CG625" s="53"/>
      <c r="CH625" s="53"/>
      <c r="CI625" s="53"/>
      <c r="CJ625" s="53"/>
      <c r="CK625" s="53"/>
      <c r="CL625" s="53"/>
      <c r="CM625" s="53"/>
      <c r="CN625" s="53"/>
    </row>
    <row r="626" spans="1:92" outlineLevel="1">
      <c r="A626" s="52" t="s">
        <v>649</v>
      </c>
      <c r="B626" s="53"/>
      <c r="C626" s="53"/>
      <c r="D626" s="53"/>
      <c r="E626" s="53"/>
      <c r="F626" s="53"/>
      <c r="G626" s="53"/>
      <c r="H626" s="53"/>
      <c r="I626" s="53"/>
      <c r="J626" s="53"/>
      <c r="K626" s="53"/>
      <c r="L626" s="53"/>
      <c r="M626" s="53"/>
      <c r="N626" s="53"/>
      <c r="O626" s="53"/>
      <c r="P626" s="53"/>
      <c r="Q626" s="53"/>
      <c r="R626" s="53"/>
      <c r="S626" s="53"/>
      <c r="T626" s="53"/>
      <c r="U626" s="53"/>
      <c r="V626" s="53"/>
      <c r="W626" s="53"/>
      <c r="X626" s="53"/>
      <c r="Y626" s="53"/>
      <c r="Z626" s="53"/>
      <c r="AA626" s="53"/>
      <c r="AB626" s="53"/>
      <c r="AC626" s="53"/>
      <c r="AD626" s="53"/>
      <c r="AE626" s="53"/>
      <c r="AF626" s="53"/>
      <c r="AG626" s="53"/>
      <c r="AH626" s="53"/>
      <c r="AI626" s="53"/>
      <c r="AJ626" s="53"/>
      <c r="AK626" s="53"/>
      <c r="AL626" s="53"/>
      <c r="AM626" s="53"/>
      <c r="AN626" s="53"/>
      <c r="AO626" s="53">
        <v>12540354.7023951</v>
      </c>
      <c r="AP626" s="53">
        <v>7904029.4603243396</v>
      </c>
      <c r="AQ626" s="53">
        <v>8573876.3577464297</v>
      </c>
      <c r="AR626" s="53">
        <v>9407408.5631950591</v>
      </c>
      <c r="AS626" s="53">
        <v>11239697.1899361</v>
      </c>
      <c r="AT626" s="53">
        <v>11919509.6953464</v>
      </c>
      <c r="AU626" s="53">
        <v>12513482.243143801</v>
      </c>
      <c r="AV626" s="53">
        <v>15589262.269813601</v>
      </c>
      <c r="AW626" s="53">
        <v>11640811.7482644</v>
      </c>
      <c r="AX626" s="53">
        <v>10111718.395507</v>
      </c>
      <c r="AY626" s="53">
        <v>8090809.6294650901</v>
      </c>
      <c r="AZ626" s="53">
        <v>8601039.7448628303</v>
      </c>
      <c r="BA626" s="53">
        <v>128132000</v>
      </c>
      <c r="BB626" s="53">
        <v>12540354.7023951</v>
      </c>
      <c r="BC626" s="53">
        <v>7904029.4603243396</v>
      </c>
      <c r="BD626" s="53">
        <v>8573876.3577464297</v>
      </c>
      <c r="BE626" s="53">
        <v>9407408.5631950591</v>
      </c>
      <c r="BF626" s="53">
        <v>11239697.1899361</v>
      </c>
      <c r="BG626" s="53">
        <v>11919509.6953464</v>
      </c>
      <c r="BH626" s="53">
        <v>12513482.243143801</v>
      </c>
      <c r="BI626" s="53">
        <v>15589262.269813601</v>
      </c>
      <c r="BJ626" s="53">
        <v>11640811.7482644</v>
      </c>
      <c r="BK626" s="53">
        <v>10111718.395507</v>
      </c>
      <c r="BL626" s="53">
        <v>8090809.6294650901</v>
      </c>
      <c r="BM626" s="53">
        <v>8601039.7448628303</v>
      </c>
      <c r="BN626" s="53">
        <v>128132000</v>
      </c>
      <c r="BO626" s="53">
        <v>12540354.7023951</v>
      </c>
      <c r="BP626" s="53">
        <v>7904029.4603243396</v>
      </c>
      <c r="BQ626" s="53">
        <v>8573876.3577464297</v>
      </c>
      <c r="BR626" s="53">
        <v>9407408.5631950591</v>
      </c>
      <c r="BS626" s="53">
        <v>11239697.1899361</v>
      </c>
      <c r="BT626" s="53">
        <v>11919509.6953464</v>
      </c>
      <c r="BU626" s="53">
        <v>12513482.243143801</v>
      </c>
      <c r="BV626" s="53">
        <v>15589262.269813601</v>
      </c>
      <c r="BW626" s="53">
        <v>11640811.7482644</v>
      </c>
      <c r="BX626" s="53">
        <v>10111718.395507</v>
      </c>
      <c r="BY626" s="53">
        <v>8090809.6294650901</v>
      </c>
      <c r="BZ626" s="53">
        <v>8601039.7448628303</v>
      </c>
      <c r="CA626" s="53">
        <v>128132000</v>
      </c>
      <c r="CB626" s="53"/>
      <c r="CC626" s="53"/>
      <c r="CD626" s="53"/>
      <c r="CE626" s="53"/>
      <c r="CF626" s="53"/>
      <c r="CG626" s="53"/>
      <c r="CH626" s="53"/>
      <c r="CI626" s="53"/>
      <c r="CJ626" s="53"/>
      <c r="CK626" s="53"/>
      <c r="CL626" s="53"/>
      <c r="CM626" s="53"/>
      <c r="CN626" s="53"/>
    </row>
    <row r="627" spans="1:92" outlineLevel="1">
      <c r="A627" s="52" t="s">
        <v>1254</v>
      </c>
      <c r="B627" s="53"/>
      <c r="C627" s="53"/>
      <c r="D627" s="53"/>
      <c r="E627" s="53"/>
      <c r="F627" s="53"/>
      <c r="G627" s="53"/>
      <c r="H627" s="53"/>
      <c r="I627" s="53"/>
      <c r="J627" s="53"/>
      <c r="K627" s="53"/>
      <c r="L627" s="53"/>
      <c r="M627" s="53"/>
      <c r="N627" s="53"/>
      <c r="O627" s="53"/>
      <c r="P627" s="53"/>
      <c r="Q627" s="53"/>
      <c r="R627" s="53"/>
      <c r="S627" s="53"/>
      <c r="T627" s="53"/>
      <c r="U627" s="53"/>
      <c r="V627" s="53"/>
      <c r="W627" s="53"/>
      <c r="X627" s="53"/>
      <c r="Y627" s="53"/>
      <c r="Z627" s="53"/>
      <c r="AA627" s="53"/>
      <c r="AB627" s="53"/>
      <c r="AC627" s="53"/>
      <c r="AD627" s="53"/>
      <c r="AE627" s="53"/>
      <c r="AF627" s="53"/>
      <c r="AG627" s="53"/>
      <c r="AH627" s="53"/>
      <c r="AI627" s="53"/>
      <c r="AJ627" s="53"/>
      <c r="AK627" s="53"/>
      <c r="AL627" s="53"/>
      <c r="AM627" s="53"/>
      <c r="AN627" s="53"/>
      <c r="AO627" s="53"/>
      <c r="AP627" s="53"/>
      <c r="AQ627" s="53"/>
      <c r="AR627" s="53"/>
      <c r="AS627" s="53"/>
      <c r="AT627" s="53"/>
      <c r="AU627" s="53"/>
      <c r="AV627" s="53"/>
      <c r="AW627" s="53"/>
      <c r="AX627" s="53"/>
      <c r="AY627" s="53"/>
      <c r="AZ627" s="53"/>
      <c r="BA627" s="53"/>
      <c r="BB627" s="53"/>
      <c r="BC627" s="53"/>
      <c r="BD627" s="53"/>
      <c r="BE627" s="53"/>
      <c r="BF627" s="53"/>
      <c r="BG627" s="53"/>
      <c r="BH627" s="53"/>
      <c r="BI627" s="53"/>
      <c r="BJ627" s="53"/>
      <c r="BK627" s="53"/>
      <c r="BL627" s="53"/>
      <c r="BM627" s="53"/>
      <c r="BN627" s="53"/>
      <c r="BO627" s="53"/>
      <c r="BP627" s="53"/>
      <c r="BQ627" s="53"/>
      <c r="BR627" s="53"/>
      <c r="BS627" s="53"/>
      <c r="BT627" s="53"/>
      <c r="BU627" s="53"/>
      <c r="BV627" s="53"/>
      <c r="BW627" s="53"/>
      <c r="BX627" s="53"/>
      <c r="BY627" s="53"/>
      <c r="BZ627" s="53"/>
      <c r="CA627" s="53"/>
      <c r="CB627" s="53">
        <v>-5.4569682106375603E-9</v>
      </c>
      <c r="CC627" s="53">
        <v>-9.0949470177292807E-9</v>
      </c>
      <c r="CD627" s="53">
        <v>-1.2732925824820899E-8</v>
      </c>
      <c r="CE627" s="53"/>
      <c r="CF627" s="53">
        <v>-2.1827872842550202E-8</v>
      </c>
      <c r="CG627" s="53">
        <v>-4.0017766878008803E-8</v>
      </c>
      <c r="CH627" s="53">
        <v>1.0913936421275101E-8</v>
      </c>
      <c r="CI627" s="53">
        <v>-1.4551915228366801E-8</v>
      </c>
      <c r="CJ627" s="53">
        <v>-3.2741809263825397E-8</v>
      </c>
      <c r="CK627" s="53">
        <v>-9.0949470177292807E-9</v>
      </c>
      <c r="CL627" s="53">
        <v>5.4569682106375603E-9</v>
      </c>
      <c r="CM627" s="53">
        <v>-9.0949470177292807E-9</v>
      </c>
      <c r="CN627" s="53">
        <v>-1.3824319466948501E-7</v>
      </c>
    </row>
    <row r="628" spans="1:92" outlineLevel="1">
      <c r="A628" s="52" t="s">
        <v>649</v>
      </c>
      <c r="B628" s="53"/>
      <c r="C628" s="53"/>
      <c r="D628" s="53"/>
      <c r="E628" s="53"/>
      <c r="F628" s="53"/>
      <c r="G628" s="53"/>
      <c r="H628" s="53"/>
      <c r="I628" s="53"/>
      <c r="J628" s="53"/>
      <c r="K628" s="53"/>
      <c r="L628" s="53"/>
      <c r="M628" s="53"/>
      <c r="N628" s="53"/>
      <c r="O628" s="53">
        <v>686781.66666666698</v>
      </c>
      <c r="P628" s="53">
        <v>686781.66666666698</v>
      </c>
      <c r="Q628" s="53">
        <v>686781.66666666698</v>
      </c>
      <c r="R628" s="53">
        <v>686781.66666666698</v>
      </c>
      <c r="S628" s="53">
        <v>686781.66666666698</v>
      </c>
      <c r="T628" s="53">
        <v>686781.66666666698</v>
      </c>
      <c r="U628" s="53">
        <v>686781.66666666698</v>
      </c>
      <c r="V628" s="53">
        <v>686781.66666666698</v>
      </c>
      <c r="W628" s="53">
        <v>686781.66666666698</v>
      </c>
      <c r="X628" s="53">
        <v>686781.66666666698</v>
      </c>
      <c r="Y628" s="53">
        <v>686781.66666666698</v>
      </c>
      <c r="Z628" s="53">
        <v>686781.66666666698</v>
      </c>
      <c r="AA628" s="53">
        <v>8241380</v>
      </c>
      <c r="AB628" s="53">
        <v>-3040862.6666666698</v>
      </c>
      <c r="AC628" s="53">
        <v>-3040862.6666666698</v>
      </c>
      <c r="AD628" s="53">
        <v>-3040862.6666666698</v>
      </c>
      <c r="AE628" s="53">
        <v>-3040862.6666666698</v>
      </c>
      <c r="AF628" s="53">
        <v>-3040862.6666666698</v>
      </c>
      <c r="AG628" s="53">
        <v>-3040862.6666666698</v>
      </c>
      <c r="AH628" s="53">
        <v>-3040862.6666666698</v>
      </c>
      <c r="AI628" s="53">
        <v>-3040862.6666666698</v>
      </c>
      <c r="AJ628" s="53">
        <v>-3040862.6666666698</v>
      </c>
      <c r="AK628" s="53">
        <v>-3040862.6666666698</v>
      </c>
      <c r="AL628" s="53">
        <v>-3040862.6666666698</v>
      </c>
      <c r="AM628" s="53">
        <v>-3040862.6666666698</v>
      </c>
      <c r="AN628" s="53">
        <v>-36490352</v>
      </c>
      <c r="AO628" s="53">
        <v>-831727.83333333302</v>
      </c>
      <c r="AP628" s="53">
        <v>-831727.83333333302</v>
      </c>
      <c r="AQ628" s="53">
        <v>-831727.83333333302</v>
      </c>
      <c r="AR628" s="53">
        <v>-831727.83333333302</v>
      </c>
      <c r="AS628" s="53">
        <v>-831727.83333333302</v>
      </c>
      <c r="AT628" s="53">
        <v>-831727.83333333302</v>
      </c>
      <c r="AU628" s="53">
        <v>-831727.83333333302</v>
      </c>
      <c r="AV628" s="53">
        <v>-831727.83333333302</v>
      </c>
      <c r="AW628" s="53">
        <v>-831727.83333333302</v>
      </c>
      <c r="AX628" s="53">
        <v>-831727.83333333302</v>
      </c>
      <c r="AY628" s="53">
        <v>-831727.83333333302</v>
      </c>
      <c r="AZ628" s="53">
        <v>-831727.83333333302</v>
      </c>
      <c r="BA628" s="53">
        <v>-9980733.9999999907</v>
      </c>
      <c r="BB628" s="53">
        <v>-435411.91666666698</v>
      </c>
      <c r="BC628" s="53">
        <v>-435411.91666666698</v>
      </c>
      <c r="BD628" s="53">
        <v>-435411.91666666698</v>
      </c>
      <c r="BE628" s="53">
        <v>-435411.91666666698</v>
      </c>
      <c r="BF628" s="53">
        <v>-435411.91666666698</v>
      </c>
      <c r="BG628" s="53">
        <v>-435411.91666666698</v>
      </c>
      <c r="BH628" s="53">
        <v>-435411.91666666698</v>
      </c>
      <c r="BI628" s="53">
        <v>-435411.91666666698</v>
      </c>
      <c r="BJ628" s="53">
        <v>-435411.91666666698</v>
      </c>
      <c r="BK628" s="53">
        <v>-435411.91666666698</v>
      </c>
      <c r="BL628" s="53">
        <v>-435411.91666666698</v>
      </c>
      <c r="BM628" s="53">
        <v>-435411.91666666698</v>
      </c>
      <c r="BN628" s="53">
        <v>-5224943</v>
      </c>
      <c r="BO628" s="53">
        <v>-593572.33333333198</v>
      </c>
      <c r="BP628" s="53">
        <v>-593572.33333333198</v>
      </c>
      <c r="BQ628" s="53">
        <v>-593572.33333333198</v>
      </c>
      <c r="BR628" s="53">
        <v>-593572.33333333198</v>
      </c>
      <c r="BS628" s="53">
        <v>-593572.33333333198</v>
      </c>
      <c r="BT628" s="53">
        <v>-593572.33333333198</v>
      </c>
      <c r="BU628" s="53">
        <v>-593572.33333333198</v>
      </c>
      <c r="BV628" s="53">
        <v>-593572.33333333198</v>
      </c>
      <c r="BW628" s="53">
        <v>-593572.33333333198</v>
      </c>
      <c r="BX628" s="53">
        <v>-593572.33333333198</v>
      </c>
      <c r="BY628" s="53">
        <v>-593572.33333333198</v>
      </c>
      <c r="BZ628" s="53">
        <v>-593572.33333333198</v>
      </c>
      <c r="CA628" s="53">
        <v>-7122867.9999999898</v>
      </c>
      <c r="CB628" s="53"/>
      <c r="CC628" s="53"/>
      <c r="CD628" s="53"/>
      <c r="CE628" s="53"/>
      <c r="CF628" s="53"/>
      <c r="CG628" s="53"/>
      <c r="CH628" s="53"/>
      <c r="CI628" s="53"/>
      <c r="CJ628" s="53"/>
      <c r="CK628" s="53"/>
      <c r="CL628" s="53"/>
      <c r="CM628" s="53"/>
      <c r="CN628" s="53"/>
    </row>
    <row r="629" spans="1:92" outlineLevel="1">
      <c r="A629" s="52" t="s">
        <v>1255</v>
      </c>
      <c r="B629" s="53"/>
      <c r="C629" s="53"/>
      <c r="D629" s="53"/>
      <c r="E629" s="53"/>
      <c r="F629" s="53"/>
      <c r="G629" s="53"/>
      <c r="H629" s="53"/>
      <c r="I629" s="53"/>
      <c r="J629" s="53"/>
      <c r="K629" s="53"/>
      <c r="L629" s="53"/>
      <c r="M629" s="53"/>
      <c r="N629" s="53"/>
      <c r="O629" s="53"/>
      <c r="P629" s="53"/>
      <c r="Q629" s="53"/>
      <c r="R629" s="53"/>
      <c r="S629" s="53"/>
      <c r="T629" s="53"/>
      <c r="U629" s="53"/>
      <c r="V629" s="53"/>
      <c r="W629" s="53"/>
      <c r="X629" s="53"/>
      <c r="Y629" s="53"/>
      <c r="Z629" s="53"/>
      <c r="AA629" s="53"/>
      <c r="AB629" s="53"/>
      <c r="AC629" s="53"/>
      <c r="AD629" s="53"/>
      <c r="AE629" s="53"/>
      <c r="AF629" s="53"/>
      <c r="AG629" s="53"/>
      <c r="AH629" s="53"/>
      <c r="AI629" s="53"/>
      <c r="AJ629" s="53"/>
      <c r="AK629" s="53"/>
      <c r="AL629" s="53"/>
      <c r="AM629" s="53"/>
      <c r="AN629" s="53"/>
      <c r="AO629" s="53"/>
      <c r="AP629" s="53"/>
      <c r="AQ629" s="53"/>
      <c r="AR629" s="53"/>
      <c r="AS629" s="53"/>
      <c r="AT629" s="53"/>
      <c r="AU629" s="53"/>
      <c r="AV629" s="53"/>
      <c r="AW629" s="53"/>
      <c r="AX629" s="53"/>
      <c r="AY629" s="53"/>
      <c r="AZ629" s="53"/>
      <c r="BA629" s="53"/>
      <c r="BB629" s="53"/>
      <c r="BC629" s="53"/>
      <c r="BD629" s="53"/>
      <c r="BE629" s="53"/>
      <c r="BF629" s="53"/>
      <c r="BG629" s="53"/>
      <c r="BH629" s="53"/>
      <c r="BI629" s="53"/>
      <c r="BJ629" s="53"/>
      <c r="BK629" s="53"/>
      <c r="BL629" s="53"/>
      <c r="BM629" s="53"/>
      <c r="BN629" s="53"/>
      <c r="BO629" s="53"/>
      <c r="BP629" s="53"/>
      <c r="BQ629" s="53"/>
      <c r="BR629" s="53"/>
      <c r="BS629" s="53"/>
      <c r="BT629" s="53"/>
      <c r="BU629" s="53"/>
      <c r="BV629" s="53"/>
      <c r="BW629" s="53"/>
      <c r="BX629" s="53"/>
      <c r="BY629" s="53"/>
      <c r="BZ629" s="53"/>
      <c r="CA629" s="53"/>
      <c r="CB629" s="53"/>
      <c r="CC629" s="53"/>
      <c r="CD629" s="53"/>
      <c r="CE629" s="53"/>
      <c r="CF629" s="53"/>
      <c r="CG629" s="53"/>
      <c r="CH629" s="53"/>
      <c r="CI629" s="53"/>
      <c r="CJ629" s="53"/>
      <c r="CK629" s="53"/>
      <c r="CL629" s="53"/>
      <c r="CM629" s="53"/>
      <c r="CN629" s="53"/>
    </row>
    <row r="630" spans="1:92" outlineLevel="1">
      <c r="A630" s="52" t="s">
        <v>649</v>
      </c>
      <c r="B630" s="53"/>
      <c r="C630" s="53"/>
      <c r="D630" s="53"/>
      <c r="E630" s="53"/>
      <c r="F630" s="53"/>
      <c r="G630" s="53"/>
      <c r="H630" s="53"/>
      <c r="I630" s="53"/>
      <c r="J630" s="53"/>
      <c r="K630" s="53"/>
      <c r="L630" s="53"/>
      <c r="M630" s="53"/>
      <c r="N630" s="53"/>
      <c r="O630" s="53">
        <v>2388042.4463712601</v>
      </c>
      <c r="P630" s="53">
        <v>1505153.42640334</v>
      </c>
      <c r="Q630" s="53">
        <v>1632711.4470156699</v>
      </c>
      <c r="R630" s="53">
        <v>1791439.8350291799</v>
      </c>
      <c r="S630" s="53">
        <v>2140360.0305500599</v>
      </c>
      <c r="T630" s="53">
        <v>2269815.78814387</v>
      </c>
      <c r="U630" s="53">
        <v>2382925.1610269798</v>
      </c>
      <c r="V630" s="53">
        <v>2968641.7084213998</v>
      </c>
      <c r="W630" s="53">
        <v>2216743.7225490198</v>
      </c>
      <c r="X630" s="53">
        <v>1925560.5847904501</v>
      </c>
      <c r="Y630" s="53">
        <v>1540721.7163467801</v>
      </c>
      <c r="Z630" s="53">
        <v>1637884.13335195</v>
      </c>
      <c r="AA630" s="53">
        <v>24399999.999999899</v>
      </c>
      <c r="AB630" s="53">
        <v>2388042.4463712601</v>
      </c>
      <c r="AC630" s="53">
        <v>1505153.42640334</v>
      </c>
      <c r="AD630" s="53">
        <v>1632711.4470156699</v>
      </c>
      <c r="AE630" s="53">
        <v>1791439.8350291799</v>
      </c>
      <c r="AF630" s="53">
        <v>2140360.0305500599</v>
      </c>
      <c r="AG630" s="53">
        <v>2269815.78814387</v>
      </c>
      <c r="AH630" s="53">
        <v>2382925.1610269798</v>
      </c>
      <c r="AI630" s="53">
        <v>2968641.7084213998</v>
      </c>
      <c r="AJ630" s="53">
        <v>2216743.7225490198</v>
      </c>
      <c r="AK630" s="53">
        <v>1925560.5847904501</v>
      </c>
      <c r="AL630" s="53">
        <v>1540721.7163467801</v>
      </c>
      <c r="AM630" s="53">
        <v>1637884.13335195</v>
      </c>
      <c r="AN630" s="53">
        <v>24399999.999999899</v>
      </c>
      <c r="AO630" s="53"/>
      <c r="AP630" s="53"/>
      <c r="AQ630" s="53"/>
      <c r="AR630" s="53"/>
      <c r="AS630" s="53"/>
      <c r="AT630" s="53"/>
      <c r="AU630" s="53"/>
      <c r="AV630" s="53"/>
      <c r="AW630" s="53"/>
      <c r="AX630" s="53"/>
      <c r="AY630" s="53"/>
      <c r="AZ630" s="53"/>
      <c r="BA630" s="53"/>
      <c r="BB630" s="53"/>
      <c r="BC630" s="53"/>
      <c r="BD630" s="53"/>
      <c r="BE630" s="53"/>
      <c r="BF630" s="53"/>
      <c r="BG630" s="53"/>
      <c r="BH630" s="53"/>
      <c r="BI630" s="53"/>
      <c r="BJ630" s="53"/>
      <c r="BK630" s="53"/>
      <c r="BL630" s="53"/>
      <c r="BM630" s="53"/>
      <c r="BN630" s="53"/>
      <c r="BO630" s="53"/>
      <c r="BP630" s="53"/>
      <c r="BQ630" s="53"/>
      <c r="BR630" s="53"/>
      <c r="BS630" s="53"/>
      <c r="BT630" s="53"/>
      <c r="BU630" s="53"/>
      <c r="BV630" s="53"/>
      <c r="BW630" s="53"/>
      <c r="BX630" s="53"/>
      <c r="BY630" s="53"/>
      <c r="BZ630" s="53"/>
      <c r="CA630" s="53"/>
      <c r="CB630" s="53"/>
      <c r="CC630" s="53"/>
      <c r="CD630" s="53"/>
      <c r="CE630" s="53"/>
      <c r="CF630" s="53"/>
      <c r="CG630" s="53"/>
      <c r="CH630" s="53"/>
      <c r="CI630" s="53"/>
      <c r="CJ630" s="53"/>
      <c r="CK630" s="53"/>
      <c r="CL630" s="53"/>
      <c r="CM630" s="53"/>
      <c r="CN630" s="53"/>
    </row>
    <row r="631" spans="1:92" outlineLevel="1">
      <c r="A631" s="52" t="s">
        <v>1256</v>
      </c>
      <c r="B631" s="53"/>
      <c r="C631" s="53"/>
      <c r="D631" s="53"/>
      <c r="E631" s="53"/>
      <c r="F631" s="53"/>
      <c r="G631" s="53"/>
      <c r="H631" s="53"/>
      <c r="I631" s="53"/>
      <c r="J631" s="53"/>
      <c r="K631" s="53"/>
      <c r="L631" s="53"/>
      <c r="M631" s="53"/>
      <c r="N631" s="53"/>
      <c r="O631" s="53"/>
      <c r="P631" s="53"/>
      <c r="Q631" s="53"/>
      <c r="R631" s="53"/>
      <c r="S631" s="53"/>
      <c r="T631" s="53"/>
      <c r="U631" s="53"/>
      <c r="V631" s="53"/>
      <c r="W631" s="53"/>
      <c r="X631" s="53"/>
      <c r="Y631" s="53"/>
      <c r="Z631" s="53"/>
      <c r="AA631" s="53"/>
      <c r="AB631" s="53"/>
      <c r="AC631" s="53"/>
      <c r="AD631" s="53"/>
      <c r="AE631" s="53"/>
      <c r="AF631" s="53"/>
      <c r="AG631" s="53"/>
      <c r="AH631" s="53"/>
      <c r="AI631" s="53"/>
      <c r="AJ631" s="53"/>
      <c r="AK631" s="53"/>
      <c r="AL631" s="53"/>
      <c r="AM631" s="53"/>
      <c r="AN631" s="53"/>
      <c r="AO631" s="53"/>
      <c r="AP631" s="53"/>
      <c r="AQ631" s="53"/>
      <c r="AR631" s="53"/>
      <c r="AS631" s="53"/>
      <c r="AT631" s="53"/>
      <c r="AU631" s="53"/>
      <c r="AV631" s="53"/>
      <c r="AW631" s="53"/>
      <c r="AX631" s="53"/>
      <c r="AY631" s="53"/>
      <c r="AZ631" s="53"/>
      <c r="BA631" s="53"/>
      <c r="BB631" s="53"/>
      <c r="BC631" s="53"/>
      <c r="BD631" s="53"/>
      <c r="BE631" s="53"/>
      <c r="BF631" s="53"/>
      <c r="BG631" s="53"/>
      <c r="BH631" s="53"/>
      <c r="BI631" s="53"/>
      <c r="BJ631" s="53"/>
      <c r="BK631" s="53"/>
      <c r="BL631" s="53"/>
      <c r="BM631" s="53"/>
      <c r="BN631" s="53"/>
      <c r="BO631" s="53"/>
      <c r="BP631" s="53"/>
      <c r="BQ631" s="53"/>
      <c r="BR631" s="53"/>
      <c r="BS631" s="53"/>
      <c r="BT631" s="53"/>
      <c r="BU631" s="53"/>
      <c r="BV631" s="53"/>
      <c r="BW631" s="53"/>
      <c r="BX631" s="53"/>
      <c r="BY631" s="53"/>
      <c r="BZ631" s="53"/>
      <c r="CA631" s="53"/>
      <c r="CB631" s="53">
        <v>-20161917.376749501</v>
      </c>
      <c r="CC631" s="53">
        <v>-20617263.355098698</v>
      </c>
      <c r="CD631" s="53">
        <v>-21712703.990340099</v>
      </c>
      <c r="CE631" s="53">
        <v>-21747301.479328599</v>
      </c>
      <c r="CF631" s="53">
        <v>-20923967.110188998</v>
      </c>
      <c r="CG631" s="53">
        <v>-21169406.239618801</v>
      </c>
      <c r="CH631" s="53">
        <v>-22364903.000026301</v>
      </c>
      <c r="CI631" s="53">
        <v>-22180169.034013599</v>
      </c>
      <c r="CJ631" s="53">
        <v>-20860177.574848</v>
      </c>
      <c r="CK631" s="53">
        <v>-23672237.356111199</v>
      </c>
      <c r="CL631" s="53">
        <v>-18954499.102572199</v>
      </c>
      <c r="CM631" s="53">
        <v>-22433130.3953062</v>
      </c>
      <c r="CN631" s="53">
        <v>-256797676.014202</v>
      </c>
    </row>
    <row r="632" spans="1:92" outlineLevel="1">
      <c r="A632" s="52" t="s">
        <v>649</v>
      </c>
      <c r="B632" s="53"/>
      <c r="C632" s="53"/>
      <c r="D632" s="53"/>
      <c r="E632" s="53"/>
      <c r="F632" s="53"/>
      <c r="G632" s="53"/>
      <c r="H632" s="53"/>
      <c r="I632" s="53"/>
      <c r="J632" s="53"/>
      <c r="K632" s="53"/>
      <c r="L632" s="53"/>
      <c r="M632" s="53"/>
      <c r="N632" s="53"/>
      <c r="O632" s="53">
        <v>-5452118.15077643</v>
      </c>
      <c r="P632" s="53">
        <v>-3485623.4039634899</v>
      </c>
      <c r="Q632" s="53">
        <v>-3697943.00949249</v>
      </c>
      <c r="R632" s="53">
        <v>-4067678.1115929298</v>
      </c>
      <c r="S632" s="53">
        <v>-4911729.7575385701</v>
      </c>
      <c r="T632" s="53">
        <v>-5238649.9486719603</v>
      </c>
      <c r="U632" s="53">
        <v>-5502400.6874549296</v>
      </c>
      <c r="V632" s="53">
        <v>-6841355.9671956599</v>
      </c>
      <c r="W632" s="53">
        <v>-5118239.83107269</v>
      </c>
      <c r="X632" s="53">
        <v>-4417093.7970033605</v>
      </c>
      <c r="Y632" s="53">
        <v>-3504781.910224</v>
      </c>
      <c r="Z632" s="53">
        <v>-3731810.4250137499</v>
      </c>
      <c r="AA632" s="53">
        <v>-55969425.000000201</v>
      </c>
      <c r="AB632" s="53">
        <v>-5452118.15077643</v>
      </c>
      <c r="AC632" s="53">
        <v>-3485623.4039634899</v>
      </c>
      <c r="AD632" s="53">
        <v>-3697943.00949249</v>
      </c>
      <c r="AE632" s="53">
        <v>-4067678.1115929298</v>
      </c>
      <c r="AF632" s="53">
        <v>-4911729.7575385701</v>
      </c>
      <c r="AG632" s="53">
        <v>-5238649.9486719603</v>
      </c>
      <c r="AH632" s="53">
        <v>-5502400.6874549296</v>
      </c>
      <c r="AI632" s="53">
        <v>-6841355.9671956599</v>
      </c>
      <c r="AJ632" s="53">
        <v>-5118239.83107269</v>
      </c>
      <c r="AK632" s="53">
        <v>-4417093.7970033605</v>
      </c>
      <c r="AL632" s="53">
        <v>-3504781.910224</v>
      </c>
      <c r="AM632" s="53">
        <v>-3731810.4250137499</v>
      </c>
      <c r="AN632" s="53">
        <v>-55969425.000000201</v>
      </c>
      <c r="AO632" s="53">
        <v>-5452118.15077643</v>
      </c>
      <c r="AP632" s="53">
        <v>-3485623.4039634899</v>
      </c>
      <c r="AQ632" s="53">
        <v>-3697943.00949249</v>
      </c>
      <c r="AR632" s="53">
        <v>-4067678.1115929298</v>
      </c>
      <c r="AS632" s="53">
        <v>-4911729.7575385701</v>
      </c>
      <c r="AT632" s="53">
        <v>-5238649.9486719603</v>
      </c>
      <c r="AU632" s="53">
        <v>-5502400.6874549296</v>
      </c>
      <c r="AV632" s="53">
        <v>-6841355.9671956599</v>
      </c>
      <c r="AW632" s="53">
        <v>-5118239.83107269</v>
      </c>
      <c r="AX632" s="53">
        <v>-4417093.7970033605</v>
      </c>
      <c r="AY632" s="53">
        <v>-3504781.910224</v>
      </c>
      <c r="AZ632" s="53">
        <v>-3731810.4250137499</v>
      </c>
      <c r="BA632" s="53">
        <v>-55969425.000000201</v>
      </c>
      <c r="BB632" s="53">
        <v>-5452118.15077643</v>
      </c>
      <c r="BC632" s="53">
        <v>-3485623.4039634899</v>
      </c>
      <c r="BD632" s="53">
        <v>-3697943.00949249</v>
      </c>
      <c r="BE632" s="53">
        <v>-4067678.1115929298</v>
      </c>
      <c r="BF632" s="53">
        <v>-4911729.7575385701</v>
      </c>
      <c r="BG632" s="53">
        <v>-5238649.9486719603</v>
      </c>
      <c r="BH632" s="53">
        <v>-5502400.6874549296</v>
      </c>
      <c r="BI632" s="53">
        <v>-6841355.9671956599</v>
      </c>
      <c r="BJ632" s="53">
        <v>-5118239.83107269</v>
      </c>
      <c r="BK632" s="53">
        <v>-4417093.7970033605</v>
      </c>
      <c r="BL632" s="53">
        <v>-3504781.910224</v>
      </c>
      <c r="BM632" s="53">
        <v>-3731810.4250137499</v>
      </c>
      <c r="BN632" s="53">
        <v>-55969425.000000201</v>
      </c>
      <c r="BO632" s="53">
        <v>-5452118.15077643</v>
      </c>
      <c r="BP632" s="53">
        <v>-3485623.4039634899</v>
      </c>
      <c r="BQ632" s="53">
        <v>-3697943.00949249</v>
      </c>
      <c r="BR632" s="53">
        <v>-4067678.1115929298</v>
      </c>
      <c r="BS632" s="53">
        <v>-4911729.7575385701</v>
      </c>
      <c r="BT632" s="53">
        <v>-5238649.9486719603</v>
      </c>
      <c r="BU632" s="53">
        <v>-5502400.6874549296</v>
      </c>
      <c r="BV632" s="53">
        <v>-6841355.9671956599</v>
      </c>
      <c r="BW632" s="53">
        <v>-5118239.83107269</v>
      </c>
      <c r="BX632" s="53">
        <v>-4417093.7970033605</v>
      </c>
      <c r="BY632" s="53">
        <v>-3504781.910224</v>
      </c>
      <c r="BZ632" s="53">
        <v>-3731810.4250137499</v>
      </c>
      <c r="CA632" s="53">
        <v>-55969425.000000201</v>
      </c>
      <c r="CB632" s="53">
        <v>-366.666666666666</v>
      </c>
      <c r="CC632" s="53">
        <v>-1595</v>
      </c>
      <c r="CD632" s="53">
        <v>-1796.6666666666599</v>
      </c>
      <c r="CE632" s="53">
        <v>-1869.99999999999</v>
      </c>
      <c r="CF632" s="53">
        <v>-1796.6666666666599</v>
      </c>
      <c r="CG632" s="53">
        <v>-1815</v>
      </c>
      <c r="CH632" s="53">
        <v>-1914.5238095238001</v>
      </c>
      <c r="CI632" s="53">
        <v>-1895.81632653061</v>
      </c>
      <c r="CJ632" s="53">
        <v>-1780.5782312925101</v>
      </c>
      <c r="CK632" s="53">
        <v>-2017.4149659863899</v>
      </c>
      <c r="CL632" s="53">
        <v>-1613.3333333333301</v>
      </c>
      <c r="CM632" s="53">
        <v>-1906.6666666666599</v>
      </c>
      <c r="CN632" s="53">
        <v>-20368.333333333299</v>
      </c>
    </row>
    <row r="633" spans="1:92" outlineLevel="1">
      <c r="A633" s="52" t="s">
        <v>1257</v>
      </c>
      <c r="B633" s="53"/>
      <c r="C633" s="53"/>
      <c r="D633" s="53"/>
      <c r="E633" s="53"/>
      <c r="F633" s="53"/>
      <c r="G633" s="53"/>
      <c r="H633" s="53"/>
      <c r="I633" s="53"/>
      <c r="J633" s="53"/>
      <c r="K633" s="53"/>
      <c r="L633" s="53"/>
      <c r="M633" s="53"/>
      <c r="N633" s="53"/>
      <c r="O633" s="53"/>
      <c r="P633" s="53"/>
      <c r="Q633" s="53"/>
      <c r="R633" s="53"/>
      <c r="S633" s="53"/>
      <c r="T633" s="53"/>
      <c r="U633" s="53"/>
      <c r="V633" s="53"/>
      <c r="W633" s="53"/>
      <c r="X633" s="53"/>
      <c r="Y633" s="53"/>
      <c r="Z633" s="53"/>
      <c r="AA633" s="53"/>
      <c r="AB633" s="53"/>
      <c r="AC633" s="53"/>
      <c r="AD633" s="53"/>
      <c r="AE633" s="53"/>
      <c r="AF633" s="53"/>
      <c r="AG633" s="53"/>
      <c r="AH633" s="53"/>
      <c r="AI633" s="53"/>
      <c r="AJ633" s="53"/>
      <c r="AK633" s="53"/>
      <c r="AL633" s="53"/>
      <c r="AM633" s="53"/>
      <c r="AN633" s="53"/>
      <c r="AO633" s="53"/>
      <c r="AP633" s="53"/>
      <c r="AQ633" s="53"/>
      <c r="AR633" s="53"/>
      <c r="AS633" s="53"/>
      <c r="AT633" s="53"/>
      <c r="AU633" s="53"/>
      <c r="AV633" s="53"/>
      <c r="AW633" s="53"/>
      <c r="AX633" s="53"/>
      <c r="AY633" s="53"/>
      <c r="AZ633" s="53"/>
      <c r="BA633" s="53"/>
      <c r="BB633" s="53"/>
      <c r="BC633" s="53"/>
      <c r="BD633" s="53"/>
      <c r="BE633" s="53"/>
      <c r="BF633" s="53"/>
      <c r="BG633" s="53"/>
      <c r="BH633" s="53"/>
      <c r="BI633" s="53"/>
      <c r="BJ633" s="53"/>
      <c r="BK633" s="53"/>
      <c r="BL633" s="53"/>
      <c r="BM633" s="53"/>
      <c r="BN633" s="53"/>
      <c r="BO633" s="53"/>
      <c r="BP633" s="53"/>
      <c r="BQ633" s="53"/>
      <c r="BR633" s="53"/>
      <c r="BS633" s="53"/>
      <c r="BT633" s="53"/>
      <c r="BU633" s="53"/>
      <c r="BV633" s="53"/>
      <c r="BW633" s="53"/>
      <c r="BX633" s="53"/>
      <c r="BY633" s="53"/>
      <c r="BZ633" s="53"/>
      <c r="CA633" s="53"/>
      <c r="CB633" s="53"/>
      <c r="CC633" s="53"/>
      <c r="CD633" s="53"/>
      <c r="CE633" s="53"/>
      <c r="CF633" s="53"/>
      <c r="CG633" s="53"/>
      <c r="CH633" s="53"/>
      <c r="CI633" s="53"/>
      <c r="CJ633" s="53"/>
      <c r="CK633" s="53"/>
      <c r="CL633" s="53"/>
      <c r="CM633" s="53"/>
      <c r="CN633" s="53"/>
    </row>
    <row r="634" spans="1:92" outlineLevel="1">
      <c r="A634" s="52" t="s">
        <v>649</v>
      </c>
      <c r="B634" s="53"/>
      <c r="C634" s="53"/>
      <c r="D634" s="53"/>
      <c r="E634" s="53"/>
      <c r="F634" s="53"/>
      <c r="G634" s="53"/>
      <c r="H634" s="53"/>
      <c r="I634" s="53"/>
      <c r="J634" s="53"/>
      <c r="K634" s="53"/>
      <c r="L634" s="53"/>
      <c r="M634" s="53"/>
      <c r="N634" s="53"/>
      <c r="O634" s="53">
        <v>1250830</v>
      </c>
      <c r="P634" s="53">
        <v>1250830</v>
      </c>
      <c r="Q634" s="53">
        <v>1250830</v>
      </c>
      <c r="R634" s="53">
        <v>1250830</v>
      </c>
      <c r="S634" s="53">
        <v>1250830</v>
      </c>
      <c r="T634" s="53">
        <v>3752490</v>
      </c>
      <c r="U634" s="53">
        <v>3752490</v>
      </c>
      <c r="V634" s="53">
        <v>3752490</v>
      </c>
      <c r="W634" s="53">
        <v>3752490</v>
      </c>
      <c r="X634" s="53">
        <v>3752490</v>
      </c>
      <c r="Y634" s="53">
        <v>3752490</v>
      </c>
      <c r="Z634" s="53">
        <v>3752490</v>
      </c>
      <c r="AA634" s="53">
        <v>32521579.999999899</v>
      </c>
      <c r="AB634" s="53">
        <v>3752490</v>
      </c>
      <c r="AC634" s="53">
        <v>3752490</v>
      </c>
      <c r="AD634" s="53">
        <v>5628735</v>
      </c>
      <c r="AE634" s="53">
        <v>5628735</v>
      </c>
      <c r="AF634" s="53">
        <v>5628735</v>
      </c>
      <c r="AG634" s="53">
        <v>6254150</v>
      </c>
      <c r="AH634" s="53">
        <v>6254150</v>
      </c>
      <c r="AI634" s="53">
        <v>6254150</v>
      </c>
      <c r="AJ634" s="53">
        <v>6254150</v>
      </c>
      <c r="AK634" s="53">
        <v>6254150</v>
      </c>
      <c r="AL634" s="53">
        <v>6254150</v>
      </c>
      <c r="AM634" s="53">
        <v>6254150</v>
      </c>
      <c r="AN634" s="53">
        <v>68170235</v>
      </c>
      <c r="AO634" s="53">
        <v>6254150</v>
      </c>
      <c r="AP634" s="53">
        <v>6254150</v>
      </c>
      <c r="AQ634" s="53">
        <v>6254150</v>
      </c>
      <c r="AR634" s="53">
        <v>6254150</v>
      </c>
      <c r="AS634" s="53">
        <v>6254150</v>
      </c>
      <c r="AT634" s="53">
        <v>6254150</v>
      </c>
      <c r="AU634" s="53">
        <v>6254150</v>
      </c>
      <c r="AV634" s="53">
        <v>6254150</v>
      </c>
      <c r="AW634" s="53">
        <v>6254150</v>
      </c>
      <c r="AX634" s="53">
        <v>6254150</v>
      </c>
      <c r="AY634" s="53">
        <v>6254150</v>
      </c>
      <c r="AZ634" s="53">
        <v>6254150</v>
      </c>
      <c r="BA634" s="53">
        <v>75049800</v>
      </c>
      <c r="BB634" s="53">
        <v>6254150</v>
      </c>
      <c r="BC634" s="53">
        <v>6254150</v>
      </c>
      <c r="BD634" s="53">
        <v>6254150</v>
      </c>
      <c r="BE634" s="53">
        <v>6254150</v>
      </c>
      <c r="BF634" s="53">
        <v>6254150</v>
      </c>
      <c r="BG634" s="53">
        <v>6254150</v>
      </c>
      <c r="BH634" s="53">
        <v>6254150</v>
      </c>
      <c r="BI634" s="53">
        <v>6254150</v>
      </c>
      <c r="BJ634" s="53">
        <v>6254150</v>
      </c>
      <c r="BK634" s="53">
        <v>6254150</v>
      </c>
      <c r="BL634" s="53">
        <v>6254150</v>
      </c>
      <c r="BM634" s="53">
        <v>6254150</v>
      </c>
      <c r="BN634" s="53">
        <v>75049800</v>
      </c>
      <c r="BO634" s="53">
        <v>6254150</v>
      </c>
      <c r="BP634" s="53">
        <v>6254150</v>
      </c>
      <c r="BQ634" s="53">
        <v>6254150</v>
      </c>
      <c r="BR634" s="53">
        <v>6254150</v>
      </c>
      <c r="BS634" s="53">
        <v>6254150</v>
      </c>
      <c r="BT634" s="53">
        <v>6254150</v>
      </c>
      <c r="BU634" s="53">
        <v>6254150</v>
      </c>
      <c r="BV634" s="53">
        <v>6254150</v>
      </c>
      <c r="BW634" s="53">
        <v>6254150</v>
      </c>
      <c r="BX634" s="53">
        <v>6254150</v>
      </c>
      <c r="BY634" s="53">
        <v>6254150</v>
      </c>
      <c r="BZ634" s="53">
        <v>6254150</v>
      </c>
      <c r="CA634" s="53">
        <v>75049800</v>
      </c>
      <c r="CB634" s="53">
        <v>-38535342.511081897</v>
      </c>
      <c r="CC634" s="53">
        <v>-37814273.513877399</v>
      </c>
      <c r="CD634" s="53">
        <v>-38973182.962211899</v>
      </c>
      <c r="CE634" s="53">
        <v>-42890154.586634897</v>
      </c>
      <c r="CF634" s="53">
        <v>-44791174.580760397</v>
      </c>
      <c r="CG634" s="53">
        <v>-50813420.757621802</v>
      </c>
      <c r="CH634" s="53">
        <v>-55351318.099226601</v>
      </c>
      <c r="CI634" s="53">
        <v>-56893859.624385297</v>
      </c>
      <c r="CJ634" s="53">
        <v>-52964163.561358698</v>
      </c>
      <c r="CK634" s="53">
        <v>-56516108.185811102</v>
      </c>
      <c r="CL634" s="53">
        <v>-41879213.212958202</v>
      </c>
      <c r="CM634" s="53">
        <v>-43557717.458121501</v>
      </c>
      <c r="CN634" s="53">
        <v>-560979929.05404997</v>
      </c>
    </row>
    <row r="635" spans="1:92" outlineLevel="1">
      <c r="A635" s="52" t="s">
        <v>1258</v>
      </c>
      <c r="B635" s="53"/>
      <c r="C635" s="53"/>
      <c r="D635" s="53"/>
      <c r="E635" s="53"/>
      <c r="F635" s="53"/>
      <c r="G635" s="53"/>
      <c r="H635" s="53"/>
      <c r="I635" s="53"/>
      <c r="J635" s="53"/>
      <c r="K635" s="53"/>
      <c r="L635" s="53"/>
      <c r="M635" s="53"/>
      <c r="N635" s="53"/>
      <c r="O635" s="53"/>
      <c r="P635" s="53"/>
      <c r="Q635" s="53"/>
      <c r="R635" s="53"/>
      <c r="S635" s="53"/>
      <c r="T635" s="53"/>
      <c r="U635" s="53"/>
      <c r="V635" s="53"/>
      <c r="W635" s="53"/>
      <c r="X635" s="53"/>
      <c r="Y635" s="53"/>
      <c r="Z635" s="53"/>
      <c r="AA635" s="53"/>
      <c r="AB635" s="53"/>
      <c r="AC635" s="53"/>
      <c r="AD635" s="53"/>
      <c r="AE635" s="53"/>
      <c r="AF635" s="53"/>
      <c r="AG635" s="53"/>
      <c r="AH635" s="53"/>
      <c r="AI635" s="53"/>
      <c r="AJ635" s="53"/>
      <c r="AK635" s="53"/>
      <c r="AL635" s="53"/>
      <c r="AM635" s="53"/>
      <c r="AN635" s="53"/>
      <c r="AO635" s="53"/>
      <c r="AP635" s="53"/>
      <c r="AQ635" s="53"/>
      <c r="AR635" s="53"/>
      <c r="AS635" s="53"/>
      <c r="AT635" s="53"/>
      <c r="AU635" s="53"/>
      <c r="AV635" s="53"/>
      <c r="AW635" s="53"/>
      <c r="AX635" s="53"/>
      <c r="AY635" s="53"/>
      <c r="AZ635" s="53"/>
      <c r="BA635" s="53"/>
      <c r="BB635" s="53"/>
      <c r="BC635" s="53"/>
      <c r="BD635" s="53"/>
      <c r="BE635" s="53"/>
      <c r="BF635" s="53"/>
      <c r="BG635" s="53"/>
      <c r="BH635" s="53"/>
      <c r="BI635" s="53"/>
      <c r="BJ635" s="53"/>
      <c r="BK635" s="53"/>
      <c r="BL635" s="53"/>
      <c r="BM635" s="53"/>
      <c r="BN635" s="53"/>
      <c r="BO635" s="53"/>
      <c r="BP635" s="53"/>
      <c r="BQ635" s="53"/>
      <c r="BR635" s="53"/>
      <c r="BS635" s="53"/>
      <c r="BT635" s="53"/>
      <c r="BU635" s="53"/>
      <c r="BV635" s="53"/>
      <c r="BW635" s="53"/>
      <c r="BX635" s="53"/>
      <c r="BY635" s="53"/>
      <c r="BZ635" s="53"/>
      <c r="CA635" s="53"/>
      <c r="CB635" s="53">
        <v>-8808426.4809097201</v>
      </c>
      <c r="CC635" s="53">
        <v>-8616074.3981727399</v>
      </c>
      <c r="CD635" s="53">
        <v>-9267340.1550383195</v>
      </c>
      <c r="CE635" s="53">
        <v>-9354590.6625894196</v>
      </c>
      <c r="CF635" s="53">
        <v>-9362736.5570452195</v>
      </c>
      <c r="CG635" s="53">
        <v>-10078958.806493901</v>
      </c>
      <c r="CH635" s="53">
        <v>-10071600.649500901</v>
      </c>
      <c r="CI635" s="53">
        <v>-10068898.3983876</v>
      </c>
      <c r="CJ635" s="53">
        <v>-9792474.7193289995</v>
      </c>
      <c r="CK635" s="53">
        <v>-11040895.08592</v>
      </c>
      <c r="CL635" s="53">
        <v>-8810214.0959618203</v>
      </c>
      <c r="CM635" s="53">
        <v>-10415667.828328401</v>
      </c>
      <c r="CN635" s="53">
        <v>-115687877.837677</v>
      </c>
    </row>
    <row r="636" spans="1:92" outlineLevel="1">
      <c r="A636" s="52" t="s">
        <v>649</v>
      </c>
      <c r="B636" s="53"/>
      <c r="C636" s="53"/>
      <c r="D636" s="53"/>
      <c r="E636" s="53"/>
      <c r="F636" s="53"/>
      <c r="G636" s="53"/>
      <c r="H636" s="53"/>
      <c r="I636" s="53"/>
      <c r="J636" s="53"/>
      <c r="K636" s="53"/>
      <c r="L636" s="53"/>
      <c r="M636" s="53"/>
      <c r="N636" s="53"/>
      <c r="O636" s="53"/>
      <c r="P636" s="53"/>
      <c r="Q636" s="53"/>
      <c r="R636" s="53">
        <v>37711166.130963199</v>
      </c>
      <c r="S636" s="53">
        <v>37711166.130963199</v>
      </c>
      <c r="T636" s="53">
        <v>37711166.130963199</v>
      </c>
      <c r="U636" s="53">
        <v>37711166.130963199</v>
      </c>
      <c r="V636" s="53">
        <v>37711166.130963199</v>
      </c>
      <c r="W636" s="53">
        <v>37711166.130963199</v>
      </c>
      <c r="X636" s="53">
        <v>37711166.130963199</v>
      </c>
      <c r="Y636" s="53">
        <v>37711166.130963199</v>
      </c>
      <c r="Z636" s="53">
        <v>37711166.130963199</v>
      </c>
      <c r="AA636" s="53">
        <v>339400495.17866898</v>
      </c>
      <c r="AB636" s="53">
        <v>37711166.130963199</v>
      </c>
      <c r="AC636" s="53">
        <v>37711166.130963199</v>
      </c>
      <c r="AD636" s="53">
        <v>37711166.130963199</v>
      </c>
      <c r="AE636" s="53"/>
      <c r="AF636" s="53"/>
      <c r="AG636" s="53"/>
      <c r="AH636" s="53"/>
      <c r="AI636" s="53"/>
      <c r="AJ636" s="53"/>
      <c r="AK636" s="53"/>
      <c r="AL636" s="53"/>
      <c r="AM636" s="53"/>
      <c r="AN636" s="53">
        <v>113133498.39288899</v>
      </c>
      <c r="AO636" s="53"/>
      <c r="AP636" s="53"/>
      <c r="AQ636" s="53"/>
      <c r="AR636" s="53"/>
      <c r="AS636" s="53"/>
      <c r="AT636" s="53"/>
      <c r="AU636" s="53"/>
      <c r="AV636" s="53"/>
      <c r="AW636" s="53"/>
      <c r="AX636" s="53"/>
      <c r="AY636" s="53"/>
      <c r="AZ636" s="53"/>
      <c r="BA636" s="53"/>
      <c r="BB636" s="53"/>
      <c r="BC636" s="53"/>
      <c r="BD636" s="53"/>
      <c r="BE636" s="53"/>
      <c r="BF636" s="53"/>
      <c r="BG636" s="53"/>
      <c r="BH636" s="53"/>
      <c r="BI636" s="53"/>
      <c r="BJ636" s="53"/>
      <c r="BK636" s="53"/>
      <c r="BL636" s="53"/>
      <c r="BM636" s="53"/>
      <c r="BN636" s="53"/>
      <c r="BO636" s="53"/>
      <c r="BP636" s="53"/>
      <c r="BQ636" s="53"/>
      <c r="BR636" s="53"/>
      <c r="BS636" s="53"/>
      <c r="BT636" s="53"/>
      <c r="BU636" s="53"/>
      <c r="BV636" s="53"/>
      <c r="BW636" s="53"/>
      <c r="BX636" s="53"/>
      <c r="BY636" s="53"/>
      <c r="BZ636" s="53"/>
      <c r="CA636" s="53"/>
      <c r="CB636" s="53">
        <v>-49376.530325675703</v>
      </c>
      <c r="CC636" s="53">
        <v>-49907.653423199197</v>
      </c>
      <c r="CD636" s="53">
        <v>-52449.5275017971</v>
      </c>
      <c r="CE636" s="53">
        <v>-52609.110611679702</v>
      </c>
      <c r="CF636" s="53">
        <v>-51031.4083067424</v>
      </c>
      <c r="CG636" s="53">
        <v>-51452.309632148201</v>
      </c>
      <c r="CH636" s="53">
        <v>-54206.013263014502</v>
      </c>
      <c r="CI636" s="53">
        <v>-53616.0472143187</v>
      </c>
      <c r="CJ636" s="53">
        <v>-50392.3521839311</v>
      </c>
      <c r="CK636" s="53">
        <v>-57135.965466207701</v>
      </c>
      <c r="CL636" s="53">
        <v>-45775.564153114297</v>
      </c>
      <c r="CM636" s="53">
        <v>-54102.8818621549</v>
      </c>
      <c r="CN636" s="53">
        <v>-622055.36394398403</v>
      </c>
    </row>
    <row r="637" spans="1:92" outlineLevel="1">
      <c r="A637" s="52" t="s">
        <v>1259</v>
      </c>
      <c r="B637" s="53"/>
      <c r="C637" s="53"/>
      <c r="D637" s="53"/>
      <c r="E637" s="53"/>
      <c r="F637" s="53"/>
      <c r="G637" s="53"/>
      <c r="H637" s="53"/>
      <c r="I637" s="53"/>
      <c r="J637" s="53"/>
      <c r="K637" s="53"/>
      <c r="L637" s="53"/>
      <c r="M637" s="53"/>
      <c r="N637" s="53"/>
      <c r="O637" s="53"/>
      <c r="P637" s="53"/>
      <c r="Q637" s="53"/>
      <c r="R637" s="53"/>
      <c r="S637" s="53"/>
      <c r="T637" s="53"/>
      <c r="U637" s="53"/>
      <c r="V637" s="53"/>
      <c r="W637" s="53"/>
      <c r="X637" s="53"/>
      <c r="Y637" s="53"/>
      <c r="Z637" s="53"/>
      <c r="AA637" s="53"/>
      <c r="AB637" s="53"/>
      <c r="AC637" s="53"/>
      <c r="AD637" s="53"/>
      <c r="AE637" s="53"/>
      <c r="AF637" s="53"/>
      <c r="AG637" s="53"/>
      <c r="AH637" s="53"/>
      <c r="AI637" s="53"/>
      <c r="AJ637" s="53"/>
      <c r="AK637" s="53"/>
      <c r="AL637" s="53"/>
      <c r="AM637" s="53"/>
      <c r="AN637" s="53"/>
      <c r="AO637" s="53"/>
      <c r="AP637" s="53"/>
      <c r="AQ637" s="53"/>
      <c r="AR637" s="53"/>
      <c r="AS637" s="53"/>
      <c r="AT637" s="53"/>
      <c r="AU637" s="53"/>
      <c r="AV637" s="53"/>
      <c r="AW637" s="53"/>
      <c r="AX637" s="53"/>
      <c r="AY637" s="53"/>
      <c r="AZ637" s="53"/>
      <c r="BA637" s="53"/>
      <c r="BB637" s="53"/>
      <c r="BC637" s="53"/>
      <c r="BD637" s="53"/>
      <c r="BE637" s="53"/>
      <c r="BF637" s="53"/>
      <c r="BG637" s="53"/>
      <c r="BH637" s="53"/>
      <c r="BI637" s="53"/>
      <c r="BJ637" s="53"/>
      <c r="BK637" s="53"/>
      <c r="BL637" s="53"/>
      <c r="BM637" s="53"/>
      <c r="BN637" s="53"/>
      <c r="BO637" s="53"/>
      <c r="BP637" s="53"/>
      <c r="BQ637" s="53"/>
      <c r="BR637" s="53"/>
      <c r="BS637" s="53"/>
      <c r="BT637" s="53"/>
      <c r="BU637" s="53"/>
      <c r="BV637" s="53"/>
      <c r="BW637" s="53"/>
      <c r="BX637" s="53"/>
      <c r="BY637" s="53"/>
      <c r="BZ637" s="53"/>
      <c r="CA637" s="53"/>
      <c r="CB637" s="53">
        <v>-10046258.445913401</v>
      </c>
      <c r="CC637" s="53">
        <v>-9979372.4781778995</v>
      </c>
      <c r="CD637" s="53">
        <v>-10814609.434807301</v>
      </c>
      <c r="CE637" s="53">
        <v>-11184681.5184875</v>
      </c>
      <c r="CF637" s="53">
        <v>-11483818.979884701</v>
      </c>
      <c r="CG637" s="53">
        <v>-12668340.537964299</v>
      </c>
      <c r="CH637" s="53">
        <v>-13469513.030078501</v>
      </c>
      <c r="CI637" s="53">
        <v>-13023133.765371799</v>
      </c>
      <c r="CJ637" s="53">
        <v>-11686194.2783795</v>
      </c>
      <c r="CK637" s="53">
        <v>-14215491.267811401</v>
      </c>
      <c r="CL637" s="53">
        <v>-10655322.298410499</v>
      </c>
      <c r="CM637" s="53">
        <v>-11535804.8243379</v>
      </c>
      <c r="CN637" s="53">
        <v>-140762540.85962501</v>
      </c>
    </row>
    <row r="638" spans="1:92" outlineLevel="1">
      <c r="A638" s="52" t="s">
        <v>649</v>
      </c>
      <c r="B638" s="53"/>
      <c r="C638" s="53"/>
      <c r="D638" s="53"/>
      <c r="E638" s="53"/>
      <c r="F638" s="53"/>
      <c r="G638" s="53"/>
      <c r="H638" s="53"/>
      <c r="I638" s="53"/>
      <c r="J638" s="53"/>
      <c r="K638" s="53"/>
      <c r="L638" s="53"/>
      <c r="M638" s="53"/>
      <c r="N638" s="53"/>
      <c r="O638" s="53">
        <v>1846524.7876208101</v>
      </c>
      <c r="P638" s="53">
        <v>1846524.7876208101</v>
      </c>
      <c r="Q638" s="53">
        <v>1846524.7876208101</v>
      </c>
      <c r="R638" s="53">
        <v>1846524.7876208101</v>
      </c>
      <c r="S638" s="53">
        <v>1846524.7876208101</v>
      </c>
      <c r="T638" s="53">
        <v>1039615.05620038</v>
      </c>
      <c r="U638" s="53">
        <v>1039615.05620038</v>
      </c>
      <c r="V638" s="53">
        <v>1039615.05620038</v>
      </c>
      <c r="W638" s="53"/>
      <c r="X638" s="53"/>
      <c r="Y638" s="53"/>
      <c r="Z638" s="53"/>
      <c r="AA638" s="53">
        <v>12351469.106705099</v>
      </c>
      <c r="AB638" s="53">
        <v>1846524.7876208101</v>
      </c>
      <c r="AC638" s="53">
        <v>1846524.7876208101</v>
      </c>
      <c r="AD638" s="53">
        <v>1846524.7876208101</v>
      </c>
      <c r="AE638" s="53">
        <v>1846524.7876208101</v>
      </c>
      <c r="AF638" s="53">
        <v>1846524.7876208101</v>
      </c>
      <c r="AG638" s="53">
        <v>1039615.05620038</v>
      </c>
      <c r="AH638" s="53">
        <v>1039615.05620038</v>
      </c>
      <c r="AI638" s="53">
        <v>1039615.05620038</v>
      </c>
      <c r="AJ638" s="53"/>
      <c r="AK638" s="53"/>
      <c r="AL638" s="53"/>
      <c r="AM638" s="53"/>
      <c r="AN638" s="53">
        <v>12351469.106705099</v>
      </c>
      <c r="AO638" s="53">
        <v>1846524.7876208101</v>
      </c>
      <c r="AP638" s="53">
        <v>1846524.7876208101</v>
      </c>
      <c r="AQ638" s="53">
        <v>1846524.7876208101</v>
      </c>
      <c r="AR638" s="53">
        <v>1846524.7876208101</v>
      </c>
      <c r="AS638" s="53">
        <v>1846524.7876208101</v>
      </c>
      <c r="AT638" s="53">
        <v>1039615.05620038</v>
      </c>
      <c r="AU638" s="53">
        <v>1039615.05620038</v>
      </c>
      <c r="AV638" s="53">
        <v>1039615.05620038</v>
      </c>
      <c r="AW638" s="53"/>
      <c r="AX638" s="53"/>
      <c r="AY638" s="53"/>
      <c r="AZ638" s="53"/>
      <c r="BA638" s="53">
        <v>12351469.106705099</v>
      </c>
      <c r="BB638" s="53">
        <v>1846524.7876208101</v>
      </c>
      <c r="BC638" s="53">
        <v>1846524.7876208101</v>
      </c>
      <c r="BD638" s="53">
        <v>1846524.7876208101</v>
      </c>
      <c r="BE638" s="53">
        <v>1846524.7876208101</v>
      </c>
      <c r="BF638" s="53">
        <v>1846524.7876208101</v>
      </c>
      <c r="BG638" s="53">
        <v>1039615.05620038</v>
      </c>
      <c r="BH638" s="53">
        <v>1039615.05620038</v>
      </c>
      <c r="BI638" s="53">
        <v>1039615.05620038</v>
      </c>
      <c r="BJ638" s="53"/>
      <c r="BK638" s="53"/>
      <c r="BL638" s="53"/>
      <c r="BM638" s="53"/>
      <c r="BN638" s="53">
        <v>12351469.106705099</v>
      </c>
      <c r="BO638" s="53">
        <v>1846524.7876208101</v>
      </c>
      <c r="BP638" s="53">
        <v>1846524.7876208101</v>
      </c>
      <c r="BQ638" s="53">
        <v>1846524.7876208101</v>
      </c>
      <c r="BR638" s="53">
        <v>1846524.7876208101</v>
      </c>
      <c r="BS638" s="53">
        <v>1846524.7876208101</v>
      </c>
      <c r="BT638" s="53">
        <v>1039615.05620038</v>
      </c>
      <c r="BU638" s="53">
        <v>1039615.05620038</v>
      </c>
      <c r="BV638" s="53">
        <v>1039615.05620038</v>
      </c>
      <c r="BW638" s="53"/>
      <c r="BX638" s="53"/>
      <c r="BY638" s="53"/>
      <c r="BZ638" s="53"/>
      <c r="CA638" s="53">
        <v>12351469.106705099</v>
      </c>
      <c r="CB638" s="53">
        <v>-100699982.184112</v>
      </c>
      <c r="CC638" s="53">
        <v>-104006422.67884099</v>
      </c>
      <c r="CD638" s="53">
        <v>-95439177.5551534</v>
      </c>
      <c r="CE638" s="53">
        <v>-96548193.388047293</v>
      </c>
      <c r="CF638" s="53">
        <v>-100691957.71725599</v>
      </c>
      <c r="CG638" s="53">
        <v>-129458164.096973</v>
      </c>
      <c r="CH638" s="53">
        <v>-159971453.52361199</v>
      </c>
      <c r="CI638" s="53">
        <v>-171620463.746696</v>
      </c>
      <c r="CJ638" s="53">
        <v>-159232770.90698299</v>
      </c>
      <c r="CK638" s="53">
        <v>-159376266.74031901</v>
      </c>
      <c r="CL638" s="53">
        <v>-105253752.25376201</v>
      </c>
      <c r="CM638" s="53">
        <v>-104006436.47570001</v>
      </c>
      <c r="CN638" s="53">
        <v>-1486305041.2674501</v>
      </c>
    </row>
    <row r="639" spans="1:92" outlineLevel="1">
      <c r="A639" s="52" t="s">
        <v>1260</v>
      </c>
      <c r="B639" s="53"/>
      <c r="C639" s="53"/>
      <c r="D639" s="53"/>
      <c r="E639" s="53"/>
      <c r="F639" s="53"/>
      <c r="G639" s="53"/>
      <c r="H639" s="53"/>
      <c r="I639" s="53"/>
      <c r="J639" s="53"/>
      <c r="K639" s="53"/>
      <c r="L639" s="53"/>
      <c r="M639" s="53"/>
      <c r="N639" s="53"/>
      <c r="O639" s="53"/>
      <c r="P639" s="53"/>
      <c r="Q639" s="53"/>
      <c r="R639" s="53"/>
      <c r="S639" s="53"/>
      <c r="T639" s="53"/>
      <c r="U639" s="53"/>
      <c r="V639" s="53"/>
      <c r="W639" s="53"/>
      <c r="X639" s="53"/>
      <c r="Y639" s="53"/>
      <c r="Z639" s="53"/>
      <c r="AA639" s="53"/>
      <c r="AB639" s="53"/>
      <c r="AC639" s="53"/>
      <c r="AD639" s="53"/>
      <c r="AE639" s="53"/>
      <c r="AF639" s="53"/>
      <c r="AG639" s="53"/>
      <c r="AH639" s="53"/>
      <c r="AI639" s="53"/>
      <c r="AJ639" s="53"/>
      <c r="AK639" s="53"/>
      <c r="AL639" s="53"/>
      <c r="AM639" s="53"/>
      <c r="AN639" s="53"/>
      <c r="AO639" s="53"/>
      <c r="AP639" s="53"/>
      <c r="AQ639" s="53"/>
      <c r="AR639" s="53"/>
      <c r="AS639" s="53"/>
      <c r="AT639" s="53"/>
      <c r="AU639" s="53"/>
      <c r="AV639" s="53"/>
      <c r="AW639" s="53"/>
      <c r="AX639" s="53"/>
      <c r="AY639" s="53"/>
      <c r="AZ639" s="53"/>
      <c r="BA639" s="53"/>
      <c r="BB639" s="53"/>
      <c r="BC639" s="53"/>
      <c r="BD639" s="53"/>
      <c r="BE639" s="53"/>
      <c r="BF639" s="53"/>
      <c r="BG639" s="53"/>
      <c r="BH639" s="53"/>
      <c r="BI639" s="53"/>
      <c r="BJ639" s="53"/>
      <c r="BK639" s="53"/>
      <c r="BL639" s="53"/>
      <c r="BM639" s="53"/>
      <c r="BN639" s="53"/>
      <c r="BO639" s="53"/>
      <c r="BP639" s="53"/>
      <c r="BQ639" s="53"/>
      <c r="BR639" s="53"/>
      <c r="BS639" s="53"/>
      <c r="BT639" s="53"/>
      <c r="BU639" s="53"/>
      <c r="BV639" s="53"/>
      <c r="BW639" s="53"/>
      <c r="BX639" s="53"/>
      <c r="BY639" s="53"/>
      <c r="BZ639" s="53"/>
      <c r="CA639" s="53"/>
      <c r="CB639" s="53">
        <v>-38319.176596266603</v>
      </c>
      <c r="CC639" s="53">
        <v>-39334.990474999999</v>
      </c>
      <c r="CD639" s="53">
        <v>-39441.555312466597</v>
      </c>
      <c r="CE639" s="53">
        <v>-41096.115565599997</v>
      </c>
      <c r="CF639" s="53">
        <v>-36379.557334500001</v>
      </c>
      <c r="CG639" s="53">
        <v>-37156.541782833301</v>
      </c>
      <c r="CH639" s="53">
        <v>-38465.939734476196</v>
      </c>
      <c r="CI639" s="53">
        <v>-38953.446999412197</v>
      </c>
      <c r="CJ639" s="53">
        <v>-36355.384284450301</v>
      </c>
      <c r="CK639" s="53">
        <v>-40699.005100261202</v>
      </c>
      <c r="CL639" s="53">
        <v>-32884.874348400001</v>
      </c>
      <c r="CM639" s="53">
        <v>-39267.981789666599</v>
      </c>
      <c r="CN639" s="53">
        <v>-458354.56932333298</v>
      </c>
    </row>
    <row r="640" spans="1:92" outlineLevel="1">
      <c r="A640" s="52" t="s">
        <v>649</v>
      </c>
      <c r="B640" s="53">
        <v>666666.66666666698</v>
      </c>
      <c r="C640" s="53">
        <v>666666.66666666698</v>
      </c>
      <c r="D640" s="53">
        <v>666666.66666666698</v>
      </c>
      <c r="E640" s="53">
        <v>666666.66666666698</v>
      </c>
      <c r="F640" s="53">
        <v>666666.66666666698</v>
      </c>
      <c r="G640" s="53">
        <v>666666.66666666698</v>
      </c>
      <c r="H640" s="53">
        <v>666666.66666666698</v>
      </c>
      <c r="I640" s="53">
        <v>666666.66666666698</v>
      </c>
      <c r="J640" s="53">
        <v>666666.66666666698</v>
      </c>
      <c r="K640" s="53">
        <v>666666.66666666698</v>
      </c>
      <c r="L640" s="53">
        <v>666666.66666666698</v>
      </c>
      <c r="M640" s="53">
        <v>666666.66666666698</v>
      </c>
      <c r="N640" s="53">
        <v>8000000</v>
      </c>
      <c r="O640" s="53">
        <v>583333.33333333302</v>
      </c>
      <c r="P640" s="53">
        <v>583333.33333333302</v>
      </c>
      <c r="Q640" s="53">
        <v>583333.33333333302</v>
      </c>
      <c r="R640" s="53">
        <v>583333.33333333302</v>
      </c>
      <c r="S640" s="53">
        <v>583333.33333333302</v>
      </c>
      <c r="T640" s="53">
        <v>583333.33333333302</v>
      </c>
      <c r="U640" s="53">
        <v>583333.33333333302</v>
      </c>
      <c r="V640" s="53">
        <v>583333.33333333302</v>
      </c>
      <c r="W640" s="53">
        <v>583333.33333333302</v>
      </c>
      <c r="X640" s="53">
        <v>583333.33333333302</v>
      </c>
      <c r="Y640" s="53">
        <v>583333.33333333302</v>
      </c>
      <c r="Z640" s="53">
        <v>583333.33333333302</v>
      </c>
      <c r="AA640" s="53">
        <v>6999999.9999999898</v>
      </c>
      <c r="AB640" s="53">
        <v>583333.33333333302</v>
      </c>
      <c r="AC640" s="53">
        <v>583333.33333333302</v>
      </c>
      <c r="AD640" s="53">
        <v>583333.33333333302</v>
      </c>
      <c r="AE640" s="53">
        <v>583333.33333333302</v>
      </c>
      <c r="AF640" s="53">
        <v>583333.33333333302</v>
      </c>
      <c r="AG640" s="53">
        <v>583333.33333333302</v>
      </c>
      <c r="AH640" s="53">
        <v>583333.33333333302</v>
      </c>
      <c r="AI640" s="53">
        <v>583333.33333333302</v>
      </c>
      <c r="AJ640" s="53">
        <v>583333.33333333302</v>
      </c>
      <c r="AK640" s="53">
        <v>583333.33333333302</v>
      </c>
      <c r="AL640" s="53">
        <v>583333.33333333302</v>
      </c>
      <c r="AM640" s="53">
        <v>583333.33333333302</v>
      </c>
      <c r="AN640" s="53">
        <v>6999999.9999999898</v>
      </c>
      <c r="AO640" s="53">
        <v>416666.66666666698</v>
      </c>
      <c r="AP640" s="53">
        <v>416666.66666666698</v>
      </c>
      <c r="AQ640" s="53">
        <v>416666.66666666698</v>
      </c>
      <c r="AR640" s="53">
        <v>416666.66666666698</v>
      </c>
      <c r="AS640" s="53">
        <v>416666.66666666698</v>
      </c>
      <c r="AT640" s="53">
        <v>416666.66666666698</v>
      </c>
      <c r="AU640" s="53">
        <v>416666.66666666698</v>
      </c>
      <c r="AV640" s="53">
        <v>416666.66666666698</v>
      </c>
      <c r="AW640" s="53">
        <v>416666.66666666698</v>
      </c>
      <c r="AX640" s="53">
        <v>416666.66666666698</v>
      </c>
      <c r="AY640" s="53">
        <v>416666.66666666698</v>
      </c>
      <c r="AZ640" s="53">
        <v>416666.66666666698</v>
      </c>
      <c r="BA640" s="53">
        <v>5000000</v>
      </c>
      <c r="BB640" s="53">
        <v>416666.66666666698</v>
      </c>
      <c r="BC640" s="53">
        <v>416666.66666666698</v>
      </c>
      <c r="BD640" s="53">
        <v>416666.66666666698</v>
      </c>
      <c r="BE640" s="53">
        <v>416666.66666666698</v>
      </c>
      <c r="BF640" s="53">
        <v>416666.66666666698</v>
      </c>
      <c r="BG640" s="53">
        <v>416666.66666666698</v>
      </c>
      <c r="BH640" s="53">
        <v>416666.66666666698</v>
      </c>
      <c r="BI640" s="53">
        <v>416666.66666666698</v>
      </c>
      <c r="BJ640" s="53">
        <v>416666.66666666698</v>
      </c>
      <c r="BK640" s="53">
        <v>416666.66666666698</v>
      </c>
      <c r="BL640" s="53">
        <v>416666.66666666698</v>
      </c>
      <c r="BM640" s="53">
        <v>416666.66666666698</v>
      </c>
      <c r="BN640" s="53">
        <v>5000000</v>
      </c>
      <c r="BO640" s="53">
        <v>416666.66666666698</v>
      </c>
      <c r="BP640" s="53">
        <v>416666.66666666698</v>
      </c>
      <c r="BQ640" s="53">
        <v>416666.66666666698</v>
      </c>
      <c r="BR640" s="53">
        <v>416666.66666666698</v>
      </c>
      <c r="BS640" s="53">
        <v>416666.66666666698</v>
      </c>
      <c r="BT640" s="53">
        <v>416666.66666666698</v>
      </c>
      <c r="BU640" s="53">
        <v>416666.66666666698</v>
      </c>
      <c r="BV640" s="53">
        <v>416666.66666666698</v>
      </c>
      <c r="BW640" s="53">
        <v>416666.66666666698</v>
      </c>
      <c r="BX640" s="53">
        <v>416666.66666666698</v>
      </c>
      <c r="BY640" s="53">
        <v>416666.66666666698</v>
      </c>
      <c r="BZ640" s="53">
        <v>416666.66666666698</v>
      </c>
      <c r="CA640" s="53">
        <v>5000000</v>
      </c>
      <c r="CB640" s="53"/>
      <c r="CC640" s="53"/>
      <c r="CD640" s="53"/>
      <c r="CE640" s="53"/>
      <c r="CF640" s="53"/>
      <c r="CG640" s="53"/>
      <c r="CH640" s="53"/>
      <c r="CI640" s="53"/>
      <c r="CJ640" s="53"/>
      <c r="CK640" s="53"/>
      <c r="CL640" s="53"/>
      <c r="CM640" s="53"/>
      <c r="CN640" s="53"/>
    </row>
    <row r="641" spans="1:92" outlineLevel="1">
      <c r="A641" s="52" t="s">
        <v>1302</v>
      </c>
      <c r="B641" s="53"/>
      <c r="C641" s="53"/>
      <c r="D641" s="53"/>
      <c r="E641" s="53"/>
      <c r="F641" s="53"/>
      <c r="G641" s="53"/>
      <c r="H641" s="53"/>
      <c r="I641" s="53"/>
      <c r="J641" s="53"/>
      <c r="K641" s="53"/>
      <c r="L641" s="53"/>
      <c r="M641" s="53"/>
      <c r="N641" s="53"/>
      <c r="O641" s="53"/>
      <c r="P641" s="53"/>
      <c r="Q641" s="53"/>
      <c r="R641" s="53"/>
      <c r="S641" s="53"/>
      <c r="T641" s="53"/>
      <c r="U641" s="53"/>
      <c r="V641" s="53"/>
      <c r="W641" s="53"/>
      <c r="X641" s="53"/>
      <c r="Y641" s="53"/>
      <c r="Z641" s="53"/>
      <c r="AA641" s="53"/>
      <c r="AB641" s="53"/>
      <c r="AC641" s="53"/>
      <c r="AD641" s="53"/>
      <c r="AE641" s="53"/>
      <c r="AF641" s="53"/>
      <c r="AG641" s="53"/>
      <c r="AH641" s="53"/>
      <c r="AI641" s="53"/>
      <c r="AJ641" s="53"/>
      <c r="AK641" s="53"/>
      <c r="AL641" s="53"/>
      <c r="AM641" s="53"/>
      <c r="AN641" s="53"/>
      <c r="AO641" s="53"/>
      <c r="AP641" s="53"/>
      <c r="AQ641" s="53"/>
      <c r="AR641" s="53"/>
      <c r="AS641" s="53"/>
      <c r="AT641" s="53"/>
      <c r="AU641" s="53"/>
      <c r="AV641" s="53"/>
      <c r="AW641" s="53"/>
      <c r="AX641" s="53"/>
      <c r="AY641" s="53"/>
      <c r="AZ641" s="53"/>
      <c r="BA641" s="53"/>
      <c r="BB641" s="53"/>
      <c r="BC641" s="53"/>
      <c r="BD641" s="53"/>
      <c r="BE641" s="53"/>
      <c r="BF641" s="53"/>
      <c r="BG641" s="53"/>
      <c r="BH641" s="53"/>
      <c r="BI641" s="53"/>
      <c r="BJ641" s="53"/>
      <c r="BK641" s="53"/>
      <c r="BL641" s="53"/>
      <c r="BM641" s="53"/>
      <c r="BN641" s="53"/>
      <c r="BO641" s="53"/>
      <c r="BP641" s="53"/>
      <c r="BQ641" s="53"/>
      <c r="BR641" s="53"/>
      <c r="BS641" s="53"/>
      <c r="BT641" s="53"/>
      <c r="BU641" s="53"/>
      <c r="BV641" s="53"/>
      <c r="BW641" s="53"/>
      <c r="BX641" s="53"/>
      <c r="BY641" s="53"/>
      <c r="BZ641" s="53"/>
      <c r="CA641" s="53"/>
      <c r="CB641" s="53"/>
      <c r="CC641" s="53"/>
      <c r="CD641" s="53"/>
      <c r="CE641" s="53"/>
      <c r="CF641" s="53"/>
      <c r="CG641" s="53"/>
      <c r="CH641" s="53"/>
      <c r="CI641" s="53"/>
      <c r="CJ641" s="53"/>
      <c r="CK641" s="53"/>
      <c r="CL641" s="53"/>
      <c r="CM641" s="53"/>
      <c r="CN641" s="53"/>
    </row>
    <row r="642" spans="1:92" outlineLevel="1">
      <c r="A642" s="52" t="s">
        <v>649</v>
      </c>
      <c r="B642" s="53"/>
      <c r="C642" s="53"/>
      <c r="D642" s="53"/>
      <c r="E642" s="53"/>
      <c r="F642" s="53"/>
      <c r="G642" s="53"/>
      <c r="H642" s="53"/>
      <c r="I642" s="53"/>
      <c r="J642" s="53"/>
      <c r="K642" s="53"/>
      <c r="L642" s="53"/>
      <c r="M642" s="53"/>
      <c r="N642" s="53"/>
      <c r="O642" s="53">
        <v>140755.66666666701</v>
      </c>
      <c r="P642" s="53">
        <v>140755.66666666701</v>
      </c>
      <c r="Q642" s="53">
        <v>140755.66666666701</v>
      </c>
      <c r="R642" s="53">
        <v>140755.66666666701</v>
      </c>
      <c r="S642" s="53">
        <v>140755.66666666701</v>
      </c>
      <c r="T642" s="53">
        <v>140755.66666666701</v>
      </c>
      <c r="U642" s="53">
        <v>140755.66666666701</v>
      </c>
      <c r="V642" s="53">
        <v>140755.66666666701</v>
      </c>
      <c r="W642" s="53">
        <v>140755.66666666701</v>
      </c>
      <c r="X642" s="53">
        <v>140755.66666666701</v>
      </c>
      <c r="Y642" s="53">
        <v>140755.66666666701</v>
      </c>
      <c r="Z642" s="53">
        <v>140755.66666666701</v>
      </c>
      <c r="AA642" s="53">
        <v>1689068</v>
      </c>
      <c r="AB642" s="53">
        <v>140755.66666666701</v>
      </c>
      <c r="AC642" s="53">
        <v>140755.66666666701</v>
      </c>
      <c r="AD642" s="53">
        <v>140755.66666666701</v>
      </c>
      <c r="AE642" s="53">
        <v>140755.66666666701</v>
      </c>
      <c r="AF642" s="53">
        <v>140755.66666666701</v>
      </c>
      <c r="AG642" s="53">
        <v>140755.66666666701</v>
      </c>
      <c r="AH642" s="53">
        <v>140755.66666666701</v>
      </c>
      <c r="AI642" s="53">
        <v>140755.66666666701</v>
      </c>
      <c r="AJ642" s="53">
        <v>140755.66666666701</v>
      </c>
      <c r="AK642" s="53">
        <v>140755.66666666701</v>
      </c>
      <c r="AL642" s="53">
        <v>140755.66666666701</v>
      </c>
      <c r="AM642" s="53">
        <v>140755.66666666701</v>
      </c>
      <c r="AN642" s="53">
        <v>1689068</v>
      </c>
      <c r="AO642" s="53">
        <v>140755.66666666701</v>
      </c>
      <c r="AP642" s="53">
        <v>140755.66666666701</v>
      </c>
      <c r="AQ642" s="53">
        <v>140755.66666666701</v>
      </c>
      <c r="AR642" s="53">
        <v>140755.66666666701</v>
      </c>
      <c r="AS642" s="53">
        <v>140755.66666666701</v>
      </c>
      <c r="AT642" s="53">
        <v>140755.66666666701</v>
      </c>
      <c r="AU642" s="53">
        <v>140755.66666666701</v>
      </c>
      <c r="AV642" s="53">
        <v>140755.66666666701</v>
      </c>
      <c r="AW642" s="53">
        <v>140755.66666666701</v>
      </c>
      <c r="AX642" s="53">
        <v>140755.66666666701</v>
      </c>
      <c r="AY642" s="53">
        <v>140755.66666666701</v>
      </c>
      <c r="AZ642" s="53">
        <v>140755.66666666701</v>
      </c>
      <c r="BA642" s="53">
        <v>1689068</v>
      </c>
      <c r="BB642" s="53">
        <v>140755.66666666701</v>
      </c>
      <c r="BC642" s="53">
        <v>140755.66666666701</v>
      </c>
      <c r="BD642" s="53">
        <v>140755.66666666701</v>
      </c>
      <c r="BE642" s="53">
        <v>140755.66666666701</v>
      </c>
      <c r="BF642" s="53">
        <v>140755.66666666701</v>
      </c>
      <c r="BG642" s="53">
        <v>140755.66666666701</v>
      </c>
      <c r="BH642" s="53">
        <v>140755.66666666701</v>
      </c>
      <c r="BI642" s="53">
        <v>140755.66666666701</v>
      </c>
      <c r="BJ642" s="53">
        <v>140755.66666666701</v>
      </c>
      <c r="BK642" s="53">
        <v>140755.66666666701</v>
      </c>
      <c r="BL642" s="53">
        <v>140755.66666666701</v>
      </c>
      <c r="BM642" s="53">
        <v>140755.66666666701</v>
      </c>
      <c r="BN642" s="53">
        <v>1689068</v>
      </c>
      <c r="BO642" s="53">
        <v>140755.66666666701</v>
      </c>
      <c r="BP642" s="53">
        <v>140755.66666666701</v>
      </c>
      <c r="BQ642" s="53">
        <v>140755.66666666701</v>
      </c>
      <c r="BR642" s="53">
        <v>140755.66666666701</v>
      </c>
      <c r="BS642" s="53">
        <v>140755.66666666701</v>
      </c>
      <c r="BT642" s="53">
        <v>140755.66666666701</v>
      </c>
      <c r="BU642" s="53">
        <v>140755.66666666701</v>
      </c>
      <c r="BV642" s="53">
        <v>140755.66666666701</v>
      </c>
      <c r="BW642" s="53">
        <v>140755.66666666701</v>
      </c>
      <c r="BX642" s="53">
        <v>140755.66666666701</v>
      </c>
      <c r="BY642" s="53">
        <v>140755.66666666701</v>
      </c>
      <c r="BZ642" s="53">
        <v>140755.66666666701</v>
      </c>
      <c r="CA642" s="53">
        <v>1689068</v>
      </c>
      <c r="CB642" s="53">
        <v>-681516.78961111105</v>
      </c>
      <c r="CC642" s="53">
        <v>-735242.59630833298</v>
      </c>
      <c r="CD642" s="53">
        <v>-784539.88049444405</v>
      </c>
      <c r="CE642" s="53">
        <v>-742169.65001666604</v>
      </c>
      <c r="CF642" s="53">
        <v>-572735.546094444</v>
      </c>
      <c r="CG642" s="53">
        <v>-561544.07207499899</v>
      </c>
      <c r="CH642" s="53">
        <v>-585690.35596944403</v>
      </c>
      <c r="CI642" s="53">
        <v>-579967.37027499999</v>
      </c>
      <c r="CJ642" s="53">
        <v>-544713.77839722205</v>
      </c>
      <c r="CK642" s="53">
        <v>-617166.777288888</v>
      </c>
      <c r="CL642" s="53">
        <v>-493550.28628888802</v>
      </c>
      <c r="CM642" s="53">
        <v>-633686.70197777695</v>
      </c>
      <c r="CN642" s="53">
        <v>-7532523.80479722</v>
      </c>
    </row>
    <row r="643" spans="1:92" outlineLevel="1">
      <c r="A643" s="52" t="s">
        <v>1229</v>
      </c>
      <c r="B643" s="53"/>
      <c r="C643" s="53"/>
      <c r="D643" s="53"/>
      <c r="E643" s="53"/>
      <c r="F643" s="53"/>
      <c r="G643" s="53"/>
      <c r="H643" s="53"/>
      <c r="I643" s="53"/>
      <c r="J643" s="53"/>
      <c r="K643" s="53"/>
      <c r="L643" s="53"/>
      <c r="M643" s="53"/>
      <c r="N643" s="53"/>
      <c r="O643" s="53"/>
      <c r="P643" s="53"/>
      <c r="Q643" s="53"/>
      <c r="R643" s="53"/>
      <c r="S643" s="53"/>
      <c r="T643" s="53"/>
      <c r="U643" s="53"/>
      <c r="V643" s="53"/>
      <c r="W643" s="53"/>
      <c r="X643" s="53"/>
      <c r="Y643" s="53"/>
      <c r="Z643" s="53"/>
      <c r="AA643" s="53"/>
      <c r="AB643" s="53"/>
      <c r="AC643" s="53"/>
      <c r="AD643" s="53"/>
      <c r="AE643" s="53"/>
      <c r="AF643" s="53"/>
      <c r="AG643" s="53"/>
      <c r="AH643" s="53"/>
      <c r="AI643" s="53"/>
      <c r="AJ643" s="53"/>
      <c r="AK643" s="53"/>
      <c r="AL643" s="53"/>
      <c r="AM643" s="53"/>
      <c r="AN643" s="53"/>
      <c r="AO643" s="53"/>
      <c r="AP643" s="53"/>
      <c r="AQ643" s="53"/>
      <c r="AR643" s="53"/>
      <c r="AS643" s="53"/>
      <c r="AT643" s="53"/>
      <c r="AU643" s="53"/>
      <c r="AV643" s="53"/>
      <c r="AW643" s="53"/>
      <c r="AX643" s="53"/>
      <c r="AY643" s="53"/>
      <c r="AZ643" s="53"/>
      <c r="BA643" s="53"/>
      <c r="BB643" s="53"/>
      <c r="BC643" s="53"/>
      <c r="BD643" s="53"/>
      <c r="BE643" s="53"/>
      <c r="BF643" s="53"/>
      <c r="BG643" s="53"/>
      <c r="BH643" s="53"/>
      <c r="BI643" s="53"/>
      <c r="BJ643" s="53"/>
      <c r="BK643" s="53"/>
      <c r="BL643" s="53"/>
      <c r="BM643" s="53"/>
      <c r="BN643" s="53"/>
      <c r="BO643" s="53"/>
      <c r="BP643" s="53"/>
      <c r="BQ643" s="53"/>
      <c r="BR643" s="53"/>
      <c r="BS643" s="53"/>
      <c r="BT643" s="53"/>
      <c r="BU643" s="53"/>
      <c r="BV643" s="53"/>
      <c r="BW643" s="53"/>
      <c r="BX643" s="53"/>
      <c r="BY643" s="53"/>
      <c r="BZ643" s="53"/>
      <c r="CA643" s="53"/>
      <c r="CB643" s="53">
        <v>-26889.711166666599</v>
      </c>
      <c r="CC643" s="53">
        <v>-39000.5344999999</v>
      </c>
      <c r="CD643" s="53">
        <v>-41997.720666666602</v>
      </c>
      <c r="CE643" s="53">
        <v>-40806.332499999997</v>
      </c>
      <c r="CF643" s="53">
        <v>-39089.598666666599</v>
      </c>
      <c r="CG643" s="53">
        <v>-40239.443999999901</v>
      </c>
      <c r="CH643" s="53">
        <v>-45206.6509523809</v>
      </c>
      <c r="CI643" s="53">
        <v>-41441.770224489701</v>
      </c>
      <c r="CJ643" s="53">
        <v>-38840.7307006802</v>
      </c>
      <c r="CK643" s="53">
        <v>-44581.903455782303</v>
      </c>
      <c r="CL643" s="53">
        <v>-34960.186333333302</v>
      </c>
      <c r="CM643" s="53">
        <v>-36286.150166666601</v>
      </c>
      <c r="CN643" s="53">
        <v>-469340.73333333299</v>
      </c>
    </row>
    <row r="644" spans="1:92" outlineLevel="1">
      <c r="A644" s="52" t="s">
        <v>1230</v>
      </c>
      <c r="B644" s="53"/>
      <c r="C644" s="53"/>
      <c r="D644" s="53"/>
      <c r="E644" s="53"/>
      <c r="F644" s="53"/>
      <c r="G644" s="53"/>
      <c r="H644" s="53"/>
      <c r="I644" s="53"/>
      <c r="J644" s="53"/>
      <c r="K644" s="53"/>
      <c r="L644" s="53"/>
      <c r="M644" s="53"/>
      <c r="N644" s="53"/>
      <c r="O644" s="53"/>
      <c r="P644" s="53"/>
      <c r="Q644" s="53"/>
      <c r="R644" s="53"/>
      <c r="S644" s="53"/>
      <c r="T644" s="53"/>
      <c r="U644" s="53"/>
      <c r="V644" s="53"/>
      <c r="W644" s="53"/>
      <c r="X644" s="53"/>
      <c r="Y644" s="53"/>
      <c r="Z644" s="53"/>
      <c r="AA644" s="53"/>
      <c r="AB644" s="53"/>
      <c r="AC644" s="53"/>
      <c r="AD644" s="53"/>
      <c r="AE644" s="53"/>
      <c r="AF644" s="53"/>
      <c r="AG644" s="53"/>
      <c r="AH644" s="53"/>
      <c r="AI644" s="53"/>
      <c r="AJ644" s="53"/>
      <c r="AK644" s="53"/>
      <c r="AL644" s="53"/>
      <c r="AM644" s="53"/>
      <c r="AN644" s="53"/>
      <c r="AO644" s="53"/>
      <c r="AP644" s="53"/>
      <c r="AQ644" s="53"/>
      <c r="AR644" s="53"/>
      <c r="AS644" s="53"/>
      <c r="AT644" s="53"/>
      <c r="AU644" s="53"/>
      <c r="AV644" s="53"/>
      <c r="AW644" s="53"/>
      <c r="AX644" s="53"/>
      <c r="AY644" s="53"/>
      <c r="AZ644" s="53"/>
      <c r="BA644" s="53"/>
      <c r="BB644" s="53"/>
      <c r="BC644" s="53"/>
      <c r="BD644" s="53"/>
      <c r="BE644" s="53"/>
      <c r="BF644" s="53"/>
      <c r="BG644" s="53"/>
      <c r="BH644" s="53"/>
      <c r="BI644" s="53"/>
      <c r="BJ644" s="53"/>
      <c r="BK644" s="53"/>
      <c r="BL644" s="53"/>
      <c r="BM644" s="53"/>
      <c r="BN644" s="53"/>
      <c r="BO644" s="53"/>
      <c r="BP644" s="53"/>
      <c r="BQ644" s="53"/>
      <c r="BR644" s="53"/>
      <c r="BS644" s="53"/>
      <c r="BT644" s="53"/>
      <c r="BU644" s="53"/>
      <c r="BV644" s="53"/>
      <c r="BW644" s="53"/>
      <c r="BX644" s="53"/>
      <c r="BY644" s="53"/>
      <c r="BZ644" s="53"/>
      <c r="CA644" s="53"/>
      <c r="CB644" s="53"/>
      <c r="CC644" s="53"/>
      <c r="CD644" s="53"/>
      <c r="CE644" s="53"/>
      <c r="CF644" s="53"/>
      <c r="CG644" s="53"/>
      <c r="CH644" s="53"/>
      <c r="CI644" s="53"/>
      <c r="CJ644" s="53"/>
      <c r="CK644" s="53"/>
      <c r="CL644" s="53"/>
      <c r="CM644" s="53"/>
      <c r="CN644" s="53"/>
    </row>
    <row r="645" spans="1:92" outlineLevel="1">
      <c r="A645" s="52" t="s">
        <v>649</v>
      </c>
      <c r="B645" s="53"/>
      <c r="C645" s="53"/>
      <c r="D645" s="53"/>
      <c r="E645" s="53"/>
      <c r="F645" s="53"/>
      <c r="G645" s="53"/>
      <c r="H645" s="53"/>
      <c r="I645" s="53"/>
      <c r="J645" s="53"/>
      <c r="K645" s="53"/>
      <c r="L645" s="53"/>
      <c r="M645" s="53"/>
      <c r="N645" s="53"/>
      <c r="O645" s="53">
        <v>-9.0949470177292803E-10</v>
      </c>
      <c r="P645" s="53">
        <v>5.8207660913467401E-8</v>
      </c>
      <c r="Q645" s="53">
        <v>-3.6379788070917101E-9</v>
      </c>
      <c r="R645" s="53">
        <v>5.4569682106375603E-9</v>
      </c>
      <c r="S645" s="53">
        <v>-1.6370904631912698E-8</v>
      </c>
      <c r="T645" s="53">
        <v>2.0008883439004401E-8</v>
      </c>
      <c r="U645" s="53">
        <v>-7.2759576141834201E-9</v>
      </c>
      <c r="V645" s="53">
        <v>-2.0008883439004401E-8</v>
      </c>
      <c r="W645" s="53">
        <v>-9.0949470177292807E-9</v>
      </c>
      <c r="X645" s="53">
        <v>-2.5465851649641901E-8</v>
      </c>
      <c r="Y645" s="53"/>
      <c r="Z645" s="53">
        <v>7.2759576141834206E-8</v>
      </c>
      <c r="AA645" s="53">
        <v>7.3669070843607095E-8</v>
      </c>
      <c r="AB645" s="53">
        <v>1.8189894035458501E-9</v>
      </c>
      <c r="AC645" s="53">
        <v>5.4569682106375603E-9</v>
      </c>
      <c r="AD645" s="53">
        <v>3.6379788070917101E-9</v>
      </c>
      <c r="AE645" s="53">
        <v>-2.7284841053187801E-8</v>
      </c>
      <c r="AF645" s="53">
        <v>-3.6379788070917101E-9</v>
      </c>
      <c r="AG645" s="53">
        <v>1.4551915228366801E-8</v>
      </c>
      <c r="AH645" s="53">
        <v>-5.4569682106375603E-9</v>
      </c>
      <c r="AI645" s="53">
        <v>4.5474735088646399E-8</v>
      </c>
      <c r="AJ645" s="53">
        <v>-9.0949470177292807E-9</v>
      </c>
      <c r="AK645" s="53">
        <v>1.8189894035458501E-9</v>
      </c>
      <c r="AL645" s="53">
        <v>1.2732925824820899E-8</v>
      </c>
      <c r="AM645" s="53">
        <v>-9.0949470177292807E-9</v>
      </c>
      <c r="AN645" s="53">
        <v>3.0922819860279501E-8</v>
      </c>
      <c r="AO645" s="53">
        <v>7.2759576141834201E-9</v>
      </c>
      <c r="AP645" s="53">
        <v>9.0949470177292807E-9</v>
      </c>
      <c r="AQ645" s="53">
        <v>-1.0913936421275101E-8</v>
      </c>
      <c r="AR645" s="53">
        <v>-1.6370904631912698E-8</v>
      </c>
      <c r="AS645" s="53">
        <v>5.4569682106375603E-9</v>
      </c>
      <c r="AT645" s="53">
        <v>-3.45607986673712E-8</v>
      </c>
      <c r="AU645" s="53">
        <v>5.4569682106375603E-9</v>
      </c>
      <c r="AV645" s="53">
        <v>1.8189894035458499E-8</v>
      </c>
      <c r="AW645" s="53">
        <v>-2.7284841053187801E-8</v>
      </c>
      <c r="AX645" s="53">
        <v>1.8189894035458499E-8</v>
      </c>
      <c r="AY645" s="53">
        <v>2.91038304567337E-8</v>
      </c>
      <c r="AZ645" s="53">
        <v>3.45607986673712E-8</v>
      </c>
      <c r="BA645" s="53">
        <v>3.81987774744629E-8</v>
      </c>
      <c r="BB645" s="53">
        <v>-9.0949470177292807E-9</v>
      </c>
      <c r="BC645" s="53">
        <v>-7.2759576141834201E-9</v>
      </c>
      <c r="BD645" s="53">
        <v>7.2759576141834201E-9</v>
      </c>
      <c r="BE645" s="53">
        <v>2.5465851649641901E-8</v>
      </c>
      <c r="BF645" s="53"/>
      <c r="BG645" s="53">
        <v>-6.3664629124104897E-8</v>
      </c>
      <c r="BH645" s="53">
        <v>5.4569682106375603E-9</v>
      </c>
      <c r="BI645" s="53"/>
      <c r="BJ645" s="53">
        <v>9.0949470177292807E-9</v>
      </c>
      <c r="BK645" s="53">
        <v>1.2732925824820899E-8</v>
      </c>
      <c r="BL645" s="53">
        <v>-3.6379788070917101E-9</v>
      </c>
      <c r="BM645" s="53">
        <v>-5.6388671509921498E-8</v>
      </c>
      <c r="BN645" s="53">
        <v>-8.0035533756017606E-8</v>
      </c>
      <c r="BO645" s="53">
        <v>5.6388671509921498E-8</v>
      </c>
      <c r="BP645" s="53">
        <v>3.2741809263825397E-8</v>
      </c>
      <c r="BQ645" s="53">
        <v>-1.8189894035458499E-8</v>
      </c>
      <c r="BR645" s="53">
        <v>-5.0931703299283902E-8</v>
      </c>
      <c r="BS645" s="53">
        <v>6.3664629124104897E-8</v>
      </c>
      <c r="BT645" s="53">
        <v>-5.4569682106375603E-9</v>
      </c>
      <c r="BU645" s="53">
        <v>1.4551915228366801E-8</v>
      </c>
      <c r="BV645" s="53">
        <v>-3.6379788070917101E-9</v>
      </c>
      <c r="BW645" s="53">
        <v>-2.3646862246096101E-8</v>
      </c>
      <c r="BX645" s="53">
        <v>-1.2732925824820899E-8</v>
      </c>
      <c r="BY645" s="53">
        <v>4.3655745685100502E-8</v>
      </c>
      <c r="BZ645" s="53">
        <v>2.0008883439004401E-8</v>
      </c>
      <c r="CA645" s="53">
        <v>1.1641532182693399E-7</v>
      </c>
      <c r="CB645" s="53">
        <v>-2372209.1306063002</v>
      </c>
      <c r="CC645" s="53">
        <v>-1130417.88500873</v>
      </c>
      <c r="CD645" s="53">
        <v>-1027808.9726234101</v>
      </c>
      <c r="CE645" s="53">
        <v>-1050687.4057925099</v>
      </c>
      <c r="CF645" s="53">
        <v>-1082997.9368328201</v>
      </c>
      <c r="CG645" s="53">
        <v>-1228749.02501105</v>
      </c>
      <c r="CH645" s="53">
        <v>-1367519.5197646101</v>
      </c>
      <c r="CI645" s="53">
        <v>-1415707.64848123</v>
      </c>
      <c r="CJ645" s="53">
        <v>-1319788.22269202</v>
      </c>
      <c r="CK645" s="53">
        <v>-1407358.5143894299</v>
      </c>
      <c r="CL645" s="53">
        <v>-1031788.3484706799</v>
      </c>
      <c r="CM645" s="53">
        <v>-1069844.9881228199</v>
      </c>
      <c r="CN645" s="53">
        <v>-15504877.5977956</v>
      </c>
    </row>
    <row r="646" spans="1:92" outlineLevel="1">
      <c r="A646" s="52" t="s">
        <v>672</v>
      </c>
      <c r="B646" s="53"/>
      <c r="C646" s="53"/>
      <c r="D646" s="53"/>
      <c r="E646" s="53"/>
      <c r="F646" s="53"/>
      <c r="G646" s="53"/>
      <c r="H646" s="53"/>
      <c r="I646" s="53"/>
      <c r="J646" s="53"/>
      <c r="K646" s="53"/>
      <c r="L646" s="53"/>
      <c r="M646" s="53"/>
      <c r="N646" s="53"/>
      <c r="O646" s="53"/>
      <c r="P646" s="53"/>
      <c r="Q646" s="53"/>
      <c r="R646" s="53"/>
      <c r="S646" s="53"/>
      <c r="T646" s="53"/>
      <c r="U646" s="53"/>
      <c r="V646" s="53"/>
      <c r="W646" s="53"/>
      <c r="X646" s="53"/>
      <c r="Y646" s="53"/>
      <c r="Z646" s="53"/>
      <c r="AA646" s="53"/>
      <c r="AB646" s="53"/>
      <c r="AC646" s="53"/>
      <c r="AD646" s="53"/>
      <c r="AE646" s="53"/>
      <c r="AF646" s="53"/>
      <c r="AG646" s="53"/>
      <c r="AH646" s="53"/>
      <c r="AI646" s="53"/>
      <c r="AJ646" s="53"/>
      <c r="AK646" s="53"/>
      <c r="AL646" s="53"/>
      <c r="AM646" s="53"/>
      <c r="AN646" s="53"/>
      <c r="AO646" s="53"/>
      <c r="AP646" s="53"/>
      <c r="AQ646" s="53"/>
      <c r="AR646" s="53"/>
      <c r="AS646" s="53"/>
      <c r="AT646" s="53"/>
      <c r="AU646" s="53"/>
      <c r="AV646" s="53"/>
      <c r="AW646" s="53"/>
      <c r="AX646" s="53"/>
      <c r="AY646" s="53"/>
      <c r="AZ646" s="53"/>
      <c r="BA646" s="53"/>
      <c r="BB646" s="53"/>
      <c r="BC646" s="53"/>
      <c r="BD646" s="53"/>
      <c r="BE646" s="53"/>
      <c r="BF646" s="53"/>
      <c r="BG646" s="53"/>
      <c r="BH646" s="53"/>
      <c r="BI646" s="53"/>
      <c r="BJ646" s="53"/>
      <c r="BK646" s="53"/>
      <c r="BL646" s="53"/>
      <c r="BM646" s="53"/>
      <c r="BN646" s="53"/>
      <c r="BO646" s="53"/>
      <c r="BP646" s="53"/>
      <c r="BQ646" s="53"/>
      <c r="BR646" s="53"/>
      <c r="BS646" s="53"/>
      <c r="BT646" s="53"/>
      <c r="BU646" s="53"/>
      <c r="BV646" s="53"/>
      <c r="BW646" s="53"/>
      <c r="BX646" s="53"/>
      <c r="BY646" s="53"/>
      <c r="BZ646" s="53"/>
      <c r="CA646" s="53"/>
      <c r="CB646" s="53">
        <v>-804029.76701976696</v>
      </c>
      <c r="CC646" s="53">
        <v>-386807.30642257602</v>
      </c>
      <c r="CD646" s="53">
        <v>-371535.78564166598</v>
      </c>
      <c r="CE646" s="53">
        <v>-362285.53615660698</v>
      </c>
      <c r="CF646" s="53">
        <v>-348846.17609889799</v>
      </c>
      <c r="CG646" s="53">
        <v>-361065.64149764599</v>
      </c>
      <c r="CH646" s="53">
        <v>-386184.89035136398</v>
      </c>
      <c r="CI646" s="53">
        <v>-382361.54694071098</v>
      </c>
      <c r="CJ646" s="53">
        <v>-361923.14951321902</v>
      </c>
      <c r="CK646" s="53">
        <v>-400202.53553362499</v>
      </c>
      <c r="CL646" s="53">
        <v>-314764.228921581</v>
      </c>
      <c r="CM646" s="53">
        <v>-364759.24424593803</v>
      </c>
      <c r="CN646" s="53">
        <v>-4844765.8083435996</v>
      </c>
    </row>
    <row r="647" spans="1:92" outlineLevel="1">
      <c r="A647" s="52" t="s">
        <v>778</v>
      </c>
      <c r="B647" s="53"/>
      <c r="C647" s="53"/>
      <c r="D647" s="53"/>
      <c r="E647" s="53"/>
      <c r="F647" s="53"/>
      <c r="G647" s="53"/>
      <c r="H647" s="53"/>
      <c r="I647" s="53"/>
      <c r="J647" s="53"/>
      <c r="K647" s="53"/>
      <c r="L647" s="53"/>
      <c r="M647" s="53"/>
      <c r="N647" s="53"/>
      <c r="O647" s="53"/>
      <c r="P647" s="53"/>
      <c r="Q647" s="53"/>
      <c r="R647" s="53"/>
      <c r="S647" s="53"/>
      <c r="T647" s="53"/>
      <c r="U647" s="53"/>
      <c r="V647" s="53"/>
      <c r="W647" s="53"/>
      <c r="X647" s="53"/>
      <c r="Y647" s="53"/>
      <c r="Z647" s="53"/>
      <c r="AA647" s="53"/>
      <c r="AB647" s="53"/>
      <c r="AC647" s="53"/>
      <c r="AD647" s="53"/>
      <c r="AE647" s="53"/>
      <c r="AF647" s="53"/>
      <c r="AG647" s="53"/>
      <c r="AH647" s="53"/>
      <c r="AI647" s="53"/>
      <c r="AJ647" s="53"/>
      <c r="AK647" s="53"/>
      <c r="AL647" s="53"/>
      <c r="AM647" s="53"/>
      <c r="AN647" s="53"/>
      <c r="AO647" s="53"/>
      <c r="AP647" s="53"/>
      <c r="AQ647" s="53"/>
      <c r="AR647" s="53"/>
      <c r="AS647" s="53"/>
      <c r="AT647" s="53"/>
      <c r="AU647" s="53"/>
      <c r="AV647" s="53"/>
      <c r="AW647" s="53"/>
      <c r="AX647" s="53"/>
      <c r="AY647" s="53"/>
      <c r="AZ647" s="53"/>
      <c r="BA647" s="53"/>
      <c r="BB647" s="53"/>
      <c r="BC647" s="53"/>
      <c r="BD647" s="53"/>
      <c r="BE647" s="53"/>
      <c r="BF647" s="53"/>
      <c r="BG647" s="53"/>
      <c r="BH647" s="53"/>
      <c r="BI647" s="53"/>
      <c r="BJ647" s="53"/>
      <c r="BK647" s="53"/>
      <c r="BL647" s="53"/>
      <c r="BM647" s="53"/>
      <c r="BN647" s="53"/>
      <c r="BO647" s="53"/>
      <c r="BP647" s="53"/>
      <c r="BQ647" s="53"/>
      <c r="BR647" s="53"/>
      <c r="BS647" s="53"/>
      <c r="BT647" s="53"/>
      <c r="BU647" s="53"/>
      <c r="BV647" s="53"/>
      <c r="BW647" s="53"/>
      <c r="BX647" s="53"/>
      <c r="BY647" s="53"/>
      <c r="BZ647" s="53"/>
      <c r="CA647" s="53"/>
      <c r="CB647" s="53">
        <v>-4951.6470760955499</v>
      </c>
      <c r="CC647" s="53">
        <v>-2434.1213803262699</v>
      </c>
      <c r="CD647" s="53">
        <v>-2302.2932455240598</v>
      </c>
      <c r="CE647" s="53">
        <v>-2144.0354232053601</v>
      </c>
      <c r="CF647" s="53">
        <v>-2059.2806591096</v>
      </c>
      <c r="CG647" s="53">
        <v>-2079.5652570993402</v>
      </c>
      <c r="CH647" s="53">
        <v>-2192.8072625755699</v>
      </c>
      <c r="CI647" s="53">
        <v>-2170.6055544513101</v>
      </c>
      <c r="CJ647" s="53">
        <v>-2037.99512708722</v>
      </c>
      <c r="CK647" s="53">
        <v>-2308.1851490921399</v>
      </c>
      <c r="CL647" s="53">
        <v>-1845.30197402668</v>
      </c>
      <c r="CM647" s="53">
        <v>-2180.04833866628</v>
      </c>
      <c r="CN647" s="53">
        <v>-28705.8864472594</v>
      </c>
    </row>
    <row r="648" spans="1:92" outlineLevel="1">
      <c r="A648" s="52" t="s">
        <v>1236</v>
      </c>
      <c r="B648" s="53"/>
      <c r="C648" s="53"/>
      <c r="D648" s="53"/>
      <c r="E648" s="53"/>
      <c r="F648" s="53"/>
      <c r="G648" s="53"/>
      <c r="H648" s="53"/>
      <c r="I648" s="53"/>
      <c r="J648" s="53"/>
      <c r="K648" s="53"/>
      <c r="L648" s="53"/>
      <c r="M648" s="53"/>
      <c r="N648" s="53"/>
      <c r="O648" s="53"/>
      <c r="P648" s="53"/>
      <c r="Q648" s="53"/>
      <c r="R648" s="53"/>
      <c r="S648" s="53"/>
      <c r="T648" s="53"/>
      <c r="U648" s="53"/>
      <c r="V648" s="53"/>
      <c r="W648" s="53"/>
      <c r="X648" s="53"/>
      <c r="Y648" s="53"/>
      <c r="Z648" s="53"/>
      <c r="AA648" s="53"/>
      <c r="AB648" s="53"/>
      <c r="AC648" s="53"/>
      <c r="AD648" s="53"/>
      <c r="AE648" s="53"/>
      <c r="AF648" s="53"/>
      <c r="AG648" s="53"/>
      <c r="AH648" s="53"/>
      <c r="AI648" s="53"/>
      <c r="AJ648" s="53"/>
      <c r="AK648" s="53"/>
      <c r="AL648" s="53"/>
      <c r="AM648" s="53"/>
      <c r="AN648" s="53"/>
      <c r="AO648" s="53"/>
      <c r="AP648" s="53"/>
      <c r="AQ648" s="53"/>
      <c r="AR648" s="53"/>
      <c r="AS648" s="53"/>
      <c r="AT648" s="53"/>
      <c r="AU648" s="53"/>
      <c r="AV648" s="53"/>
      <c r="AW648" s="53"/>
      <c r="AX648" s="53"/>
      <c r="AY648" s="53"/>
      <c r="AZ648" s="53"/>
      <c r="BA648" s="53"/>
      <c r="BB648" s="53"/>
      <c r="BC648" s="53"/>
      <c r="BD648" s="53"/>
      <c r="BE648" s="53"/>
      <c r="BF648" s="53"/>
      <c r="BG648" s="53"/>
      <c r="BH648" s="53"/>
      <c r="BI648" s="53"/>
      <c r="BJ648" s="53"/>
      <c r="BK648" s="53"/>
      <c r="BL648" s="53"/>
      <c r="BM648" s="53"/>
      <c r="BN648" s="53"/>
      <c r="BO648" s="53"/>
      <c r="BP648" s="53"/>
      <c r="BQ648" s="53"/>
      <c r="BR648" s="53"/>
      <c r="BS648" s="53"/>
      <c r="BT648" s="53"/>
      <c r="BU648" s="53"/>
      <c r="BV648" s="53"/>
      <c r="BW648" s="53"/>
      <c r="BX648" s="53"/>
      <c r="BY648" s="53"/>
      <c r="BZ648" s="53"/>
      <c r="CA648" s="53"/>
      <c r="CB648" s="53">
        <v>-686770.03544979298</v>
      </c>
      <c r="CC648" s="53">
        <v>-334736.581019053</v>
      </c>
      <c r="CD648" s="53">
        <v>-316078.23430970998</v>
      </c>
      <c r="CE648" s="53">
        <v>-305131.63985554001</v>
      </c>
      <c r="CF648" s="53">
        <v>-311250.90997102001</v>
      </c>
      <c r="CG648" s="53">
        <v>-338854.18240626698</v>
      </c>
      <c r="CH648" s="53">
        <v>-365071.461903369</v>
      </c>
      <c r="CI648" s="53">
        <v>-357524.25404694502</v>
      </c>
      <c r="CJ648" s="53">
        <v>-322271.62754151202</v>
      </c>
      <c r="CK648" s="53">
        <v>-384660.39204839501</v>
      </c>
      <c r="CL648" s="53">
        <v>-287404.604986633</v>
      </c>
      <c r="CM648" s="53">
        <v>-311789.36194683902</v>
      </c>
      <c r="CN648" s="53">
        <v>-4321543.2854850804</v>
      </c>
    </row>
    <row r="649" spans="1:92" outlineLevel="1">
      <c r="A649" s="52" t="s">
        <v>1261</v>
      </c>
      <c r="B649" s="53"/>
      <c r="C649" s="53"/>
      <c r="D649" s="53"/>
      <c r="E649" s="53"/>
      <c r="F649" s="53"/>
      <c r="G649" s="53"/>
      <c r="H649" s="53"/>
      <c r="I649" s="53"/>
      <c r="J649" s="53"/>
      <c r="K649" s="53"/>
      <c r="L649" s="53"/>
      <c r="M649" s="53"/>
      <c r="N649" s="53"/>
      <c r="O649" s="53"/>
      <c r="P649" s="53"/>
      <c r="Q649" s="53"/>
      <c r="R649" s="53"/>
      <c r="S649" s="53"/>
      <c r="T649" s="53"/>
      <c r="U649" s="53"/>
      <c r="V649" s="53"/>
      <c r="W649" s="53"/>
      <c r="X649" s="53"/>
      <c r="Y649" s="53"/>
      <c r="Z649" s="53"/>
      <c r="AA649" s="53"/>
      <c r="AB649" s="53"/>
      <c r="AC649" s="53"/>
      <c r="AD649" s="53"/>
      <c r="AE649" s="53"/>
      <c r="AF649" s="53"/>
      <c r="AG649" s="53"/>
      <c r="AH649" s="53"/>
      <c r="AI649" s="53"/>
      <c r="AJ649" s="53"/>
      <c r="AK649" s="53"/>
      <c r="AL649" s="53"/>
      <c r="AM649" s="53"/>
      <c r="AN649" s="53"/>
      <c r="AO649" s="53"/>
      <c r="AP649" s="53"/>
      <c r="AQ649" s="53"/>
      <c r="AR649" s="53"/>
      <c r="AS649" s="53"/>
      <c r="AT649" s="53"/>
      <c r="AU649" s="53"/>
      <c r="AV649" s="53"/>
      <c r="AW649" s="53"/>
      <c r="AX649" s="53"/>
      <c r="AY649" s="53"/>
      <c r="AZ649" s="53"/>
      <c r="BA649" s="53"/>
      <c r="BB649" s="53"/>
      <c r="BC649" s="53"/>
      <c r="BD649" s="53"/>
      <c r="BE649" s="53"/>
      <c r="BF649" s="53"/>
      <c r="BG649" s="53"/>
      <c r="BH649" s="53"/>
      <c r="BI649" s="53"/>
      <c r="BJ649" s="53"/>
      <c r="BK649" s="53"/>
      <c r="BL649" s="53"/>
      <c r="BM649" s="53"/>
      <c r="BN649" s="53"/>
      <c r="BO649" s="53"/>
      <c r="BP649" s="53"/>
      <c r="BQ649" s="53"/>
      <c r="BR649" s="53"/>
      <c r="BS649" s="53"/>
      <c r="BT649" s="53"/>
      <c r="BU649" s="53"/>
      <c r="BV649" s="53"/>
      <c r="BW649" s="53"/>
      <c r="BX649" s="53"/>
      <c r="BY649" s="53"/>
      <c r="BZ649" s="53"/>
      <c r="CA649" s="53"/>
      <c r="CB649" s="53">
        <v>-4372761.9880392496</v>
      </c>
      <c r="CC649" s="53">
        <v>-2156280.8911530999</v>
      </c>
      <c r="CD649" s="53">
        <v>-1824525.0341577299</v>
      </c>
      <c r="CE649" s="53">
        <v>-1712483.84948908</v>
      </c>
      <c r="CF649" s="53">
        <v>-1771917.8463169101</v>
      </c>
      <c r="CG649" s="53">
        <v>-2248505.8787237401</v>
      </c>
      <c r="CH649" s="53">
        <v>-2729004.6909225699</v>
      </c>
      <c r="CI649" s="53">
        <v>-2904981.4993206202</v>
      </c>
      <c r="CJ649" s="53">
        <v>-2695680.6656156899</v>
      </c>
      <c r="CK649" s="53">
        <v>-2703773.2742900499</v>
      </c>
      <c r="CL649" s="53">
        <v>-1809214.7995178299</v>
      </c>
      <c r="CM649" s="53">
        <v>-1817760.8855522899</v>
      </c>
      <c r="CN649" s="53">
        <v>-28746891.303098898</v>
      </c>
    </row>
    <row r="650" spans="1:92" outlineLevel="1">
      <c r="A650" s="52" t="s">
        <v>1262</v>
      </c>
      <c r="B650" s="53"/>
      <c r="C650" s="53"/>
      <c r="D650" s="53"/>
      <c r="E650" s="53"/>
      <c r="F650" s="53"/>
      <c r="G650" s="53"/>
      <c r="H650" s="53"/>
      <c r="I650" s="53"/>
      <c r="J650" s="53"/>
      <c r="K650" s="53"/>
      <c r="L650" s="53"/>
      <c r="M650" s="53"/>
      <c r="N650" s="53"/>
      <c r="O650" s="53"/>
      <c r="P650" s="53"/>
      <c r="Q650" s="53"/>
      <c r="R650" s="53"/>
      <c r="S650" s="53"/>
      <c r="T650" s="53"/>
      <c r="U650" s="53"/>
      <c r="V650" s="53"/>
      <c r="W650" s="53"/>
      <c r="X650" s="53"/>
      <c r="Y650" s="53"/>
      <c r="Z650" s="53"/>
      <c r="AA650" s="53"/>
      <c r="AB650" s="53"/>
      <c r="AC650" s="53"/>
      <c r="AD650" s="53"/>
      <c r="AE650" s="53"/>
      <c r="AF650" s="53"/>
      <c r="AG650" s="53"/>
      <c r="AH650" s="53"/>
      <c r="AI650" s="53"/>
      <c r="AJ650" s="53"/>
      <c r="AK650" s="53"/>
      <c r="AL650" s="53"/>
      <c r="AM650" s="53"/>
      <c r="AN650" s="53"/>
      <c r="AO650" s="53"/>
      <c r="AP650" s="53"/>
      <c r="AQ650" s="53"/>
      <c r="AR650" s="53"/>
      <c r="AS650" s="53"/>
      <c r="AT650" s="53"/>
      <c r="AU650" s="53"/>
      <c r="AV650" s="53"/>
      <c r="AW650" s="53"/>
      <c r="AX650" s="53"/>
      <c r="AY650" s="53"/>
      <c r="AZ650" s="53"/>
      <c r="BA650" s="53"/>
      <c r="BB650" s="53"/>
      <c r="BC650" s="53"/>
      <c r="BD650" s="53"/>
      <c r="BE650" s="53"/>
      <c r="BF650" s="53"/>
      <c r="BG650" s="53"/>
      <c r="BH650" s="53"/>
      <c r="BI650" s="53"/>
      <c r="BJ650" s="53"/>
      <c r="BK650" s="53"/>
      <c r="BL650" s="53"/>
      <c r="BM650" s="53"/>
      <c r="BN650" s="53"/>
      <c r="BO650" s="53"/>
      <c r="BP650" s="53"/>
      <c r="BQ650" s="53"/>
      <c r="BR650" s="53"/>
      <c r="BS650" s="53"/>
      <c r="BT650" s="53"/>
      <c r="BU650" s="53"/>
      <c r="BV650" s="53"/>
      <c r="BW650" s="53"/>
      <c r="BX650" s="53"/>
      <c r="BY650" s="53"/>
      <c r="BZ650" s="53"/>
      <c r="CA650" s="53"/>
      <c r="CB650" s="53"/>
      <c r="CC650" s="53"/>
      <c r="CD650" s="53"/>
      <c r="CE650" s="53"/>
      <c r="CF650" s="53"/>
      <c r="CG650" s="53"/>
      <c r="CH650" s="53"/>
      <c r="CI650" s="53"/>
      <c r="CJ650" s="53"/>
      <c r="CK650" s="53"/>
      <c r="CL650" s="53"/>
      <c r="CM650" s="53"/>
      <c r="CN650" s="53"/>
    </row>
    <row r="651" spans="1:92" outlineLevel="1">
      <c r="A651" s="52" t="s">
        <v>1263</v>
      </c>
      <c r="B651" s="53"/>
      <c r="C651" s="53"/>
      <c r="D651" s="53"/>
      <c r="E651" s="53"/>
      <c r="F651" s="53"/>
      <c r="G651" s="53"/>
      <c r="H651" s="53"/>
      <c r="I651" s="53"/>
      <c r="J651" s="53"/>
      <c r="K651" s="53"/>
      <c r="L651" s="53"/>
      <c r="M651" s="53"/>
      <c r="N651" s="53"/>
      <c r="O651" s="53"/>
      <c r="P651" s="53"/>
      <c r="Q651" s="53"/>
      <c r="R651" s="53"/>
      <c r="S651" s="53"/>
      <c r="T651" s="53"/>
      <c r="U651" s="53"/>
      <c r="V651" s="53"/>
      <c r="W651" s="53"/>
      <c r="X651" s="53"/>
      <c r="Y651" s="53"/>
      <c r="Z651" s="53"/>
      <c r="AA651" s="53"/>
      <c r="AB651" s="53"/>
      <c r="AC651" s="53"/>
      <c r="AD651" s="53"/>
      <c r="AE651" s="53"/>
      <c r="AF651" s="53"/>
      <c r="AG651" s="53"/>
      <c r="AH651" s="53"/>
      <c r="AI651" s="53"/>
      <c r="AJ651" s="53"/>
      <c r="AK651" s="53"/>
      <c r="AL651" s="53"/>
      <c r="AM651" s="53"/>
      <c r="AN651" s="53"/>
      <c r="AO651" s="53"/>
      <c r="AP651" s="53"/>
      <c r="AQ651" s="53"/>
      <c r="AR651" s="53"/>
      <c r="AS651" s="53"/>
      <c r="AT651" s="53"/>
      <c r="AU651" s="53"/>
      <c r="AV651" s="53"/>
      <c r="AW651" s="53"/>
      <c r="AX651" s="53"/>
      <c r="AY651" s="53"/>
      <c r="AZ651" s="53"/>
      <c r="BA651" s="53"/>
      <c r="BB651" s="53"/>
      <c r="BC651" s="53"/>
      <c r="BD651" s="53"/>
      <c r="BE651" s="53"/>
      <c r="BF651" s="53"/>
      <c r="BG651" s="53"/>
      <c r="BH651" s="53"/>
      <c r="BI651" s="53"/>
      <c r="BJ651" s="53"/>
      <c r="BK651" s="53"/>
      <c r="BL651" s="53"/>
      <c r="BM651" s="53"/>
      <c r="BN651" s="53"/>
      <c r="BO651" s="53"/>
      <c r="BP651" s="53"/>
      <c r="BQ651" s="53"/>
      <c r="BR651" s="53"/>
      <c r="BS651" s="53"/>
      <c r="BT651" s="53"/>
      <c r="BU651" s="53"/>
      <c r="BV651" s="53"/>
      <c r="BW651" s="53"/>
      <c r="BX651" s="53"/>
      <c r="BY651" s="53"/>
      <c r="BZ651" s="53"/>
      <c r="CA651" s="53"/>
      <c r="CB651" s="53">
        <v>-2279690.8742275899</v>
      </c>
      <c r="CC651" s="53">
        <v>-2262259.6434833901</v>
      </c>
      <c r="CD651" s="53">
        <v>-2289049.9101053299</v>
      </c>
      <c r="CE651" s="53">
        <v>-2524834.71062375</v>
      </c>
      <c r="CF651" s="53">
        <v>-2602477.9276638599</v>
      </c>
      <c r="CG651" s="53">
        <v>-2952722.35289898</v>
      </c>
      <c r="CH651" s="53">
        <v>-3286192.1937218299</v>
      </c>
      <c r="CI651" s="53">
        <v>-3401989.7747654198</v>
      </c>
      <c r="CJ651" s="53">
        <v>-3171492.3934124801</v>
      </c>
      <c r="CK651" s="53">
        <v>-3381926.54431037</v>
      </c>
      <c r="CL651" s="53">
        <v>-2479419.6845549499</v>
      </c>
      <c r="CM651" s="53">
        <v>-2570870.9803767898</v>
      </c>
      <c r="CN651" s="53">
        <v>-33202926.9901448</v>
      </c>
    </row>
    <row r="652" spans="1:92" outlineLevel="1">
      <c r="A652" s="52" t="s">
        <v>1264</v>
      </c>
      <c r="B652" s="53">
        <v>-17359939.089818299</v>
      </c>
      <c r="C652" s="53">
        <v>-18877880.788452599</v>
      </c>
      <c r="D652" s="53">
        <v>-19999235.590780701</v>
      </c>
      <c r="E652" s="53">
        <v>-20108108.2657477</v>
      </c>
      <c r="F652" s="53">
        <v>-19355087.734903298</v>
      </c>
      <c r="G652" s="53">
        <v>-19590932.5542612</v>
      </c>
      <c r="H652" s="53">
        <v>-20706712.231226999</v>
      </c>
      <c r="I652" s="53">
        <v>-20544834.2012976</v>
      </c>
      <c r="J652" s="53">
        <v>-19330009.272897899</v>
      </c>
      <c r="K652" s="53">
        <v>-21946085.499559201</v>
      </c>
      <c r="L652" s="53">
        <v>-17578816.790139101</v>
      </c>
      <c r="M652" s="53">
        <v>-20813689.1806468</v>
      </c>
      <c r="N652" s="53">
        <v>-236211331.19973201</v>
      </c>
      <c r="O652" s="53">
        <v>-19366722.667056601</v>
      </c>
      <c r="P652" s="53">
        <v>-20875512.712237801</v>
      </c>
      <c r="Q652" s="53">
        <v>-22096702.886351898</v>
      </c>
      <c r="R652" s="53">
        <v>-22204331.104499899</v>
      </c>
      <c r="S652" s="53">
        <v>-21370958.482499901</v>
      </c>
      <c r="T652" s="53">
        <v>-21629541.123</v>
      </c>
      <c r="U652" s="53">
        <v>-22859644.769142799</v>
      </c>
      <c r="V652" s="53">
        <v>-22678685.1599693</v>
      </c>
      <c r="W652" s="53">
        <v>-21334059.797540799</v>
      </c>
      <c r="X652" s="53">
        <v>-24216582.1093469</v>
      </c>
      <c r="Y652" s="53">
        <v>-19394481.515999898</v>
      </c>
      <c r="Z652" s="53">
        <v>-22959514.1159999</v>
      </c>
      <c r="AA652" s="53">
        <v>-260986736.44364601</v>
      </c>
      <c r="AB652" s="53">
        <v>-21006425.4705</v>
      </c>
      <c r="AC652" s="53">
        <v>-21482076.475499999</v>
      </c>
      <c r="AD652" s="53">
        <v>-22626487.696499899</v>
      </c>
      <c r="AE652" s="53">
        <v>-22665844.885499999</v>
      </c>
      <c r="AF652" s="53">
        <v>-21810667.582499899</v>
      </c>
      <c r="AG652" s="53">
        <v>-22069707.5114999</v>
      </c>
      <c r="AH652" s="53">
        <v>-23319563.153785702</v>
      </c>
      <c r="AI652" s="53">
        <v>-23130725.9519387</v>
      </c>
      <c r="AJ652" s="53">
        <v>-21758241.509081598</v>
      </c>
      <c r="AK652" s="53">
        <v>-24696869.578193799</v>
      </c>
      <c r="AL652" s="53">
        <v>-19778478.982499901</v>
      </c>
      <c r="AM652" s="53">
        <v>-23413194.979499899</v>
      </c>
      <c r="AN652" s="53">
        <v>-267758283.776999</v>
      </c>
      <c r="AO652" s="53">
        <v>-21420719.638499901</v>
      </c>
      <c r="AP652" s="53">
        <v>-21904963.010999899</v>
      </c>
      <c r="AQ652" s="53">
        <v>-23071010.339999899</v>
      </c>
      <c r="AR652" s="53">
        <v>-23110191.1124999</v>
      </c>
      <c r="AS652" s="53">
        <v>-22237428.433499999</v>
      </c>
      <c r="AT652" s="53">
        <v>-22500647.204999998</v>
      </c>
      <c r="AU652" s="53">
        <v>-23773926.134999901</v>
      </c>
      <c r="AV652" s="53">
        <v>-23580706.2968571</v>
      </c>
      <c r="AW652" s="53">
        <v>-22181668.920857102</v>
      </c>
      <c r="AX652" s="53">
        <v>-25177718.0592857</v>
      </c>
      <c r="AY652" s="53">
        <v>-20163743.858999901</v>
      </c>
      <c r="AZ652" s="53">
        <v>-23869489.844999898</v>
      </c>
      <c r="BA652" s="53">
        <v>-272992212.85649902</v>
      </c>
      <c r="BB652" s="53">
        <v>-21838373.688000001</v>
      </c>
      <c r="BC652" s="53">
        <v>-22332242.653499998</v>
      </c>
      <c r="BD652" s="53">
        <v>-23521228.982999999</v>
      </c>
      <c r="BE652" s="53">
        <v>-23561378.365499899</v>
      </c>
      <c r="BF652" s="53">
        <v>-22671747.679499902</v>
      </c>
      <c r="BG652" s="53">
        <v>-22940281.355999999</v>
      </c>
      <c r="BH652" s="53">
        <v>-24238618.383214202</v>
      </c>
      <c r="BI652" s="53">
        <v>-24041731.6770612</v>
      </c>
      <c r="BJ652" s="53">
        <v>-22615237.248918299</v>
      </c>
      <c r="BK652" s="53">
        <v>-25669699.668306101</v>
      </c>
      <c r="BL652" s="53">
        <v>-20557641.689999901</v>
      </c>
      <c r="BM652" s="53">
        <v>-24335627.431499999</v>
      </c>
      <c r="BN652" s="53">
        <v>-278323808.82449901</v>
      </c>
      <c r="BO652" s="53">
        <v>-22264705.885499999</v>
      </c>
      <c r="BP652" s="53">
        <v>-22768076.566500001</v>
      </c>
      <c r="BQ652" s="53">
        <v>-23980109.588999901</v>
      </c>
      <c r="BR652" s="53">
        <v>-24020865.535499901</v>
      </c>
      <c r="BS652" s="53">
        <v>-23113731.27</v>
      </c>
      <c r="BT652" s="53">
        <v>-23387326.2449999</v>
      </c>
      <c r="BU652" s="53">
        <v>-24710778.923999902</v>
      </c>
      <c r="BV652" s="53">
        <v>-24509943.456428502</v>
      </c>
      <c r="BW652" s="53">
        <v>-23055804.870428499</v>
      </c>
      <c r="BX652" s="53">
        <v>-26169962.196642801</v>
      </c>
      <c r="BY652" s="53">
        <v>-20958399.0974999</v>
      </c>
      <c r="BZ652" s="53">
        <v>-24810205.868999999</v>
      </c>
      <c r="CA652" s="53">
        <v>-283749909.50550002</v>
      </c>
      <c r="CB652" s="53">
        <v>-771410.07357766805</v>
      </c>
      <c r="CC652" s="53">
        <v>-773230.62658205896</v>
      </c>
      <c r="CD652" s="53">
        <v>-831215.34318165702</v>
      </c>
      <c r="CE652" s="53">
        <v>-870583.47877995798</v>
      </c>
      <c r="CF652" s="53">
        <v>-838288.27606295201</v>
      </c>
      <c r="CG652" s="53">
        <v>-867652.033745719</v>
      </c>
      <c r="CH652" s="53">
        <v>-928014.374686528</v>
      </c>
      <c r="CI652" s="53">
        <v>-918826.76084378897</v>
      </c>
      <c r="CJ652" s="53">
        <v>-869712.65233733703</v>
      </c>
      <c r="CK652" s="53">
        <v>-961699.21465154504</v>
      </c>
      <c r="CL652" s="53">
        <v>-756388.29062053701</v>
      </c>
      <c r="CM652" s="53">
        <v>-876527.87671740295</v>
      </c>
      <c r="CN652" s="53">
        <v>-10263549.0017871</v>
      </c>
    </row>
    <row r="653" spans="1:92">
      <c r="A653" s="52" t="s">
        <v>1265</v>
      </c>
      <c r="B653" s="53">
        <v>-250.8</v>
      </c>
      <c r="C653" s="53">
        <v>-256.08</v>
      </c>
      <c r="D653" s="53">
        <v>-269.27999999999997</v>
      </c>
      <c r="E653" s="53">
        <v>-269.27999999999997</v>
      </c>
      <c r="F653" s="53">
        <v>-258.72000000000003</v>
      </c>
      <c r="G653" s="53">
        <v>-261.35999999999899</v>
      </c>
      <c r="H653" s="53">
        <v>-275.69142857142799</v>
      </c>
      <c r="I653" s="53">
        <v>-272.99755102040803</v>
      </c>
      <c r="J653" s="53">
        <v>-256.40326530612202</v>
      </c>
      <c r="K653" s="53">
        <v>-290.50775510203999</v>
      </c>
      <c r="L653" s="53">
        <v>-232.32</v>
      </c>
      <c r="M653" s="53">
        <v>-274.55999999999898</v>
      </c>
      <c r="N653" s="53">
        <v>-3168</v>
      </c>
      <c r="O653" s="53">
        <v>-198</v>
      </c>
      <c r="P653" s="53">
        <v>-26.4</v>
      </c>
      <c r="Q653" s="53">
        <v>-10.56</v>
      </c>
      <c r="R653" s="53"/>
      <c r="S653" s="53"/>
      <c r="T653" s="53"/>
      <c r="U653" s="53"/>
      <c r="V653" s="53"/>
      <c r="W653" s="53"/>
      <c r="X653" s="53"/>
      <c r="Y653" s="53"/>
      <c r="Z653" s="53"/>
      <c r="AA653" s="53">
        <v>-234.96</v>
      </c>
      <c r="AB653" s="53"/>
      <c r="AC653" s="53"/>
      <c r="AD653" s="53"/>
      <c r="AE653" s="53"/>
      <c r="AF653" s="53"/>
      <c r="AG653" s="53"/>
      <c r="AH653" s="53"/>
      <c r="AI653" s="53"/>
      <c r="AJ653" s="53"/>
      <c r="AK653" s="53"/>
      <c r="AL653" s="53"/>
      <c r="AM653" s="53"/>
      <c r="AN653" s="53"/>
      <c r="AO653" s="53"/>
      <c r="AP653" s="53"/>
      <c r="AQ653" s="53"/>
      <c r="AR653" s="53"/>
      <c r="AS653" s="53"/>
      <c r="AT653" s="53"/>
      <c r="AU653" s="53"/>
      <c r="AV653" s="53"/>
      <c r="AW653" s="53"/>
      <c r="AX653" s="53"/>
      <c r="AY653" s="53"/>
      <c r="AZ653" s="53"/>
      <c r="BA653" s="53"/>
      <c r="BB653" s="53"/>
      <c r="BC653" s="53"/>
      <c r="BD653" s="53"/>
      <c r="BE653" s="53"/>
      <c r="BF653" s="53"/>
      <c r="BG653" s="53"/>
      <c r="BH653" s="53"/>
      <c r="BI653" s="53"/>
      <c r="BJ653" s="53"/>
      <c r="BK653" s="53"/>
      <c r="BL653" s="53"/>
      <c r="BM653" s="53"/>
      <c r="BN653" s="53"/>
      <c r="BO653" s="53"/>
      <c r="BP653" s="53"/>
      <c r="BQ653" s="53"/>
      <c r="BR653" s="53"/>
      <c r="BS653" s="53"/>
      <c r="BT653" s="53"/>
      <c r="BU653" s="53"/>
      <c r="BV653" s="53"/>
      <c r="BW653" s="53"/>
      <c r="BX653" s="53"/>
      <c r="BY653" s="53"/>
      <c r="BZ653" s="53"/>
      <c r="CA653" s="53"/>
      <c r="CB653" s="53">
        <v>-4774.8445468154996</v>
      </c>
      <c r="CC653" s="53">
        <v>-4899.3072571827097</v>
      </c>
      <c r="CD653" s="53">
        <v>-5152.5511271683699</v>
      </c>
      <c r="CE653" s="53">
        <v>-5152.18420576061</v>
      </c>
      <c r="CF653" s="53">
        <v>-4948.5158557833001</v>
      </c>
      <c r="CG653" s="53">
        <v>-4997.2603794286697</v>
      </c>
      <c r="CH653" s="53">
        <v>-5269.3844617682298</v>
      </c>
      <c r="CI653" s="53">
        <v>-5216.0330624859698</v>
      </c>
      <c r="CJ653" s="53">
        <v>-4897.3660563396897</v>
      </c>
      <c r="CK653" s="53">
        <v>-5546.6411330763904</v>
      </c>
      <c r="CL653" s="53">
        <v>-4434.3183804423898</v>
      </c>
      <c r="CM653" s="53">
        <v>-5238.7243684057503</v>
      </c>
      <c r="CN653" s="53">
        <v>-60527.130834657597</v>
      </c>
    </row>
    <row r="654" spans="1:92">
      <c r="A654" s="52" t="s">
        <v>1238</v>
      </c>
      <c r="B654" s="53"/>
      <c r="C654" s="53"/>
      <c r="D654" s="53"/>
      <c r="E654" s="53"/>
      <c r="F654" s="53"/>
      <c r="G654" s="53"/>
      <c r="H654" s="53"/>
      <c r="I654" s="53"/>
      <c r="J654" s="53"/>
      <c r="K654" s="53"/>
      <c r="L654" s="53"/>
      <c r="M654" s="53"/>
      <c r="N654" s="53"/>
      <c r="O654" s="53"/>
      <c r="P654" s="53"/>
      <c r="Q654" s="53"/>
      <c r="R654" s="53"/>
      <c r="S654" s="53"/>
      <c r="T654" s="53"/>
      <c r="U654" s="53"/>
      <c r="V654" s="53"/>
      <c r="W654" s="53"/>
      <c r="X654" s="53"/>
      <c r="Y654" s="53"/>
      <c r="Z654" s="53"/>
      <c r="AA654" s="53"/>
      <c r="AB654" s="53"/>
      <c r="AC654" s="53"/>
      <c r="AD654" s="53"/>
      <c r="AE654" s="53"/>
      <c r="AF654" s="53"/>
      <c r="AG654" s="53"/>
      <c r="AH654" s="53"/>
      <c r="AI654" s="53"/>
      <c r="AJ654" s="53"/>
      <c r="AK654" s="53"/>
      <c r="AL654" s="53"/>
      <c r="AM654" s="53"/>
      <c r="AN654" s="53"/>
      <c r="AO654" s="53"/>
      <c r="AP654" s="53"/>
      <c r="AQ654" s="53"/>
      <c r="AR654" s="53"/>
      <c r="AS654" s="53"/>
      <c r="AT654" s="53"/>
      <c r="AU654" s="53"/>
      <c r="AV654" s="53"/>
      <c r="AW654" s="53"/>
      <c r="AX654" s="53"/>
      <c r="AY654" s="53"/>
      <c r="AZ654" s="53"/>
      <c r="BA654" s="53"/>
      <c r="BB654" s="53"/>
      <c r="BC654" s="53"/>
      <c r="BD654" s="53"/>
      <c r="BE654" s="53"/>
      <c r="BF654" s="53"/>
      <c r="BG654" s="53"/>
      <c r="BH654" s="53"/>
      <c r="BI654" s="53"/>
      <c r="BJ654" s="53"/>
      <c r="BK654" s="53"/>
      <c r="BL654" s="53"/>
      <c r="BM654" s="53"/>
      <c r="BN654" s="53"/>
      <c r="BO654" s="53"/>
      <c r="BP654" s="53"/>
      <c r="BQ654" s="53"/>
      <c r="BR654" s="53"/>
      <c r="BS654" s="53"/>
      <c r="BT654" s="53"/>
      <c r="BU654" s="53"/>
      <c r="BV654" s="53"/>
      <c r="BW654" s="53"/>
      <c r="BX654" s="53"/>
      <c r="BY654" s="53"/>
      <c r="BZ654" s="53"/>
      <c r="CA654" s="53"/>
      <c r="CB654" s="53">
        <v>-661241.90885616501</v>
      </c>
      <c r="CC654" s="53">
        <v>-672281.24921154696</v>
      </c>
      <c r="CD654" s="53">
        <v>-707203.31239734695</v>
      </c>
      <c r="CE654" s="53">
        <v>-733240.87770492304</v>
      </c>
      <c r="CF654" s="53">
        <v>-747945.67525562202</v>
      </c>
      <c r="CG654" s="53">
        <v>-814277.20258438599</v>
      </c>
      <c r="CH654" s="53">
        <v>-877278.14551705495</v>
      </c>
      <c r="CI654" s="53">
        <v>-859141.96889674105</v>
      </c>
      <c r="CJ654" s="53">
        <v>-774428.80439998303</v>
      </c>
      <c r="CK654" s="53">
        <v>-924350.95756512496</v>
      </c>
      <c r="CL654" s="53">
        <v>-690642.25826140295</v>
      </c>
      <c r="CM654" s="53">
        <v>-749239.59220090497</v>
      </c>
      <c r="CN654" s="53">
        <v>-9211271.9528512005</v>
      </c>
    </row>
    <row r="655" spans="1:92">
      <c r="A655" s="52" t="s">
        <v>1261</v>
      </c>
      <c r="B655" s="53">
        <v>-35833419.965693399</v>
      </c>
      <c r="C655" s="53">
        <v>-37335077.3251746</v>
      </c>
      <c r="D655" s="53">
        <v>-38578274.963325702</v>
      </c>
      <c r="E655" s="53">
        <v>-43732381.780357197</v>
      </c>
      <c r="F655" s="53">
        <v>-45415296.929751001</v>
      </c>
      <c r="G655" s="53">
        <v>-49685235.890136696</v>
      </c>
      <c r="H655" s="53">
        <v>-54485874.176458202</v>
      </c>
      <c r="I655" s="53">
        <v>-55660025.676018499</v>
      </c>
      <c r="J655" s="53">
        <v>-52139555.1837686</v>
      </c>
      <c r="K655" s="53">
        <v>-55327731.122124001</v>
      </c>
      <c r="L655" s="53">
        <v>-40650691.7382873</v>
      </c>
      <c r="M655" s="53">
        <v>-43576742.566139899</v>
      </c>
      <c r="N655" s="53">
        <v>-552420307.31723499</v>
      </c>
      <c r="O655" s="53">
        <v>-43585558.450341001</v>
      </c>
      <c r="P655" s="53">
        <v>-54186718.484494701</v>
      </c>
      <c r="Q655" s="53">
        <v>-44414297.516844504</v>
      </c>
      <c r="R655" s="53">
        <v>-45793138.718396902</v>
      </c>
      <c r="S655" s="53">
        <v>-46430722.9761663</v>
      </c>
      <c r="T655" s="53">
        <v>-51047668.571521498</v>
      </c>
      <c r="U655" s="53">
        <v>-54923111.987704903</v>
      </c>
      <c r="V655" s="53">
        <v>-58866073.098152503</v>
      </c>
      <c r="W655" s="53">
        <v>-61516566.868992202</v>
      </c>
      <c r="X655" s="53">
        <v>-57062809.6939153</v>
      </c>
      <c r="Y655" s="53">
        <v>-42932457.901245303</v>
      </c>
      <c r="Z655" s="53">
        <v>-44547819.671386398</v>
      </c>
      <c r="AA655" s="53">
        <v>-605306943.93916094</v>
      </c>
      <c r="AB655" s="53">
        <v>-44593560.594113402</v>
      </c>
      <c r="AC655" s="53">
        <v>-55076256.603010103</v>
      </c>
      <c r="AD655" s="53">
        <v>-44892045.631248198</v>
      </c>
      <c r="AE655" s="53">
        <v>-45668783.491442502</v>
      </c>
      <c r="AF655" s="53">
        <v>-46599918.637905203</v>
      </c>
      <c r="AG655" s="53">
        <v>-51610956.767013498</v>
      </c>
      <c r="AH655" s="53">
        <v>-55547578.187567502</v>
      </c>
      <c r="AI655" s="53">
        <v>-59438682.296991803</v>
      </c>
      <c r="AJ655" s="53">
        <v>-62333786.984302998</v>
      </c>
      <c r="AK655" s="53">
        <v>-57696064.3989738</v>
      </c>
      <c r="AL655" s="53">
        <v>-43166512.484590501</v>
      </c>
      <c r="AM655" s="53">
        <v>-44414629.300017998</v>
      </c>
      <c r="AN655" s="53">
        <v>-611038775.377177</v>
      </c>
      <c r="AO655" s="53">
        <v>-44385067.1977024</v>
      </c>
      <c r="AP655" s="53">
        <v>-54603207.714410797</v>
      </c>
      <c r="AQ655" s="53">
        <v>-43680962.007158197</v>
      </c>
      <c r="AR655" s="53">
        <v>-45907467.087740801</v>
      </c>
      <c r="AS655" s="53">
        <v>-46825264.069624603</v>
      </c>
      <c r="AT655" s="53">
        <v>-52054523.041789703</v>
      </c>
      <c r="AU655" s="53">
        <v>-56028189.395715997</v>
      </c>
      <c r="AV655" s="53">
        <v>-60223843.127523199</v>
      </c>
      <c r="AW655" s="53">
        <v>-62920083.9965363</v>
      </c>
      <c r="AX655" s="53">
        <v>-58294039.100521304</v>
      </c>
      <c r="AY655" s="53">
        <v>-43160499.755432397</v>
      </c>
      <c r="AZ655" s="53">
        <v>-44686558.9432275</v>
      </c>
      <c r="BA655" s="53">
        <v>-612769705.43738306</v>
      </c>
      <c r="BB655" s="53">
        <v>-44577109.036670901</v>
      </c>
      <c r="BC655" s="53">
        <v>-54872051.073246501</v>
      </c>
      <c r="BD655" s="53">
        <v>-44329166.783008002</v>
      </c>
      <c r="BE655" s="53">
        <v>-46227189.869008698</v>
      </c>
      <c r="BF655" s="53">
        <v>-47139269.088123001</v>
      </c>
      <c r="BG655" s="53">
        <v>-52358517.427905299</v>
      </c>
      <c r="BH655" s="53">
        <v>-56699848.658984102</v>
      </c>
      <c r="BI655" s="53">
        <v>-60777422.642735697</v>
      </c>
      <c r="BJ655" s="53">
        <v>-63437475.835789502</v>
      </c>
      <c r="BK655" s="53">
        <v>-59015203.151133597</v>
      </c>
      <c r="BL655" s="53">
        <v>-43826669.6605727</v>
      </c>
      <c r="BM655" s="53">
        <v>-44925425.898474403</v>
      </c>
      <c r="BN655" s="53">
        <v>-618185349.12565196</v>
      </c>
      <c r="BO655" s="53">
        <v>-44873235.337700397</v>
      </c>
      <c r="BP655" s="53">
        <v>-54942242.325894497</v>
      </c>
      <c r="BQ655" s="53">
        <v>-44384649.998617597</v>
      </c>
      <c r="BR655" s="53">
        <v>-46161080.634572104</v>
      </c>
      <c r="BS655" s="53">
        <v>-47113428.931624398</v>
      </c>
      <c r="BT655" s="53">
        <v>-52661516.023336701</v>
      </c>
      <c r="BU655" s="53">
        <v>-57161230.511903301</v>
      </c>
      <c r="BV655" s="53">
        <v>-61228468.642005399</v>
      </c>
      <c r="BW655" s="53">
        <v>-63836018.857780099</v>
      </c>
      <c r="BX655" s="53">
        <v>-59484554.869651698</v>
      </c>
      <c r="BY655" s="53">
        <v>-44164716.952122003</v>
      </c>
      <c r="BZ655" s="53">
        <v>-45359692.9774829</v>
      </c>
      <c r="CA655" s="53">
        <v>-621370836.06269097</v>
      </c>
      <c r="CB655" s="53">
        <v>-4251096.5824809596</v>
      </c>
      <c r="CC655" s="53">
        <v>-4386322.7256369898</v>
      </c>
      <c r="CD655" s="53">
        <v>-4048773.8182084002</v>
      </c>
      <c r="CE655" s="53">
        <v>-4115152.27148963</v>
      </c>
      <c r="CF655" s="53">
        <v>-4257974.0254715402</v>
      </c>
      <c r="CG655" s="53">
        <v>-5403229.9791022297</v>
      </c>
      <c r="CH655" s="53">
        <v>-6557883.6589357601</v>
      </c>
      <c r="CI655" s="53">
        <v>-6980761.4355786098</v>
      </c>
      <c r="CJ655" s="53">
        <v>-6477804.9834623002</v>
      </c>
      <c r="CK655" s="53">
        <v>-6497251.7753129303</v>
      </c>
      <c r="CL655" s="53">
        <v>-4347599.7709816098</v>
      </c>
      <c r="CM655" s="53">
        <v>-4368136.2831172301</v>
      </c>
      <c r="CN655" s="53">
        <v>-61691987.309778199</v>
      </c>
    </row>
    <row r="656" spans="1:92">
      <c r="A656" s="52" t="s">
        <v>1262</v>
      </c>
      <c r="B656" s="53">
        <v>-8659878.2111340202</v>
      </c>
      <c r="C656" s="53">
        <v>-8355623.3244918901</v>
      </c>
      <c r="D656" s="53">
        <v>-8967980.3751117196</v>
      </c>
      <c r="E656" s="53">
        <v>-9077851.3581020702</v>
      </c>
      <c r="F656" s="53">
        <v>-9286321.1037489902</v>
      </c>
      <c r="G656" s="53">
        <v>-9929539.5232666805</v>
      </c>
      <c r="H656" s="53">
        <v>-9983959.7768100407</v>
      </c>
      <c r="I656" s="53">
        <v>-9699349.1396242902</v>
      </c>
      <c r="J656" s="53">
        <v>-9176888.1065155491</v>
      </c>
      <c r="K656" s="53">
        <v>-10730491.255589901</v>
      </c>
      <c r="L656" s="53">
        <v>-8548852.3437493704</v>
      </c>
      <c r="M656" s="53">
        <v>-10215183.3162928</v>
      </c>
      <c r="N656" s="53">
        <v>-112631917.834437</v>
      </c>
      <c r="O656" s="53">
        <v>-8146230.9046978801</v>
      </c>
      <c r="P656" s="53">
        <v>-6728729.0327937501</v>
      </c>
      <c r="Q656" s="53">
        <v>-8226557.7732544104</v>
      </c>
      <c r="R656" s="53">
        <v>-9327014.2027629092</v>
      </c>
      <c r="S656" s="53">
        <v>-9641727.6607531495</v>
      </c>
      <c r="T656" s="53">
        <v>-10699986.819682701</v>
      </c>
      <c r="U656" s="53">
        <v>-9454777.8357465602</v>
      </c>
      <c r="V656" s="53">
        <v>-9152451.2519369498</v>
      </c>
      <c r="W656" s="53">
        <v>-8825836.8178707398</v>
      </c>
      <c r="X656" s="53">
        <v>-9172844.8865717109</v>
      </c>
      <c r="Y656" s="53">
        <v>-6906815.6089095203</v>
      </c>
      <c r="Z656" s="53">
        <v>-7502447.6168505503</v>
      </c>
      <c r="AA656" s="53">
        <v>-103785420.41182999</v>
      </c>
      <c r="AB656" s="53">
        <v>-7083761.18507089</v>
      </c>
      <c r="AC656" s="53">
        <v>-6552424.6132201599</v>
      </c>
      <c r="AD656" s="53">
        <v>-8274853.4236278096</v>
      </c>
      <c r="AE656" s="53">
        <v>-9374973.0924604591</v>
      </c>
      <c r="AF656" s="53">
        <v>-9698627.5352318808</v>
      </c>
      <c r="AG656" s="53">
        <v>-10763620.333509499</v>
      </c>
      <c r="AH656" s="53">
        <v>-9511289.16829882</v>
      </c>
      <c r="AI656" s="53">
        <v>-9208001.5253405292</v>
      </c>
      <c r="AJ656" s="53">
        <v>-8878000.6392491907</v>
      </c>
      <c r="AK656" s="53">
        <v>-9233401.4055009708</v>
      </c>
      <c r="AL656" s="53">
        <v>-6955163.0496762404</v>
      </c>
      <c r="AM656" s="53">
        <v>-7557262.6525602303</v>
      </c>
      <c r="AN656" s="53">
        <v>-103091378.62374599</v>
      </c>
      <c r="AO656" s="53">
        <v>-7137708.6589984102</v>
      </c>
      <c r="AP656" s="53">
        <v>-6577621.1093542101</v>
      </c>
      <c r="AQ656" s="53">
        <v>-8248541.5314477095</v>
      </c>
      <c r="AR656" s="53">
        <v>-9409792.5836294796</v>
      </c>
      <c r="AS656" s="53">
        <v>-9727805.3016330898</v>
      </c>
      <c r="AT656" s="53">
        <v>-10796728.3297584</v>
      </c>
      <c r="AU656" s="53">
        <v>-9545467.8917988501</v>
      </c>
      <c r="AV656" s="53">
        <v>-9241799.3403679896</v>
      </c>
      <c r="AW656" s="53">
        <v>-8910445.2299594004</v>
      </c>
      <c r="AX656" s="53">
        <v>-9267050.9054935891</v>
      </c>
      <c r="AY656" s="53">
        <v>-6981956.9711368699</v>
      </c>
      <c r="AZ656" s="53">
        <v>-7588154.0670653898</v>
      </c>
      <c r="BA656" s="53">
        <v>-103433071.920643</v>
      </c>
      <c r="BB656" s="53">
        <v>-7165681.9184153201</v>
      </c>
      <c r="BC656" s="53">
        <v>-6604830.2525950503</v>
      </c>
      <c r="BD656" s="53">
        <v>-8280375.6232824801</v>
      </c>
      <c r="BE656" s="53">
        <v>-9442429.6138889492</v>
      </c>
      <c r="BF656" s="53">
        <v>-9755987.0636243597</v>
      </c>
      <c r="BG656" s="53">
        <v>-10826386.071132399</v>
      </c>
      <c r="BH656" s="53">
        <v>-9577264.3784104697</v>
      </c>
      <c r="BI656" s="53">
        <v>-9274734.1806887705</v>
      </c>
      <c r="BJ656" s="53">
        <v>-8943525.3697367907</v>
      </c>
      <c r="BK656" s="53">
        <v>-9303522.0407217909</v>
      </c>
      <c r="BL656" s="53">
        <v>-7012523.2251861701</v>
      </c>
      <c r="BM656" s="53">
        <v>-7625314.6325213797</v>
      </c>
      <c r="BN656" s="53">
        <v>-103812574.370204</v>
      </c>
      <c r="BO656" s="53">
        <v>-7200465.6916119298</v>
      </c>
      <c r="BP656" s="53">
        <v>-6639058.5694790799</v>
      </c>
      <c r="BQ656" s="53">
        <v>-8320777.1362973396</v>
      </c>
      <c r="BR656" s="53">
        <v>-9484836.5702921003</v>
      </c>
      <c r="BS656" s="53">
        <v>-9794227.1962826904</v>
      </c>
      <c r="BT656" s="53">
        <v>-10868782.5990272</v>
      </c>
      <c r="BU656" s="53">
        <v>-9624612.11212622</v>
      </c>
      <c r="BV656" s="53">
        <v>-9324678.1157143004</v>
      </c>
      <c r="BW656" s="53">
        <v>-8994048.2946130391</v>
      </c>
      <c r="BX656" s="53">
        <v>-9359981.8499752209</v>
      </c>
      <c r="BY656" s="53">
        <v>-7060455.5721890097</v>
      </c>
      <c r="BZ656" s="53">
        <v>-7683883.5058196001</v>
      </c>
      <c r="CA656" s="53">
        <v>-104355807.21342701</v>
      </c>
      <c r="CB656" s="53"/>
      <c r="CC656" s="53"/>
      <c r="CD656" s="53"/>
      <c r="CE656" s="53"/>
      <c r="CF656" s="53"/>
      <c r="CG656" s="53"/>
      <c r="CH656" s="53"/>
      <c r="CI656" s="53"/>
      <c r="CJ656" s="53"/>
      <c r="CK656" s="53"/>
      <c r="CL656" s="53"/>
      <c r="CM656" s="53"/>
      <c r="CN656" s="53"/>
    </row>
    <row r="657" spans="1:92">
      <c r="A657" s="52" t="s">
        <v>1266</v>
      </c>
      <c r="B657" s="53">
        <v>-50512.2504303436</v>
      </c>
      <c r="C657" s="53">
        <v>-50571.0602741365</v>
      </c>
      <c r="D657" s="53">
        <v>-53107.844963198397</v>
      </c>
      <c r="E657" s="53">
        <v>-53243.701755727998</v>
      </c>
      <c r="F657" s="53">
        <v>-51648.218763725599</v>
      </c>
      <c r="G657" s="53">
        <v>-52073.904250096297</v>
      </c>
      <c r="H657" s="53">
        <v>-54859.3296169358</v>
      </c>
      <c r="I657" s="53">
        <v>-54260.093643056898</v>
      </c>
      <c r="J657" s="53">
        <v>-50995.503797079196</v>
      </c>
      <c r="K657" s="53">
        <v>-57816.733480540199</v>
      </c>
      <c r="L657" s="53">
        <v>-46318.923758021701</v>
      </c>
      <c r="M657" s="53">
        <v>-54742.246357219301</v>
      </c>
      <c r="N657" s="53">
        <v>-630149.81109008205</v>
      </c>
      <c r="O657" s="53">
        <v>-61471.648100884297</v>
      </c>
      <c r="P657" s="53">
        <v>-100011.682850609</v>
      </c>
      <c r="Q657" s="53">
        <v>-103460.60427828399</v>
      </c>
      <c r="R657" s="53">
        <v>-100915.992685598</v>
      </c>
      <c r="S657" s="53">
        <v>-103876.820056371</v>
      </c>
      <c r="T657" s="53">
        <v>-104556.87293569899</v>
      </c>
      <c r="U657" s="53">
        <v>-112104.03066204301</v>
      </c>
      <c r="V657" s="53">
        <v>-110403.77793783</v>
      </c>
      <c r="W657" s="53">
        <v>-101695.465710276</v>
      </c>
      <c r="X657" s="53">
        <v>-115638.012257375</v>
      </c>
      <c r="Y657" s="53">
        <v>-93068.316216483203</v>
      </c>
      <c r="Z657" s="53">
        <v>-111589.98408186799</v>
      </c>
      <c r="AA657" s="53">
        <v>-1218793.2077733199</v>
      </c>
      <c r="AB657" s="53">
        <v>-103674.621385265</v>
      </c>
      <c r="AC657" s="53">
        <v>-100676.200027268</v>
      </c>
      <c r="AD657" s="53">
        <v>-100837.360441789</v>
      </c>
      <c r="AE657" s="53">
        <v>-96365.385455118507</v>
      </c>
      <c r="AF657" s="53">
        <v>-99549.414066590398</v>
      </c>
      <c r="AG657" s="53">
        <v>-100565.037090542</v>
      </c>
      <c r="AH657" s="53">
        <v>-108198.74215041799</v>
      </c>
      <c r="AI657" s="53">
        <v>-106901.86352329901</v>
      </c>
      <c r="AJ657" s="53">
        <v>-98746.425120097003</v>
      </c>
      <c r="AK657" s="53">
        <v>-112632.38088890701</v>
      </c>
      <c r="AL657" s="53">
        <v>-90856.327888692205</v>
      </c>
      <c r="AM657" s="53">
        <v>-109209.37818106799</v>
      </c>
      <c r="AN657" s="53">
        <v>-1228213.13621905</v>
      </c>
      <c r="AO657" s="53">
        <v>-101682.83817585</v>
      </c>
      <c r="AP657" s="53">
        <v>-98937.517053966905</v>
      </c>
      <c r="AQ657" s="53">
        <v>-99288.529140535902</v>
      </c>
      <c r="AR657" s="53">
        <v>-95076.200136052998</v>
      </c>
      <c r="AS657" s="53">
        <v>-98375.963826755804</v>
      </c>
      <c r="AT657" s="53">
        <v>-99540.269498962603</v>
      </c>
      <c r="AU657" s="53">
        <v>-107260.644928931</v>
      </c>
      <c r="AV657" s="53">
        <v>-106125.711227801</v>
      </c>
      <c r="AW657" s="53">
        <v>-98149.974513386696</v>
      </c>
      <c r="AX657" s="53">
        <v>-112102.738700407</v>
      </c>
      <c r="AY657" s="53">
        <v>-90518.534563313093</v>
      </c>
      <c r="AZ657" s="53">
        <v>-108920.00861338701</v>
      </c>
      <c r="BA657" s="53">
        <v>-1215978.93037935</v>
      </c>
      <c r="BB657" s="53">
        <v>-101507.511082935</v>
      </c>
      <c r="BC657" s="53">
        <v>-98850.451383530904</v>
      </c>
      <c r="BD657" s="53">
        <v>-99282.980515057498</v>
      </c>
      <c r="BE657" s="53">
        <v>-95151.333504323105</v>
      </c>
      <c r="BF657" s="53">
        <v>-98520.447213638196</v>
      </c>
      <c r="BG657" s="53">
        <v>-99753.920367253406</v>
      </c>
      <c r="BH657" s="53">
        <v>-107559.80875122899</v>
      </c>
      <c r="BI657" s="53">
        <v>-106484.222605441</v>
      </c>
      <c r="BJ657" s="53">
        <v>-98531.379153656904</v>
      </c>
      <c r="BK657" s="53">
        <v>-112600.43939743</v>
      </c>
      <c r="BL657" s="53">
        <v>-90956.890294655605</v>
      </c>
      <c r="BM657" s="53">
        <v>-109495.19136564501</v>
      </c>
      <c r="BN657" s="53">
        <v>-1218694.5756347899</v>
      </c>
      <c r="BO657" s="53">
        <v>-102081.674254328</v>
      </c>
      <c r="BP657" s="53">
        <v>-99442.979860508</v>
      </c>
      <c r="BQ657" s="53">
        <v>-99910.859913111795</v>
      </c>
      <c r="BR657" s="53">
        <v>-95785.324411086898</v>
      </c>
      <c r="BS657" s="53">
        <v>-99203.423113143697</v>
      </c>
      <c r="BT657" s="53">
        <v>-100471.734262395</v>
      </c>
      <c r="BU657" s="53">
        <v>-108360.60041377701</v>
      </c>
      <c r="BV657" s="53">
        <v>-107301.15040052</v>
      </c>
      <c r="BW657" s="53">
        <v>-99306.340492591102</v>
      </c>
      <c r="BX657" s="53">
        <v>-113509.457304218</v>
      </c>
      <c r="BY657" s="53">
        <v>-91705.0539046169</v>
      </c>
      <c r="BZ657" s="53">
        <v>-110413.311548713</v>
      </c>
      <c r="CA657" s="53">
        <v>-1227491.9098790099</v>
      </c>
      <c r="CB657" s="53">
        <v>-228163.20949341601</v>
      </c>
      <c r="CC657" s="53">
        <v>-223159.534086789</v>
      </c>
      <c r="CD657" s="53">
        <v>-225493.30535113299</v>
      </c>
      <c r="CE657" s="53">
        <v>-248499.32371231599</v>
      </c>
      <c r="CF657" s="53">
        <v>-256141.12570598</v>
      </c>
      <c r="CG657" s="53">
        <v>-290612.88832818798</v>
      </c>
      <c r="CH657" s="53">
        <v>-323433.66252550599</v>
      </c>
      <c r="CI657" s="53">
        <v>-334830.69396513799</v>
      </c>
      <c r="CJ657" s="53">
        <v>-312144.67687948397</v>
      </c>
      <c r="CK657" s="53">
        <v>-332856.03036494902</v>
      </c>
      <c r="CL657" s="53">
        <v>-244029.48526428299</v>
      </c>
      <c r="CM657" s="53">
        <v>-253030.30621653001</v>
      </c>
      <c r="CN657" s="53">
        <v>-3272394.2418937101</v>
      </c>
    </row>
    <row r="658" spans="1:92">
      <c r="A658" s="52" t="s">
        <v>1263</v>
      </c>
      <c r="B658" s="53">
        <v>-9692509.1434391402</v>
      </c>
      <c r="C658" s="53">
        <v>-9836075.0835206099</v>
      </c>
      <c r="D658" s="53">
        <v>-10657661.7620652</v>
      </c>
      <c r="E658" s="53">
        <v>-11027538.390344501</v>
      </c>
      <c r="F658" s="53">
        <v>-11328544.497295801</v>
      </c>
      <c r="G658" s="53">
        <v>-12510225.253610499</v>
      </c>
      <c r="H658" s="53">
        <v>-13123003.9230798</v>
      </c>
      <c r="I658" s="53">
        <v>-12464908.6311845</v>
      </c>
      <c r="J658" s="53">
        <v>-12048091.770978499</v>
      </c>
      <c r="K658" s="53">
        <v>-14078019.349103799</v>
      </c>
      <c r="L658" s="53">
        <v>-10531989.289309001</v>
      </c>
      <c r="M658" s="53">
        <v>-11362652.1387362</v>
      </c>
      <c r="N658" s="53">
        <v>-138661219.23266801</v>
      </c>
      <c r="O658" s="53">
        <v>-10532890.070170101</v>
      </c>
      <c r="P658" s="53">
        <v>-12225238.2688327</v>
      </c>
      <c r="Q658" s="53">
        <v>-12054268.3683125</v>
      </c>
      <c r="R658" s="53">
        <v>-11490991.926020499</v>
      </c>
      <c r="S658" s="53">
        <v>-11848703.547599601</v>
      </c>
      <c r="T658" s="53">
        <v>-12884499.6100566</v>
      </c>
      <c r="U658" s="53">
        <v>-13577029.3509693</v>
      </c>
      <c r="V658" s="53">
        <v>-13300319.2172173</v>
      </c>
      <c r="W658" s="53">
        <v>-12473967.699011</v>
      </c>
      <c r="X658" s="53">
        <v>-14366615.143689699</v>
      </c>
      <c r="Y658" s="53">
        <v>-10954446.396882899</v>
      </c>
      <c r="Z658" s="53">
        <v>-11900165.448494099</v>
      </c>
      <c r="AA658" s="53">
        <v>-147609135.04725599</v>
      </c>
      <c r="AB658" s="53">
        <v>-11151947.3681744</v>
      </c>
      <c r="AC658" s="53">
        <v>-12273479.411761699</v>
      </c>
      <c r="AD658" s="53">
        <v>-12076268.018150499</v>
      </c>
      <c r="AE658" s="53">
        <v>-11471837.938852699</v>
      </c>
      <c r="AF658" s="53">
        <v>-11830225.303221099</v>
      </c>
      <c r="AG658" s="53">
        <v>-12864314.541095801</v>
      </c>
      <c r="AH658" s="53">
        <v>-13554639.290858399</v>
      </c>
      <c r="AI658" s="53">
        <v>-13277090.877534101</v>
      </c>
      <c r="AJ658" s="53">
        <v>-12450525.034866299</v>
      </c>
      <c r="AK658" s="53">
        <v>-14341653.6958673</v>
      </c>
      <c r="AL658" s="53">
        <v>-10934413.8246287</v>
      </c>
      <c r="AM658" s="53">
        <v>-11874690.486543899</v>
      </c>
      <c r="AN658" s="53">
        <v>-148101085.79155499</v>
      </c>
      <c r="AO658" s="53">
        <v>-11122656.9198949</v>
      </c>
      <c r="AP658" s="53">
        <v>-12233215.1888311</v>
      </c>
      <c r="AQ658" s="53">
        <v>-12029368.066102499</v>
      </c>
      <c r="AR658" s="53">
        <v>-11441699.6726512</v>
      </c>
      <c r="AS658" s="53">
        <v>-11801996.934342301</v>
      </c>
      <c r="AT658" s="53">
        <v>-12835138.7629</v>
      </c>
      <c r="AU658" s="53">
        <v>-13522375.791543201</v>
      </c>
      <c r="AV658" s="53">
        <v>-13243756.376744499</v>
      </c>
      <c r="AW658" s="53">
        <v>-12417071.495544201</v>
      </c>
      <c r="AX658" s="53">
        <v>-14306722.840195</v>
      </c>
      <c r="AY658" s="53">
        <v>-10906706.056787699</v>
      </c>
      <c r="AZ658" s="53">
        <v>-11839386.2902504</v>
      </c>
      <c r="BA658" s="53">
        <v>-147700094.395787</v>
      </c>
      <c r="BB658" s="53">
        <v>-11087332.196148699</v>
      </c>
      <c r="BC658" s="53">
        <v>-12204862.247265</v>
      </c>
      <c r="BD658" s="53">
        <v>-12002799.7104133</v>
      </c>
      <c r="BE658" s="53">
        <v>-11420861.607514801</v>
      </c>
      <c r="BF658" s="53">
        <v>-11782310.303900899</v>
      </c>
      <c r="BG658" s="53">
        <v>-12814393.2014405</v>
      </c>
      <c r="BH658" s="53">
        <v>-13499392.7337931</v>
      </c>
      <c r="BI658" s="53">
        <v>-13219938.4719841</v>
      </c>
      <c r="BJ658" s="53">
        <v>-12393139.390766799</v>
      </c>
      <c r="BK658" s="53">
        <v>-14281576.845895</v>
      </c>
      <c r="BL658" s="53">
        <v>-10886728.964469001</v>
      </c>
      <c r="BM658" s="53">
        <v>-11814016.9823338</v>
      </c>
      <c r="BN658" s="53">
        <v>-147407352.65592501</v>
      </c>
      <c r="BO658" s="53">
        <v>-11060474.9472128</v>
      </c>
      <c r="BP658" s="53">
        <v>-12177639.4624121</v>
      </c>
      <c r="BQ658" s="53">
        <v>-11976554.5843064</v>
      </c>
      <c r="BR658" s="53">
        <v>-11399593.8876394</v>
      </c>
      <c r="BS658" s="53">
        <v>-11761945.1294361</v>
      </c>
      <c r="BT658" s="53">
        <v>-12792720.520373801</v>
      </c>
      <c r="BU658" s="53">
        <v>-13475257.3995778</v>
      </c>
      <c r="BV658" s="53">
        <v>-13194832.533572899</v>
      </c>
      <c r="BW658" s="53">
        <v>-12367787.338492701</v>
      </c>
      <c r="BX658" s="53">
        <v>-14254442.829213601</v>
      </c>
      <c r="BY658" s="53">
        <v>-10864898.9822072</v>
      </c>
      <c r="BZ658" s="53">
        <v>-11786242.471875601</v>
      </c>
      <c r="CA658" s="53">
        <v>-147112390.086321</v>
      </c>
      <c r="CB658" s="53">
        <v>-77210.192203910396</v>
      </c>
      <c r="CC658" s="53">
        <v>-76276.129424501298</v>
      </c>
      <c r="CD658" s="53">
        <v>-81878.1608937126</v>
      </c>
      <c r="CE658" s="53">
        <v>-85684.581569495596</v>
      </c>
      <c r="CF658" s="53">
        <v>-82506.022592719906</v>
      </c>
      <c r="CG658" s="53">
        <v>-85396.062837777004</v>
      </c>
      <c r="CH658" s="53">
        <v>-91337.046157741599</v>
      </c>
      <c r="CI658" s="53">
        <v>-90432.782675920898</v>
      </c>
      <c r="CJ658" s="53">
        <v>-85598.873074935007</v>
      </c>
      <c r="CK658" s="53">
        <v>-94652.376034760193</v>
      </c>
      <c r="CL658" s="53">
        <v>-74445.2608688521</v>
      </c>
      <c r="CM658" s="53">
        <v>-86269.641201762497</v>
      </c>
      <c r="CN658" s="53">
        <v>-1011687.1295360801</v>
      </c>
    </row>
    <row r="659" spans="1:92">
      <c r="A659" s="52" t="s">
        <v>1264</v>
      </c>
      <c r="B659" s="53">
        <v>-96476917.299643606</v>
      </c>
      <c r="C659" s="53">
        <v>-102045461.45875099</v>
      </c>
      <c r="D659" s="53">
        <v>-96194070.7930222</v>
      </c>
      <c r="E659" s="53">
        <v>-98397542.251211703</v>
      </c>
      <c r="F659" s="53">
        <v>-102586776.90828399</v>
      </c>
      <c r="G659" s="53">
        <v>-125758792.652539</v>
      </c>
      <c r="H659" s="53">
        <v>-151733935.37013501</v>
      </c>
      <c r="I659" s="53">
        <v>-162406715.18274999</v>
      </c>
      <c r="J659" s="53">
        <v>-149973568.23335901</v>
      </c>
      <c r="K659" s="53">
        <v>-151976340.81050199</v>
      </c>
      <c r="L659" s="53">
        <v>-102763902.112174</v>
      </c>
      <c r="M659" s="53">
        <v>-104672701.968393</v>
      </c>
      <c r="N659" s="53">
        <v>-1444986725.04076</v>
      </c>
      <c r="O659" s="53">
        <v>-111904963.086228</v>
      </c>
      <c r="P659" s="53">
        <v>-147772271.166365</v>
      </c>
      <c r="Q659" s="53">
        <v>-101422918.980101</v>
      </c>
      <c r="R659" s="53">
        <v>-93165444.739720598</v>
      </c>
      <c r="S659" s="53">
        <v>-95654729.063668206</v>
      </c>
      <c r="T659" s="53">
        <v>-119321925.559071</v>
      </c>
      <c r="U659" s="53">
        <v>-144784852.48529401</v>
      </c>
      <c r="V659" s="53">
        <v>-164792817.679405</v>
      </c>
      <c r="W659" s="53">
        <v>-172878743.82465401</v>
      </c>
      <c r="X659" s="53">
        <v>-146128259.27547199</v>
      </c>
      <c r="Y659" s="53">
        <v>-96585241.359138906</v>
      </c>
      <c r="Z659" s="53">
        <v>-96660571.778990999</v>
      </c>
      <c r="AA659" s="53">
        <v>-1491072738.9981101</v>
      </c>
      <c r="AB659" s="53">
        <v>-115067595.634261</v>
      </c>
      <c r="AC659" s="53">
        <v>-149772259.97396499</v>
      </c>
      <c r="AD659" s="53">
        <v>-104862649.812287</v>
      </c>
      <c r="AE659" s="53">
        <v>-94398686.352270201</v>
      </c>
      <c r="AF659" s="53">
        <v>-97149812.205328196</v>
      </c>
      <c r="AG659" s="53">
        <v>-122429195.35957199</v>
      </c>
      <c r="AH659" s="53">
        <v>-149689549.894595</v>
      </c>
      <c r="AI659" s="53">
        <v>-170449828.11737499</v>
      </c>
      <c r="AJ659" s="53">
        <v>-178157094.162512</v>
      </c>
      <c r="AK659" s="53">
        <v>-150890181.13051099</v>
      </c>
      <c r="AL659" s="53">
        <v>-99149126.257414907</v>
      </c>
      <c r="AM659" s="53">
        <v>-98639412.543214902</v>
      </c>
      <c r="AN659" s="53">
        <v>-1530655391.4433</v>
      </c>
      <c r="AO659" s="53">
        <v>-116729791.55898701</v>
      </c>
      <c r="AP659" s="53">
        <v>-149203402.68706301</v>
      </c>
      <c r="AQ659" s="53">
        <v>-101981816.449955</v>
      </c>
      <c r="AR659" s="53">
        <v>-93160910.043833494</v>
      </c>
      <c r="AS659" s="53">
        <v>-96055077.787432</v>
      </c>
      <c r="AT659" s="53">
        <v>-121928005.79379199</v>
      </c>
      <c r="AU659" s="53">
        <v>-149827469.33423001</v>
      </c>
      <c r="AV659" s="53">
        <v>-170885098.52526</v>
      </c>
      <c r="AW659" s="53">
        <v>-178660816.28900501</v>
      </c>
      <c r="AX659" s="53">
        <v>-151232744.77643001</v>
      </c>
      <c r="AY659" s="53">
        <v>-99147117.385742098</v>
      </c>
      <c r="AZ659" s="53">
        <v>-98486080.895389602</v>
      </c>
      <c r="BA659" s="53">
        <v>-1527298331.5271201</v>
      </c>
      <c r="BB659" s="53">
        <v>-116630185.74033201</v>
      </c>
      <c r="BC659" s="53">
        <v>-148721100.58808899</v>
      </c>
      <c r="BD659" s="53">
        <v>-101049495.32373901</v>
      </c>
      <c r="BE659" s="53">
        <v>-91950719.469027907</v>
      </c>
      <c r="BF659" s="53">
        <v>-94933651.318914905</v>
      </c>
      <c r="BG659" s="53">
        <v>-121242838.03173999</v>
      </c>
      <c r="BH659" s="53">
        <v>-149758642.19441101</v>
      </c>
      <c r="BI659" s="53">
        <v>-171102458.67176801</v>
      </c>
      <c r="BJ659" s="53">
        <v>-178959666.090415</v>
      </c>
      <c r="BK659" s="53">
        <v>-151367076.80569801</v>
      </c>
      <c r="BL659" s="53">
        <v>-99002172.9160579</v>
      </c>
      <c r="BM659" s="53">
        <v>-98176815.488043606</v>
      </c>
      <c r="BN659" s="53">
        <v>-1522894822.6382401</v>
      </c>
      <c r="BO659" s="53">
        <v>-116387532.008775</v>
      </c>
      <c r="BP659" s="53">
        <v>-148208717.232678</v>
      </c>
      <c r="BQ659" s="53">
        <v>-100272687.38721099</v>
      </c>
      <c r="BR659" s="53">
        <v>-90953121.302162394</v>
      </c>
      <c r="BS659" s="53">
        <v>-94047172.657816306</v>
      </c>
      <c r="BT659" s="53">
        <v>-120663347.10967299</v>
      </c>
      <c r="BU659" s="53">
        <v>-149701062.85348299</v>
      </c>
      <c r="BV659" s="53">
        <v>-171329816.44545799</v>
      </c>
      <c r="BW659" s="53">
        <v>-179350816.37101001</v>
      </c>
      <c r="BX659" s="53">
        <v>-151864069.12317899</v>
      </c>
      <c r="BY659" s="53">
        <v>-99346209.107069105</v>
      </c>
      <c r="BZ659" s="53">
        <v>-98592801.923969105</v>
      </c>
      <c r="CA659" s="53">
        <v>-1520717353.52248</v>
      </c>
      <c r="CB659" s="53">
        <v>-477.845826307599</v>
      </c>
      <c r="CC659" s="53">
        <v>-483.25258847438499</v>
      </c>
      <c r="CD659" s="53">
        <v>-507.54556852345797</v>
      </c>
      <c r="CE659" s="53">
        <v>-507.088359244115</v>
      </c>
      <c r="CF659" s="53">
        <v>-487.04290952892899</v>
      </c>
      <c r="CG659" s="53">
        <v>-491.84044384259403</v>
      </c>
      <c r="CH659" s="53">
        <v>-518.62344478229204</v>
      </c>
      <c r="CI659" s="53">
        <v>-513.37249247837997</v>
      </c>
      <c r="CJ659" s="53">
        <v>-482.008643120805</v>
      </c>
      <c r="CK659" s="53">
        <v>-545.91160547847596</v>
      </c>
      <c r="CL659" s="53">
        <v>-436.43455709336303</v>
      </c>
      <c r="CM659" s="53">
        <v>-515.60581656549198</v>
      </c>
      <c r="CN659" s="53">
        <v>-5966.5722554398899</v>
      </c>
    </row>
    <row r="660" spans="1:92">
      <c r="A660" s="52" t="s">
        <v>1265</v>
      </c>
      <c r="B660" s="53">
        <v>-40989.333897333301</v>
      </c>
      <c r="C660" s="53">
        <v>-51461.0068124666</v>
      </c>
      <c r="D660" s="53">
        <v>-52361.075346866601</v>
      </c>
      <c r="E660" s="53">
        <v>-53624.643471199997</v>
      </c>
      <c r="F660" s="53">
        <v>-42455.585434499997</v>
      </c>
      <c r="G660" s="53">
        <v>-42713.329882833299</v>
      </c>
      <c r="H660" s="53">
        <v>-43959.938177333301</v>
      </c>
      <c r="I660" s="53">
        <v>-44514.124054514199</v>
      </c>
      <c r="J660" s="53">
        <v>-41544.399010980902</v>
      </c>
      <c r="K660" s="53">
        <v>-46507.527975771402</v>
      </c>
      <c r="L660" s="53">
        <v>-37578.942248400002</v>
      </c>
      <c r="M660" s="53">
        <v>-46863.1654896666</v>
      </c>
      <c r="N660" s="53">
        <v>-544573.07180186606</v>
      </c>
      <c r="O660" s="53">
        <v>-55562.231896266603</v>
      </c>
      <c r="P660" s="53">
        <v>-68845.913075000004</v>
      </c>
      <c r="Q660" s="53">
        <v>-70258.811712466602</v>
      </c>
      <c r="R660" s="53">
        <v>-73135.611565600004</v>
      </c>
      <c r="S660" s="53">
        <v>-62115.926134499998</v>
      </c>
      <c r="T660" s="53">
        <v>-63102.252982833299</v>
      </c>
      <c r="U660" s="53">
        <v>-65183.862077333302</v>
      </c>
      <c r="V660" s="53">
        <v>-65995.634811657103</v>
      </c>
      <c r="W660" s="53">
        <v>-61590.137068123797</v>
      </c>
      <c r="X660" s="53">
        <v>-68946.494561485699</v>
      </c>
      <c r="Y660" s="53">
        <v>-55712.645948400001</v>
      </c>
      <c r="Z660" s="53">
        <v>-67583.686989666603</v>
      </c>
      <c r="AA660" s="53">
        <v>-778033.20882333303</v>
      </c>
      <c r="AB660" s="53">
        <v>-64145.551396266601</v>
      </c>
      <c r="AC660" s="53">
        <v>-46326.759274999997</v>
      </c>
      <c r="AD660" s="53">
        <v>-45764.158512466602</v>
      </c>
      <c r="AE660" s="53">
        <v>-45523.985965599997</v>
      </c>
      <c r="AF660" s="53">
        <v>-40691.097334500002</v>
      </c>
      <c r="AG660" s="53">
        <v>-41553.027382833301</v>
      </c>
      <c r="AH660" s="53">
        <v>-43037.158877333299</v>
      </c>
      <c r="AI660" s="53">
        <v>-43580.145325942802</v>
      </c>
      <c r="AJ660" s="53">
        <v>-40672.845182409503</v>
      </c>
      <c r="AK660" s="53">
        <v>-45531.920732914201</v>
      </c>
      <c r="AL660" s="53">
        <v>-36790.520348400001</v>
      </c>
      <c r="AM660" s="53">
        <v>-43771.652589666599</v>
      </c>
      <c r="AN660" s="53">
        <v>-537388.82292333303</v>
      </c>
      <c r="AO660" s="53">
        <v>-43186.473796266597</v>
      </c>
      <c r="AP660" s="53">
        <v>-43774.1432749999</v>
      </c>
      <c r="AQ660" s="53">
        <v>-43823.248512466598</v>
      </c>
      <c r="AR660" s="53">
        <v>-45739.5863656</v>
      </c>
      <c r="AS660" s="53">
        <v>-40849.3425345</v>
      </c>
      <c r="AT660" s="53">
        <v>-41768.195782833303</v>
      </c>
      <c r="AU660" s="53">
        <v>-43257.1843630476</v>
      </c>
      <c r="AV660" s="53">
        <v>-43802.841179003997</v>
      </c>
      <c r="AW660" s="53">
        <v>-40880.656578327798</v>
      </c>
      <c r="AX660" s="53">
        <v>-45764.542398220401</v>
      </c>
      <c r="AY660" s="53">
        <v>-36978.5099483999</v>
      </c>
      <c r="AZ660" s="53">
        <v>-44016.853389666598</v>
      </c>
      <c r="BA660" s="53">
        <v>-513841.57812333299</v>
      </c>
      <c r="BB660" s="53">
        <v>-43653.436996266602</v>
      </c>
      <c r="BC660" s="53">
        <v>-44802.101674999998</v>
      </c>
      <c r="BD660" s="53">
        <v>-44901.776112466599</v>
      </c>
      <c r="BE660" s="53">
        <v>-46897.400365599999</v>
      </c>
      <c r="BF660" s="53">
        <v>-41872.480534499999</v>
      </c>
      <c r="BG660" s="53">
        <v>-42812.933782833301</v>
      </c>
      <c r="BH660" s="53">
        <v>-44338.344077333299</v>
      </c>
      <c r="BI660" s="53">
        <v>-44897.122525942803</v>
      </c>
      <c r="BJ660" s="53">
        <v>-41901.798782409503</v>
      </c>
      <c r="BK660" s="53">
        <v>-46907.597132914198</v>
      </c>
      <c r="BL660" s="53">
        <v>-37902.2519484</v>
      </c>
      <c r="BM660" s="53">
        <v>-45121.279389666597</v>
      </c>
      <c r="BN660" s="53">
        <v>-526008.52332333301</v>
      </c>
      <c r="BO660" s="53">
        <v>-44775.382996266599</v>
      </c>
      <c r="BP660" s="53">
        <v>-46002.543275000004</v>
      </c>
      <c r="BQ660" s="53">
        <v>-46108.948512466603</v>
      </c>
      <c r="BR660" s="53">
        <v>-48159.391165599998</v>
      </c>
      <c r="BS660" s="53">
        <v>-42991.820134499998</v>
      </c>
      <c r="BT660" s="53">
        <v>-43956.441382833298</v>
      </c>
      <c r="BU660" s="53">
        <v>-45521.929448761897</v>
      </c>
      <c r="BV660" s="53">
        <v>-46095.072632065298</v>
      </c>
      <c r="BW660" s="53">
        <v>-43019.680774246197</v>
      </c>
      <c r="BX660" s="53">
        <v>-48158.941263526503</v>
      </c>
      <c r="BY660" s="53">
        <v>-38913.506348399897</v>
      </c>
      <c r="BZ660" s="53">
        <v>-45379.6441896666</v>
      </c>
      <c r="CA660" s="53">
        <v>-539083.30212333298</v>
      </c>
      <c r="CB660" s="53">
        <v>-66177.015083783699</v>
      </c>
      <c r="CC660" s="53">
        <v>-66313.690284731405</v>
      </c>
      <c r="CD660" s="53">
        <v>-69662.389877846406</v>
      </c>
      <c r="CE660" s="53">
        <v>-72167.045811440097</v>
      </c>
      <c r="CF660" s="53">
        <v>-73614.321639556496</v>
      </c>
      <c r="CG660" s="53">
        <v>-80142.804321074596</v>
      </c>
      <c r="CH660" s="53">
        <v>-86343.484169989795</v>
      </c>
      <c r="CI660" s="53">
        <v>-84558.485094243704</v>
      </c>
      <c r="CJ660" s="53">
        <v>-76220.844614889793</v>
      </c>
      <c r="CK660" s="53">
        <v>-90976.485257135297</v>
      </c>
      <c r="CL660" s="53">
        <v>-67974.403782933601</v>
      </c>
      <c r="CM660" s="53">
        <v>-73741.671554578599</v>
      </c>
      <c r="CN660" s="53">
        <v>-907892.64149220404</v>
      </c>
    </row>
    <row r="661" spans="1:92" outlineLevel="1">
      <c r="A661" s="52" t="s">
        <v>1239</v>
      </c>
      <c r="B661" s="53"/>
      <c r="C661" s="53"/>
      <c r="D661" s="53"/>
      <c r="E661" s="53"/>
      <c r="F661" s="53"/>
      <c r="G661" s="53"/>
      <c r="H661" s="53"/>
      <c r="I661" s="53"/>
      <c r="J661" s="53"/>
      <c r="K661" s="53"/>
      <c r="L661" s="53"/>
      <c r="M661" s="53"/>
      <c r="N661" s="53"/>
      <c r="O661" s="53"/>
      <c r="P661" s="53"/>
      <c r="Q661" s="53"/>
      <c r="R661" s="53"/>
      <c r="S661" s="53"/>
      <c r="T661" s="53"/>
      <c r="U661" s="53"/>
      <c r="V661" s="53"/>
      <c r="W661" s="53"/>
      <c r="X661" s="53"/>
      <c r="Y661" s="53"/>
      <c r="Z661" s="53"/>
      <c r="AA661" s="53"/>
      <c r="AB661" s="53"/>
      <c r="AC661" s="53"/>
      <c r="AD661" s="53"/>
      <c r="AE661" s="53"/>
      <c r="AF661" s="53"/>
      <c r="AG661" s="53"/>
      <c r="AH661" s="53"/>
      <c r="AI661" s="53"/>
      <c r="AJ661" s="53"/>
      <c r="AK661" s="53"/>
      <c r="AL661" s="53"/>
      <c r="AM661" s="53"/>
      <c r="AN661" s="53"/>
      <c r="AO661" s="53"/>
      <c r="AP661" s="53"/>
      <c r="AQ661" s="53"/>
      <c r="AR661" s="53"/>
      <c r="AS661" s="53"/>
      <c r="AT661" s="53"/>
      <c r="AU661" s="53"/>
      <c r="AV661" s="53"/>
      <c r="AW661" s="53"/>
      <c r="AX661" s="53"/>
      <c r="AY661" s="53"/>
      <c r="AZ661" s="53"/>
      <c r="BA661" s="53"/>
      <c r="BB661" s="53"/>
      <c r="BC661" s="53"/>
      <c r="BD661" s="53"/>
      <c r="BE661" s="53"/>
      <c r="BF661" s="53"/>
      <c r="BG661" s="53"/>
      <c r="BH661" s="53"/>
      <c r="BI661" s="53"/>
      <c r="BJ661" s="53"/>
      <c r="BK661" s="53"/>
      <c r="BL661" s="53"/>
      <c r="BM661" s="53"/>
      <c r="BN661" s="53"/>
      <c r="BO661" s="53"/>
      <c r="BP661" s="53"/>
      <c r="BQ661" s="53"/>
      <c r="BR661" s="53"/>
      <c r="BS661" s="53"/>
      <c r="BT661" s="53"/>
      <c r="BU661" s="53"/>
      <c r="BV661" s="53"/>
      <c r="BW661" s="53"/>
      <c r="BX661" s="53"/>
      <c r="BY661" s="53"/>
      <c r="BZ661" s="53"/>
      <c r="CA661" s="53"/>
      <c r="CB661" s="53">
        <v>-425336.19150545198</v>
      </c>
      <c r="CC661" s="53">
        <v>-432592.182954185</v>
      </c>
      <c r="CD661" s="53">
        <v>-398860.46391308698</v>
      </c>
      <c r="CE661" s="53">
        <v>-405021.58503110101</v>
      </c>
      <c r="CF661" s="53">
        <v>-419078.39006731799</v>
      </c>
      <c r="CG661" s="53">
        <v>-531796.79050645803</v>
      </c>
      <c r="CH661" s="53">
        <v>-645440.13410960604</v>
      </c>
      <c r="CI661" s="53">
        <v>-687060.61764722201</v>
      </c>
      <c r="CJ661" s="53">
        <v>-637558.62938567298</v>
      </c>
      <c r="CK661" s="53">
        <v>-639472.62185532704</v>
      </c>
      <c r="CL661" s="53">
        <v>-427899.53667653998</v>
      </c>
      <c r="CM661" s="53">
        <v>-429920.78161413397</v>
      </c>
      <c r="CN661" s="53">
        <v>-6080037.9252661001</v>
      </c>
    </row>
    <row r="662" spans="1:92" outlineLevel="1">
      <c r="A662" s="52" t="s">
        <v>1265</v>
      </c>
      <c r="B662" s="53">
        <v>-6534007.9419999998</v>
      </c>
      <c r="C662" s="53">
        <v>-7459982.6091999998</v>
      </c>
      <c r="D662" s="53">
        <v>-7928995.5271999901</v>
      </c>
      <c r="E662" s="53">
        <v>-7830215.5271999901</v>
      </c>
      <c r="F662" s="53">
        <v>-7060061.1928000003</v>
      </c>
      <c r="G662" s="53">
        <v>-7096284.7763999999</v>
      </c>
      <c r="H662" s="53">
        <v>-7555268.5159428502</v>
      </c>
      <c r="I662" s="53">
        <v>-7489726.0836979598</v>
      </c>
      <c r="J662" s="53">
        <v>-7037840.7010693802</v>
      </c>
      <c r="K662" s="53">
        <v>-7973951.8932897896</v>
      </c>
      <c r="L662" s="53">
        <v>-6376795.3568000002</v>
      </c>
      <c r="M662" s="53">
        <v>-7702532.6943999901</v>
      </c>
      <c r="N662" s="53">
        <v>-88045662.819999993</v>
      </c>
      <c r="O662" s="53">
        <v>-6714370.4419999998</v>
      </c>
      <c r="P662" s="53">
        <v>-4342880.1091999998</v>
      </c>
      <c r="Q662" s="53">
        <v>-4346460.5271999901</v>
      </c>
      <c r="R662" s="53">
        <v>-4068590.5271999999</v>
      </c>
      <c r="S662" s="53">
        <v>-3512106.1927999998</v>
      </c>
      <c r="T662" s="53">
        <v>-3507917.2763999999</v>
      </c>
      <c r="U662" s="53">
        <v>-3718191.7302285698</v>
      </c>
      <c r="V662" s="53">
        <v>-3685173.07349387</v>
      </c>
      <c r="W662" s="53">
        <v>-3462520.5480081602</v>
      </c>
      <c r="X662" s="53">
        <v>-3923074.3422693801</v>
      </c>
      <c r="Y662" s="53">
        <v>-3137295.3568000002</v>
      </c>
      <c r="Z662" s="53">
        <v>-3850272.6943999999</v>
      </c>
      <c r="AA662" s="53">
        <v>-48268852.82</v>
      </c>
      <c r="AB662" s="53">
        <v>-3702992.9419999998</v>
      </c>
      <c r="AC662" s="53">
        <v>-3163630.1091999998</v>
      </c>
      <c r="AD662" s="53">
        <v>-3288260.5271999999</v>
      </c>
      <c r="AE662" s="53">
        <v>-3207740.5271999999</v>
      </c>
      <c r="AF662" s="53">
        <v>-2949636.1927999998</v>
      </c>
      <c r="AG662" s="53">
        <v>-2972172.2763999999</v>
      </c>
      <c r="AH662" s="53">
        <v>-3167131.0159428502</v>
      </c>
      <c r="AI662" s="53">
        <v>-3139635.01226938</v>
      </c>
      <c r="AJ662" s="53">
        <v>-2950199.6296408102</v>
      </c>
      <c r="AK662" s="53">
        <v>-3342609.03614693</v>
      </c>
      <c r="AL662" s="53">
        <v>-2673095.3568000002</v>
      </c>
      <c r="AM662" s="53">
        <v>-3206632.6943999999</v>
      </c>
      <c r="AN662" s="53">
        <v>-37763735.32</v>
      </c>
      <c r="AO662" s="53">
        <v>-2554407.9419999998</v>
      </c>
      <c r="AP662" s="53">
        <v>-948660.10919999902</v>
      </c>
      <c r="AQ662" s="53">
        <v>-842480.52719999896</v>
      </c>
      <c r="AR662" s="53">
        <v>-699320.52719999896</v>
      </c>
      <c r="AS662" s="53">
        <v>-535576.19279999996</v>
      </c>
      <c r="AT662" s="53">
        <v>-524492.27639999997</v>
      </c>
      <c r="AU662" s="53">
        <v>-546796.73022857099</v>
      </c>
      <c r="AV662" s="53">
        <v>-541453.78777959105</v>
      </c>
      <c r="AW662" s="53">
        <v>-508541.26229387702</v>
      </c>
      <c r="AX662" s="53">
        <v>-576182.91369795904</v>
      </c>
      <c r="AY662" s="53">
        <v>-460775.35679999902</v>
      </c>
      <c r="AZ662" s="53">
        <v>-593512.69439999899</v>
      </c>
      <c r="BA662" s="53">
        <v>-9332200.3200000003</v>
      </c>
      <c r="BB662" s="53">
        <v>-676867.94199999899</v>
      </c>
      <c r="BC662" s="53">
        <v>-715020.10919999902</v>
      </c>
      <c r="BD662" s="53">
        <v>-761760.52720000001</v>
      </c>
      <c r="BE662" s="53">
        <v>-718460.52719999896</v>
      </c>
      <c r="BF662" s="53">
        <v>-549956.19279999996</v>
      </c>
      <c r="BG662" s="53">
        <v>-538532.27639999997</v>
      </c>
      <c r="BH662" s="53">
        <v>-561416.73022857099</v>
      </c>
      <c r="BI662" s="53">
        <v>-555930.930636734</v>
      </c>
      <c r="BJ662" s="53">
        <v>-522138.40515101998</v>
      </c>
      <c r="BK662" s="53">
        <v>-591588.62798367301</v>
      </c>
      <c r="BL662" s="53">
        <v>-473095.35679999902</v>
      </c>
      <c r="BM662" s="53">
        <v>-609512.69440000004</v>
      </c>
      <c r="BN662" s="53">
        <v>-7274280.3199999901</v>
      </c>
      <c r="BO662" s="53">
        <v>-695527.94200000004</v>
      </c>
      <c r="BP662" s="53">
        <v>-735050.10919999902</v>
      </c>
      <c r="BQ662" s="53">
        <v>-783140.52719999896</v>
      </c>
      <c r="BR662" s="53">
        <v>-738515.52719999896</v>
      </c>
      <c r="BS662" s="53">
        <v>-564881.19279999903</v>
      </c>
      <c r="BT662" s="53">
        <v>-553082.27639999997</v>
      </c>
      <c r="BU662" s="53">
        <v>-576558.87308571395</v>
      </c>
      <c r="BV662" s="53">
        <v>-570925.11431020405</v>
      </c>
      <c r="BW662" s="53">
        <v>-536221.16025306098</v>
      </c>
      <c r="BX662" s="53">
        <v>-607544.54635101999</v>
      </c>
      <c r="BY662" s="53">
        <v>-485855.35679999902</v>
      </c>
      <c r="BZ662" s="53">
        <v>-574192.69439999899</v>
      </c>
      <c r="CA662" s="53">
        <v>-7421495.3199999901</v>
      </c>
      <c r="CB662" s="53"/>
      <c r="CC662" s="53"/>
      <c r="CD662" s="53"/>
      <c r="CE662" s="53"/>
      <c r="CF662" s="53"/>
      <c r="CG662" s="53"/>
      <c r="CH662" s="53"/>
      <c r="CI662" s="53"/>
      <c r="CJ662" s="53"/>
      <c r="CK662" s="53"/>
      <c r="CL662" s="53"/>
      <c r="CM662" s="53"/>
      <c r="CN662" s="53"/>
    </row>
    <row r="663" spans="1:92" outlineLevel="1">
      <c r="A663" s="52" t="s">
        <v>1267</v>
      </c>
      <c r="B663" s="53">
        <v>-697748.04449999996</v>
      </c>
      <c r="C663" s="53">
        <v>-700746.78449999995</v>
      </c>
      <c r="D663" s="53">
        <v>-687981.054</v>
      </c>
      <c r="E663" s="53">
        <v>-714596.33249999897</v>
      </c>
      <c r="F663" s="53">
        <v>-733597.93199999898</v>
      </c>
      <c r="G663" s="53">
        <v>-782285.69399999897</v>
      </c>
      <c r="H663" s="53">
        <v>-1020518.73428571</v>
      </c>
      <c r="I663" s="53">
        <v>-1057367.6630816299</v>
      </c>
      <c r="J663" s="53">
        <v>-965235.79022448906</v>
      </c>
      <c r="K663" s="53">
        <v>-1075904.28440816</v>
      </c>
      <c r="L663" s="53">
        <v>-814676.85299999896</v>
      </c>
      <c r="M663" s="53">
        <v>-885589.48349999904</v>
      </c>
      <c r="N663" s="53">
        <v>-10136248.65</v>
      </c>
      <c r="O663" s="53">
        <v>-634530.54449999996</v>
      </c>
      <c r="P663" s="53">
        <v>-107714.28449999999</v>
      </c>
      <c r="Q663" s="53">
        <v>-59923.553999999996</v>
      </c>
      <c r="R663" s="53">
        <v>-25803.832499999899</v>
      </c>
      <c r="S663" s="53">
        <v>-24675.431999999899</v>
      </c>
      <c r="T663" s="53">
        <v>-25678.194</v>
      </c>
      <c r="U663" s="53">
        <v>-29846.9485714285</v>
      </c>
      <c r="V663" s="53">
        <v>-26232.152877551001</v>
      </c>
      <c r="W663" s="53">
        <v>-24555.637163265299</v>
      </c>
      <c r="X663" s="53">
        <v>-28396.733387755099</v>
      </c>
      <c r="Y663" s="53">
        <v>-22016.852999999999</v>
      </c>
      <c r="Z663" s="53">
        <v>-20989.4834999999</v>
      </c>
      <c r="AA663" s="53">
        <v>-1030363.64999999</v>
      </c>
      <c r="AB663" s="53">
        <v>-23948.0445</v>
      </c>
      <c r="AC663" s="53">
        <v>-26204.284500000002</v>
      </c>
      <c r="AD663" s="53">
        <v>-27583.553999999898</v>
      </c>
      <c r="AE663" s="53">
        <v>-25803.832499999899</v>
      </c>
      <c r="AF663" s="53">
        <v>-24675.431999999899</v>
      </c>
      <c r="AG663" s="53">
        <v>-25678.194</v>
      </c>
      <c r="AH663" s="53">
        <v>-29846.9485714285</v>
      </c>
      <c r="AI663" s="53">
        <v>-26232.152877551001</v>
      </c>
      <c r="AJ663" s="53">
        <v>-24555.637163265299</v>
      </c>
      <c r="AK663" s="53">
        <v>-28396.733387755099</v>
      </c>
      <c r="AL663" s="53">
        <v>-22016.852999999999</v>
      </c>
      <c r="AM663" s="53">
        <v>-20989.4834999999</v>
      </c>
      <c r="AN663" s="53">
        <v>-305931.15000000002</v>
      </c>
      <c r="AO663" s="53">
        <v>-23948.0445</v>
      </c>
      <c r="AP663" s="53">
        <v>-26204.284500000002</v>
      </c>
      <c r="AQ663" s="53">
        <v>-27583.553999999898</v>
      </c>
      <c r="AR663" s="53">
        <v>-25803.832499999899</v>
      </c>
      <c r="AS663" s="53">
        <v>-24675.431999999899</v>
      </c>
      <c r="AT663" s="53">
        <v>-25678.194</v>
      </c>
      <c r="AU663" s="53">
        <v>-29846.9485714285</v>
      </c>
      <c r="AV663" s="53">
        <v>-26232.152877551001</v>
      </c>
      <c r="AW663" s="53">
        <v>-24555.637163265299</v>
      </c>
      <c r="AX663" s="53">
        <v>-28396.733387755099</v>
      </c>
      <c r="AY663" s="53">
        <v>-22016.852999999999</v>
      </c>
      <c r="AZ663" s="53">
        <v>-20989.4834999999</v>
      </c>
      <c r="BA663" s="53">
        <v>-305931.15000000002</v>
      </c>
      <c r="BB663" s="53">
        <v>-23948.0445</v>
      </c>
      <c r="BC663" s="53">
        <v>-26204.284500000002</v>
      </c>
      <c r="BD663" s="53">
        <v>-27583.553999999898</v>
      </c>
      <c r="BE663" s="53">
        <v>-25803.832499999899</v>
      </c>
      <c r="BF663" s="53">
        <v>-24675.431999999899</v>
      </c>
      <c r="BG663" s="53">
        <v>-25678.194</v>
      </c>
      <c r="BH663" s="53">
        <v>-29846.9485714285</v>
      </c>
      <c r="BI663" s="53">
        <v>-26232.152877551001</v>
      </c>
      <c r="BJ663" s="53">
        <v>-24555.637163265299</v>
      </c>
      <c r="BK663" s="53">
        <v>-28396.733387755099</v>
      </c>
      <c r="BL663" s="53">
        <v>-22016.852999999999</v>
      </c>
      <c r="BM663" s="53">
        <v>-20989.4834999999</v>
      </c>
      <c r="BN663" s="53">
        <v>-305931.15000000002</v>
      </c>
      <c r="BO663" s="53">
        <v>-23948.0445</v>
      </c>
      <c r="BP663" s="53">
        <v>-26204.284500000002</v>
      </c>
      <c r="BQ663" s="53">
        <v>-27583.553999999898</v>
      </c>
      <c r="BR663" s="53">
        <v>-25803.832499999899</v>
      </c>
      <c r="BS663" s="53">
        <v>-24675.431999999899</v>
      </c>
      <c r="BT663" s="53">
        <v>-25678.194</v>
      </c>
      <c r="BU663" s="53">
        <v>-29846.9485714285</v>
      </c>
      <c r="BV663" s="53">
        <v>-26232.152877551001</v>
      </c>
      <c r="BW663" s="53">
        <v>-24555.637163265299</v>
      </c>
      <c r="BX663" s="53">
        <v>-28396.733387755099</v>
      </c>
      <c r="BY663" s="53">
        <v>-22016.852999999999</v>
      </c>
      <c r="BZ663" s="53">
        <v>-20989.4834999999</v>
      </c>
      <c r="CA663" s="53">
        <v>-305931.15000000002</v>
      </c>
      <c r="CB663" s="53">
        <v>-6715638.1194463801</v>
      </c>
      <c r="CC663" s="53">
        <v>-7924827.3722459497</v>
      </c>
      <c r="CD663" s="53">
        <v>-8138167.4952927101</v>
      </c>
      <c r="CE663" s="53">
        <v>-9061937.0804950204</v>
      </c>
      <c r="CF663" s="53">
        <v>-9340607.9751021694</v>
      </c>
      <c r="CG663" s="53">
        <v>-10597677.568972901</v>
      </c>
      <c r="CH663" s="53">
        <v>-11794541.150998401</v>
      </c>
      <c r="CI663" s="53">
        <v>-12210152.671655601</v>
      </c>
      <c r="CJ663" s="53">
        <v>-11382869.6981405</v>
      </c>
      <c r="CK663" s="53">
        <v>-12138143.311498299</v>
      </c>
      <c r="CL663" s="53">
        <v>-8898937.0603302103</v>
      </c>
      <c r="CM663" s="53">
        <v>-9227166.8193636201</v>
      </c>
      <c r="CN663" s="53">
        <v>-117430666.323542</v>
      </c>
    </row>
    <row r="664" spans="1:92" outlineLevel="1">
      <c r="A664" s="52" t="s">
        <v>1241</v>
      </c>
      <c r="B664" s="53"/>
      <c r="C664" s="53"/>
      <c r="D664" s="53"/>
      <c r="E664" s="53"/>
      <c r="F664" s="53"/>
      <c r="G664" s="53"/>
      <c r="H664" s="53"/>
      <c r="I664" s="53"/>
      <c r="J664" s="53"/>
      <c r="K664" s="53"/>
      <c r="L664" s="53"/>
      <c r="M664" s="53"/>
      <c r="N664" s="53"/>
      <c r="O664" s="53"/>
      <c r="P664" s="53"/>
      <c r="Q664" s="53"/>
      <c r="R664" s="53"/>
      <c r="S664" s="53"/>
      <c r="T664" s="53"/>
      <c r="U664" s="53"/>
      <c r="V664" s="53"/>
      <c r="W664" s="53"/>
      <c r="X664" s="53"/>
      <c r="Y664" s="53"/>
      <c r="Z664" s="53"/>
      <c r="AA664" s="53"/>
      <c r="AB664" s="53"/>
      <c r="AC664" s="53"/>
      <c r="AD664" s="53"/>
      <c r="AE664" s="53"/>
      <c r="AF664" s="53"/>
      <c r="AG664" s="53"/>
      <c r="AH664" s="53"/>
      <c r="AI664" s="53"/>
      <c r="AJ664" s="53"/>
      <c r="AK664" s="53"/>
      <c r="AL664" s="53"/>
      <c r="AM664" s="53"/>
      <c r="AN664" s="53"/>
      <c r="AO664" s="53"/>
      <c r="AP664" s="53"/>
      <c r="AQ664" s="53"/>
      <c r="AR664" s="53"/>
      <c r="AS664" s="53"/>
      <c r="AT664" s="53"/>
      <c r="AU664" s="53"/>
      <c r="AV664" s="53"/>
      <c r="AW664" s="53"/>
      <c r="AX664" s="53"/>
      <c r="AY664" s="53"/>
      <c r="AZ664" s="53"/>
      <c r="BA664" s="53"/>
      <c r="BB664" s="53"/>
      <c r="BC664" s="53"/>
      <c r="BD664" s="53"/>
      <c r="BE664" s="53"/>
      <c r="BF664" s="53"/>
      <c r="BG664" s="53"/>
      <c r="BH664" s="53"/>
      <c r="BI664" s="53"/>
      <c r="BJ664" s="53"/>
      <c r="BK664" s="53"/>
      <c r="BL664" s="53"/>
      <c r="BM664" s="53"/>
      <c r="BN664" s="53"/>
      <c r="BO664" s="53"/>
      <c r="BP664" s="53"/>
      <c r="BQ664" s="53"/>
      <c r="BR664" s="53"/>
      <c r="BS664" s="53"/>
      <c r="BT664" s="53"/>
      <c r="BU664" s="53"/>
      <c r="BV664" s="53"/>
      <c r="BW664" s="53"/>
      <c r="BX664" s="53"/>
      <c r="BY664" s="53"/>
      <c r="BZ664" s="53"/>
      <c r="CA664" s="53"/>
      <c r="CB664" s="53">
        <v>-2271109.3946672198</v>
      </c>
      <c r="CC664" s="53">
        <v>-2708223.4947422501</v>
      </c>
      <c r="CD664" s="53">
        <v>-2956926.7349187499</v>
      </c>
      <c r="CE664" s="53">
        <v>-3124629.3766586501</v>
      </c>
      <c r="CF664" s="53">
        <v>-3008717.9889579401</v>
      </c>
      <c r="CG664" s="53">
        <v>-3114108.06595921</v>
      </c>
      <c r="CH664" s="53">
        <v>-3330755.8066352201</v>
      </c>
      <c r="CI664" s="53">
        <v>-3297780.3495835299</v>
      </c>
      <c r="CJ664" s="53">
        <v>-3121503.8752553901</v>
      </c>
      <c r="CK664" s="53">
        <v>-3451654.7704545702</v>
      </c>
      <c r="CL664" s="53">
        <v>-2714769.0378247099</v>
      </c>
      <c r="CM664" s="53">
        <v>-3145964.53965523</v>
      </c>
      <c r="CN664" s="53">
        <v>-36246143.435312703</v>
      </c>
    </row>
    <row r="665" spans="1:92" outlineLevel="1">
      <c r="A665" s="52" t="s">
        <v>1261</v>
      </c>
      <c r="B665" s="53">
        <v>-8074712.3398336899</v>
      </c>
      <c r="C665" s="53">
        <v>-8105864.1365096197</v>
      </c>
      <c r="D665" s="53">
        <v>-8191595.16481415</v>
      </c>
      <c r="E665" s="53">
        <v>-9279651.4624909796</v>
      </c>
      <c r="F665" s="53">
        <v>-9512238.7229777593</v>
      </c>
      <c r="G665" s="53">
        <v>-10408141.7210341</v>
      </c>
      <c r="H665" s="53">
        <v>-11660223.160380101</v>
      </c>
      <c r="I665" s="53">
        <v>-11997081.2667064</v>
      </c>
      <c r="J665" s="53">
        <v>-11254154.2828329</v>
      </c>
      <c r="K665" s="53">
        <v>-11935382.380141299</v>
      </c>
      <c r="L665" s="53">
        <v>-8675333.8392577097</v>
      </c>
      <c r="M665" s="53">
        <v>-9271226.9166596793</v>
      </c>
      <c r="N665" s="53">
        <v>-118365605.393638</v>
      </c>
      <c r="O665" s="53">
        <v>-9232011.4581839293</v>
      </c>
      <c r="P665" s="53">
        <v>-11190558.6571391</v>
      </c>
      <c r="Q665" s="53">
        <v>-8810159.8421475105</v>
      </c>
      <c r="R665" s="53">
        <v>-9450826.0759350304</v>
      </c>
      <c r="S665" s="53">
        <v>-9821826.8199540898</v>
      </c>
      <c r="T665" s="53">
        <v>-10904378.210998399</v>
      </c>
      <c r="U665" s="53">
        <v>-12042279.517861599</v>
      </c>
      <c r="V665" s="53">
        <v>-13001602.8350116</v>
      </c>
      <c r="W665" s="53">
        <v>-13483649.419080099</v>
      </c>
      <c r="X665" s="53">
        <v>-12436791.5367584</v>
      </c>
      <c r="Y665" s="53">
        <v>-9068893.2205120195</v>
      </c>
      <c r="Z665" s="53">
        <v>-9243945.0217688009</v>
      </c>
      <c r="AA665" s="53">
        <v>-128686922.61535101</v>
      </c>
      <c r="AB665" s="53">
        <v>-8451151.1834696308</v>
      </c>
      <c r="AC665" s="53">
        <v>-8575139.25084823</v>
      </c>
      <c r="AD665" s="53">
        <v>-6631160.7231752602</v>
      </c>
      <c r="AE665" s="53">
        <v>-6936400.7043118896</v>
      </c>
      <c r="AF665" s="53">
        <v>-7254634.9616125599</v>
      </c>
      <c r="AG665" s="53">
        <v>-8113807.4671334997</v>
      </c>
      <c r="AH665" s="53">
        <v>-8963206.6844728608</v>
      </c>
      <c r="AI665" s="53">
        <v>-9661335.7513103895</v>
      </c>
      <c r="AJ665" s="53">
        <v>-10055026.696940601</v>
      </c>
      <c r="AK665" s="53">
        <v>-9254933.1526622605</v>
      </c>
      <c r="AL665" s="53">
        <v>-6711068.44400026</v>
      </c>
      <c r="AM665" s="53">
        <v>-6783123.2280115699</v>
      </c>
      <c r="AN665" s="53">
        <v>-97390988.247949094</v>
      </c>
      <c r="AO665" s="53">
        <v>-5605616.619771</v>
      </c>
      <c r="AP665" s="53">
        <v>-3908544.4929586402</v>
      </c>
      <c r="AQ665" s="53">
        <v>-2872127.9688084899</v>
      </c>
      <c r="AR665" s="53">
        <v>-2987355.5716861999</v>
      </c>
      <c r="AS665" s="53">
        <v>-3123200.1113841599</v>
      </c>
      <c r="AT665" s="53">
        <v>-3505642.3063620799</v>
      </c>
      <c r="AU665" s="53">
        <v>-3873001.0492400401</v>
      </c>
      <c r="AV665" s="53">
        <v>-4193586.17010176</v>
      </c>
      <c r="AW665" s="53">
        <v>-4348015.1475964598</v>
      </c>
      <c r="AX665" s="53">
        <v>-4006590.7492767</v>
      </c>
      <c r="AY665" s="53">
        <v>-2874714.3643285199</v>
      </c>
      <c r="AZ665" s="53">
        <v>-2923618.9588472899</v>
      </c>
      <c r="BA665" s="53">
        <v>-44222013.510361299</v>
      </c>
      <c r="BB665" s="53">
        <v>-2349710.26247678</v>
      </c>
      <c r="BC665" s="53">
        <v>-1429431.0631502699</v>
      </c>
      <c r="BD665" s="53">
        <v>-1043199.67814992</v>
      </c>
      <c r="BE665" s="53">
        <v>-1057061.4784377499</v>
      </c>
      <c r="BF665" s="53">
        <v>-1104845.8883026501</v>
      </c>
      <c r="BG665" s="53">
        <v>-1239166.4395779399</v>
      </c>
      <c r="BH665" s="53">
        <v>-1377348.54478848</v>
      </c>
      <c r="BI665" s="53">
        <v>-1487234.2588533401</v>
      </c>
      <c r="BJ665" s="53">
        <v>-1540511.7069067401</v>
      </c>
      <c r="BK665" s="53">
        <v>-1425227.46770564</v>
      </c>
      <c r="BL665" s="53">
        <v>-1025787.0672842</v>
      </c>
      <c r="BM665" s="53">
        <v>-1032886.49553045</v>
      </c>
      <c r="BN665" s="53">
        <v>-16112410.351164199</v>
      </c>
      <c r="BO665" s="53">
        <v>-865779.198334869</v>
      </c>
      <c r="BP665" s="53">
        <v>-638324.06076408003</v>
      </c>
      <c r="BQ665" s="53">
        <v>-476412.37386024703</v>
      </c>
      <c r="BR665" s="53">
        <v>-494167.60934009799</v>
      </c>
      <c r="BS665" s="53">
        <v>-516968.36850116699</v>
      </c>
      <c r="BT665" s="53">
        <v>-583509.03689250001</v>
      </c>
      <c r="BU665" s="53">
        <v>-650086.65049442102</v>
      </c>
      <c r="BV665" s="53">
        <v>-701450.94009525899</v>
      </c>
      <c r="BW665" s="53">
        <v>-725755.46172066405</v>
      </c>
      <c r="BX665" s="53">
        <v>-672560.24538292899</v>
      </c>
      <c r="BY665" s="53">
        <v>-483944.11293334299</v>
      </c>
      <c r="BZ665" s="53">
        <v>-488229.216844354</v>
      </c>
      <c r="CA665" s="53">
        <v>-7297187.2751639299</v>
      </c>
      <c r="CB665" s="53">
        <v>-14083.4884010322</v>
      </c>
      <c r="CC665" s="53">
        <v>-17176.9710107305</v>
      </c>
      <c r="CD665" s="53">
        <v>-18330.2578946539</v>
      </c>
      <c r="CE665" s="53">
        <v>-18491.812118737998</v>
      </c>
      <c r="CF665" s="53">
        <v>-17760.821783007599</v>
      </c>
      <c r="CG665" s="53">
        <v>-17935.771772578999</v>
      </c>
      <c r="CH665" s="53">
        <v>-18912.458009453199</v>
      </c>
      <c r="CI665" s="53">
        <v>-18720.9733861557</v>
      </c>
      <c r="CJ665" s="53">
        <v>-17577.238967749399</v>
      </c>
      <c r="CK665" s="53">
        <v>-19907.5657287705</v>
      </c>
      <c r="CL665" s="53">
        <v>-15915.3048670359</v>
      </c>
      <c r="CM665" s="53">
        <v>-18802.415226943998</v>
      </c>
      <c r="CN665" s="53">
        <v>-213615.07916684999</v>
      </c>
    </row>
    <row r="666" spans="1:92" outlineLevel="1">
      <c r="A666" s="52" t="s">
        <v>1262</v>
      </c>
      <c r="B666" s="53">
        <v>-2781697.2655807501</v>
      </c>
      <c r="C666" s="53">
        <v>-2712401.8279358</v>
      </c>
      <c r="D666" s="53">
        <v>-2901499.72679045</v>
      </c>
      <c r="E666" s="53">
        <v>-3044650.2100445698</v>
      </c>
      <c r="F666" s="53">
        <v>-2997348.8240129901</v>
      </c>
      <c r="G666" s="53">
        <v>-3081804.0071491501</v>
      </c>
      <c r="H666" s="53">
        <v>-3316334.1604659902</v>
      </c>
      <c r="I666" s="53">
        <v>-3191770.1627433202</v>
      </c>
      <c r="J666" s="53">
        <v>-2937949.7136561899</v>
      </c>
      <c r="K666" s="53">
        <v>-3368898.4934509299</v>
      </c>
      <c r="L666" s="53">
        <v>-2645086.68262028</v>
      </c>
      <c r="M666" s="53">
        <v>-3098285.99459117</v>
      </c>
      <c r="N666" s="53">
        <v>-36077727.069041602</v>
      </c>
      <c r="O666" s="53">
        <v>-2630956.2858962999</v>
      </c>
      <c r="P666" s="53">
        <v>-2368240.7665488799</v>
      </c>
      <c r="Q666" s="53">
        <v>-2693941.51131423</v>
      </c>
      <c r="R666" s="53">
        <v>-3135758.36591698</v>
      </c>
      <c r="S666" s="53">
        <v>-3628231.4181824899</v>
      </c>
      <c r="T666" s="53">
        <v>-3909486.4388244702</v>
      </c>
      <c r="U666" s="53">
        <v>-3443438.8384914501</v>
      </c>
      <c r="V666" s="53">
        <v>-3274817.36459027</v>
      </c>
      <c r="W666" s="53">
        <v>-3007729.3442442399</v>
      </c>
      <c r="X666" s="53">
        <v>-3239025.11504813</v>
      </c>
      <c r="Y666" s="53">
        <v>-2332531.9719465799</v>
      </c>
      <c r="Z666" s="53">
        <v>-2476963.97783277</v>
      </c>
      <c r="AA666" s="53">
        <v>-36141121.398836799</v>
      </c>
      <c r="AB666" s="53">
        <v>-2225527.59330515</v>
      </c>
      <c r="AC666" s="53">
        <v>-1776661.9159408901</v>
      </c>
      <c r="AD666" s="53">
        <v>-2022603.9086849601</v>
      </c>
      <c r="AE666" s="53">
        <v>-2319660.81474589</v>
      </c>
      <c r="AF666" s="53">
        <v>-2685854.3464926402</v>
      </c>
      <c r="AG666" s="53">
        <v>-2894299.5202983101</v>
      </c>
      <c r="AH666" s="53">
        <v>-2549337.9157790001</v>
      </c>
      <c r="AI666" s="53">
        <v>-2424743.9512596298</v>
      </c>
      <c r="AJ666" s="53">
        <v>-2226642.4739594501</v>
      </c>
      <c r="AK666" s="53">
        <v>-2399479.53197427</v>
      </c>
      <c r="AL666" s="53">
        <v>-1728633.6396196601</v>
      </c>
      <c r="AM666" s="53">
        <v>-1836222.2855263399</v>
      </c>
      <c r="AN666" s="53">
        <v>-27089667.8975862</v>
      </c>
      <c r="AO666" s="53">
        <v>-1543672.59443014</v>
      </c>
      <c r="AP666" s="53">
        <v>-839311.37369218597</v>
      </c>
      <c r="AQ666" s="53">
        <v>-895090.31162847602</v>
      </c>
      <c r="AR666" s="53">
        <v>-997375.715592516</v>
      </c>
      <c r="AS666" s="53">
        <v>-1154075.33687771</v>
      </c>
      <c r="AT666" s="53">
        <v>-1243676.2633357199</v>
      </c>
      <c r="AU666" s="53">
        <v>-1096015.82101248</v>
      </c>
      <c r="AV666" s="53">
        <v>-1042531.00769201</v>
      </c>
      <c r="AW666" s="53">
        <v>-957339.969055678</v>
      </c>
      <c r="AX666" s="53">
        <v>-1031638.50510771</v>
      </c>
      <c r="AY666" s="53">
        <v>-743367.15229277499</v>
      </c>
      <c r="AZ666" s="53">
        <v>-789820.88293912995</v>
      </c>
      <c r="BA666" s="53">
        <v>-12333914.933656501</v>
      </c>
      <c r="BB666" s="53">
        <v>-652363.39617673005</v>
      </c>
      <c r="BC666" s="53">
        <v>-310035.66146421398</v>
      </c>
      <c r="BD666" s="53">
        <v>-321535.83145971101</v>
      </c>
      <c r="BE666" s="53">
        <v>-351696.41739735001</v>
      </c>
      <c r="BF666" s="53">
        <v>-406725.65813226602</v>
      </c>
      <c r="BG666" s="53">
        <v>-438240.68878189899</v>
      </c>
      <c r="BH666" s="53">
        <v>-386434.61628378899</v>
      </c>
      <c r="BI666" s="53">
        <v>-367661.19258933899</v>
      </c>
      <c r="BJ666" s="53">
        <v>-337668.69673378801</v>
      </c>
      <c r="BK666" s="53">
        <v>-363953.83857414301</v>
      </c>
      <c r="BL666" s="53">
        <v>-262369.52216255898</v>
      </c>
      <c r="BM666" s="53">
        <v>-278910.019015053</v>
      </c>
      <c r="BN666" s="53">
        <v>-4477595.5387708396</v>
      </c>
      <c r="BO666" s="53">
        <v>-236505.30551983099</v>
      </c>
      <c r="BP666" s="53">
        <v>-136834.72996532699</v>
      </c>
      <c r="BQ666" s="53">
        <v>-147495.199633557</v>
      </c>
      <c r="BR666" s="53">
        <v>-165388.84760670399</v>
      </c>
      <c r="BS666" s="53">
        <v>-191160.545693817</v>
      </c>
      <c r="BT666" s="53">
        <v>-205973.267028539</v>
      </c>
      <c r="BU666" s="53">
        <v>-181810.65873012101</v>
      </c>
      <c r="BV666" s="53">
        <v>-173053.38164268099</v>
      </c>
      <c r="BW666" s="53">
        <v>-158979.0052819</v>
      </c>
      <c r="BX666" s="53">
        <v>-171424.21517661001</v>
      </c>
      <c r="BY666" s="53">
        <v>-123671.616934859</v>
      </c>
      <c r="BZ666" s="53">
        <v>-131579.23784477101</v>
      </c>
      <c r="CA666" s="53">
        <v>-2023876.0110587201</v>
      </c>
      <c r="CB666" s="53">
        <v>-1949269.5185721801</v>
      </c>
      <c r="CC666" s="53">
        <v>-2356268.8178556799</v>
      </c>
      <c r="CD666" s="53">
        <v>-2515799.70209616</v>
      </c>
      <c r="CE666" s="53">
        <v>-2631690.17387575</v>
      </c>
      <c r="CF666" s="53">
        <v>-2684467.4703954598</v>
      </c>
      <c r="CG666" s="53">
        <v>-2922539.3428143398</v>
      </c>
      <c r="CH666" s="53">
        <v>-3148657.3450999898</v>
      </c>
      <c r="CI666" s="53">
        <v>-3083564.4141756399</v>
      </c>
      <c r="CJ666" s="53">
        <v>-2779518.6232455899</v>
      </c>
      <c r="CK666" s="53">
        <v>-3317607.3596045799</v>
      </c>
      <c r="CL666" s="53">
        <v>-2478798.57765012</v>
      </c>
      <c r="CM666" s="53">
        <v>-2689111.4947730498</v>
      </c>
      <c r="CN666" s="53">
        <v>-32557292.8401586</v>
      </c>
    </row>
    <row r="667" spans="1:92" outlineLevel="1">
      <c r="A667" s="52" t="s">
        <v>1266</v>
      </c>
      <c r="B667" s="53">
        <v>-18364.9706098733</v>
      </c>
      <c r="C667" s="53">
        <v>-17996.0560085531</v>
      </c>
      <c r="D667" s="53">
        <v>-18846.354109027699</v>
      </c>
      <c r="E667" s="53">
        <v>-18795.854905395201</v>
      </c>
      <c r="F667" s="53">
        <v>-18053.283210174199</v>
      </c>
      <c r="G667" s="53">
        <v>-18231.009217160201</v>
      </c>
      <c r="H667" s="53">
        <v>-19223.2307563836</v>
      </c>
      <c r="I667" s="53">
        <v>-19027.842838378299</v>
      </c>
      <c r="J667" s="53">
        <v>-17864.600014009</v>
      </c>
      <c r="K667" s="53">
        <v>-20231.940522691799</v>
      </c>
      <c r="L667" s="53">
        <v>-16173.9132474208</v>
      </c>
      <c r="M667" s="53">
        <v>-19106.944578068102</v>
      </c>
      <c r="N667" s="53">
        <v>-221916.00001713599</v>
      </c>
      <c r="O667" s="53">
        <v>-19444.421184671999</v>
      </c>
      <c r="P667" s="53">
        <v>-26465.677407478201</v>
      </c>
      <c r="Q667" s="53">
        <v>-28306.9503715061</v>
      </c>
      <c r="R667" s="53">
        <v>-28523.123046434801</v>
      </c>
      <c r="S667" s="53">
        <v>-27254.332815096801</v>
      </c>
      <c r="T667" s="53">
        <v>-27381.931458843999</v>
      </c>
      <c r="U667" s="53">
        <v>-28733.791884306</v>
      </c>
      <c r="V667" s="53">
        <v>-28318.169645633599</v>
      </c>
      <c r="W667" s="53">
        <v>-26489.865607768199</v>
      </c>
      <c r="X667" s="53">
        <v>-29883.1570961176</v>
      </c>
      <c r="Y667" s="53">
        <v>-23822.444241265301</v>
      </c>
      <c r="Z667" s="53">
        <v>-28059.432878056599</v>
      </c>
      <c r="AA667" s="53">
        <v>-322683.29763717903</v>
      </c>
      <c r="AB667" s="53">
        <v>-24139.399747221101</v>
      </c>
      <c r="AC667" s="53">
        <v>-19865.9860994923</v>
      </c>
      <c r="AD667" s="53">
        <v>-20376.270799628699</v>
      </c>
      <c r="AE667" s="53">
        <v>-20044.272993546001</v>
      </c>
      <c r="AF667" s="53">
        <v>-19221.486234973599</v>
      </c>
      <c r="AG667" s="53">
        <v>-19381.649592768001</v>
      </c>
      <c r="AH667" s="53">
        <v>-20409.663183850698</v>
      </c>
      <c r="AI667" s="53">
        <v>-20179.841925351699</v>
      </c>
      <c r="AJ667" s="53">
        <v>-18929.9413418734</v>
      </c>
      <c r="AK667" s="53">
        <v>-21420.659235895801</v>
      </c>
      <c r="AL667" s="53">
        <v>-17115.199283264301</v>
      </c>
      <c r="AM667" s="53">
        <v>-20209.189630695299</v>
      </c>
      <c r="AN667" s="53">
        <v>-241293.560068561</v>
      </c>
      <c r="AO667" s="53">
        <v>-16228.4526957002</v>
      </c>
      <c r="AP667" s="53">
        <v>-9174.3494656912408</v>
      </c>
      <c r="AQ667" s="53">
        <v>-8919.3224751462003</v>
      </c>
      <c r="AR667" s="53">
        <v>-8471.6157333092397</v>
      </c>
      <c r="AS667" s="53">
        <v>-8136.9586007026301</v>
      </c>
      <c r="AT667" s="53">
        <v>-8218.0319409142903</v>
      </c>
      <c r="AU667" s="53">
        <v>-8667.2962400706801</v>
      </c>
      <c r="AV667" s="53">
        <v>-8581.9665275495499</v>
      </c>
      <c r="AW667" s="53">
        <v>-8060.2985391879702</v>
      </c>
      <c r="AX667" s="53">
        <v>-9133.0580484696493</v>
      </c>
      <c r="AY667" s="53">
        <v>-7304.56114292847</v>
      </c>
      <c r="AZ667" s="53">
        <v>-8634.2270849025608</v>
      </c>
      <c r="BA667" s="53">
        <v>-109530.13849457201</v>
      </c>
      <c r="BB667" s="53">
        <v>-6811.3689758189003</v>
      </c>
      <c r="BC667" s="53">
        <v>-3369.8445589518301</v>
      </c>
      <c r="BD667" s="53">
        <v>-3193.64664278705</v>
      </c>
      <c r="BE667" s="53">
        <v>-2979.35201996245</v>
      </c>
      <c r="BF667" s="53">
        <v>-2863.5967707453201</v>
      </c>
      <c r="BG667" s="53">
        <v>-2894.0868733504699</v>
      </c>
      <c r="BH667" s="53">
        <v>-3054.2715861782399</v>
      </c>
      <c r="BI667" s="53">
        <v>-3025.9905007953698</v>
      </c>
      <c r="BJ667" s="53">
        <v>-2843.4874634115699</v>
      </c>
      <c r="BK667" s="53">
        <v>-3223.7015724824701</v>
      </c>
      <c r="BL667" s="53">
        <v>-2579.3289045152801</v>
      </c>
      <c r="BM667" s="53">
        <v>-3050.1706912878299</v>
      </c>
      <c r="BN667" s="53">
        <v>-39888.846560286802</v>
      </c>
      <c r="BO667" s="53">
        <v>-2475.5738716442402</v>
      </c>
      <c r="BP667" s="53">
        <v>-1489.5129106644099</v>
      </c>
      <c r="BQ667" s="53">
        <v>-1465.56382877746</v>
      </c>
      <c r="BR667" s="53">
        <v>-1404.1297556654499</v>
      </c>
      <c r="BS667" s="53">
        <v>-1349.9367614892899</v>
      </c>
      <c r="BT667" s="53">
        <v>-1364.6675456631001</v>
      </c>
      <c r="BU667" s="53">
        <v>-1440.5592282001101</v>
      </c>
      <c r="BV667" s="53">
        <v>-1427.54369512931</v>
      </c>
      <c r="BW667" s="53">
        <v>-1341.70293511368</v>
      </c>
      <c r="BX667" s="53">
        <v>-1521.41963988049</v>
      </c>
      <c r="BY667" s="53">
        <v>-1217.49316414542</v>
      </c>
      <c r="BZ667" s="53">
        <v>-1439.96601549459</v>
      </c>
      <c r="CA667" s="53">
        <v>-17938.0693518675</v>
      </c>
      <c r="CB667" s="53">
        <v>-12575505.8348723</v>
      </c>
      <c r="CC667" s="53">
        <v>-15402114.361613801</v>
      </c>
      <c r="CD667" s="53">
        <v>-14387664.7111529</v>
      </c>
      <c r="CE667" s="53">
        <v>-14769779.1083054</v>
      </c>
      <c r="CF667" s="53">
        <v>-15282383.653412599</v>
      </c>
      <c r="CG667" s="53">
        <v>-19392845.755820699</v>
      </c>
      <c r="CH667" s="53">
        <v>-23537037.433947802</v>
      </c>
      <c r="CI667" s="53">
        <v>-25054796.908876199</v>
      </c>
      <c r="CJ667" s="53">
        <v>-23249625.3845268</v>
      </c>
      <c r="CK667" s="53">
        <v>-23319422.271992899</v>
      </c>
      <c r="CL667" s="53">
        <v>-15604061.2916307</v>
      </c>
      <c r="CM667" s="53">
        <v>-15677769.3169691</v>
      </c>
      <c r="CN667" s="53">
        <v>-218253006.03312099</v>
      </c>
    </row>
    <row r="668" spans="1:92" outlineLevel="1">
      <c r="A668" s="52" t="s">
        <v>1263</v>
      </c>
      <c r="B668" s="53">
        <v>-2410914.1919059502</v>
      </c>
      <c r="C668" s="53">
        <v>-2402246.5249848301</v>
      </c>
      <c r="D668" s="53">
        <v>-2518351.0024705902</v>
      </c>
      <c r="E668" s="53">
        <v>-2605949.55723105</v>
      </c>
      <c r="F668" s="53">
        <v>-2659616.3975985702</v>
      </c>
      <c r="G668" s="53">
        <v>-2898547.28909866</v>
      </c>
      <c r="H668" s="53">
        <v>-3080447.9896591501</v>
      </c>
      <c r="I668" s="53">
        <v>-2965055.53953917</v>
      </c>
      <c r="J668" s="53">
        <v>-2879289.6210934399</v>
      </c>
      <c r="K668" s="53">
        <v>-3300090.5241024802</v>
      </c>
      <c r="L668" s="53">
        <v>-2460903.7962324601</v>
      </c>
      <c r="M668" s="53">
        <v>-2660216.6588241998</v>
      </c>
      <c r="N668" s="53">
        <v>-32841629.092740599</v>
      </c>
      <c r="O668" s="53">
        <v>-2436631.96750532</v>
      </c>
      <c r="P668" s="53">
        <v>-2647199.6663675499</v>
      </c>
      <c r="Q668" s="53">
        <v>-2576750.9057108099</v>
      </c>
      <c r="R668" s="53">
        <v>-2679397.7798572402</v>
      </c>
      <c r="S668" s="53">
        <v>-2756761.5452693002</v>
      </c>
      <c r="T668" s="53">
        <v>-2997947.6515640402</v>
      </c>
      <c r="U668" s="53">
        <v>-3214547.8477415801</v>
      </c>
      <c r="V668" s="53">
        <v>-3221518.8647264498</v>
      </c>
      <c r="W668" s="53">
        <v>-2978777.2977410601</v>
      </c>
      <c r="X668" s="53">
        <v>-3421337.5069847102</v>
      </c>
      <c r="Y668" s="53">
        <v>-2542947.0282560498</v>
      </c>
      <c r="Z668" s="53">
        <v>-2714624.8094824199</v>
      </c>
      <c r="AA668" s="53">
        <v>-34188442.8712065</v>
      </c>
      <c r="AB668" s="53">
        <v>-2309434.3608804899</v>
      </c>
      <c r="AC668" s="53">
        <v>-2014516.5778187499</v>
      </c>
      <c r="AD668" s="53">
        <v>-1921378.76335246</v>
      </c>
      <c r="AE668" s="53">
        <v>-1968601.14425271</v>
      </c>
      <c r="AF668" s="53">
        <v>-2025662.65138425</v>
      </c>
      <c r="AG668" s="53">
        <v>-2202876.2932030801</v>
      </c>
      <c r="AH668" s="53">
        <v>-2361837.4576356001</v>
      </c>
      <c r="AI668" s="53">
        <v>-2366731.76966597</v>
      </c>
      <c r="AJ668" s="53">
        <v>-2188106.7998714899</v>
      </c>
      <c r="AK668" s="53">
        <v>-2513552.7662101099</v>
      </c>
      <c r="AL668" s="53">
        <v>-1868055.4699843901</v>
      </c>
      <c r="AM668" s="53">
        <v>-1993554.9953292599</v>
      </c>
      <c r="AN668" s="53">
        <v>-25734309.049588598</v>
      </c>
      <c r="AO668" s="53">
        <v>-1568208.2811235699</v>
      </c>
      <c r="AP668" s="53">
        <v>-938021.76345325005</v>
      </c>
      <c r="AQ668" s="53">
        <v>-850635.31424172502</v>
      </c>
      <c r="AR668" s="53">
        <v>-841110.957555815</v>
      </c>
      <c r="AS668" s="53">
        <v>-865695.70231604704</v>
      </c>
      <c r="AT668" s="53">
        <v>-941533.42823281395</v>
      </c>
      <c r="AU668" s="53">
        <v>-1009361.42643666</v>
      </c>
      <c r="AV668" s="53">
        <v>-1011322.76528295</v>
      </c>
      <c r="AW668" s="53">
        <v>-934829.60485369898</v>
      </c>
      <c r="AX668" s="53">
        <v>-1074140.26026864</v>
      </c>
      <c r="AY668" s="53">
        <v>-798215.33833463804</v>
      </c>
      <c r="AZ668" s="53">
        <v>-851471.29976259696</v>
      </c>
      <c r="BA668" s="53">
        <v>-11684546.1418624</v>
      </c>
      <c r="BB668" s="53">
        <v>-655974.08489721001</v>
      </c>
      <c r="BC668" s="53">
        <v>-343118.40373472899</v>
      </c>
      <c r="BD668" s="53">
        <v>-303878.40310965001</v>
      </c>
      <c r="BE668" s="53">
        <v>-295038.479198154</v>
      </c>
      <c r="BF668" s="53">
        <v>-303708.24659074598</v>
      </c>
      <c r="BG668" s="53">
        <v>-330330.31752572698</v>
      </c>
      <c r="BH668" s="53">
        <v>-354097.68520645198</v>
      </c>
      <c r="BI668" s="53">
        <v>-354751.131703705</v>
      </c>
      <c r="BJ668" s="53">
        <v>-327876.52298153099</v>
      </c>
      <c r="BK668" s="53">
        <v>-376801.36852192099</v>
      </c>
      <c r="BL668" s="53">
        <v>-279988.017330918</v>
      </c>
      <c r="BM668" s="53">
        <v>-298576.66094058001</v>
      </c>
      <c r="BN668" s="53">
        <v>-4224139.3217413202</v>
      </c>
      <c r="BO668" s="53">
        <v>-237176.665279129</v>
      </c>
      <c r="BP668" s="53">
        <v>-151013.24300649099</v>
      </c>
      <c r="BQ668" s="53">
        <v>-138300.48048487899</v>
      </c>
      <c r="BR668" s="53">
        <v>-137871.08395060501</v>
      </c>
      <c r="BS668" s="53">
        <v>-141941.26438760301</v>
      </c>
      <c r="BT668" s="53">
        <v>-154388.738144748</v>
      </c>
      <c r="BU668" s="53">
        <v>-165481.00239446401</v>
      </c>
      <c r="BV668" s="53">
        <v>-165768.159367213</v>
      </c>
      <c r="BW668" s="53">
        <v>-153187.66705530899</v>
      </c>
      <c r="BX668" s="53">
        <v>-176071.58482878099</v>
      </c>
      <c r="BY668" s="53">
        <v>-130818.906824127</v>
      </c>
      <c r="BZ668" s="53">
        <v>-139456.35084921899</v>
      </c>
      <c r="CA668" s="53">
        <v>-1891475.1465725701</v>
      </c>
      <c r="CB668" s="53"/>
      <c r="CC668" s="53"/>
      <c r="CD668" s="53"/>
      <c r="CE668" s="53"/>
      <c r="CF668" s="53"/>
      <c r="CG668" s="53"/>
      <c r="CH668" s="53"/>
      <c r="CI668" s="53"/>
      <c r="CJ668" s="53"/>
      <c r="CK668" s="53"/>
      <c r="CL668" s="53"/>
      <c r="CM668" s="53"/>
      <c r="CN668" s="53"/>
    </row>
    <row r="669" spans="1:92" outlineLevel="1">
      <c r="A669" s="52" t="s">
        <v>1264</v>
      </c>
      <c r="B669" s="53">
        <v>-15260944.6965314</v>
      </c>
      <c r="C669" s="53">
        <v>-15588400.5462719</v>
      </c>
      <c r="D669" s="53">
        <v>-14741452.5508203</v>
      </c>
      <c r="E669" s="53">
        <v>-15117764.731916901</v>
      </c>
      <c r="F669" s="53">
        <v>-15639367.2899625</v>
      </c>
      <c r="G669" s="53">
        <v>-18923588.347091001</v>
      </c>
      <c r="H669" s="53">
        <v>-22423598.3278207</v>
      </c>
      <c r="I669" s="53">
        <v>-23812634.9738518</v>
      </c>
      <c r="J669" s="53">
        <v>-21992348.2085521</v>
      </c>
      <c r="K669" s="53">
        <v>-22334365.347283099</v>
      </c>
      <c r="L669" s="53">
        <v>-15304431.3276479</v>
      </c>
      <c r="M669" s="53">
        <v>-15846602.5534543</v>
      </c>
      <c r="N669" s="53">
        <v>-216985498.90120399</v>
      </c>
      <c r="O669" s="53">
        <v>-16589792.9575141</v>
      </c>
      <c r="P669" s="53">
        <v>-20484766.739462402</v>
      </c>
      <c r="Q669" s="53">
        <v>-14413265.0554781</v>
      </c>
      <c r="R669" s="53">
        <v>-14723043.0592747</v>
      </c>
      <c r="S669" s="53">
        <v>-15222412.598291</v>
      </c>
      <c r="T669" s="53">
        <v>-18967708.122406401</v>
      </c>
      <c r="U669" s="53">
        <v>-22804652.989735901</v>
      </c>
      <c r="V669" s="53">
        <v>-25851964.631903</v>
      </c>
      <c r="W669" s="53">
        <v>-27122738.798602998</v>
      </c>
      <c r="X669" s="53">
        <v>-22949754.5644897</v>
      </c>
      <c r="Y669" s="53">
        <v>-15269809.027920701</v>
      </c>
      <c r="Z669" s="53">
        <v>-14839012.7418654</v>
      </c>
      <c r="AA669" s="53">
        <v>-229238921.286944</v>
      </c>
      <c r="AB669" s="53">
        <v>-14785649.989961401</v>
      </c>
      <c r="AC669" s="53">
        <v>-15604193.015145499</v>
      </c>
      <c r="AD669" s="53">
        <v>-11072460.964079401</v>
      </c>
      <c r="AE669" s="53">
        <v>-10976210.6787642</v>
      </c>
      <c r="AF669" s="53">
        <v>-11376219.9709257</v>
      </c>
      <c r="AG669" s="53">
        <v>-14322405.139644301</v>
      </c>
      <c r="AH669" s="53">
        <v>-17351302.953882899</v>
      </c>
      <c r="AI669" s="53">
        <v>-19678720.036359798</v>
      </c>
      <c r="AJ669" s="53">
        <v>-20570353.334994499</v>
      </c>
      <c r="AK669" s="53">
        <v>-17440018.535381202</v>
      </c>
      <c r="AL669" s="53">
        <v>-11535864.528432701</v>
      </c>
      <c r="AM669" s="53">
        <v>-11143857.6269948</v>
      </c>
      <c r="AN669" s="53">
        <v>-175857256.77456701</v>
      </c>
      <c r="AO669" s="53">
        <v>-9960789.5732186995</v>
      </c>
      <c r="AP669" s="53">
        <v>-7113836.3300907305</v>
      </c>
      <c r="AQ669" s="53">
        <v>-4806350.2320352402</v>
      </c>
      <c r="AR669" s="53">
        <v>-4640967.3589823702</v>
      </c>
      <c r="AS669" s="53">
        <v>-4819161.1474180697</v>
      </c>
      <c r="AT669" s="53">
        <v>-6110259.1994688204</v>
      </c>
      <c r="AU669" s="53">
        <v>-7439774.6677730298</v>
      </c>
      <c r="AV669" s="53">
        <v>-8451526.8842530902</v>
      </c>
      <c r="AW669" s="53">
        <v>-8836895.7373956591</v>
      </c>
      <c r="AX669" s="53">
        <v>-7487927.5640554698</v>
      </c>
      <c r="AY669" s="53">
        <v>-4941624.9564454602</v>
      </c>
      <c r="AZ669" s="53">
        <v>-4766107.4701088602</v>
      </c>
      <c r="BA669" s="53">
        <v>-79375221.121245503</v>
      </c>
      <c r="BB669" s="53">
        <v>-4147894.9893764998</v>
      </c>
      <c r="BC669" s="53">
        <v>-2575137.2499293098</v>
      </c>
      <c r="BD669" s="53">
        <v>-1708898.7850131399</v>
      </c>
      <c r="BE669" s="53">
        <v>-1609513.43025397</v>
      </c>
      <c r="BF669" s="53">
        <v>-1673702.77324492</v>
      </c>
      <c r="BG669" s="53">
        <v>-2135112.1873636199</v>
      </c>
      <c r="BH669" s="53">
        <v>-2613192.0907011498</v>
      </c>
      <c r="BI669" s="53">
        <v>-2973728.8902048301</v>
      </c>
      <c r="BJ669" s="53">
        <v>-3110576.09768885</v>
      </c>
      <c r="BK669" s="53">
        <v>-2633664.65950411</v>
      </c>
      <c r="BL669" s="53">
        <v>-1733988.0475287</v>
      </c>
      <c r="BM669" s="53">
        <v>-1669495.9225637501</v>
      </c>
      <c r="BN669" s="53">
        <v>-28584905.123372801</v>
      </c>
      <c r="BO669" s="53">
        <v>-1517010.5967834301</v>
      </c>
      <c r="BP669" s="53">
        <v>-1147857.83278352</v>
      </c>
      <c r="BQ669" s="53">
        <v>-771672.90442333301</v>
      </c>
      <c r="BR669" s="53">
        <v>-745278.96837296698</v>
      </c>
      <c r="BS669" s="53">
        <v>-776247.54599512101</v>
      </c>
      <c r="BT669" s="53">
        <v>-994802.208130994</v>
      </c>
      <c r="BU669" s="53">
        <v>-1222934.57549162</v>
      </c>
      <c r="BV669" s="53">
        <v>-1394053.58537337</v>
      </c>
      <c r="BW669" s="53">
        <v>-1459456.78645142</v>
      </c>
      <c r="BX669" s="53">
        <v>-1237048.1918013699</v>
      </c>
      <c r="BY669" s="53">
        <v>-814621.34049397998</v>
      </c>
      <c r="BZ669" s="53">
        <v>-784897.734806236</v>
      </c>
      <c r="CA669" s="53">
        <v>-12865882.2709073</v>
      </c>
      <c r="CB669" s="53"/>
      <c r="CC669" s="53"/>
      <c r="CD669" s="53"/>
      <c r="CE669" s="53"/>
      <c r="CF669" s="53"/>
      <c r="CG669" s="53"/>
      <c r="CH669" s="53"/>
      <c r="CI669" s="53"/>
      <c r="CJ669" s="53"/>
      <c r="CK669" s="53"/>
      <c r="CL669" s="53"/>
      <c r="CM669" s="53"/>
      <c r="CN669" s="53"/>
    </row>
    <row r="670" spans="1:92" outlineLevel="1">
      <c r="A670" s="52" t="s">
        <v>1242</v>
      </c>
      <c r="B670" s="53"/>
      <c r="C670" s="53"/>
      <c r="D670" s="53"/>
      <c r="E670" s="53"/>
      <c r="F670" s="53"/>
      <c r="G670" s="53"/>
      <c r="H670" s="53"/>
      <c r="I670" s="53"/>
      <c r="J670" s="53"/>
      <c r="K670" s="53"/>
      <c r="L670" s="53"/>
      <c r="M670" s="53"/>
      <c r="N670" s="53"/>
      <c r="O670" s="53"/>
      <c r="P670" s="53"/>
      <c r="Q670" s="53"/>
      <c r="R670" s="53"/>
      <c r="S670" s="53"/>
      <c r="T670" s="53"/>
      <c r="U670" s="53"/>
      <c r="V670" s="53"/>
      <c r="W670" s="53"/>
      <c r="X670" s="53"/>
      <c r="Y670" s="53"/>
      <c r="Z670" s="53"/>
      <c r="AA670" s="53"/>
      <c r="AB670" s="53"/>
      <c r="AC670" s="53"/>
      <c r="AD670" s="53"/>
      <c r="AE670" s="53"/>
      <c r="AF670" s="53"/>
      <c r="AG670" s="53"/>
      <c r="AH670" s="53"/>
      <c r="AI670" s="53"/>
      <c r="AJ670" s="53"/>
      <c r="AK670" s="53"/>
      <c r="AL670" s="53"/>
      <c r="AM670" s="53"/>
      <c r="AN670" s="53"/>
      <c r="AO670" s="53"/>
      <c r="AP670" s="53"/>
      <c r="AQ670" s="53"/>
      <c r="AR670" s="53"/>
      <c r="AS670" s="53"/>
      <c r="AT670" s="53"/>
      <c r="AU670" s="53"/>
      <c r="AV670" s="53"/>
      <c r="AW670" s="53"/>
      <c r="AX670" s="53"/>
      <c r="AY670" s="53"/>
      <c r="AZ670" s="53"/>
      <c r="BA670" s="53"/>
      <c r="BB670" s="53"/>
      <c r="BC670" s="53"/>
      <c r="BD670" s="53"/>
      <c r="BE670" s="53"/>
      <c r="BF670" s="53"/>
      <c r="BG670" s="53"/>
      <c r="BH670" s="53"/>
      <c r="BI670" s="53"/>
      <c r="BJ670" s="53"/>
      <c r="BK670" s="53"/>
      <c r="BL670" s="53"/>
      <c r="BM670" s="53"/>
      <c r="BN670" s="53"/>
      <c r="BO670" s="53"/>
      <c r="BP670" s="53"/>
      <c r="BQ670" s="53"/>
      <c r="BR670" s="53"/>
      <c r="BS670" s="53"/>
      <c r="BT670" s="53"/>
      <c r="BU670" s="53"/>
      <c r="BV670" s="53"/>
      <c r="BW670" s="53"/>
      <c r="BX670" s="53"/>
      <c r="BY670" s="53"/>
      <c r="BZ670" s="53"/>
      <c r="CA670" s="53"/>
      <c r="CB670" s="53">
        <v>-94432748.220314205</v>
      </c>
      <c r="CC670" s="53">
        <v>-94369961.312156901</v>
      </c>
      <c r="CD670" s="53">
        <v>-91701246.418512106</v>
      </c>
      <c r="CE670" s="53">
        <v>-95876473.778528094</v>
      </c>
      <c r="CF670" s="53">
        <v>-98232087.418552399</v>
      </c>
      <c r="CG670" s="53">
        <v>-116726884.052763</v>
      </c>
      <c r="CH670" s="53">
        <v>-135460117.89834899</v>
      </c>
      <c r="CI670" s="53">
        <v>-141402860.86805001</v>
      </c>
      <c r="CJ670" s="53">
        <v>-131318877.989205</v>
      </c>
      <c r="CK670" s="53">
        <v>-136809965.308929</v>
      </c>
      <c r="CL670" s="53">
        <v>-96219589.637727901</v>
      </c>
      <c r="CM670" s="53">
        <v>-99607989.318804502</v>
      </c>
      <c r="CN670" s="53">
        <v>-1332158802.22189</v>
      </c>
    </row>
    <row r="671" spans="1:92" outlineLevel="1">
      <c r="A671" s="52" t="s">
        <v>1261</v>
      </c>
      <c r="B671" s="53">
        <v>-2337549.1405652501</v>
      </c>
      <c r="C671" s="53">
        <v>-2218917.6661985498</v>
      </c>
      <c r="D671" s="53">
        <v>-2230502.2264253702</v>
      </c>
      <c r="E671" s="53">
        <v>-2517981.4379357202</v>
      </c>
      <c r="F671" s="53">
        <v>-2581092.6880697701</v>
      </c>
      <c r="G671" s="53">
        <v>-2824190.9475696399</v>
      </c>
      <c r="H671" s="53">
        <v>-3163936.2317325799</v>
      </c>
      <c r="I671" s="53">
        <v>-3255340.7917396198</v>
      </c>
      <c r="J671" s="53">
        <v>-3053751.7166869398</v>
      </c>
      <c r="K671" s="53">
        <v>-3238599.14451935</v>
      </c>
      <c r="L671" s="53">
        <v>-2354003.2363761598</v>
      </c>
      <c r="M671" s="53">
        <v>-2515695.4846203402</v>
      </c>
      <c r="N671" s="53">
        <v>-32291560.712439299</v>
      </c>
      <c r="O671" s="53">
        <v>-2486034.2084738398</v>
      </c>
      <c r="P671" s="53">
        <v>-2959606.23647267</v>
      </c>
      <c r="Q671" s="53">
        <v>-2327525.4623120199</v>
      </c>
      <c r="R671" s="53">
        <v>-2493940.1110107498</v>
      </c>
      <c r="S671" s="53">
        <v>-2591841.9906231598</v>
      </c>
      <c r="T671" s="53">
        <v>-2877512.0806939802</v>
      </c>
      <c r="U671" s="53">
        <v>-3177788.23526038</v>
      </c>
      <c r="V671" s="53">
        <v>-3430940.1693712398</v>
      </c>
      <c r="W671" s="53">
        <v>-3558145.4847293799</v>
      </c>
      <c r="X671" s="53">
        <v>-3281894.4097151002</v>
      </c>
      <c r="Y671" s="53">
        <v>-2393153.4009179901</v>
      </c>
      <c r="Z671" s="53">
        <v>-2439347.1098225098</v>
      </c>
      <c r="AA671" s="53">
        <v>-34017728.899402998</v>
      </c>
      <c r="AB671" s="53">
        <v>-2447794.0750341001</v>
      </c>
      <c r="AC671" s="53">
        <v>-3142410.2687355801</v>
      </c>
      <c r="AD671" s="53">
        <v>-2467077.4694482102</v>
      </c>
      <c r="AE671" s="53">
        <v>-2621919.9333917401</v>
      </c>
      <c r="AF671" s="53">
        <v>-2742210.66892927</v>
      </c>
      <c r="AG671" s="53">
        <v>-3066972.9793083598</v>
      </c>
      <c r="AH671" s="53">
        <v>-3388041.0424560099</v>
      </c>
      <c r="AI671" s="53">
        <v>-3651929.85085251</v>
      </c>
      <c r="AJ671" s="53">
        <v>-3800742.7845260301</v>
      </c>
      <c r="AK671" s="53">
        <v>-3498311.98478613</v>
      </c>
      <c r="AL671" s="53">
        <v>-2536745.6232369002</v>
      </c>
      <c r="AM671" s="53">
        <v>-2563981.9209291702</v>
      </c>
      <c r="AN671" s="53">
        <v>-35928138.601634003</v>
      </c>
      <c r="AO671" s="53">
        <v>-2528977.18289191</v>
      </c>
      <c r="AP671" s="53">
        <v>-3126341.76203288</v>
      </c>
      <c r="AQ671" s="53">
        <v>-2404881.3672773298</v>
      </c>
      <c r="AR671" s="53">
        <v>-2633935.4540872802</v>
      </c>
      <c r="AS671" s="53">
        <v>-2753708.8592841201</v>
      </c>
      <c r="AT671" s="53">
        <v>-3090906.1002281299</v>
      </c>
      <c r="AU671" s="53">
        <v>-3414804.34200624</v>
      </c>
      <c r="AV671" s="53">
        <v>-3697462.5310392599</v>
      </c>
      <c r="AW671" s="53">
        <v>-3833621.7357944399</v>
      </c>
      <c r="AX671" s="53">
        <v>-3532589.6671153</v>
      </c>
      <c r="AY671" s="53">
        <v>-2534620.3031013799</v>
      </c>
      <c r="AZ671" s="53">
        <v>-2577739.2229218301</v>
      </c>
      <c r="BA671" s="53">
        <v>-36129588.527780101</v>
      </c>
      <c r="BB671" s="53">
        <v>-2548739.78864979</v>
      </c>
      <c r="BC671" s="53">
        <v>-3182571.8152907798</v>
      </c>
      <c r="BD671" s="53">
        <v>-2473514.46622254</v>
      </c>
      <c r="BE671" s="53">
        <v>-2690046.0924523701</v>
      </c>
      <c r="BF671" s="53">
        <v>-2811649.4879589202</v>
      </c>
      <c r="BG671" s="53">
        <v>-3153473.0067084199</v>
      </c>
      <c r="BH671" s="53">
        <v>-3505123.5395779102</v>
      </c>
      <c r="BI671" s="53">
        <v>-3784764.4514512499</v>
      </c>
      <c r="BJ671" s="53">
        <v>-3920346.7178334198</v>
      </c>
      <c r="BK671" s="53">
        <v>-3626967.4551224401</v>
      </c>
      <c r="BL671" s="53">
        <v>-2610457.90460002</v>
      </c>
      <c r="BM671" s="53">
        <v>-2628524.7716669198</v>
      </c>
      <c r="BN671" s="53">
        <v>-36936179.497534797</v>
      </c>
      <c r="BO671" s="53">
        <v>-2636335.3952802601</v>
      </c>
      <c r="BP671" s="53">
        <v>-3369800.2752602799</v>
      </c>
      <c r="BQ671" s="53">
        <v>-2623234.5289457198</v>
      </c>
      <c r="BR671" s="53">
        <v>-2850167.2244483801</v>
      </c>
      <c r="BS671" s="53">
        <v>-2981673.1653986601</v>
      </c>
      <c r="BT671" s="53">
        <v>-3365453.9485931001</v>
      </c>
      <c r="BU671" s="53">
        <v>-3749447.8174417298</v>
      </c>
      <c r="BV671" s="53">
        <v>-4045697.1303476901</v>
      </c>
      <c r="BW671" s="53">
        <v>-4185876.1903130598</v>
      </c>
      <c r="BX671" s="53">
        <v>-3879066.8016813002</v>
      </c>
      <c r="BY671" s="53">
        <v>-2791202.05994335</v>
      </c>
      <c r="BZ671" s="53">
        <v>-2815916.8783363001</v>
      </c>
      <c r="CA671" s="53">
        <v>-39293871.415989801</v>
      </c>
      <c r="CB671" s="53"/>
      <c r="CC671" s="53"/>
      <c r="CD671" s="53"/>
      <c r="CE671" s="53"/>
      <c r="CF671" s="53"/>
      <c r="CG671" s="53"/>
      <c r="CH671" s="53"/>
      <c r="CI671" s="53"/>
      <c r="CJ671" s="53"/>
      <c r="CK671" s="53"/>
      <c r="CL671" s="53"/>
      <c r="CM671" s="53"/>
      <c r="CN671" s="53"/>
    </row>
    <row r="672" spans="1:92" outlineLevel="1">
      <c r="A672" s="52" t="s">
        <v>1262</v>
      </c>
      <c r="B672" s="53">
        <v>-806022.46845556598</v>
      </c>
      <c r="C672" s="53">
        <v>-742862.68838183896</v>
      </c>
      <c r="D672" s="53">
        <v>-790032.63877833402</v>
      </c>
      <c r="E672" s="53">
        <v>-826148.777773323</v>
      </c>
      <c r="F672" s="53">
        <v>-813313.81166521204</v>
      </c>
      <c r="G672" s="53">
        <v>-836230.25247485796</v>
      </c>
      <c r="H672" s="53">
        <v>-899868.69569387601</v>
      </c>
      <c r="I672" s="53">
        <v>-866068.95274355705</v>
      </c>
      <c r="J672" s="53">
        <v>-797196.19583525602</v>
      </c>
      <c r="K672" s="53">
        <v>-914131.73297372996</v>
      </c>
      <c r="L672" s="53">
        <v>-717729.45303928503</v>
      </c>
      <c r="M672" s="53">
        <v>-840702.54743195302</v>
      </c>
      <c r="N672" s="53">
        <v>-9850308.2152467892</v>
      </c>
      <c r="O672" s="53">
        <v>-710406.31187899096</v>
      </c>
      <c r="P672" s="53">
        <v>-627126.97317804105</v>
      </c>
      <c r="Q672" s="53">
        <v>-711748.84376939596</v>
      </c>
      <c r="R672" s="53">
        <v>-827482.54008305795</v>
      </c>
      <c r="S672" s="53">
        <v>-957439.25378920103</v>
      </c>
      <c r="T672" s="53">
        <v>-1031658.49893944</v>
      </c>
      <c r="U672" s="53">
        <v>-908675.09042340296</v>
      </c>
      <c r="V672" s="53">
        <v>-864178.25448958704</v>
      </c>
      <c r="W672" s="53">
        <v>-793697.48151170602</v>
      </c>
      <c r="X672" s="53">
        <v>-854733.18311918702</v>
      </c>
      <c r="Y672" s="53">
        <v>-615522.38908142794</v>
      </c>
      <c r="Z672" s="53">
        <v>-653635.96454024699</v>
      </c>
      <c r="AA672" s="53">
        <v>-9556304.7848036997</v>
      </c>
      <c r="AB672" s="53">
        <v>-626628.40067028801</v>
      </c>
      <c r="AC672" s="53">
        <v>-643939.31469086395</v>
      </c>
      <c r="AD672" s="53">
        <v>-753032.15470209799</v>
      </c>
      <c r="AE672" s="53">
        <v>-876818.56746096595</v>
      </c>
      <c r="AF672" s="53">
        <v>-1015237.63540337</v>
      </c>
      <c r="AG672" s="53">
        <v>-1094028.7231040399</v>
      </c>
      <c r="AH672" s="53">
        <v>-963635.20264583698</v>
      </c>
      <c r="AI672" s="53">
        <v>-916539.39415966196</v>
      </c>
      <c r="AJ672" s="53">
        <v>-841658.16478593298</v>
      </c>
      <c r="AK672" s="53">
        <v>-906989.58766006597</v>
      </c>
      <c r="AL672" s="53">
        <v>-653413.66372228903</v>
      </c>
      <c r="AM672" s="53">
        <v>-694081.558691793</v>
      </c>
      <c r="AN672" s="53">
        <v>-9986002.3676972091</v>
      </c>
      <c r="AO672" s="53">
        <v>-658375.05871495395</v>
      </c>
      <c r="AP672" s="53">
        <v>-649573.92411481997</v>
      </c>
      <c r="AQ672" s="53">
        <v>-751537.26880061498</v>
      </c>
      <c r="AR672" s="53">
        <v>-879380.84212117596</v>
      </c>
      <c r="AS672" s="53">
        <v>-1017542.06138044</v>
      </c>
      <c r="AT672" s="53">
        <v>-1096542.7197398299</v>
      </c>
      <c r="AU672" s="53">
        <v>-966351.29629911901</v>
      </c>
      <c r="AV672" s="53">
        <v>-919194.02202108002</v>
      </c>
      <c r="AW672" s="53">
        <v>-844081.53820379602</v>
      </c>
      <c r="AX672" s="53">
        <v>-909590.16066208098</v>
      </c>
      <c r="AY672" s="53">
        <v>-655422.84834967402</v>
      </c>
      <c r="AZ672" s="53">
        <v>-696380.85458225396</v>
      </c>
      <c r="BA672" s="53">
        <v>-10043972.594989801</v>
      </c>
      <c r="BB672" s="53">
        <v>-662431.40886540897</v>
      </c>
      <c r="BC672" s="53">
        <v>-660553.13669605204</v>
      </c>
      <c r="BD672" s="53">
        <v>-764784.78609799303</v>
      </c>
      <c r="BE672" s="53">
        <v>-895009.034618743</v>
      </c>
      <c r="BF672" s="53">
        <v>-1035049.32274688</v>
      </c>
      <c r="BG672" s="53">
        <v>-1115249.8472971199</v>
      </c>
      <c r="BH672" s="53">
        <v>-983411.98759684898</v>
      </c>
      <c r="BI672" s="53">
        <v>-935636.73887068604</v>
      </c>
      <c r="BJ672" s="53">
        <v>-859310.81277757196</v>
      </c>
      <c r="BK672" s="53">
        <v>-926202.13796492503</v>
      </c>
      <c r="BL672" s="53">
        <v>-667686.90588846104</v>
      </c>
      <c r="BM672" s="53">
        <v>-709779.72625216295</v>
      </c>
      <c r="BN672" s="53">
        <v>-10215105.845672799</v>
      </c>
      <c r="BO672" s="53">
        <v>-681437.025049082</v>
      </c>
      <c r="BP672" s="53">
        <v>-701324.30422257003</v>
      </c>
      <c r="BQ672" s="53">
        <v>-814111.23935651802</v>
      </c>
      <c r="BR672" s="53">
        <v>-953898.76598224603</v>
      </c>
      <c r="BS672" s="53">
        <v>-1102539.93108078</v>
      </c>
      <c r="BT672" s="53">
        <v>-1187973.9661230401</v>
      </c>
      <c r="BU672" s="53">
        <v>-1048613.4072201599</v>
      </c>
      <c r="BV672" s="53">
        <v>-998104.82742197497</v>
      </c>
      <c r="BW672" s="53">
        <v>-916929.27999664203</v>
      </c>
      <c r="BX672" s="53">
        <v>-988708.42673321394</v>
      </c>
      <c r="BY672" s="53">
        <v>-713289.949644765</v>
      </c>
      <c r="BZ672" s="53">
        <v>-758898.04194949998</v>
      </c>
      <c r="CA672" s="53">
        <v>-10865829.164780499</v>
      </c>
      <c r="CB672" s="53"/>
      <c r="CC672" s="53"/>
      <c r="CD672" s="53"/>
      <c r="CE672" s="53"/>
      <c r="CF672" s="53"/>
      <c r="CG672" s="53"/>
      <c r="CH672" s="53"/>
      <c r="CI672" s="53"/>
      <c r="CJ672" s="53"/>
      <c r="CK672" s="53"/>
      <c r="CL672" s="53"/>
      <c r="CM672" s="53"/>
      <c r="CN672" s="53"/>
    </row>
    <row r="673" spans="1:92" outlineLevel="1">
      <c r="A673" s="52" t="s">
        <v>1266</v>
      </c>
      <c r="B673" s="53">
        <v>-5320.5953858314697</v>
      </c>
      <c r="C673" s="53">
        <v>-4928.1158363972299</v>
      </c>
      <c r="D673" s="53">
        <v>-5131.8439762386297</v>
      </c>
      <c r="E673" s="53">
        <v>-5100.1499305464304</v>
      </c>
      <c r="F673" s="53">
        <v>-4898.65726107916</v>
      </c>
      <c r="G673" s="53">
        <v>-4946.8822174191901</v>
      </c>
      <c r="H673" s="53">
        <v>-5216.1159734695402</v>
      </c>
      <c r="I673" s="53">
        <v>-5163.0985565198998</v>
      </c>
      <c r="J673" s="53">
        <v>-4847.4591328397</v>
      </c>
      <c r="K673" s="53">
        <v>-5489.8237175690901</v>
      </c>
      <c r="L673" s="53">
        <v>-4388.7007502818797</v>
      </c>
      <c r="M673" s="53">
        <v>-5184.5623704414102</v>
      </c>
      <c r="N673" s="53">
        <v>-60616.005108633603</v>
      </c>
      <c r="O673" s="53">
        <v>-5233.8502723237798</v>
      </c>
      <c r="P673" s="53">
        <v>-6997.62020447942</v>
      </c>
      <c r="Q673" s="53">
        <v>-7475.2853452786603</v>
      </c>
      <c r="R673" s="53">
        <v>-7526.8511011891796</v>
      </c>
      <c r="S673" s="53">
        <v>-7192.0351999157801</v>
      </c>
      <c r="T673" s="53">
        <v>-7225.7066878042297</v>
      </c>
      <c r="U673" s="53">
        <v>-7582.4436452361997</v>
      </c>
      <c r="V673" s="53">
        <v>-7472.7667806187701</v>
      </c>
      <c r="W673" s="53">
        <v>-6990.3030532662997</v>
      </c>
      <c r="X673" s="53">
        <v>-7885.7449631216496</v>
      </c>
      <c r="Y673" s="53">
        <v>-6286.4080619249798</v>
      </c>
      <c r="Z673" s="53">
        <v>-7404.48978581759</v>
      </c>
      <c r="AA673" s="53">
        <v>-85273.505100976501</v>
      </c>
      <c r="AB673" s="53">
        <v>-6820.7220641425602</v>
      </c>
      <c r="AC673" s="53">
        <v>-7201.8334967041701</v>
      </c>
      <c r="AD673" s="53">
        <v>-7579.30371374263</v>
      </c>
      <c r="AE673" s="53">
        <v>-7576.6209526295897</v>
      </c>
      <c r="AF673" s="53">
        <v>-7265.6122472226698</v>
      </c>
      <c r="AG673" s="53">
        <v>-7326.1530836450702</v>
      </c>
      <c r="AH673" s="53">
        <v>-7714.7363620854103</v>
      </c>
      <c r="AI673" s="53">
        <v>-7627.8652362000303</v>
      </c>
      <c r="AJ673" s="53">
        <v>-7155.40993924141</v>
      </c>
      <c r="AK673" s="53">
        <v>-8096.8871077580898</v>
      </c>
      <c r="AL673" s="53">
        <v>-6469.4477839013998</v>
      </c>
      <c r="AM673" s="53">
        <v>-7638.9585015576404</v>
      </c>
      <c r="AN673" s="53">
        <v>-88473.550488830704</v>
      </c>
      <c r="AO673" s="53">
        <v>-6971.7531608404997</v>
      </c>
      <c r="AP673" s="53">
        <v>-7110.5672638795104</v>
      </c>
      <c r="AQ673" s="53">
        <v>-7472.8721868011899</v>
      </c>
      <c r="AR673" s="53">
        <v>-7469.3783508241504</v>
      </c>
      <c r="AS673" s="53">
        <v>-7174.3129441848596</v>
      </c>
      <c r="AT673" s="53">
        <v>-7245.7948752909797</v>
      </c>
      <c r="AU673" s="53">
        <v>-7641.9088086369702</v>
      </c>
      <c r="AV673" s="53">
        <v>-7566.6740567960296</v>
      </c>
      <c r="AW673" s="53">
        <v>-7106.7221773375004</v>
      </c>
      <c r="AX673" s="53">
        <v>-8052.5685077799799</v>
      </c>
      <c r="AY673" s="53">
        <v>-6440.3925509435703</v>
      </c>
      <c r="AZ673" s="53">
        <v>-7612.7519111254896</v>
      </c>
      <c r="BA673" s="53">
        <v>-87865.696794440795</v>
      </c>
      <c r="BB673" s="53">
        <v>-6976.4331486992996</v>
      </c>
      <c r="BC673" s="53">
        <v>-7194.7904575196799</v>
      </c>
      <c r="BD673" s="53">
        <v>-7574.8889495805397</v>
      </c>
      <c r="BE673" s="53">
        <v>-7581.95660595343</v>
      </c>
      <c r="BF673" s="53">
        <v>-7287.3787008938598</v>
      </c>
      <c r="BG673" s="53">
        <v>-7364.9709536099999</v>
      </c>
      <c r="BH673" s="53">
        <v>-7772.6144725563099</v>
      </c>
      <c r="BI673" s="53">
        <v>-7700.64380218722</v>
      </c>
      <c r="BJ673" s="53">
        <v>-7236.2038499334103</v>
      </c>
      <c r="BK673" s="53">
        <v>-8203.7856786772209</v>
      </c>
      <c r="BL673" s="53">
        <v>-6563.96414236501</v>
      </c>
      <c r="BM673" s="53">
        <v>-7762.1783754129101</v>
      </c>
      <c r="BN673" s="53">
        <v>-89219.809137388904</v>
      </c>
      <c r="BO673" s="53">
        <v>-7185.9931659256099</v>
      </c>
      <c r="BP673" s="53">
        <v>-7645.4530318862999</v>
      </c>
      <c r="BQ673" s="53">
        <v>-8074.51864118102</v>
      </c>
      <c r="BR673" s="53">
        <v>-8098.4761704932098</v>
      </c>
      <c r="BS673" s="53">
        <v>-7785.9119860419596</v>
      </c>
      <c r="BT673" s="53">
        <v>-7870.8734393000896</v>
      </c>
      <c r="BU673" s="53">
        <v>-8308.5872475038705</v>
      </c>
      <c r="BV673" s="53">
        <v>-8233.5186977528301</v>
      </c>
      <c r="BW673" s="53">
        <v>-7738.4224670528502</v>
      </c>
      <c r="BX673" s="53">
        <v>-8774.9587594582699</v>
      </c>
      <c r="BY673" s="53">
        <v>-7022.0286535394098</v>
      </c>
      <c r="BZ673" s="53">
        <v>-8305.1658265559399</v>
      </c>
      <c r="CA673" s="53">
        <v>-95043.908086691299</v>
      </c>
      <c r="CB673" s="53">
        <v>443110.86610271898</v>
      </c>
      <c r="CC673" s="53">
        <v>374766.93418954202</v>
      </c>
      <c r="CD673" s="53">
        <v>411860.58209293202</v>
      </c>
      <c r="CE673" s="53">
        <v>309320.21617517201</v>
      </c>
      <c r="CF673" s="53">
        <v>327877.99139216199</v>
      </c>
      <c r="CG673" s="53">
        <v>321814.55080753</v>
      </c>
      <c r="CH673" s="53">
        <v>334998.21706726903</v>
      </c>
      <c r="CI673" s="53">
        <v>339585.19625758298</v>
      </c>
      <c r="CJ673" s="53">
        <v>328938.60394039197</v>
      </c>
      <c r="CK673" s="53">
        <v>386593.26848698198</v>
      </c>
      <c r="CL673" s="53">
        <v>356849.393456875</v>
      </c>
      <c r="CM673" s="53">
        <v>437325.99130017002</v>
      </c>
      <c r="CN673" s="53">
        <v>4373041.8112693299</v>
      </c>
    </row>
    <row r="674" spans="1:92" outlineLevel="1">
      <c r="A674" s="52" t="s">
        <v>1263</v>
      </c>
      <c r="B674" s="53">
        <v>-698249.64237701404</v>
      </c>
      <c r="C674" s="53">
        <v>-657743.00225386606</v>
      </c>
      <c r="D674" s="53">
        <v>-685674.36984767602</v>
      </c>
      <c r="E674" s="53">
        <v>-707109.813318701</v>
      </c>
      <c r="F674" s="53">
        <v>-721672.00980035705</v>
      </c>
      <c r="G674" s="53">
        <v>-786504.56867160997</v>
      </c>
      <c r="H674" s="53">
        <v>-835862.30472561799</v>
      </c>
      <c r="I674" s="53">
        <v>-804551.20983649604</v>
      </c>
      <c r="J674" s="53">
        <v>-781279.10834359506</v>
      </c>
      <c r="K674" s="53">
        <v>-895461.07596664596</v>
      </c>
      <c r="L674" s="53">
        <v>-667752.45864628104</v>
      </c>
      <c r="M674" s="53">
        <v>-721834.88732115296</v>
      </c>
      <c r="N674" s="53">
        <v>-8963694.4511090107</v>
      </c>
      <c r="O674" s="53">
        <v>-656958.94270147395</v>
      </c>
      <c r="P674" s="53">
        <v>-700423.51888032199</v>
      </c>
      <c r="Q674" s="53">
        <v>-680707.43975731102</v>
      </c>
      <c r="R674" s="53">
        <v>-707055.39842219802</v>
      </c>
      <c r="S674" s="53">
        <v>-727470.60828319204</v>
      </c>
      <c r="T674" s="53">
        <v>-791116.23035622702</v>
      </c>
      <c r="U674" s="53">
        <v>-848273.97645796405</v>
      </c>
      <c r="V674" s="53">
        <v>-850113.52981905802</v>
      </c>
      <c r="W674" s="53">
        <v>-786057.44354148197</v>
      </c>
      <c r="X674" s="53">
        <v>-902842.85981112299</v>
      </c>
      <c r="Y674" s="53">
        <v>-671047.96374277899</v>
      </c>
      <c r="Z674" s="53">
        <v>-716351.31620421004</v>
      </c>
      <c r="AA674" s="53">
        <v>-9038419.2279773392</v>
      </c>
      <c r="AB674" s="53">
        <v>-656701.48886836204</v>
      </c>
      <c r="AC674" s="53">
        <v>-732531.45927340095</v>
      </c>
      <c r="AD674" s="53">
        <v>-714850.26346978301</v>
      </c>
      <c r="AE674" s="53">
        <v>-744120.012819533</v>
      </c>
      <c r="AF674" s="53">
        <v>-765688.93730288197</v>
      </c>
      <c r="AG674" s="53">
        <v>-832674.68391133496</v>
      </c>
      <c r="AH674" s="53">
        <v>-892761.09809465997</v>
      </c>
      <c r="AI674" s="53">
        <v>-894611.12014784</v>
      </c>
      <c r="AJ674" s="53">
        <v>-827091.89960821404</v>
      </c>
      <c r="AK674" s="53">
        <v>-950108.62006018299</v>
      </c>
      <c r="AL674" s="53">
        <v>-706114.32098910795</v>
      </c>
      <c r="AM674" s="53">
        <v>-753552.426306232</v>
      </c>
      <c r="AN674" s="53">
        <v>-9470806.33085154</v>
      </c>
      <c r="AO674" s="53">
        <v>-681885.72599342396</v>
      </c>
      <c r="AP674" s="53">
        <v>-733239.50351146795</v>
      </c>
      <c r="AQ674" s="53">
        <v>-712995.29909788095</v>
      </c>
      <c r="AR674" s="53">
        <v>-741603.03946579399</v>
      </c>
      <c r="AS674" s="53">
        <v>-763279.27763020899</v>
      </c>
      <c r="AT674" s="53">
        <v>-830144.99557244102</v>
      </c>
      <c r="AU674" s="53">
        <v>-889948.57936479396</v>
      </c>
      <c r="AV674" s="53">
        <v>-891677.88135137095</v>
      </c>
      <c r="AW674" s="53">
        <v>-824234.27029971301</v>
      </c>
      <c r="AX674" s="53">
        <v>-947063.731214019</v>
      </c>
      <c r="AY674" s="53">
        <v>-703782.20107529999</v>
      </c>
      <c r="AZ674" s="53">
        <v>-750737.69786185399</v>
      </c>
      <c r="BA674" s="53">
        <v>-9470592.2024382707</v>
      </c>
      <c r="BB674" s="53">
        <v>-681536.44232300797</v>
      </c>
      <c r="BC674" s="53">
        <v>-740926.01278707595</v>
      </c>
      <c r="BD674" s="53">
        <v>-721164.99362916197</v>
      </c>
      <c r="BE674" s="53">
        <v>-750823.98165057797</v>
      </c>
      <c r="BF674" s="53">
        <v>-772887.10132019501</v>
      </c>
      <c r="BG674" s="53">
        <v>-840635.855155661</v>
      </c>
      <c r="BH674" s="53">
        <v>-901119.86281423597</v>
      </c>
      <c r="BI674" s="53">
        <v>-902782.77574070101</v>
      </c>
      <c r="BJ674" s="53">
        <v>-834391.355133723</v>
      </c>
      <c r="BK674" s="53">
        <v>-958896.97023216495</v>
      </c>
      <c r="BL674" s="53">
        <v>-712523.05312237598</v>
      </c>
      <c r="BM674" s="53">
        <v>-759828.06718840799</v>
      </c>
      <c r="BN674" s="53">
        <v>-9577516.4710972905</v>
      </c>
      <c r="BO674" s="53">
        <v>-696962.09103024798</v>
      </c>
      <c r="BP674" s="53">
        <v>-781139.81536551297</v>
      </c>
      <c r="BQ674" s="53">
        <v>-762239.34656018903</v>
      </c>
      <c r="BR674" s="53">
        <v>-795186.971481057</v>
      </c>
      <c r="BS674" s="53">
        <v>-818662.19458322204</v>
      </c>
      <c r="BT674" s="53">
        <v>-890454.39840081695</v>
      </c>
      <c r="BU674" s="53">
        <v>-954430.27907757403</v>
      </c>
      <c r="BV674" s="53">
        <v>-956086.48919035902</v>
      </c>
      <c r="BW674" s="53">
        <v>-883527.08590875601</v>
      </c>
      <c r="BX674" s="53">
        <v>-1015512.65350194</v>
      </c>
      <c r="BY674" s="53">
        <v>-754512.74733728403</v>
      </c>
      <c r="BZ674" s="53">
        <v>-804330.17648080899</v>
      </c>
      <c r="CA674" s="53">
        <v>-10113044.248917701</v>
      </c>
      <c r="CB674" s="53"/>
      <c r="CC674" s="53"/>
      <c r="CD674" s="53"/>
      <c r="CE674" s="53"/>
      <c r="CF674" s="53"/>
      <c r="CG674" s="53"/>
      <c r="CH674" s="53"/>
      <c r="CI674" s="53"/>
      <c r="CJ674" s="53"/>
      <c r="CK674" s="53"/>
      <c r="CL674" s="53"/>
      <c r="CM674" s="53"/>
      <c r="CN674" s="53"/>
    </row>
    <row r="675" spans="1:92" outlineLevel="1">
      <c r="A675" s="52" t="s">
        <v>1264</v>
      </c>
      <c r="B675" s="53">
        <v>-4415242.6689480403</v>
      </c>
      <c r="C675" s="53">
        <v>-4265237.5950375404</v>
      </c>
      <c r="D675" s="53">
        <v>-4014689.8766712099</v>
      </c>
      <c r="E675" s="53">
        <v>-4102120.7673491598</v>
      </c>
      <c r="F675" s="53">
        <v>-4243654.6993559096</v>
      </c>
      <c r="G675" s="53">
        <v>-5134809.6843630197</v>
      </c>
      <c r="H675" s="53">
        <v>-6084517.7848978098</v>
      </c>
      <c r="I675" s="53">
        <v>-6461425.0971450498</v>
      </c>
      <c r="J675" s="53">
        <v>-5967500.48098124</v>
      </c>
      <c r="K675" s="53">
        <v>-6060304.9155294299</v>
      </c>
      <c r="L675" s="53">
        <v>-4152771.7023582198</v>
      </c>
      <c r="M675" s="53">
        <v>-4299886.8271321896</v>
      </c>
      <c r="N675" s="53">
        <v>-59202162.099768803</v>
      </c>
      <c r="O675" s="53">
        <v>-4465909.9663504297</v>
      </c>
      <c r="P675" s="53">
        <v>-5417044.3668747302</v>
      </c>
      <c r="Q675" s="53">
        <v>-3808163.3659261502</v>
      </c>
      <c r="R675" s="53">
        <v>-3885204.0389528498</v>
      </c>
      <c r="S675" s="53">
        <v>-4016980.6385392998</v>
      </c>
      <c r="T675" s="53">
        <v>-5005311.4638165496</v>
      </c>
      <c r="U675" s="53">
        <v>-6017827.2620636299</v>
      </c>
      <c r="V675" s="53">
        <v>-6821969.95542059</v>
      </c>
      <c r="W675" s="53">
        <v>-7157309.3893394303</v>
      </c>
      <c r="X675" s="53">
        <v>-6056117.5273316503</v>
      </c>
      <c r="Y675" s="53">
        <v>-4029487.88986554</v>
      </c>
      <c r="Z675" s="53">
        <v>-3915806.8075098302</v>
      </c>
      <c r="AA675" s="53">
        <v>-60597132.6719907</v>
      </c>
      <c r="AB675" s="53">
        <v>-4307870.3777198596</v>
      </c>
      <c r="AC675" s="53">
        <v>-5734517.4289958198</v>
      </c>
      <c r="AD675" s="53">
        <v>-4116885.7218252802</v>
      </c>
      <c r="AE675" s="53">
        <v>-4148945.07952367</v>
      </c>
      <c r="AF675" s="53">
        <v>-4300146.3121756501</v>
      </c>
      <c r="AG675" s="53">
        <v>-5413787.5146691296</v>
      </c>
      <c r="AH675" s="53">
        <v>-6558693.6257624803</v>
      </c>
      <c r="AI675" s="53">
        <v>-7438444.0182202198</v>
      </c>
      <c r="AJ675" s="53">
        <v>-7775476.3233915502</v>
      </c>
      <c r="AK675" s="53">
        <v>-6592227.6099494305</v>
      </c>
      <c r="AL675" s="53">
        <v>-4360491.0450462503</v>
      </c>
      <c r="AM675" s="53">
        <v>-4212314.6704794997</v>
      </c>
      <c r="AN675" s="53">
        <v>-64959799.727758802</v>
      </c>
      <c r="AO675" s="53">
        <v>-4532362.8902036697</v>
      </c>
      <c r="AP675" s="53">
        <v>-5729486.3085939297</v>
      </c>
      <c r="AQ675" s="53">
        <v>-4010683.77608656</v>
      </c>
      <c r="AR675" s="53">
        <v>-4091916.13611153</v>
      </c>
      <c r="AS675" s="53">
        <v>-4249028.6477614203</v>
      </c>
      <c r="AT675" s="53">
        <v>-5387382.9053632403</v>
      </c>
      <c r="AU675" s="53">
        <v>-6559609.59371401</v>
      </c>
      <c r="AV675" s="53">
        <v>-7451666.11989245</v>
      </c>
      <c r="AW675" s="53">
        <v>-7791443.7797109</v>
      </c>
      <c r="AX675" s="53">
        <v>-6602065.7452138104</v>
      </c>
      <c r="AY675" s="53">
        <v>-4357004.3341835598</v>
      </c>
      <c r="AZ675" s="53">
        <v>-4202251.5038021104</v>
      </c>
      <c r="BA675" s="53">
        <v>-64964901.740637198</v>
      </c>
      <c r="BB675" s="53">
        <v>-4545132.6072183801</v>
      </c>
      <c r="BC675" s="53">
        <v>-5786379.8482276797</v>
      </c>
      <c r="BD675" s="53">
        <v>-4027692.5694319098</v>
      </c>
      <c r="BE675" s="53">
        <v>-4095944.6561264801</v>
      </c>
      <c r="BF675" s="53">
        <v>-4259295.8848034404</v>
      </c>
      <c r="BG675" s="53">
        <v>-5433506.2943107197</v>
      </c>
      <c r="BH675" s="53">
        <v>-6650140.3331878204</v>
      </c>
      <c r="BI675" s="53">
        <v>-7567646.6736170603</v>
      </c>
      <c r="BJ675" s="53">
        <v>-7915900.11323673</v>
      </c>
      <c r="BK675" s="53">
        <v>-6702239.6243210398</v>
      </c>
      <c r="BL675" s="53">
        <v>-4412711.9063192299</v>
      </c>
      <c r="BM675" s="53">
        <v>-4248590.14775101</v>
      </c>
      <c r="BN675" s="53">
        <v>-65645180.658551499</v>
      </c>
      <c r="BO675" s="53">
        <v>-4663738.2432803595</v>
      </c>
      <c r="BP675" s="53">
        <v>-6099526.9942900101</v>
      </c>
      <c r="BQ675" s="53">
        <v>-4232344.5131007796</v>
      </c>
      <c r="BR675" s="53">
        <v>-4298480.2091013398</v>
      </c>
      <c r="BS675" s="53">
        <v>-4477094.9609753396</v>
      </c>
      <c r="BT675" s="53">
        <v>-5737633.5373540903</v>
      </c>
      <c r="BU675" s="53">
        <v>-7053412.6050177496</v>
      </c>
      <c r="BV675" s="53">
        <v>-8040360.7259119796</v>
      </c>
      <c r="BW675" s="53">
        <v>-8417581.0385415498</v>
      </c>
      <c r="BX675" s="53">
        <v>-7134814.4732587403</v>
      </c>
      <c r="BY675" s="53">
        <v>-4698420.1334293196</v>
      </c>
      <c r="BZ675" s="53">
        <v>-4526985.8971045902</v>
      </c>
      <c r="CA675" s="53">
        <v>-69380393.331365898</v>
      </c>
      <c r="CB675" s="53">
        <v>22792.929675146501</v>
      </c>
      <c r="CC675" s="53">
        <v>42923.529018788598</v>
      </c>
      <c r="CD675" s="53">
        <v>25492.149875914401</v>
      </c>
      <c r="CE675" s="53">
        <v>30135.2512537445</v>
      </c>
      <c r="CF675" s="53">
        <v>17897.941782620899</v>
      </c>
      <c r="CG675" s="53">
        <v>21647.0211627916</v>
      </c>
      <c r="CH675" s="53">
        <v>60904.237280389199</v>
      </c>
      <c r="CI675" s="53">
        <v>70213.233293351106</v>
      </c>
      <c r="CJ675" s="53">
        <v>61201.006357274498</v>
      </c>
      <c r="CK675" s="53">
        <v>61708.1423847693</v>
      </c>
      <c r="CL675" s="53">
        <v>60348.043877687996</v>
      </c>
      <c r="CM675" s="53">
        <v>68736.952508731396</v>
      </c>
      <c r="CN675" s="53">
        <v>544000.43847120996</v>
      </c>
    </row>
    <row r="676" spans="1:92" outlineLevel="1">
      <c r="A676" s="52" t="s">
        <v>1243</v>
      </c>
      <c r="B676" s="53"/>
      <c r="C676" s="53"/>
      <c r="D676" s="53"/>
      <c r="E676" s="53"/>
      <c r="F676" s="53"/>
      <c r="G676" s="53"/>
      <c r="H676" s="53"/>
      <c r="I676" s="53"/>
      <c r="J676" s="53"/>
      <c r="K676" s="53"/>
      <c r="L676" s="53"/>
      <c r="M676" s="53"/>
      <c r="N676" s="53"/>
      <c r="O676" s="53"/>
      <c r="P676" s="53"/>
      <c r="Q676" s="53"/>
      <c r="R676" s="53"/>
      <c r="S676" s="53"/>
      <c r="T676" s="53"/>
      <c r="U676" s="53"/>
      <c r="V676" s="53"/>
      <c r="W676" s="53"/>
      <c r="X676" s="53"/>
      <c r="Y676" s="53"/>
      <c r="Z676" s="53"/>
      <c r="AA676" s="53"/>
      <c r="AB676" s="53"/>
      <c r="AC676" s="53"/>
      <c r="AD676" s="53"/>
      <c r="AE676" s="53"/>
      <c r="AF676" s="53"/>
      <c r="AG676" s="53"/>
      <c r="AH676" s="53"/>
      <c r="AI676" s="53"/>
      <c r="AJ676" s="53"/>
      <c r="AK676" s="53"/>
      <c r="AL676" s="53"/>
      <c r="AM676" s="53"/>
      <c r="AN676" s="53"/>
      <c r="AO676" s="53"/>
      <c r="AP676" s="53"/>
      <c r="AQ676" s="53"/>
      <c r="AR676" s="53"/>
      <c r="AS676" s="53"/>
      <c r="AT676" s="53"/>
      <c r="AU676" s="53"/>
      <c r="AV676" s="53"/>
      <c r="AW676" s="53"/>
      <c r="AX676" s="53"/>
      <c r="AY676" s="53"/>
      <c r="AZ676" s="53"/>
      <c r="BA676" s="53"/>
      <c r="BB676" s="53"/>
      <c r="BC676" s="53"/>
      <c r="BD676" s="53"/>
      <c r="BE676" s="53"/>
      <c r="BF676" s="53"/>
      <c r="BG676" s="53"/>
      <c r="BH676" s="53"/>
      <c r="BI676" s="53"/>
      <c r="BJ676" s="53"/>
      <c r="BK676" s="53"/>
      <c r="BL676" s="53"/>
      <c r="BM676" s="53"/>
      <c r="BN676" s="53"/>
      <c r="BO676" s="53"/>
      <c r="BP676" s="53"/>
      <c r="BQ676" s="53"/>
      <c r="BR676" s="53"/>
      <c r="BS676" s="53"/>
      <c r="BT676" s="53"/>
      <c r="BU676" s="53"/>
      <c r="BV676" s="53"/>
      <c r="BW676" s="53"/>
      <c r="BX676" s="53"/>
      <c r="BY676" s="53"/>
      <c r="BZ676" s="53"/>
      <c r="CA676" s="53"/>
      <c r="CB676" s="53"/>
      <c r="CC676" s="53"/>
      <c r="CD676" s="53"/>
      <c r="CE676" s="53"/>
      <c r="CF676" s="53"/>
      <c r="CG676" s="53"/>
      <c r="CH676" s="53"/>
      <c r="CI676" s="53"/>
      <c r="CJ676" s="53"/>
      <c r="CK676" s="53"/>
      <c r="CL676" s="53"/>
      <c r="CM676" s="53"/>
      <c r="CN676" s="53"/>
    </row>
    <row r="677" spans="1:92" outlineLevel="1">
      <c r="A677" s="52" t="s">
        <v>1261</v>
      </c>
      <c r="B677" s="53">
        <v>-641844.33219154505</v>
      </c>
      <c r="C677" s="53">
        <v>-271284.30152495898</v>
      </c>
      <c r="D677" s="53">
        <v>-239425.401424638</v>
      </c>
      <c r="E677" s="53">
        <v>-245541.83282484199</v>
      </c>
      <c r="F677" s="53">
        <v>-251696.148260338</v>
      </c>
      <c r="G677" s="53">
        <v>-275401.95930994698</v>
      </c>
      <c r="H677" s="53">
        <v>-308532.33847404202</v>
      </c>
      <c r="I677" s="53">
        <v>-317445.68583019997</v>
      </c>
      <c r="J677" s="53">
        <v>-297787.65729187999</v>
      </c>
      <c r="K677" s="53">
        <v>-315813.11829771497</v>
      </c>
      <c r="L677" s="53">
        <v>-229551.44165370401</v>
      </c>
      <c r="M677" s="53">
        <v>-245318.91729482499</v>
      </c>
      <c r="N677" s="53">
        <v>-3639643.1343786302</v>
      </c>
      <c r="O677" s="53">
        <v>-228609.48848005201</v>
      </c>
      <c r="P677" s="53">
        <v>-232752.337387926</v>
      </c>
      <c r="Q677" s="53">
        <v>-181159.20546044601</v>
      </c>
      <c r="R677" s="53">
        <v>-191992.313502</v>
      </c>
      <c r="S677" s="53">
        <v>-199529.14579399899</v>
      </c>
      <c r="T677" s="53">
        <v>-221521.03776000001</v>
      </c>
      <c r="U677" s="53">
        <v>-244637.35613114201</v>
      </c>
      <c r="V677" s="53">
        <v>-264125.88566032599</v>
      </c>
      <c r="W677" s="53">
        <v>-273918.59987889702</v>
      </c>
      <c r="X677" s="53">
        <v>-252651.81694163199</v>
      </c>
      <c r="Y677" s="53">
        <v>-184233.39677599899</v>
      </c>
      <c r="Z677" s="53">
        <v>-187789.55155399899</v>
      </c>
      <c r="AA677" s="53">
        <v>-2662920.13532642</v>
      </c>
      <c r="AB677" s="53">
        <v>-186422.75148277401</v>
      </c>
      <c r="AC677" s="53">
        <v>-233762.721099057</v>
      </c>
      <c r="AD677" s="53">
        <v>-183277.71910194901</v>
      </c>
      <c r="AE677" s="53">
        <v>-194509.530623022</v>
      </c>
      <c r="AF677" s="53">
        <v>-203433.40896488901</v>
      </c>
      <c r="AG677" s="53">
        <v>-227526.19827984201</v>
      </c>
      <c r="AH677" s="53">
        <v>-251344.92648185301</v>
      </c>
      <c r="AI677" s="53">
        <v>-270921.75932261499</v>
      </c>
      <c r="AJ677" s="53">
        <v>-281961.583045237</v>
      </c>
      <c r="AK677" s="53">
        <v>-259525.47729151999</v>
      </c>
      <c r="AL677" s="53">
        <v>-188190.79644721301</v>
      </c>
      <c r="AM677" s="53">
        <v>-190211.34612631</v>
      </c>
      <c r="AN677" s="53">
        <v>-2671088.2182662799</v>
      </c>
      <c r="AO677" s="53">
        <v>-198846.10617417801</v>
      </c>
      <c r="AP677" s="53">
        <v>-277092.26751651702</v>
      </c>
      <c r="AQ677" s="53">
        <v>-214540.07437764801</v>
      </c>
      <c r="AR677" s="53">
        <v>-236613.18243749099</v>
      </c>
      <c r="AS677" s="53">
        <v>-247372.73485211999</v>
      </c>
      <c r="AT677" s="53">
        <v>-277664.02849984198</v>
      </c>
      <c r="AU677" s="53">
        <v>-306760.63891757198</v>
      </c>
      <c r="AV677" s="53">
        <v>-332152.54954519903</v>
      </c>
      <c r="AW677" s="53">
        <v>-344384.08039204899</v>
      </c>
      <c r="AX677" s="53">
        <v>-317341.59699505399</v>
      </c>
      <c r="AY677" s="53">
        <v>-227691.447509413</v>
      </c>
      <c r="AZ677" s="53">
        <v>-231564.93075143901</v>
      </c>
      <c r="BA677" s="53">
        <v>-3212023.6379685202</v>
      </c>
      <c r="BB677" s="53">
        <v>-227904.828075489</v>
      </c>
      <c r="BC677" s="53">
        <v>-281647.15504496102</v>
      </c>
      <c r="BD677" s="53">
        <v>-218765.76722231999</v>
      </c>
      <c r="BE677" s="53">
        <v>-237765.487170237</v>
      </c>
      <c r="BF677" s="53">
        <v>-248513.66381125999</v>
      </c>
      <c r="BG677" s="53">
        <v>-278726.46785567899</v>
      </c>
      <c r="BH677" s="53">
        <v>-309807.853596979</v>
      </c>
      <c r="BI677" s="53">
        <v>-334524.51470953302</v>
      </c>
      <c r="BJ677" s="53">
        <v>-346508.24380192597</v>
      </c>
      <c r="BK677" s="53">
        <v>-320577.28911686101</v>
      </c>
      <c r="BL677" s="53">
        <v>-230730.91467320701</v>
      </c>
      <c r="BM677" s="53">
        <v>-232327.79342627199</v>
      </c>
      <c r="BN677" s="53">
        <v>-3267799.9785047201</v>
      </c>
      <c r="BO677" s="53">
        <v>-228865.64377361201</v>
      </c>
      <c r="BP677" s="53">
        <v>-281111.49328955798</v>
      </c>
      <c r="BQ677" s="53">
        <v>-218332.30163449899</v>
      </c>
      <c r="BR677" s="53">
        <v>-236647.534902004</v>
      </c>
      <c r="BS677" s="53">
        <v>-247566.38783242201</v>
      </c>
      <c r="BT677" s="53">
        <v>-279431.45718929201</v>
      </c>
      <c r="BU677" s="53">
        <v>-311314.218909738</v>
      </c>
      <c r="BV677" s="53">
        <v>-335911.60709603201</v>
      </c>
      <c r="BW677" s="53">
        <v>-347550.58346946299</v>
      </c>
      <c r="BX677" s="53">
        <v>-322076.39904909203</v>
      </c>
      <c r="BY677" s="53">
        <v>-231751.69556124101</v>
      </c>
      <c r="BZ677" s="53">
        <v>-233803.75089261701</v>
      </c>
      <c r="CA677" s="53">
        <v>-3274363.07359957</v>
      </c>
      <c r="CB677" s="53"/>
      <c r="CC677" s="53"/>
      <c r="CD677" s="53"/>
      <c r="CE677" s="53"/>
      <c r="CF677" s="53"/>
      <c r="CG677" s="53"/>
      <c r="CH677" s="53"/>
      <c r="CI677" s="53"/>
      <c r="CJ677" s="53"/>
      <c r="CK677" s="53"/>
      <c r="CL677" s="53"/>
      <c r="CM677" s="53"/>
      <c r="CN677" s="53"/>
    </row>
    <row r="678" spans="1:92" outlineLevel="1">
      <c r="A678" s="52" t="s">
        <v>1262</v>
      </c>
      <c r="B678" s="53">
        <v>-223300.05624002399</v>
      </c>
      <c r="C678" s="53">
        <v>-91840.449261874397</v>
      </c>
      <c r="D678" s="53">
        <v>-84743.455827216705</v>
      </c>
      <c r="E678" s="53">
        <v>-80562.184464221893</v>
      </c>
      <c r="F678" s="53">
        <v>-79310.578294712599</v>
      </c>
      <c r="G678" s="53">
        <v>-81545.282964670594</v>
      </c>
      <c r="H678" s="53">
        <v>-87751.007816608893</v>
      </c>
      <c r="I678" s="53">
        <v>-84455.014165506494</v>
      </c>
      <c r="J678" s="53">
        <v>-77738.863399586699</v>
      </c>
      <c r="K678" s="53">
        <v>-89141.872841498</v>
      </c>
      <c r="L678" s="53">
        <v>-69989.636427230798</v>
      </c>
      <c r="M678" s="53">
        <v>-81981.400357814899</v>
      </c>
      <c r="N678" s="53">
        <v>-1132359.8020609601</v>
      </c>
      <c r="O678" s="53">
        <v>-66741.044804616293</v>
      </c>
      <c r="P678" s="53">
        <v>-49907.974486549901</v>
      </c>
      <c r="Q678" s="53">
        <v>-55432.009567983703</v>
      </c>
      <c r="R678" s="53">
        <v>-63702.526997999899</v>
      </c>
      <c r="S678" s="53">
        <v>-73707.053574000005</v>
      </c>
      <c r="T678" s="53">
        <v>-79420.713063999996</v>
      </c>
      <c r="U678" s="53">
        <v>-69953.016137714207</v>
      </c>
      <c r="V678" s="53">
        <v>-66527.492631061206</v>
      </c>
      <c r="W678" s="53">
        <v>-61101.633925918301</v>
      </c>
      <c r="X678" s="53">
        <v>-65800.377695306102</v>
      </c>
      <c r="Y678" s="53">
        <v>-47385.086342000002</v>
      </c>
      <c r="Z678" s="53">
        <v>-50319.203923999899</v>
      </c>
      <c r="AA678" s="53">
        <v>-749998.13315114996</v>
      </c>
      <c r="AB678" s="53">
        <v>-47875.4612356691</v>
      </c>
      <c r="AC678" s="53">
        <v>-47949.978434013603</v>
      </c>
      <c r="AD678" s="53">
        <v>-55938.785628829901</v>
      </c>
      <c r="AE678" s="53">
        <v>-65047.588153372199</v>
      </c>
      <c r="AF678" s="53">
        <v>-75316.333431160005</v>
      </c>
      <c r="AG678" s="53">
        <v>-81161.522405374199</v>
      </c>
      <c r="AH678" s="53">
        <v>-71488.159715080605</v>
      </c>
      <c r="AI678" s="53">
        <v>-67994.314046381201</v>
      </c>
      <c r="AJ678" s="53">
        <v>-62439.181491621101</v>
      </c>
      <c r="AK678" s="53">
        <v>-67285.852908372894</v>
      </c>
      <c r="AL678" s="53">
        <v>-48474.090842614001</v>
      </c>
      <c r="AM678" s="53">
        <v>-51491.075862332596</v>
      </c>
      <c r="AN678" s="53">
        <v>-742462.34415482101</v>
      </c>
      <c r="AO678" s="53">
        <v>-50892.883049568802</v>
      </c>
      <c r="AP678" s="53">
        <v>-57290.9366342719</v>
      </c>
      <c r="AQ678" s="53">
        <v>-67070.336766478606</v>
      </c>
      <c r="AR678" s="53">
        <v>-78997.038179492694</v>
      </c>
      <c r="AS678" s="53">
        <v>-91408.415127872402</v>
      </c>
      <c r="AT678" s="53">
        <v>-98505.2470415274</v>
      </c>
      <c r="AU678" s="53">
        <v>-86809.817307828605</v>
      </c>
      <c r="AV678" s="53">
        <v>-82573.558319519099</v>
      </c>
      <c r="AW678" s="53">
        <v>-75826.011104870093</v>
      </c>
      <c r="AX678" s="53">
        <v>-81710.818803136906</v>
      </c>
      <c r="AY678" s="53">
        <v>-58878.316759664398</v>
      </c>
      <c r="AZ678" s="53">
        <v>-62557.679587613296</v>
      </c>
      <c r="BA678" s="53">
        <v>-892521.05868184404</v>
      </c>
      <c r="BB678" s="53">
        <v>-59314.951597279498</v>
      </c>
      <c r="BC678" s="53">
        <v>-58482.821680769899</v>
      </c>
      <c r="BD678" s="53">
        <v>-67638.115008846202</v>
      </c>
      <c r="BE678" s="53">
        <v>-79107.291036745402</v>
      </c>
      <c r="BF678" s="53">
        <v>-91485.051932244794</v>
      </c>
      <c r="BG678" s="53">
        <v>-98573.747120219399</v>
      </c>
      <c r="BH678" s="53">
        <v>-86920.975434608205</v>
      </c>
      <c r="BI678" s="53">
        <v>-82698.257719872097</v>
      </c>
      <c r="BJ678" s="53">
        <v>-75952.027217663694</v>
      </c>
      <c r="BK678" s="53">
        <v>-81864.360305657101</v>
      </c>
      <c r="BL678" s="53">
        <v>-59014.937662659897</v>
      </c>
      <c r="BM678" s="53">
        <v>-62735.401772262201</v>
      </c>
      <c r="BN678" s="53">
        <v>-903787.93848882895</v>
      </c>
      <c r="BO678" s="53">
        <v>-59467.3106201107</v>
      </c>
      <c r="BP678" s="53">
        <v>-58602.320740110597</v>
      </c>
      <c r="BQ678" s="53">
        <v>-67749.9042930328</v>
      </c>
      <c r="BR678" s="53">
        <v>-79201.595464087499</v>
      </c>
      <c r="BS678" s="53">
        <v>-91543.174934863506</v>
      </c>
      <c r="BT678" s="53">
        <v>-98636.707418170598</v>
      </c>
      <c r="BU678" s="53">
        <v>-87065.690656754407</v>
      </c>
      <c r="BV678" s="53">
        <v>-82871.996055920506</v>
      </c>
      <c r="BW678" s="53">
        <v>-76132.0430357101</v>
      </c>
      <c r="BX678" s="53">
        <v>-82091.819004948702</v>
      </c>
      <c r="BY678" s="53">
        <v>-59224.001597477203</v>
      </c>
      <c r="BZ678" s="53">
        <v>-63010.811902120702</v>
      </c>
      <c r="CA678" s="53">
        <v>-905597.37572330702</v>
      </c>
      <c r="CB678" s="53">
        <v>-26552.408488063698</v>
      </c>
      <c r="CC678" s="53">
        <v>-26552.408488063698</v>
      </c>
      <c r="CD678" s="53">
        <v>-26552.408488063698</v>
      </c>
      <c r="CE678" s="53">
        <v>-26552.408488063698</v>
      </c>
      <c r="CF678" s="53">
        <v>-26552.408488063698</v>
      </c>
      <c r="CG678" s="53">
        <v>-26552.408488063698</v>
      </c>
      <c r="CH678" s="53">
        <v>-26552.408488063698</v>
      </c>
      <c r="CI678" s="53">
        <v>-26552.408488063698</v>
      </c>
      <c r="CJ678" s="53">
        <v>-26552.408488063698</v>
      </c>
      <c r="CK678" s="53">
        <v>-26552.408488063698</v>
      </c>
      <c r="CL678" s="53">
        <v>-26552.408488063698</v>
      </c>
      <c r="CM678" s="53">
        <v>-26552.408488063698</v>
      </c>
      <c r="CN678" s="53">
        <v>-318628.90185676399</v>
      </c>
    </row>
    <row r="679" spans="1:92" outlineLevel="1">
      <c r="A679" s="52" t="s">
        <v>1266</v>
      </c>
      <c r="B679" s="53">
        <v>-1471.8341865697801</v>
      </c>
      <c r="C679" s="53">
        <v>-607.64713917276094</v>
      </c>
      <c r="D679" s="53">
        <v>-551.256103188412</v>
      </c>
      <c r="E679" s="53">
        <v>-497.34288853793601</v>
      </c>
      <c r="F679" s="53">
        <v>-477.69426102369903</v>
      </c>
      <c r="G679" s="53">
        <v>-482.39693435926398</v>
      </c>
      <c r="H679" s="53">
        <v>-508.65135741534402</v>
      </c>
      <c r="I679" s="53">
        <v>-503.481345622037</v>
      </c>
      <c r="J679" s="53">
        <v>-472.70165779965498</v>
      </c>
      <c r="K679" s="53">
        <v>-535.34206296703098</v>
      </c>
      <c r="L679" s="53">
        <v>-427.96567508750502</v>
      </c>
      <c r="M679" s="53">
        <v>-505.57439687741902</v>
      </c>
      <c r="N679" s="53">
        <v>-7041.8880086208501</v>
      </c>
      <c r="O679" s="53">
        <v>-479.66395282947701</v>
      </c>
      <c r="P679" s="53">
        <v>-548.93495693425405</v>
      </c>
      <c r="Q679" s="53">
        <v>-579.56659417866604</v>
      </c>
      <c r="R679" s="53">
        <v>-579.443567999999</v>
      </c>
      <c r="S679" s="53">
        <v>-553.66825799999901</v>
      </c>
      <c r="T679" s="53">
        <v>-556.26040799999998</v>
      </c>
      <c r="U679" s="53">
        <v>-583.72327828571395</v>
      </c>
      <c r="V679" s="53">
        <v>-575.27996608163198</v>
      </c>
      <c r="W679" s="53">
        <v>-538.13820522448896</v>
      </c>
      <c r="X679" s="53">
        <v>-607.07248440816295</v>
      </c>
      <c r="Y679" s="53">
        <v>-483.949884</v>
      </c>
      <c r="Z679" s="53">
        <v>-570.02376199999901</v>
      </c>
      <c r="AA679" s="53">
        <v>-6655.7253179423897</v>
      </c>
      <c r="AB679" s="53">
        <v>-520.90670836011304</v>
      </c>
      <c r="AC679" s="53">
        <v>-536.26338281000096</v>
      </c>
      <c r="AD679" s="53">
        <v>-563.07213665295296</v>
      </c>
      <c r="AE679" s="53">
        <v>-562.07856175764698</v>
      </c>
      <c r="AF679" s="53">
        <v>-539.00609621896206</v>
      </c>
      <c r="AG679" s="53">
        <v>-543.49737359401604</v>
      </c>
      <c r="AH679" s="53">
        <v>-572.324779852608</v>
      </c>
      <c r="AI679" s="53">
        <v>-565.88016584839602</v>
      </c>
      <c r="AJ679" s="53">
        <v>-530.83063711129898</v>
      </c>
      <c r="AK679" s="53">
        <v>-600.67498277885704</v>
      </c>
      <c r="AL679" s="53">
        <v>-479.94190661992201</v>
      </c>
      <c r="AM679" s="53">
        <v>-566.70312989482102</v>
      </c>
      <c r="AN679" s="53">
        <v>-6581.1798614995996</v>
      </c>
      <c r="AO679" s="53">
        <v>-540.14345303024095</v>
      </c>
      <c r="AP679" s="53">
        <v>-627.27224862501896</v>
      </c>
      <c r="AQ679" s="53">
        <v>-666.71335062859305</v>
      </c>
      <c r="AR679" s="53">
        <v>-670.99342911978499</v>
      </c>
      <c r="AS679" s="53">
        <v>-644.48694628862995</v>
      </c>
      <c r="AT679" s="53">
        <v>-650.90835163459303</v>
      </c>
      <c r="AU679" s="53">
        <v>-686.49228298392995</v>
      </c>
      <c r="AV679" s="53">
        <v>-679.73375211888697</v>
      </c>
      <c r="AW679" s="53">
        <v>-638.41509421559397</v>
      </c>
      <c r="AX679" s="53">
        <v>-723.38289780984303</v>
      </c>
      <c r="AY679" s="53">
        <v>-578.55699358947697</v>
      </c>
      <c r="AZ679" s="53">
        <v>-683.87304404263796</v>
      </c>
      <c r="BA679" s="53">
        <v>-7790.9718440872302</v>
      </c>
      <c r="BB679" s="53">
        <v>-624.56358919580498</v>
      </c>
      <c r="BC679" s="53">
        <v>-636.98512252685305</v>
      </c>
      <c r="BD679" s="53">
        <v>-669.94608830270795</v>
      </c>
      <c r="BE679" s="53">
        <v>-670.14747857895202</v>
      </c>
      <c r="BF679" s="53">
        <v>-644.11057932187396</v>
      </c>
      <c r="BG679" s="53">
        <v>-650.96873681570105</v>
      </c>
      <c r="BH679" s="53">
        <v>-686.99918259356502</v>
      </c>
      <c r="BI679" s="53">
        <v>-680.63790069944105</v>
      </c>
      <c r="BJ679" s="53">
        <v>-639.58738048018404</v>
      </c>
      <c r="BK679" s="53">
        <v>-725.10917340924402</v>
      </c>
      <c r="BL679" s="53">
        <v>-580.17003368689302</v>
      </c>
      <c r="BM679" s="53">
        <v>-686.07676578872997</v>
      </c>
      <c r="BN679" s="53">
        <v>-7895.3020313999496</v>
      </c>
      <c r="BO679" s="53">
        <v>-626.65332001443005</v>
      </c>
      <c r="BP679" s="53">
        <v>-638.797070083417</v>
      </c>
      <c r="BQ679" s="53">
        <v>-672.02246436397797</v>
      </c>
      <c r="BR679" s="53">
        <v>-672.41122056645395</v>
      </c>
      <c r="BS679" s="53">
        <v>-646.45921918402303</v>
      </c>
      <c r="BT679" s="53">
        <v>-653.513513508497</v>
      </c>
      <c r="BU679" s="53">
        <v>-689.85660692963495</v>
      </c>
      <c r="BV679" s="53">
        <v>-683.62371396291098</v>
      </c>
      <c r="BW679" s="53">
        <v>-642.51619524281205</v>
      </c>
      <c r="BX679" s="53">
        <v>-728.57913089448402</v>
      </c>
      <c r="BY679" s="53">
        <v>-583.03448184271099</v>
      </c>
      <c r="BZ679" s="53">
        <v>-689.57252856881303</v>
      </c>
      <c r="CA679" s="53">
        <v>-7927.03946516216</v>
      </c>
      <c r="CB679" s="53"/>
      <c r="CC679" s="53"/>
      <c r="CD679" s="53"/>
      <c r="CE679" s="53"/>
      <c r="CF679" s="53"/>
      <c r="CG679" s="53"/>
      <c r="CH679" s="53"/>
      <c r="CI679" s="53"/>
      <c r="CJ679" s="53"/>
      <c r="CK679" s="53"/>
      <c r="CL679" s="53"/>
      <c r="CM679" s="53"/>
      <c r="CN679" s="53"/>
    </row>
    <row r="680" spans="1:92" outlineLevel="1">
      <c r="A680" s="52" t="s">
        <v>1263</v>
      </c>
      <c r="B680" s="53">
        <v>-192556.531890301</v>
      </c>
      <c r="C680" s="53">
        <v>-80825.9272247466</v>
      </c>
      <c r="D680" s="53">
        <v>-73456.739316338295</v>
      </c>
      <c r="E680" s="53">
        <v>-68954.058578384793</v>
      </c>
      <c r="F680" s="53">
        <v>-70374.096216546401</v>
      </c>
      <c r="G680" s="53">
        <v>-76696.265670274704</v>
      </c>
      <c r="H680" s="53">
        <v>-81509.402412347597</v>
      </c>
      <c r="I680" s="53">
        <v>-78456.090139668406</v>
      </c>
      <c r="J680" s="53">
        <v>-76186.703094886499</v>
      </c>
      <c r="K680" s="53">
        <v>-87321.197250925805</v>
      </c>
      <c r="L680" s="53">
        <v>-65116.112493553497</v>
      </c>
      <c r="M680" s="53">
        <v>-70389.979274451398</v>
      </c>
      <c r="N680" s="53">
        <v>-1021843.10356242</v>
      </c>
      <c r="O680" s="53">
        <v>-61007.125975729301</v>
      </c>
      <c r="P680" s="53">
        <v>-55313.974286875702</v>
      </c>
      <c r="Q680" s="53">
        <v>-52955.348083917903</v>
      </c>
      <c r="R680" s="53">
        <v>-54431.620517999901</v>
      </c>
      <c r="S680" s="53">
        <v>-56003.255440000001</v>
      </c>
      <c r="T680" s="53">
        <v>-60902.920100000003</v>
      </c>
      <c r="U680" s="53">
        <v>-65303.125165142803</v>
      </c>
      <c r="V680" s="53">
        <v>-65444.740476612198</v>
      </c>
      <c r="W680" s="53">
        <v>-60513.476833183602</v>
      </c>
      <c r="X680" s="53">
        <v>-69504.030437061199</v>
      </c>
      <c r="Y680" s="53">
        <v>-51659.641087999997</v>
      </c>
      <c r="Z680" s="53">
        <v>-55147.253083999902</v>
      </c>
      <c r="AA680" s="53">
        <v>-708186.51148852299</v>
      </c>
      <c r="AB680" s="53">
        <v>-50117.091834639999</v>
      </c>
      <c r="AC680" s="53">
        <v>-54530.779126595698</v>
      </c>
      <c r="AD680" s="53">
        <v>-53105.705373440302</v>
      </c>
      <c r="AE680" s="53">
        <v>-55203.224391939897</v>
      </c>
      <c r="AF680" s="53">
        <v>-56803.334801060097</v>
      </c>
      <c r="AG680" s="53">
        <v>-61772.733738573697</v>
      </c>
      <c r="AH680" s="53">
        <v>-66230.299383799298</v>
      </c>
      <c r="AI680" s="53">
        <v>-66367.544963507302</v>
      </c>
      <c r="AJ680" s="53">
        <v>-61358.569774014803</v>
      </c>
      <c r="AK680" s="53">
        <v>-70484.677802394901</v>
      </c>
      <c r="AL680" s="53">
        <v>-52383.737349337498</v>
      </c>
      <c r="AM680" s="53">
        <v>-55902.976621813199</v>
      </c>
      <c r="AN680" s="53">
        <v>-704260.67516111699</v>
      </c>
      <c r="AO680" s="53">
        <v>-53026.9540045584</v>
      </c>
      <c r="AP680" s="53">
        <v>-64767.297594097698</v>
      </c>
      <c r="AQ680" s="53">
        <v>-63615.689063448997</v>
      </c>
      <c r="AR680" s="53">
        <v>-66620.104528766198</v>
      </c>
      <c r="AS680" s="53">
        <v>-68567.3366400909</v>
      </c>
      <c r="AT680" s="53">
        <v>-74574.055708976201</v>
      </c>
      <c r="AU680" s="53">
        <v>-79946.365140597904</v>
      </c>
      <c r="AV680" s="53">
        <v>-80101.7127767005</v>
      </c>
      <c r="AW680" s="53">
        <v>-74043.080086500893</v>
      </c>
      <c r="AX680" s="53">
        <v>-85077.165830293801</v>
      </c>
      <c r="AY680" s="53">
        <v>-63222.561540329603</v>
      </c>
      <c r="AZ680" s="53">
        <v>-67440.694338671106</v>
      </c>
      <c r="BA680" s="53">
        <v>-841003.01725303195</v>
      </c>
      <c r="BB680" s="53">
        <v>-60995.992194698803</v>
      </c>
      <c r="BC680" s="53">
        <v>-65589.675566526203</v>
      </c>
      <c r="BD680" s="53">
        <v>-63781.678214104701</v>
      </c>
      <c r="BE680" s="53">
        <v>-66363.186220909804</v>
      </c>
      <c r="BF680" s="53">
        <v>-68313.282322036102</v>
      </c>
      <c r="BG680" s="53">
        <v>-74301.401078091003</v>
      </c>
      <c r="BH680" s="53">
        <v>-79647.409678947006</v>
      </c>
      <c r="BI680" s="53">
        <v>-79794.389800660094</v>
      </c>
      <c r="BJ680" s="53">
        <v>-73749.467565123894</v>
      </c>
      <c r="BK680" s="53">
        <v>-84754.163102635503</v>
      </c>
      <c r="BL680" s="53">
        <v>-62977.876595126203</v>
      </c>
      <c r="BM680" s="53">
        <v>-67159.031611972503</v>
      </c>
      <c r="BN680" s="53">
        <v>-847427.55395083199</v>
      </c>
      <c r="BO680" s="53">
        <v>-60707.046453637202</v>
      </c>
      <c r="BP680" s="53">
        <v>-65237.6458290503</v>
      </c>
      <c r="BQ680" s="53">
        <v>-63438.1083972169</v>
      </c>
      <c r="BR680" s="53">
        <v>-66023.858169796396</v>
      </c>
      <c r="BS680" s="53">
        <v>-67972.9907086694</v>
      </c>
      <c r="BT680" s="53">
        <v>-73933.850798871397</v>
      </c>
      <c r="BU680" s="53">
        <v>-79245.726651443299</v>
      </c>
      <c r="BV680" s="53">
        <v>-79383.240702235998</v>
      </c>
      <c r="BW680" s="53">
        <v>-73358.680538446002</v>
      </c>
      <c r="BX680" s="53">
        <v>-84317.356557750696</v>
      </c>
      <c r="BY680" s="53">
        <v>-62646.703736502299</v>
      </c>
      <c r="BZ680" s="53">
        <v>-66783.0125470325</v>
      </c>
      <c r="CA680" s="53">
        <v>-843048.22109065298</v>
      </c>
      <c r="CB680" s="53"/>
      <c r="CC680" s="53"/>
      <c r="CD680" s="53"/>
      <c r="CE680" s="53"/>
      <c r="CF680" s="53"/>
      <c r="CG680" s="53"/>
      <c r="CH680" s="53"/>
      <c r="CI680" s="53"/>
      <c r="CJ680" s="53"/>
      <c r="CK680" s="53"/>
      <c r="CL680" s="53"/>
      <c r="CM680" s="53"/>
      <c r="CN680" s="53"/>
    </row>
    <row r="681" spans="1:92" outlineLevel="1">
      <c r="A681" s="52" t="s">
        <v>1264</v>
      </c>
      <c r="B681" s="53">
        <v>-1205322.3295772499</v>
      </c>
      <c r="C681" s="53">
        <v>-515960.23040942597</v>
      </c>
      <c r="D681" s="53">
        <v>-432960.432887776</v>
      </c>
      <c r="E681" s="53">
        <v>-400019.72870360297</v>
      </c>
      <c r="F681" s="53">
        <v>-413821.45914857998</v>
      </c>
      <c r="G681" s="53">
        <v>-500722.74644680199</v>
      </c>
      <c r="H681" s="53">
        <v>-593333.86110421701</v>
      </c>
      <c r="I681" s="53">
        <v>-630088.10831985401</v>
      </c>
      <c r="J681" s="53">
        <v>-581922.87814659497</v>
      </c>
      <c r="K681" s="53">
        <v>-590972.73475392396</v>
      </c>
      <c r="L681" s="53">
        <v>-404958.97219008999</v>
      </c>
      <c r="M681" s="53">
        <v>-419304.95458258502</v>
      </c>
      <c r="N681" s="53">
        <v>-6689388.4362707101</v>
      </c>
      <c r="O681" s="53">
        <v>-409606.62794240401</v>
      </c>
      <c r="P681" s="53">
        <v>-425540.418585782</v>
      </c>
      <c r="Q681" s="53">
        <v>-296680.608716577</v>
      </c>
      <c r="R681" s="53">
        <v>-299096.72191909899</v>
      </c>
      <c r="S681" s="53">
        <v>-309241.349734471</v>
      </c>
      <c r="T681" s="53">
        <v>-385326.54553069902</v>
      </c>
      <c r="U681" s="53">
        <v>-463273.585920532</v>
      </c>
      <c r="V681" s="53">
        <v>-525179.32912651496</v>
      </c>
      <c r="W681" s="53">
        <v>-550994.942517663</v>
      </c>
      <c r="X681" s="53">
        <v>-466221.30570776999</v>
      </c>
      <c r="Y681" s="53">
        <v>-310204.20209290303</v>
      </c>
      <c r="Z681" s="53">
        <v>-301452.63107220299</v>
      </c>
      <c r="AA681" s="53">
        <v>-4742818.26886662</v>
      </c>
      <c r="AB681" s="53">
        <v>-327871.17770714598</v>
      </c>
      <c r="AC681" s="53">
        <v>-426480.029940793</v>
      </c>
      <c r="AD681" s="53">
        <v>-305857.73427709599</v>
      </c>
      <c r="AE681" s="53">
        <v>-307793.28907839302</v>
      </c>
      <c r="AF681" s="53">
        <v>-319010.29094721598</v>
      </c>
      <c r="AG681" s="53">
        <v>-401626.78309129598</v>
      </c>
      <c r="AH681" s="53">
        <v>-486562.691102841</v>
      </c>
      <c r="AI681" s="53">
        <v>-551827.77937768097</v>
      </c>
      <c r="AJ681" s="53">
        <v>-576830.82948946103</v>
      </c>
      <c r="AK681" s="53">
        <v>-489050.44042007002</v>
      </c>
      <c r="AL681" s="53">
        <v>-323487.02020074701</v>
      </c>
      <c r="AM681" s="53">
        <v>-312494.42019823199</v>
      </c>
      <c r="AN681" s="53">
        <v>-4828892.4858309701</v>
      </c>
      <c r="AO681" s="53">
        <v>-357251.03268783801</v>
      </c>
      <c r="AP681" s="53">
        <v>-508321.65981122502</v>
      </c>
      <c r="AQ681" s="53">
        <v>-357624.04921668302</v>
      </c>
      <c r="AR681" s="53">
        <v>-367587.32934409601</v>
      </c>
      <c r="AS681" s="53">
        <v>-381701.14953074499</v>
      </c>
      <c r="AT681" s="53">
        <v>-483962.434337274</v>
      </c>
      <c r="AU681" s="53">
        <v>-589266.56653931004</v>
      </c>
      <c r="AV681" s="53">
        <v>-669402.29395270499</v>
      </c>
      <c r="AW681" s="53">
        <v>-699925.39325115201</v>
      </c>
      <c r="AX681" s="53">
        <v>-593080.51160194597</v>
      </c>
      <c r="AY681" s="53">
        <v>-391400.88258630299</v>
      </c>
      <c r="AZ681" s="53">
        <v>-377499.03862465802</v>
      </c>
      <c r="BA681" s="53">
        <v>-5777022.3414839404</v>
      </c>
      <c r="BB681" s="53">
        <v>-406337.03677268198</v>
      </c>
      <c r="BC681" s="53">
        <v>-512029.24973422202</v>
      </c>
      <c r="BD681" s="53">
        <v>-356242.34257081099</v>
      </c>
      <c r="BE681" s="53">
        <v>-362028.84378773399</v>
      </c>
      <c r="BF681" s="53">
        <v>-376466.99210616201</v>
      </c>
      <c r="BG681" s="53">
        <v>-480252.09483737301</v>
      </c>
      <c r="BH681" s="53">
        <v>-587786.90094093396</v>
      </c>
      <c r="BI681" s="53">
        <v>-668882.66455108998</v>
      </c>
      <c r="BJ681" s="53">
        <v>-699663.79092740198</v>
      </c>
      <c r="BK681" s="53">
        <v>-592391.80840786197</v>
      </c>
      <c r="BL681" s="53">
        <v>-390026.99585396599</v>
      </c>
      <c r="BM681" s="53">
        <v>-375520.742600278</v>
      </c>
      <c r="BN681" s="53">
        <v>-5807629.4630905204</v>
      </c>
      <c r="BO681" s="53">
        <v>-404513.01927190297</v>
      </c>
      <c r="BP681" s="53">
        <v>-508643.43448846799</v>
      </c>
      <c r="BQ681" s="53">
        <v>-352332.66344347998</v>
      </c>
      <c r="BR681" s="53">
        <v>-356900.02207002201</v>
      </c>
      <c r="BS681" s="53">
        <v>-371730.28899805999</v>
      </c>
      <c r="BT681" s="53">
        <v>-476391.98891170201</v>
      </c>
      <c r="BU681" s="53">
        <v>-585640.27096593298</v>
      </c>
      <c r="BV681" s="53">
        <v>-667585.93291950098</v>
      </c>
      <c r="BW681" s="53">
        <v>-698906.29066308099</v>
      </c>
      <c r="BX681" s="53">
        <v>-592399.01525658602</v>
      </c>
      <c r="BY681" s="53">
        <v>-390106.77442800999</v>
      </c>
      <c r="BZ681" s="53">
        <v>-375872.70104591001</v>
      </c>
      <c r="CA681" s="53">
        <v>-5781022.4024626603</v>
      </c>
      <c r="CB681" s="53">
        <v>24171.149367088601</v>
      </c>
      <c r="CC681" s="53">
        <v>24171.149367088601</v>
      </c>
      <c r="CD681" s="53">
        <v>24171.149367088601</v>
      </c>
      <c r="CE681" s="53">
        <v>24171.149367088601</v>
      </c>
      <c r="CF681" s="53">
        <v>24171.149367088601</v>
      </c>
      <c r="CG681" s="53">
        <v>24171.149367088601</v>
      </c>
      <c r="CH681" s="53">
        <v>24171.149367088601</v>
      </c>
      <c r="CI681" s="53">
        <v>24171.149367088601</v>
      </c>
      <c r="CJ681" s="53">
        <v>24171.149367088601</v>
      </c>
      <c r="CK681" s="53">
        <v>24171.149367088601</v>
      </c>
      <c r="CL681" s="53">
        <v>24171.149367088601</v>
      </c>
      <c r="CM681" s="53">
        <v>24171.149367088601</v>
      </c>
      <c r="CN681" s="53">
        <v>290053.79240506398</v>
      </c>
    </row>
    <row r="682" spans="1:92" outlineLevel="1">
      <c r="A682" s="52" t="s">
        <v>1244</v>
      </c>
      <c r="B682" s="53"/>
      <c r="C682" s="53"/>
      <c r="D682" s="53"/>
      <c r="E682" s="53"/>
      <c r="F682" s="53"/>
      <c r="G682" s="53"/>
      <c r="H682" s="53"/>
      <c r="I682" s="53"/>
      <c r="J682" s="53"/>
      <c r="K682" s="53"/>
      <c r="L682" s="53"/>
      <c r="M682" s="53"/>
      <c r="N682" s="53"/>
      <c r="O682" s="53"/>
      <c r="P682" s="53"/>
      <c r="Q682" s="53"/>
      <c r="R682" s="53"/>
      <c r="S682" s="53"/>
      <c r="T682" s="53"/>
      <c r="U682" s="53"/>
      <c r="V682" s="53"/>
      <c r="W682" s="53"/>
      <c r="X682" s="53"/>
      <c r="Y682" s="53"/>
      <c r="Z682" s="53"/>
      <c r="AA682" s="53"/>
      <c r="AB682" s="53"/>
      <c r="AC682" s="53"/>
      <c r="AD682" s="53"/>
      <c r="AE682" s="53"/>
      <c r="AF682" s="53"/>
      <c r="AG682" s="53"/>
      <c r="AH682" s="53"/>
      <c r="AI682" s="53"/>
      <c r="AJ682" s="53"/>
      <c r="AK682" s="53"/>
      <c r="AL682" s="53"/>
      <c r="AM682" s="53"/>
      <c r="AN682" s="53"/>
      <c r="AO682" s="53"/>
      <c r="AP682" s="53"/>
      <c r="AQ682" s="53"/>
      <c r="AR682" s="53"/>
      <c r="AS682" s="53"/>
      <c r="AT682" s="53"/>
      <c r="AU682" s="53"/>
      <c r="AV682" s="53"/>
      <c r="AW682" s="53"/>
      <c r="AX682" s="53"/>
      <c r="AY682" s="53"/>
      <c r="AZ682" s="53"/>
      <c r="BA682" s="53"/>
      <c r="BB682" s="53"/>
      <c r="BC682" s="53"/>
      <c r="BD682" s="53"/>
      <c r="BE682" s="53"/>
      <c r="BF682" s="53"/>
      <c r="BG682" s="53"/>
      <c r="BH682" s="53"/>
      <c r="BI682" s="53"/>
      <c r="BJ682" s="53"/>
      <c r="BK682" s="53"/>
      <c r="BL682" s="53"/>
      <c r="BM682" s="53"/>
      <c r="BN682" s="53"/>
      <c r="BO682" s="53"/>
      <c r="BP682" s="53"/>
      <c r="BQ682" s="53"/>
      <c r="BR682" s="53"/>
      <c r="BS682" s="53"/>
      <c r="BT682" s="53"/>
      <c r="BU682" s="53"/>
      <c r="BV682" s="53"/>
      <c r="BW682" s="53"/>
      <c r="BX682" s="53"/>
      <c r="BY682" s="53"/>
      <c r="BZ682" s="53"/>
      <c r="CA682" s="53"/>
      <c r="CB682" s="53"/>
      <c r="CC682" s="53"/>
      <c r="CD682" s="53"/>
      <c r="CE682" s="53"/>
      <c r="CF682" s="53"/>
      <c r="CG682" s="53"/>
      <c r="CH682" s="53"/>
      <c r="CI682" s="53"/>
      <c r="CJ682" s="53"/>
      <c r="CK682" s="53"/>
      <c r="CL682" s="53"/>
      <c r="CM682" s="53"/>
      <c r="CN682" s="53"/>
    </row>
    <row r="683" spans="1:92" outlineLevel="1">
      <c r="A683" s="52" t="s">
        <v>1261</v>
      </c>
      <c r="B683" s="53">
        <v>-464113.94954341702</v>
      </c>
      <c r="C683" s="53">
        <v>-1732730.0006018099</v>
      </c>
      <c r="D683" s="53">
        <v>-1868992.25365567</v>
      </c>
      <c r="E683" s="53">
        <v>-2204470.3819413502</v>
      </c>
      <c r="F683" s="53">
        <v>-2259723.7208229299</v>
      </c>
      <c r="G683" s="53">
        <v>-2472554.0875981199</v>
      </c>
      <c r="H683" s="53">
        <v>-2769998.0659601898</v>
      </c>
      <c r="I683" s="53">
        <v>-2850021.9463089998</v>
      </c>
      <c r="J683" s="53">
        <v>-2673532.5017955001</v>
      </c>
      <c r="K683" s="53">
        <v>-2835364.7828819901</v>
      </c>
      <c r="L683" s="53">
        <v>-2060908.92307754</v>
      </c>
      <c r="M683" s="53">
        <v>-2202469.0501196301</v>
      </c>
      <c r="N683" s="53">
        <v>-26394879.664307099</v>
      </c>
      <c r="O683" s="53">
        <v>-2425501.9769661701</v>
      </c>
      <c r="P683" s="53">
        <v>-3597686.4363833298</v>
      </c>
      <c r="Q683" s="53">
        <v>-2863290.7982867998</v>
      </c>
      <c r="R683" s="53">
        <v>-3106208.3113054298</v>
      </c>
      <c r="S683" s="53">
        <v>-3228145.3340919199</v>
      </c>
      <c r="T683" s="53">
        <v>-3583948.1074430998</v>
      </c>
      <c r="U683" s="53">
        <v>-3957942.7686954001</v>
      </c>
      <c r="V683" s="53">
        <v>-4273244.1018294599</v>
      </c>
      <c r="W683" s="53">
        <v>-4431678.6231971504</v>
      </c>
      <c r="X683" s="53">
        <v>-4087607.2553932802</v>
      </c>
      <c r="Y683" s="53">
        <v>-2980678.2253273898</v>
      </c>
      <c r="Z683" s="53">
        <v>-3038212.5991063602</v>
      </c>
      <c r="AA683" s="53">
        <v>-41574144.538025796</v>
      </c>
      <c r="AB683" s="53">
        <v>-3021642.1051504398</v>
      </c>
      <c r="AC683" s="53">
        <v>-3804402.44096433</v>
      </c>
      <c r="AD683" s="53">
        <v>-2983480.6758349598</v>
      </c>
      <c r="AE683" s="53">
        <v>-3167090.0339705301</v>
      </c>
      <c r="AF683" s="53">
        <v>-3312392.5601262702</v>
      </c>
      <c r="AG683" s="53">
        <v>-3704681.9902921701</v>
      </c>
      <c r="AH683" s="53">
        <v>-4092509.0364467599</v>
      </c>
      <c r="AI683" s="53">
        <v>-4411267.66995994</v>
      </c>
      <c r="AJ683" s="53">
        <v>-4591022.9527818896</v>
      </c>
      <c r="AK683" s="53">
        <v>-4225708.3756189803</v>
      </c>
      <c r="AL683" s="53">
        <v>-3064205.6150353099</v>
      </c>
      <c r="AM683" s="53">
        <v>-3097105.0967795299</v>
      </c>
      <c r="AN683" s="53">
        <v>-43475508.552961104</v>
      </c>
      <c r="AO683" s="53">
        <v>-3723369.4955596598</v>
      </c>
      <c r="AP683" s="53">
        <v>-6464589.5655931197</v>
      </c>
      <c r="AQ683" s="53">
        <v>-5055618.7919681901</v>
      </c>
      <c r="AR683" s="53">
        <v>-5634711.04533266</v>
      </c>
      <c r="AS683" s="53">
        <v>-5890939.2411118997</v>
      </c>
      <c r="AT683" s="53">
        <v>-6612296.7121366803</v>
      </c>
      <c r="AU683" s="53">
        <v>-7305203.9728969196</v>
      </c>
      <c r="AV683" s="53">
        <v>-7909887.4389729798</v>
      </c>
      <c r="AW683" s="53">
        <v>-8201169.3584927497</v>
      </c>
      <c r="AX683" s="53">
        <v>-7557179.1195696499</v>
      </c>
      <c r="AY683" s="53">
        <v>-5422248.6718296297</v>
      </c>
      <c r="AZ683" s="53">
        <v>-5514491.8790039504</v>
      </c>
      <c r="BA683" s="53">
        <v>-75291705.292468101</v>
      </c>
      <c r="BB683" s="53">
        <v>-5928475.9900334897</v>
      </c>
      <c r="BC683" s="53">
        <v>-8726651.6816784292</v>
      </c>
      <c r="BD683" s="53">
        <v>-6842029.7048914498</v>
      </c>
      <c r="BE683" s="53">
        <v>-7509135.6212909203</v>
      </c>
      <c r="BF683" s="53">
        <v>-7848585.7115441104</v>
      </c>
      <c r="BG683" s="53">
        <v>-8802769.7933851909</v>
      </c>
      <c r="BH683" s="53">
        <v>-9784385.5173778497</v>
      </c>
      <c r="BI683" s="53">
        <v>-10564989.8120068</v>
      </c>
      <c r="BJ683" s="53">
        <v>-10943461.2549171</v>
      </c>
      <c r="BK683" s="53">
        <v>-10124507.007868299</v>
      </c>
      <c r="BL683" s="53">
        <v>-7286968.98328688</v>
      </c>
      <c r="BM683" s="53">
        <v>-7337401.78272398</v>
      </c>
      <c r="BN683" s="53">
        <v>-101699362.86100399</v>
      </c>
      <c r="BO683" s="53">
        <v>-7598432.2404783303</v>
      </c>
      <c r="BP683" s="53">
        <v>-10370776.4988833</v>
      </c>
      <c r="BQ683" s="53">
        <v>-8101981.5571337501</v>
      </c>
      <c r="BR683" s="53">
        <v>-8835850.8923603501</v>
      </c>
      <c r="BS683" s="53">
        <v>-9243534.6506075691</v>
      </c>
      <c r="BT683" s="53">
        <v>-10433299.849846199</v>
      </c>
      <c r="BU683" s="53">
        <v>-11623725.639471101</v>
      </c>
      <c r="BV683" s="53">
        <v>-12542133.0695151</v>
      </c>
      <c r="BW683" s="53">
        <v>-12976704.5085032</v>
      </c>
      <c r="BX683" s="53">
        <v>-12025559.611785401</v>
      </c>
      <c r="BY683" s="53">
        <v>-8653052.0036001205</v>
      </c>
      <c r="BZ683" s="53">
        <v>-8729670.8238148205</v>
      </c>
      <c r="CA683" s="53">
        <v>-121134721.345999</v>
      </c>
      <c r="CB683" s="53">
        <v>16813.8726114649</v>
      </c>
      <c r="CC683" s="53">
        <v>16813.8726114649</v>
      </c>
      <c r="CD683" s="53">
        <v>16813.8726114649</v>
      </c>
      <c r="CE683" s="53">
        <v>16813.8726114649</v>
      </c>
      <c r="CF683" s="53">
        <v>16813.8726114649</v>
      </c>
      <c r="CG683" s="53">
        <v>16813.8726114649</v>
      </c>
      <c r="CH683" s="53">
        <v>16813.8726114649</v>
      </c>
      <c r="CI683" s="53">
        <v>16813.8726114649</v>
      </c>
      <c r="CJ683" s="53">
        <v>16813.8726114649</v>
      </c>
      <c r="CK683" s="53">
        <v>16813.8726114649</v>
      </c>
      <c r="CL683" s="53">
        <v>16813.8726114649</v>
      </c>
      <c r="CM683" s="53">
        <v>16813.8726114649</v>
      </c>
      <c r="CN683" s="53">
        <v>201766.47133757899</v>
      </c>
    </row>
    <row r="684" spans="1:92">
      <c r="A684" s="52" t="s">
        <v>1262</v>
      </c>
      <c r="B684" s="53">
        <v>-152454.63322252201</v>
      </c>
      <c r="C684" s="53">
        <v>-576200.92726216395</v>
      </c>
      <c r="D684" s="53">
        <v>-662216.30647674098</v>
      </c>
      <c r="E684" s="53">
        <v>-723285.91634551506</v>
      </c>
      <c r="F684" s="53">
        <v>-712049.01752955397</v>
      </c>
      <c r="G684" s="53">
        <v>-732112.15789400204</v>
      </c>
      <c r="H684" s="53">
        <v>-787827.04963847401</v>
      </c>
      <c r="I684" s="53">
        <v>-758235.67492512695</v>
      </c>
      <c r="J684" s="53">
        <v>-697938.18804155895</v>
      </c>
      <c r="K684" s="53">
        <v>-800314.21207988705</v>
      </c>
      <c r="L684" s="53">
        <v>-628365.76061862905</v>
      </c>
      <c r="M684" s="53">
        <v>-736027.612402</v>
      </c>
      <c r="N684" s="53">
        <v>-7967027.4564361796</v>
      </c>
      <c r="O684" s="53">
        <v>-667629.06437641499</v>
      </c>
      <c r="P684" s="53">
        <v>-751721.85015734099</v>
      </c>
      <c r="Q684" s="53">
        <v>-874967.94024271495</v>
      </c>
      <c r="R684" s="53">
        <v>-1030631.46228656</v>
      </c>
      <c r="S684" s="53">
        <v>-1192492.8568091199</v>
      </c>
      <c r="T684" s="53">
        <v>-1284933.1023172999</v>
      </c>
      <c r="U684" s="53">
        <v>-1131756.9759144899</v>
      </c>
      <c r="V684" s="53">
        <v>-1076336.06143696</v>
      </c>
      <c r="W684" s="53">
        <v>-988552.09186826297</v>
      </c>
      <c r="X684" s="53">
        <v>-1064572.20268907</v>
      </c>
      <c r="Y684" s="53">
        <v>-766634.59251410398</v>
      </c>
      <c r="Z684" s="53">
        <v>-814105.14096114296</v>
      </c>
      <c r="AA684" s="53">
        <v>-11644333.341573499</v>
      </c>
      <c r="AB684" s="53">
        <v>-775570.17350791395</v>
      </c>
      <c r="AC684" s="53">
        <v>-780233.00258112105</v>
      </c>
      <c r="AD684" s="53">
        <v>-910607.82933379395</v>
      </c>
      <c r="AE684" s="53">
        <v>-1059133.54227169</v>
      </c>
      <c r="AF684" s="53">
        <v>-1226333.78550138</v>
      </c>
      <c r="AG684" s="53">
        <v>-1321507.7324417401</v>
      </c>
      <c r="AH684" s="53">
        <v>-1164001.77130306</v>
      </c>
      <c r="AI684" s="53">
        <v>-1107113.4339443401</v>
      </c>
      <c r="AJ684" s="53">
        <v>-1016662.31365624</v>
      </c>
      <c r="AK684" s="53">
        <v>-1095577.9569810601</v>
      </c>
      <c r="AL684" s="53">
        <v>-789276.54352816904</v>
      </c>
      <c r="AM684" s="53">
        <v>-838400.42531423795</v>
      </c>
      <c r="AN684" s="53">
        <v>-12084418.5103647</v>
      </c>
      <c r="AO684" s="53">
        <v>-917336.40249635698</v>
      </c>
      <c r="AP684" s="53">
        <v>-1326405.3801762001</v>
      </c>
      <c r="AQ684" s="53">
        <v>-1581424.0455793401</v>
      </c>
      <c r="AR684" s="53">
        <v>-1881237.04264088</v>
      </c>
      <c r="AS684" s="53">
        <v>-2176801.8208091301</v>
      </c>
      <c r="AT684" s="53">
        <v>-2345805.9175327201</v>
      </c>
      <c r="AU684" s="53">
        <v>-2067290.72061298</v>
      </c>
      <c r="AV684" s="53">
        <v>-1966408.3645818499</v>
      </c>
      <c r="AW684" s="53">
        <v>-1805722.1406461601</v>
      </c>
      <c r="AX684" s="53">
        <v>-1945863.06853315</v>
      </c>
      <c r="AY684" s="53">
        <v>-1402129.4095223099</v>
      </c>
      <c r="AZ684" s="53">
        <v>-1489749.8292844601</v>
      </c>
      <c r="BA684" s="53">
        <v>-20906174.142415501</v>
      </c>
      <c r="BB684" s="53">
        <v>-1504187.4877123199</v>
      </c>
      <c r="BC684" s="53">
        <v>-1799496.5010387099</v>
      </c>
      <c r="BD684" s="53">
        <v>-2116373.1606167601</v>
      </c>
      <c r="BE684" s="53">
        <v>-2498375.11784263</v>
      </c>
      <c r="BF684" s="53">
        <v>-2889290.9162556599</v>
      </c>
      <c r="BG684" s="53">
        <v>-3113166.8630047399</v>
      </c>
      <c r="BH684" s="53">
        <v>-2745147.7531137299</v>
      </c>
      <c r="BI684" s="53">
        <v>-2611785.42038931</v>
      </c>
      <c r="BJ684" s="53">
        <v>-2398725.2308029998</v>
      </c>
      <c r="BK684" s="53">
        <v>-2585449.1810464598</v>
      </c>
      <c r="BL684" s="53">
        <v>-1863816.21599122</v>
      </c>
      <c r="BM684" s="53">
        <v>-1981316.32042457</v>
      </c>
      <c r="BN684" s="53">
        <v>-28107130.168239102</v>
      </c>
      <c r="BO684" s="53">
        <v>-1946153.45947721</v>
      </c>
      <c r="BP684" s="53">
        <v>-2152766.5394472899</v>
      </c>
      <c r="BQ684" s="53">
        <v>-2514923.0895046699</v>
      </c>
      <c r="BR684" s="53">
        <v>-2957197.4550569998</v>
      </c>
      <c r="BS684" s="53">
        <v>-3418002.4071354098</v>
      </c>
      <c r="BT684" s="53">
        <v>-3682857.8823829</v>
      </c>
      <c r="BU684" s="53">
        <v>-3250823.8921737298</v>
      </c>
      <c r="BV684" s="53">
        <v>-3094241.4025382102</v>
      </c>
      <c r="BW684" s="53">
        <v>-2842587.7356924801</v>
      </c>
      <c r="BX684" s="53">
        <v>-3065111.4642319302</v>
      </c>
      <c r="BY684" s="53">
        <v>-2211282.05531875</v>
      </c>
      <c r="BZ684" s="53">
        <v>-2352672.46204045</v>
      </c>
      <c r="CA684" s="53">
        <v>-33488619.844999999</v>
      </c>
      <c r="CB684" s="53">
        <v>-308004.32631578902</v>
      </c>
      <c r="CC684" s="53">
        <v>-308004.32631578902</v>
      </c>
      <c r="CD684" s="53">
        <v>-308004.32631578902</v>
      </c>
      <c r="CE684" s="53">
        <v>-308004.32631578902</v>
      </c>
      <c r="CF684" s="53">
        <v>-308004.32631578902</v>
      </c>
      <c r="CG684" s="53">
        <v>-308004.32631578902</v>
      </c>
      <c r="CH684" s="53">
        <v>-308004.32631578902</v>
      </c>
      <c r="CI684" s="53">
        <v>-308004.32631578902</v>
      </c>
      <c r="CJ684" s="53">
        <v>-308004.32631578902</v>
      </c>
      <c r="CK684" s="53">
        <v>-308004.32631578902</v>
      </c>
      <c r="CL684" s="53">
        <v>-308004.32631578902</v>
      </c>
      <c r="CM684" s="53">
        <v>-308004.32631578902</v>
      </c>
      <c r="CN684" s="53">
        <v>-3696051.9157894701</v>
      </c>
    </row>
    <row r="685" spans="1:92" outlineLevel="1">
      <c r="A685" s="52" t="s">
        <v>1266</v>
      </c>
      <c r="B685" s="53">
        <v>-1014.69855677438</v>
      </c>
      <c r="C685" s="53">
        <v>-3828.6756372714399</v>
      </c>
      <c r="D685" s="53">
        <v>-4298.5818387498302</v>
      </c>
      <c r="E685" s="53">
        <v>-4465.1359600836104</v>
      </c>
      <c r="F685" s="53">
        <v>-4288.7309178037804</v>
      </c>
      <c r="G685" s="53">
        <v>-4330.95143870213</v>
      </c>
      <c r="H685" s="53">
        <v>-4566.6632005483098</v>
      </c>
      <c r="I685" s="53">
        <v>-4520.2469229571798</v>
      </c>
      <c r="J685" s="53">
        <v>-4243.9074113178604</v>
      </c>
      <c r="K685" s="53">
        <v>-4806.2918991895904</v>
      </c>
      <c r="L685" s="53">
        <v>-3842.2685224922402</v>
      </c>
      <c r="M685" s="53">
        <v>-4539.0383013846103</v>
      </c>
      <c r="N685" s="53">
        <v>-48745.190607274999</v>
      </c>
      <c r="O685" s="53">
        <v>-5135.7473948090201</v>
      </c>
      <c r="P685" s="53">
        <v>-8531.1318171131497</v>
      </c>
      <c r="Q685" s="53">
        <v>-9236.7288502309293</v>
      </c>
      <c r="R685" s="53">
        <v>-9374.7108622414908</v>
      </c>
      <c r="S685" s="53">
        <v>-8957.6968647116391</v>
      </c>
      <c r="T685" s="53">
        <v>-8999.6347825755493</v>
      </c>
      <c r="U685" s="53">
        <v>-9443.9515074370393</v>
      </c>
      <c r="V685" s="53">
        <v>-9307.3487129559398</v>
      </c>
      <c r="W685" s="53">
        <v>-8706.4389985689904</v>
      </c>
      <c r="X685" s="53">
        <v>-9821.7140167636408</v>
      </c>
      <c r="Y685" s="53">
        <v>-7829.7361207663098</v>
      </c>
      <c r="Z685" s="53">
        <v>-9222.30955432257</v>
      </c>
      <c r="AA685" s="53">
        <v>-104567.149482496</v>
      </c>
      <c r="AB685" s="53">
        <v>-8439.1305050241808</v>
      </c>
      <c r="AC685" s="53">
        <v>-8726.0060860162102</v>
      </c>
      <c r="AD685" s="53">
        <v>-9165.9233893673008</v>
      </c>
      <c r="AE685" s="53">
        <v>-9152.0112436096697</v>
      </c>
      <c r="AF685" s="53">
        <v>-8776.3351755391595</v>
      </c>
      <c r="AG685" s="53">
        <v>-8849.4641362063903</v>
      </c>
      <c r="AH685" s="53">
        <v>-9318.8446893051096</v>
      </c>
      <c r="AI685" s="53">
        <v>-9213.9106394405608</v>
      </c>
      <c r="AJ685" s="53">
        <v>-8643.2187417064506</v>
      </c>
      <c r="AK685" s="53">
        <v>-9780.4552071094095</v>
      </c>
      <c r="AL685" s="53">
        <v>-7814.6259695969202</v>
      </c>
      <c r="AM685" s="53">
        <v>-9227.3105033001793</v>
      </c>
      <c r="AN685" s="53">
        <v>-107107.236286221</v>
      </c>
      <c r="AO685" s="53">
        <v>-9786.7033835859602</v>
      </c>
      <c r="AP685" s="53">
        <v>-14527.6316614434</v>
      </c>
      <c r="AQ685" s="53">
        <v>-15713.076904211801</v>
      </c>
      <c r="AR685" s="53">
        <v>-15979.050902650801</v>
      </c>
      <c r="AS685" s="53">
        <v>-15347.824991892099</v>
      </c>
      <c r="AT685" s="53">
        <v>-15500.744466862599</v>
      </c>
      <c r="AU685" s="53">
        <v>-16348.140917664499</v>
      </c>
      <c r="AV685" s="53">
        <v>-16187.1931288593</v>
      </c>
      <c r="AW685" s="53">
        <v>-15203.2297855341</v>
      </c>
      <c r="AX685" s="53">
        <v>-17226.654754836702</v>
      </c>
      <c r="AY685" s="53">
        <v>-13777.7677834763</v>
      </c>
      <c r="AZ685" s="53">
        <v>-16285.7663092812</v>
      </c>
      <c r="BA685" s="53">
        <v>-181883.784990299</v>
      </c>
      <c r="BB685" s="53">
        <v>-15893.374385310201</v>
      </c>
      <c r="BC685" s="53">
        <v>-19606.474470497498</v>
      </c>
      <c r="BD685" s="53">
        <v>-20953.9484144372</v>
      </c>
      <c r="BE685" s="53">
        <v>-21164.670965523601</v>
      </c>
      <c r="BF685" s="53">
        <v>-20342.370765413802</v>
      </c>
      <c r="BG685" s="53">
        <v>-20558.965845491301</v>
      </c>
      <c r="BH685" s="53">
        <v>-21696.8833248597</v>
      </c>
      <c r="BI685" s="53">
        <v>-21495.980624317501</v>
      </c>
      <c r="BJ685" s="53">
        <v>-20199.518604872901</v>
      </c>
      <c r="BK685" s="53">
        <v>-22900.4772230616</v>
      </c>
      <c r="BL685" s="53">
        <v>-18322.993459704801</v>
      </c>
      <c r="BM685" s="53">
        <v>-21667.751456440601</v>
      </c>
      <c r="BN685" s="53">
        <v>-244803.40953993099</v>
      </c>
      <c r="BO685" s="53">
        <v>-20548.820132993798</v>
      </c>
      <c r="BP685" s="53">
        <v>-23471.351050369401</v>
      </c>
      <c r="BQ685" s="53">
        <v>-24939.748878171999</v>
      </c>
      <c r="BR685" s="53">
        <v>-25106.220885569401</v>
      </c>
      <c r="BS685" s="53">
        <v>-24137.235450464599</v>
      </c>
      <c r="BT685" s="53">
        <v>-24400.625867050501</v>
      </c>
      <c r="BU685" s="53">
        <v>-25757.589735570298</v>
      </c>
      <c r="BV685" s="53">
        <v>-25524.868473948802</v>
      </c>
      <c r="BW685" s="53">
        <v>-23990.0124015367</v>
      </c>
      <c r="BX685" s="53">
        <v>-27203.395828885201</v>
      </c>
      <c r="BY685" s="53">
        <v>-21769.108006132599</v>
      </c>
      <c r="BZ685" s="53">
        <v>-25746.982931493501</v>
      </c>
      <c r="CA685" s="53">
        <v>-292595.95964218699</v>
      </c>
      <c r="CB685" s="53">
        <v>-199670.97536945701</v>
      </c>
      <c r="CC685" s="53">
        <v>-199670.97536945701</v>
      </c>
      <c r="CD685" s="53">
        <v>-199670.97536945701</v>
      </c>
      <c r="CE685" s="53">
        <v>-199670.97536945701</v>
      </c>
      <c r="CF685" s="53">
        <v>-199670.97536945701</v>
      </c>
      <c r="CG685" s="53">
        <v>-199670.97536945701</v>
      </c>
      <c r="CH685" s="53">
        <v>-199670.97536945701</v>
      </c>
      <c r="CI685" s="53">
        <v>-199670.97536945701</v>
      </c>
      <c r="CJ685" s="53">
        <v>-199670.97536945701</v>
      </c>
      <c r="CK685" s="53">
        <v>-199670.97536945701</v>
      </c>
      <c r="CL685" s="53">
        <v>-199670.97536945701</v>
      </c>
      <c r="CM685" s="53">
        <v>-199670.97536945701</v>
      </c>
      <c r="CN685" s="53">
        <v>-2396051.7044334901</v>
      </c>
    </row>
    <row r="686" spans="1:92" outlineLevel="1">
      <c r="A686" s="52" t="s">
        <v>1263</v>
      </c>
      <c r="B686" s="53">
        <v>-135458.059321938</v>
      </c>
      <c r="C686" s="53">
        <v>-512055.58899023099</v>
      </c>
      <c r="D686" s="53">
        <v>-575095.96168116899</v>
      </c>
      <c r="E686" s="53">
        <v>-619068.36037643102</v>
      </c>
      <c r="F686" s="53">
        <v>-631817.43404161895</v>
      </c>
      <c r="G686" s="53">
        <v>-688577.76343241695</v>
      </c>
      <c r="H686" s="53">
        <v>-731790.02290798398</v>
      </c>
      <c r="I686" s="53">
        <v>-704377.43746580905</v>
      </c>
      <c r="J686" s="53">
        <v>-684002.919332469</v>
      </c>
      <c r="K686" s="53">
        <v>-783968.21771971998</v>
      </c>
      <c r="L686" s="53">
        <v>-584611.34596807999</v>
      </c>
      <c r="M686" s="53">
        <v>-631960.03186425206</v>
      </c>
      <c r="N686" s="53">
        <v>-7282783.1431021197</v>
      </c>
      <c r="O686" s="53">
        <v>-630243.15841278899</v>
      </c>
      <c r="P686" s="53">
        <v>-847277.21209372894</v>
      </c>
      <c r="Q686" s="53">
        <v>-837873.37928071397</v>
      </c>
      <c r="R686" s="53">
        <v>-880639.17230245494</v>
      </c>
      <c r="S686" s="53">
        <v>-906066.36450618599</v>
      </c>
      <c r="T686" s="53">
        <v>-985337.13744441001</v>
      </c>
      <c r="U686" s="53">
        <v>-1056527.2455038801</v>
      </c>
      <c r="V686" s="53">
        <v>-1058818.4135692599</v>
      </c>
      <c r="W686" s="53">
        <v>-979036.40649273002</v>
      </c>
      <c r="X686" s="53">
        <v>-1124492.9188822701</v>
      </c>
      <c r="Y686" s="53">
        <v>-835791.82718129701</v>
      </c>
      <c r="Z686" s="53">
        <v>-892217.25990296097</v>
      </c>
      <c r="AA686" s="53">
        <v>-11034320.495572601</v>
      </c>
      <c r="AB686" s="53">
        <v>-812039.07782575802</v>
      </c>
      <c r="AC686" s="53">
        <v>-887360.23397204396</v>
      </c>
      <c r="AD686" s="53">
        <v>-864479.853729925</v>
      </c>
      <c r="AE686" s="53">
        <v>-898843.26621298795</v>
      </c>
      <c r="AF686" s="53">
        <v>-924896.97018186201</v>
      </c>
      <c r="AG686" s="53">
        <v>-1005810.91717156</v>
      </c>
      <c r="AH686" s="53">
        <v>-1078390.96857338</v>
      </c>
      <c r="AI686" s="53">
        <v>-1080625.66168229</v>
      </c>
      <c r="AJ686" s="53">
        <v>-999067.31668894202</v>
      </c>
      <c r="AK686" s="53">
        <v>-1147662.63586452</v>
      </c>
      <c r="AL686" s="53">
        <v>-852935.13366578799</v>
      </c>
      <c r="AM686" s="53">
        <v>-910236.94088991405</v>
      </c>
      <c r="AN686" s="53">
        <v>-11462348.976459</v>
      </c>
      <c r="AO686" s="53">
        <v>-968944.51542815601</v>
      </c>
      <c r="AP686" s="53">
        <v>-1503035.8857452001</v>
      </c>
      <c r="AQ686" s="53">
        <v>-1499429.1167880101</v>
      </c>
      <c r="AR686" s="53">
        <v>-1586492.49784983</v>
      </c>
      <c r="AS686" s="53">
        <v>-1632863.9221824801</v>
      </c>
      <c r="AT686" s="53">
        <v>-1775908.0498806499</v>
      </c>
      <c r="AU686" s="53">
        <v>-1903844.3338250199</v>
      </c>
      <c r="AV686" s="53">
        <v>-1907543.7855292601</v>
      </c>
      <c r="AW686" s="53">
        <v>-1763263.3858178</v>
      </c>
      <c r="AX686" s="53">
        <v>-2026029.3237727699</v>
      </c>
      <c r="AY686" s="53">
        <v>-1505583.34136615</v>
      </c>
      <c r="AZ686" s="53">
        <v>-1606034.03994789</v>
      </c>
      <c r="BA686" s="53">
        <v>-19678972.1981332</v>
      </c>
      <c r="BB686" s="53">
        <v>-1560946.83278516</v>
      </c>
      <c r="BC686" s="53">
        <v>-2022533.7770293599</v>
      </c>
      <c r="BD686" s="53">
        <v>-1995065.3903860301</v>
      </c>
      <c r="BE686" s="53">
        <v>-2095889.4056688601</v>
      </c>
      <c r="BF686" s="53">
        <v>-2157477.5540254102</v>
      </c>
      <c r="BG686" s="53">
        <v>-2346594.9755266099</v>
      </c>
      <c r="BH686" s="53">
        <v>-2515433.2038758402</v>
      </c>
      <c r="BI686" s="53">
        <v>-2520075.14615566</v>
      </c>
      <c r="BJ686" s="53">
        <v>-2329163.7509526298</v>
      </c>
      <c r="BK686" s="53">
        <v>-2676715.2490513599</v>
      </c>
      <c r="BL686" s="53">
        <v>-1988974.1868008201</v>
      </c>
      <c r="BM686" s="53">
        <v>-2121023.88185459</v>
      </c>
      <c r="BN686" s="53">
        <v>-26329893.354112301</v>
      </c>
      <c r="BO686" s="53">
        <v>-1997123.18396252</v>
      </c>
      <c r="BP686" s="53">
        <v>-2399726.05735707</v>
      </c>
      <c r="BQ686" s="53">
        <v>-2354396.8242976302</v>
      </c>
      <c r="BR686" s="53">
        <v>-2465172.3770046602</v>
      </c>
      <c r="BS686" s="53">
        <v>-2537948.3072084598</v>
      </c>
      <c r="BT686" s="53">
        <v>-2760512.5142223099</v>
      </c>
      <c r="BU686" s="53">
        <v>-2958845.2076580999</v>
      </c>
      <c r="BV686" s="53">
        <v>-2963979.6522189202</v>
      </c>
      <c r="BW686" s="53">
        <v>-2739037.0373662198</v>
      </c>
      <c r="BX686" s="53">
        <v>-3148207.69415907</v>
      </c>
      <c r="BY686" s="53">
        <v>-2339077.53716018</v>
      </c>
      <c r="BZ686" s="53">
        <v>-2493517.3791375598</v>
      </c>
      <c r="CA686" s="53">
        <v>-31157543.7717527</v>
      </c>
      <c r="CB686" s="53">
        <v>-115069.472803347</v>
      </c>
      <c r="CC686" s="53">
        <v>-115069.472803347</v>
      </c>
      <c r="CD686" s="53">
        <v>-115069.472803347</v>
      </c>
      <c r="CE686" s="53">
        <v>-115069.472803347</v>
      </c>
      <c r="CF686" s="53">
        <v>-115069.472803347</v>
      </c>
      <c r="CG686" s="53">
        <v>-115069.472803347</v>
      </c>
      <c r="CH686" s="53">
        <v>-115069.472803347</v>
      </c>
      <c r="CI686" s="53">
        <v>-115069.472803347</v>
      </c>
      <c r="CJ686" s="53">
        <v>-115069.472803347</v>
      </c>
      <c r="CK686" s="53">
        <v>-115069.472803347</v>
      </c>
      <c r="CL686" s="53">
        <v>-115069.472803347</v>
      </c>
      <c r="CM686" s="53">
        <v>-115069.472803347</v>
      </c>
      <c r="CN686" s="53">
        <v>-1380833.6736401699</v>
      </c>
    </row>
    <row r="687" spans="1:92" outlineLevel="1">
      <c r="A687" s="52" t="s">
        <v>1264</v>
      </c>
      <c r="B687" s="53">
        <v>-903454.29309368401</v>
      </c>
      <c r="C687" s="53">
        <v>-3351732.79648074</v>
      </c>
      <c r="D687" s="53">
        <v>-3356292.6901871702</v>
      </c>
      <c r="E687" s="53">
        <v>-3591370.2930953</v>
      </c>
      <c r="F687" s="53">
        <v>-3715281.9933357802</v>
      </c>
      <c r="G687" s="53">
        <v>-4495480.2666709898</v>
      </c>
      <c r="H687" s="53">
        <v>-5326941.2725293497</v>
      </c>
      <c r="I687" s="53">
        <v>-5656920.27637274</v>
      </c>
      <c r="J687" s="53">
        <v>-5224493.66240313</v>
      </c>
      <c r="K687" s="53">
        <v>-5305743.1204777798</v>
      </c>
      <c r="L687" s="53">
        <v>-3635714.7367686601</v>
      </c>
      <c r="M687" s="53">
        <v>-3764512.7216996802</v>
      </c>
      <c r="N687" s="53">
        <v>-48327938.123115003</v>
      </c>
      <c r="O687" s="53">
        <v>-4376403.81588824</v>
      </c>
      <c r="P687" s="53">
        <v>-6593449.6833676295</v>
      </c>
      <c r="Q687" s="53">
        <v>-4679735.91667163</v>
      </c>
      <c r="R687" s="53">
        <v>-4839030.8266150299</v>
      </c>
      <c r="S687" s="53">
        <v>-5003158.8933091098</v>
      </c>
      <c r="T687" s="53">
        <v>-6234127.2755255299</v>
      </c>
      <c r="U687" s="53">
        <v>-7495218.0988205997</v>
      </c>
      <c r="V687" s="53">
        <v>-8496779.7267654594</v>
      </c>
      <c r="W687" s="53">
        <v>-8914445.7854443993</v>
      </c>
      <c r="X687" s="53">
        <v>-7542908.7148432098</v>
      </c>
      <c r="Y687" s="53">
        <v>-5018736.7044400303</v>
      </c>
      <c r="Z687" s="53">
        <v>-4877146.6472881101</v>
      </c>
      <c r="AA687" s="53">
        <v>-74071142.088979006</v>
      </c>
      <c r="AB687" s="53">
        <v>-5314910.2224222897</v>
      </c>
      <c r="AC687" s="53">
        <v>-6941114.6134587498</v>
      </c>
      <c r="AD687" s="53">
        <v>-4978847.9881517999</v>
      </c>
      <c r="AE687" s="53">
        <v>-5011626.1925101504</v>
      </c>
      <c r="AF687" s="53">
        <v>-5194266.3681148598</v>
      </c>
      <c r="AG687" s="53">
        <v>-6539464.5600647898</v>
      </c>
      <c r="AH687" s="53">
        <v>-7922428.5049572904</v>
      </c>
      <c r="AI687" s="53">
        <v>-8985103.4802111201</v>
      </c>
      <c r="AJ687" s="53">
        <v>-9392214.1784594096</v>
      </c>
      <c r="AK687" s="53">
        <v>-7962935.1374311699</v>
      </c>
      <c r="AL687" s="53">
        <v>-5267158.4498459203</v>
      </c>
      <c r="AM687" s="53">
        <v>-5088172.0844792398</v>
      </c>
      <c r="AN687" s="53">
        <v>-78598241.780106798</v>
      </c>
      <c r="AO687" s="53">
        <v>-6725571.2095993897</v>
      </c>
      <c r="AP687" s="53">
        <v>-11877611.3907691</v>
      </c>
      <c r="AQ687" s="53">
        <v>-8421265.3260554094</v>
      </c>
      <c r="AR687" s="53">
        <v>-8753731.9917781707</v>
      </c>
      <c r="AS687" s="53">
        <v>-9089838.7871743292</v>
      </c>
      <c r="AT687" s="53">
        <v>-11525091.062949199</v>
      </c>
      <c r="AU687" s="53">
        <v>-14032805.7672842</v>
      </c>
      <c r="AV687" s="53">
        <v>-15941159.578050001</v>
      </c>
      <c r="AW687" s="53">
        <v>-16668037.2734641</v>
      </c>
      <c r="AX687" s="53">
        <v>-14123631.131067101</v>
      </c>
      <c r="AY687" s="53">
        <v>-9320828.4236007202</v>
      </c>
      <c r="AZ687" s="53">
        <v>-8989769.6342542507</v>
      </c>
      <c r="BA687" s="53">
        <v>-135469341.57604599</v>
      </c>
      <c r="BB687" s="53">
        <v>-10609397.573555199</v>
      </c>
      <c r="BC687" s="53">
        <v>-15887246.3047217</v>
      </c>
      <c r="BD687" s="53">
        <v>-11132068.7879056</v>
      </c>
      <c r="BE687" s="53">
        <v>-11433634.541226801</v>
      </c>
      <c r="BF687" s="53">
        <v>-11889621.720584501</v>
      </c>
      <c r="BG687" s="53">
        <v>-15167374.186485</v>
      </c>
      <c r="BH687" s="53">
        <v>-18563550.194412999</v>
      </c>
      <c r="BI687" s="53">
        <v>-21124725.470557202</v>
      </c>
      <c r="BJ687" s="53">
        <v>-22096858.3704441</v>
      </c>
      <c r="BK687" s="53">
        <v>-18708982.885692898</v>
      </c>
      <c r="BL687" s="53">
        <v>-12317875.2420663</v>
      </c>
      <c r="BM687" s="53">
        <v>-11859737.1651942</v>
      </c>
      <c r="BN687" s="53">
        <v>-180791072.44284701</v>
      </c>
      <c r="BO687" s="53">
        <v>-13462288.135095401</v>
      </c>
      <c r="BP687" s="53">
        <v>-18782291.226543002</v>
      </c>
      <c r="BQ687" s="53">
        <v>-13067538.676412201</v>
      </c>
      <c r="BR687" s="53">
        <v>-13325790.102976101</v>
      </c>
      <c r="BS687" s="53">
        <v>-13879516.6707357</v>
      </c>
      <c r="BT687" s="53">
        <v>-17787333.310198501</v>
      </c>
      <c r="BU687" s="53">
        <v>-21866401.916923799</v>
      </c>
      <c r="BV687" s="53">
        <v>-24926056.227700099</v>
      </c>
      <c r="BW687" s="53">
        <v>-26095483.202852201</v>
      </c>
      <c r="BX687" s="53">
        <v>-22118757.204700399</v>
      </c>
      <c r="BY687" s="53">
        <v>-14565650.5248318</v>
      </c>
      <c r="BZ687" s="53">
        <v>-14034184.392944001</v>
      </c>
      <c r="CA687" s="53">
        <v>-213911291.59191301</v>
      </c>
      <c r="CB687" s="53"/>
      <c r="CC687" s="53"/>
      <c r="CD687" s="53"/>
      <c r="CE687" s="53"/>
      <c r="CF687" s="53"/>
      <c r="CG687" s="53"/>
      <c r="CH687" s="53"/>
      <c r="CI687" s="53"/>
      <c r="CJ687" s="53"/>
      <c r="CK687" s="53"/>
      <c r="CL687" s="53"/>
      <c r="CM687" s="53"/>
      <c r="CN687" s="53"/>
    </row>
    <row r="688" spans="1:92" outlineLevel="1">
      <c r="A688" s="52" t="s">
        <v>675</v>
      </c>
      <c r="B688" s="53"/>
      <c r="C688" s="53"/>
      <c r="D688" s="53"/>
      <c r="E688" s="53"/>
      <c r="F688" s="53"/>
      <c r="G688" s="53"/>
      <c r="H688" s="53"/>
      <c r="I688" s="53"/>
      <c r="J688" s="53"/>
      <c r="K688" s="53"/>
      <c r="L688" s="53"/>
      <c r="M688" s="53"/>
      <c r="N688" s="53"/>
      <c r="O688" s="53"/>
      <c r="P688" s="53"/>
      <c r="Q688" s="53"/>
      <c r="R688" s="53"/>
      <c r="S688" s="53"/>
      <c r="T688" s="53"/>
      <c r="U688" s="53"/>
      <c r="V688" s="53"/>
      <c r="W688" s="53"/>
      <c r="X688" s="53"/>
      <c r="Y688" s="53"/>
      <c r="Z688" s="53"/>
      <c r="AA688" s="53"/>
      <c r="AB688" s="53"/>
      <c r="AC688" s="53"/>
      <c r="AD688" s="53"/>
      <c r="AE688" s="53"/>
      <c r="AF688" s="53"/>
      <c r="AG688" s="53"/>
      <c r="AH688" s="53"/>
      <c r="AI688" s="53"/>
      <c r="AJ688" s="53"/>
      <c r="AK688" s="53"/>
      <c r="AL688" s="53"/>
      <c r="AM688" s="53"/>
      <c r="AN688" s="53"/>
      <c r="AO688" s="53"/>
      <c r="AP688" s="53"/>
      <c r="AQ688" s="53"/>
      <c r="AR688" s="53"/>
      <c r="AS688" s="53"/>
      <c r="AT688" s="53"/>
      <c r="AU688" s="53"/>
      <c r="AV688" s="53"/>
      <c r="AW688" s="53"/>
      <c r="AX688" s="53"/>
      <c r="AY688" s="53"/>
      <c r="AZ688" s="53"/>
      <c r="BA688" s="53"/>
      <c r="BB688" s="53"/>
      <c r="BC688" s="53"/>
      <c r="BD688" s="53"/>
      <c r="BE688" s="53"/>
      <c r="BF688" s="53"/>
      <c r="BG688" s="53"/>
      <c r="BH688" s="53"/>
      <c r="BI688" s="53"/>
      <c r="BJ688" s="53"/>
      <c r="BK688" s="53"/>
      <c r="BL688" s="53"/>
      <c r="BM688" s="53"/>
      <c r="BN688" s="53"/>
      <c r="BO688" s="53"/>
      <c r="BP688" s="53"/>
      <c r="BQ688" s="53"/>
      <c r="BR688" s="53"/>
      <c r="BS688" s="53"/>
      <c r="BT688" s="53"/>
      <c r="BU688" s="53"/>
      <c r="BV688" s="53"/>
      <c r="BW688" s="53"/>
      <c r="BX688" s="53"/>
      <c r="BY688" s="53"/>
      <c r="BZ688" s="53"/>
      <c r="CA688" s="53"/>
      <c r="CB688" s="53"/>
      <c r="CC688" s="53"/>
      <c r="CD688" s="53"/>
      <c r="CE688" s="53"/>
      <c r="CF688" s="53"/>
      <c r="CG688" s="53"/>
      <c r="CH688" s="53"/>
      <c r="CI688" s="53"/>
      <c r="CJ688" s="53"/>
      <c r="CK688" s="53"/>
      <c r="CL688" s="53"/>
      <c r="CM688" s="53"/>
      <c r="CN688" s="53"/>
    </row>
    <row r="689" spans="1:92" outlineLevel="1">
      <c r="A689" s="52" t="s">
        <v>1246</v>
      </c>
      <c r="B689" s="53"/>
      <c r="C689" s="53"/>
      <c r="D689" s="53"/>
      <c r="E689" s="53"/>
      <c r="F689" s="53"/>
      <c r="G689" s="53"/>
      <c r="H689" s="53"/>
      <c r="I689" s="53"/>
      <c r="J689" s="53"/>
      <c r="K689" s="53"/>
      <c r="L689" s="53"/>
      <c r="M689" s="53"/>
      <c r="N689" s="53"/>
      <c r="O689" s="53"/>
      <c r="P689" s="53"/>
      <c r="Q689" s="53"/>
      <c r="R689" s="53"/>
      <c r="S689" s="53"/>
      <c r="T689" s="53"/>
      <c r="U689" s="53"/>
      <c r="V689" s="53"/>
      <c r="W689" s="53"/>
      <c r="X689" s="53"/>
      <c r="Y689" s="53"/>
      <c r="Z689" s="53"/>
      <c r="AA689" s="53"/>
      <c r="AB689" s="53"/>
      <c r="AC689" s="53"/>
      <c r="AD689" s="53"/>
      <c r="AE689" s="53"/>
      <c r="AF689" s="53"/>
      <c r="AG689" s="53"/>
      <c r="AH689" s="53"/>
      <c r="AI689" s="53"/>
      <c r="AJ689" s="53"/>
      <c r="AK689" s="53"/>
      <c r="AL689" s="53"/>
      <c r="AM689" s="53"/>
      <c r="AN689" s="53"/>
      <c r="AO689" s="53"/>
      <c r="AP689" s="53"/>
      <c r="AQ689" s="53"/>
      <c r="AR689" s="53"/>
      <c r="AS689" s="53"/>
      <c r="AT689" s="53"/>
      <c r="AU689" s="53"/>
      <c r="AV689" s="53"/>
      <c r="AW689" s="53"/>
      <c r="AX689" s="53"/>
      <c r="AY689" s="53"/>
      <c r="AZ689" s="53"/>
      <c r="BA689" s="53"/>
      <c r="BB689" s="53"/>
      <c r="BC689" s="53"/>
      <c r="BD689" s="53"/>
      <c r="BE689" s="53"/>
      <c r="BF689" s="53"/>
      <c r="BG689" s="53"/>
      <c r="BH689" s="53"/>
      <c r="BI689" s="53"/>
      <c r="BJ689" s="53"/>
      <c r="BK689" s="53"/>
      <c r="BL689" s="53"/>
      <c r="BM689" s="53"/>
      <c r="BN689" s="53"/>
      <c r="BO689" s="53"/>
      <c r="BP689" s="53"/>
      <c r="BQ689" s="53"/>
      <c r="BR689" s="53"/>
      <c r="BS689" s="53"/>
      <c r="BT689" s="53"/>
      <c r="BU689" s="53"/>
      <c r="BV689" s="53"/>
      <c r="BW689" s="53"/>
      <c r="BX689" s="53"/>
      <c r="BY689" s="53"/>
      <c r="BZ689" s="53"/>
      <c r="CA689" s="53"/>
      <c r="CB689" s="53"/>
      <c r="CC689" s="53"/>
      <c r="CD689" s="53"/>
      <c r="CE689" s="53"/>
      <c r="CF689" s="53"/>
      <c r="CG689" s="53"/>
      <c r="CH689" s="53"/>
      <c r="CI689" s="53"/>
      <c r="CJ689" s="53"/>
      <c r="CK689" s="53"/>
      <c r="CL689" s="53"/>
      <c r="CM689" s="53"/>
      <c r="CN689" s="53"/>
    </row>
    <row r="690" spans="1:92">
      <c r="A690" s="52" t="s">
        <v>1249</v>
      </c>
      <c r="B690" s="53">
        <v>-96463546.520651296</v>
      </c>
      <c r="C690" s="53">
        <v>-135180838.53455499</v>
      </c>
      <c r="D690" s="53">
        <v>-136299216.23783001</v>
      </c>
      <c r="E690" s="53">
        <v>-146869401.279787</v>
      </c>
      <c r="F690" s="53">
        <v>-150580910.07515901</v>
      </c>
      <c r="G690" s="53">
        <v>-172580380.553489</v>
      </c>
      <c r="H690" s="53">
        <v>-197832259.71818399</v>
      </c>
      <c r="I690" s="53">
        <v>-205089769.22558799</v>
      </c>
      <c r="J690" s="53">
        <v>-190904581.831781</v>
      </c>
      <c r="K690" s="53">
        <v>-200075060.98661199</v>
      </c>
      <c r="L690" s="53">
        <v>-142156175.27028599</v>
      </c>
      <c r="M690" s="53">
        <v>-150917053.19103801</v>
      </c>
      <c r="N690" s="53">
        <v>-1924949193.4249599</v>
      </c>
      <c r="O690" s="53">
        <v>-166766165.44639599</v>
      </c>
      <c r="P690" s="53">
        <v>-243054000.87109399</v>
      </c>
      <c r="Q690" s="53">
        <v>-190873019.240731</v>
      </c>
      <c r="R690" s="53">
        <v>-203262069.08126301</v>
      </c>
      <c r="S690" s="53">
        <v>-213005755.48536399</v>
      </c>
      <c r="T690" s="53">
        <v>-249235781.30038401</v>
      </c>
      <c r="U690" s="53">
        <v>-281242696.06394899</v>
      </c>
      <c r="V690" s="53">
        <v>-307275968.82789898</v>
      </c>
      <c r="W690" s="53">
        <v>-315680430.36062098</v>
      </c>
      <c r="X690" s="53">
        <v>-284920529.24478102</v>
      </c>
      <c r="Y690" s="53">
        <v>-197983427.77459401</v>
      </c>
      <c r="Z690" s="53">
        <v>-198420878.40011799</v>
      </c>
      <c r="AA690" s="53">
        <v>-2851720722.0971899</v>
      </c>
      <c r="AB690" s="53">
        <v>-198539123.70489901</v>
      </c>
      <c r="AC690" s="53">
        <v>-231266502.631787</v>
      </c>
      <c r="AD690" s="53">
        <v>-180719489.033252</v>
      </c>
      <c r="AE690" s="53">
        <v>-187280902.850364</v>
      </c>
      <c r="AF690" s="53">
        <v>-196894672.97815299</v>
      </c>
      <c r="AG690" s="53">
        <v>-232218477.38704401</v>
      </c>
      <c r="AH690" s="53">
        <v>-263346317.314331</v>
      </c>
      <c r="AI690" s="53">
        <v>-287835248.13905197</v>
      </c>
      <c r="AJ690" s="53">
        <v>-295482499.08592302</v>
      </c>
      <c r="AK690" s="53">
        <v>-266576905.65420601</v>
      </c>
      <c r="AL690" s="53">
        <v>-184245254.221365</v>
      </c>
      <c r="AM690" s="53">
        <v>-183539229.68939501</v>
      </c>
      <c r="AN690" s="53">
        <v>-2707944622.6897702</v>
      </c>
      <c r="AO690" s="53">
        <v>-171552453.79966599</v>
      </c>
      <c r="AP690" s="53">
        <v>-164294872.82768801</v>
      </c>
      <c r="AQ690" s="53">
        <v>-124561443.36114199</v>
      </c>
      <c r="AR690" s="53">
        <v>-129616538.44249199</v>
      </c>
      <c r="AS690" s="53">
        <v>-136387697.46625099</v>
      </c>
      <c r="AT690" s="53">
        <v>-161545007.53778201</v>
      </c>
      <c r="AU690" s="53">
        <v>-183671378.627891</v>
      </c>
      <c r="AV690" s="53">
        <v>-201191027.417795</v>
      </c>
      <c r="AW690" s="53">
        <v>-206356273.92914799</v>
      </c>
      <c r="AX690" s="53">
        <v>-186169379.42292699</v>
      </c>
      <c r="AY690" s="53">
        <v>-128111049.795011</v>
      </c>
      <c r="AZ690" s="53">
        <v>-127761218.18048801</v>
      </c>
      <c r="BA690" s="53">
        <v>-1921218340.80828</v>
      </c>
      <c r="BB690" s="53">
        <v>-129310721.86910599</v>
      </c>
      <c r="BC690" s="53">
        <v>-154121073.007983</v>
      </c>
      <c r="BD690" s="53">
        <v>-118528480.33093899</v>
      </c>
      <c r="BE690" s="53">
        <v>-124876561.447532</v>
      </c>
      <c r="BF690" s="53">
        <v>-131487250.134253</v>
      </c>
      <c r="BG690" s="53">
        <v>-156110096.512808</v>
      </c>
      <c r="BH690" s="53">
        <v>-178265977.18667299</v>
      </c>
      <c r="BI690" s="53">
        <v>-195296595.19141099</v>
      </c>
      <c r="BJ690" s="53">
        <v>-200307604.06631199</v>
      </c>
      <c r="BK690" s="53">
        <v>-180854561.103302</v>
      </c>
      <c r="BL690" s="53">
        <v>-124440617.04586899</v>
      </c>
      <c r="BM690" s="53">
        <v>-123620001.255597</v>
      </c>
      <c r="BN690" s="53">
        <v>-1817219539.1517899</v>
      </c>
      <c r="BO690" s="53">
        <v>-124934141.51274399</v>
      </c>
      <c r="BP690" s="53">
        <v>-147725872.93409199</v>
      </c>
      <c r="BQ690" s="53">
        <v>-113357625.571483</v>
      </c>
      <c r="BR690" s="53">
        <v>-119122434.080054</v>
      </c>
      <c r="BS690" s="53">
        <v>-125568549.812217</v>
      </c>
      <c r="BT690" s="53">
        <v>-149666761.64789</v>
      </c>
      <c r="BU690" s="53">
        <v>-171400074.42767799</v>
      </c>
      <c r="BV690" s="53">
        <v>-187909396.85914099</v>
      </c>
      <c r="BW690" s="53">
        <v>-192767069.42352101</v>
      </c>
      <c r="BX690" s="53">
        <v>-174244629.314197</v>
      </c>
      <c r="BY690" s="53">
        <v>-119906458.989871</v>
      </c>
      <c r="BZ690" s="53">
        <v>-119237526.136066</v>
      </c>
      <c r="CA690" s="53">
        <v>-1745840540.70895</v>
      </c>
      <c r="CB690" s="53"/>
      <c r="CC690" s="53"/>
      <c r="CD690" s="53"/>
      <c r="CE690" s="53"/>
      <c r="CF690" s="53"/>
      <c r="CG690" s="53"/>
      <c r="CH690" s="53"/>
      <c r="CI690" s="53"/>
      <c r="CJ690" s="53"/>
      <c r="CK690" s="53"/>
      <c r="CL690" s="53"/>
      <c r="CM690" s="53"/>
      <c r="CN690" s="53"/>
    </row>
    <row r="691" spans="1:92" outlineLevel="1">
      <c r="A691" s="52" t="s">
        <v>1247</v>
      </c>
      <c r="B691" s="53"/>
      <c r="C691" s="53"/>
      <c r="D691" s="53"/>
      <c r="E691" s="53"/>
      <c r="F691" s="53"/>
      <c r="G691" s="53"/>
      <c r="H691" s="53"/>
      <c r="I691" s="53"/>
      <c r="J691" s="53"/>
      <c r="K691" s="53"/>
      <c r="L691" s="53"/>
      <c r="M691" s="53"/>
      <c r="N691" s="53"/>
      <c r="O691" s="53"/>
      <c r="P691" s="53"/>
      <c r="Q691" s="53"/>
      <c r="R691" s="53"/>
      <c r="S691" s="53"/>
      <c r="T691" s="53"/>
      <c r="U691" s="53"/>
      <c r="V691" s="53"/>
      <c r="W691" s="53"/>
      <c r="X691" s="53"/>
      <c r="Y691" s="53"/>
      <c r="Z691" s="53"/>
      <c r="AA691" s="53"/>
      <c r="AB691" s="53"/>
      <c r="AC691" s="53"/>
      <c r="AD691" s="53"/>
      <c r="AE691" s="53"/>
      <c r="AF691" s="53"/>
      <c r="AG691" s="53"/>
      <c r="AH691" s="53"/>
      <c r="AI691" s="53"/>
      <c r="AJ691" s="53"/>
      <c r="AK691" s="53"/>
      <c r="AL691" s="53"/>
      <c r="AM691" s="53"/>
      <c r="AN691" s="53"/>
      <c r="AO691" s="53"/>
      <c r="AP691" s="53"/>
      <c r="AQ691" s="53"/>
      <c r="AR691" s="53"/>
      <c r="AS691" s="53"/>
      <c r="AT691" s="53"/>
      <c r="AU691" s="53"/>
      <c r="AV691" s="53"/>
      <c r="AW691" s="53"/>
      <c r="AX691" s="53"/>
      <c r="AY691" s="53"/>
      <c r="AZ691" s="53"/>
      <c r="BA691" s="53"/>
      <c r="BB691" s="53"/>
      <c r="BC691" s="53"/>
      <c r="BD691" s="53"/>
      <c r="BE691" s="53"/>
      <c r="BF691" s="53"/>
      <c r="BG691" s="53"/>
      <c r="BH691" s="53"/>
      <c r="BI691" s="53"/>
      <c r="BJ691" s="53"/>
      <c r="BK691" s="53"/>
      <c r="BL691" s="53"/>
      <c r="BM691" s="53"/>
      <c r="BN691" s="53"/>
      <c r="BO691" s="53"/>
      <c r="BP691" s="53"/>
      <c r="BQ691" s="53"/>
      <c r="BR691" s="53"/>
      <c r="BS691" s="53"/>
      <c r="BT691" s="53"/>
      <c r="BU691" s="53"/>
      <c r="BV691" s="53"/>
      <c r="BW691" s="53"/>
      <c r="BX691" s="53"/>
      <c r="BY691" s="53"/>
      <c r="BZ691" s="53"/>
      <c r="CA691" s="53"/>
      <c r="CB691" s="53">
        <v>-30611641.870372999</v>
      </c>
      <c r="CC691" s="53">
        <v>-31603238.0376059</v>
      </c>
      <c r="CD691" s="53">
        <v>-32546244.852846898</v>
      </c>
      <c r="CE691" s="53">
        <v>-33056917.571814001</v>
      </c>
      <c r="CF691" s="53">
        <v>-33819913.831041798</v>
      </c>
      <c r="CG691" s="53">
        <v>-34766155.657343701</v>
      </c>
      <c r="CH691" s="53">
        <v>-34870152.815458603</v>
      </c>
      <c r="CI691" s="53">
        <v>-35817927.357885003</v>
      </c>
      <c r="CJ691" s="53">
        <v>-36767158.1933994</v>
      </c>
      <c r="CK691" s="53">
        <v>-36882544.603856601</v>
      </c>
      <c r="CL691" s="53">
        <v>-37833299.897772402</v>
      </c>
      <c r="CM691" s="53">
        <v>-38785398.849575698</v>
      </c>
      <c r="CN691" s="53">
        <v>-417360593.53897297</v>
      </c>
    </row>
    <row r="692" spans="1:92" outlineLevel="1">
      <c r="A692" s="52" t="s">
        <v>1248</v>
      </c>
      <c r="B692" s="53"/>
      <c r="C692" s="53"/>
      <c r="D692" s="53"/>
      <c r="E692" s="53"/>
      <c r="F692" s="53"/>
      <c r="G692" s="53"/>
      <c r="H692" s="53"/>
      <c r="I692" s="53"/>
      <c r="J692" s="53"/>
      <c r="K692" s="53"/>
      <c r="L692" s="53"/>
      <c r="M692" s="53"/>
      <c r="N692" s="53"/>
      <c r="O692" s="53"/>
      <c r="P692" s="53"/>
      <c r="Q692" s="53"/>
      <c r="R692" s="53"/>
      <c r="S692" s="53"/>
      <c r="T692" s="53"/>
      <c r="U692" s="53"/>
      <c r="V692" s="53"/>
      <c r="W692" s="53"/>
      <c r="X692" s="53"/>
      <c r="Y692" s="53"/>
      <c r="Z692" s="53"/>
      <c r="AA692" s="53"/>
      <c r="AB692" s="53"/>
      <c r="AC692" s="53"/>
      <c r="AD692" s="53"/>
      <c r="AE692" s="53"/>
      <c r="AF692" s="53"/>
      <c r="AG692" s="53"/>
      <c r="AH692" s="53"/>
      <c r="AI692" s="53"/>
      <c r="AJ692" s="53"/>
      <c r="AK692" s="53"/>
      <c r="AL692" s="53"/>
      <c r="AM692" s="53"/>
      <c r="AN692" s="53"/>
      <c r="AO692" s="53"/>
      <c r="AP692" s="53"/>
      <c r="AQ692" s="53"/>
      <c r="AR692" s="53"/>
      <c r="AS692" s="53"/>
      <c r="AT692" s="53"/>
      <c r="AU692" s="53"/>
      <c r="AV692" s="53"/>
      <c r="AW692" s="53"/>
      <c r="AX692" s="53"/>
      <c r="AY692" s="53"/>
      <c r="AZ692" s="53"/>
      <c r="BA692" s="53"/>
      <c r="BB692" s="53"/>
      <c r="BC692" s="53"/>
      <c r="BD692" s="53"/>
      <c r="BE692" s="53"/>
      <c r="BF692" s="53"/>
      <c r="BG692" s="53"/>
      <c r="BH692" s="53"/>
      <c r="BI692" s="53"/>
      <c r="BJ692" s="53"/>
      <c r="BK692" s="53"/>
      <c r="BL692" s="53"/>
      <c r="BM692" s="53"/>
      <c r="BN692" s="53"/>
      <c r="BO692" s="53"/>
      <c r="BP692" s="53"/>
      <c r="BQ692" s="53"/>
      <c r="BR692" s="53"/>
      <c r="BS692" s="53"/>
      <c r="BT692" s="53"/>
      <c r="BU692" s="53"/>
      <c r="BV692" s="53"/>
      <c r="BW692" s="53"/>
      <c r="BX692" s="53"/>
      <c r="BY692" s="53"/>
      <c r="BZ692" s="53"/>
      <c r="CA692" s="53"/>
      <c r="CB692" s="53"/>
      <c r="CC692" s="53"/>
      <c r="CD692" s="53"/>
      <c r="CE692" s="53"/>
      <c r="CF692" s="53"/>
      <c r="CG692" s="53"/>
      <c r="CH692" s="53"/>
      <c r="CI692" s="53"/>
      <c r="CJ692" s="53"/>
      <c r="CK692" s="53"/>
      <c r="CL692" s="53"/>
      <c r="CM692" s="53"/>
      <c r="CN692" s="53"/>
    </row>
    <row r="693" spans="1:92" outlineLevel="1">
      <c r="A693" s="52" t="s">
        <v>649</v>
      </c>
      <c r="B693" s="53">
        <v>2743416.4631051798</v>
      </c>
      <c r="C693" s="53">
        <v>2131472.2341688098</v>
      </c>
      <c r="D693" s="53">
        <v>1781790.0777302</v>
      </c>
      <c r="E693" s="53">
        <v>694603.66442794004</v>
      </c>
      <c r="F693" s="53">
        <v>629769.55830318597</v>
      </c>
      <c r="G693" s="53">
        <v>581901.95061849197</v>
      </c>
      <c r="H693" s="53">
        <v>873954.861586691</v>
      </c>
      <c r="I693" s="53">
        <v>874720.62436687702</v>
      </c>
      <c r="J693" s="53">
        <v>843902.37498390896</v>
      </c>
      <c r="K693" s="53">
        <v>849344.59679849399</v>
      </c>
      <c r="L693" s="53">
        <v>656531.54544786399</v>
      </c>
      <c r="M693" s="53">
        <v>903934.74421155802</v>
      </c>
      <c r="N693" s="53">
        <v>13565342.695749201</v>
      </c>
      <c r="O693" s="53">
        <v>2084298.0994595501</v>
      </c>
      <c r="P693" s="53">
        <v>1984381.6632226401</v>
      </c>
      <c r="Q693" s="53">
        <v>2416221.7540972899</v>
      </c>
      <c r="R693" s="53">
        <v>2814683.1936568399</v>
      </c>
      <c r="S693" s="53">
        <v>2753720.1509282598</v>
      </c>
      <c r="T693" s="53">
        <v>3679724.9093171102</v>
      </c>
      <c r="U693" s="53">
        <v>4457509.0419478202</v>
      </c>
      <c r="V693" s="53">
        <v>3926376.0527628399</v>
      </c>
      <c r="W693" s="53">
        <v>3448338.94546672</v>
      </c>
      <c r="X693" s="53">
        <v>4050786.5327370702</v>
      </c>
      <c r="Y693" s="53">
        <v>3219439.2831973801</v>
      </c>
      <c r="Z693" s="53">
        <v>4826635.8343028603</v>
      </c>
      <c r="AA693" s="53">
        <v>39662115.461096399</v>
      </c>
      <c r="AB693" s="53">
        <v>1512506.2214154</v>
      </c>
      <c r="AC693" s="53">
        <v>1531387.4001426101</v>
      </c>
      <c r="AD693" s="53">
        <v>1825631.1291002601</v>
      </c>
      <c r="AE693" s="53">
        <v>2227637.2722332501</v>
      </c>
      <c r="AF693" s="53">
        <v>2169754.93692639</v>
      </c>
      <c r="AG693" s="53">
        <v>2985010.7197277402</v>
      </c>
      <c r="AH693" s="53">
        <v>3531556.98984343</v>
      </c>
      <c r="AI693" s="53">
        <v>3166526.5268250601</v>
      </c>
      <c r="AJ693" s="53">
        <v>2820611.5984066701</v>
      </c>
      <c r="AK693" s="53">
        <v>3391245.8875457598</v>
      </c>
      <c r="AL693" s="53">
        <v>2762181.5588388401</v>
      </c>
      <c r="AM693" s="53">
        <v>4117418.7350950302</v>
      </c>
      <c r="AN693" s="53">
        <v>32041468.9761004</v>
      </c>
      <c r="AO693" s="53">
        <v>636361.84366106999</v>
      </c>
      <c r="AP693" s="53">
        <v>566337.86061880295</v>
      </c>
      <c r="AQ693" s="53">
        <v>616104.59002085798</v>
      </c>
      <c r="AR693" s="53">
        <v>472731.00183010299</v>
      </c>
      <c r="AS693" s="53">
        <v>443453.97011011897</v>
      </c>
      <c r="AT693" s="53">
        <v>424517.20318619901</v>
      </c>
      <c r="AU693" s="53">
        <v>463680.00236431003</v>
      </c>
      <c r="AV693" s="53">
        <v>498144.87638907402</v>
      </c>
      <c r="AW693" s="53">
        <v>481132.34443810902</v>
      </c>
      <c r="AX693" s="53">
        <v>481870.51815674</v>
      </c>
      <c r="AY693" s="53">
        <v>503490.238304967</v>
      </c>
      <c r="AZ693" s="53">
        <v>612361.35003153596</v>
      </c>
      <c r="BA693" s="53">
        <v>6200185.7991118897</v>
      </c>
      <c r="BB693" s="53">
        <v>632323.61167207395</v>
      </c>
      <c r="BC693" s="53">
        <v>571086.44043036597</v>
      </c>
      <c r="BD693" s="53">
        <v>589364.11983287195</v>
      </c>
      <c r="BE693" s="53">
        <v>429493.90613010002</v>
      </c>
      <c r="BF693" s="53">
        <v>466370.87115411903</v>
      </c>
      <c r="BG693" s="53">
        <v>450919.47127108701</v>
      </c>
      <c r="BH693" s="53">
        <v>475710.05686567101</v>
      </c>
      <c r="BI693" s="53">
        <v>492272.99960638297</v>
      </c>
      <c r="BJ693" s="53">
        <v>476425.31707493798</v>
      </c>
      <c r="BK693" s="53">
        <v>534151.40123273095</v>
      </c>
      <c r="BL693" s="53">
        <v>549763.75346925994</v>
      </c>
      <c r="BM693" s="53">
        <v>629221.30396527704</v>
      </c>
      <c r="BN693" s="53">
        <v>6297103.2527048802</v>
      </c>
      <c r="BO693" s="53">
        <v>629701.478562259</v>
      </c>
      <c r="BP693" s="53">
        <v>545681.13909299602</v>
      </c>
      <c r="BQ693" s="53">
        <v>580947.06194173999</v>
      </c>
      <c r="BR693" s="53">
        <v>474094.35143996897</v>
      </c>
      <c r="BS693" s="53">
        <v>460523.52984044602</v>
      </c>
      <c r="BT693" s="53">
        <v>452007.59052472899</v>
      </c>
      <c r="BU693" s="53">
        <v>469691.71284920903</v>
      </c>
      <c r="BV693" s="53">
        <v>482724.15601380798</v>
      </c>
      <c r="BW693" s="53">
        <v>462175.60266473901</v>
      </c>
      <c r="BX693" s="53">
        <v>483890.35726451903</v>
      </c>
      <c r="BY693" s="53">
        <v>488028.12336450903</v>
      </c>
      <c r="BZ693" s="53">
        <v>564490.95935285103</v>
      </c>
      <c r="CA693" s="53">
        <v>6093956.0629117796</v>
      </c>
      <c r="CB693" s="53"/>
      <c r="CC693" s="53"/>
      <c r="CD693" s="53"/>
      <c r="CE693" s="53"/>
      <c r="CF693" s="53"/>
      <c r="CG693" s="53"/>
      <c r="CH693" s="53"/>
      <c r="CI693" s="53"/>
      <c r="CJ693" s="53">
        <v>-135781289.63455999</v>
      </c>
      <c r="CK693" s="53">
        <v>-187269772.34568301</v>
      </c>
      <c r="CL693" s="53">
        <v>-329052477.29803097</v>
      </c>
      <c r="CM693" s="53">
        <v>-128905879.141932</v>
      </c>
      <c r="CN693" s="53">
        <v>-781009418.42020798</v>
      </c>
    </row>
    <row r="694" spans="1:92" outlineLevel="1">
      <c r="A694" s="52" t="s">
        <v>1250</v>
      </c>
      <c r="B694" s="53"/>
      <c r="C694" s="53"/>
      <c r="D694" s="53"/>
      <c r="E694" s="53"/>
      <c r="F694" s="53"/>
      <c r="G694" s="53"/>
      <c r="H694" s="53"/>
      <c r="I694" s="53"/>
      <c r="J694" s="53"/>
      <c r="K694" s="53"/>
      <c r="L694" s="53"/>
      <c r="M694" s="53"/>
      <c r="N694" s="53"/>
      <c r="O694" s="53"/>
      <c r="P694" s="53"/>
      <c r="Q694" s="53"/>
      <c r="R694" s="53"/>
      <c r="S694" s="53"/>
      <c r="T694" s="53"/>
      <c r="U694" s="53"/>
      <c r="V694" s="53"/>
      <c r="W694" s="53"/>
      <c r="X694" s="53"/>
      <c r="Y694" s="53"/>
      <c r="Z694" s="53"/>
      <c r="AA694" s="53"/>
      <c r="AB694" s="53"/>
      <c r="AC694" s="53"/>
      <c r="AD694" s="53"/>
      <c r="AE694" s="53"/>
      <c r="AF694" s="53"/>
      <c r="AG694" s="53"/>
      <c r="AH694" s="53"/>
      <c r="AI694" s="53"/>
      <c r="AJ694" s="53"/>
      <c r="AK694" s="53"/>
      <c r="AL694" s="53"/>
      <c r="AM694" s="53"/>
      <c r="AN694" s="53"/>
      <c r="AO694" s="53"/>
      <c r="AP694" s="53"/>
      <c r="AQ694" s="53"/>
      <c r="AR694" s="53"/>
      <c r="AS694" s="53"/>
      <c r="AT694" s="53"/>
      <c r="AU694" s="53"/>
      <c r="AV694" s="53"/>
      <c r="AW694" s="53"/>
      <c r="AX694" s="53"/>
      <c r="AY694" s="53"/>
      <c r="AZ694" s="53"/>
      <c r="BA694" s="53"/>
      <c r="BB694" s="53"/>
      <c r="BC694" s="53"/>
      <c r="BD694" s="53"/>
      <c r="BE694" s="53"/>
      <c r="BF694" s="53"/>
      <c r="BG694" s="53"/>
      <c r="BH694" s="53"/>
      <c r="BI694" s="53"/>
      <c r="BJ694" s="53"/>
      <c r="BK694" s="53"/>
      <c r="BL694" s="53"/>
      <c r="BM694" s="53"/>
      <c r="BN694" s="53"/>
      <c r="BO694" s="53"/>
      <c r="BP694" s="53"/>
      <c r="BQ694" s="53"/>
      <c r="BR694" s="53"/>
      <c r="BS694" s="53"/>
      <c r="BT694" s="53"/>
      <c r="BU694" s="53"/>
      <c r="BV694" s="53"/>
      <c r="BW694" s="53"/>
      <c r="BX694" s="53"/>
      <c r="BY694" s="53"/>
      <c r="BZ694" s="53"/>
      <c r="CA694" s="53"/>
      <c r="CB694" s="53"/>
      <c r="CC694" s="53"/>
      <c r="CD694" s="53"/>
      <c r="CE694" s="53"/>
      <c r="CF694" s="53"/>
      <c r="CG694" s="53"/>
      <c r="CH694" s="53"/>
      <c r="CI694" s="53"/>
      <c r="CJ694" s="53"/>
      <c r="CK694" s="53"/>
      <c r="CL694" s="53"/>
      <c r="CM694" s="53"/>
      <c r="CN694" s="53"/>
    </row>
    <row r="695" spans="1:92" outlineLevel="1">
      <c r="A695" s="52" t="s">
        <v>649</v>
      </c>
      <c r="B695" s="53">
        <v>26259.534003308501</v>
      </c>
      <c r="C695" s="53">
        <v>47600.570986477702</v>
      </c>
      <c r="D695" s="53">
        <v>43174.804548433203</v>
      </c>
      <c r="E695" s="53">
        <v>51544.426838227198</v>
      </c>
      <c r="F695" s="53">
        <v>33672.378730987803</v>
      </c>
      <c r="G695" s="53">
        <v>33126.842980366797</v>
      </c>
      <c r="H695" s="53">
        <v>120195.67607650001</v>
      </c>
      <c r="I695" s="53">
        <v>141781.718066737</v>
      </c>
      <c r="J695" s="53">
        <v>159946.056670563</v>
      </c>
      <c r="K695" s="53">
        <v>158045.50466753199</v>
      </c>
      <c r="L695" s="53">
        <v>152696.335958674</v>
      </c>
      <c r="M695" s="53">
        <v>175549.213041949</v>
      </c>
      <c r="N695" s="53">
        <v>1143593.06256975</v>
      </c>
      <c r="O695" s="53">
        <v>45798.298789285</v>
      </c>
      <c r="P695" s="53">
        <v>85018.962315359095</v>
      </c>
      <c r="Q695" s="53">
        <v>37660.110173381603</v>
      </c>
      <c r="R695" s="53">
        <v>63057.733443543897</v>
      </c>
      <c r="S695" s="53">
        <v>34681.823918407397</v>
      </c>
      <c r="T695" s="53">
        <v>37070.370093831698</v>
      </c>
      <c r="U695" s="53">
        <v>102483.82395090901</v>
      </c>
      <c r="V695" s="53">
        <v>119237.331035134</v>
      </c>
      <c r="W695" s="53">
        <v>106522.463297828</v>
      </c>
      <c r="X695" s="53">
        <v>83627.152333526799</v>
      </c>
      <c r="Y695" s="53">
        <v>100624.96847155099</v>
      </c>
      <c r="Z695" s="53">
        <v>115340.217512654</v>
      </c>
      <c r="AA695" s="53">
        <v>931123.25533541397</v>
      </c>
      <c r="AB695" s="53">
        <v>43127.0262190254</v>
      </c>
      <c r="AC695" s="53">
        <v>79322.887439561397</v>
      </c>
      <c r="AD695" s="53">
        <v>30967.503860578101</v>
      </c>
      <c r="AE695" s="53">
        <v>52274.796800608397</v>
      </c>
      <c r="AF695" s="53">
        <v>27205.943849929699</v>
      </c>
      <c r="AG695" s="53">
        <v>30726.311427552399</v>
      </c>
      <c r="AH695" s="53">
        <v>88209.394814677595</v>
      </c>
      <c r="AI695" s="53">
        <v>100257.49385484299</v>
      </c>
      <c r="AJ695" s="53">
        <v>87695.306270033296</v>
      </c>
      <c r="AK695" s="53">
        <v>70902.108287347801</v>
      </c>
      <c r="AL695" s="53">
        <v>85528.582469283298</v>
      </c>
      <c r="AM695" s="53">
        <v>101701.599843458</v>
      </c>
      <c r="AN695" s="53">
        <v>797918.95513689995</v>
      </c>
      <c r="AO695" s="53">
        <v>35930.900399412698</v>
      </c>
      <c r="AP695" s="53">
        <v>66531.469077179907</v>
      </c>
      <c r="AQ695" s="53">
        <v>27705.615066570899</v>
      </c>
      <c r="AR695" s="53">
        <v>45394.882634061403</v>
      </c>
      <c r="AS695" s="53">
        <v>25909.8458810997</v>
      </c>
      <c r="AT695" s="53">
        <v>29765.923411813601</v>
      </c>
      <c r="AU695" s="53">
        <v>83365.699501543</v>
      </c>
      <c r="AV695" s="53">
        <v>97179.469923626501</v>
      </c>
      <c r="AW695" s="53">
        <v>84918.480501698694</v>
      </c>
      <c r="AX695" s="53">
        <v>68276.098677540896</v>
      </c>
      <c r="AY695" s="53">
        <v>82770.659489733196</v>
      </c>
      <c r="AZ695" s="53">
        <v>97022.617716270703</v>
      </c>
      <c r="BA695" s="53">
        <v>744771.66228055104</v>
      </c>
      <c r="BB695" s="53">
        <v>34724.037776647499</v>
      </c>
      <c r="BC695" s="53">
        <v>65761.081449644102</v>
      </c>
      <c r="BD695" s="53">
        <v>26842.709695682701</v>
      </c>
      <c r="BE695" s="53">
        <v>44238.485313627803</v>
      </c>
      <c r="BF695" s="53">
        <v>24948.571048864898</v>
      </c>
      <c r="BG695" s="53">
        <v>28577.649044941401</v>
      </c>
      <c r="BH695" s="53">
        <v>80634.402099777202</v>
      </c>
      <c r="BI695" s="53">
        <v>93859.264579023598</v>
      </c>
      <c r="BJ695" s="53">
        <v>82454.536228373094</v>
      </c>
      <c r="BK695" s="53">
        <v>66925.677227510998</v>
      </c>
      <c r="BL695" s="53">
        <v>81457.791908049505</v>
      </c>
      <c r="BM695" s="53">
        <v>96470.128126115407</v>
      </c>
      <c r="BN695" s="53">
        <v>726894.33449825796</v>
      </c>
      <c r="BO695" s="53">
        <v>34674.345282950002</v>
      </c>
      <c r="BP695" s="53">
        <v>63737.574700382203</v>
      </c>
      <c r="BQ695" s="53">
        <v>26165.798645435301</v>
      </c>
      <c r="BR695" s="53">
        <v>43206.837874316501</v>
      </c>
      <c r="BS695" s="53">
        <v>24684.116948143201</v>
      </c>
      <c r="BT695" s="53">
        <v>28158.362205160101</v>
      </c>
      <c r="BU695" s="53">
        <v>77158.209328815094</v>
      </c>
      <c r="BV695" s="53">
        <v>89685.936345769005</v>
      </c>
      <c r="BW695" s="53">
        <v>78638.778298201098</v>
      </c>
      <c r="BX695" s="53">
        <v>63711.106720048097</v>
      </c>
      <c r="BY695" s="53">
        <v>77491.411204959906</v>
      </c>
      <c r="BZ695" s="53">
        <v>91415.410575249305</v>
      </c>
      <c r="CA695" s="53">
        <v>698727.88812943001</v>
      </c>
      <c r="CB695" s="53"/>
      <c r="CC695" s="53"/>
      <c r="CD695" s="53"/>
      <c r="CE695" s="53"/>
      <c r="CF695" s="53"/>
      <c r="CG695" s="53"/>
      <c r="CH695" s="53"/>
      <c r="CI695" s="53"/>
      <c r="CJ695" s="53"/>
      <c r="CK695" s="53"/>
      <c r="CL695" s="53"/>
      <c r="CM695" s="53"/>
      <c r="CN695" s="53"/>
    </row>
    <row r="696" spans="1:92">
      <c r="A696" s="52" t="s">
        <v>709</v>
      </c>
      <c r="B696" s="53"/>
      <c r="C696" s="53"/>
      <c r="D696" s="53"/>
      <c r="E696" s="53"/>
      <c r="F696" s="53"/>
      <c r="G696" s="53"/>
      <c r="H696" s="53"/>
      <c r="I696" s="53"/>
      <c r="J696" s="53"/>
      <c r="K696" s="53"/>
      <c r="L696" s="53"/>
      <c r="M696" s="53"/>
      <c r="N696" s="53"/>
      <c r="O696" s="53"/>
      <c r="P696" s="53"/>
      <c r="Q696" s="53"/>
      <c r="R696" s="53"/>
      <c r="S696" s="53"/>
      <c r="T696" s="53"/>
      <c r="U696" s="53"/>
      <c r="V696" s="53"/>
      <c r="W696" s="53"/>
      <c r="X696" s="53"/>
      <c r="Y696" s="53"/>
      <c r="Z696" s="53"/>
      <c r="AA696" s="53"/>
      <c r="AB696" s="53"/>
      <c r="AC696" s="53"/>
      <c r="AD696" s="53"/>
      <c r="AE696" s="53"/>
      <c r="AF696" s="53"/>
      <c r="AG696" s="53"/>
      <c r="AH696" s="53"/>
      <c r="AI696" s="53"/>
      <c r="AJ696" s="53"/>
      <c r="AK696" s="53"/>
      <c r="AL696" s="53"/>
      <c r="AM696" s="53"/>
      <c r="AN696" s="53"/>
      <c r="AO696" s="53"/>
      <c r="AP696" s="53"/>
      <c r="AQ696" s="53"/>
      <c r="AR696" s="53"/>
      <c r="AS696" s="53"/>
      <c r="AT696" s="53"/>
      <c r="AU696" s="53"/>
      <c r="AV696" s="53"/>
      <c r="AW696" s="53"/>
      <c r="AX696" s="53"/>
      <c r="AY696" s="53"/>
      <c r="AZ696" s="53"/>
      <c r="BA696" s="53"/>
      <c r="BB696" s="53"/>
      <c r="BC696" s="53"/>
      <c r="BD696" s="53"/>
      <c r="BE696" s="53"/>
      <c r="BF696" s="53"/>
      <c r="BG696" s="53"/>
      <c r="BH696" s="53"/>
      <c r="BI696" s="53"/>
      <c r="BJ696" s="53"/>
      <c r="BK696" s="53"/>
      <c r="BL696" s="53"/>
      <c r="BM696" s="53"/>
      <c r="BN696" s="53"/>
      <c r="BO696" s="53"/>
      <c r="BP696" s="53"/>
      <c r="BQ696" s="53"/>
      <c r="BR696" s="53"/>
      <c r="BS696" s="53"/>
      <c r="BT696" s="53"/>
      <c r="BU696" s="53"/>
      <c r="BV696" s="53"/>
      <c r="BW696" s="53"/>
      <c r="BX696" s="53"/>
      <c r="BY696" s="53"/>
      <c r="BZ696" s="53"/>
      <c r="CA696" s="53"/>
      <c r="CB696" s="53"/>
      <c r="CC696" s="53"/>
      <c r="CD696" s="53"/>
      <c r="CE696" s="53"/>
      <c r="CF696" s="53"/>
      <c r="CG696" s="53"/>
      <c r="CH696" s="53"/>
      <c r="CI696" s="53"/>
      <c r="CJ696" s="53"/>
      <c r="CK696" s="53"/>
      <c r="CL696" s="53"/>
      <c r="CM696" s="53"/>
      <c r="CN696" s="53"/>
    </row>
    <row r="697" spans="1:92">
      <c r="A697" s="52" t="s">
        <v>733</v>
      </c>
      <c r="B697" s="53"/>
      <c r="C697" s="53"/>
      <c r="D697" s="53"/>
      <c r="E697" s="53"/>
      <c r="F697" s="53"/>
      <c r="G697" s="53"/>
      <c r="H697" s="53"/>
      <c r="I697" s="53"/>
      <c r="J697" s="53"/>
      <c r="K697" s="53"/>
      <c r="L697" s="53"/>
      <c r="M697" s="53"/>
      <c r="N697" s="53"/>
      <c r="O697" s="53"/>
      <c r="P697" s="53"/>
      <c r="Q697" s="53"/>
      <c r="R697" s="53"/>
      <c r="S697" s="53"/>
      <c r="T697" s="53"/>
      <c r="U697" s="53"/>
      <c r="V697" s="53"/>
      <c r="W697" s="53"/>
      <c r="X697" s="53"/>
      <c r="Y697" s="53"/>
      <c r="Z697" s="53"/>
      <c r="AA697" s="53"/>
      <c r="AB697" s="53"/>
      <c r="AC697" s="53"/>
      <c r="AD697" s="53"/>
      <c r="AE697" s="53"/>
      <c r="AF697" s="53"/>
      <c r="AG697" s="53"/>
      <c r="AH697" s="53"/>
      <c r="AI697" s="53"/>
      <c r="AJ697" s="53"/>
      <c r="AK697" s="53"/>
      <c r="AL697" s="53"/>
      <c r="AM697" s="53"/>
      <c r="AN697" s="53"/>
      <c r="AO697" s="53"/>
      <c r="AP697" s="53"/>
      <c r="AQ697" s="53"/>
      <c r="AR697" s="53"/>
      <c r="AS697" s="53"/>
      <c r="AT697" s="53"/>
      <c r="AU697" s="53"/>
      <c r="AV697" s="53"/>
      <c r="AW697" s="53"/>
      <c r="AX697" s="53"/>
      <c r="AY697" s="53"/>
      <c r="AZ697" s="53"/>
      <c r="BA697" s="53"/>
      <c r="BB697" s="53"/>
      <c r="BC697" s="53"/>
      <c r="BD697" s="53"/>
      <c r="BE697" s="53"/>
      <c r="BF697" s="53"/>
      <c r="BG697" s="53"/>
      <c r="BH697" s="53"/>
      <c r="BI697" s="53"/>
      <c r="BJ697" s="53"/>
      <c r="BK697" s="53"/>
      <c r="BL697" s="53"/>
      <c r="BM697" s="53"/>
      <c r="BN697" s="53"/>
      <c r="BO697" s="53"/>
      <c r="BP697" s="53"/>
      <c r="BQ697" s="53"/>
      <c r="BR697" s="53"/>
      <c r="BS697" s="53"/>
      <c r="BT697" s="53"/>
      <c r="BU697" s="53"/>
      <c r="BV697" s="53"/>
      <c r="BW697" s="53"/>
      <c r="BX697" s="53"/>
      <c r="BY697" s="53"/>
      <c r="BZ697" s="53"/>
      <c r="CA697" s="53"/>
      <c r="CB697" s="53"/>
      <c r="CC697" s="53"/>
      <c r="CD697" s="53"/>
      <c r="CE697" s="53"/>
      <c r="CF697" s="53"/>
      <c r="CG697" s="53"/>
      <c r="CH697" s="53"/>
      <c r="CI697" s="53"/>
      <c r="CJ697" s="53"/>
      <c r="CK697" s="53"/>
      <c r="CL697" s="53"/>
      <c r="CM697" s="53"/>
      <c r="CN697" s="53"/>
    </row>
    <row r="698" spans="1:92">
      <c r="A698" s="52" t="s">
        <v>713</v>
      </c>
      <c r="B698" s="53">
        <v>-26552.4084880636</v>
      </c>
      <c r="C698" s="53">
        <v>-26552.410666666601</v>
      </c>
      <c r="D698" s="53">
        <v>-26552.407506702399</v>
      </c>
      <c r="E698" s="53">
        <v>-26552.409703503999</v>
      </c>
      <c r="F698" s="53">
        <v>-26552.406504064998</v>
      </c>
      <c r="G698" s="53">
        <v>-26552.408719346</v>
      </c>
      <c r="H698" s="53">
        <v>-26552.4109589041</v>
      </c>
      <c r="I698" s="53">
        <v>-26552.4077134986</v>
      </c>
      <c r="J698" s="53">
        <v>-26552.409972299101</v>
      </c>
      <c r="K698" s="53">
        <v>-26552.4066852367</v>
      </c>
      <c r="L698" s="53">
        <v>-26552.4089635854</v>
      </c>
      <c r="M698" s="53">
        <v>-26552.411267605599</v>
      </c>
      <c r="N698" s="53">
        <v>-318628.90714947699</v>
      </c>
      <c r="O698" s="53">
        <v>-26552.407932011301</v>
      </c>
      <c r="P698" s="53">
        <v>-26552.407932011301</v>
      </c>
      <c r="Q698" s="53">
        <v>-26552.407932011301</v>
      </c>
      <c r="R698" s="53">
        <v>-26552.407932011301</v>
      </c>
      <c r="S698" s="53">
        <v>-26552.407932011301</v>
      </c>
      <c r="T698" s="53">
        <v>-26552.407932011301</v>
      </c>
      <c r="U698" s="53">
        <v>-26552.407932011301</v>
      </c>
      <c r="V698" s="53">
        <v>-26552.407932011301</v>
      </c>
      <c r="W698" s="53">
        <v>-26552.407932011301</v>
      </c>
      <c r="X698" s="53">
        <v>-26552.407932011301</v>
      </c>
      <c r="Y698" s="53">
        <v>-26552.407932011301</v>
      </c>
      <c r="Z698" s="53">
        <v>-26552.407932011301</v>
      </c>
      <c r="AA698" s="53">
        <v>-318628.895184136</v>
      </c>
      <c r="AB698" s="53">
        <v>-26552.407932011301</v>
      </c>
      <c r="AC698" s="53">
        <v>-26552.407932011301</v>
      </c>
      <c r="AD698" s="53">
        <v>-26552.407932011301</v>
      </c>
      <c r="AE698" s="53">
        <v>-26552.407932011301</v>
      </c>
      <c r="AF698" s="53">
        <v>-26552.407932011301</v>
      </c>
      <c r="AG698" s="53">
        <v>-26552.407932011301</v>
      </c>
      <c r="AH698" s="53">
        <v>-26552.407932011301</v>
      </c>
      <c r="AI698" s="53">
        <v>-26552.407932011301</v>
      </c>
      <c r="AJ698" s="53">
        <v>-26552.407932011301</v>
      </c>
      <c r="AK698" s="53">
        <v>-26552.407932011301</v>
      </c>
      <c r="AL698" s="53">
        <v>-26552.407932011301</v>
      </c>
      <c r="AM698" s="53">
        <v>-26552.407932011301</v>
      </c>
      <c r="AN698" s="53">
        <v>-318628.895184136</v>
      </c>
      <c r="AO698" s="53">
        <v>-26552.407932011301</v>
      </c>
      <c r="AP698" s="53">
        <v>-26552.407932011301</v>
      </c>
      <c r="AQ698" s="53">
        <v>-26552.407932011301</v>
      </c>
      <c r="AR698" s="53">
        <v>-26552.407932011301</v>
      </c>
      <c r="AS698" s="53">
        <v>-26552.407932011301</v>
      </c>
      <c r="AT698" s="53">
        <v>-26552.407932011301</v>
      </c>
      <c r="AU698" s="53">
        <v>-26552.407932011301</v>
      </c>
      <c r="AV698" s="53">
        <v>-26552.407932011301</v>
      </c>
      <c r="AW698" s="53">
        <v>-26552.407932011301</v>
      </c>
      <c r="AX698" s="53">
        <v>-26552.407932011301</v>
      </c>
      <c r="AY698" s="53">
        <v>-26552.407932011301</v>
      </c>
      <c r="AZ698" s="53">
        <v>-26552.407932011301</v>
      </c>
      <c r="BA698" s="53">
        <v>-318628.895184136</v>
      </c>
      <c r="BB698" s="53">
        <v>-26552.407932011301</v>
      </c>
      <c r="BC698" s="53">
        <v>-26552.407932011301</v>
      </c>
      <c r="BD698" s="53">
        <v>-26552.407932011301</v>
      </c>
      <c r="BE698" s="53">
        <v>-26552.407932011301</v>
      </c>
      <c r="BF698" s="53">
        <v>-26552.407932011301</v>
      </c>
      <c r="BG698" s="53">
        <v>-26552.407932011301</v>
      </c>
      <c r="BH698" s="53">
        <v>-26552.407932011301</v>
      </c>
      <c r="BI698" s="53">
        <v>-26552.407932011301</v>
      </c>
      <c r="BJ698" s="53">
        <v>-26552.407932011301</v>
      </c>
      <c r="BK698" s="53">
        <v>-26552.407932011301</v>
      </c>
      <c r="BL698" s="53">
        <v>-26552.407932011301</v>
      </c>
      <c r="BM698" s="53">
        <v>-26552.407932011301</v>
      </c>
      <c r="BN698" s="53">
        <v>-318628.895184136</v>
      </c>
      <c r="BO698" s="53">
        <v>-26552.407932011301</v>
      </c>
      <c r="BP698" s="53">
        <v>-26552.407932011301</v>
      </c>
      <c r="BQ698" s="53">
        <v>-26552.407932011301</v>
      </c>
      <c r="BR698" s="53">
        <v>-26552.407932011301</v>
      </c>
      <c r="BS698" s="53">
        <v>-26552.407932011301</v>
      </c>
      <c r="BT698" s="53">
        <v>-26552.407932011301</v>
      </c>
      <c r="BU698" s="53">
        <v>-26552.407932011301</v>
      </c>
      <c r="BV698" s="53">
        <v>-26552.4079320114</v>
      </c>
      <c r="BW698" s="53">
        <v>-26552.407932011301</v>
      </c>
      <c r="BX698" s="53">
        <v>-26552.407932011301</v>
      </c>
      <c r="BY698" s="53">
        <v>-26552.4079320114</v>
      </c>
      <c r="BZ698" s="53">
        <v>-26552.4079320114</v>
      </c>
      <c r="CA698" s="53">
        <v>-318628.895184136</v>
      </c>
      <c r="CB698" s="53">
        <v>-2696891.11743967</v>
      </c>
      <c r="CC698" s="53">
        <v>-2696891.11743967</v>
      </c>
      <c r="CD698" s="53">
        <v>-2696891.11743967</v>
      </c>
      <c r="CE698" s="53">
        <v>-2696891.11743967</v>
      </c>
      <c r="CF698" s="53">
        <v>-2696891.11743967</v>
      </c>
      <c r="CG698" s="53">
        <v>-2696891.11743967</v>
      </c>
      <c r="CH698" s="53">
        <v>-2696891.11743967</v>
      </c>
      <c r="CI698" s="53">
        <v>-2696891.11743967</v>
      </c>
      <c r="CJ698" s="53">
        <v>-2696891.11743967</v>
      </c>
      <c r="CK698" s="53">
        <v>-2696891.11743967</v>
      </c>
      <c r="CL698" s="53">
        <v>-2696891.11743967</v>
      </c>
      <c r="CM698" s="53">
        <v>-2696891.11743967</v>
      </c>
      <c r="CN698" s="53">
        <v>-32362693.409276001</v>
      </c>
    </row>
    <row r="699" spans="1:92">
      <c r="A699" s="52" t="s">
        <v>716</v>
      </c>
      <c r="B699" s="53">
        <v>24171.149367088601</v>
      </c>
      <c r="C699" s="53">
        <v>24171.150127226399</v>
      </c>
      <c r="D699" s="53">
        <v>24171.150895140599</v>
      </c>
      <c r="E699" s="53">
        <v>24171.151670951102</v>
      </c>
      <c r="F699" s="53">
        <v>24171.147286821699</v>
      </c>
      <c r="G699" s="53">
        <v>24171.148051947999</v>
      </c>
      <c r="H699" s="53">
        <v>24171.1488250652</v>
      </c>
      <c r="I699" s="53">
        <v>24171.149606299201</v>
      </c>
      <c r="J699" s="53">
        <v>24171.150395778299</v>
      </c>
      <c r="K699" s="53">
        <v>24171.151193633901</v>
      </c>
      <c r="L699" s="53">
        <v>24171.151999999998</v>
      </c>
      <c r="M699" s="53">
        <v>24171.1474530831</v>
      </c>
      <c r="N699" s="53">
        <v>290053.79687303602</v>
      </c>
      <c r="O699" s="53">
        <v>24171.148247978399</v>
      </c>
      <c r="P699" s="53">
        <v>24171.148247978399</v>
      </c>
      <c r="Q699" s="53">
        <v>24171.148247978399</v>
      </c>
      <c r="R699" s="53">
        <v>24171.148247978399</v>
      </c>
      <c r="S699" s="53">
        <v>24171.148247978399</v>
      </c>
      <c r="T699" s="53">
        <v>24171.148247978399</v>
      </c>
      <c r="U699" s="53">
        <v>24171.148247978399</v>
      </c>
      <c r="V699" s="53">
        <v>24171.148247978399</v>
      </c>
      <c r="W699" s="53">
        <v>24171.148247978399</v>
      </c>
      <c r="X699" s="53">
        <v>24171.148247978399</v>
      </c>
      <c r="Y699" s="53">
        <v>24171.148247978399</v>
      </c>
      <c r="Z699" s="53">
        <v>24171.148247978399</v>
      </c>
      <c r="AA699" s="53">
        <v>290053.77897574101</v>
      </c>
      <c r="AB699" s="53">
        <v>24171.148247978399</v>
      </c>
      <c r="AC699" s="53">
        <v>24171.148247978399</v>
      </c>
      <c r="AD699" s="53">
        <v>24171.148247978399</v>
      </c>
      <c r="AE699" s="53">
        <v>24171.148247978399</v>
      </c>
      <c r="AF699" s="53">
        <v>24171.148247978399</v>
      </c>
      <c r="AG699" s="53">
        <v>24171.148247978399</v>
      </c>
      <c r="AH699" s="53">
        <v>24171.148247978399</v>
      </c>
      <c r="AI699" s="53">
        <v>24171.148247978399</v>
      </c>
      <c r="AJ699" s="53">
        <v>24171.148247978399</v>
      </c>
      <c r="AK699" s="53">
        <v>24171.148247978399</v>
      </c>
      <c r="AL699" s="53">
        <v>24171.148247978399</v>
      </c>
      <c r="AM699" s="53">
        <v>24171.148247978399</v>
      </c>
      <c r="AN699" s="53">
        <v>290053.77897574002</v>
      </c>
      <c r="AO699" s="53">
        <v>24171.148247978399</v>
      </c>
      <c r="AP699" s="53">
        <v>24171.148247978399</v>
      </c>
      <c r="AQ699" s="53">
        <v>24171.148247978399</v>
      </c>
      <c r="AR699" s="53">
        <v>24171.148247978399</v>
      </c>
      <c r="AS699" s="53">
        <v>24171.148247978399</v>
      </c>
      <c r="AT699" s="53">
        <v>24171.148247978399</v>
      </c>
      <c r="AU699" s="53">
        <v>24171.148247978399</v>
      </c>
      <c r="AV699" s="53">
        <v>24171.148247978399</v>
      </c>
      <c r="AW699" s="53">
        <v>24171.148247978399</v>
      </c>
      <c r="AX699" s="53">
        <v>24171.148247978399</v>
      </c>
      <c r="AY699" s="53">
        <v>24171.148247978399</v>
      </c>
      <c r="AZ699" s="53">
        <v>24171.148247978399</v>
      </c>
      <c r="BA699" s="53">
        <v>290053.77897574002</v>
      </c>
      <c r="BB699" s="53">
        <v>24171.148247978399</v>
      </c>
      <c r="BC699" s="53">
        <v>24171.148247978399</v>
      </c>
      <c r="BD699" s="53">
        <v>24171.148247978399</v>
      </c>
      <c r="BE699" s="53">
        <v>24171.148247978399</v>
      </c>
      <c r="BF699" s="53">
        <v>24171.148247978399</v>
      </c>
      <c r="BG699" s="53">
        <v>24171.148247978399</v>
      </c>
      <c r="BH699" s="53">
        <v>24171.148247978399</v>
      </c>
      <c r="BI699" s="53">
        <v>24171.148247978399</v>
      </c>
      <c r="BJ699" s="53">
        <v>24171.148247978399</v>
      </c>
      <c r="BK699" s="53">
        <v>24171.148247978399</v>
      </c>
      <c r="BL699" s="53">
        <v>24171.148247978399</v>
      </c>
      <c r="BM699" s="53">
        <v>24171.148247978399</v>
      </c>
      <c r="BN699" s="53">
        <v>290053.77897574002</v>
      </c>
      <c r="BO699" s="53">
        <v>24171.148247978399</v>
      </c>
      <c r="BP699" s="53">
        <v>24171.148247978399</v>
      </c>
      <c r="BQ699" s="53">
        <v>24171.148247978399</v>
      </c>
      <c r="BR699" s="53">
        <v>24171.148247978399</v>
      </c>
      <c r="BS699" s="53">
        <v>24171.148247978399</v>
      </c>
      <c r="BT699" s="53">
        <v>24171.148247978399</v>
      </c>
      <c r="BU699" s="53">
        <v>24171.148247978399</v>
      </c>
      <c r="BV699" s="53">
        <v>24171.148247978399</v>
      </c>
      <c r="BW699" s="53">
        <v>24171.148247978399</v>
      </c>
      <c r="BX699" s="53">
        <v>24171.148247978399</v>
      </c>
      <c r="BY699" s="53">
        <v>24171.148247978399</v>
      </c>
      <c r="BZ699" s="53">
        <v>24171.148247978399</v>
      </c>
      <c r="CA699" s="53">
        <v>290053.77897574002</v>
      </c>
      <c r="CB699" s="53"/>
      <c r="CC699" s="53"/>
      <c r="CD699" s="53"/>
      <c r="CE699" s="53"/>
      <c r="CF699" s="53"/>
      <c r="CG699" s="53"/>
      <c r="CH699" s="53"/>
      <c r="CI699" s="53"/>
      <c r="CJ699" s="53"/>
      <c r="CK699" s="53"/>
      <c r="CL699" s="53"/>
      <c r="CM699" s="53"/>
      <c r="CN699" s="53"/>
    </row>
    <row r="700" spans="1:92" outlineLevel="1">
      <c r="A700" s="52" t="s">
        <v>734</v>
      </c>
      <c r="B700" s="53">
        <v>-104270.47619047599</v>
      </c>
      <c r="C700" s="53">
        <v>-104270.526315789</v>
      </c>
      <c r="D700" s="53">
        <v>-104270.470588235</v>
      </c>
      <c r="E700" s="53">
        <v>-104270.53333333301</v>
      </c>
      <c r="F700" s="53">
        <v>-104270.46153846099</v>
      </c>
      <c r="G700" s="53">
        <v>-104270.545454545</v>
      </c>
      <c r="H700" s="53">
        <v>-104270.444444444</v>
      </c>
      <c r="I700" s="53">
        <v>-104270.571428571</v>
      </c>
      <c r="J700" s="53">
        <v>-104270.39999999999</v>
      </c>
      <c r="K700" s="53">
        <v>-104270.666666666</v>
      </c>
      <c r="L700" s="53">
        <v>-52135</v>
      </c>
      <c r="M700" s="53"/>
      <c r="N700" s="53">
        <v>-1094840.09596052</v>
      </c>
      <c r="O700" s="53"/>
      <c r="P700" s="53"/>
      <c r="Q700" s="53"/>
      <c r="R700" s="53"/>
      <c r="S700" s="53"/>
      <c r="T700" s="53"/>
      <c r="U700" s="53"/>
      <c r="V700" s="53"/>
      <c r="W700" s="53"/>
      <c r="X700" s="53"/>
      <c r="Y700" s="53"/>
      <c r="Z700" s="53"/>
      <c r="AA700" s="53"/>
      <c r="AB700" s="53"/>
      <c r="AC700" s="53"/>
      <c r="AD700" s="53"/>
      <c r="AE700" s="53"/>
      <c r="AF700" s="53"/>
      <c r="AG700" s="53"/>
      <c r="AH700" s="53"/>
      <c r="AI700" s="53"/>
      <c r="AJ700" s="53"/>
      <c r="AK700" s="53"/>
      <c r="AL700" s="53"/>
      <c r="AM700" s="53"/>
      <c r="AN700" s="53"/>
      <c r="AO700" s="53"/>
      <c r="AP700" s="53"/>
      <c r="AQ700" s="53"/>
      <c r="AR700" s="53"/>
      <c r="AS700" s="53"/>
      <c r="AT700" s="53"/>
      <c r="AU700" s="53"/>
      <c r="AV700" s="53"/>
      <c r="AW700" s="53"/>
      <c r="AX700" s="53"/>
      <c r="AY700" s="53"/>
      <c r="AZ700" s="53"/>
      <c r="BA700" s="53"/>
      <c r="BB700" s="53"/>
      <c r="BC700" s="53"/>
      <c r="BD700" s="53"/>
      <c r="BE700" s="53"/>
      <c r="BF700" s="53"/>
      <c r="BG700" s="53"/>
      <c r="BH700" s="53"/>
      <c r="BI700" s="53"/>
      <c r="BJ700" s="53"/>
      <c r="BK700" s="53"/>
      <c r="BL700" s="53"/>
      <c r="BM700" s="53"/>
      <c r="BN700" s="53"/>
      <c r="BO700" s="53"/>
      <c r="BP700" s="53"/>
      <c r="BQ700" s="53"/>
      <c r="BR700" s="53"/>
      <c r="BS700" s="53"/>
      <c r="BT700" s="53"/>
      <c r="BU700" s="53"/>
      <c r="BV700" s="53"/>
      <c r="BW700" s="53"/>
      <c r="BX700" s="53"/>
      <c r="BY700" s="53"/>
      <c r="BZ700" s="53"/>
      <c r="CA700" s="53"/>
      <c r="CB700" s="53"/>
      <c r="CC700" s="53"/>
      <c r="CD700" s="53"/>
      <c r="CE700" s="53"/>
      <c r="CF700" s="53"/>
      <c r="CG700" s="53"/>
      <c r="CH700" s="53"/>
      <c r="CI700" s="53"/>
      <c r="CJ700" s="53"/>
      <c r="CK700" s="53"/>
      <c r="CL700" s="53"/>
      <c r="CM700" s="53"/>
      <c r="CN700" s="53"/>
    </row>
    <row r="701" spans="1:92" outlineLevel="1">
      <c r="A701" s="52" t="s">
        <v>725</v>
      </c>
      <c r="B701" s="53">
        <v>16813.8726114649</v>
      </c>
      <c r="C701" s="53">
        <v>16813.870967741899</v>
      </c>
      <c r="D701" s="53">
        <v>16813.8692810457</v>
      </c>
      <c r="E701" s="53">
        <v>16813.867549668801</v>
      </c>
      <c r="F701" s="53">
        <v>16813.879194630801</v>
      </c>
      <c r="G701" s="53">
        <v>16813.8775510204</v>
      </c>
      <c r="H701" s="53">
        <v>16813.8758620689</v>
      </c>
      <c r="I701" s="53">
        <v>16813.874125874099</v>
      </c>
      <c r="J701" s="53">
        <v>16813.8723404255</v>
      </c>
      <c r="K701" s="53">
        <v>16813.8705035971</v>
      </c>
      <c r="L701" s="53">
        <v>16813.868613138598</v>
      </c>
      <c r="M701" s="53">
        <v>16813.866666666599</v>
      </c>
      <c r="N701" s="53">
        <v>201766.46526734301</v>
      </c>
      <c r="O701" s="53">
        <v>16813.8796992481</v>
      </c>
      <c r="P701" s="53">
        <v>16813.8796992481</v>
      </c>
      <c r="Q701" s="53">
        <v>16813.8796992481</v>
      </c>
      <c r="R701" s="53">
        <v>16813.8796992481</v>
      </c>
      <c r="S701" s="53">
        <v>16813.8796992481</v>
      </c>
      <c r="T701" s="53">
        <v>16813.8796992481</v>
      </c>
      <c r="U701" s="53">
        <v>16813.8796992481</v>
      </c>
      <c r="V701" s="53">
        <v>16813.8796992481</v>
      </c>
      <c r="W701" s="53">
        <v>16813.8796992481</v>
      </c>
      <c r="X701" s="53">
        <v>16813.8796992481</v>
      </c>
      <c r="Y701" s="53">
        <v>16813.8796992481</v>
      </c>
      <c r="Z701" s="53">
        <v>16813.8796992481</v>
      </c>
      <c r="AA701" s="53">
        <v>201766.556390977</v>
      </c>
      <c r="AB701" s="53">
        <v>16813.8796992481</v>
      </c>
      <c r="AC701" s="53">
        <v>16813.8796992481</v>
      </c>
      <c r="AD701" s="53">
        <v>16813.8796992481</v>
      </c>
      <c r="AE701" s="53">
        <v>16813.8796992481</v>
      </c>
      <c r="AF701" s="53">
        <v>16813.8796992481</v>
      </c>
      <c r="AG701" s="53">
        <v>16813.8796992481</v>
      </c>
      <c r="AH701" s="53">
        <v>16813.8796992481</v>
      </c>
      <c r="AI701" s="53">
        <v>16813.8796992481</v>
      </c>
      <c r="AJ701" s="53">
        <v>16813.8796992481</v>
      </c>
      <c r="AK701" s="53">
        <v>16813.8796992481</v>
      </c>
      <c r="AL701" s="53">
        <v>16813.8796992481</v>
      </c>
      <c r="AM701" s="53">
        <v>16813.8796992481</v>
      </c>
      <c r="AN701" s="53">
        <v>201766.556390977</v>
      </c>
      <c r="AO701" s="53">
        <v>16813.8796992481</v>
      </c>
      <c r="AP701" s="53">
        <v>16813.8796992481</v>
      </c>
      <c r="AQ701" s="53">
        <v>16813.8796992481</v>
      </c>
      <c r="AR701" s="53">
        <v>16813.8796992481</v>
      </c>
      <c r="AS701" s="53">
        <v>16813.8796992481</v>
      </c>
      <c r="AT701" s="53">
        <v>16813.8796992481</v>
      </c>
      <c r="AU701" s="53">
        <v>16813.8796992481</v>
      </c>
      <c r="AV701" s="53">
        <v>16813.8796992481</v>
      </c>
      <c r="AW701" s="53">
        <v>16813.8796992481</v>
      </c>
      <c r="AX701" s="53">
        <v>16813.8796992481</v>
      </c>
      <c r="AY701" s="53">
        <v>16813.8796992481</v>
      </c>
      <c r="AZ701" s="53">
        <v>16813.8796992481</v>
      </c>
      <c r="BA701" s="53">
        <v>201766.556390977</v>
      </c>
      <c r="BB701" s="53">
        <v>16813.8796992481</v>
      </c>
      <c r="BC701" s="53">
        <v>16813.8796992481</v>
      </c>
      <c r="BD701" s="53">
        <v>16813.8796992481</v>
      </c>
      <c r="BE701" s="53">
        <v>16813.8796992481</v>
      </c>
      <c r="BF701" s="53">
        <v>16813.8796992481</v>
      </c>
      <c r="BG701" s="53">
        <v>16813.8796992481</v>
      </c>
      <c r="BH701" s="53">
        <v>16813.8796992481</v>
      </c>
      <c r="BI701" s="53">
        <v>16813.8796992481</v>
      </c>
      <c r="BJ701" s="53">
        <v>16813.8796992481</v>
      </c>
      <c r="BK701" s="53">
        <v>16813.8796992481</v>
      </c>
      <c r="BL701" s="53">
        <v>16813.8796992481</v>
      </c>
      <c r="BM701" s="53">
        <v>16813.8796992481</v>
      </c>
      <c r="BN701" s="53">
        <v>201766.556390977</v>
      </c>
      <c r="BO701" s="53">
        <v>16813.8796992481</v>
      </c>
      <c r="BP701" s="53">
        <v>16813.8796992481</v>
      </c>
      <c r="BQ701" s="53">
        <v>16813.8796992481</v>
      </c>
      <c r="BR701" s="53">
        <v>16813.8796992481</v>
      </c>
      <c r="BS701" s="53">
        <v>16813.8796992481</v>
      </c>
      <c r="BT701" s="53">
        <v>16813.8796992481</v>
      </c>
      <c r="BU701" s="53">
        <v>16813.8796992481</v>
      </c>
      <c r="BV701" s="53">
        <v>16813.8796992481</v>
      </c>
      <c r="BW701" s="53">
        <v>16813.8796992481</v>
      </c>
      <c r="BX701" s="53">
        <v>16813.8796992481</v>
      </c>
      <c r="BY701" s="53">
        <v>16813.8796992481</v>
      </c>
      <c r="BZ701" s="53">
        <v>16813.8796992481</v>
      </c>
      <c r="CA701" s="53">
        <v>201766.556390977</v>
      </c>
      <c r="CB701" s="53"/>
      <c r="CC701" s="53"/>
      <c r="CD701" s="53"/>
      <c r="CE701" s="53"/>
      <c r="CF701" s="53"/>
      <c r="CG701" s="53"/>
      <c r="CH701" s="53"/>
      <c r="CI701" s="53"/>
      <c r="CJ701" s="53"/>
      <c r="CK701" s="53"/>
      <c r="CL701" s="53"/>
      <c r="CM701" s="53"/>
      <c r="CN701" s="53"/>
    </row>
    <row r="702" spans="1:92" outlineLevel="1">
      <c r="A702" s="52" t="s">
        <v>726</v>
      </c>
      <c r="B702" s="53">
        <v>-308004.32631578902</v>
      </c>
      <c r="C702" s="53">
        <v>-308004.32978723402</v>
      </c>
      <c r="D702" s="53">
        <v>-308004.32258064498</v>
      </c>
      <c r="E702" s="53">
        <v>-308004.32608695602</v>
      </c>
      <c r="F702" s="53">
        <v>-308004.329670329</v>
      </c>
      <c r="G702" s="53">
        <v>-308004.32222222199</v>
      </c>
      <c r="H702" s="53">
        <v>-308004.32584269601</v>
      </c>
      <c r="I702" s="53">
        <v>-308004.32954545401</v>
      </c>
      <c r="J702" s="53">
        <v>-308004.32183908002</v>
      </c>
      <c r="K702" s="53">
        <v>-308004.32558139501</v>
      </c>
      <c r="L702" s="53">
        <v>-308004.32941176399</v>
      </c>
      <c r="M702" s="53">
        <v>-308004.32142857101</v>
      </c>
      <c r="N702" s="53">
        <v>-3696051.9103121399</v>
      </c>
      <c r="O702" s="53">
        <v>-308004.32530120399</v>
      </c>
      <c r="P702" s="53">
        <v>-308004.32530120399</v>
      </c>
      <c r="Q702" s="53">
        <v>-308004.32530120399</v>
      </c>
      <c r="R702" s="53">
        <v>-308004.32530120399</v>
      </c>
      <c r="S702" s="53">
        <v>-308004.32530120399</v>
      </c>
      <c r="T702" s="53">
        <v>-308004.32530120399</v>
      </c>
      <c r="U702" s="53">
        <v>-308004.32530120399</v>
      </c>
      <c r="V702" s="53">
        <v>-308004.32530120399</v>
      </c>
      <c r="W702" s="53">
        <v>-308004.32530120399</v>
      </c>
      <c r="X702" s="53">
        <v>-308004.32530120399</v>
      </c>
      <c r="Y702" s="53">
        <v>-308004.32530120399</v>
      </c>
      <c r="Z702" s="53">
        <v>-308004.32530120399</v>
      </c>
      <c r="AA702" s="53">
        <v>-3696051.9036144498</v>
      </c>
      <c r="AB702" s="53">
        <v>-308004.32530120399</v>
      </c>
      <c r="AC702" s="53">
        <v>-308004.32530120399</v>
      </c>
      <c r="AD702" s="53">
        <v>-308004.32530120399</v>
      </c>
      <c r="AE702" s="53">
        <v>-308004.32530120399</v>
      </c>
      <c r="AF702" s="53">
        <v>-308004.32530120399</v>
      </c>
      <c r="AG702" s="53">
        <v>-308004.32530120399</v>
      </c>
      <c r="AH702" s="53">
        <v>-308004.32530120399</v>
      </c>
      <c r="AI702" s="53">
        <v>-308004.32530120399</v>
      </c>
      <c r="AJ702" s="53">
        <v>-308004.32530120399</v>
      </c>
      <c r="AK702" s="53">
        <v>-308004.32530120399</v>
      </c>
      <c r="AL702" s="53">
        <v>-308004.32530120498</v>
      </c>
      <c r="AM702" s="53">
        <v>-308004.32530120399</v>
      </c>
      <c r="AN702" s="53">
        <v>-3696051.9036144498</v>
      </c>
      <c r="AO702" s="53">
        <v>-308004.32530120498</v>
      </c>
      <c r="AP702" s="53">
        <v>-308004.32530120498</v>
      </c>
      <c r="AQ702" s="53">
        <v>-308004.32530120498</v>
      </c>
      <c r="AR702" s="53">
        <v>-308004.32530120498</v>
      </c>
      <c r="AS702" s="53">
        <v>-308004.32530120498</v>
      </c>
      <c r="AT702" s="53">
        <v>-308004.32530120498</v>
      </c>
      <c r="AU702" s="53">
        <v>-308004.32530120498</v>
      </c>
      <c r="AV702" s="53">
        <v>-308004.32530120498</v>
      </c>
      <c r="AW702" s="53">
        <v>-308004.32530120498</v>
      </c>
      <c r="AX702" s="53">
        <v>-308004.32530120498</v>
      </c>
      <c r="AY702" s="53">
        <v>-308004.32530120498</v>
      </c>
      <c r="AZ702" s="53">
        <v>-308004.32530120498</v>
      </c>
      <c r="BA702" s="53">
        <v>-3696051.9036144498</v>
      </c>
      <c r="BB702" s="53">
        <v>-308004.32530120498</v>
      </c>
      <c r="BC702" s="53">
        <v>-308004.32530120498</v>
      </c>
      <c r="BD702" s="53">
        <v>-308004.32530120498</v>
      </c>
      <c r="BE702" s="53">
        <v>-308004.32530120498</v>
      </c>
      <c r="BF702" s="53">
        <v>-308004.32530120498</v>
      </c>
      <c r="BG702" s="53">
        <v>-308004.32530120498</v>
      </c>
      <c r="BH702" s="53">
        <v>-308004.32530120498</v>
      </c>
      <c r="BI702" s="53">
        <v>-308004.32530120498</v>
      </c>
      <c r="BJ702" s="53">
        <v>-308004.32530120498</v>
      </c>
      <c r="BK702" s="53">
        <v>-308004.32530120498</v>
      </c>
      <c r="BL702" s="53">
        <v>-308004.32530120498</v>
      </c>
      <c r="BM702" s="53">
        <v>-308004.32530120498</v>
      </c>
      <c r="BN702" s="53">
        <v>-3696051.90361446</v>
      </c>
      <c r="BO702" s="53">
        <v>-308004.32530120498</v>
      </c>
      <c r="BP702" s="53">
        <v>-308004.32530120498</v>
      </c>
      <c r="BQ702" s="53">
        <v>-308004.32530120498</v>
      </c>
      <c r="BR702" s="53">
        <v>-308004.32530120498</v>
      </c>
      <c r="BS702" s="53">
        <v>-308004.32530120498</v>
      </c>
      <c r="BT702" s="53">
        <v>-308004.32530120498</v>
      </c>
      <c r="BU702" s="53">
        <v>-308004.32530120498</v>
      </c>
      <c r="BV702" s="53">
        <v>-308004.32530120498</v>
      </c>
      <c r="BW702" s="53">
        <v>-308004.32530120498</v>
      </c>
      <c r="BX702" s="53">
        <v>-308004.32530120498</v>
      </c>
      <c r="BY702" s="53">
        <v>-308004.32530120498</v>
      </c>
      <c r="BZ702" s="53">
        <v>-308004.32530120498</v>
      </c>
      <c r="CA702" s="53">
        <v>-3696051.90361446</v>
      </c>
      <c r="CB702" s="53"/>
      <c r="CC702" s="53"/>
      <c r="CD702" s="53"/>
      <c r="CE702" s="53"/>
      <c r="CF702" s="53"/>
      <c r="CG702" s="53"/>
      <c r="CH702" s="53"/>
      <c r="CI702" s="53"/>
      <c r="CJ702" s="53"/>
      <c r="CK702" s="53"/>
      <c r="CL702" s="53"/>
      <c r="CM702" s="53"/>
      <c r="CN702" s="53"/>
    </row>
    <row r="703" spans="1:92" outlineLevel="1">
      <c r="A703" s="52" t="s">
        <v>728</v>
      </c>
      <c r="B703" s="53">
        <v>-199670.975369458</v>
      </c>
      <c r="C703" s="53">
        <v>-199670.97512437799</v>
      </c>
      <c r="D703" s="53">
        <v>-199670.97487437099</v>
      </c>
      <c r="E703" s="53">
        <v>-199670.97461928899</v>
      </c>
      <c r="F703" s="53">
        <v>-199670.974358974</v>
      </c>
      <c r="G703" s="53">
        <v>-199670.974093264</v>
      </c>
      <c r="H703" s="53">
        <v>-199670.973821989</v>
      </c>
      <c r="I703" s="53">
        <v>-199670.97354497301</v>
      </c>
      <c r="J703" s="53">
        <v>-199670.973262032</v>
      </c>
      <c r="K703" s="53">
        <v>-199670.97297297299</v>
      </c>
      <c r="L703" s="53">
        <v>-199670.97267759501</v>
      </c>
      <c r="M703" s="53">
        <v>-199670.97237569001</v>
      </c>
      <c r="N703" s="53">
        <v>-2396051.6870949902</v>
      </c>
      <c r="O703" s="53">
        <v>-199670.97206703899</v>
      </c>
      <c r="P703" s="53">
        <v>-199670.97206703899</v>
      </c>
      <c r="Q703" s="53">
        <v>-199670.97206703899</v>
      </c>
      <c r="R703" s="53">
        <v>-199670.97206703899</v>
      </c>
      <c r="S703" s="53">
        <v>-199670.97206703899</v>
      </c>
      <c r="T703" s="53">
        <v>-199670.97206703899</v>
      </c>
      <c r="U703" s="53">
        <v>-199670.97206703899</v>
      </c>
      <c r="V703" s="53">
        <v>-199670.972067038</v>
      </c>
      <c r="W703" s="53">
        <v>-199670.972067038</v>
      </c>
      <c r="X703" s="53">
        <v>-199670.972067038</v>
      </c>
      <c r="Y703" s="53">
        <v>-199670.97206703899</v>
      </c>
      <c r="Z703" s="53">
        <v>-199670.97206703899</v>
      </c>
      <c r="AA703" s="53">
        <v>-2396051.66480446</v>
      </c>
      <c r="AB703" s="53">
        <v>-199670.97206703899</v>
      </c>
      <c r="AC703" s="53">
        <v>-199670.97206703899</v>
      </c>
      <c r="AD703" s="53">
        <v>-199670.97206703899</v>
      </c>
      <c r="AE703" s="53">
        <v>-199670.97206703899</v>
      </c>
      <c r="AF703" s="53">
        <v>-199670.97206703899</v>
      </c>
      <c r="AG703" s="53">
        <v>-199670.97206703899</v>
      </c>
      <c r="AH703" s="53">
        <v>-199670.97206703899</v>
      </c>
      <c r="AI703" s="53">
        <v>-199670.97206703899</v>
      </c>
      <c r="AJ703" s="53">
        <v>-199670.97206703899</v>
      </c>
      <c r="AK703" s="53">
        <v>-199670.97206703899</v>
      </c>
      <c r="AL703" s="53">
        <v>-199670.97206703899</v>
      </c>
      <c r="AM703" s="53">
        <v>-199670.97206703899</v>
      </c>
      <c r="AN703" s="53">
        <v>-2396051.66480446</v>
      </c>
      <c r="AO703" s="53">
        <v>-199670.97206703899</v>
      </c>
      <c r="AP703" s="53">
        <v>-199670.97206703899</v>
      </c>
      <c r="AQ703" s="53">
        <v>-199670.97206703899</v>
      </c>
      <c r="AR703" s="53">
        <v>-199670.97206703899</v>
      </c>
      <c r="AS703" s="53">
        <v>-199670.97206703899</v>
      </c>
      <c r="AT703" s="53">
        <v>-199670.97206703899</v>
      </c>
      <c r="AU703" s="53">
        <v>-199670.97206703899</v>
      </c>
      <c r="AV703" s="53">
        <v>-199670.97206703899</v>
      </c>
      <c r="AW703" s="53">
        <v>-199670.97206703899</v>
      </c>
      <c r="AX703" s="53">
        <v>-199670.97206703899</v>
      </c>
      <c r="AY703" s="53">
        <v>-199670.97206703899</v>
      </c>
      <c r="AZ703" s="53">
        <v>-199670.97206703899</v>
      </c>
      <c r="BA703" s="53">
        <v>-2396051.66480446</v>
      </c>
      <c r="BB703" s="53">
        <v>-199670.97206703899</v>
      </c>
      <c r="BC703" s="53">
        <v>-199670.97206703899</v>
      </c>
      <c r="BD703" s="53">
        <v>-199670.97206703899</v>
      </c>
      <c r="BE703" s="53">
        <v>-199670.97206703899</v>
      </c>
      <c r="BF703" s="53">
        <v>-199670.97206703899</v>
      </c>
      <c r="BG703" s="53">
        <v>-199670.97206703899</v>
      </c>
      <c r="BH703" s="53">
        <v>-199670.97206703899</v>
      </c>
      <c r="BI703" s="53">
        <v>-199670.97206703899</v>
      </c>
      <c r="BJ703" s="53">
        <v>-199670.97206703899</v>
      </c>
      <c r="BK703" s="53">
        <v>-199670.97206703899</v>
      </c>
      <c r="BL703" s="53">
        <v>-199670.97206703899</v>
      </c>
      <c r="BM703" s="53">
        <v>-199670.97206703899</v>
      </c>
      <c r="BN703" s="53">
        <v>-2396051.6648044698</v>
      </c>
      <c r="BO703" s="53">
        <v>-199670.97206703899</v>
      </c>
      <c r="BP703" s="53">
        <v>-199670.97206703899</v>
      </c>
      <c r="BQ703" s="53">
        <v>-199670.97206703899</v>
      </c>
      <c r="BR703" s="53">
        <v>-199670.97206703899</v>
      </c>
      <c r="BS703" s="53">
        <v>-199670.97206703899</v>
      </c>
      <c r="BT703" s="53">
        <v>-199670.97206703899</v>
      </c>
      <c r="BU703" s="53">
        <v>-199670.97206703899</v>
      </c>
      <c r="BV703" s="53">
        <v>-199670.97206703899</v>
      </c>
      <c r="BW703" s="53">
        <v>-199670.97206703899</v>
      </c>
      <c r="BX703" s="53">
        <v>-199670.97206703899</v>
      </c>
      <c r="BY703" s="53">
        <v>-199670.97206703899</v>
      </c>
      <c r="BZ703" s="53">
        <v>-199670.97206703899</v>
      </c>
      <c r="CA703" s="53">
        <v>-2396051.6648044698</v>
      </c>
      <c r="CB703" s="53"/>
      <c r="CC703" s="53"/>
      <c r="CD703" s="53"/>
      <c r="CE703" s="53"/>
      <c r="CF703" s="53"/>
      <c r="CG703" s="53"/>
      <c r="CH703" s="53"/>
      <c r="CI703" s="53"/>
      <c r="CJ703" s="53"/>
      <c r="CK703" s="53"/>
      <c r="CL703" s="53"/>
      <c r="CM703" s="53"/>
      <c r="CN703" s="53"/>
    </row>
    <row r="704" spans="1:92" outlineLevel="1">
      <c r="A704" s="52" t="s">
        <v>729</v>
      </c>
      <c r="B704" s="53">
        <v>-115069.472803347</v>
      </c>
      <c r="C704" s="53">
        <v>-115069.476793248</v>
      </c>
      <c r="D704" s="53">
        <v>-115069.472340425</v>
      </c>
      <c r="E704" s="53">
        <v>-115069.476394849</v>
      </c>
      <c r="F704" s="53">
        <v>-115069.471861471</v>
      </c>
      <c r="G704" s="53">
        <v>-115069.47598253201</v>
      </c>
      <c r="H704" s="53">
        <v>-115069.471365638</v>
      </c>
      <c r="I704" s="53">
        <v>-115069.47555555499</v>
      </c>
      <c r="J704" s="53">
        <v>-115069.470852017</v>
      </c>
      <c r="K704" s="53">
        <v>-115069.475113122</v>
      </c>
      <c r="L704" s="53">
        <v>-115069.470319634</v>
      </c>
      <c r="M704" s="53">
        <v>-115069.474654377</v>
      </c>
      <c r="N704" s="53">
        <v>-1380833.68403622</v>
      </c>
      <c r="O704" s="53">
        <v>-115069.469767441</v>
      </c>
      <c r="P704" s="53">
        <v>-115069.469767441</v>
      </c>
      <c r="Q704" s="53">
        <v>-115069.469767441</v>
      </c>
      <c r="R704" s="53">
        <v>-115069.469767441</v>
      </c>
      <c r="S704" s="53">
        <v>-115069.469767441</v>
      </c>
      <c r="T704" s="53">
        <v>-115069.469767441</v>
      </c>
      <c r="U704" s="53">
        <v>-115069.469767441</v>
      </c>
      <c r="V704" s="53">
        <v>-115069.469767441</v>
      </c>
      <c r="W704" s="53">
        <v>-115069.469767441</v>
      </c>
      <c r="X704" s="53">
        <v>-115069.469767441</v>
      </c>
      <c r="Y704" s="53">
        <v>-115069.469767441</v>
      </c>
      <c r="Z704" s="53">
        <v>-115069.469767441</v>
      </c>
      <c r="AA704" s="53">
        <v>-1380833.6372093</v>
      </c>
      <c r="AB704" s="53">
        <v>-115069.469767441</v>
      </c>
      <c r="AC704" s="53">
        <v>-115069.469767441</v>
      </c>
      <c r="AD704" s="53">
        <v>-115069.469767441</v>
      </c>
      <c r="AE704" s="53">
        <v>-115069.469767441</v>
      </c>
      <c r="AF704" s="53">
        <v>-115069.469767441</v>
      </c>
      <c r="AG704" s="53">
        <v>-115069.469767441</v>
      </c>
      <c r="AH704" s="53">
        <v>-115069.469767441</v>
      </c>
      <c r="AI704" s="53">
        <v>-115069.469767441</v>
      </c>
      <c r="AJ704" s="53">
        <v>-115069.469767441</v>
      </c>
      <c r="AK704" s="53">
        <v>-115069.469767441</v>
      </c>
      <c r="AL704" s="53">
        <v>-115069.469767441</v>
      </c>
      <c r="AM704" s="53">
        <v>-115069.469767441</v>
      </c>
      <c r="AN704" s="53">
        <v>-1380833.6372093</v>
      </c>
      <c r="AO704" s="53">
        <v>-115069.469767441</v>
      </c>
      <c r="AP704" s="53">
        <v>-115069.469767441</v>
      </c>
      <c r="AQ704" s="53">
        <v>-115069.469767441</v>
      </c>
      <c r="AR704" s="53">
        <v>-115069.469767441</v>
      </c>
      <c r="AS704" s="53">
        <v>-115069.469767441</v>
      </c>
      <c r="AT704" s="53">
        <v>-115069.469767441</v>
      </c>
      <c r="AU704" s="53">
        <v>-115069.469767441</v>
      </c>
      <c r="AV704" s="53">
        <v>-115069.469767441</v>
      </c>
      <c r="AW704" s="53">
        <v>-115069.469767441</v>
      </c>
      <c r="AX704" s="53">
        <v>-115069.469767441</v>
      </c>
      <c r="AY704" s="53">
        <v>-115069.469767441</v>
      </c>
      <c r="AZ704" s="53">
        <v>-115069.469767441</v>
      </c>
      <c r="BA704" s="53">
        <v>-1380833.6372093</v>
      </c>
      <c r="BB704" s="53">
        <v>-115069.469767441</v>
      </c>
      <c r="BC704" s="53">
        <v>-115069.469767441</v>
      </c>
      <c r="BD704" s="53">
        <v>-115069.469767441</v>
      </c>
      <c r="BE704" s="53">
        <v>-115069.469767441</v>
      </c>
      <c r="BF704" s="53">
        <v>-115069.469767441</v>
      </c>
      <c r="BG704" s="53">
        <v>-115069.469767441</v>
      </c>
      <c r="BH704" s="53">
        <v>-115069.469767441</v>
      </c>
      <c r="BI704" s="53">
        <v>-115069.469767441</v>
      </c>
      <c r="BJ704" s="53">
        <v>-115069.469767441</v>
      </c>
      <c r="BK704" s="53">
        <v>-115069.469767441</v>
      </c>
      <c r="BL704" s="53">
        <v>-115069.469767441</v>
      </c>
      <c r="BM704" s="53">
        <v>-115069.469767441</v>
      </c>
      <c r="BN704" s="53">
        <v>-1380833.6372093</v>
      </c>
      <c r="BO704" s="53">
        <v>-115069.469767441</v>
      </c>
      <c r="BP704" s="53">
        <v>-115069.469767441</v>
      </c>
      <c r="BQ704" s="53">
        <v>-115069.469767441</v>
      </c>
      <c r="BR704" s="53">
        <v>-115069.469767441</v>
      </c>
      <c r="BS704" s="53">
        <v>-115069.469767441</v>
      </c>
      <c r="BT704" s="53">
        <v>-115069.469767441</v>
      </c>
      <c r="BU704" s="53">
        <v>-115069.469767441</v>
      </c>
      <c r="BV704" s="53">
        <v>-115069.469767441</v>
      </c>
      <c r="BW704" s="53">
        <v>-115069.469767441</v>
      </c>
      <c r="BX704" s="53">
        <v>-115069.469767441</v>
      </c>
      <c r="BY704" s="53">
        <v>-115069.469767441</v>
      </c>
      <c r="BZ704" s="53">
        <v>-115069.469767441</v>
      </c>
      <c r="CA704" s="53">
        <v>-1380833.6372093</v>
      </c>
      <c r="CB704" s="53"/>
      <c r="CC704" s="53"/>
      <c r="CD704" s="53"/>
      <c r="CE704" s="53"/>
      <c r="CF704" s="53"/>
      <c r="CG704" s="53"/>
      <c r="CH704" s="53"/>
      <c r="CI704" s="53"/>
      <c r="CJ704" s="53"/>
      <c r="CK704" s="53"/>
      <c r="CL704" s="53"/>
      <c r="CM704" s="53"/>
      <c r="CN704" s="53"/>
    </row>
    <row r="705" spans="1:92" outlineLevel="1">
      <c r="A705" s="52" t="s">
        <v>745</v>
      </c>
      <c r="B705" s="53"/>
      <c r="C705" s="53"/>
      <c r="D705" s="53"/>
      <c r="E705" s="53"/>
      <c r="F705" s="53"/>
      <c r="G705" s="53"/>
      <c r="H705" s="53"/>
      <c r="I705" s="53"/>
      <c r="J705" s="53"/>
      <c r="K705" s="53"/>
      <c r="L705" s="53"/>
      <c r="M705" s="53"/>
      <c r="N705" s="53"/>
      <c r="O705" s="53"/>
      <c r="P705" s="53"/>
      <c r="Q705" s="53"/>
      <c r="R705" s="53"/>
      <c r="S705" s="53"/>
      <c r="T705" s="53"/>
      <c r="U705" s="53"/>
      <c r="V705" s="53"/>
      <c r="W705" s="53"/>
      <c r="X705" s="53"/>
      <c r="Y705" s="53"/>
      <c r="Z705" s="53"/>
      <c r="AA705" s="53"/>
      <c r="AB705" s="53"/>
      <c r="AC705" s="53"/>
      <c r="AD705" s="53"/>
      <c r="AE705" s="53"/>
      <c r="AF705" s="53"/>
      <c r="AG705" s="53"/>
      <c r="AH705" s="53"/>
      <c r="AI705" s="53"/>
      <c r="AJ705" s="53"/>
      <c r="AK705" s="53"/>
      <c r="AL705" s="53"/>
      <c r="AM705" s="53"/>
      <c r="AN705" s="53"/>
      <c r="AO705" s="53"/>
      <c r="AP705" s="53"/>
      <c r="AQ705" s="53"/>
      <c r="AR705" s="53"/>
      <c r="AS705" s="53"/>
      <c r="AT705" s="53"/>
      <c r="AU705" s="53"/>
      <c r="AV705" s="53"/>
      <c r="AW705" s="53"/>
      <c r="AX705" s="53"/>
      <c r="AY705" s="53"/>
      <c r="AZ705" s="53"/>
      <c r="BA705" s="53"/>
      <c r="BB705" s="53"/>
      <c r="BC705" s="53"/>
      <c r="BD705" s="53"/>
      <c r="BE705" s="53"/>
      <c r="BF705" s="53"/>
      <c r="BG705" s="53"/>
      <c r="BH705" s="53"/>
      <c r="BI705" s="53"/>
      <c r="BJ705" s="53"/>
      <c r="BK705" s="53"/>
      <c r="BL705" s="53"/>
      <c r="BM705" s="53"/>
      <c r="BN705" s="53"/>
      <c r="BO705" s="53"/>
      <c r="BP705" s="53"/>
      <c r="BQ705" s="53"/>
      <c r="BR705" s="53"/>
      <c r="BS705" s="53"/>
      <c r="BT705" s="53"/>
      <c r="BU705" s="53"/>
      <c r="BV705" s="53"/>
      <c r="BW705" s="53"/>
      <c r="BX705" s="53"/>
      <c r="BY705" s="53"/>
      <c r="BZ705" s="53"/>
      <c r="CA705" s="53"/>
      <c r="CB705" s="53"/>
      <c r="CC705" s="53"/>
      <c r="CD705" s="53"/>
      <c r="CE705" s="53"/>
      <c r="CF705" s="53"/>
      <c r="CG705" s="53"/>
      <c r="CH705" s="53"/>
      <c r="CI705" s="53"/>
      <c r="CJ705" s="53"/>
      <c r="CK705" s="53"/>
      <c r="CL705" s="53"/>
      <c r="CM705" s="53"/>
      <c r="CN705" s="53"/>
    </row>
    <row r="706" spans="1:92" outlineLevel="1">
      <c r="A706" s="52" t="s">
        <v>1225</v>
      </c>
      <c r="B706" s="53"/>
      <c r="C706" s="53"/>
      <c r="D706" s="53"/>
      <c r="E706" s="53"/>
      <c r="F706" s="53"/>
      <c r="G706" s="53"/>
      <c r="H706" s="53"/>
      <c r="I706" s="53"/>
      <c r="J706" s="53"/>
      <c r="K706" s="53"/>
      <c r="L706" s="53"/>
      <c r="M706" s="53"/>
      <c r="N706" s="53"/>
      <c r="O706" s="53"/>
      <c r="P706" s="53"/>
      <c r="Q706" s="53"/>
      <c r="R706" s="53"/>
      <c r="S706" s="53"/>
      <c r="T706" s="53"/>
      <c r="U706" s="53"/>
      <c r="V706" s="53"/>
      <c r="W706" s="53"/>
      <c r="X706" s="53"/>
      <c r="Y706" s="53"/>
      <c r="Z706" s="53"/>
      <c r="AA706" s="53"/>
      <c r="AB706" s="53"/>
      <c r="AC706" s="53"/>
      <c r="AD706" s="53"/>
      <c r="AE706" s="53"/>
      <c r="AF706" s="53"/>
      <c r="AG706" s="53"/>
      <c r="AH706" s="53"/>
      <c r="AI706" s="53"/>
      <c r="AJ706" s="53"/>
      <c r="AK706" s="53"/>
      <c r="AL706" s="53"/>
      <c r="AM706" s="53"/>
      <c r="AN706" s="53"/>
      <c r="AO706" s="53"/>
      <c r="AP706" s="53"/>
      <c r="AQ706" s="53"/>
      <c r="AR706" s="53"/>
      <c r="AS706" s="53"/>
      <c r="AT706" s="53"/>
      <c r="AU706" s="53"/>
      <c r="AV706" s="53"/>
      <c r="AW706" s="53"/>
      <c r="AX706" s="53"/>
      <c r="AY706" s="53"/>
      <c r="AZ706" s="53"/>
      <c r="BA706" s="53"/>
      <c r="BB706" s="53"/>
      <c r="BC706" s="53"/>
      <c r="BD706" s="53"/>
      <c r="BE706" s="53"/>
      <c r="BF706" s="53"/>
      <c r="BG706" s="53"/>
      <c r="BH706" s="53"/>
      <c r="BI706" s="53"/>
      <c r="BJ706" s="53"/>
      <c r="BK706" s="53"/>
      <c r="BL706" s="53"/>
      <c r="BM706" s="53"/>
      <c r="BN706" s="53"/>
      <c r="BO706" s="53"/>
      <c r="BP706" s="53"/>
      <c r="BQ706" s="53"/>
      <c r="BR706" s="53"/>
      <c r="BS706" s="53"/>
      <c r="BT706" s="53"/>
      <c r="BU706" s="53"/>
      <c r="BV706" s="53"/>
      <c r="BW706" s="53"/>
      <c r="BX706" s="53"/>
      <c r="BY706" s="53"/>
      <c r="BZ706" s="53"/>
      <c r="CA706" s="53"/>
      <c r="CB706" s="53"/>
      <c r="CC706" s="53"/>
      <c r="CD706" s="53"/>
      <c r="CE706" s="53"/>
      <c r="CF706" s="53"/>
      <c r="CG706" s="53"/>
      <c r="CH706" s="53"/>
      <c r="CI706" s="53"/>
      <c r="CJ706" s="53"/>
      <c r="CK706" s="53"/>
      <c r="CL706" s="53"/>
      <c r="CM706" s="53"/>
      <c r="CN706" s="53"/>
    </row>
    <row r="707" spans="1:92" outlineLevel="1">
      <c r="A707" s="52" t="s">
        <v>649</v>
      </c>
      <c r="B707" s="53">
        <v>-22991564.399999999</v>
      </c>
      <c r="C707" s="53">
        <v>-34302451.090000004</v>
      </c>
      <c r="D707" s="53">
        <v>-37866581.869999997</v>
      </c>
      <c r="E707" s="53">
        <v>-12588353.9099999</v>
      </c>
      <c r="F707" s="53">
        <v>-16039955.51</v>
      </c>
      <c r="G707" s="53">
        <v>-32420786.439999901</v>
      </c>
      <c r="H707" s="53">
        <v>-44359930.909999996</v>
      </c>
      <c r="I707" s="53">
        <v>-28158787.2999999</v>
      </c>
      <c r="J707" s="53">
        <v>-40371437.859999999</v>
      </c>
      <c r="K707" s="53">
        <v>-25430191.949999999</v>
      </c>
      <c r="L707" s="53">
        <v>-29146212</v>
      </c>
      <c r="M707" s="53">
        <v>-39996699.909999996</v>
      </c>
      <c r="N707" s="53">
        <v>-363672953.14999998</v>
      </c>
      <c r="O707" s="53">
        <v>-44989931.859999999</v>
      </c>
      <c r="P707" s="53"/>
      <c r="Q707" s="53"/>
      <c r="R707" s="53"/>
      <c r="S707" s="53"/>
      <c r="T707" s="53"/>
      <c r="U707" s="53"/>
      <c r="V707" s="53"/>
      <c r="W707" s="53"/>
      <c r="X707" s="53"/>
      <c r="Y707" s="53"/>
      <c r="Z707" s="53"/>
      <c r="AA707" s="53">
        <v>-44989931.859999999</v>
      </c>
      <c r="AB707" s="53"/>
      <c r="AC707" s="53"/>
      <c r="AD707" s="53"/>
      <c r="AE707" s="53"/>
      <c r="AF707" s="53"/>
      <c r="AG707" s="53"/>
      <c r="AH707" s="53"/>
      <c r="AI707" s="53"/>
      <c r="AJ707" s="53"/>
      <c r="AK707" s="53"/>
      <c r="AL707" s="53"/>
      <c r="AM707" s="53"/>
      <c r="AN707" s="53"/>
      <c r="AO707" s="53"/>
      <c r="AP707" s="53"/>
      <c r="AQ707" s="53"/>
      <c r="AR707" s="53"/>
      <c r="AS707" s="53"/>
      <c r="AT707" s="53"/>
      <c r="AU707" s="53"/>
      <c r="AV707" s="53"/>
      <c r="AW707" s="53"/>
      <c r="AX707" s="53"/>
      <c r="AY707" s="53"/>
      <c r="AZ707" s="53"/>
      <c r="BA707" s="53"/>
      <c r="BB707" s="53"/>
      <c r="BC707" s="53"/>
      <c r="BD707" s="53"/>
      <c r="BE707" s="53"/>
      <c r="BF707" s="53"/>
      <c r="BG707" s="53"/>
      <c r="BH707" s="53"/>
      <c r="BI707" s="53"/>
      <c r="BJ707" s="53"/>
      <c r="BK707" s="53"/>
      <c r="BL707" s="53"/>
      <c r="BM707" s="53"/>
      <c r="BN707" s="53"/>
      <c r="BO707" s="53"/>
      <c r="BP707" s="53"/>
      <c r="BQ707" s="53"/>
      <c r="BR707" s="53"/>
      <c r="BS707" s="53"/>
      <c r="BT707" s="53"/>
      <c r="BU707" s="53"/>
      <c r="BV707" s="53"/>
      <c r="BW707" s="53"/>
      <c r="BX707" s="53"/>
      <c r="BY707" s="53"/>
      <c r="BZ707" s="53"/>
      <c r="CA707" s="53"/>
      <c r="CB707" s="53">
        <v>-13863694.8607747</v>
      </c>
      <c r="CC707" s="53">
        <v>-13929064.8832848</v>
      </c>
      <c r="CD707" s="53">
        <v>-13825290.122687601</v>
      </c>
      <c r="CE707" s="53">
        <v>-14515949.5600424</v>
      </c>
      <c r="CF707" s="53">
        <v>-14674995.6574279</v>
      </c>
      <c r="CG707" s="53">
        <v>-16835367.7607597</v>
      </c>
      <c r="CH707" s="53">
        <v>-19274979.547531199</v>
      </c>
      <c r="CI707" s="53">
        <v>-20291837.754207101</v>
      </c>
      <c r="CJ707" s="53">
        <v>-19178201.921157099</v>
      </c>
      <c r="CK707" s="53">
        <v>-19949909.3689624</v>
      </c>
      <c r="CL707" s="53">
        <v>-14076371.054086</v>
      </c>
      <c r="CM707" s="53">
        <v>-14962337.5090787</v>
      </c>
      <c r="CN707" s="53">
        <v>-195378000</v>
      </c>
    </row>
    <row r="708" spans="1:92" outlineLevel="1">
      <c r="A708" s="52" t="s">
        <v>1222</v>
      </c>
      <c r="B708" s="53"/>
      <c r="C708" s="53"/>
      <c r="D708" s="53"/>
      <c r="E708" s="53"/>
      <c r="F708" s="53"/>
      <c r="G708" s="53"/>
      <c r="H708" s="53"/>
      <c r="I708" s="53"/>
      <c r="J708" s="53"/>
      <c r="K708" s="53"/>
      <c r="L708" s="53"/>
      <c r="M708" s="53"/>
      <c r="N708" s="53"/>
      <c r="O708" s="53"/>
      <c r="P708" s="53"/>
      <c r="Q708" s="53"/>
      <c r="R708" s="53"/>
      <c r="S708" s="53"/>
      <c r="T708" s="53"/>
      <c r="U708" s="53"/>
      <c r="V708" s="53"/>
      <c r="W708" s="53"/>
      <c r="X708" s="53"/>
      <c r="Y708" s="53"/>
      <c r="Z708" s="53"/>
      <c r="AA708" s="53"/>
      <c r="AB708" s="53"/>
      <c r="AC708" s="53"/>
      <c r="AD708" s="53"/>
      <c r="AE708" s="53"/>
      <c r="AF708" s="53"/>
      <c r="AG708" s="53"/>
      <c r="AH708" s="53"/>
      <c r="AI708" s="53"/>
      <c r="AJ708" s="53"/>
      <c r="AK708" s="53"/>
      <c r="AL708" s="53"/>
      <c r="AM708" s="53"/>
      <c r="AN708" s="53"/>
      <c r="AO708" s="53"/>
      <c r="AP708" s="53"/>
      <c r="AQ708" s="53"/>
      <c r="AR708" s="53"/>
      <c r="AS708" s="53"/>
      <c r="AT708" s="53"/>
      <c r="AU708" s="53"/>
      <c r="AV708" s="53"/>
      <c r="AW708" s="53"/>
      <c r="AX708" s="53"/>
      <c r="AY708" s="53"/>
      <c r="AZ708" s="53"/>
      <c r="BA708" s="53"/>
      <c r="BB708" s="53"/>
      <c r="BC708" s="53"/>
      <c r="BD708" s="53"/>
      <c r="BE708" s="53"/>
      <c r="BF708" s="53"/>
      <c r="BG708" s="53"/>
      <c r="BH708" s="53"/>
      <c r="BI708" s="53"/>
      <c r="BJ708" s="53"/>
      <c r="BK708" s="53"/>
      <c r="BL708" s="53"/>
      <c r="BM708" s="53"/>
      <c r="BN708" s="53"/>
      <c r="BO708" s="53"/>
      <c r="BP708" s="53"/>
      <c r="BQ708" s="53"/>
      <c r="BR708" s="53"/>
      <c r="BS708" s="53"/>
      <c r="BT708" s="53"/>
      <c r="BU708" s="53"/>
      <c r="BV708" s="53"/>
      <c r="BW708" s="53"/>
      <c r="BX708" s="53"/>
      <c r="BY708" s="53"/>
      <c r="BZ708" s="53"/>
      <c r="CA708" s="53"/>
      <c r="CB708" s="53"/>
      <c r="CC708" s="53"/>
      <c r="CD708" s="53"/>
      <c r="CE708" s="53"/>
      <c r="CF708" s="53"/>
      <c r="CG708" s="53"/>
      <c r="CH708" s="53"/>
      <c r="CI708" s="53"/>
      <c r="CJ708" s="53"/>
      <c r="CK708" s="53"/>
      <c r="CL708" s="53"/>
      <c r="CM708" s="53"/>
      <c r="CN708" s="53"/>
    </row>
    <row r="709" spans="1:92" outlineLevel="1">
      <c r="A709" s="52" t="s">
        <v>649</v>
      </c>
      <c r="B709" s="53"/>
      <c r="C709" s="53"/>
      <c r="D709" s="53"/>
      <c r="E709" s="53"/>
      <c r="F709" s="53"/>
      <c r="G709" s="53"/>
      <c r="H709" s="53"/>
      <c r="I709" s="53"/>
      <c r="J709" s="53"/>
      <c r="K709" s="53"/>
      <c r="L709" s="53"/>
      <c r="M709" s="53"/>
      <c r="N709" s="53"/>
      <c r="O709" s="53"/>
      <c r="P709" s="53">
        <v>-1189666.97029785</v>
      </c>
      <c r="Q709" s="53">
        <v>-2233349.8897617199</v>
      </c>
      <c r="R709" s="53">
        <v>-179387.54782046899</v>
      </c>
      <c r="S709" s="53">
        <v>-1033052.38650028</v>
      </c>
      <c r="T709" s="53">
        <v>-2076362.0680704</v>
      </c>
      <c r="U709" s="53">
        <v>-2249648.3520378801</v>
      </c>
      <c r="V709" s="53">
        <v>-3297603.1986955102</v>
      </c>
      <c r="W709" s="53">
        <v>-4349358.0009448398</v>
      </c>
      <c r="X709" s="53">
        <v>-4557024.1327773901</v>
      </c>
      <c r="Y709" s="53">
        <v>-5613510.6354678497</v>
      </c>
      <c r="Z709" s="53">
        <v>-6673966.4049185701</v>
      </c>
      <c r="AA709" s="53">
        <v>-33452929.587292701</v>
      </c>
      <c r="AB709" s="53">
        <v>-6665560.7110996898</v>
      </c>
      <c r="AC709" s="53">
        <v>-7903196.5122474199</v>
      </c>
      <c r="AD709" s="53">
        <v>-8994305.0694999602</v>
      </c>
      <c r="AE709" s="53">
        <v>-9640693.4855225701</v>
      </c>
      <c r="AF709" s="53">
        <v>-10543825.307235699</v>
      </c>
      <c r="AG709" s="53">
        <v>-11646861.093870901</v>
      </c>
      <c r="AH709" s="53">
        <v>-11842252.917847799</v>
      </c>
      <c r="AI709" s="53">
        <v>-12946880.624033101</v>
      </c>
      <c r="AJ709" s="53">
        <v>-14055242.750561099</v>
      </c>
      <c r="AK709" s="53">
        <v>-14282564.3204113</v>
      </c>
      <c r="AL709" s="53">
        <v>-15395441.999409299</v>
      </c>
      <c r="AM709" s="53">
        <v>-16514879.670560701</v>
      </c>
      <c r="AN709" s="53">
        <v>-140431704.4623</v>
      </c>
      <c r="AO709" s="53">
        <v>-16513815.966390001</v>
      </c>
      <c r="AP709" s="53">
        <v>-17633676.896308299</v>
      </c>
      <c r="AQ709" s="53">
        <v>-18756596.925441898</v>
      </c>
      <c r="AR709" s="53">
        <v>-19415172.210011199</v>
      </c>
      <c r="AS709" s="53">
        <v>-20346295.839072201</v>
      </c>
      <c r="AT709" s="53">
        <v>-21479561.534265298</v>
      </c>
      <c r="AU709" s="53">
        <v>-21712692.5097069</v>
      </c>
      <c r="AV709" s="53">
        <v>-22846867.133390199</v>
      </c>
      <c r="AW709" s="53">
        <v>-23984117.645277999</v>
      </c>
      <c r="AX709" s="53">
        <v>-24219085.231812298</v>
      </c>
      <c r="AY709" s="53">
        <v>-25360057.2071984</v>
      </c>
      <c r="AZ709" s="53">
        <v>-26506920.252508398</v>
      </c>
      <c r="BA709" s="53">
        <v>-258774859.351383</v>
      </c>
      <c r="BB709" s="53">
        <v>-26507151.8803395</v>
      </c>
      <c r="BC709" s="53">
        <v>-27653006.958791699</v>
      </c>
      <c r="BD709" s="53">
        <v>-28801921.730377302</v>
      </c>
      <c r="BE709" s="53">
        <v>-29475718.909522198</v>
      </c>
      <c r="BF709" s="53">
        <v>-30428569.385194398</v>
      </c>
      <c r="BG709" s="53">
        <v>-31587884.503713001</v>
      </c>
      <c r="BH709" s="53">
        <v>-31827302.641490199</v>
      </c>
      <c r="BI709" s="53">
        <v>-32987556.006354</v>
      </c>
      <c r="BJ709" s="53">
        <v>-34150907.511043899</v>
      </c>
      <c r="BK709" s="53">
        <v>-34392181.504638001</v>
      </c>
      <c r="BL709" s="53">
        <v>-35559283.678215101</v>
      </c>
      <c r="BM709" s="53">
        <v>-36732298.968410604</v>
      </c>
      <c r="BN709" s="53">
        <v>-380103783.67808998</v>
      </c>
      <c r="BO709" s="53">
        <v>-36733670.199525297</v>
      </c>
      <c r="BP709" s="53">
        <v>-37906832.402995303</v>
      </c>
      <c r="BQ709" s="53">
        <v>-39083127.215820402</v>
      </c>
      <c r="BR709" s="53">
        <v>-39773981.380675599</v>
      </c>
      <c r="BS709" s="53">
        <v>-40749765.333554</v>
      </c>
      <c r="BT709" s="53">
        <v>-41936640.387849197</v>
      </c>
      <c r="BU709" s="53">
        <v>-42182807.076667197</v>
      </c>
      <c r="BV709" s="53">
        <v>-43370711.988754399</v>
      </c>
      <c r="BW709" s="53">
        <v>-44561788.876574799</v>
      </c>
      <c r="BX709" s="53">
        <v>-44809871.6395832</v>
      </c>
      <c r="BY709" s="53">
        <v>-46004791.4103164</v>
      </c>
      <c r="BZ709" s="53">
        <v>-47205698.576966099</v>
      </c>
      <c r="CA709" s="53">
        <v>-504319686.48928201</v>
      </c>
      <c r="CB709" s="53">
        <v>-13335176.984782601</v>
      </c>
      <c r="CC709" s="53">
        <v>-15860492.880554199</v>
      </c>
      <c r="CD709" s="53">
        <v>-16897699.824070599</v>
      </c>
      <c r="CE709" s="53">
        <v>-17032551.780515701</v>
      </c>
      <c r="CF709" s="53">
        <v>-16364608.573436599</v>
      </c>
      <c r="CG709" s="53">
        <v>-16531594.3752064</v>
      </c>
      <c r="CH709" s="53">
        <v>-17438088.7276708</v>
      </c>
      <c r="CI709" s="53">
        <v>-17267695.0523955</v>
      </c>
      <c r="CJ709" s="53">
        <v>-16218070.0126999</v>
      </c>
      <c r="CK709" s="53">
        <v>-18375253.941684801</v>
      </c>
      <c r="CL709" s="53">
        <v>-14694750.555739</v>
      </c>
      <c r="CM709" s="53">
        <v>-17366523.384055201</v>
      </c>
      <c r="CN709" s="53">
        <v>-197382506.092812</v>
      </c>
    </row>
    <row r="710" spans="1:92" outlineLevel="1">
      <c r="A710" s="52" t="s">
        <v>1223</v>
      </c>
      <c r="B710" s="53"/>
      <c r="C710" s="53"/>
      <c r="D710" s="53"/>
      <c r="E710" s="53"/>
      <c r="F710" s="53"/>
      <c r="G710" s="53"/>
      <c r="H710" s="53"/>
      <c r="I710" s="53"/>
      <c r="J710" s="53"/>
      <c r="K710" s="53"/>
      <c r="L710" s="53"/>
      <c r="M710" s="53"/>
      <c r="N710" s="53"/>
      <c r="O710" s="53"/>
      <c r="P710" s="53"/>
      <c r="Q710" s="53"/>
      <c r="R710" s="53"/>
      <c r="S710" s="53"/>
      <c r="T710" s="53"/>
      <c r="U710" s="53"/>
      <c r="V710" s="53"/>
      <c r="W710" s="53"/>
      <c r="X710" s="53"/>
      <c r="Y710" s="53"/>
      <c r="Z710" s="53"/>
      <c r="AA710" s="53"/>
      <c r="AB710" s="53"/>
      <c r="AC710" s="53"/>
      <c r="AD710" s="53"/>
      <c r="AE710" s="53"/>
      <c r="AF710" s="53"/>
      <c r="AG710" s="53"/>
      <c r="AH710" s="53"/>
      <c r="AI710" s="53"/>
      <c r="AJ710" s="53"/>
      <c r="AK710" s="53"/>
      <c r="AL710" s="53"/>
      <c r="AM710" s="53"/>
      <c r="AN710" s="53"/>
      <c r="AO710" s="53"/>
      <c r="AP710" s="53"/>
      <c r="AQ710" s="53"/>
      <c r="AR710" s="53"/>
      <c r="AS710" s="53"/>
      <c r="AT710" s="53"/>
      <c r="AU710" s="53"/>
      <c r="AV710" s="53"/>
      <c r="AW710" s="53"/>
      <c r="AX710" s="53"/>
      <c r="AY710" s="53"/>
      <c r="AZ710" s="53"/>
      <c r="BA710" s="53"/>
      <c r="BB710" s="53"/>
      <c r="BC710" s="53"/>
      <c r="BD710" s="53"/>
      <c r="BE710" s="53"/>
      <c r="BF710" s="53"/>
      <c r="BG710" s="53"/>
      <c r="BH710" s="53"/>
      <c r="BI710" s="53"/>
      <c r="BJ710" s="53"/>
      <c r="BK710" s="53"/>
      <c r="BL710" s="53"/>
      <c r="BM710" s="53"/>
      <c r="BN710" s="53"/>
      <c r="BO710" s="53"/>
      <c r="BP710" s="53"/>
      <c r="BQ710" s="53"/>
      <c r="BR710" s="53"/>
      <c r="BS710" s="53"/>
      <c r="BT710" s="53"/>
      <c r="BU710" s="53"/>
      <c r="BV710" s="53"/>
      <c r="BW710" s="53"/>
      <c r="BX710" s="53"/>
      <c r="BY710" s="53"/>
      <c r="BZ710" s="53"/>
      <c r="CA710" s="53"/>
      <c r="CB710" s="53"/>
      <c r="CC710" s="53"/>
      <c r="CD710" s="53"/>
      <c r="CE710" s="53"/>
      <c r="CF710" s="53"/>
      <c r="CG710" s="53"/>
      <c r="CH710" s="53"/>
      <c r="CI710" s="53"/>
      <c r="CJ710" s="53"/>
      <c r="CK710" s="53"/>
      <c r="CL710" s="53"/>
      <c r="CM710" s="53"/>
      <c r="CN710" s="53"/>
    </row>
    <row r="711" spans="1:92" outlineLevel="1">
      <c r="A711" s="52" t="s">
        <v>649</v>
      </c>
      <c r="B711" s="53"/>
      <c r="C711" s="53"/>
      <c r="D711" s="53"/>
      <c r="E711" s="53"/>
      <c r="F711" s="53"/>
      <c r="G711" s="53"/>
      <c r="H711" s="53"/>
      <c r="I711" s="53"/>
      <c r="J711" s="53"/>
      <c r="K711" s="53"/>
      <c r="L711" s="53"/>
      <c r="M711" s="53"/>
      <c r="N711" s="53"/>
      <c r="O711" s="53"/>
      <c r="P711" s="53"/>
      <c r="Q711" s="53"/>
      <c r="R711" s="53"/>
      <c r="S711" s="53"/>
      <c r="T711" s="53"/>
      <c r="U711" s="53"/>
      <c r="V711" s="53"/>
      <c r="W711" s="53">
        <v>-34957002.304019198</v>
      </c>
      <c r="X711" s="53">
        <v>-97623944.7103073</v>
      </c>
      <c r="Y711" s="53">
        <v>-240481624.42002299</v>
      </c>
      <c r="Z711" s="53">
        <v>-60551123.303601101</v>
      </c>
      <c r="AA711" s="53">
        <v>-433613694.73795098</v>
      </c>
      <c r="AB711" s="53"/>
      <c r="AC711" s="53"/>
      <c r="AD711" s="53"/>
      <c r="AE711" s="53"/>
      <c r="AF711" s="53"/>
      <c r="AG711" s="53"/>
      <c r="AH711" s="53"/>
      <c r="AI711" s="53"/>
      <c r="AJ711" s="53">
        <v>-137442028.716232</v>
      </c>
      <c r="AK711" s="53">
        <v>-239377237.91134599</v>
      </c>
      <c r="AL711" s="53">
        <v>-393280992.26323497</v>
      </c>
      <c r="AM711" s="53">
        <v>-193048441.87334099</v>
      </c>
      <c r="AN711" s="53">
        <v>-963148700.76415598</v>
      </c>
      <c r="AO711" s="53"/>
      <c r="AP711" s="53"/>
      <c r="AQ711" s="53"/>
      <c r="AR711" s="53"/>
      <c r="AS711" s="53"/>
      <c r="AT711" s="53"/>
      <c r="AU711" s="53">
        <v>-233794140.86158001</v>
      </c>
      <c r="AV711" s="53">
        <v>-227643124.22132599</v>
      </c>
      <c r="AW711" s="53">
        <v>-280939309.93058503</v>
      </c>
      <c r="AX711" s="53">
        <v>-341934612.80359203</v>
      </c>
      <c r="AY711" s="53">
        <v>-384555249.98042399</v>
      </c>
      <c r="AZ711" s="53">
        <v>-71955812.614500105</v>
      </c>
      <c r="BA711" s="53">
        <v>-1540822250.4119999</v>
      </c>
      <c r="BB711" s="53"/>
      <c r="BC711" s="53"/>
      <c r="BD711" s="53"/>
      <c r="BE711" s="53"/>
      <c r="BF711" s="53"/>
      <c r="BG711" s="53"/>
      <c r="BH711" s="53">
        <v>-233559606.438665</v>
      </c>
      <c r="BI711" s="53">
        <v>-256509907.93695101</v>
      </c>
      <c r="BJ711" s="53">
        <v>-316266376.39893699</v>
      </c>
      <c r="BK711" s="53">
        <v>-290456805.72593403</v>
      </c>
      <c r="BL711" s="53">
        <v>-345374414.50259</v>
      </c>
      <c r="BM711" s="53">
        <v>-25961727.997004099</v>
      </c>
      <c r="BN711" s="53">
        <v>-1468128839.0000801</v>
      </c>
      <c r="BO711" s="53"/>
      <c r="BP711" s="53"/>
      <c r="BQ711" s="53"/>
      <c r="BR711" s="53"/>
      <c r="BS711" s="53"/>
      <c r="BT711" s="53"/>
      <c r="BU711" s="53">
        <v>-89413364.099600807</v>
      </c>
      <c r="BV711" s="53">
        <v>-131321263.992834</v>
      </c>
      <c r="BW711" s="53">
        <v>-209891225.351459</v>
      </c>
      <c r="BX711" s="53">
        <v>-354915954.59222502</v>
      </c>
      <c r="BY711" s="53">
        <v>-406748952.61554003</v>
      </c>
      <c r="BZ711" s="53">
        <v>-76328665.770742998</v>
      </c>
      <c r="CA711" s="53">
        <v>-1268619426.4224</v>
      </c>
      <c r="CB711" s="53">
        <v>-5941442.4999999898</v>
      </c>
      <c r="CC711" s="53">
        <v>-6066525.5</v>
      </c>
      <c r="CD711" s="53">
        <v>-6379233</v>
      </c>
      <c r="CE711" s="53">
        <v>-6379232.9999999898</v>
      </c>
      <c r="CF711" s="53">
        <v>-6129066.9999999898</v>
      </c>
      <c r="CG711" s="53">
        <v>-6191608.4999999898</v>
      </c>
      <c r="CH711" s="53">
        <v>-6531119.5</v>
      </c>
      <c r="CI711" s="53">
        <v>-6467301.6428571399</v>
      </c>
      <c r="CJ711" s="53">
        <v>-6074183.6428571399</v>
      </c>
      <c r="CK711" s="53">
        <v>-6882117.7142857099</v>
      </c>
      <c r="CL711" s="53">
        <v>-5503651.9999999898</v>
      </c>
      <c r="CM711" s="53">
        <v>-6504316</v>
      </c>
      <c r="CN711" s="53">
        <v>-75049800</v>
      </c>
    </row>
    <row r="712" spans="1:92" outlineLevel="1">
      <c r="A712" s="52" t="s">
        <v>683</v>
      </c>
      <c r="B712" s="53"/>
      <c r="C712" s="53"/>
      <c r="D712" s="53"/>
      <c r="E712" s="53"/>
      <c r="F712" s="53"/>
      <c r="G712" s="53"/>
      <c r="H712" s="53"/>
      <c r="I712" s="53"/>
      <c r="J712" s="53"/>
      <c r="K712" s="53"/>
      <c r="L712" s="53"/>
      <c r="M712" s="53"/>
      <c r="N712" s="53"/>
      <c r="O712" s="53"/>
      <c r="P712" s="53"/>
      <c r="Q712" s="53"/>
      <c r="R712" s="53"/>
      <c r="S712" s="53"/>
      <c r="T712" s="53"/>
      <c r="U712" s="53"/>
      <c r="V712" s="53"/>
      <c r="W712" s="53"/>
      <c r="X712" s="53"/>
      <c r="Y712" s="53"/>
      <c r="Z712" s="53"/>
      <c r="AA712" s="53"/>
      <c r="AB712" s="53"/>
      <c r="AC712" s="53"/>
      <c r="AD712" s="53"/>
      <c r="AE712" s="53"/>
      <c r="AF712" s="53"/>
      <c r="AG712" s="53"/>
      <c r="AH712" s="53"/>
      <c r="AI712" s="53"/>
      <c r="AJ712" s="53"/>
      <c r="AK712" s="53"/>
      <c r="AL712" s="53"/>
      <c r="AM712" s="53"/>
      <c r="AN712" s="53"/>
      <c r="AO712" s="53"/>
      <c r="AP712" s="53"/>
      <c r="AQ712" s="53"/>
      <c r="AR712" s="53"/>
      <c r="AS712" s="53"/>
      <c r="AT712" s="53"/>
      <c r="AU712" s="53"/>
      <c r="AV712" s="53"/>
      <c r="AW712" s="53"/>
      <c r="AX712" s="53"/>
      <c r="AY712" s="53"/>
      <c r="AZ712" s="53"/>
      <c r="BA712" s="53"/>
      <c r="BB712" s="53"/>
      <c r="BC712" s="53"/>
      <c r="BD712" s="53"/>
      <c r="BE712" s="53"/>
      <c r="BF712" s="53"/>
      <c r="BG712" s="53"/>
      <c r="BH712" s="53"/>
      <c r="BI712" s="53"/>
      <c r="BJ712" s="53"/>
      <c r="BK712" s="53"/>
      <c r="BL712" s="53"/>
      <c r="BM712" s="53"/>
      <c r="BN712" s="53"/>
      <c r="BO712" s="53"/>
      <c r="BP712" s="53"/>
      <c r="BQ712" s="53"/>
      <c r="BR712" s="53"/>
      <c r="BS712" s="53"/>
      <c r="BT712" s="53"/>
      <c r="BU712" s="53"/>
      <c r="BV712" s="53"/>
      <c r="BW712" s="53"/>
      <c r="BX712" s="53"/>
      <c r="BY712" s="53"/>
      <c r="BZ712" s="53"/>
      <c r="CA712" s="53"/>
      <c r="CB712" s="53"/>
      <c r="CC712" s="53"/>
      <c r="CD712" s="53"/>
      <c r="CE712" s="53"/>
      <c r="CF712" s="53"/>
      <c r="CG712" s="53"/>
      <c r="CH712" s="53"/>
      <c r="CI712" s="53"/>
      <c r="CJ712" s="53"/>
      <c r="CK712" s="53"/>
      <c r="CL712" s="53"/>
      <c r="CM712" s="53"/>
      <c r="CN712" s="53"/>
    </row>
    <row r="713" spans="1:92" outlineLevel="1">
      <c r="A713" s="52" t="s">
        <v>1319</v>
      </c>
      <c r="B713" s="53"/>
      <c r="C713" s="53"/>
      <c r="D713" s="53"/>
      <c r="E713" s="53"/>
      <c r="F713" s="53"/>
      <c r="G713" s="53"/>
      <c r="H713" s="53"/>
      <c r="I713" s="53"/>
      <c r="J713" s="53"/>
      <c r="K713" s="53"/>
      <c r="L713" s="53"/>
      <c r="M713" s="53"/>
      <c r="N713" s="53"/>
      <c r="O713" s="53"/>
      <c r="P713" s="53"/>
      <c r="Q713" s="53"/>
      <c r="R713" s="53"/>
      <c r="S713" s="53"/>
      <c r="T713" s="53"/>
      <c r="U713" s="53"/>
      <c r="V713" s="53"/>
      <c r="W713" s="53"/>
      <c r="X713" s="53"/>
      <c r="Y713" s="53"/>
      <c r="Z713" s="53"/>
      <c r="AA713" s="53"/>
      <c r="AB713" s="53"/>
      <c r="AC713" s="53"/>
      <c r="AD713" s="53"/>
      <c r="AE713" s="53"/>
      <c r="AF713" s="53"/>
      <c r="AG713" s="53"/>
      <c r="AH713" s="53"/>
      <c r="AI713" s="53"/>
      <c r="AJ713" s="53"/>
      <c r="AK713" s="53"/>
      <c r="AL713" s="53"/>
      <c r="AM713" s="53"/>
      <c r="AN713" s="53"/>
      <c r="AO713" s="53"/>
      <c r="AP713" s="53"/>
      <c r="AQ713" s="53"/>
      <c r="AR713" s="53"/>
      <c r="AS713" s="53"/>
      <c r="AT713" s="53"/>
      <c r="AU713" s="53"/>
      <c r="AV713" s="53"/>
      <c r="AW713" s="53"/>
      <c r="AX713" s="53"/>
      <c r="AY713" s="53"/>
      <c r="AZ713" s="53"/>
      <c r="BA713" s="53"/>
      <c r="BB713" s="53"/>
      <c r="BC713" s="53"/>
      <c r="BD713" s="53"/>
      <c r="BE713" s="53"/>
      <c r="BF713" s="53"/>
      <c r="BG713" s="53"/>
      <c r="BH713" s="53"/>
      <c r="BI713" s="53"/>
      <c r="BJ713" s="53"/>
      <c r="BK713" s="53"/>
      <c r="BL713" s="53"/>
      <c r="BM713" s="53"/>
      <c r="BN713" s="53"/>
      <c r="BO713" s="53"/>
      <c r="BP713" s="53"/>
      <c r="BQ713" s="53"/>
      <c r="BR713" s="53"/>
      <c r="BS713" s="53"/>
      <c r="BT713" s="53"/>
      <c r="BU713" s="53"/>
      <c r="BV713" s="53"/>
      <c r="BW713" s="53"/>
      <c r="BX713" s="53"/>
      <c r="BY713" s="53"/>
      <c r="BZ713" s="53"/>
      <c r="CA713" s="53"/>
      <c r="CB713" s="53"/>
      <c r="CC713" s="53"/>
      <c r="CD713" s="53"/>
      <c r="CE713" s="53"/>
      <c r="CF713" s="53"/>
      <c r="CG713" s="53"/>
      <c r="CH713" s="53"/>
      <c r="CI713" s="53"/>
      <c r="CJ713" s="53"/>
      <c r="CK713" s="53"/>
      <c r="CL713" s="53"/>
      <c r="CM713" s="53"/>
      <c r="CN713" s="53"/>
    </row>
    <row r="714" spans="1:92">
      <c r="A714" s="52" t="s">
        <v>649</v>
      </c>
      <c r="B714" s="53"/>
      <c r="C714" s="53"/>
      <c r="D714" s="53"/>
      <c r="E714" s="53"/>
      <c r="F714" s="53"/>
      <c r="G714" s="53"/>
      <c r="H714" s="53"/>
      <c r="I714" s="53"/>
      <c r="J714" s="53"/>
      <c r="K714" s="53"/>
      <c r="L714" s="53"/>
      <c r="M714" s="53"/>
      <c r="N714" s="53"/>
      <c r="O714" s="53">
        <v>-2113996.9181152801</v>
      </c>
      <c r="P714" s="53">
        <v>-2113996.9181152801</v>
      </c>
      <c r="Q714" s="53">
        <v>-2113996.9181152801</v>
      </c>
      <c r="R714" s="53">
        <v>-2113996.9181152801</v>
      </c>
      <c r="S714" s="53">
        <v>-2113996.9181152801</v>
      </c>
      <c r="T714" s="53">
        <v>-2113996.9181152801</v>
      </c>
      <c r="U714" s="53">
        <v>-2113996.9181152801</v>
      </c>
      <c r="V714" s="53">
        <v>-2113996.9181152801</v>
      </c>
      <c r="W714" s="53">
        <v>-2113996.9181152801</v>
      </c>
      <c r="X714" s="53">
        <v>-2113996.9181152801</v>
      </c>
      <c r="Y714" s="53">
        <v>-2113996.9181152801</v>
      </c>
      <c r="Z714" s="53">
        <v>-2113996.9181152801</v>
      </c>
      <c r="AA714" s="53">
        <v>-25367963.0173834</v>
      </c>
      <c r="AB714" s="53">
        <v>-2326819.5320989899</v>
      </c>
      <c r="AC714" s="53">
        <v>-2326819.5320989899</v>
      </c>
      <c r="AD714" s="53">
        <v>-2326819.5320989899</v>
      </c>
      <c r="AE714" s="53">
        <v>-2326819.5320989899</v>
      </c>
      <c r="AF714" s="53">
        <v>-2326819.5320989899</v>
      </c>
      <c r="AG714" s="53">
        <v>-2326819.5320989899</v>
      </c>
      <c r="AH714" s="53">
        <v>-2326819.5320989899</v>
      </c>
      <c r="AI714" s="53">
        <v>-2326819.5320989899</v>
      </c>
      <c r="AJ714" s="53">
        <v>-2326819.5320989899</v>
      </c>
      <c r="AK714" s="53">
        <v>-2326819.5320989899</v>
      </c>
      <c r="AL714" s="53">
        <v>-2326819.5320989899</v>
      </c>
      <c r="AM714" s="53">
        <v>-2326819.5320989899</v>
      </c>
      <c r="AN714" s="53">
        <v>-27921834.385187902</v>
      </c>
      <c r="AO714" s="53">
        <v>-2430957.2625034801</v>
      </c>
      <c r="AP714" s="53">
        <v>-2430957.2625034801</v>
      </c>
      <c r="AQ714" s="53">
        <v>-2430957.2625034801</v>
      </c>
      <c r="AR714" s="53">
        <v>-2430957.2625034801</v>
      </c>
      <c r="AS714" s="53">
        <v>-2430957.2625034801</v>
      </c>
      <c r="AT714" s="53">
        <v>-2430957.2625034801</v>
      </c>
      <c r="AU714" s="53">
        <v>-2430957.2625034801</v>
      </c>
      <c r="AV714" s="53">
        <v>-2430957.2625034801</v>
      </c>
      <c r="AW714" s="53">
        <v>-2430957.2625034801</v>
      </c>
      <c r="AX714" s="53">
        <v>-2430957.2625034801</v>
      </c>
      <c r="AY714" s="53">
        <v>-2430957.2625034801</v>
      </c>
      <c r="AZ714" s="53">
        <v>-2430957.2625034801</v>
      </c>
      <c r="BA714" s="53">
        <v>-29171487.1500418</v>
      </c>
      <c r="BB714" s="53">
        <v>-2517322.8425640301</v>
      </c>
      <c r="BC714" s="53">
        <v>-2517322.8425640301</v>
      </c>
      <c r="BD714" s="53">
        <v>-2517322.8425640301</v>
      </c>
      <c r="BE714" s="53">
        <v>-2517322.8425640301</v>
      </c>
      <c r="BF714" s="53">
        <v>-2517322.8425640301</v>
      </c>
      <c r="BG714" s="53">
        <v>-2517322.8425640301</v>
      </c>
      <c r="BH714" s="53">
        <v>-2517322.8425640301</v>
      </c>
      <c r="BI714" s="53">
        <v>-2517322.8425640301</v>
      </c>
      <c r="BJ714" s="53">
        <v>-2517322.8425640301</v>
      </c>
      <c r="BK714" s="53">
        <v>-2517322.8425640301</v>
      </c>
      <c r="BL714" s="53">
        <v>-2517322.8425640301</v>
      </c>
      <c r="BM714" s="53">
        <v>-2517322.8425640301</v>
      </c>
      <c r="BN714" s="53">
        <v>-30207874.1107684</v>
      </c>
      <c r="BO714" s="53">
        <v>-2607458.39488095</v>
      </c>
      <c r="BP714" s="53">
        <v>-2607458.39488095</v>
      </c>
      <c r="BQ714" s="53">
        <v>-2607458.39488095</v>
      </c>
      <c r="BR714" s="53">
        <v>-2607458.39488095</v>
      </c>
      <c r="BS714" s="53">
        <v>-2607458.39488095</v>
      </c>
      <c r="BT714" s="53">
        <v>-2607458.39488095</v>
      </c>
      <c r="BU714" s="53">
        <v>-2607458.39488095</v>
      </c>
      <c r="BV714" s="53">
        <v>-2607458.39488095</v>
      </c>
      <c r="BW714" s="53">
        <v>-2607458.39488095</v>
      </c>
      <c r="BX714" s="53">
        <v>-2607458.39488095</v>
      </c>
      <c r="BY714" s="53">
        <v>-2607458.39488095</v>
      </c>
      <c r="BZ714" s="53">
        <v>-2607458.39488095</v>
      </c>
      <c r="CA714" s="53">
        <v>-31289500.738571301</v>
      </c>
      <c r="CB714" s="53"/>
      <c r="CC714" s="53"/>
      <c r="CD714" s="53"/>
      <c r="CE714" s="53"/>
      <c r="CF714" s="53"/>
      <c r="CG714" s="53"/>
      <c r="CH714" s="53"/>
      <c r="CI714" s="53"/>
      <c r="CJ714" s="53"/>
      <c r="CK714" s="53"/>
      <c r="CL714" s="53"/>
      <c r="CM714" s="53"/>
      <c r="CN714" s="53"/>
    </row>
    <row r="715" spans="1:92">
      <c r="A715" s="52" t="s">
        <v>650</v>
      </c>
      <c r="B715" s="53"/>
      <c r="C715" s="53"/>
      <c r="D715" s="53"/>
      <c r="E715" s="53"/>
      <c r="F715" s="53"/>
      <c r="G715" s="53"/>
      <c r="H715" s="53"/>
      <c r="I715" s="53"/>
      <c r="J715" s="53"/>
      <c r="K715" s="53"/>
      <c r="L715" s="53"/>
      <c r="M715" s="53"/>
      <c r="N715" s="53"/>
      <c r="O715" s="53"/>
      <c r="P715" s="53"/>
      <c r="Q715" s="53"/>
      <c r="R715" s="53"/>
      <c r="S715" s="53"/>
      <c r="T715" s="53"/>
      <c r="U715" s="53"/>
      <c r="V715" s="53"/>
      <c r="W715" s="53"/>
      <c r="X715" s="53"/>
      <c r="Y715" s="53"/>
      <c r="Z715" s="53"/>
      <c r="AA715" s="53"/>
      <c r="AB715" s="53"/>
      <c r="AC715" s="53"/>
      <c r="AD715" s="53"/>
      <c r="AE715" s="53"/>
      <c r="AF715" s="53"/>
      <c r="AG715" s="53"/>
      <c r="AH715" s="53"/>
      <c r="AI715" s="53"/>
      <c r="AJ715" s="53"/>
      <c r="AK715" s="53"/>
      <c r="AL715" s="53"/>
      <c r="AM715" s="53"/>
      <c r="AN715" s="53"/>
      <c r="AO715" s="53"/>
      <c r="AP715" s="53"/>
      <c r="AQ715" s="53"/>
      <c r="AR715" s="53"/>
      <c r="AS715" s="53"/>
      <c r="AT715" s="53"/>
      <c r="AU715" s="53"/>
      <c r="AV715" s="53"/>
      <c r="AW715" s="53"/>
      <c r="AX715" s="53"/>
      <c r="AY715" s="53"/>
      <c r="AZ715" s="53"/>
      <c r="BA715" s="53"/>
      <c r="BB715" s="53"/>
      <c r="BC715" s="53"/>
      <c r="BD715" s="53"/>
      <c r="BE715" s="53"/>
      <c r="BF715" s="53"/>
      <c r="BG715" s="53"/>
      <c r="BH715" s="53"/>
      <c r="BI715" s="53"/>
      <c r="BJ715" s="53"/>
      <c r="BK715" s="53"/>
      <c r="BL715" s="53"/>
      <c r="BM715" s="53"/>
      <c r="BN715" s="53"/>
      <c r="BO715" s="53"/>
      <c r="BP715" s="53"/>
      <c r="BQ715" s="53"/>
      <c r="BR715" s="53"/>
      <c r="BS715" s="53"/>
      <c r="BT715" s="53"/>
      <c r="BU715" s="53"/>
      <c r="BV715" s="53"/>
      <c r="BW715" s="53"/>
      <c r="BX715" s="53"/>
      <c r="BY715" s="53"/>
      <c r="BZ715" s="53"/>
      <c r="CA715" s="53"/>
      <c r="CB715" s="53">
        <v>-3264760.6439775699</v>
      </c>
      <c r="CC715" s="53">
        <v>-4830705.7185615497</v>
      </c>
      <c r="CD715" s="53">
        <v>-5226229.5410195496</v>
      </c>
      <c r="CE715" s="53">
        <v>-4843937.1404570397</v>
      </c>
      <c r="CF715" s="53">
        <v>-3151265.44046559</v>
      </c>
      <c r="CG715" s="53">
        <v>-3000994.7646196801</v>
      </c>
      <c r="CH715" s="53">
        <v>-3094388.8214493799</v>
      </c>
      <c r="CI715" s="53">
        <v>-3064152.4639992202</v>
      </c>
      <c r="CJ715" s="53">
        <v>-2877896.5021062298</v>
      </c>
      <c r="CK715" s="53">
        <v>-3260688.7874252601</v>
      </c>
      <c r="CL715" s="53">
        <v>-2607583.4665017999</v>
      </c>
      <c r="CM715" s="53">
        <v>-3081689.5513203102</v>
      </c>
      <c r="CN715" s="53">
        <v>-42304292.841903202</v>
      </c>
    </row>
    <row r="716" spans="1:92" outlineLevel="1">
      <c r="A716" s="52" t="s">
        <v>1251</v>
      </c>
      <c r="B716" s="53"/>
      <c r="C716" s="53"/>
      <c r="D716" s="53"/>
      <c r="E716" s="53"/>
      <c r="F716" s="53"/>
      <c r="G716" s="53"/>
      <c r="H716" s="53"/>
      <c r="I716" s="53"/>
      <c r="J716" s="53"/>
      <c r="K716" s="53"/>
      <c r="L716" s="53"/>
      <c r="M716" s="53"/>
      <c r="N716" s="53"/>
      <c r="O716" s="53"/>
      <c r="P716" s="53"/>
      <c r="Q716" s="53"/>
      <c r="R716" s="53"/>
      <c r="S716" s="53"/>
      <c r="T716" s="53"/>
      <c r="U716" s="53"/>
      <c r="V716" s="53"/>
      <c r="W716" s="53"/>
      <c r="X716" s="53"/>
      <c r="Y716" s="53"/>
      <c r="Z716" s="53"/>
      <c r="AA716" s="53"/>
      <c r="AB716" s="53"/>
      <c r="AC716" s="53"/>
      <c r="AD716" s="53"/>
      <c r="AE716" s="53"/>
      <c r="AF716" s="53"/>
      <c r="AG716" s="53"/>
      <c r="AH716" s="53"/>
      <c r="AI716" s="53"/>
      <c r="AJ716" s="53"/>
      <c r="AK716" s="53"/>
      <c r="AL716" s="53"/>
      <c r="AM716" s="53"/>
      <c r="AN716" s="53"/>
      <c r="AO716" s="53"/>
      <c r="AP716" s="53"/>
      <c r="AQ716" s="53"/>
      <c r="AR716" s="53"/>
      <c r="AS716" s="53"/>
      <c r="AT716" s="53"/>
      <c r="AU716" s="53"/>
      <c r="AV716" s="53"/>
      <c r="AW716" s="53"/>
      <c r="AX716" s="53"/>
      <c r="AY716" s="53"/>
      <c r="AZ716" s="53"/>
      <c r="BA716" s="53"/>
      <c r="BB716" s="53"/>
      <c r="BC716" s="53"/>
      <c r="BD716" s="53"/>
      <c r="BE716" s="53"/>
      <c r="BF716" s="53"/>
      <c r="BG716" s="53"/>
      <c r="BH716" s="53"/>
      <c r="BI716" s="53"/>
      <c r="BJ716" s="53"/>
      <c r="BK716" s="53"/>
      <c r="BL716" s="53"/>
      <c r="BM716" s="53"/>
      <c r="BN716" s="53"/>
      <c r="BO716" s="53"/>
      <c r="BP716" s="53"/>
      <c r="BQ716" s="53"/>
      <c r="BR716" s="53"/>
      <c r="BS716" s="53"/>
      <c r="BT716" s="53"/>
      <c r="BU716" s="53"/>
      <c r="BV716" s="53"/>
      <c r="BW716" s="53"/>
      <c r="BX716" s="53"/>
      <c r="BY716" s="53"/>
      <c r="BZ716" s="53"/>
      <c r="CA716" s="53"/>
      <c r="CB716" s="53"/>
      <c r="CC716" s="53"/>
      <c r="CD716" s="53"/>
      <c r="CE716" s="53"/>
      <c r="CF716" s="53"/>
      <c r="CG716" s="53"/>
      <c r="CH716" s="53"/>
      <c r="CI716" s="53"/>
      <c r="CJ716" s="53"/>
      <c r="CK716" s="53"/>
      <c r="CL716" s="53"/>
      <c r="CM716" s="53"/>
      <c r="CN716" s="53"/>
    </row>
    <row r="717" spans="1:92" outlineLevel="1">
      <c r="A717" s="52" t="s">
        <v>1249</v>
      </c>
      <c r="B717" s="53"/>
      <c r="C717" s="53"/>
      <c r="D717" s="53"/>
      <c r="E717" s="53"/>
      <c r="F717" s="53"/>
      <c r="G717" s="53"/>
      <c r="H717" s="53"/>
      <c r="I717" s="53"/>
      <c r="J717" s="53"/>
      <c r="K717" s="53"/>
      <c r="L717" s="53"/>
      <c r="M717" s="53"/>
      <c r="N717" s="53"/>
      <c r="O717" s="53">
        <v>-957820.33629742195</v>
      </c>
      <c r="P717" s="53">
        <v>-3865518.0764021701</v>
      </c>
      <c r="Q717" s="53">
        <v>-3128128.32553154</v>
      </c>
      <c r="R717" s="53">
        <v>-3436751.2697614999</v>
      </c>
      <c r="S717" s="53">
        <v>-3601497.33759801</v>
      </c>
      <c r="T717" s="53">
        <v>-4214073.9377775602</v>
      </c>
      <c r="U717" s="53">
        <v>-4755246.2551313397</v>
      </c>
      <c r="V717" s="53">
        <v>-5195416.3450647602</v>
      </c>
      <c r="W717" s="53">
        <v>-5337518.8237751396</v>
      </c>
      <c r="X717" s="53">
        <v>-4817430.9898992497</v>
      </c>
      <c r="Y717" s="53">
        <v>-3347500.1010839902</v>
      </c>
      <c r="Z717" s="53">
        <v>-3354896.5080945301</v>
      </c>
      <c r="AA717" s="53">
        <v>-46011798.306417197</v>
      </c>
      <c r="AB717" s="53">
        <v>-3426958.7569470899</v>
      </c>
      <c r="AC717" s="53">
        <v>-4186193.5062250602</v>
      </c>
      <c r="AD717" s="53">
        <v>-3259516.1686418802</v>
      </c>
      <c r="AE717" s="53">
        <v>-3436751.2697614999</v>
      </c>
      <c r="AF717" s="53">
        <v>-3601497.33759801</v>
      </c>
      <c r="AG717" s="53">
        <v>-4214073.9377775602</v>
      </c>
      <c r="AH717" s="53">
        <v>-4755246.2551313397</v>
      </c>
      <c r="AI717" s="53">
        <v>-5195416.3450647602</v>
      </c>
      <c r="AJ717" s="53">
        <v>-5337518.8237751396</v>
      </c>
      <c r="AK717" s="53">
        <v>-4817430.9898992497</v>
      </c>
      <c r="AL717" s="53">
        <v>-3347500.1010839902</v>
      </c>
      <c r="AM717" s="53">
        <v>-3354896.5080945301</v>
      </c>
      <c r="AN717" s="53">
        <v>-48933000.000000097</v>
      </c>
      <c r="AO717" s="53">
        <v>-2469138.4206496598</v>
      </c>
      <c r="AP717" s="53">
        <v>-320675.429822893</v>
      </c>
      <c r="AQ717" s="53">
        <v>-131387.843110346</v>
      </c>
      <c r="AR717" s="53"/>
      <c r="AS717" s="53"/>
      <c r="AT717" s="53"/>
      <c r="AU717" s="53"/>
      <c r="AV717" s="53"/>
      <c r="AW717" s="53"/>
      <c r="AX717" s="53"/>
      <c r="AY717" s="53"/>
      <c r="AZ717" s="53"/>
      <c r="BA717" s="53">
        <v>-2921201.6935828999</v>
      </c>
      <c r="BB717" s="53"/>
      <c r="BC717" s="53"/>
      <c r="BD717" s="53"/>
      <c r="BE717" s="53"/>
      <c r="BF717" s="53"/>
      <c r="BG717" s="53"/>
      <c r="BH717" s="53"/>
      <c r="BI717" s="53"/>
      <c r="BJ717" s="53"/>
      <c r="BK717" s="53"/>
      <c r="BL717" s="53"/>
      <c r="BM717" s="53"/>
      <c r="BN717" s="53"/>
      <c r="BO717" s="53"/>
      <c r="BP717" s="53"/>
      <c r="BQ717" s="53"/>
      <c r="BR717" s="53"/>
      <c r="BS717" s="53"/>
      <c r="BT717" s="53"/>
      <c r="BU717" s="53"/>
      <c r="BV717" s="53"/>
      <c r="BW717" s="53"/>
      <c r="BX717" s="53"/>
      <c r="BY717" s="53"/>
      <c r="BZ717" s="53"/>
      <c r="CA717" s="53"/>
      <c r="CB717" s="53">
        <v>-4999638.7008556202</v>
      </c>
      <c r="CC717" s="53">
        <v>-5104894.2524525896</v>
      </c>
      <c r="CD717" s="53">
        <v>-5368033.1314449897</v>
      </c>
      <c r="CE717" s="53">
        <v>-5368033.1314449897</v>
      </c>
      <c r="CF717" s="53">
        <v>-5157522.0282510603</v>
      </c>
      <c r="CG717" s="53">
        <v>-5210149.8040495403</v>
      </c>
      <c r="CH717" s="53">
        <v>-5991814.5367830498</v>
      </c>
      <c r="CI717" s="53">
        <v>-7627248.5604010904</v>
      </c>
      <c r="CJ717" s="53">
        <v>-7266687.13267814</v>
      </c>
      <c r="CK717" s="53">
        <v>-8338133.0596052799</v>
      </c>
      <c r="CL717" s="53">
        <v>-6668032.2242243998</v>
      </c>
      <c r="CM717" s="53">
        <v>-7880401.7195379296</v>
      </c>
      <c r="CN717" s="53">
        <v>-74980588.2817287</v>
      </c>
    </row>
    <row r="718" spans="1:92" outlineLevel="1">
      <c r="A718" s="52" t="s">
        <v>1252</v>
      </c>
      <c r="B718" s="53"/>
      <c r="C718" s="53"/>
      <c r="D718" s="53"/>
      <c r="E718" s="53"/>
      <c r="F718" s="53"/>
      <c r="G718" s="53"/>
      <c r="H718" s="53"/>
      <c r="I718" s="53"/>
      <c r="J718" s="53"/>
      <c r="K718" s="53"/>
      <c r="L718" s="53"/>
      <c r="M718" s="53"/>
      <c r="N718" s="53"/>
      <c r="O718" s="53"/>
      <c r="P718" s="53"/>
      <c r="Q718" s="53"/>
      <c r="R718" s="53"/>
      <c r="S718" s="53"/>
      <c r="T718" s="53"/>
      <c r="U718" s="53"/>
      <c r="V718" s="53"/>
      <c r="W718" s="53"/>
      <c r="X718" s="53"/>
      <c r="Y718" s="53"/>
      <c r="Z718" s="53"/>
      <c r="AA718" s="53"/>
      <c r="AB718" s="53"/>
      <c r="AC718" s="53"/>
      <c r="AD718" s="53"/>
      <c r="AE718" s="53"/>
      <c r="AF718" s="53"/>
      <c r="AG718" s="53"/>
      <c r="AH718" s="53"/>
      <c r="AI718" s="53"/>
      <c r="AJ718" s="53"/>
      <c r="AK718" s="53"/>
      <c r="AL718" s="53"/>
      <c r="AM718" s="53"/>
      <c r="AN718" s="53"/>
      <c r="AO718" s="53"/>
      <c r="AP718" s="53"/>
      <c r="AQ718" s="53"/>
      <c r="AR718" s="53"/>
      <c r="AS718" s="53"/>
      <c r="AT718" s="53"/>
      <c r="AU718" s="53"/>
      <c r="AV718" s="53"/>
      <c r="AW718" s="53"/>
      <c r="AX718" s="53"/>
      <c r="AY718" s="53"/>
      <c r="AZ718" s="53"/>
      <c r="BA718" s="53"/>
      <c r="BB718" s="53"/>
      <c r="BC718" s="53"/>
      <c r="BD718" s="53"/>
      <c r="BE718" s="53"/>
      <c r="BF718" s="53"/>
      <c r="BG718" s="53"/>
      <c r="BH718" s="53"/>
      <c r="BI718" s="53"/>
      <c r="BJ718" s="53"/>
      <c r="BK718" s="53"/>
      <c r="BL718" s="53"/>
      <c r="BM718" s="53"/>
      <c r="BN718" s="53"/>
      <c r="BO718" s="53"/>
      <c r="BP718" s="53"/>
      <c r="BQ718" s="53"/>
      <c r="BR718" s="53"/>
      <c r="BS718" s="53"/>
      <c r="BT718" s="53"/>
      <c r="BU718" s="53"/>
      <c r="BV718" s="53"/>
      <c r="BW718" s="53"/>
      <c r="BX718" s="53"/>
      <c r="BY718" s="53"/>
      <c r="BZ718" s="53"/>
      <c r="CA718" s="53"/>
      <c r="CB718" s="53"/>
      <c r="CC718" s="53"/>
      <c r="CD718" s="53"/>
      <c r="CE718" s="53"/>
      <c r="CF718" s="53"/>
      <c r="CG718" s="53"/>
      <c r="CH718" s="53"/>
      <c r="CI718" s="53"/>
      <c r="CJ718" s="53"/>
      <c r="CK718" s="53"/>
      <c r="CL718" s="53"/>
      <c r="CM718" s="53"/>
      <c r="CN718" s="53"/>
    </row>
    <row r="719" spans="1:92" outlineLevel="1">
      <c r="A719" s="52" t="s">
        <v>1249</v>
      </c>
      <c r="B719" s="53"/>
      <c r="C719" s="53"/>
      <c r="D719" s="53"/>
      <c r="E719" s="53"/>
      <c r="F719" s="53"/>
      <c r="G719" s="53"/>
      <c r="H719" s="53"/>
      <c r="I719" s="53"/>
      <c r="J719" s="53"/>
      <c r="K719" s="53"/>
      <c r="L719" s="53"/>
      <c r="M719" s="53"/>
      <c r="N719" s="53"/>
      <c r="O719" s="53"/>
      <c r="P719" s="53"/>
      <c r="Q719" s="53"/>
      <c r="R719" s="53"/>
      <c r="S719" s="53"/>
      <c r="T719" s="53"/>
      <c r="U719" s="53"/>
      <c r="V719" s="53"/>
      <c r="W719" s="53"/>
      <c r="X719" s="53"/>
      <c r="Y719" s="53"/>
      <c r="Z719" s="53"/>
      <c r="AA719" s="53"/>
      <c r="AB719" s="53">
        <v>-1542993.5377157901</v>
      </c>
      <c r="AC719" s="53">
        <v>-6238968.0571370097</v>
      </c>
      <c r="AD719" s="53">
        <v>-5082518.3483961998</v>
      </c>
      <c r="AE719" s="53">
        <v>-5503704.0354599599</v>
      </c>
      <c r="AF719" s="53">
        <v>-5786228.0122403102</v>
      </c>
      <c r="AG719" s="53">
        <v>-6824303.7685727403</v>
      </c>
      <c r="AH719" s="53">
        <v>-7739070.9210989196</v>
      </c>
      <c r="AI719" s="53">
        <v>-8458737.6108297296</v>
      </c>
      <c r="AJ719" s="53">
        <v>-8683470.6469049305</v>
      </c>
      <c r="AK719" s="53">
        <v>-7834009.60311333</v>
      </c>
      <c r="AL719" s="53">
        <v>-5414494.1301499298</v>
      </c>
      <c r="AM719" s="53">
        <v>-5393745.8850987898</v>
      </c>
      <c r="AN719" s="53">
        <v>-74502244.556717604</v>
      </c>
      <c r="AO719" s="53">
        <v>-3970312.8492167699</v>
      </c>
      <c r="AP719" s="53">
        <v>-515216.08684300497</v>
      </c>
      <c r="AQ719" s="53">
        <v>-211226.50722294499</v>
      </c>
      <c r="AR719" s="53"/>
      <c r="AS719" s="53"/>
      <c r="AT719" s="53"/>
      <c r="AU719" s="53"/>
      <c r="AV719" s="53"/>
      <c r="AW719" s="53"/>
      <c r="AX719" s="53"/>
      <c r="AY719" s="53"/>
      <c r="AZ719" s="53"/>
      <c r="BA719" s="53">
        <v>-4696755.4432827197</v>
      </c>
      <c r="BB719" s="53"/>
      <c r="BC719" s="53"/>
      <c r="BD719" s="53"/>
      <c r="BE719" s="53"/>
      <c r="BF719" s="53"/>
      <c r="BG719" s="53"/>
      <c r="BH719" s="53"/>
      <c r="BI719" s="53"/>
      <c r="BJ719" s="53"/>
      <c r="BK719" s="53"/>
      <c r="BL719" s="53"/>
      <c r="BM719" s="53"/>
      <c r="BN719" s="53"/>
      <c r="BO719" s="53"/>
      <c r="BP719" s="53"/>
      <c r="BQ719" s="53"/>
      <c r="BR719" s="53"/>
      <c r="BS719" s="53"/>
      <c r="BT719" s="53"/>
      <c r="BU719" s="53"/>
      <c r="BV719" s="53"/>
      <c r="BW719" s="53"/>
      <c r="BX719" s="53"/>
      <c r="BY719" s="53"/>
      <c r="BZ719" s="53"/>
      <c r="CA719" s="53"/>
      <c r="CB719" s="53"/>
      <c r="CC719" s="53"/>
      <c r="CD719" s="53"/>
      <c r="CE719" s="53"/>
      <c r="CF719" s="53"/>
      <c r="CG719" s="53"/>
      <c r="CH719" s="53"/>
      <c r="CI719" s="53"/>
      <c r="CJ719" s="53"/>
      <c r="CK719" s="53"/>
      <c r="CL719" s="53"/>
      <c r="CM719" s="53"/>
      <c r="CN719" s="53"/>
    </row>
    <row r="720" spans="1:92" outlineLevel="1">
      <c r="A720" s="52" t="s">
        <v>1253</v>
      </c>
      <c r="B720" s="53"/>
      <c r="C720" s="53"/>
      <c r="D720" s="53"/>
      <c r="E720" s="53"/>
      <c r="F720" s="53"/>
      <c r="G720" s="53"/>
      <c r="H720" s="53"/>
      <c r="I720" s="53"/>
      <c r="J720" s="53"/>
      <c r="K720" s="53"/>
      <c r="L720" s="53"/>
      <c r="M720" s="53"/>
      <c r="N720" s="53"/>
      <c r="O720" s="53"/>
      <c r="P720" s="53"/>
      <c r="Q720" s="53"/>
      <c r="R720" s="53"/>
      <c r="S720" s="53"/>
      <c r="T720" s="53"/>
      <c r="U720" s="53"/>
      <c r="V720" s="53"/>
      <c r="W720" s="53"/>
      <c r="X720" s="53"/>
      <c r="Y720" s="53"/>
      <c r="Z720" s="53"/>
      <c r="AA720" s="53"/>
      <c r="AB720" s="53"/>
      <c r="AC720" s="53"/>
      <c r="AD720" s="53"/>
      <c r="AE720" s="53"/>
      <c r="AF720" s="53"/>
      <c r="AG720" s="53"/>
      <c r="AH720" s="53"/>
      <c r="AI720" s="53"/>
      <c r="AJ720" s="53"/>
      <c r="AK720" s="53"/>
      <c r="AL720" s="53"/>
      <c r="AM720" s="53"/>
      <c r="AN720" s="53"/>
      <c r="AO720" s="53"/>
      <c r="AP720" s="53"/>
      <c r="AQ720" s="53"/>
      <c r="AR720" s="53"/>
      <c r="AS720" s="53"/>
      <c r="AT720" s="53"/>
      <c r="AU720" s="53"/>
      <c r="AV720" s="53"/>
      <c r="AW720" s="53"/>
      <c r="AX720" s="53"/>
      <c r="AY720" s="53"/>
      <c r="AZ720" s="53"/>
      <c r="BA720" s="53"/>
      <c r="BB720" s="53"/>
      <c r="BC720" s="53"/>
      <c r="BD720" s="53"/>
      <c r="BE720" s="53"/>
      <c r="BF720" s="53"/>
      <c r="BG720" s="53"/>
      <c r="BH720" s="53"/>
      <c r="BI720" s="53"/>
      <c r="BJ720" s="53"/>
      <c r="BK720" s="53"/>
      <c r="BL720" s="53"/>
      <c r="BM720" s="53"/>
      <c r="BN720" s="53"/>
      <c r="BO720" s="53"/>
      <c r="BP720" s="53"/>
      <c r="BQ720" s="53"/>
      <c r="BR720" s="53"/>
      <c r="BS720" s="53"/>
      <c r="BT720" s="53"/>
      <c r="BU720" s="53"/>
      <c r="BV720" s="53"/>
      <c r="BW720" s="53"/>
      <c r="BX720" s="53"/>
      <c r="BY720" s="53"/>
      <c r="BZ720" s="53"/>
      <c r="CA720" s="53"/>
      <c r="CB720" s="53"/>
      <c r="CC720" s="53"/>
      <c r="CD720" s="53"/>
      <c r="CE720" s="53"/>
      <c r="CF720" s="53"/>
      <c r="CG720" s="53"/>
      <c r="CH720" s="53"/>
      <c r="CI720" s="53"/>
      <c r="CJ720" s="53"/>
      <c r="CK720" s="53"/>
      <c r="CL720" s="53"/>
      <c r="CM720" s="53"/>
      <c r="CN720" s="53"/>
    </row>
    <row r="721" spans="1:92" outlineLevel="1">
      <c r="A721" s="52" t="s">
        <v>1249</v>
      </c>
      <c r="B721" s="53"/>
      <c r="C721" s="53"/>
      <c r="D721" s="53"/>
      <c r="E721" s="53"/>
      <c r="F721" s="53"/>
      <c r="G721" s="53"/>
      <c r="H721" s="53"/>
      <c r="I721" s="53"/>
      <c r="J721" s="53"/>
      <c r="K721" s="53"/>
      <c r="L721" s="53"/>
      <c r="M721" s="53"/>
      <c r="N721" s="53"/>
      <c r="O721" s="53"/>
      <c r="P721" s="53"/>
      <c r="Q721" s="53"/>
      <c r="R721" s="53"/>
      <c r="S721" s="53"/>
      <c r="T721" s="53"/>
      <c r="U721" s="53"/>
      <c r="V721" s="53"/>
      <c r="W721" s="53"/>
      <c r="X721" s="53"/>
      <c r="Y721" s="53"/>
      <c r="Z721" s="53"/>
      <c r="AA721" s="53"/>
      <c r="AB721" s="53"/>
      <c r="AC721" s="53"/>
      <c r="AD721" s="53"/>
      <c r="AE721" s="53"/>
      <c r="AF721" s="53"/>
      <c r="AG721" s="53"/>
      <c r="AH721" s="53"/>
      <c r="AI721" s="53"/>
      <c r="AJ721" s="53"/>
      <c r="AK721" s="53"/>
      <c r="AL721" s="53"/>
      <c r="AM721" s="53"/>
      <c r="AN721" s="53"/>
      <c r="AO721" s="53">
        <v>-2508070.9404790401</v>
      </c>
      <c r="AP721" s="53">
        <v>-10121933.299931699</v>
      </c>
      <c r="AQ721" s="53">
        <v>-8191064.0795987798</v>
      </c>
      <c r="AR721" s="53">
        <v>-8999199.1845397092</v>
      </c>
      <c r="AS721" s="53">
        <v>-9430589.9262483101</v>
      </c>
      <c r="AT721" s="53">
        <v>-11034633.515118901</v>
      </c>
      <c r="AU721" s="53">
        <v>-12451703.618467901</v>
      </c>
      <c r="AV721" s="53">
        <v>-13604297.450101901</v>
      </c>
      <c r="AW721" s="53">
        <v>-13976395.518933101</v>
      </c>
      <c r="AX721" s="53">
        <v>-12614535.5403872</v>
      </c>
      <c r="AY721" s="53">
        <v>-8765493.2857600003</v>
      </c>
      <c r="AZ721" s="53">
        <v>-8784860.9195260592</v>
      </c>
      <c r="BA721" s="53">
        <v>-120482777.279092</v>
      </c>
      <c r="BB721" s="53">
        <v>-8973557.3017216194</v>
      </c>
      <c r="BC721" s="53">
        <v>-10961628.0698021</v>
      </c>
      <c r="BD721" s="53">
        <v>-8535105.6693932991</v>
      </c>
      <c r="BE721" s="53">
        <v>-8999199.1845397092</v>
      </c>
      <c r="BF721" s="53">
        <v>-9430589.9262483101</v>
      </c>
      <c r="BG721" s="53">
        <v>-11034633.515118901</v>
      </c>
      <c r="BH721" s="53">
        <v>-12451703.618467901</v>
      </c>
      <c r="BI721" s="53">
        <v>-13604297.450101901</v>
      </c>
      <c r="BJ721" s="53">
        <v>-13976395.518933101</v>
      </c>
      <c r="BK721" s="53">
        <v>-12614535.5403872</v>
      </c>
      <c r="BL721" s="53">
        <v>-8765493.2857600003</v>
      </c>
      <c r="BM721" s="53">
        <v>-8784860.9195260592</v>
      </c>
      <c r="BN721" s="53">
        <v>-128132000</v>
      </c>
      <c r="BO721" s="53">
        <v>-8973557.3017216194</v>
      </c>
      <c r="BP721" s="53">
        <v>-10961628.0698021</v>
      </c>
      <c r="BQ721" s="53">
        <v>-8535105.6693932991</v>
      </c>
      <c r="BR721" s="53">
        <v>-8999199.1845397092</v>
      </c>
      <c r="BS721" s="53">
        <v>-9430589.9262483101</v>
      </c>
      <c r="BT721" s="53">
        <v>-11034633.515118901</v>
      </c>
      <c r="BU721" s="53">
        <v>-12451703.618467901</v>
      </c>
      <c r="BV721" s="53">
        <v>-13604297.450101901</v>
      </c>
      <c r="BW721" s="53">
        <v>-13976395.518933101</v>
      </c>
      <c r="BX721" s="53">
        <v>-12614535.5403872</v>
      </c>
      <c r="BY721" s="53">
        <v>-8765493.2857600003</v>
      </c>
      <c r="BZ721" s="53">
        <v>-8784860.9195260592</v>
      </c>
      <c r="CA721" s="53">
        <v>-128132000</v>
      </c>
      <c r="CB721" s="53"/>
      <c r="CC721" s="53"/>
      <c r="CD721" s="53"/>
      <c r="CE721" s="53"/>
      <c r="CF721" s="53"/>
      <c r="CG721" s="53"/>
      <c r="CH721" s="53"/>
      <c r="CI721" s="53"/>
      <c r="CJ721" s="53"/>
      <c r="CK721" s="53"/>
      <c r="CL721" s="53"/>
      <c r="CM721" s="53"/>
      <c r="CN721" s="53"/>
    </row>
    <row r="722" spans="1:92" outlineLevel="1">
      <c r="A722" s="52" t="s">
        <v>1254</v>
      </c>
      <c r="B722" s="53"/>
      <c r="C722" s="53"/>
      <c r="D722" s="53"/>
      <c r="E722" s="53"/>
      <c r="F722" s="53"/>
      <c r="G722" s="53"/>
      <c r="H722" s="53"/>
      <c r="I722" s="53"/>
      <c r="J722" s="53"/>
      <c r="K722" s="53"/>
      <c r="L722" s="53"/>
      <c r="M722" s="53"/>
      <c r="N722" s="53"/>
      <c r="O722" s="53"/>
      <c r="P722" s="53"/>
      <c r="Q722" s="53"/>
      <c r="R722" s="53"/>
      <c r="S722" s="53"/>
      <c r="T722" s="53"/>
      <c r="U722" s="53"/>
      <c r="V722" s="53"/>
      <c r="W722" s="53"/>
      <c r="X722" s="53"/>
      <c r="Y722" s="53"/>
      <c r="Z722" s="53"/>
      <c r="AA722" s="53"/>
      <c r="AB722" s="53"/>
      <c r="AC722" s="53"/>
      <c r="AD722" s="53"/>
      <c r="AE722" s="53"/>
      <c r="AF722" s="53"/>
      <c r="AG722" s="53"/>
      <c r="AH722" s="53"/>
      <c r="AI722" s="53"/>
      <c r="AJ722" s="53"/>
      <c r="AK722" s="53"/>
      <c r="AL722" s="53"/>
      <c r="AM722" s="53"/>
      <c r="AN722" s="53"/>
      <c r="AO722" s="53"/>
      <c r="AP722" s="53"/>
      <c r="AQ722" s="53"/>
      <c r="AR722" s="53"/>
      <c r="AS722" s="53"/>
      <c r="AT722" s="53"/>
      <c r="AU722" s="53"/>
      <c r="AV722" s="53"/>
      <c r="AW722" s="53"/>
      <c r="AX722" s="53"/>
      <c r="AY722" s="53"/>
      <c r="AZ722" s="53"/>
      <c r="BA722" s="53"/>
      <c r="BB722" s="53"/>
      <c r="BC722" s="53"/>
      <c r="BD722" s="53"/>
      <c r="BE722" s="53"/>
      <c r="BF722" s="53"/>
      <c r="BG722" s="53"/>
      <c r="BH722" s="53"/>
      <c r="BI722" s="53"/>
      <c r="BJ722" s="53"/>
      <c r="BK722" s="53"/>
      <c r="BL722" s="53"/>
      <c r="BM722" s="53"/>
      <c r="BN722" s="53"/>
      <c r="BO722" s="53"/>
      <c r="BP722" s="53"/>
      <c r="BQ722" s="53"/>
      <c r="BR722" s="53"/>
      <c r="BS722" s="53"/>
      <c r="BT722" s="53"/>
      <c r="BU722" s="53"/>
      <c r="BV722" s="53"/>
      <c r="BW722" s="53"/>
      <c r="BX722" s="53"/>
      <c r="BY722" s="53"/>
      <c r="BZ722" s="53"/>
      <c r="CA722" s="53"/>
      <c r="CB722" s="53"/>
      <c r="CC722" s="53"/>
      <c r="CD722" s="53"/>
      <c r="CE722" s="53"/>
      <c r="CF722" s="53"/>
      <c r="CG722" s="53"/>
      <c r="CH722" s="53"/>
      <c r="CI722" s="53"/>
      <c r="CJ722" s="53"/>
      <c r="CK722" s="53"/>
      <c r="CL722" s="53"/>
      <c r="CM722" s="53"/>
      <c r="CN722" s="53"/>
    </row>
    <row r="723" spans="1:92" outlineLevel="1">
      <c r="A723" s="52" t="s">
        <v>1249</v>
      </c>
      <c r="B723" s="53"/>
      <c r="C723" s="53"/>
      <c r="D723" s="53"/>
      <c r="E723" s="53"/>
      <c r="F723" s="53"/>
      <c r="G723" s="53"/>
      <c r="H723" s="53"/>
      <c r="I723" s="53"/>
      <c r="J723" s="53"/>
      <c r="K723" s="53"/>
      <c r="L723" s="53"/>
      <c r="M723" s="53"/>
      <c r="N723" s="53"/>
      <c r="O723" s="53">
        <v>-137356.33333333299</v>
      </c>
      <c r="P723" s="53">
        <v>-597500.05000000005</v>
      </c>
      <c r="Q723" s="53">
        <v>-673046.03333333298</v>
      </c>
      <c r="R723" s="53">
        <v>-700517.3</v>
      </c>
      <c r="S723" s="53">
        <v>-673046.03333333298</v>
      </c>
      <c r="T723" s="53">
        <v>-679913.85</v>
      </c>
      <c r="U723" s="53">
        <v>-717196.28333333298</v>
      </c>
      <c r="V723" s="53">
        <v>-710188.307142857</v>
      </c>
      <c r="W723" s="53">
        <v>-667019.17380952404</v>
      </c>
      <c r="X723" s="53">
        <v>-755740.15238095203</v>
      </c>
      <c r="Y723" s="53">
        <v>-604367.866666666</v>
      </c>
      <c r="Z723" s="53">
        <v>-714252.933333333</v>
      </c>
      <c r="AA723" s="53">
        <v>-7630144.3166666701</v>
      </c>
      <c r="AB723" s="53">
        <v>93086.283333333806</v>
      </c>
      <c r="AC723" s="53">
        <v>2576872.3533333298</v>
      </c>
      <c r="AD723" s="53">
        <v>2952574.14666666</v>
      </c>
      <c r="AE723" s="53">
        <v>3101679.92</v>
      </c>
      <c r="AF723" s="53">
        <v>2980045.4133333298</v>
      </c>
      <c r="AG723" s="53">
        <v>3010454.04</v>
      </c>
      <c r="AH723" s="53">
        <v>3175529.44190476</v>
      </c>
      <c r="AI723" s="53">
        <v>3144500.2310204101</v>
      </c>
      <c r="AJ723" s="53">
        <v>2953360.2919727899</v>
      </c>
      <c r="AK723" s="53">
        <v>3346190.1017687102</v>
      </c>
      <c r="AL723" s="53">
        <v>2675959.14666666</v>
      </c>
      <c r="AM723" s="53">
        <v>3162497.1733333301</v>
      </c>
      <c r="AN723" s="53">
        <v>33172748.543333299</v>
      </c>
      <c r="AO723" s="53">
        <v>2446992.5666666599</v>
      </c>
      <c r="AP723" s="53">
        <v>1027689.4816666601</v>
      </c>
      <c r="AQ723" s="53">
        <v>936727.78333333298</v>
      </c>
      <c r="AR723" s="53">
        <v>848362.38999999897</v>
      </c>
      <c r="AS723" s="53">
        <v>815093.27666666603</v>
      </c>
      <c r="AT723" s="53">
        <v>823410.554999999</v>
      </c>
      <c r="AU723" s="53">
        <v>868561.49452380894</v>
      </c>
      <c r="AV723" s="53">
        <v>860074.47581632598</v>
      </c>
      <c r="AW723" s="53">
        <v>807794.44057822996</v>
      </c>
      <c r="AX723" s="53">
        <v>915240.09741496504</v>
      </c>
      <c r="AY723" s="53">
        <v>731920.49333333306</v>
      </c>
      <c r="AZ723" s="53">
        <v>864996.94666666596</v>
      </c>
      <c r="BA723" s="53">
        <v>11946864.0016666</v>
      </c>
      <c r="BB723" s="53">
        <v>710878.25833333295</v>
      </c>
      <c r="BC723" s="53">
        <v>461981.15083333303</v>
      </c>
      <c r="BD723" s="53">
        <v>459972.79166666698</v>
      </c>
      <c r="BE723" s="53">
        <v>444120.15500000003</v>
      </c>
      <c r="BF723" s="53">
        <v>426703.67833333299</v>
      </c>
      <c r="BG723" s="53">
        <v>431057.79749999999</v>
      </c>
      <c r="BH723" s="53">
        <v>454694.44440476201</v>
      </c>
      <c r="BI723" s="53">
        <v>450251.46566326497</v>
      </c>
      <c r="BJ723" s="53">
        <v>422882.71661564597</v>
      </c>
      <c r="BK723" s="53">
        <v>479130.82748299302</v>
      </c>
      <c r="BL723" s="53">
        <v>383162.48666666599</v>
      </c>
      <c r="BM723" s="53">
        <v>452828.39333333302</v>
      </c>
      <c r="BN723" s="53">
        <v>5577664.1658333298</v>
      </c>
      <c r="BO723" s="53">
        <v>445273.40416666598</v>
      </c>
      <c r="BP723" s="53">
        <v>559949.121666666</v>
      </c>
      <c r="BQ723" s="53">
        <v>599117.363333332</v>
      </c>
      <c r="BR723" s="53">
        <v>605443.77999999898</v>
      </c>
      <c r="BS723" s="53">
        <v>581700.88666666602</v>
      </c>
      <c r="BT723" s="53">
        <v>587636.60999999905</v>
      </c>
      <c r="BU723" s="53">
        <v>619859.10809523705</v>
      </c>
      <c r="BV723" s="53">
        <v>613802.24755102</v>
      </c>
      <c r="BW723" s="53">
        <v>576491.98659863905</v>
      </c>
      <c r="BX723" s="53">
        <v>653171.84108843398</v>
      </c>
      <c r="BY723" s="53">
        <v>522343.65333333297</v>
      </c>
      <c r="BZ723" s="53">
        <v>617315.22666666599</v>
      </c>
      <c r="CA723" s="53">
        <v>6982105.2291666605</v>
      </c>
      <c r="CB723" s="53"/>
      <c r="CC723" s="53"/>
      <c r="CD723" s="53"/>
      <c r="CE723" s="53"/>
      <c r="CF723" s="53"/>
      <c r="CG723" s="53"/>
      <c r="CH723" s="53"/>
      <c r="CI723" s="53"/>
      <c r="CJ723" s="53"/>
      <c r="CK723" s="53"/>
      <c r="CL723" s="53"/>
      <c r="CM723" s="53"/>
      <c r="CN723" s="53"/>
    </row>
    <row r="724" spans="1:92" outlineLevel="1">
      <c r="A724" s="52" t="s">
        <v>1255</v>
      </c>
      <c r="B724" s="53"/>
      <c r="C724" s="53"/>
      <c r="D724" s="53"/>
      <c r="E724" s="53"/>
      <c r="F724" s="53"/>
      <c r="G724" s="53"/>
      <c r="H724" s="53"/>
      <c r="I724" s="53"/>
      <c r="J724" s="53"/>
      <c r="K724" s="53"/>
      <c r="L724" s="53"/>
      <c r="M724" s="53"/>
      <c r="N724" s="53"/>
      <c r="O724" s="53"/>
      <c r="P724" s="53"/>
      <c r="Q724" s="53"/>
      <c r="R724" s="53"/>
      <c r="S724" s="53"/>
      <c r="T724" s="53"/>
      <c r="U724" s="53"/>
      <c r="V724" s="53"/>
      <c r="W724" s="53"/>
      <c r="X724" s="53"/>
      <c r="Y724" s="53"/>
      <c r="Z724" s="53"/>
      <c r="AA724" s="53"/>
      <c r="AB724" s="53"/>
      <c r="AC724" s="53"/>
      <c r="AD724" s="53"/>
      <c r="AE724" s="53"/>
      <c r="AF724" s="53"/>
      <c r="AG724" s="53"/>
      <c r="AH724" s="53"/>
      <c r="AI724" s="53"/>
      <c r="AJ724" s="53"/>
      <c r="AK724" s="53"/>
      <c r="AL724" s="53"/>
      <c r="AM724" s="53"/>
      <c r="AN724" s="53"/>
      <c r="AO724" s="53"/>
      <c r="AP724" s="53"/>
      <c r="AQ724" s="53"/>
      <c r="AR724" s="53"/>
      <c r="AS724" s="53"/>
      <c r="AT724" s="53"/>
      <c r="AU724" s="53"/>
      <c r="AV724" s="53"/>
      <c r="AW724" s="53"/>
      <c r="AX724" s="53"/>
      <c r="AY724" s="53"/>
      <c r="AZ724" s="53"/>
      <c r="BA724" s="53"/>
      <c r="BB724" s="53"/>
      <c r="BC724" s="53"/>
      <c r="BD724" s="53"/>
      <c r="BE724" s="53"/>
      <c r="BF724" s="53"/>
      <c r="BG724" s="53"/>
      <c r="BH724" s="53"/>
      <c r="BI724" s="53"/>
      <c r="BJ724" s="53"/>
      <c r="BK724" s="53"/>
      <c r="BL724" s="53"/>
      <c r="BM724" s="53"/>
      <c r="BN724" s="53"/>
      <c r="BO724" s="53"/>
      <c r="BP724" s="53"/>
      <c r="BQ724" s="53"/>
      <c r="BR724" s="53"/>
      <c r="BS724" s="53"/>
      <c r="BT724" s="53"/>
      <c r="BU724" s="53"/>
      <c r="BV724" s="53"/>
      <c r="BW724" s="53"/>
      <c r="BX724" s="53"/>
      <c r="BY724" s="53"/>
      <c r="BZ724" s="53"/>
      <c r="CA724" s="53"/>
      <c r="CB724" s="53"/>
      <c r="CC724" s="53"/>
      <c r="CD724" s="53"/>
      <c r="CE724" s="53"/>
      <c r="CF724" s="53"/>
      <c r="CG724" s="53"/>
      <c r="CH724" s="53"/>
      <c r="CI724" s="53"/>
      <c r="CJ724" s="53"/>
      <c r="CK724" s="53"/>
      <c r="CL724" s="53"/>
      <c r="CM724" s="53"/>
      <c r="CN724" s="53"/>
    </row>
    <row r="725" spans="1:92" outlineLevel="1">
      <c r="A725" s="52" t="s">
        <v>1249</v>
      </c>
      <c r="B725" s="53"/>
      <c r="C725" s="53"/>
      <c r="D725" s="53"/>
      <c r="E725" s="53"/>
      <c r="F725" s="53"/>
      <c r="G725" s="53"/>
      <c r="H725" s="53"/>
      <c r="I725" s="53"/>
      <c r="J725" s="53"/>
      <c r="K725" s="53"/>
      <c r="L725" s="53"/>
      <c r="M725" s="53"/>
      <c r="N725" s="53"/>
      <c r="O725" s="53">
        <v>-477608.48927425197</v>
      </c>
      <c r="P725" s="53">
        <v>-1927505.79494844</v>
      </c>
      <c r="Q725" s="53">
        <v>-1559813.03298324</v>
      </c>
      <c r="R725" s="53">
        <v>-1713705.0861827401</v>
      </c>
      <c r="S725" s="53">
        <v>-1795854.2300163701</v>
      </c>
      <c r="T725" s="53">
        <v>-2101310.0378430099</v>
      </c>
      <c r="U725" s="53">
        <v>-2371160.7427544701</v>
      </c>
      <c r="V725" s="53">
        <v>-2590647.5960921999</v>
      </c>
      <c r="W725" s="53">
        <v>-2661505.7180249002</v>
      </c>
      <c r="X725" s="53">
        <v>-2402168.6010165098</v>
      </c>
      <c r="Y725" s="53">
        <v>-1669200.7942788899</v>
      </c>
      <c r="Z725" s="53">
        <v>-1672888.94605902</v>
      </c>
      <c r="AA725" s="53">
        <v>-22943369.069474101</v>
      </c>
      <c r="AB725" s="53">
        <v>-1708822.1378110501</v>
      </c>
      <c r="AC725" s="53">
        <v>-2087407.7116034301</v>
      </c>
      <c r="AD725" s="53">
        <v>-1625328.39831732</v>
      </c>
      <c r="AE725" s="53">
        <v>-1713705.0861827401</v>
      </c>
      <c r="AF725" s="53">
        <v>-1795854.2300163701</v>
      </c>
      <c r="AG725" s="53">
        <v>-2101310.0378430099</v>
      </c>
      <c r="AH725" s="53">
        <v>-2371160.7427544701</v>
      </c>
      <c r="AI725" s="53">
        <v>-2590647.5960921999</v>
      </c>
      <c r="AJ725" s="53">
        <v>-2661505.7180249002</v>
      </c>
      <c r="AK725" s="53">
        <v>-2402168.6010165098</v>
      </c>
      <c r="AL725" s="53">
        <v>-1669200.7942788899</v>
      </c>
      <c r="AM725" s="53">
        <v>-1672888.94605902</v>
      </c>
      <c r="AN725" s="53">
        <v>-24399999.999999899</v>
      </c>
      <c r="AO725" s="53">
        <v>-1231213.6485367999</v>
      </c>
      <c r="AP725" s="53">
        <v>-159901.91665498799</v>
      </c>
      <c r="AQ725" s="53">
        <v>-65515.365334078</v>
      </c>
      <c r="AR725" s="53"/>
      <c r="AS725" s="53"/>
      <c r="AT725" s="53"/>
      <c r="AU725" s="53"/>
      <c r="AV725" s="53"/>
      <c r="AW725" s="53"/>
      <c r="AX725" s="53"/>
      <c r="AY725" s="53"/>
      <c r="AZ725" s="53"/>
      <c r="BA725" s="53">
        <v>-1456630.9305258701</v>
      </c>
      <c r="BB725" s="53"/>
      <c r="BC725" s="53"/>
      <c r="BD725" s="53"/>
      <c r="BE725" s="53"/>
      <c r="BF725" s="53"/>
      <c r="BG725" s="53"/>
      <c r="BH725" s="53"/>
      <c r="BI725" s="53"/>
      <c r="BJ725" s="53"/>
      <c r="BK725" s="53"/>
      <c r="BL725" s="53"/>
      <c r="BM725" s="53"/>
      <c r="BN725" s="53"/>
      <c r="BO725" s="53"/>
      <c r="BP725" s="53"/>
      <c r="BQ725" s="53"/>
      <c r="BR725" s="53"/>
      <c r="BS725" s="53"/>
      <c r="BT725" s="53"/>
      <c r="BU725" s="53"/>
      <c r="BV725" s="53"/>
      <c r="BW725" s="53"/>
      <c r="BX725" s="53"/>
      <c r="BY725" s="53"/>
      <c r="BZ725" s="53"/>
      <c r="CA725" s="53"/>
      <c r="CB725" s="53"/>
      <c r="CC725" s="53"/>
      <c r="CD725" s="53"/>
      <c r="CE725" s="53"/>
      <c r="CF725" s="53"/>
      <c r="CG725" s="53"/>
      <c r="CH725" s="53"/>
      <c r="CI725" s="53"/>
      <c r="CJ725" s="53"/>
      <c r="CK725" s="53"/>
      <c r="CL725" s="53"/>
      <c r="CM725" s="53"/>
      <c r="CN725" s="53"/>
    </row>
    <row r="726" spans="1:92" outlineLevel="1">
      <c r="A726" s="52" t="s">
        <v>1256</v>
      </c>
      <c r="B726" s="53"/>
      <c r="C726" s="53"/>
      <c r="D726" s="53"/>
      <c r="E726" s="53"/>
      <c r="F726" s="53"/>
      <c r="G726" s="53"/>
      <c r="H726" s="53"/>
      <c r="I726" s="53"/>
      <c r="J726" s="53"/>
      <c r="K726" s="53"/>
      <c r="L726" s="53"/>
      <c r="M726" s="53"/>
      <c r="N726" s="53"/>
      <c r="O726" s="53"/>
      <c r="P726" s="53"/>
      <c r="Q726" s="53"/>
      <c r="R726" s="53"/>
      <c r="S726" s="53"/>
      <c r="T726" s="53"/>
      <c r="U726" s="53"/>
      <c r="V726" s="53"/>
      <c r="W726" s="53"/>
      <c r="X726" s="53"/>
      <c r="Y726" s="53"/>
      <c r="Z726" s="53"/>
      <c r="AA726" s="53"/>
      <c r="AB726" s="53"/>
      <c r="AC726" s="53"/>
      <c r="AD726" s="53"/>
      <c r="AE726" s="53"/>
      <c r="AF726" s="53"/>
      <c r="AG726" s="53"/>
      <c r="AH726" s="53"/>
      <c r="AI726" s="53"/>
      <c r="AJ726" s="53"/>
      <c r="AK726" s="53"/>
      <c r="AL726" s="53"/>
      <c r="AM726" s="53"/>
      <c r="AN726" s="53"/>
      <c r="AO726" s="53"/>
      <c r="AP726" s="53"/>
      <c r="AQ726" s="53"/>
      <c r="AR726" s="53"/>
      <c r="AS726" s="53"/>
      <c r="AT726" s="53"/>
      <c r="AU726" s="53"/>
      <c r="AV726" s="53"/>
      <c r="AW726" s="53"/>
      <c r="AX726" s="53"/>
      <c r="AY726" s="53"/>
      <c r="AZ726" s="53"/>
      <c r="BA726" s="53"/>
      <c r="BB726" s="53"/>
      <c r="BC726" s="53"/>
      <c r="BD726" s="53"/>
      <c r="BE726" s="53"/>
      <c r="BF726" s="53"/>
      <c r="BG726" s="53"/>
      <c r="BH726" s="53"/>
      <c r="BI726" s="53"/>
      <c r="BJ726" s="53"/>
      <c r="BK726" s="53"/>
      <c r="BL726" s="53"/>
      <c r="BM726" s="53"/>
      <c r="BN726" s="53"/>
      <c r="BO726" s="53"/>
      <c r="BP726" s="53"/>
      <c r="BQ726" s="53"/>
      <c r="BR726" s="53"/>
      <c r="BS726" s="53"/>
      <c r="BT726" s="53"/>
      <c r="BU726" s="53"/>
      <c r="BV726" s="53"/>
      <c r="BW726" s="53"/>
      <c r="BX726" s="53"/>
      <c r="BY726" s="53"/>
      <c r="BZ726" s="53"/>
      <c r="CA726" s="53"/>
      <c r="CB726" s="53"/>
      <c r="CC726" s="53"/>
      <c r="CD726" s="53"/>
      <c r="CE726" s="53"/>
      <c r="CF726" s="53"/>
      <c r="CG726" s="53"/>
      <c r="CH726" s="53"/>
      <c r="CI726" s="53"/>
      <c r="CJ726" s="53"/>
      <c r="CK726" s="53"/>
      <c r="CL726" s="53"/>
      <c r="CM726" s="53"/>
      <c r="CN726" s="53"/>
    </row>
    <row r="727" spans="1:92" outlineLevel="1">
      <c r="A727" s="52" t="s">
        <v>1249</v>
      </c>
      <c r="B727" s="53"/>
      <c r="C727" s="53"/>
      <c r="D727" s="53"/>
      <c r="E727" s="53"/>
      <c r="F727" s="53"/>
      <c r="G727" s="53"/>
      <c r="H727" s="53"/>
      <c r="I727" s="53"/>
      <c r="J727" s="53"/>
      <c r="K727" s="53"/>
      <c r="L727" s="53"/>
      <c r="M727" s="53"/>
      <c r="N727" s="53"/>
      <c r="O727" s="53">
        <v>1090423.63015528</v>
      </c>
      <c r="P727" s="53">
        <v>4409038.68421729</v>
      </c>
      <c r="Q727" s="53">
        <v>3591783.0971563398</v>
      </c>
      <c r="R727" s="53">
        <v>3889432.3190302099</v>
      </c>
      <c r="S727" s="53">
        <v>4089090.20017908</v>
      </c>
      <c r="T727" s="53">
        <v>4822691.67479828</v>
      </c>
      <c r="U727" s="53">
        <v>5469151.7505035</v>
      </c>
      <c r="V727" s="53">
        <v>5977735.5813080203</v>
      </c>
      <c r="W727" s="53">
        <v>6136552.9755634097</v>
      </c>
      <c r="X727" s="53">
        <v>5536244.3077656403</v>
      </c>
      <c r="Y727" s="53">
        <v>3826388.2514976999</v>
      </c>
      <c r="Z727" s="53">
        <v>3811725.59988251</v>
      </c>
      <c r="AA727" s="53">
        <v>52650258.072057299</v>
      </c>
      <c r="AB727" s="53">
        <v>3896218.2391879</v>
      </c>
      <c r="AC727" s="53">
        <v>4773138.58612708</v>
      </c>
      <c r="AD727" s="53">
        <v>3741055.5141568901</v>
      </c>
      <c r="AE727" s="53">
        <v>3889432.3190302099</v>
      </c>
      <c r="AF727" s="53">
        <v>4089090.20017908</v>
      </c>
      <c r="AG727" s="53">
        <v>4822691.67479828</v>
      </c>
      <c r="AH727" s="53">
        <v>5469151.7505035</v>
      </c>
      <c r="AI727" s="53">
        <v>5977735.5813080203</v>
      </c>
      <c r="AJ727" s="53">
        <v>6136552.9755634097</v>
      </c>
      <c r="AK727" s="53">
        <v>5536244.3077656403</v>
      </c>
      <c r="AL727" s="53">
        <v>3826388.2514976999</v>
      </c>
      <c r="AM727" s="53">
        <v>3811725.59988251</v>
      </c>
      <c r="AN727" s="53">
        <v>55969425.000000201</v>
      </c>
      <c r="AO727" s="53">
        <v>3896218.2391879</v>
      </c>
      <c r="AP727" s="53">
        <v>4773138.58612708</v>
      </c>
      <c r="AQ727" s="53">
        <v>3741055.5141568901</v>
      </c>
      <c r="AR727" s="53">
        <v>3889432.3190302099</v>
      </c>
      <c r="AS727" s="53">
        <v>4089090.20017908</v>
      </c>
      <c r="AT727" s="53">
        <v>4822691.67479828</v>
      </c>
      <c r="AU727" s="53">
        <v>5469151.7505035</v>
      </c>
      <c r="AV727" s="53">
        <v>5977735.5813080203</v>
      </c>
      <c r="AW727" s="53">
        <v>6136552.9755634097</v>
      </c>
      <c r="AX727" s="53">
        <v>5536244.3077656403</v>
      </c>
      <c r="AY727" s="53">
        <v>3826388.2514976999</v>
      </c>
      <c r="AZ727" s="53">
        <v>3811725.59988251</v>
      </c>
      <c r="BA727" s="53">
        <v>55969425.000000201</v>
      </c>
      <c r="BB727" s="53">
        <v>3896218.2391879</v>
      </c>
      <c r="BC727" s="53">
        <v>4773138.58612708</v>
      </c>
      <c r="BD727" s="53">
        <v>3741055.5141568901</v>
      </c>
      <c r="BE727" s="53">
        <v>3889432.3190302099</v>
      </c>
      <c r="BF727" s="53">
        <v>4089090.20017908</v>
      </c>
      <c r="BG727" s="53">
        <v>4822691.67479828</v>
      </c>
      <c r="BH727" s="53">
        <v>5469151.7505035</v>
      </c>
      <c r="BI727" s="53">
        <v>5977735.5813080203</v>
      </c>
      <c r="BJ727" s="53">
        <v>6136552.9755634097</v>
      </c>
      <c r="BK727" s="53">
        <v>5536244.3077656403</v>
      </c>
      <c r="BL727" s="53">
        <v>3826388.2514976999</v>
      </c>
      <c r="BM727" s="53">
        <v>3811725.59988251</v>
      </c>
      <c r="BN727" s="53">
        <v>55969425.000000201</v>
      </c>
      <c r="BO727" s="53">
        <v>3896218.2391879</v>
      </c>
      <c r="BP727" s="53">
        <v>4773138.58612708</v>
      </c>
      <c r="BQ727" s="53">
        <v>3741055.5141568901</v>
      </c>
      <c r="BR727" s="53">
        <v>3889432.3190302099</v>
      </c>
      <c r="BS727" s="53">
        <v>4089090.20017908</v>
      </c>
      <c r="BT727" s="53">
        <v>4822691.67479828</v>
      </c>
      <c r="BU727" s="53">
        <v>5469151.7505035</v>
      </c>
      <c r="BV727" s="53">
        <v>5977735.5813080203</v>
      </c>
      <c r="BW727" s="53">
        <v>6136552.9755634097</v>
      </c>
      <c r="BX727" s="53">
        <v>5536244.3077656403</v>
      </c>
      <c r="BY727" s="53">
        <v>3826388.2514976999</v>
      </c>
      <c r="BZ727" s="53">
        <v>3811725.59988251</v>
      </c>
      <c r="CA727" s="53">
        <v>55969425.000000201</v>
      </c>
      <c r="CB727" s="53"/>
      <c r="CC727" s="53"/>
      <c r="CD727" s="53"/>
      <c r="CE727" s="53"/>
      <c r="CF727" s="53"/>
      <c r="CG727" s="53"/>
      <c r="CH727" s="53"/>
      <c r="CI727" s="53"/>
      <c r="CJ727" s="53"/>
      <c r="CK727" s="53"/>
      <c r="CL727" s="53"/>
      <c r="CM727" s="53"/>
      <c r="CN727" s="53"/>
    </row>
    <row r="728" spans="1:92" outlineLevel="1">
      <c r="A728" s="52" t="s">
        <v>1257</v>
      </c>
      <c r="B728" s="53"/>
      <c r="C728" s="53"/>
      <c r="D728" s="53"/>
      <c r="E728" s="53"/>
      <c r="F728" s="53"/>
      <c r="G728" s="53"/>
      <c r="H728" s="53"/>
      <c r="I728" s="53"/>
      <c r="J728" s="53"/>
      <c r="K728" s="53"/>
      <c r="L728" s="53"/>
      <c r="M728" s="53"/>
      <c r="N728" s="53"/>
      <c r="O728" s="53"/>
      <c r="P728" s="53"/>
      <c r="Q728" s="53"/>
      <c r="R728" s="53"/>
      <c r="S728" s="53"/>
      <c r="T728" s="53"/>
      <c r="U728" s="53"/>
      <c r="V728" s="53"/>
      <c r="W728" s="53"/>
      <c r="X728" s="53"/>
      <c r="Y728" s="53"/>
      <c r="Z728" s="53"/>
      <c r="AA728" s="53"/>
      <c r="AB728" s="53"/>
      <c r="AC728" s="53"/>
      <c r="AD728" s="53"/>
      <c r="AE728" s="53"/>
      <c r="AF728" s="53"/>
      <c r="AG728" s="53"/>
      <c r="AH728" s="53"/>
      <c r="AI728" s="53"/>
      <c r="AJ728" s="53"/>
      <c r="AK728" s="53"/>
      <c r="AL728" s="53"/>
      <c r="AM728" s="53"/>
      <c r="AN728" s="53"/>
      <c r="AO728" s="53"/>
      <c r="AP728" s="53"/>
      <c r="AQ728" s="53"/>
      <c r="AR728" s="53"/>
      <c r="AS728" s="53"/>
      <c r="AT728" s="53"/>
      <c r="AU728" s="53"/>
      <c r="AV728" s="53"/>
      <c r="AW728" s="53"/>
      <c r="AX728" s="53"/>
      <c r="AY728" s="53"/>
      <c r="AZ728" s="53"/>
      <c r="BA728" s="53"/>
      <c r="BB728" s="53"/>
      <c r="BC728" s="53"/>
      <c r="BD728" s="53"/>
      <c r="BE728" s="53"/>
      <c r="BF728" s="53"/>
      <c r="BG728" s="53"/>
      <c r="BH728" s="53"/>
      <c r="BI728" s="53"/>
      <c r="BJ728" s="53"/>
      <c r="BK728" s="53"/>
      <c r="BL728" s="53"/>
      <c r="BM728" s="53"/>
      <c r="BN728" s="53"/>
      <c r="BO728" s="53"/>
      <c r="BP728" s="53"/>
      <c r="BQ728" s="53"/>
      <c r="BR728" s="53"/>
      <c r="BS728" s="53"/>
      <c r="BT728" s="53"/>
      <c r="BU728" s="53"/>
      <c r="BV728" s="53"/>
      <c r="BW728" s="53"/>
      <c r="BX728" s="53"/>
      <c r="BY728" s="53"/>
      <c r="BZ728" s="53"/>
      <c r="CA728" s="53"/>
      <c r="CB728" s="53">
        <v>1649645031.4417901</v>
      </c>
      <c r="CC728" s="53">
        <v>1660393834.66642</v>
      </c>
      <c r="CD728" s="53">
        <v>1661645348.4864199</v>
      </c>
      <c r="CE728" s="53">
        <v>1662084455.2182701</v>
      </c>
      <c r="CF728" s="53">
        <v>1732265493.1227701</v>
      </c>
      <c r="CG728" s="53">
        <v>1776944979.10254</v>
      </c>
      <c r="CH728" s="53">
        <v>1786180263.3629899</v>
      </c>
      <c r="CI728" s="53">
        <v>1906817643.78089</v>
      </c>
      <c r="CJ728" s="53">
        <v>1947881118.28615</v>
      </c>
      <c r="CK728" s="53">
        <v>1995093228.38975</v>
      </c>
      <c r="CL728" s="53">
        <v>1783883128.05335</v>
      </c>
      <c r="CM728" s="53">
        <v>1652854165.2495999</v>
      </c>
      <c r="CN728" s="53">
        <v>1652854165.2495999</v>
      </c>
    </row>
    <row r="729" spans="1:92" outlineLevel="1">
      <c r="A729" s="52" t="s">
        <v>1249</v>
      </c>
      <c r="B729" s="53"/>
      <c r="C729" s="53"/>
      <c r="D729" s="53"/>
      <c r="E729" s="53"/>
      <c r="F729" s="53"/>
      <c r="G729" s="53"/>
      <c r="H729" s="53"/>
      <c r="I729" s="53"/>
      <c r="J729" s="53"/>
      <c r="K729" s="53"/>
      <c r="L729" s="53"/>
      <c r="M729" s="53"/>
      <c r="N729" s="53"/>
      <c r="O729" s="53">
        <v>-250166</v>
      </c>
      <c r="P729" s="53">
        <v>-1088222.0999999901</v>
      </c>
      <c r="Q729" s="53">
        <v>-1225813.3999999899</v>
      </c>
      <c r="R729" s="53">
        <v>-1275846.5999999901</v>
      </c>
      <c r="S729" s="53">
        <v>-1225813.3999999899</v>
      </c>
      <c r="T729" s="53">
        <v>-1663603.9</v>
      </c>
      <c r="U729" s="53">
        <v>-3668505.6999999899</v>
      </c>
      <c r="V729" s="53">
        <v>-3805331.1857142802</v>
      </c>
      <c r="W729" s="53">
        <v>-3644510.1857142802</v>
      </c>
      <c r="X729" s="53">
        <v>-4129270.62857142</v>
      </c>
      <c r="Y729" s="53">
        <v>-3302191.2</v>
      </c>
      <c r="Z729" s="53">
        <v>-3902589.5999999898</v>
      </c>
      <c r="AA729" s="53">
        <v>-29181863.899999999</v>
      </c>
      <c r="AB729" s="53">
        <v>-3564865.5</v>
      </c>
      <c r="AC729" s="53">
        <v>-3639915.29999999</v>
      </c>
      <c r="AD729" s="53">
        <v>-4165263.9</v>
      </c>
      <c r="AE729" s="53">
        <v>-5572447.6500000004</v>
      </c>
      <c r="AF729" s="53">
        <v>-5441110.4999999898</v>
      </c>
      <c r="AG729" s="53">
        <v>-5678768.1999999899</v>
      </c>
      <c r="AH729" s="53">
        <v>-6468577.9999999898</v>
      </c>
      <c r="AI729" s="53">
        <v>-6448539.1928571397</v>
      </c>
      <c r="AJ729" s="53">
        <v>-6074183.6428571399</v>
      </c>
      <c r="AK729" s="53">
        <v>-6882117.7142857099</v>
      </c>
      <c r="AL729" s="53">
        <v>-5503651.9999999898</v>
      </c>
      <c r="AM729" s="53">
        <v>-6504316</v>
      </c>
      <c r="AN729" s="53">
        <v>-65943757.599999897</v>
      </c>
      <c r="AO729" s="53">
        <v>-5941442.4999999898</v>
      </c>
      <c r="AP729" s="53">
        <v>-6066525.5</v>
      </c>
      <c r="AQ729" s="53">
        <v>-6379233</v>
      </c>
      <c r="AR729" s="53">
        <v>-6379232.9999999898</v>
      </c>
      <c r="AS729" s="53">
        <v>-6129066.9999999898</v>
      </c>
      <c r="AT729" s="53">
        <v>-6191608.4999999898</v>
      </c>
      <c r="AU729" s="53">
        <v>-6531119.5</v>
      </c>
      <c r="AV729" s="53">
        <v>-6467301.6428571399</v>
      </c>
      <c r="AW729" s="53">
        <v>-6074183.6428571399</v>
      </c>
      <c r="AX729" s="53">
        <v>-6882117.7142857099</v>
      </c>
      <c r="AY729" s="53">
        <v>-5503651.9999999898</v>
      </c>
      <c r="AZ729" s="53">
        <v>-6504316</v>
      </c>
      <c r="BA729" s="53">
        <v>-75049800</v>
      </c>
      <c r="BB729" s="53">
        <v>-5941442.4999999898</v>
      </c>
      <c r="BC729" s="53">
        <v>-6066525.5</v>
      </c>
      <c r="BD729" s="53">
        <v>-6379233</v>
      </c>
      <c r="BE729" s="53">
        <v>-6379232.9999999898</v>
      </c>
      <c r="BF729" s="53">
        <v>-6129066.9999999898</v>
      </c>
      <c r="BG729" s="53">
        <v>-6191608.4999999898</v>
      </c>
      <c r="BH729" s="53">
        <v>-6531119.5</v>
      </c>
      <c r="BI729" s="53">
        <v>-6467301.6428571399</v>
      </c>
      <c r="BJ729" s="53">
        <v>-6074183.6428571399</v>
      </c>
      <c r="BK729" s="53">
        <v>-6882117.7142857099</v>
      </c>
      <c r="BL729" s="53">
        <v>-5503651.9999999898</v>
      </c>
      <c r="BM729" s="53">
        <v>-6504316</v>
      </c>
      <c r="BN729" s="53">
        <v>-75049800</v>
      </c>
      <c r="BO729" s="53">
        <v>-5941442.4999999898</v>
      </c>
      <c r="BP729" s="53">
        <v>-6066525.5</v>
      </c>
      <c r="BQ729" s="53">
        <v>-6379233</v>
      </c>
      <c r="BR729" s="53">
        <v>-6379232.9999999898</v>
      </c>
      <c r="BS729" s="53">
        <v>-6129066.9999999898</v>
      </c>
      <c r="BT729" s="53">
        <v>-6191608.4999999898</v>
      </c>
      <c r="BU729" s="53">
        <v>-6531119.5</v>
      </c>
      <c r="BV729" s="53">
        <v>-6467301.6428571399</v>
      </c>
      <c r="BW729" s="53">
        <v>-6074183.6428571399</v>
      </c>
      <c r="BX729" s="53">
        <v>-6882117.7142857099</v>
      </c>
      <c r="BY729" s="53">
        <v>-5503651.9999999898</v>
      </c>
      <c r="BZ729" s="53">
        <v>-6504316</v>
      </c>
      <c r="CA729" s="53">
        <v>-75049800</v>
      </c>
      <c r="CB729" s="53"/>
      <c r="CC729" s="53"/>
      <c r="CD729" s="53"/>
      <c r="CE729" s="53"/>
      <c r="CF729" s="53"/>
      <c r="CG729" s="53"/>
      <c r="CH729" s="53"/>
      <c r="CI729" s="53"/>
      <c r="CJ729" s="53"/>
      <c r="CK729" s="53"/>
      <c r="CL729" s="53"/>
      <c r="CM729" s="53"/>
      <c r="CN729" s="53"/>
    </row>
    <row r="730" spans="1:92" outlineLevel="1">
      <c r="A730" s="52" t="s">
        <v>1258</v>
      </c>
      <c r="B730" s="53"/>
      <c r="C730" s="53"/>
      <c r="D730" s="53"/>
      <c r="E730" s="53"/>
      <c r="F730" s="53"/>
      <c r="G730" s="53"/>
      <c r="H730" s="53"/>
      <c r="I730" s="53"/>
      <c r="J730" s="53"/>
      <c r="K730" s="53"/>
      <c r="L730" s="53"/>
      <c r="M730" s="53"/>
      <c r="N730" s="53"/>
      <c r="O730" s="53"/>
      <c r="P730" s="53"/>
      <c r="Q730" s="53"/>
      <c r="R730" s="53"/>
      <c r="S730" s="53"/>
      <c r="T730" s="53"/>
      <c r="U730" s="53"/>
      <c r="V730" s="53"/>
      <c r="W730" s="53"/>
      <c r="X730" s="53"/>
      <c r="Y730" s="53"/>
      <c r="Z730" s="53"/>
      <c r="AA730" s="53"/>
      <c r="AB730" s="53"/>
      <c r="AC730" s="53"/>
      <c r="AD730" s="53"/>
      <c r="AE730" s="53"/>
      <c r="AF730" s="53"/>
      <c r="AG730" s="53"/>
      <c r="AH730" s="53"/>
      <c r="AI730" s="53"/>
      <c r="AJ730" s="53"/>
      <c r="AK730" s="53"/>
      <c r="AL730" s="53"/>
      <c r="AM730" s="53"/>
      <c r="AN730" s="53"/>
      <c r="AO730" s="53"/>
      <c r="AP730" s="53"/>
      <c r="AQ730" s="53"/>
      <c r="AR730" s="53"/>
      <c r="AS730" s="53"/>
      <c r="AT730" s="53"/>
      <c r="AU730" s="53"/>
      <c r="AV730" s="53"/>
      <c r="AW730" s="53"/>
      <c r="AX730" s="53"/>
      <c r="AY730" s="53"/>
      <c r="AZ730" s="53"/>
      <c r="BA730" s="53"/>
      <c r="BB730" s="53"/>
      <c r="BC730" s="53"/>
      <c r="BD730" s="53"/>
      <c r="BE730" s="53"/>
      <c r="BF730" s="53"/>
      <c r="BG730" s="53"/>
      <c r="BH730" s="53"/>
      <c r="BI730" s="53"/>
      <c r="BJ730" s="53"/>
      <c r="BK730" s="53"/>
      <c r="BL730" s="53"/>
      <c r="BM730" s="53"/>
      <c r="BN730" s="53"/>
      <c r="BO730" s="53"/>
      <c r="BP730" s="53"/>
      <c r="BQ730" s="53"/>
      <c r="BR730" s="53"/>
      <c r="BS730" s="53"/>
      <c r="BT730" s="53"/>
      <c r="BU730" s="53"/>
      <c r="BV730" s="53"/>
      <c r="BW730" s="53"/>
      <c r="BX730" s="53"/>
      <c r="BY730" s="53"/>
      <c r="BZ730" s="53"/>
      <c r="CA730" s="53"/>
      <c r="CB730" s="53"/>
      <c r="CC730" s="53"/>
      <c r="CD730" s="53"/>
      <c r="CE730" s="53"/>
      <c r="CF730" s="53"/>
      <c r="CG730" s="53"/>
      <c r="CH730" s="53"/>
      <c r="CI730" s="53"/>
      <c r="CJ730" s="53"/>
      <c r="CK730" s="53"/>
      <c r="CL730" s="53"/>
      <c r="CM730" s="53"/>
      <c r="CN730" s="53"/>
    </row>
    <row r="731" spans="1:92" outlineLevel="1">
      <c r="A731" s="52" t="s">
        <v>1249</v>
      </c>
      <c r="B731" s="53"/>
      <c r="C731" s="53"/>
      <c r="D731" s="53"/>
      <c r="E731" s="53"/>
      <c r="F731" s="53"/>
      <c r="G731" s="53"/>
      <c r="H731" s="53"/>
      <c r="I731" s="53"/>
      <c r="J731" s="53"/>
      <c r="K731" s="53"/>
      <c r="L731" s="53"/>
      <c r="M731" s="53"/>
      <c r="N731" s="53"/>
      <c r="O731" s="53"/>
      <c r="P731" s="53"/>
      <c r="Q731" s="53"/>
      <c r="R731" s="53">
        <v>-7919344.8875022903</v>
      </c>
      <c r="S731" s="53">
        <v>-32808714.533938002</v>
      </c>
      <c r="T731" s="53">
        <v>-36202719.485724702</v>
      </c>
      <c r="U731" s="53">
        <v>-39381232.059620202</v>
      </c>
      <c r="V731" s="53">
        <v>-38996424.241957299</v>
      </c>
      <c r="W731" s="53">
        <v>-36626008.0851539</v>
      </c>
      <c r="X731" s="53">
        <v>-41497675.0567661</v>
      </c>
      <c r="Y731" s="53">
        <v>-33185826.195247699</v>
      </c>
      <c r="Z731" s="53">
        <v>-39219612.7762018</v>
      </c>
      <c r="AA731" s="53">
        <v>-305837557.32211202</v>
      </c>
      <c r="AB731" s="53">
        <v>-35825607.824415103</v>
      </c>
      <c r="AC731" s="53">
        <v>-36579831.147034399</v>
      </c>
      <c r="AD731" s="53">
        <v>-38465389.453582503</v>
      </c>
      <c r="AE731" s="53">
        <v>-30546044.566080201</v>
      </c>
      <c r="AF731" s="53">
        <v>-4148228.27440596</v>
      </c>
      <c r="AG731" s="53">
        <v>-1131334.98392889</v>
      </c>
      <c r="AH731" s="53"/>
      <c r="AI731" s="53"/>
      <c r="AJ731" s="53"/>
      <c r="AK731" s="53"/>
      <c r="AL731" s="53"/>
      <c r="AM731" s="53"/>
      <c r="AN731" s="53">
        <v>-146696436.24944699</v>
      </c>
      <c r="AO731" s="53"/>
      <c r="AP731" s="53"/>
      <c r="AQ731" s="53"/>
      <c r="AR731" s="53"/>
      <c r="AS731" s="53"/>
      <c r="AT731" s="53"/>
      <c r="AU731" s="53"/>
      <c r="AV731" s="53"/>
      <c r="AW731" s="53"/>
      <c r="AX731" s="53"/>
      <c r="AY731" s="53"/>
      <c r="AZ731" s="53"/>
      <c r="BA731" s="53"/>
      <c r="BB731" s="53"/>
      <c r="BC731" s="53"/>
      <c r="BD731" s="53"/>
      <c r="BE731" s="53"/>
      <c r="BF731" s="53"/>
      <c r="BG731" s="53"/>
      <c r="BH731" s="53"/>
      <c r="BI731" s="53"/>
      <c r="BJ731" s="53"/>
      <c r="BK731" s="53"/>
      <c r="BL731" s="53"/>
      <c r="BM731" s="53"/>
      <c r="BN731" s="53"/>
      <c r="BO731" s="53"/>
      <c r="BP731" s="53"/>
      <c r="BQ731" s="53"/>
      <c r="BR731" s="53"/>
      <c r="BS731" s="53"/>
      <c r="BT731" s="53"/>
      <c r="BU731" s="53"/>
      <c r="BV731" s="53"/>
      <c r="BW731" s="53"/>
      <c r="BX731" s="53"/>
      <c r="BY731" s="53"/>
      <c r="BZ731" s="53"/>
      <c r="CA731" s="53"/>
      <c r="CB731" s="53">
        <v>0</v>
      </c>
      <c r="CC731" s="53">
        <v>0</v>
      </c>
      <c r="CD731" s="53">
        <v>0</v>
      </c>
      <c r="CE731" s="53">
        <v>0</v>
      </c>
      <c r="CF731" s="53">
        <v>0</v>
      </c>
      <c r="CG731" s="53">
        <v>0</v>
      </c>
      <c r="CH731" s="53">
        <v>0</v>
      </c>
      <c r="CI731" s="53">
        <v>0</v>
      </c>
      <c r="CJ731" s="53">
        <v>0</v>
      </c>
      <c r="CK731" s="53">
        <v>0</v>
      </c>
      <c r="CL731" s="53">
        <v>0</v>
      </c>
      <c r="CM731" s="53">
        <v>0</v>
      </c>
      <c r="CN731" s="53">
        <v>0</v>
      </c>
    </row>
    <row r="732" spans="1:92" outlineLevel="1">
      <c r="A732" s="52" t="s">
        <v>1259</v>
      </c>
      <c r="B732" s="53"/>
      <c r="C732" s="53"/>
      <c r="D732" s="53"/>
      <c r="E732" s="53"/>
      <c r="F732" s="53"/>
      <c r="G732" s="53"/>
      <c r="H732" s="53"/>
      <c r="I732" s="53"/>
      <c r="J732" s="53"/>
      <c r="K732" s="53"/>
      <c r="L732" s="53"/>
      <c r="M732" s="53"/>
      <c r="N732" s="53"/>
      <c r="O732" s="53"/>
      <c r="P732" s="53"/>
      <c r="Q732" s="53"/>
      <c r="R732" s="53"/>
      <c r="S732" s="53"/>
      <c r="T732" s="53"/>
      <c r="U732" s="53"/>
      <c r="V732" s="53"/>
      <c r="W732" s="53"/>
      <c r="X732" s="53"/>
      <c r="Y732" s="53"/>
      <c r="Z732" s="53"/>
      <c r="AA732" s="53"/>
      <c r="AB732" s="53"/>
      <c r="AC732" s="53"/>
      <c r="AD732" s="53"/>
      <c r="AE732" s="53"/>
      <c r="AF732" s="53"/>
      <c r="AG732" s="53"/>
      <c r="AH732" s="53"/>
      <c r="AI732" s="53"/>
      <c r="AJ732" s="53"/>
      <c r="AK732" s="53"/>
      <c r="AL732" s="53"/>
      <c r="AM732" s="53"/>
      <c r="AN732" s="53"/>
      <c r="AO732" s="53"/>
      <c r="AP732" s="53"/>
      <c r="AQ732" s="53"/>
      <c r="AR732" s="53"/>
      <c r="AS732" s="53"/>
      <c r="AT732" s="53"/>
      <c r="AU732" s="53"/>
      <c r="AV732" s="53"/>
      <c r="AW732" s="53"/>
      <c r="AX732" s="53"/>
      <c r="AY732" s="53"/>
      <c r="AZ732" s="53"/>
      <c r="BA732" s="53"/>
      <c r="BB732" s="53"/>
      <c r="BC732" s="53"/>
      <c r="BD732" s="53"/>
      <c r="BE732" s="53"/>
      <c r="BF732" s="53"/>
      <c r="BG732" s="53"/>
      <c r="BH732" s="53"/>
      <c r="BI732" s="53"/>
      <c r="BJ732" s="53"/>
      <c r="BK732" s="53"/>
      <c r="BL732" s="53"/>
      <c r="BM732" s="53"/>
      <c r="BN732" s="53"/>
      <c r="BO732" s="53"/>
      <c r="BP732" s="53"/>
      <c r="BQ732" s="53"/>
      <c r="BR732" s="53"/>
      <c r="BS732" s="53"/>
      <c r="BT732" s="53"/>
      <c r="BU732" s="53"/>
      <c r="BV732" s="53"/>
      <c r="BW732" s="53"/>
      <c r="BX732" s="53"/>
      <c r="BY732" s="53"/>
      <c r="BZ732" s="53"/>
      <c r="CA732" s="53"/>
      <c r="CB732" s="53">
        <v>137128433.09999999</v>
      </c>
      <c r="CC732" s="53">
        <v>137128433.09999999</v>
      </c>
      <c r="CD732" s="53">
        <v>137128433.09999999</v>
      </c>
      <c r="CE732" s="53">
        <v>137128433.09999999</v>
      </c>
      <c r="CF732" s="53">
        <v>137128433.09999999</v>
      </c>
      <c r="CG732" s="53">
        <v>137128433.09999999</v>
      </c>
      <c r="CH732" s="53">
        <v>137128433.09999999</v>
      </c>
      <c r="CI732" s="53">
        <v>137128433.09999999</v>
      </c>
      <c r="CJ732" s="53">
        <v>137128433.09999999</v>
      </c>
      <c r="CK732" s="53">
        <v>137128433.09999999</v>
      </c>
      <c r="CL732" s="53">
        <v>137128433.09999999</v>
      </c>
      <c r="CM732" s="53">
        <v>137128433.09999999</v>
      </c>
      <c r="CN732" s="53">
        <v>137128433.09999999</v>
      </c>
    </row>
    <row r="733" spans="1:92" outlineLevel="1">
      <c r="A733" s="52" t="s">
        <v>1249</v>
      </c>
      <c r="B733" s="53"/>
      <c r="C733" s="53"/>
      <c r="D733" s="53"/>
      <c r="E733" s="53"/>
      <c r="F733" s="53"/>
      <c r="G733" s="53"/>
      <c r="H733" s="53"/>
      <c r="I733" s="53"/>
      <c r="J733" s="53"/>
      <c r="K733" s="53"/>
      <c r="L733" s="53"/>
      <c r="M733" s="53"/>
      <c r="N733" s="53"/>
      <c r="O733" s="53">
        <v>-369304.95752416202</v>
      </c>
      <c r="P733" s="53">
        <v>-1606476.5652300999</v>
      </c>
      <c r="Q733" s="53">
        <v>-1809594.29186839</v>
      </c>
      <c r="R733" s="53">
        <v>-1883455.2833732199</v>
      </c>
      <c r="S733" s="53">
        <v>-1809594.29186839</v>
      </c>
      <c r="T733" s="53">
        <v>-1690884.88540312</v>
      </c>
      <c r="U733" s="53">
        <v>-1166346.12468844</v>
      </c>
      <c r="V733" s="53">
        <v>-1099254.126589</v>
      </c>
      <c r="W733" s="53">
        <v>-791380.44074028905</v>
      </c>
      <c r="X733" s="53">
        <v>-93989.687734034305</v>
      </c>
      <c r="Y733" s="53">
        <v>-31188.4516860113</v>
      </c>
      <c r="Z733" s="53"/>
      <c r="AA733" s="53">
        <v>-12351469.106705099</v>
      </c>
      <c r="AB733" s="53">
        <v>-369304.95752416202</v>
      </c>
      <c r="AC733" s="53">
        <v>-1606476.5652300999</v>
      </c>
      <c r="AD733" s="53">
        <v>-1809594.29186839</v>
      </c>
      <c r="AE733" s="53">
        <v>-1883455.2833732199</v>
      </c>
      <c r="AF733" s="53">
        <v>-1809594.29186839</v>
      </c>
      <c r="AG733" s="53">
        <v>-1690884.88540312</v>
      </c>
      <c r="AH733" s="53">
        <v>-1166346.12468844</v>
      </c>
      <c r="AI733" s="53">
        <v>-1099254.126589</v>
      </c>
      <c r="AJ733" s="53">
        <v>-791380.44074028905</v>
      </c>
      <c r="AK733" s="53">
        <v>-93989.687734034305</v>
      </c>
      <c r="AL733" s="53">
        <v>-31188.4516860113</v>
      </c>
      <c r="AM733" s="53"/>
      <c r="AN733" s="53">
        <v>-12351469.106705099</v>
      </c>
      <c r="AO733" s="53">
        <v>-369304.95752416202</v>
      </c>
      <c r="AP733" s="53">
        <v>-1606476.5652300999</v>
      </c>
      <c r="AQ733" s="53">
        <v>-1809594.29186839</v>
      </c>
      <c r="AR733" s="53">
        <v>-1883455.2833732199</v>
      </c>
      <c r="AS733" s="53">
        <v>-1809594.29186839</v>
      </c>
      <c r="AT733" s="53">
        <v>-1690884.88540312</v>
      </c>
      <c r="AU733" s="53">
        <v>-1166346.12468844</v>
      </c>
      <c r="AV733" s="53">
        <v>-1099254.126589</v>
      </c>
      <c r="AW733" s="53">
        <v>-791380.44074028905</v>
      </c>
      <c r="AX733" s="53">
        <v>-93989.687734034305</v>
      </c>
      <c r="AY733" s="53">
        <v>-31188.4516860113</v>
      </c>
      <c r="AZ733" s="53"/>
      <c r="BA733" s="53">
        <v>-12351469.106705099</v>
      </c>
      <c r="BB733" s="53">
        <v>-369304.95752416202</v>
      </c>
      <c r="BC733" s="53">
        <v>-1606476.5652300999</v>
      </c>
      <c r="BD733" s="53">
        <v>-1809594.29186839</v>
      </c>
      <c r="BE733" s="53">
        <v>-1883455.2833732199</v>
      </c>
      <c r="BF733" s="53">
        <v>-1809594.29186839</v>
      </c>
      <c r="BG733" s="53">
        <v>-1690884.88540312</v>
      </c>
      <c r="BH733" s="53">
        <v>-1166346.12468844</v>
      </c>
      <c r="BI733" s="53">
        <v>-1099254.126589</v>
      </c>
      <c r="BJ733" s="53">
        <v>-791380.44074028905</v>
      </c>
      <c r="BK733" s="53">
        <v>-93989.687734034305</v>
      </c>
      <c r="BL733" s="53">
        <v>-31188.4516860113</v>
      </c>
      <c r="BM733" s="53"/>
      <c r="BN733" s="53">
        <v>-12351469.106705099</v>
      </c>
      <c r="BO733" s="53">
        <v>-369304.95752416202</v>
      </c>
      <c r="BP733" s="53">
        <v>-1606476.5652300999</v>
      </c>
      <c r="BQ733" s="53">
        <v>-1809594.29186839</v>
      </c>
      <c r="BR733" s="53">
        <v>-1883455.2833732199</v>
      </c>
      <c r="BS733" s="53">
        <v>-1809594.29186839</v>
      </c>
      <c r="BT733" s="53">
        <v>-1690884.88540312</v>
      </c>
      <c r="BU733" s="53">
        <v>-1166346.12468844</v>
      </c>
      <c r="BV733" s="53">
        <v>-1099254.126589</v>
      </c>
      <c r="BW733" s="53">
        <v>-791380.44074028905</v>
      </c>
      <c r="BX733" s="53">
        <v>-93989.687734034305</v>
      </c>
      <c r="BY733" s="53">
        <v>-31188.4516860113</v>
      </c>
      <c r="BZ733" s="53"/>
      <c r="CA733" s="53">
        <v>-12351469.106705099</v>
      </c>
      <c r="CB733" s="53">
        <v>0</v>
      </c>
      <c r="CC733" s="53">
        <v>0</v>
      </c>
      <c r="CD733" s="53">
        <v>0</v>
      </c>
      <c r="CE733" s="53">
        <v>0</v>
      </c>
      <c r="CF733" s="53">
        <v>0</v>
      </c>
      <c r="CG733" s="53">
        <v>0</v>
      </c>
      <c r="CH733" s="53">
        <v>0</v>
      </c>
      <c r="CI733" s="53">
        <v>0</v>
      </c>
      <c r="CJ733" s="53">
        <v>0</v>
      </c>
      <c r="CK733" s="53">
        <v>0</v>
      </c>
      <c r="CL733" s="53">
        <v>0</v>
      </c>
      <c r="CM733" s="53">
        <v>0</v>
      </c>
      <c r="CN733" s="53">
        <v>0</v>
      </c>
    </row>
    <row r="734" spans="1:92" outlineLevel="1">
      <c r="A734" s="52" t="s">
        <v>1294</v>
      </c>
      <c r="B734" s="53"/>
      <c r="C734" s="53"/>
      <c r="D734" s="53"/>
      <c r="E734" s="53"/>
      <c r="F734" s="53"/>
      <c r="G734" s="53"/>
      <c r="H734" s="53"/>
      <c r="I734" s="53"/>
      <c r="J734" s="53"/>
      <c r="K734" s="53"/>
      <c r="L734" s="53"/>
      <c r="M734" s="53"/>
      <c r="N734" s="53"/>
      <c r="O734" s="53"/>
      <c r="P734" s="53"/>
      <c r="Q734" s="53"/>
      <c r="R734" s="53"/>
      <c r="S734" s="53"/>
      <c r="T734" s="53"/>
      <c r="U734" s="53"/>
      <c r="V734" s="53"/>
      <c r="W734" s="53"/>
      <c r="X734" s="53"/>
      <c r="Y734" s="53"/>
      <c r="Z734" s="53"/>
      <c r="AA734" s="53"/>
      <c r="AB734" s="53"/>
      <c r="AC734" s="53"/>
      <c r="AD734" s="53"/>
      <c r="AE734" s="53"/>
      <c r="AF734" s="53"/>
      <c r="AG734" s="53"/>
      <c r="AH734" s="53"/>
      <c r="AI734" s="53"/>
      <c r="AJ734" s="53"/>
      <c r="AK734" s="53"/>
      <c r="AL734" s="53"/>
      <c r="AM734" s="53"/>
      <c r="AN734" s="53"/>
      <c r="AO734" s="53"/>
      <c r="AP734" s="53"/>
      <c r="AQ734" s="53"/>
      <c r="AR734" s="53"/>
      <c r="AS734" s="53"/>
      <c r="AT734" s="53"/>
      <c r="AU734" s="53"/>
      <c r="AV734" s="53"/>
      <c r="AW734" s="53"/>
      <c r="AX734" s="53"/>
      <c r="AY734" s="53"/>
      <c r="AZ734" s="53"/>
      <c r="BA734" s="53"/>
      <c r="BB734" s="53"/>
      <c r="BC734" s="53"/>
      <c r="BD734" s="53"/>
      <c r="BE734" s="53"/>
      <c r="BF734" s="53"/>
      <c r="BG734" s="53"/>
      <c r="BH734" s="53"/>
      <c r="BI734" s="53"/>
      <c r="BJ734" s="53"/>
      <c r="BK734" s="53"/>
      <c r="BL734" s="53"/>
      <c r="BM734" s="53"/>
      <c r="BN734" s="53"/>
      <c r="BO734" s="53"/>
      <c r="BP734" s="53"/>
      <c r="BQ734" s="53"/>
      <c r="BR734" s="53"/>
      <c r="BS734" s="53"/>
      <c r="BT734" s="53"/>
      <c r="BU734" s="53"/>
      <c r="BV734" s="53"/>
      <c r="BW734" s="53"/>
      <c r="BX734" s="53"/>
      <c r="BY734" s="53"/>
      <c r="BZ734" s="53"/>
      <c r="CA734" s="53"/>
      <c r="CB734" s="53">
        <v>0</v>
      </c>
      <c r="CC734" s="53">
        <v>0</v>
      </c>
      <c r="CD734" s="53">
        <v>0</v>
      </c>
      <c r="CE734" s="53">
        <v>0</v>
      </c>
      <c r="CF734" s="53">
        <v>0</v>
      </c>
      <c r="CG734" s="53">
        <v>0</v>
      </c>
      <c r="CH734" s="53">
        <v>0</v>
      </c>
      <c r="CI734" s="53">
        <v>0</v>
      </c>
      <c r="CJ734" s="53">
        <v>0</v>
      </c>
      <c r="CK734" s="53">
        <v>0</v>
      </c>
      <c r="CL734" s="53">
        <v>0</v>
      </c>
      <c r="CM734" s="53">
        <v>0</v>
      </c>
      <c r="CN734" s="53">
        <v>0</v>
      </c>
    </row>
    <row r="735" spans="1:92" outlineLevel="1">
      <c r="A735" s="52" t="s">
        <v>649</v>
      </c>
      <c r="B735" s="53"/>
      <c r="C735" s="53"/>
      <c r="D735" s="53"/>
      <c r="E735" s="53"/>
      <c r="F735" s="53"/>
      <c r="G735" s="53"/>
      <c r="H735" s="53"/>
      <c r="I735" s="53"/>
      <c r="J735" s="53"/>
      <c r="K735" s="53"/>
      <c r="L735" s="53"/>
      <c r="M735" s="53"/>
      <c r="N735" s="53"/>
      <c r="O735" s="53">
        <v>13011993.853433199</v>
      </c>
      <c r="P735" s="53"/>
      <c r="Q735" s="53"/>
      <c r="R735" s="53"/>
      <c r="S735" s="53"/>
      <c r="T735" s="53"/>
      <c r="U735" s="53"/>
      <c r="V735" s="53"/>
      <c r="W735" s="53"/>
      <c r="X735" s="53"/>
      <c r="Y735" s="53"/>
      <c r="Z735" s="53"/>
      <c r="AA735" s="53">
        <v>13011993.853433199</v>
      </c>
      <c r="AB735" s="53"/>
      <c r="AC735" s="53"/>
      <c r="AD735" s="53"/>
      <c r="AE735" s="53"/>
      <c r="AF735" s="53"/>
      <c r="AG735" s="53"/>
      <c r="AH735" s="53"/>
      <c r="AI735" s="53"/>
      <c r="AJ735" s="53"/>
      <c r="AK735" s="53"/>
      <c r="AL735" s="53"/>
      <c r="AM735" s="53"/>
      <c r="AN735" s="53"/>
      <c r="AO735" s="53"/>
      <c r="AP735" s="53"/>
      <c r="AQ735" s="53"/>
      <c r="AR735" s="53"/>
      <c r="AS735" s="53"/>
      <c r="AT735" s="53"/>
      <c r="AU735" s="53"/>
      <c r="AV735" s="53"/>
      <c r="AW735" s="53"/>
      <c r="AX735" s="53"/>
      <c r="AY735" s="53"/>
      <c r="AZ735" s="53"/>
      <c r="BA735" s="53"/>
      <c r="BB735" s="53"/>
      <c r="BC735" s="53"/>
      <c r="BD735" s="53"/>
      <c r="BE735" s="53"/>
      <c r="BF735" s="53"/>
      <c r="BG735" s="53"/>
      <c r="BH735" s="53"/>
      <c r="BI735" s="53"/>
      <c r="BJ735" s="53"/>
      <c r="BK735" s="53"/>
      <c r="BL735" s="53"/>
      <c r="BM735" s="53"/>
      <c r="BN735" s="53"/>
      <c r="BO735" s="53"/>
      <c r="BP735" s="53"/>
      <c r="BQ735" s="53"/>
      <c r="BR735" s="53"/>
      <c r="BS735" s="53"/>
      <c r="BT735" s="53"/>
      <c r="BU735" s="53"/>
      <c r="BV735" s="53"/>
      <c r="BW735" s="53"/>
      <c r="BX735" s="53"/>
      <c r="BY735" s="53"/>
      <c r="BZ735" s="53"/>
      <c r="CA735" s="53"/>
      <c r="CB735" s="53">
        <v>0</v>
      </c>
      <c r="CC735" s="53">
        <v>0</v>
      </c>
      <c r="CD735" s="53">
        <v>0</v>
      </c>
      <c r="CE735" s="53">
        <v>0</v>
      </c>
      <c r="CF735" s="53">
        <v>0</v>
      </c>
      <c r="CG735" s="53">
        <v>0</v>
      </c>
      <c r="CH735" s="53">
        <v>0</v>
      </c>
      <c r="CI735" s="53">
        <v>0</v>
      </c>
      <c r="CJ735" s="53">
        <v>0</v>
      </c>
      <c r="CK735" s="53">
        <v>0</v>
      </c>
      <c r="CL735" s="53">
        <v>0</v>
      </c>
      <c r="CM735" s="53">
        <v>0</v>
      </c>
      <c r="CN735" s="53">
        <v>0</v>
      </c>
    </row>
    <row r="736" spans="1:92" outlineLevel="1">
      <c r="A736" s="52" t="s">
        <v>1289</v>
      </c>
      <c r="B736" s="53"/>
      <c r="C736" s="53"/>
      <c r="D736" s="53"/>
      <c r="E736" s="53"/>
      <c r="F736" s="53"/>
      <c r="G736" s="53"/>
      <c r="H736" s="53"/>
      <c r="I736" s="53"/>
      <c r="J736" s="53"/>
      <c r="K736" s="53"/>
      <c r="L736" s="53"/>
      <c r="M736" s="53"/>
      <c r="N736" s="53"/>
      <c r="O736" s="53"/>
      <c r="P736" s="53"/>
      <c r="Q736" s="53"/>
      <c r="R736" s="53"/>
      <c r="S736" s="53"/>
      <c r="T736" s="53"/>
      <c r="U736" s="53"/>
      <c r="V736" s="53"/>
      <c r="W736" s="53"/>
      <c r="X736" s="53"/>
      <c r="Y736" s="53"/>
      <c r="Z736" s="53"/>
      <c r="AA736" s="53"/>
      <c r="AB736" s="53"/>
      <c r="AC736" s="53"/>
      <c r="AD736" s="53"/>
      <c r="AE736" s="53"/>
      <c r="AF736" s="53"/>
      <c r="AG736" s="53"/>
      <c r="AH736" s="53"/>
      <c r="AI736" s="53"/>
      <c r="AJ736" s="53"/>
      <c r="AK736" s="53"/>
      <c r="AL736" s="53"/>
      <c r="AM736" s="53"/>
      <c r="AN736" s="53"/>
      <c r="AO736" s="53"/>
      <c r="AP736" s="53"/>
      <c r="AQ736" s="53"/>
      <c r="AR736" s="53"/>
      <c r="AS736" s="53"/>
      <c r="AT736" s="53"/>
      <c r="AU736" s="53"/>
      <c r="AV736" s="53"/>
      <c r="AW736" s="53"/>
      <c r="AX736" s="53"/>
      <c r="AY736" s="53"/>
      <c r="AZ736" s="53"/>
      <c r="BA736" s="53"/>
      <c r="BB736" s="53"/>
      <c r="BC736" s="53"/>
      <c r="BD736" s="53"/>
      <c r="BE736" s="53"/>
      <c r="BF736" s="53"/>
      <c r="BG736" s="53"/>
      <c r="BH736" s="53"/>
      <c r="BI736" s="53"/>
      <c r="BJ736" s="53"/>
      <c r="BK736" s="53"/>
      <c r="BL736" s="53"/>
      <c r="BM736" s="53"/>
      <c r="BN736" s="53"/>
      <c r="BO736" s="53"/>
      <c r="BP736" s="53"/>
      <c r="BQ736" s="53"/>
      <c r="BR736" s="53"/>
      <c r="BS736" s="53"/>
      <c r="BT736" s="53"/>
      <c r="BU736" s="53"/>
      <c r="BV736" s="53"/>
      <c r="BW736" s="53"/>
      <c r="BX736" s="53"/>
      <c r="BY736" s="53"/>
      <c r="BZ736" s="53"/>
      <c r="CA736" s="53"/>
      <c r="CB736" s="53">
        <v>739619629.08832002</v>
      </c>
      <c r="CC736" s="53">
        <v>835117654.68882</v>
      </c>
      <c r="CD736" s="53">
        <v>941966817.06547594</v>
      </c>
      <c r="CE736" s="53">
        <v>996767619.32139897</v>
      </c>
      <c r="CF736" s="53">
        <v>1127469915.0814199</v>
      </c>
      <c r="CG736" s="53">
        <v>1252515103.0880599</v>
      </c>
      <c r="CH736" s="53">
        <v>905834891.62454498</v>
      </c>
      <c r="CI736" s="53">
        <v>1008525676.67957</v>
      </c>
      <c r="CJ736" s="53">
        <v>1108587248.1431401</v>
      </c>
      <c r="CK736" s="53">
        <v>1132564654.8011501</v>
      </c>
      <c r="CL736" s="53">
        <v>1242262179.5235901</v>
      </c>
      <c r="CM736" s="53">
        <v>1307236562.24809</v>
      </c>
      <c r="CN736" s="53">
        <v>739619629.08832002</v>
      </c>
    </row>
    <row r="737" spans="1:92" outlineLevel="1">
      <c r="A737" s="52" t="s">
        <v>649</v>
      </c>
      <c r="B737" s="53">
        <v>-166666.66666666701</v>
      </c>
      <c r="C737" s="53">
        <v>-166666.66666666701</v>
      </c>
      <c r="D737" s="53">
        <v>-166666.66666666701</v>
      </c>
      <c r="E737" s="53">
        <v>-166666.66666666701</v>
      </c>
      <c r="F737" s="53">
        <v>-166666.66666666701</v>
      </c>
      <c r="G737" s="53">
        <v>-166666.66666666701</v>
      </c>
      <c r="H737" s="53">
        <v>-166666.66666666701</v>
      </c>
      <c r="I737" s="53">
        <v>-166666.66666666701</v>
      </c>
      <c r="J737" s="53">
        <v>-166666.66666666701</v>
      </c>
      <c r="K737" s="53">
        <v>-166666.66666666701</v>
      </c>
      <c r="L737" s="53">
        <v>-166666.66666666701</v>
      </c>
      <c r="M737" s="53">
        <v>-166666.66666666701</v>
      </c>
      <c r="N737" s="53">
        <v>-2000000</v>
      </c>
      <c r="O737" s="53">
        <v>-13011993.853433199</v>
      </c>
      <c r="P737" s="53"/>
      <c r="Q737" s="53"/>
      <c r="R737" s="53"/>
      <c r="S737" s="53"/>
      <c r="T737" s="53"/>
      <c r="U737" s="53"/>
      <c r="V737" s="53"/>
      <c r="W737" s="53"/>
      <c r="X737" s="53"/>
      <c r="Y737" s="53"/>
      <c r="Z737" s="53"/>
      <c r="AA737" s="53">
        <v>-13011993.853433199</v>
      </c>
      <c r="AB737" s="53"/>
      <c r="AC737" s="53"/>
      <c r="AD737" s="53"/>
      <c r="AE737" s="53"/>
      <c r="AF737" s="53"/>
      <c r="AG737" s="53"/>
      <c r="AH737" s="53"/>
      <c r="AI737" s="53"/>
      <c r="AJ737" s="53"/>
      <c r="AK737" s="53"/>
      <c r="AL737" s="53"/>
      <c r="AM737" s="53"/>
      <c r="AN737" s="53"/>
      <c r="AO737" s="53"/>
      <c r="AP737" s="53"/>
      <c r="AQ737" s="53"/>
      <c r="AR737" s="53"/>
      <c r="AS737" s="53"/>
      <c r="AT737" s="53"/>
      <c r="AU737" s="53"/>
      <c r="AV737" s="53"/>
      <c r="AW737" s="53"/>
      <c r="AX737" s="53"/>
      <c r="AY737" s="53"/>
      <c r="AZ737" s="53"/>
      <c r="BA737" s="53"/>
      <c r="BB737" s="53"/>
      <c r="BC737" s="53"/>
      <c r="BD737" s="53"/>
      <c r="BE737" s="53"/>
      <c r="BF737" s="53"/>
      <c r="BG737" s="53"/>
      <c r="BH737" s="53"/>
      <c r="BI737" s="53"/>
      <c r="BJ737" s="53"/>
      <c r="BK737" s="53"/>
      <c r="BL737" s="53"/>
      <c r="BM737" s="53"/>
      <c r="BN737" s="53"/>
      <c r="BO737" s="53"/>
      <c r="BP737" s="53"/>
      <c r="BQ737" s="53"/>
      <c r="BR737" s="53"/>
      <c r="BS737" s="53"/>
      <c r="BT737" s="53"/>
      <c r="BU737" s="53"/>
      <c r="BV737" s="53"/>
      <c r="BW737" s="53"/>
      <c r="BX737" s="53"/>
      <c r="BY737" s="53"/>
      <c r="BZ737" s="53"/>
      <c r="CA737" s="53"/>
      <c r="CB737" s="53"/>
      <c r="CC737" s="53"/>
      <c r="CD737" s="53"/>
      <c r="CE737" s="53"/>
      <c r="CF737" s="53"/>
      <c r="CG737" s="53"/>
      <c r="CH737" s="53"/>
      <c r="CI737" s="53"/>
      <c r="CJ737" s="53"/>
      <c r="CK737" s="53"/>
      <c r="CL737" s="53"/>
      <c r="CM737" s="53"/>
      <c r="CN737" s="53"/>
    </row>
    <row r="738" spans="1:92" outlineLevel="1">
      <c r="A738" s="52" t="s">
        <v>1287</v>
      </c>
      <c r="B738" s="53"/>
      <c r="C738" s="53"/>
      <c r="D738" s="53"/>
      <c r="E738" s="53"/>
      <c r="F738" s="53"/>
      <c r="G738" s="53"/>
      <c r="H738" s="53"/>
      <c r="I738" s="53"/>
      <c r="J738" s="53"/>
      <c r="K738" s="53"/>
      <c r="L738" s="53"/>
      <c r="M738" s="53"/>
      <c r="N738" s="53"/>
      <c r="O738" s="53"/>
      <c r="P738" s="53"/>
      <c r="Q738" s="53"/>
      <c r="R738" s="53"/>
      <c r="S738" s="53"/>
      <c r="T738" s="53"/>
      <c r="U738" s="53"/>
      <c r="V738" s="53"/>
      <c r="W738" s="53"/>
      <c r="X738" s="53"/>
      <c r="Y738" s="53"/>
      <c r="Z738" s="53"/>
      <c r="AA738" s="53"/>
      <c r="AB738" s="53"/>
      <c r="AC738" s="53"/>
      <c r="AD738" s="53"/>
      <c r="AE738" s="53"/>
      <c r="AF738" s="53"/>
      <c r="AG738" s="53"/>
      <c r="AH738" s="53"/>
      <c r="AI738" s="53"/>
      <c r="AJ738" s="53"/>
      <c r="AK738" s="53"/>
      <c r="AL738" s="53"/>
      <c r="AM738" s="53"/>
      <c r="AN738" s="53"/>
      <c r="AO738" s="53"/>
      <c r="AP738" s="53"/>
      <c r="AQ738" s="53"/>
      <c r="AR738" s="53"/>
      <c r="AS738" s="53"/>
      <c r="AT738" s="53"/>
      <c r="AU738" s="53"/>
      <c r="AV738" s="53"/>
      <c r="AW738" s="53"/>
      <c r="AX738" s="53"/>
      <c r="AY738" s="53"/>
      <c r="AZ738" s="53"/>
      <c r="BA738" s="53"/>
      <c r="BB738" s="53"/>
      <c r="BC738" s="53"/>
      <c r="BD738" s="53"/>
      <c r="BE738" s="53"/>
      <c r="BF738" s="53"/>
      <c r="BG738" s="53"/>
      <c r="BH738" s="53"/>
      <c r="BI738" s="53"/>
      <c r="BJ738" s="53"/>
      <c r="BK738" s="53"/>
      <c r="BL738" s="53"/>
      <c r="BM738" s="53"/>
      <c r="BN738" s="53"/>
      <c r="BO738" s="53"/>
      <c r="BP738" s="53"/>
      <c r="BQ738" s="53"/>
      <c r="BR738" s="53"/>
      <c r="BS738" s="53"/>
      <c r="BT738" s="53"/>
      <c r="BU738" s="53"/>
      <c r="BV738" s="53"/>
      <c r="BW738" s="53"/>
      <c r="BX738" s="53"/>
      <c r="BY738" s="53"/>
      <c r="BZ738" s="53"/>
      <c r="CA738" s="53"/>
      <c r="CB738" s="53"/>
      <c r="CC738" s="53"/>
      <c r="CD738" s="53"/>
      <c r="CE738" s="53"/>
      <c r="CF738" s="53"/>
      <c r="CG738" s="53"/>
      <c r="CH738" s="53"/>
      <c r="CI738" s="53"/>
      <c r="CJ738" s="53"/>
      <c r="CK738" s="53"/>
      <c r="CL738" s="53"/>
      <c r="CM738" s="53"/>
      <c r="CN738" s="53"/>
    </row>
    <row r="739" spans="1:92" outlineLevel="1">
      <c r="A739" s="52" t="s">
        <v>649</v>
      </c>
      <c r="B739" s="53">
        <v>-16854.599999999999</v>
      </c>
      <c r="C739" s="53">
        <v>-8567.7999999999993</v>
      </c>
      <c r="D739" s="53">
        <v>-1641.6</v>
      </c>
      <c r="E739" s="53">
        <v>-4957</v>
      </c>
      <c r="F739" s="53">
        <v>-16777.400000000001</v>
      </c>
      <c r="G739" s="53">
        <v>395.1</v>
      </c>
      <c r="H739" s="53">
        <v>113.6</v>
      </c>
      <c r="I739" s="53">
        <v>-455.2</v>
      </c>
      <c r="J739" s="53">
        <v>-2129</v>
      </c>
      <c r="K739" s="53">
        <v>-1834.8999999999901</v>
      </c>
      <c r="L739" s="53">
        <v>-8.6969565163599292</v>
      </c>
      <c r="M739" s="53">
        <v>-6925.2</v>
      </c>
      <c r="N739" s="53">
        <v>-59642.696956516302</v>
      </c>
      <c r="O739" s="53">
        <v>26972252.3807608</v>
      </c>
      <c r="P739" s="53">
        <v>12342.963667496701</v>
      </c>
      <c r="Q739" s="53">
        <v>107477.202463333</v>
      </c>
      <c r="R739" s="53">
        <v>107264.92164589401</v>
      </c>
      <c r="S739" s="53">
        <v>87254.804872237801</v>
      </c>
      <c r="T739" s="53">
        <v>56618.983309157898</v>
      </c>
      <c r="U739" s="53">
        <v>66423.5662530962</v>
      </c>
      <c r="V739" s="53">
        <v>57434.5205439364</v>
      </c>
      <c r="W739" s="53">
        <v>58357.588991040197</v>
      </c>
      <c r="X739" s="53">
        <v>76317.635634432503</v>
      </c>
      <c r="Y739" s="53">
        <v>-8353.6205669180599</v>
      </c>
      <c r="Z739" s="53">
        <v>-9266.0006087423099</v>
      </c>
      <c r="AA739" s="53">
        <v>27584124.946965698</v>
      </c>
      <c r="AB739" s="53">
        <v>19566.449826817901</v>
      </c>
      <c r="AC739" s="53">
        <v>33703.264818216499</v>
      </c>
      <c r="AD739" s="53">
        <v>-35567.587871606302</v>
      </c>
      <c r="AE739" s="53">
        <v>5642.2607364955602</v>
      </c>
      <c r="AF739" s="53">
        <v>-60900.837342934603</v>
      </c>
      <c r="AG739" s="53">
        <v>-73746.685166889001</v>
      </c>
      <c r="AH739" s="53">
        <v>-26884.298339926499</v>
      </c>
      <c r="AI739" s="53">
        <v>77031.902905713301</v>
      </c>
      <c r="AJ739" s="53">
        <v>44708.705025899697</v>
      </c>
      <c r="AK739" s="53">
        <v>53810.013761321403</v>
      </c>
      <c r="AL739" s="53">
        <v>-5011.6688384317404</v>
      </c>
      <c r="AM739" s="53">
        <v>-22556.548018615998</v>
      </c>
      <c r="AN739" s="53">
        <v>9794.9714960601395</v>
      </c>
      <c r="AO739" s="53">
        <v>-16592.636564938301</v>
      </c>
      <c r="AP739" s="53">
        <v>-24403.5073785116</v>
      </c>
      <c r="AQ739" s="53">
        <v>-84752.463028330603</v>
      </c>
      <c r="AR739" s="53">
        <v>-44264.936813268498</v>
      </c>
      <c r="AS739" s="53">
        <v>-94468.629338087398</v>
      </c>
      <c r="AT739" s="53">
        <v>-103709.355246443</v>
      </c>
      <c r="AU739" s="53">
        <v>-56280.2952303407</v>
      </c>
      <c r="AV739" s="53">
        <v>70896.193023423199</v>
      </c>
      <c r="AW739" s="53">
        <v>43270.8060995552</v>
      </c>
      <c r="AX739" s="53">
        <v>13107.5833478512</v>
      </c>
      <c r="AY739" s="53">
        <v>-18262.825693200899</v>
      </c>
      <c r="AZ739" s="53">
        <v>-20087.004303966602</v>
      </c>
      <c r="BA739" s="53">
        <v>-335547.071126258</v>
      </c>
      <c r="BB739" s="53">
        <v>-15829.759425570999</v>
      </c>
      <c r="BC739" s="53">
        <v>-20453.762957928098</v>
      </c>
      <c r="BD739" s="53">
        <v>-58907.947855812403</v>
      </c>
      <c r="BE739" s="53">
        <v>-32315.685607551099</v>
      </c>
      <c r="BF739" s="53">
        <v>-79736.355696440995</v>
      </c>
      <c r="BG739" s="53">
        <v>-76219.210612762297</v>
      </c>
      <c r="BH739" s="53">
        <v>-44241.617582025399</v>
      </c>
      <c r="BI739" s="53">
        <v>93594.184419023804</v>
      </c>
      <c r="BJ739" s="53">
        <v>82810.495379220796</v>
      </c>
      <c r="BK739" s="53">
        <v>49982.634886036998</v>
      </c>
      <c r="BL739" s="53">
        <v>23808.6058711197</v>
      </c>
      <c r="BM739" s="53">
        <v>21308.695381128899</v>
      </c>
      <c r="BN739" s="53">
        <v>-56199.7238015611</v>
      </c>
      <c r="BO739" s="53">
        <v>10423.2427628449</v>
      </c>
      <c r="BP739" s="53">
        <v>597.35156434180703</v>
      </c>
      <c r="BQ739" s="53">
        <v>-23318.967840968999</v>
      </c>
      <c r="BR739" s="53">
        <v>-15157.073525915501</v>
      </c>
      <c r="BS739" s="53">
        <v>-49889.174690979402</v>
      </c>
      <c r="BT739" s="53">
        <v>-41408.2619443652</v>
      </c>
      <c r="BU739" s="53">
        <v>-32623.451761930399</v>
      </c>
      <c r="BV739" s="53">
        <v>114032.39609742</v>
      </c>
      <c r="BW739" s="53">
        <v>102229.043502389</v>
      </c>
      <c r="BX739" s="53">
        <v>66725.321171368705</v>
      </c>
      <c r="BY739" s="53">
        <v>47441.8958135211</v>
      </c>
      <c r="BZ739" s="53">
        <v>45557.996967385399</v>
      </c>
      <c r="CA739" s="53">
        <v>224610.31811511199</v>
      </c>
      <c r="CB739" s="53"/>
      <c r="CC739" s="53"/>
      <c r="CD739" s="53"/>
      <c r="CE739" s="53"/>
      <c r="CF739" s="53"/>
      <c r="CG739" s="53"/>
      <c r="CH739" s="53"/>
      <c r="CI739" s="53"/>
      <c r="CJ739" s="53"/>
      <c r="CK739" s="53"/>
      <c r="CL739" s="53"/>
      <c r="CM739" s="53"/>
      <c r="CN739" s="53"/>
    </row>
    <row r="740" spans="1:92" outlineLevel="1">
      <c r="A740" s="52" t="s">
        <v>1291</v>
      </c>
      <c r="B740" s="53"/>
      <c r="C740" s="53"/>
      <c r="D740" s="53"/>
      <c r="E740" s="53"/>
      <c r="F740" s="53"/>
      <c r="G740" s="53"/>
      <c r="H740" s="53"/>
      <c r="I740" s="53"/>
      <c r="J740" s="53"/>
      <c r="K740" s="53"/>
      <c r="L740" s="53"/>
      <c r="M740" s="53"/>
      <c r="N740" s="53"/>
      <c r="O740" s="53"/>
      <c r="P740" s="53"/>
      <c r="Q740" s="53"/>
      <c r="R740" s="53"/>
      <c r="S740" s="53"/>
      <c r="T740" s="53"/>
      <c r="U740" s="53"/>
      <c r="V740" s="53"/>
      <c r="W740" s="53"/>
      <c r="X740" s="53"/>
      <c r="Y740" s="53"/>
      <c r="Z740" s="53"/>
      <c r="AA740" s="53"/>
      <c r="AB740" s="53"/>
      <c r="AC740" s="53"/>
      <c r="AD740" s="53"/>
      <c r="AE740" s="53"/>
      <c r="AF740" s="53"/>
      <c r="AG740" s="53"/>
      <c r="AH740" s="53"/>
      <c r="AI740" s="53"/>
      <c r="AJ740" s="53"/>
      <c r="AK740" s="53"/>
      <c r="AL740" s="53"/>
      <c r="AM740" s="53"/>
      <c r="AN740" s="53"/>
      <c r="AO740" s="53"/>
      <c r="AP740" s="53"/>
      <c r="AQ740" s="53"/>
      <c r="AR740" s="53"/>
      <c r="AS740" s="53"/>
      <c r="AT740" s="53"/>
      <c r="AU740" s="53"/>
      <c r="AV740" s="53"/>
      <c r="AW740" s="53"/>
      <c r="AX740" s="53"/>
      <c r="AY740" s="53"/>
      <c r="AZ740" s="53"/>
      <c r="BA740" s="53"/>
      <c r="BB740" s="53"/>
      <c r="BC740" s="53"/>
      <c r="BD740" s="53"/>
      <c r="BE740" s="53"/>
      <c r="BF740" s="53"/>
      <c r="BG740" s="53"/>
      <c r="BH740" s="53"/>
      <c r="BI740" s="53"/>
      <c r="BJ740" s="53"/>
      <c r="BK740" s="53"/>
      <c r="BL740" s="53"/>
      <c r="BM740" s="53"/>
      <c r="BN740" s="53"/>
      <c r="BO740" s="53"/>
      <c r="BP740" s="53"/>
      <c r="BQ740" s="53"/>
      <c r="BR740" s="53"/>
      <c r="BS740" s="53"/>
      <c r="BT740" s="53"/>
      <c r="BU740" s="53"/>
      <c r="BV740" s="53"/>
      <c r="BW740" s="53"/>
      <c r="BX740" s="53"/>
      <c r="BY740" s="53"/>
      <c r="BZ740" s="53"/>
      <c r="CA740" s="53"/>
      <c r="CB740" s="53">
        <v>178502438.62806401</v>
      </c>
      <c r="CC740" s="53">
        <v>185488636.70307001</v>
      </c>
      <c r="CD740" s="53">
        <v>194467810.897338</v>
      </c>
      <c r="CE740" s="53">
        <v>193395135.70660901</v>
      </c>
      <c r="CF740" s="53">
        <v>187059522.40719801</v>
      </c>
      <c r="CG740" s="53">
        <v>185311890.88675901</v>
      </c>
      <c r="CH740" s="53">
        <v>186416723.08498701</v>
      </c>
      <c r="CI740" s="53">
        <v>179849285.500512</v>
      </c>
      <c r="CJ740" s="53">
        <v>179416046.421179</v>
      </c>
      <c r="CK740" s="53">
        <v>188962250.19789001</v>
      </c>
      <c r="CL740" s="53">
        <v>184083397.35656899</v>
      </c>
      <c r="CM740" s="53">
        <v>180784482.630752</v>
      </c>
      <c r="CN740" s="53">
        <v>2223737620.4209299</v>
      </c>
    </row>
    <row r="741" spans="1:92" outlineLevel="1">
      <c r="A741" s="52" t="s">
        <v>649</v>
      </c>
      <c r="B741" s="53">
        <v>-720000.74046040897</v>
      </c>
      <c r="C741" s="53">
        <v>-720000.74046040897</v>
      </c>
      <c r="D741" s="53">
        <v>-720000.74046040897</v>
      </c>
      <c r="E741" s="53">
        <v>-720000.74046040897</v>
      </c>
      <c r="F741" s="53">
        <v>-720000.74046040897</v>
      </c>
      <c r="G741" s="53">
        <v>-720000.74046040897</v>
      </c>
      <c r="H741" s="53">
        <v>-720000.74046040897</v>
      </c>
      <c r="I741" s="53">
        <v>-720000.74046040897</v>
      </c>
      <c r="J741" s="53">
        <v>-720000.74046040897</v>
      </c>
      <c r="K741" s="53">
        <v>-720000.74046040897</v>
      </c>
      <c r="L741" s="53">
        <v>-720000.74046040897</v>
      </c>
      <c r="M741" s="53">
        <v>-720000.74046040897</v>
      </c>
      <c r="N741" s="53">
        <v>-8640008.8855249099</v>
      </c>
      <c r="O741" s="53">
        <v>-837739.11872719799</v>
      </c>
      <c r="P741" s="53">
        <v>14366131.421122599</v>
      </c>
      <c r="Q741" s="53">
        <v>6636112.9663426802</v>
      </c>
      <c r="R741" s="53">
        <v>-17382.418596622301</v>
      </c>
      <c r="S741" s="53">
        <v>-1320420.1621185499</v>
      </c>
      <c r="T741" s="53">
        <v>-1222762.59542939</v>
      </c>
      <c r="U741" s="53">
        <v>-1246933.72720965</v>
      </c>
      <c r="V741" s="53">
        <v>-1198618.65355461</v>
      </c>
      <c r="W741" s="53">
        <v>-816607.97157991305</v>
      </c>
      <c r="X741" s="53">
        <v>-78969.734516533194</v>
      </c>
      <c r="Y741" s="53"/>
      <c r="Z741" s="53"/>
      <c r="AA741" s="53">
        <v>14262810.005732801</v>
      </c>
      <c r="AB741" s="53">
        <v>-159396.98351845299</v>
      </c>
      <c r="AC741" s="53">
        <v>-7655.8406842814302</v>
      </c>
      <c r="AD741" s="53"/>
      <c r="AE741" s="53">
        <v>-97255.291564477404</v>
      </c>
      <c r="AF741" s="53">
        <v>-776917.36263051303</v>
      </c>
      <c r="AG741" s="53">
        <v>-738188.55743353197</v>
      </c>
      <c r="AH741" s="53">
        <v>-708003.12641932396</v>
      </c>
      <c r="AI741" s="53">
        <v>-812705.60911089601</v>
      </c>
      <c r="AJ741" s="53">
        <v>-406740.82915997098</v>
      </c>
      <c r="AK741" s="53">
        <v>-183173.97711180101</v>
      </c>
      <c r="AL741" s="53">
        <v>-267465.69639317802</v>
      </c>
      <c r="AM741" s="53"/>
      <c r="AN741" s="53">
        <v>-4157503.27402642</v>
      </c>
      <c r="AO741" s="53">
        <v>-31914.462826986</v>
      </c>
      <c r="AP741" s="53">
        <v>-8623.9390217233395</v>
      </c>
      <c r="AQ741" s="53">
        <v>-321708.75747491699</v>
      </c>
      <c r="AR741" s="53">
        <v>-149778.38290843501</v>
      </c>
      <c r="AS741" s="53">
        <v>-340894.52444876998</v>
      </c>
      <c r="AT741" s="53">
        <v>-351551.61753155699</v>
      </c>
      <c r="AU741" s="53">
        <v>-330216.15992824099</v>
      </c>
      <c r="AV741" s="53">
        <v>-231424.09819176799</v>
      </c>
      <c r="AW741" s="53">
        <v>-217062.36264681499</v>
      </c>
      <c r="AX741" s="53">
        <v>-114785.01584178599</v>
      </c>
      <c r="AY741" s="53"/>
      <c r="AZ741" s="53"/>
      <c r="BA741" s="53">
        <v>-2097959.32082099</v>
      </c>
      <c r="BB741" s="53">
        <v>-54835.355413437399</v>
      </c>
      <c r="BC741" s="53">
        <v>-5999.9016805231804</v>
      </c>
      <c r="BD741" s="53"/>
      <c r="BE741" s="53">
        <v>-3534.66142005345</v>
      </c>
      <c r="BF741" s="53">
        <v>-446186.69961813401</v>
      </c>
      <c r="BG741" s="53">
        <v>-457606.463671531</v>
      </c>
      <c r="BH741" s="53">
        <v>-439080.89468070801</v>
      </c>
      <c r="BI741" s="53">
        <v>-401082.65208509698</v>
      </c>
      <c r="BJ741" s="53">
        <v>-342254.75542270602</v>
      </c>
      <c r="BK741" s="53">
        <v>-377762.24580325698</v>
      </c>
      <c r="BL741" s="53">
        <v>-108007.46336428</v>
      </c>
      <c r="BM741" s="53"/>
      <c r="BN741" s="53">
        <v>-2636351.0931597198</v>
      </c>
      <c r="BO741" s="53">
        <v>-42811.950860384997</v>
      </c>
      <c r="BP741" s="53">
        <v>-21507.163226604502</v>
      </c>
      <c r="BQ741" s="53">
        <v>-201253.810403068</v>
      </c>
      <c r="BR741" s="53">
        <v>-2741.34073271125</v>
      </c>
      <c r="BS741" s="53">
        <v>-289003.657767025</v>
      </c>
      <c r="BT741" s="53">
        <v>-285680.66946936602</v>
      </c>
      <c r="BU741" s="53">
        <v>-288034.81392021099</v>
      </c>
      <c r="BV741" s="53">
        <v>-251776.877214943</v>
      </c>
      <c r="BW741" s="53">
        <v>-225111.941258292</v>
      </c>
      <c r="BX741" s="53">
        <v>-167914.45636721599</v>
      </c>
      <c r="BY741" s="53"/>
      <c r="BZ741" s="53">
        <v>-4270.7639702566703</v>
      </c>
      <c r="CA741" s="53">
        <v>-1780107.44519007</v>
      </c>
      <c r="CB741" s="53"/>
      <c r="CC741" s="53"/>
      <c r="CD741" s="53"/>
      <c r="CE741" s="53"/>
      <c r="CF741" s="53"/>
      <c r="CG741" s="53"/>
      <c r="CH741" s="53"/>
      <c r="CI741" s="53"/>
      <c r="CJ741" s="53"/>
      <c r="CK741" s="53"/>
      <c r="CL741" s="53"/>
      <c r="CM741" s="53"/>
      <c r="CN741" s="53"/>
    </row>
    <row r="742" spans="1:92" outlineLevel="1">
      <c r="A742" s="52" t="s">
        <v>1292</v>
      </c>
      <c r="B742" s="53"/>
      <c r="C742" s="53"/>
      <c r="D742" s="53"/>
      <c r="E742" s="53"/>
      <c r="F742" s="53"/>
      <c r="G742" s="53"/>
      <c r="H742" s="53"/>
      <c r="I742" s="53"/>
      <c r="J742" s="53"/>
      <c r="K742" s="53"/>
      <c r="L742" s="53"/>
      <c r="M742" s="53"/>
      <c r="N742" s="53"/>
      <c r="O742" s="53"/>
      <c r="P742" s="53"/>
      <c r="Q742" s="53"/>
      <c r="R742" s="53"/>
      <c r="S742" s="53"/>
      <c r="T742" s="53"/>
      <c r="U742" s="53"/>
      <c r="V742" s="53"/>
      <c r="W742" s="53"/>
      <c r="X742" s="53"/>
      <c r="Y742" s="53"/>
      <c r="Z742" s="53"/>
      <c r="AA742" s="53"/>
      <c r="AB742" s="53"/>
      <c r="AC742" s="53"/>
      <c r="AD742" s="53"/>
      <c r="AE742" s="53"/>
      <c r="AF742" s="53"/>
      <c r="AG742" s="53"/>
      <c r="AH742" s="53"/>
      <c r="AI742" s="53"/>
      <c r="AJ742" s="53"/>
      <c r="AK742" s="53"/>
      <c r="AL742" s="53"/>
      <c r="AM742" s="53"/>
      <c r="AN742" s="53"/>
      <c r="AO742" s="53"/>
      <c r="AP742" s="53"/>
      <c r="AQ742" s="53"/>
      <c r="AR742" s="53"/>
      <c r="AS742" s="53"/>
      <c r="AT742" s="53"/>
      <c r="AU742" s="53"/>
      <c r="AV742" s="53"/>
      <c r="AW742" s="53"/>
      <c r="AX742" s="53"/>
      <c r="AY742" s="53"/>
      <c r="AZ742" s="53"/>
      <c r="BA742" s="53"/>
      <c r="BB742" s="53"/>
      <c r="BC742" s="53"/>
      <c r="BD742" s="53"/>
      <c r="BE742" s="53"/>
      <c r="BF742" s="53"/>
      <c r="BG742" s="53"/>
      <c r="BH742" s="53"/>
      <c r="BI742" s="53"/>
      <c r="BJ742" s="53"/>
      <c r="BK742" s="53"/>
      <c r="BL742" s="53"/>
      <c r="BM742" s="53"/>
      <c r="BN742" s="53"/>
      <c r="BO742" s="53"/>
      <c r="BP742" s="53"/>
      <c r="BQ742" s="53"/>
      <c r="BR742" s="53"/>
      <c r="BS742" s="53"/>
      <c r="BT742" s="53"/>
      <c r="BU742" s="53"/>
      <c r="BV742" s="53"/>
      <c r="BW742" s="53"/>
      <c r="BX742" s="53"/>
      <c r="BY742" s="53"/>
      <c r="BZ742" s="53"/>
      <c r="CA742" s="53"/>
      <c r="CB742" s="53">
        <v>518624.23906051501</v>
      </c>
      <c r="CC742" s="53">
        <v>561994.08672168094</v>
      </c>
      <c r="CD742" s="53">
        <v>615188.61315262399</v>
      </c>
      <c r="CE742" s="53">
        <v>668655.51235847396</v>
      </c>
      <c r="CF742" s="53">
        <v>722397.76091332897</v>
      </c>
      <c r="CG742" s="53">
        <v>313037.03752726701</v>
      </c>
      <c r="CH742" s="53">
        <v>341867.39899945201</v>
      </c>
      <c r="CI742" s="53">
        <v>370845.37955105002</v>
      </c>
      <c r="CJ742" s="53">
        <v>399971.73504793498</v>
      </c>
      <c r="CK742" s="53">
        <v>429247.22522630601</v>
      </c>
      <c r="CL742" s="53">
        <v>458672.61371250101</v>
      </c>
      <c r="CM742" s="53">
        <v>557386.42451886297</v>
      </c>
      <c r="CN742" s="53">
        <v>5957888.0267899996</v>
      </c>
    </row>
    <row r="743" spans="1:92" outlineLevel="1">
      <c r="A743" s="52" t="s">
        <v>649</v>
      </c>
      <c r="B743" s="53">
        <v>228698.20629999999</v>
      </c>
      <c r="C743" s="53">
        <v>117870.7846</v>
      </c>
      <c r="D743" s="53">
        <v>62151.5</v>
      </c>
      <c r="E743" s="53">
        <v>36723.769999999997</v>
      </c>
      <c r="F743" s="53">
        <v>66655.3</v>
      </c>
      <c r="G743" s="53">
        <v>-1206775</v>
      </c>
      <c r="H743" s="53">
        <v>-1170593.8</v>
      </c>
      <c r="I743" s="53">
        <v>-1213492.29999999</v>
      </c>
      <c r="J743" s="53">
        <v>-1231131.8999999999</v>
      </c>
      <c r="K743" s="53">
        <v>-1234847.6000000001</v>
      </c>
      <c r="L743" s="53">
        <v>-1244708.5999999901</v>
      </c>
      <c r="M743" s="53">
        <v>-4505441.3999999901</v>
      </c>
      <c r="N743" s="53">
        <v>-11294891.0390999</v>
      </c>
      <c r="O743" s="53"/>
      <c r="P743" s="53"/>
      <c r="Q743" s="53"/>
      <c r="R743" s="53"/>
      <c r="S743" s="53"/>
      <c r="T743" s="53"/>
      <c r="U743" s="53"/>
      <c r="V743" s="53"/>
      <c r="W743" s="53"/>
      <c r="X743" s="53"/>
      <c r="Y743" s="53"/>
      <c r="Z743" s="53"/>
      <c r="AA743" s="53"/>
      <c r="AB743" s="53"/>
      <c r="AC743" s="53"/>
      <c r="AD743" s="53"/>
      <c r="AE743" s="53"/>
      <c r="AF743" s="53"/>
      <c r="AG743" s="53"/>
      <c r="AH743" s="53"/>
      <c r="AI743" s="53"/>
      <c r="AJ743" s="53"/>
      <c r="AK743" s="53"/>
      <c r="AL743" s="53"/>
      <c r="AM743" s="53"/>
      <c r="AN743" s="53"/>
      <c r="AO743" s="53"/>
      <c r="AP743" s="53"/>
      <c r="AQ743" s="53"/>
      <c r="AR743" s="53"/>
      <c r="AS743" s="53"/>
      <c r="AT743" s="53"/>
      <c r="AU743" s="53"/>
      <c r="AV743" s="53"/>
      <c r="AW743" s="53"/>
      <c r="AX743" s="53"/>
      <c r="AY743" s="53"/>
      <c r="AZ743" s="53"/>
      <c r="BA743" s="53"/>
      <c r="BB743" s="53"/>
      <c r="BC743" s="53"/>
      <c r="BD743" s="53"/>
      <c r="BE743" s="53"/>
      <c r="BF743" s="53"/>
      <c r="BG743" s="53"/>
      <c r="BH743" s="53"/>
      <c r="BI743" s="53"/>
      <c r="BJ743" s="53"/>
      <c r="BK743" s="53"/>
      <c r="BL743" s="53"/>
      <c r="BM743" s="53"/>
      <c r="BN743" s="53"/>
      <c r="BO743" s="53"/>
      <c r="BP743" s="53"/>
      <c r="BQ743" s="53"/>
      <c r="BR743" s="53"/>
      <c r="BS743" s="53"/>
      <c r="BT743" s="53"/>
      <c r="BU743" s="53"/>
      <c r="BV743" s="53"/>
      <c r="BW743" s="53"/>
      <c r="BX743" s="53"/>
      <c r="BY743" s="53"/>
      <c r="BZ743" s="53"/>
      <c r="CA743" s="53"/>
      <c r="CB743" s="53"/>
      <c r="CC743" s="53"/>
      <c r="CD743" s="53"/>
      <c r="CE743" s="53"/>
      <c r="CF743" s="53"/>
      <c r="CG743" s="53"/>
      <c r="CH743" s="53"/>
      <c r="CI743" s="53"/>
      <c r="CJ743" s="53"/>
      <c r="CK743" s="53"/>
      <c r="CL743" s="53"/>
      <c r="CM743" s="53"/>
      <c r="CN743" s="53"/>
    </row>
    <row r="744" spans="1:92" outlineLevel="1">
      <c r="A744" s="57" t="s">
        <v>1344</v>
      </c>
      <c r="B744" s="53">
        <v>1533244308.8999901</v>
      </c>
      <c r="C744" s="53">
        <v>1593758884.0799899</v>
      </c>
      <c r="D744" s="53">
        <v>1609526367.0699999</v>
      </c>
      <c r="E744" s="53">
        <v>1852483475.8999901</v>
      </c>
      <c r="F744" s="53">
        <v>2048174722.20999</v>
      </c>
      <c r="G744" s="53">
        <v>2050599431.3599999</v>
      </c>
      <c r="H744" s="53">
        <v>2208026890.75</v>
      </c>
      <c r="I744" s="53">
        <v>2390179078.9099898</v>
      </c>
      <c r="J744" s="53">
        <v>2665220092.20999</v>
      </c>
      <c r="K744" s="53">
        <v>2640336895.0299902</v>
      </c>
      <c r="L744" s="53">
        <v>2633977760.24999</v>
      </c>
      <c r="M744" s="53">
        <v>2414479472.5299902</v>
      </c>
      <c r="N744" s="53">
        <v>2414479472.5299902</v>
      </c>
      <c r="O744" s="53">
        <v>2545622599.9459801</v>
      </c>
      <c r="P744" s="53">
        <v>2450651236.2218399</v>
      </c>
      <c r="Q744" s="53">
        <v>2432750430.2063498</v>
      </c>
      <c r="R744" s="53">
        <v>2427088289.0726299</v>
      </c>
      <c r="S744" s="53">
        <v>2451204110.2065501</v>
      </c>
      <c r="T744" s="53">
        <v>2431867813.1826901</v>
      </c>
      <c r="U744" s="53">
        <v>2369607190.39328</v>
      </c>
      <c r="V744" s="53">
        <v>2359910861.4173102</v>
      </c>
      <c r="W744" s="53">
        <v>2245155853.9643602</v>
      </c>
      <c r="X744" s="53">
        <v>2213360197.7508001</v>
      </c>
      <c r="Y744" s="53">
        <v>1991742946.94207</v>
      </c>
      <c r="Z744" s="53">
        <v>1918029084.5417399</v>
      </c>
      <c r="AA744" s="53">
        <v>1918029084.5417399</v>
      </c>
      <c r="AB744" s="53">
        <v>1990120012.1735101</v>
      </c>
      <c r="AC744" s="53">
        <v>1865821964.31919</v>
      </c>
      <c r="AD744" s="53">
        <v>1814071342.8310001</v>
      </c>
      <c r="AE744" s="53">
        <v>1739345798.83707</v>
      </c>
      <c r="AF744" s="53">
        <v>1751698741.58777</v>
      </c>
      <c r="AG744" s="53">
        <v>1719727708.2358601</v>
      </c>
      <c r="AH744" s="53">
        <v>1643978066.61637</v>
      </c>
      <c r="AI744" s="53">
        <v>1730178115.9562399</v>
      </c>
      <c r="AJ744" s="53">
        <v>1648637034.18626</v>
      </c>
      <c r="AK744" s="53">
        <v>1630252973.41644</v>
      </c>
      <c r="AL744" s="53">
        <v>1369992044.94135</v>
      </c>
      <c r="AM744" s="53">
        <v>1153373659.1389999</v>
      </c>
      <c r="AN744" s="53">
        <v>1153373659.1389999</v>
      </c>
      <c r="AO744" s="53">
        <v>1226975710.3106899</v>
      </c>
      <c r="AP744" s="53">
        <v>1146603325.0517001</v>
      </c>
      <c r="AQ744" s="53">
        <v>1144759415.4739599</v>
      </c>
      <c r="AR744" s="53">
        <v>1150746059.84092</v>
      </c>
      <c r="AS744" s="53">
        <v>1217227903.6972599</v>
      </c>
      <c r="AT744" s="53">
        <v>1482879832.5178399</v>
      </c>
      <c r="AU744" s="53">
        <v>1474781642.6104801</v>
      </c>
      <c r="AV744" s="53">
        <v>1555285944.8765299</v>
      </c>
      <c r="AW744" s="53">
        <v>1518982998.2996299</v>
      </c>
      <c r="AX744" s="53">
        <v>1461497328.8657999</v>
      </c>
      <c r="AY744" s="53">
        <v>1141416802.65628</v>
      </c>
      <c r="AZ744" s="53">
        <v>1098489430.09532</v>
      </c>
      <c r="BA744" s="53">
        <v>1098489430.09532</v>
      </c>
      <c r="BB744" s="53">
        <v>1217478115.4161301</v>
      </c>
      <c r="BC744" s="53">
        <v>1145982366.7834799</v>
      </c>
      <c r="BD744" s="53">
        <v>1144330341.0019801</v>
      </c>
      <c r="BE744" s="53">
        <v>1149499564.6557</v>
      </c>
      <c r="BF744" s="53">
        <v>1215787838.54739</v>
      </c>
      <c r="BG744" s="53">
        <v>1482830286.88359</v>
      </c>
      <c r="BH744" s="53">
        <v>1504774150.3192999</v>
      </c>
      <c r="BI744" s="53">
        <v>1594590355.0596001</v>
      </c>
      <c r="BJ744" s="53">
        <v>1475352200.43104</v>
      </c>
      <c r="BK744" s="53">
        <v>1435231208.86216</v>
      </c>
      <c r="BL744" s="53">
        <v>1110608508.6131699</v>
      </c>
      <c r="BM744" s="53">
        <v>1113904782.0801799</v>
      </c>
      <c r="BN744" s="53">
        <v>1113904782.0801799</v>
      </c>
      <c r="BO744" s="53">
        <v>1235833718.5248101</v>
      </c>
      <c r="BP744" s="53">
        <v>1167286656.6591699</v>
      </c>
      <c r="BQ744" s="53">
        <v>1168118907.19578</v>
      </c>
      <c r="BR744" s="53">
        <v>1176672982.1474099</v>
      </c>
      <c r="BS744" s="53">
        <v>1243920962.3015599</v>
      </c>
      <c r="BT744" s="53">
        <v>1367994977.95981</v>
      </c>
      <c r="BU744" s="53">
        <v>1408922161.6145401</v>
      </c>
      <c r="BV744" s="53">
        <v>1518182537.13662</v>
      </c>
      <c r="BW744" s="53">
        <v>1569706153.8724401</v>
      </c>
      <c r="BX744" s="53">
        <v>1525181715.9928701</v>
      </c>
      <c r="BY744" s="53">
        <v>1182443241.5471001</v>
      </c>
      <c r="BZ744" s="53">
        <v>1133462361.2133801</v>
      </c>
      <c r="CA744" s="53">
        <v>1133462361.2133801</v>
      </c>
      <c r="CB744" s="53">
        <v>1325982.3944912499</v>
      </c>
      <c r="CC744" s="53">
        <v>1436867.4054862</v>
      </c>
      <c r="CD744" s="53">
        <v>1572871.4720498901</v>
      </c>
      <c r="CE744" s="53">
        <v>1709571.9223863899</v>
      </c>
      <c r="CF744" s="53">
        <v>1846976.3667933799</v>
      </c>
      <c r="CG744" s="53">
        <v>800351.33208731702</v>
      </c>
      <c r="CH744" s="53">
        <v>874062.795724625</v>
      </c>
      <c r="CI744" s="53">
        <v>948151.68156022299</v>
      </c>
      <c r="CJ744" s="53">
        <v>1022619.9221394201</v>
      </c>
      <c r="CK744" s="53">
        <v>1097469.4599029101</v>
      </c>
      <c r="CL744" s="53">
        <v>1172702.2472374199</v>
      </c>
      <c r="CM744" s="53">
        <v>1425086.85513675</v>
      </c>
      <c r="CN744" s="53">
        <v>15232713.8549958</v>
      </c>
    </row>
    <row r="745" spans="1:92" outlineLevel="1">
      <c r="A745" s="52" t="s">
        <v>1345</v>
      </c>
      <c r="B745" s="53"/>
      <c r="C745" s="53"/>
      <c r="D745" s="53"/>
      <c r="E745" s="53"/>
      <c r="F745" s="53"/>
      <c r="G745" s="53"/>
      <c r="H745" s="53"/>
      <c r="I745" s="53"/>
      <c r="J745" s="53"/>
      <c r="K745" s="53"/>
      <c r="L745" s="53"/>
      <c r="M745" s="53"/>
      <c r="N745" s="53"/>
      <c r="O745" s="53"/>
      <c r="P745" s="53"/>
      <c r="Q745" s="53"/>
      <c r="R745" s="53"/>
      <c r="S745" s="53"/>
      <c r="T745" s="53"/>
      <c r="U745" s="53"/>
      <c r="V745" s="53"/>
      <c r="W745" s="53"/>
      <c r="X745" s="53"/>
      <c r="Y745" s="53"/>
      <c r="Z745" s="53"/>
      <c r="AA745" s="53"/>
      <c r="AB745" s="53"/>
      <c r="AC745" s="53"/>
      <c r="AD745" s="53"/>
      <c r="AE745" s="53"/>
      <c r="AF745" s="53"/>
      <c r="AG745" s="53"/>
      <c r="AH745" s="53"/>
      <c r="AI745" s="53"/>
      <c r="AJ745" s="53"/>
      <c r="AK745" s="53"/>
      <c r="AL745" s="53"/>
      <c r="AM745" s="53"/>
      <c r="AN745" s="53"/>
      <c r="AO745" s="53"/>
      <c r="AP745" s="53"/>
      <c r="AQ745" s="53"/>
      <c r="AR745" s="53"/>
      <c r="AS745" s="53"/>
      <c r="AT745" s="53"/>
      <c r="AU745" s="53"/>
      <c r="AV745" s="53"/>
      <c r="AW745" s="53"/>
      <c r="AX745" s="53"/>
      <c r="AY745" s="53"/>
      <c r="AZ745" s="53"/>
      <c r="BA745" s="53"/>
      <c r="BB745" s="53"/>
      <c r="BC745" s="53"/>
      <c r="BD745" s="53"/>
      <c r="BE745" s="53"/>
      <c r="BF745" s="53"/>
      <c r="BG745" s="53"/>
      <c r="BH745" s="53"/>
      <c r="BI745" s="53"/>
      <c r="BJ745" s="53"/>
      <c r="BK745" s="53"/>
      <c r="BL745" s="53"/>
      <c r="BM745" s="53"/>
      <c r="BN745" s="53"/>
      <c r="BO745" s="53"/>
      <c r="BP745" s="53"/>
      <c r="BQ745" s="53"/>
      <c r="BR745" s="53"/>
      <c r="BS745" s="53"/>
      <c r="BT745" s="53"/>
      <c r="BU745" s="53"/>
      <c r="BV745" s="53"/>
      <c r="BW745" s="53"/>
      <c r="BX745" s="53"/>
      <c r="BY745" s="53"/>
      <c r="BZ745" s="53"/>
      <c r="CA745" s="53"/>
      <c r="CB745" s="53"/>
      <c r="CC745" s="53"/>
      <c r="CD745" s="53"/>
      <c r="CE745" s="53"/>
      <c r="CF745" s="53"/>
      <c r="CG745" s="53"/>
      <c r="CH745" s="53"/>
      <c r="CI745" s="53"/>
      <c r="CJ745" s="53"/>
      <c r="CK745" s="53"/>
      <c r="CL745" s="53"/>
      <c r="CM745" s="53"/>
      <c r="CN745" s="53"/>
    </row>
    <row r="746" spans="1:92" outlineLevel="1">
      <c r="A746" s="57" t="s">
        <v>1346</v>
      </c>
      <c r="B746" s="53"/>
      <c r="C746" s="53"/>
      <c r="D746" s="53"/>
      <c r="E746" s="53"/>
      <c r="F746" s="53"/>
      <c r="G746" s="53"/>
      <c r="H746" s="53"/>
      <c r="I746" s="53"/>
      <c r="J746" s="53"/>
      <c r="K746" s="53"/>
      <c r="L746" s="53"/>
      <c r="M746" s="53"/>
      <c r="N746" s="53"/>
      <c r="O746" s="53"/>
      <c r="P746" s="53"/>
      <c r="Q746" s="53"/>
      <c r="R746" s="53"/>
      <c r="S746" s="53"/>
      <c r="T746" s="53"/>
      <c r="U746" s="53"/>
      <c r="V746" s="53"/>
      <c r="W746" s="53"/>
      <c r="X746" s="53"/>
      <c r="Y746" s="53"/>
      <c r="Z746" s="53"/>
      <c r="AA746" s="53"/>
      <c r="AB746" s="53"/>
      <c r="AC746" s="53"/>
      <c r="AD746" s="53"/>
      <c r="AE746" s="53"/>
      <c r="AF746" s="53"/>
      <c r="AG746" s="53"/>
      <c r="AH746" s="53"/>
      <c r="AI746" s="53"/>
      <c r="AJ746" s="53"/>
      <c r="AK746" s="53"/>
      <c r="AL746" s="53"/>
      <c r="AM746" s="53"/>
      <c r="AN746" s="53"/>
      <c r="AO746" s="53"/>
      <c r="AP746" s="53"/>
      <c r="AQ746" s="53"/>
      <c r="AR746" s="53"/>
      <c r="AS746" s="53"/>
      <c r="AT746" s="53"/>
      <c r="AU746" s="53"/>
      <c r="AV746" s="53"/>
      <c r="AW746" s="53"/>
      <c r="AX746" s="53"/>
      <c r="AY746" s="53"/>
      <c r="AZ746" s="53"/>
      <c r="BA746" s="53"/>
      <c r="BB746" s="53"/>
      <c r="BC746" s="53"/>
      <c r="BD746" s="53"/>
      <c r="BE746" s="53"/>
      <c r="BF746" s="53"/>
      <c r="BG746" s="53"/>
      <c r="BH746" s="53"/>
      <c r="BI746" s="53"/>
      <c r="BJ746" s="53"/>
      <c r="BK746" s="53"/>
      <c r="BL746" s="53"/>
      <c r="BM746" s="53"/>
      <c r="BN746" s="53"/>
      <c r="BO746" s="53"/>
      <c r="BP746" s="53"/>
      <c r="BQ746" s="53"/>
      <c r="BR746" s="53"/>
      <c r="BS746" s="53"/>
      <c r="BT746" s="53"/>
      <c r="BU746" s="53"/>
      <c r="BV746" s="53"/>
      <c r="BW746" s="53"/>
      <c r="BX746" s="53"/>
      <c r="BY746" s="53"/>
      <c r="BZ746" s="53"/>
      <c r="CA746" s="53"/>
      <c r="CB746" s="53">
        <v>84849019.661116406</v>
      </c>
      <c r="CC746" s="53">
        <v>80638335.8186225</v>
      </c>
      <c r="CD746" s="53">
        <v>141855068.726616</v>
      </c>
      <c r="CE746" s="53">
        <v>65071067.381324001</v>
      </c>
      <c r="CF746" s="53">
        <v>64583708.528266102</v>
      </c>
      <c r="CG746" s="53">
        <v>533105490.71989799</v>
      </c>
      <c r="CH746" s="53">
        <v>84941868.224685207</v>
      </c>
      <c r="CI746" s="53">
        <v>81106711.098046094</v>
      </c>
      <c r="CJ746" s="53">
        <v>156861231.42036501</v>
      </c>
      <c r="CK746" s="53">
        <v>80791442.160578594</v>
      </c>
      <c r="CL746" s="53">
        <v>120740389.49302</v>
      </c>
      <c r="CM746" s="53">
        <v>659426696.48250401</v>
      </c>
      <c r="CN746" s="53">
        <v>2153971029.7150402</v>
      </c>
    </row>
    <row r="747" spans="1:92" outlineLevel="1">
      <c r="A747" s="52" t="s">
        <v>1347</v>
      </c>
      <c r="B747" s="53">
        <v>0</v>
      </c>
      <c r="C747" s="53">
        <v>0</v>
      </c>
      <c r="D747" s="53">
        <v>0</v>
      </c>
      <c r="E747" s="53">
        <v>0</v>
      </c>
      <c r="F747" s="53">
        <v>0</v>
      </c>
      <c r="G747" s="53">
        <v>0</v>
      </c>
      <c r="H747" s="53">
        <v>0</v>
      </c>
      <c r="I747" s="53">
        <v>0</v>
      </c>
      <c r="J747" s="53">
        <v>0</v>
      </c>
      <c r="K747" s="53">
        <v>0</v>
      </c>
      <c r="L747" s="53">
        <v>0</v>
      </c>
      <c r="M747" s="53">
        <v>0</v>
      </c>
      <c r="N747" s="53">
        <v>0</v>
      </c>
      <c r="O747" s="53">
        <v>0</v>
      </c>
      <c r="P747" s="53">
        <v>0</v>
      </c>
      <c r="Q747" s="53">
        <v>0</v>
      </c>
      <c r="R747" s="53">
        <v>0</v>
      </c>
      <c r="S747" s="53">
        <v>0</v>
      </c>
      <c r="T747" s="53">
        <v>0</v>
      </c>
      <c r="U747" s="53">
        <v>0</v>
      </c>
      <c r="V747" s="53">
        <v>0</v>
      </c>
      <c r="W747" s="53">
        <v>0</v>
      </c>
      <c r="X747" s="53">
        <v>0</v>
      </c>
      <c r="Y747" s="53">
        <v>0</v>
      </c>
      <c r="Z747" s="53">
        <v>0</v>
      </c>
      <c r="AA747" s="53">
        <v>0</v>
      </c>
      <c r="AB747" s="53">
        <v>0</v>
      </c>
      <c r="AC747" s="53">
        <v>0</v>
      </c>
      <c r="AD747" s="53">
        <v>0</v>
      </c>
      <c r="AE747" s="53">
        <v>0</v>
      </c>
      <c r="AF747" s="53">
        <v>0</v>
      </c>
      <c r="AG747" s="53">
        <v>0</v>
      </c>
      <c r="AH747" s="53">
        <v>0</v>
      </c>
      <c r="AI747" s="53">
        <v>0</v>
      </c>
      <c r="AJ747" s="53">
        <v>0</v>
      </c>
      <c r="AK747" s="53">
        <v>0</v>
      </c>
      <c r="AL747" s="53">
        <v>0</v>
      </c>
      <c r="AM747" s="53">
        <v>0</v>
      </c>
      <c r="AN747" s="53">
        <v>0</v>
      </c>
      <c r="AO747" s="53">
        <v>0</v>
      </c>
      <c r="AP747" s="53">
        <v>0</v>
      </c>
      <c r="AQ747" s="53">
        <v>0</v>
      </c>
      <c r="AR747" s="53">
        <v>0</v>
      </c>
      <c r="AS747" s="53">
        <v>0</v>
      </c>
      <c r="AT747" s="53">
        <v>0</v>
      </c>
      <c r="AU747" s="53">
        <v>0</v>
      </c>
      <c r="AV747" s="53">
        <v>0</v>
      </c>
      <c r="AW747" s="53">
        <v>0</v>
      </c>
      <c r="AX747" s="53">
        <v>0</v>
      </c>
      <c r="AY747" s="53">
        <v>0</v>
      </c>
      <c r="AZ747" s="53">
        <v>0</v>
      </c>
      <c r="BA747" s="53">
        <v>0</v>
      </c>
      <c r="BB747" s="53">
        <v>0</v>
      </c>
      <c r="BC747" s="53">
        <v>0</v>
      </c>
      <c r="BD747" s="53">
        <v>0</v>
      </c>
      <c r="BE747" s="53">
        <v>0</v>
      </c>
      <c r="BF747" s="53">
        <v>0</v>
      </c>
      <c r="BG747" s="53">
        <v>0</v>
      </c>
      <c r="BH747" s="53">
        <v>0</v>
      </c>
      <c r="BI747" s="53">
        <v>0</v>
      </c>
      <c r="BJ747" s="53">
        <v>0</v>
      </c>
      <c r="BK747" s="53">
        <v>0</v>
      </c>
      <c r="BL747" s="53">
        <v>0</v>
      </c>
      <c r="BM747" s="53">
        <v>0</v>
      </c>
      <c r="BN747" s="53">
        <v>0</v>
      </c>
      <c r="BO747" s="53">
        <v>0</v>
      </c>
      <c r="BP747" s="53">
        <v>0</v>
      </c>
      <c r="BQ747" s="53">
        <v>0</v>
      </c>
      <c r="BR747" s="53">
        <v>0</v>
      </c>
      <c r="BS747" s="53">
        <v>0</v>
      </c>
      <c r="BT747" s="53">
        <v>0</v>
      </c>
      <c r="BU747" s="53">
        <v>0</v>
      </c>
      <c r="BV747" s="53">
        <v>0</v>
      </c>
      <c r="BW747" s="53">
        <v>0</v>
      </c>
      <c r="BX747" s="53">
        <v>0</v>
      </c>
      <c r="BY747" s="53">
        <v>0</v>
      </c>
      <c r="BZ747" s="53">
        <v>0</v>
      </c>
      <c r="CA747" s="53">
        <v>0</v>
      </c>
      <c r="CB747" s="53"/>
      <c r="CC747" s="53"/>
      <c r="CD747" s="53"/>
      <c r="CE747" s="53"/>
      <c r="CF747" s="53"/>
      <c r="CG747" s="53"/>
      <c r="CH747" s="53"/>
      <c r="CI747" s="53"/>
      <c r="CJ747" s="53"/>
      <c r="CK747" s="53"/>
      <c r="CL747" s="53"/>
      <c r="CM747" s="53"/>
      <c r="CN747" s="53"/>
    </row>
    <row r="748" spans="1:92" outlineLevel="1">
      <c r="A748" s="52" t="s">
        <v>1348</v>
      </c>
      <c r="B748" s="53">
        <v>137128433.09999999</v>
      </c>
      <c r="C748" s="53">
        <v>129858880.8</v>
      </c>
      <c r="D748" s="53">
        <v>129858880.8</v>
      </c>
      <c r="E748" s="53">
        <v>129858880.8</v>
      </c>
      <c r="F748" s="53">
        <v>129858880.8</v>
      </c>
      <c r="G748" s="53">
        <v>129858880.8</v>
      </c>
      <c r="H748" s="53">
        <v>129858880.8</v>
      </c>
      <c r="I748" s="53">
        <v>129858880.8</v>
      </c>
      <c r="J748" s="53">
        <v>129780360.8</v>
      </c>
      <c r="K748" s="53">
        <v>129780360.8</v>
      </c>
      <c r="L748" s="53">
        <v>129702876.8</v>
      </c>
      <c r="M748" s="53">
        <v>129702876.8</v>
      </c>
      <c r="N748" s="53">
        <v>129702876.8</v>
      </c>
      <c r="O748" s="53">
        <v>129702876.8</v>
      </c>
      <c r="P748" s="53">
        <v>129702876.8</v>
      </c>
      <c r="Q748" s="53">
        <v>129702876.8</v>
      </c>
      <c r="R748" s="53">
        <v>129702876.8</v>
      </c>
      <c r="S748" s="53">
        <v>129702876.8</v>
      </c>
      <c r="T748" s="53">
        <v>129702876.8</v>
      </c>
      <c r="U748" s="53">
        <v>129702876.8</v>
      </c>
      <c r="V748" s="53">
        <v>129702876.8</v>
      </c>
      <c r="W748" s="53">
        <v>129702876.8</v>
      </c>
      <c r="X748" s="53">
        <v>129702876.8</v>
      </c>
      <c r="Y748" s="53">
        <v>129702876.8</v>
      </c>
      <c r="Z748" s="53">
        <v>129702876.8</v>
      </c>
      <c r="AA748" s="53">
        <v>129702876.8</v>
      </c>
      <c r="AB748" s="53">
        <v>129702876.8</v>
      </c>
      <c r="AC748" s="53">
        <v>129702876.8</v>
      </c>
      <c r="AD748" s="53">
        <v>129702876.8</v>
      </c>
      <c r="AE748" s="53">
        <v>129702876.8</v>
      </c>
      <c r="AF748" s="53">
        <v>129702876.8</v>
      </c>
      <c r="AG748" s="53">
        <v>129702876.8</v>
      </c>
      <c r="AH748" s="53">
        <v>129702876.8</v>
      </c>
      <c r="AI748" s="53">
        <v>129702876.8</v>
      </c>
      <c r="AJ748" s="53">
        <v>129702876.8</v>
      </c>
      <c r="AK748" s="53">
        <v>129702876.8</v>
      </c>
      <c r="AL748" s="53">
        <v>129702876.8</v>
      </c>
      <c r="AM748" s="53">
        <v>129702876.8</v>
      </c>
      <c r="AN748" s="53">
        <v>129702876.8</v>
      </c>
      <c r="AO748" s="53">
        <v>129702876.8</v>
      </c>
      <c r="AP748" s="53">
        <v>129702876.8</v>
      </c>
      <c r="AQ748" s="53">
        <v>129702876.8</v>
      </c>
      <c r="AR748" s="53">
        <v>129702876.8</v>
      </c>
      <c r="AS748" s="53">
        <v>129702876.8</v>
      </c>
      <c r="AT748" s="53">
        <v>129702876.8</v>
      </c>
      <c r="AU748" s="53">
        <v>129702876.8</v>
      </c>
      <c r="AV748" s="53">
        <v>129702876.8</v>
      </c>
      <c r="AW748" s="53">
        <v>129702876.8</v>
      </c>
      <c r="AX748" s="53">
        <v>129702876.8</v>
      </c>
      <c r="AY748" s="53">
        <v>129702876.8</v>
      </c>
      <c r="AZ748" s="53">
        <v>129702876.8</v>
      </c>
      <c r="BA748" s="53">
        <v>129702876.8</v>
      </c>
      <c r="BB748" s="53">
        <v>129702876.8</v>
      </c>
      <c r="BC748" s="53">
        <v>129702876.8</v>
      </c>
      <c r="BD748" s="53">
        <v>129702876.8</v>
      </c>
      <c r="BE748" s="53">
        <v>129702876.8</v>
      </c>
      <c r="BF748" s="53">
        <v>129702876.8</v>
      </c>
      <c r="BG748" s="53">
        <v>129702876.8</v>
      </c>
      <c r="BH748" s="53">
        <v>129702876.8</v>
      </c>
      <c r="BI748" s="53">
        <v>129702876.8</v>
      </c>
      <c r="BJ748" s="53">
        <v>129702876.8</v>
      </c>
      <c r="BK748" s="53">
        <v>129702876.8</v>
      </c>
      <c r="BL748" s="53">
        <v>129702876.8</v>
      </c>
      <c r="BM748" s="53">
        <v>129702876.8</v>
      </c>
      <c r="BN748" s="53">
        <v>129702876.8</v>
      </c>
      <c r="BO748" s="53">
        <v>129702876.8</v>
      </c>
      <c r="BP748" s="53">
        <v>129702876.8</v>
      </c>
      <c r="BQ748" s="53">
        <v>129702876.8</v>
      </c>
      <c r="BR748" s="53">
        <v>129702876.8</v>
      </c>
      <c r="BS748" s="53">
        <v>129702876.8</v>
      </c>
      <c r="BT748" s="53">
        <v>129702876.8</v>
      </c>
      <c r="BU748" s="53">
        <v>129702876.8</v>
      </c>
      <c r="BV748" s="53">
        <v>129702876.8</v>
      </c>
      <c r="BW748" s="53">
        <v>129702876.8</v>
      </c>
      <c r="BX748" s="53">
        <v>129702876.8</v>
      </c>
      <c r="BY748" s="53">
        <v>129702876.8</v>
      </c>
      <c r="BZ748" s="53">
        <v>129702876.8</v>
      </c>
      <c r="CA748" s="53">
        <v>129702876.8</v>
      </c>
      <c r="CB748" s="53"/>
      <c r="CC748" s="53"/>
      <c r="CD748" s="53"/>
      <c r="CE748" s="53"/>
      <c r="CF748" s="53"/>
      <c r="CG748" s="53"/>
      <c r="CH748" s="53"/>
      <c r="CI748" s="53"/>
      <c r="CJ748" s="53"/>
      <c r="CK748" s="53"/>
      <c r="CL748" s="53"/>
      <c r="CM748" s="53"/>
      <c r="CN748" s="53"/>
    </row>
    <row r="749" spans="1:92" outlineLevel="1">
      <c r="A749" s="52" t="s">
        <v>1349</v>
      </c>
      <c r="B749" s="53">
        <v>0</v>
      </c>
      <c r="C749" s="53">
        <v>0</v>
      </c>
      <c r="D749" s="53">
        <v>0</v>
      </c>
      <c r="E749" s="53">
        <v>0</v>
      </c>
      <c r="F749" s="53">
        <v>0</v>
      </c>
      <c r="G749" s="53">
        <v>0</v>
      </c>
      <c r="H749" s="53">
        <v>0</v>
      </c>
      <c r="I749" s="53">
        <v>0</v>
      </c>
      <c r="J749" s="53">
        <v>0</v>
      </c>
      <c r="K749" s="53">
        <v>0</v>
      </c>
      <c r="L749" s="53">
        <v>0</v>
      </c>
      <c r="M749" s="53">
        <v>0</v>
      </c>
      <c r="N749" s="53">
        <v>0</v>
      </c>
      <c r="O749" s="53">
        <v>0</v>
      </c>
      <c r="P749" s="53">
        <v>0</v>
      </c>
      <c r="Q749" s="53">
        <v>0</v>
      </c>
      <c r="R749" s="53">
        <v>0</v>
      </c>
      <c r="S749" s="53">
        <v>0</v>
      </c>
      <c r="T749" s="53">
        <v>0</v>
      </c>
      <c r="U749" s="53">
        <v>0</v>
      </c>
      <c r="V749" s="53">
        <v>0</v>
      </c>
      <c r="W749" s="53">
        <v>0</v>
      </c>
      <c r="X749" s="53">
        <v>0</v>
      </c>
      <c r="Y749" s="53">
        <v>0</v>
      </c>
      <c r="Z749" s="53">
        <v>0</v>
      </c>
      <c r="AA749" s="53">
        <v>0</v>
      </c>
      <c r="AB749" s="53">
        <v>0</v>
      </c>
      <c r="AC749" s="53">
        <v>0</v>
      </c>
      <c r="AD749" s="53">
        <v>0</v>
      </c>
      <c r="AE749" s="53">
        <v>0</v>
      </c>
      <c r="AF749" s="53">
        <v>0</v>
      </c>
      <c r="AG749" s="53">
        <v>0</v>
      </c>
      <c r="AH749" s="53">
        <v>0</v>
      </c>
      <c r="AI749" s="53">
        <v>0</v>
      </c>
      <c r="AJ749" s="53">
        <v>0</v>
      </c>
      <c r="AK749" s="53">
        <v>0</v>
      </c>
      <c r="AL749" s="53">
        <v>0</v>
      </c>
      <c r="AM749" s="53">
        <v>0</v>
      </c>
      <c r="AN749" s="53">
        <v>0</v>
      </c>
      <c r="AO749" s="53">
        <v>0</v>
      </c>
      <c r="AP749" s="53">
        <v>0</v>
      </c>
      <c r="AQ749" s="53">
        <v>0</v>
      </c>
      <c r="AR749" s="53">
        <v>0</v>
      </c>
      <c r="AS749" s="53">
        <v>0</v>
      </c>
      <c r="AT749" s="53">
        <v>0</v>
      </c>
      <c r="AU749" s="53">
        <v>0</v>
      </c>
      <c r="AV749" s="53">
        <v>0</v>
      </c>
      <c r="AW749" s="53">
        <v>0</v>
      </c>
      <c r="AX749" s="53">
        <v>0</v>
      </c>
      <c r="AY749" s="53">
        <v>0</v>
      </c>
      <c r="AZ749" s="53">
        <v>0</v>
      </c>
      <c r="BA749" s="53">
        <v>0</v>
      </c>
      <c r="BB749" s="53">
        <v>0</v>
      </c>
      <c r="BC749" s="53">
        <v>0</v>
      </c>
      <c r="BD749" s="53">
        <v>0</v>
      </c>
      <c r="BE749" s="53">
        <v>0</v>
      </c>
      <c r="BF749" s="53">
        <v>0</v>
      </c>
      <c r="BG749" s="53">
        <v>0</v>
      </c>
      <c r="BH749" s="53">
        <v>0</v>
      </c>
      <c r="BI749" s="53">
        <v>0</v>
      </c>
      <c r="BJ749" s="53">
        <v>0</v>
      </c>
      <c r="BK749" s="53">
        <v>0</v>
      </c>
      <c r="BL749" s="53">
        <v>0</v>
      </c>
      <c r="BM749" s="53">
        <v>0</v>
      </c>
      <c r="BN749" s="53">
        <v>0</v>
      </c>
      <c r="BO749" s="53">
        <v>0</v>
      </c>
      <c r="BP749" s="53">
        <v>0</v>
      </c>
      <c r="BQ749" s="53">
        <v>0</v>
      </c>
      <c r="BR749" s="53">
        <v>0</v>
      </c>
      <c r="BS749" s="53">
        <v>0</v>
      </c>
      <c r="BT749" s="53">
        <v>0</v>
      </c>
      <c r="BU749" s="53">
        <v>0</v>
      </c>
      <c r="BV749" s="53">
        <v>0</v>
      </c>
      <c r="BW749" s="53">
        <v>0</v>
      </c>
      <c r="BX749" s="53">
        <v>0</v>
      </c>
      <c r="BY749" s="53">
        <v>0</v>
      </c>
      <c r="BZ749" s="53">
        <v>0</v>
      </c>
      <c r="CA749" s="53">
        <v>0</v>
      </c>
      <c r="CB749" s="53"/>
      <c r="CC749" s="53"/>
      <c r="CD749" s="53"/>
      <c r="CE749" s="53"/>
      <c r="CF749" s="53"/>
      <c r="CG749" s="53"/>
      <c r="CH749" s="53"/>
      <c r="CI749" s="53"/>
      <c r="CJ749" s="53"/>
      <c r="CK749" s="53"/>
      <c r="CL749" s="53"/>
      <c r="CM749" s="53"/>
      <c r="CN749" s="53"/>
    </row>
    <row r="750" spans="1:92" outlineLevel="1">
      <c r="A750" s="52" t="s">
        <v>1350</v>
      </c>
      <c r="B750" s="53">
        <v>0</v>
      </c>
      <c r="C750" s="53">
        <v>0</v>
      </c>
      <c r="D750" s="53">
        <v>0</v>
      </c>
      <c r="E750" s="53">
        <v>0</v>
      </c>
      <c r="F750" s="53">
        <v>0</v>
      </c>
      <c r="G750" s="53">
        <v>0</v>
      </c>
      <c r="H750" s="53">
        <v>0</v>
      </c>
      <c r="I750" s="53">
        <v>0</v>
      </c>
      <c r="J750" s="53">
        <v>0</v>
      </c>
      <c r="K750" s="53">
        <v>0</v>
      </c>
      <c r="L750" s="53">
        <v>0</v>
      </c>
      <c r="M750" s="53">
        <v>0</v>
      </c>
      <c r="N750" s="53">
        <v>0</v>
      </c>
      <c r="O750" s="53">
        <v>0</v>
      </c>
      <c r="P750" s="53">
        <v>0</v>
      </c>
      <c r="Q750" s="53">
        <v>0</v>
      </c>
      <c r="R750" s="53">
        <v>0</v>
      </c>
      <c r="S750" s="53">
        <v>0</v>
      </c>
      <c r="T750" s="53">
        <v>0</v>
      </c>
      <c r="U750" s="53">
        <v>0</v>
      </c>
      <c r="V750" s="53">
        <v>0</v>
      </c>
      <c r="W750" s="53">
        <v>0</v>
      </c>
      <c r="X750" s="53">
        <v>0</v>
      </c>
      <c r="Y750" s="53">
        <v>0</v>
      </c>
      <c r="Z750" s="53">
        <v>0</v>
      </c>
      <c r="AA750" s="53">
        <v>0</v>
      </c>
      <c r="AB750" s="53">
        <v>0</v>
      </c>
      <c r="AC750" s="53">
        <v>0</v>
      </c>
      <c r="AD750" s="53">
        <v>0</v>
      </c>
      <c r="AE750" s="53">
        <v>0</v>
      </c>
      <c r="AF750" s="53">
        <v>0</v>
      </c>
      <c r="AG750" s="53">
        <v>0</v>
      </c>
      <c r="AH750" s="53">
        <v>0</v>
      </c>
      <c r="AI750" s="53">
        <v>0</v>
      </c>
      <c r="AJ750" s="53">
        <v>0</v>
      </c>
      <c r="AK750" s="53">
        <v>0</v>
      </c>
      <c r="AL750" s="53">
        <v>0</v>
      </c>
      <c r="AM750" s="53">
        <v>0</v>
      </c>
      <c r="AN750" s="53">
        <v>0</v>
      </c>
      <c r="AO750" s="53">
        <v>0</v>
      </c>
      <c r="AP750" s="53">
        <v>0</v>
      </c>
      <c r="AQ750" s="53">
        <v>0</v>
      </c>
      <c r="AR750" s="53">
        <v>0</v>
      </c>
      <c r="AS750" s="53">
        <v>0</v>
      </c>
      <c r="AT750" s="53">
        <v>0</v>
      </c>
      <c r="AU750" s="53">
        <v>0</v>
      </c>
      <c r="AV750" s="53">
        <v>0</v>
      </c>
      <c r="AW750" s="53">
        <v>0</v>
      </c>
      <c r="AX750" s="53">
        <v>0</v>
      </c>
      <c r="AY750" s="53">
        <v>0</v>
      </c>
      <c r="AZ750" s="53">
        <v>0</v>
      </c>
      <c r="BA750" s="53">
        <v>0</v>
      </c>
      <c r="BB750" s="53">
        <v>0</v>
      </c>
      <c r="BC750" s="53">
        <v>0</v>
      </c>
      <c r="BD750" s="53">
        <v>0</v>
      </c>
      <c r="BE750" s="53">
        <v>0</v>
      </c>
      <c r="BF750" s="53">
        <v>0</v>
      </c>
      <c r="BG750" s="53">
        <v>0</v>
      </c>
      <c r="BH750" s="53">
        <v>0</v>
      </c>
      <c r="BI750" s="53">
        <v>0</v>
      </c>
      <c r="BJ750" s="53">
        <v>0</v>
      </c>
      <c r="BK750" s="53">
        <v>0</v>
      </c>
      <c r="BL750" s="53">
        <v>0</v>
      </c>
      <c r="BM750" s="53">
        <v>0</v>
      </c>
      <c r="BN750" s="53">
        <v>0</v>
      </c>
      <c r="BO750" s="53">
        <v>0</v>
      </c>
      <c r="BP750" s="53">
        <v>0</v>
      </c>
      <c r="BQ750" s="53">
        <v>0</v>
      </c>
      <c r="BR750" s="53">
        <v>0</v>
      </c>
      <c r="BS750" s="53">
        <v>0</v>
      </c>
      <c r="BT750" s="53">
        <v>0</v>
      </c>
      <c r="BU750" s="53">
        <v>0</v>
      </c>
      <c r="BV750" s="53">
        <v>0</v>
      </c>
      <c r="BW750" s="53">
        <v>0</v>
      </c>
      <c r="BX750" s="53">
        <v>0</v>
      </c>
      <c r="BY750" s="53">
        <v>0</v>
      </c>
      <c r="BZ750" s="53">
        <v>0</v>
      </c>
      <c r="CA750" s="53">
        <v>0</v>
      </c>
      <c r="CB750" s="53"/>
      <c r="CC750" s="53"/>
      <c r="CD750" s="53"/>
      <c r="CE750" s="53"/>
      <c r="CF750" s="53"/>
      <c r="CG750" s="53"/>
      <c r="CH750" s="53"/>
      <c r="CI750" s="53"/>
      <c r="CJ750" s="53"/>
      <c r="CK750" s="53"/>
      <c r="CL750" s="53"/>
      <c r="CM750" s="53"/>
      <c r="CN750" s="53"/>
    </row>
    <row r="751" spans="1:92" outlineLevel="1">
      <c r="A751" s="52" t="s">
        <v>1351</v>
      </c>
      <c r="B751" s="53">
        <v>0</v>
      </c>
      <c r="C751" s="53">
        <v>0</v>
      </c>
      <c r="D751" s="53">
        <v>0</v>
      </c>
      <c r="E751" s="53">
        <v>0</v>
      </c>
      <c r="F751" s="53">
        <v>0</v>
      </c>
      <c r="G751" s="53">
        <v>0</v>
      </c>
      <c r="H751" s="53">
        <v>0</v>
      </c>
      <c r="I751" s="53">
        <v>0</v>
      </c>
      <c r="J751" s="53">
        <v>0</v>
      </c>
      <c r="K751" s="53">
        <v>0</v>
      </c>
      <c r="L751" s="53">
        <v>0</v>
      </c>
      <c r="M751" s="53">
        <v>0</v>
      </c>
      <c r="N751" s="53">
        <v>0</v>
      </c>
      <c r="O751" s="53">
        <v>0</v>
      </c>
      <c r="P751" s="53">
        <v>0</v>
      </c>
      <c r="Q751" s="53">
        <v>0</v>
      </c>
      <c r="R751" s="53">
        <v>0</v>
      </c>
      <c r="S751" s="53">
        <v>0</v>
      </c>
      <c r="T751" s="53">
        <v>0</v>
      </c>
      <c r="U751" s="53">
        <v>0</v>
      </c>
      <c r="V751" s="53">
        <v>0</v>
      </c>
      <c r="W751" s="53">
        <v>0</v>
      </c>
      <c r="X751" s="53">
        <v>0</v>
      </c>
      <c r="Y751" s="53">
        <v>0</v>
      </c>
      <c r="Z751" s="53">
        <v>0</v>
      </c>
      <c r="AA751" s="53">
        <v>0</v>
      </c>
      <c r="AB751" s="53">
        <v>0</v>
      </c>
      <c r="AC751" s="53">
        <v>0</v>
      </c>
      <c r="AD751" s="53">
        <v>0</v>
      </c>
      <c r="AE751" s="53">
        <v>0</v>
      </c>
      <c r="AF751" s="53">
        <v>0</v>
      </c>
      <c r="AG751" s="53">
        <v>0</v>
      </c>
      <c r="AH751" s="53">
        <v>0</v>
      </c>
      <c r="AI751" s="53">
        <v>0</v>
      </c>
      <c r="AJ751" s="53">
        <v>0</v>
      </c>
      <c r="AK751" s="53">
        <v>0</v>
      </c>
      <c r="AL751" s="53">
        <v>0</v>
      </c>
      <c r="AM751" s="53">
        <v>0</v>
      </c>
      <c r="AN751" s="53">
        <v>0</v>
      </c>
      <c r="AO751" s="53">
        <v>0</v>
      </c>
      <c r="AP751" s="53">
        <v>0</v>
      </c>
      <c r="AQ751" s="53">
        <v>0</v>
      </c>
      <c r="AR751" s="53">
        <v>0</v>
      </c>
      <c r="AS751" s="53">
        <v>0</v>
      </c>
      <c r="AT751" s="53">
        <v>0</v>
      </c>
      <c r="AU751" s="53">
        <v>0</v>
      </c>
      <c r="AV751" s="53">
        <v>0</v>
      </c>
      <c r="AW751" s="53">
        <v>0</v>
      </c>
      <c r="AX751" s="53">
        <v>0</v>
      </c>
      <c r="AY751" s="53">
        <v>0</v>
      </c>
      <c r="AZ751" s="53">
        <v>0</v>
      </c>
      <c r="BA751" s="53">
        <v>0</v>
      </c>
      <c r="BB751" s="53">
        <v>0</v>
      </c>
      <c r="BC751" s="53">
        <v>0</v>
      </c>
      <c r="BD751" s="53">
        <v>0</v>
      </c>
      <c r="BE751" s="53">
        <v>0</v>
      </c>
      <c r="BF751" s="53">
        <v>0</v>
      </c>
      <c r="BG751" s="53">
        <v>0</v>
      </c>
      <c r="BH751" s="53">
        <v>0</v>
      </c>
      <c r="BI751" s="53">
        <v>0</v>
      </c>
      <c r="BJ751" s="53">
        <v>0</v>
      </c>
      <c r="BK751" s="53">
        <v>0</v>
      </c>
      <c r="BL751" s="53">
        <v>0</v>
      </c>
      <c r="BM751" s="53">
        <v>0</v>
      </c>
      <c r="BN751" s="53">
        <v>0</v>
      </c>
      <c r="BO751" s="53">
        <v>0</v>
      </c>
      <c r="BP751" s="53">
        <v>0</v>
      </c>
      <c r="BQ751" s="53">
        <v>0</v>
      </c>
      <c r="BR751" s="53">
        <v>0</v>
      </c>
      <c r="BS751" s="53">
        <v>0</v>
      </c>
      <c r="BT751" s="53">
        <v>0</v>
      </c>
      <c r="BU751" s="53">
        <v>0</v>
      </c>
      <c r="BV751" s="53">
        <v>0</v>
      </c>
      <c r="BW751" s="53">
        <v>0</v>
      </c>
      <c r="BX751" s="53">
        <v>0</v>
      </c>
      <c r="BY751" s="53">
        <v>0</v>
      </c>
      <c r="BZ751" s="53">
        <v>0</v>
      </c>
      <c r="CA751" s="53">
        <v>0</v>
      </c>
      <c r="CB751" s="53"/>
      <c r="CC751" s="53"/>
      <c r="CD751" s="53"/>
      <c r="CE751" s="53"/>
      <c r="CF751" s="53"/>
      <c r="CG751" s="53"/>
      <c r="CH751" s="53"/>
      <c r="CI751" s="53"/>
      <c r="CJ751" s="53"/>
      <c r="CK751" s="53"/>
      <c r="CL751" s="53"/>
      <c r="CM751" s="53"/>
      <c r="CN751" s="53"/>
    </row>
    <row r="752" spans="1:92" outlineLevel="1">
      <c r="A752" s="52" t="s">
        <v>1218</v>
      </c>
      <c r="B752" s="53">
        <v>1343156892.4590001</v>
      </c>
      <c r="C752" s="53">
        <v>1336281010.6599901</v>
      </c>
      <c r="D752" s="53">
        <v>1365058727.2899899</v>
      </c>
      <c r="E752" s="53">
        <v>1426106448.8</v>
      </c>
      <c r="F752" s="53">
        <v>1440867085.8499999</v>
      </c>
      <c r="G752" s="53">
        <v>1525643564.8900001</v>
      </c>
      <c r="H752" s="53">
        <v>1327209176.4300001</v>
      </c>
      <c r="I752" s="53">
        <v>1368128056.0599999</v>
      </c>
      <c r="J752" s="53">
        <v>1359914537.78</v>
      </c>
      <c r="K752" s="53">
        <v>1445110857.4200001</v>
      </c>
      <c r="L752" s="53">
        <v>1590544721.27</v>
      </c>
      <c r="M752" s="53">
        <v>1672327461.5799999</v>
      </c>
      <c r="N752" s="53">
        <v>1343156892.4590001</v>
      </c>
      <c r="O752" s="53">
        <v>1756526450.75</v>
      </c>
      <c r="P752" s="53">
        <v>1839279075.3365901</v>
      </c>
      <c r="Q752" s="53">
        <v>1890813365.2980299</v>
      </c>
      <c r="R752" s="53">
        <v>1532875333.4895301</v>
      </c>
      <c r="S752" s="53">
        <v>1588638512.13905</v>
      </c>
      <c r="T752" s="53">
        <v>1551302766.1259</v>
      </c>
      <c r="U752" s="53">
        <v>1584251015.6384399</v>
      </c>
      <c r="V752" s="53">
        <v>1687556120.10375</v>
      </c>
      <c r="W752" s="53">
        <v>1827465906.5910599</v>
      </c>
      <c r="X752" s="53">
        <v>1896241493.4624901</v>
      </c>
      <c r="Y752" s="53">
        <v>2055530641.5768199</v>
      </c>
      <c r="Z752" s="53">
        <v>2138781306.0051501</v>
      </c>
      <c r="AA752" s="53">
        <v>1756526450.75</v>
      </c>
      <c r="AB752" s="53">
        <v>1654070768.6586299</v>
      </c>
      <c r="AC752" s="53">
        <v>1582704177.6542799</v>
      </c>
      <c r="AD752" s="53">
        <v>1559848228.7795601</v>
      </c>
      <c r="AE752" s="53">
        <v>1599836768.1594801</v>
      </c>
      <c r="AF752" s="53">
        <v>1773454481.80638</v>
      </c>
      <c r="AG752" s="53">
        <v>1910224865.9553699</v>
      </c>
      <c r="AH752" s="53">
        <v>1755082469.0560501</v>
      </c>
      <c r="AI752" s="53">
        <v>1909925623.6732199</v>
      </c>
      <c r="AJ752" s="53">
        <v>2046218891.4476399</v>
      </c>
      <c r="AK752" s="53">
        <v>2115911274.58882</v>
      </c>
      <c r="AL752" s="53">
        <v>2121178654.17363</v>
      </c>
      <c r="AM752" s="53">
        <v>2188398299.3917499</v>
      </c>
      <c r="AN752" s="53">
        <v>1654070768.6586299</v>
      </c>
      <c r="AO752" s="53">
        <v>1414135607.13604</v>
      </c>
      <c r="AP752" s="53">
        <v>1529477758.71977</v>
      </c>
      <c r="AQ752" s="53">
        <v>1706714576.6630499</v>
      </c>
      <c r="AR752" s="53">
        <v>1594527439.9941001</v>
      </c>
      <c r="AS752" s="53">
        <v>1724573404.00157</v>
      </c>
      <c r="AT752" s="53">
        <v>1883014743.0246999</v>
      </c>
      <c r="AU752" s="53">
        <v>1893535754.15588</v>
      </c>
      <c r="AV752" s="53">
        <v>2063514714.15646</v>
      </c>
      <c r="AW752" s="53">
        <v>2228534375.3754201</v>
      </c>
      <c r="AX752" s="53">
        <v>2155489691.9955101</v>
      </c>
      <c r="AY752" s="53">
        <v>2331093908.7539301</v>
      </c>
      <c r="AZ752" s="53">
        <v>2502869735.3189802</v>
      </c>
      <c r="BA752" s="53">
        <v>1414135607.13604</v>
      </c>
      <c r="BB752" s="53">
        <v>1072693742.74371</v>
      </c>
      <c r="BC752" s="53">
        <v>1202711479.31233</v>
      </c>
      <c r="BD752" s="53">
        <v>1352780499.4200001</v>
      </c>
      <c r="BE752" s="53">
        <v>1435413198.2293401</v>
      </c>
      <c r="BF752" s="53">
        <v>1587920580.0895801</v>
      </c>
      <c r="BG752" s="53">
        <v>1690255164.62956</v>
      </c>
      <c r="BH752" s="53">
        <v>1369152266.8996799</v>
      </c>
      <c r="BI752" s="53">
        <v>1375122686.6403899</v>
      </c>
      <c r="BJ752" s="53">
        <v>1515569130.3493199</v>
      </c>
      <c r="BK752" s="53">
        <v>1587662470.04073</v>
      </c>
      <c r="BL752" s="53">
        <v>1731577770.42767</v>
      </c>
      <c r="BM752" s="53">
        <v>1867834063.50179</v>
      </c>
      <c r="BN752" s="53">
        <v>1072693742.74371</v>
      </c>
      <c r="BO752" s="53">
        <v>1517997587.0640199</v>
      </c>
      <c r="BP752" s="53">
        <v>1665282780.28492</v>
      </c>
      <c r="BQ752" s="53">
        <v>1813692084.47118</v>
      </c>
      <c r="BR752" s="53">
        <v>1796616319.7097499</v>
      </c>
      <c r="BS752" s="53">
        <v>1938345594.6298001</v>
      </c>
      <c r="BT752" s="53">
        <v>2062997268.07126</v>
      </c>
      <c r="BU752" s="53">
        <v>1741205977.45947</v>
      </c>
      <c r="BV752" s="53">
        <v>1718402103.5571101</v>
      </c>
      <c r="BW752" s="53">
        <v>1863470098.03425</v>
      </c>
      <c r="BX752" s="53">
        <v>1913407807.57463</v>
      </c>
      <c r="BY752" s="53">
        <v>2001079154.10888</v>
      </c>
      <c r="BZ752" s="53">
        <v>2138943929.8968201</v>
      </c>
      <c r="CA752" s="53">
        <v>1517997587.0640199</v>
      </c>
      <c r="CB752" s="53"/>
      <c r="CC752" s="53"/>
      <c r="CD752" s="53"/>
      <c r="CE752" s="53"/>
      <c r="CF752" s="53"/>
      <c r="CG752" s="53"/>
      <c r="CH752" s="53"/>
      <c r="CI752" s="53"/>
      <c r="CJ752" s="53"/>
      <c r="CK752" s="53"/>
      <c r="CL752" s="53"/>
      <c r="CM752" s="53"/>
      <c r="CN752" s="53"/>
    </row>
    <row r="753" spans="1:92" outlineLevel="1">
      <c r="A753" s="52" t="s">
        <v>699</v>
      </c>
      <c r="B753" s="53"/>
      <c r="C753" s="53"/>
      <c r="D753" s="53"/>
      <c r="E753" s="53"/>
      <c r="F753" s="53"/>
      <c r="G753" s="53"/>
      <c r="H753" s="53"/>
      <c r="I753" s="53"/>
      <c r="J753" s="53"/>
      <c r="K753" s="53"/>
      <c r="L753" s="53"/>
      <c r="M753" s="53"/>
      <c r="N753" s="53"/>
      <c r="O753" s="53"/>
      <c r="P753" s="53"/>
      <c r="Q753" s="53"/>
      <c r="R753" s="53"/>
      <c r="S753" s="53"/>
      <c r="T753" s="53"/>
      <c r="U753" s="53"/>
      <c r="V753" s="53"/>
      <c r="W753" s="53"/>
      <c r="X753" s="53"/>
      <c r="Y753" s="53"/>
      <c r="Z753" s="53"/>
      <c r="AA753" s="53"/>
      <c r="AB753" s="53"/>
      <c r="AC753" s="53"/>
      <c r="AD753" s="53"/>
      <c r="AE753" s="53"/>
      <c r="AF753" s="53"/>
      <c r="AG753" s="53"/>
      <c r="AH753" s="53"/>
      <c r="AI753" s="53"/>
      <c r="AJ753" s="53"/>
      <c r="AK753" s="53"/>
      <c r="AL753" s="53"/>
      <c r="AM753" s="53"/>
      <c r="AN753" s="53"/>
      <c r="AO753" s="53"/>
      <c r="AP753" s="53"/>
      <c r="AQ753" s="53"/>
      <c r="AR753" s="53"/>
      <c r="AS753" s="53"/>
      <c r="AT753" s="53"/>
      <c r="AU753" s="53"/>
      <c r="AV753" s="53"/>
      <c r="AW753" s="53"/>
      <c r="AX753" s="53"/>
      <c r="AY753" s="53"/>
      <c r="AZ753" s="53"/>
      <c r="BA753" s="53"/>
      <c r="BB753" s="53"/>
      <c r="BC753" s="53"/>
      <c r="BD753" s="53"/>
      <c r="BE753" s="53"/>
      <c r="BF753" s="53"/>
      <c r="BG753" s="53"/>
      <c r="BH753" s="53"/>
      <c r="BI753" s="53"/>
      <c r="BJ753" s="53"/>
      <c r="BK753" s="53"/>
      <c r="BL753" s="53"/>
      <c r="BM753" s="53"/>
      <c r="BN753" s="53"/>
      <c r="BO753" s="53"/>
      <c r="BP753" s="53"/>
      <c r="BQ753" s="53"/>
      <c r="BR753" s="53"/>
      <c r="BS753" s="53"/>
      <c r="BT753" s="53"/>
      <c r="BU753" s="53"/>
      <c r="BV753" s="53"/>
      <c r="BW753" s="53"/>
      <c r="BX753" s="53"/>
      <c r="BY753" s="53"/>
      <c r="BZ753" s="53"/>
      <c r="CA753" s="53"/>
      <c r="CB753" s="53">
        <v>-84849019.661116406</v>
      </c>
      <c r="CC753" s="53">
        <v>-80638335.8186225</v>
      </c>
      <c r="CD753" s="53">
        <v>-141855068.726616</v>
      </c>
      <c r="CE753" s="53">
        <v>-65071067.381324001</v>
      </c>
      <c r="CF753" s="53">
        <v>-64583708.528266102</v>
      </c>
      <c r="CG753" s="53">
        <v>-533105490.71989799</v>
      </c>
      <c r="CH753" s="53">
        <v>-84941868.224685207</v>
      </c>
      <c r="CI753" s="53">
        <v>-81106711.098046094</v>
      </c>
      <c r="CJ753" s="53">
        <v>-156861231.42036501</v>
      </c>
      <c r="CK753" s="53">
        <v>-80791442.160578594</v>
      </c>
      <c r="CL753" s="53">
        <v>-120740389.49302</v>
      </c>
      <c r="CM753" s="53">
        <v>-659426696.48250401</v>
      </c>
      <c r="CN753" s="53">
        <v>-2153971029.7150402</v>
      </c>
    </row>
    <row r="754" spans="1:92" outlineLevel="1">
      <c r="A754" s="52" t="s">
        <v>673</v>
      </c>
      <c r="B754" s="53"/>
      <c r="C754" s="53"/>
      <c r="D754" s="53"/>
      <c r="E754" s="53"/>
      <c r="F754" s="53"/>
      <c r="G754" s="53"/>
      <c r="H754" s="53"/>
      <c r="I754" s="53"/>
      <c r="J754" s="53"/>
      <c r="K754" s="53"/>
      <c r="L754" s="53"/>
      <c r="M754" s="53"/>
      <c r="N754" s="53"/>
      <c r="O754" s="53"/>
      <c r="P754" s="53"/>
      <c r="Q754" s="53"/>
      <c r="R754" s="53"/>
      <c r="S754" s="53"/>
      <c r="T754" s="53"/>
      <c r="U754" s="53"/>
      <c r="V754" s="53"/>
      <c r="W754" s="53"/>
      <c r="X754" s="53"/>
      <c r="Y754" s="53"/>
      <c r="Z754" s="53"/>
      <c r="AA754" s="53"/>
      <c r="AB754" s="53"/>
      <c r="AC754" s="53"/>
      <c r="AD754" s="53"/>
      <c r="AE754" s="53"/>
      <c r="AF754" s="53"/>
      <c r="AG754" s="53"/>
      <c r="AH754" s="53"/>
      <c r="AI754" s="53"/>
      <c r="AJ754" s="53"/>
      <c r="AK754" s="53"/>
      <c r="AL754" s="53"/>
      <c r="AM754" s="53"/>
      <c r="AN754" s="53"/>
      <c r="AO754" s="53"/>
      <c r="AP754" s="53"/>
      <c r="AQ754" s="53"/>
      <c r="AR754" s="53"/>
      <c r="AS754" s="53"/>
      <c r="AT754" s="53"/>
      <c r="AU754" s="53"/>
      <c r="AV754" s="53"/>
      <c r="AW754" s="53"/>
      <c r="AX754" s="53"/>
      <c r="AY754" s="53"/>
      <c r="AZ754" s="53"/>
      <c r="BA754" s="53"/>
      <c r="BB754" s="53"/>
      <c r="BC754" s="53"/>
      <c r="BD754" s="53"/>
      <c r="BE754" s="53"/>
      <c r="BF754" s="53"/>
      <c r="BG754" s="53"/>
      <c r="BH754" s="53"/>
      <c r="BI754" s="53"/>
      <c r="BJ754" s="53"/>
      <c r="BK754" s="53"/>
      <c r="BL754" s="53"/>
      <c r="BM754" s="53"/>
      <c r="BN754" s="53"/>
      <c r="BO754" s="53"/>
      <c r="BP754" s="53"/>
      <c r="BQ754" s="53"/>
      <c r="BR754" s="53"/>
      <c r="BS754" s="53"/>
      <c r="BT754" s="53"/>
      <c r="BU754" s="53"/>
      <c r="BV754" s="53"/>
      <c r="BW754" s="53"/>
      <c r="BX754" s="53"/>
      <c r="BY754" s="53"/>
      <c r="BZ754" s="53"/>
      <c r="CA754" s="53"/>
      <c r="CB754" s="53"/>
      <c r="CC754" s="53"/>
      <c r="CD754" s="53"/>
      <c r="CE754" s="53"/>
      <c r="CF754" s="53"/>
      <c r="CG754" s="53"/>
      <c r="CH754" s="53"/>
      <c r="CI754" s="53"/>
      <c r="CJ754" s="53"/>
      <c r="CK754" s="53"/>
      <c r="CL754" s="53"/>
      <c r="CM754" s="53"/>
      <c r="CN754" s="53"/>
    </row>
    <row r="755" spans="1:92">
      <c r="A755" s="52" t="s">
        <v>1352</v>
      </c>
      <c r="B755" s="53"/>
      <c r="C755" s="53"/>
      <c r="D755" s="53"/>
      <c r="E755" s="53"/>
      <c r="F755" s="53"/>
      <c r="G755" s="53"/>
      <c r="H755" s="53"/>
      <c r="I755" s="53"/>
      <c r="J755" s="53"/>
      <c r="K755" s="53"/>
      <c r="L755" s="53"/>
      <c r="M755" s="53"/>
      <c r="N755" s="53"/>
      <c r="O755" s="53"/>
      <c r="P755" s="53"/>
      <c r="Q755" s="53"/>
      <c r="R755" s="53"/>
      <c r="S755" s="53"/>
      <c r="T755" s="53"/>
      <c r="U755" s="53"/>
      <c r="V755" s="53"/>
      <c r="W755" s="53"/>
      <c r="X755" s="53"/>
      <c r="Y755" s="53"/>
      <c r="Z755" s="53"/>
      <c r="AA755" s="53"/>
      <c r="AB755" s="53"/>
      <c r="AC755" s="53"/>
      <c r="AD755" s="53"/>
      <c r="AE755" s="53"/>
      <c r="AF755" s="53"/>
      <c r="AG755" s="53"/>
      <c r="AH755" s="53"/>
      <c r="AI755" s="53"/>
      <c r="AJ755" s="53"/>
      <c r="AK755" s="53"/>
      <c r="AL755" s="53"/>
      <c r="AM755" s="53"/>
      <c r="AN755" s="53"/>
      <c r="AO755" s="53"/>
      <c r="AP755" s="53"/>
      <c r="AQ755" s="53"/>
      <c r="AR755" s="53"/>
      <c r="AS755" s="53"/>
      <c r="AT755" s="53"/>
      <c r="AU755" s="53"/>
      <c r="AV755" s="53"/>
      <c r="AW755" s="53"/>
      <c r="AX755" s="53"/>
      <c r="AY755" s="53"/>
      <c r="AZ755" s="53"/>
      <c r="BA755" s="53"/>
      <c r="BB755" s="53"/>
      <c r="BC755" s="53"/>
      <c r="BD755" s="53"/>
      <c r="BE755" s="53"/>
      <c r="BF755" s="53"/>
      <c r="BG755" s="53"/>
      <c r="BH755" s="53"/>
      <c r="BI755" s="53"/>
      <c r="BJ755" s="53"/>
      <c r="BK755" s="53"/>
      <c r="BL755" s="53"/>
      <c r="BM755" s="53"/>
      <c r="BN755" s="53"/>
      <c r="BO755" s="53"/>
      <c r="BP755" s="53"/>
      <c r="BQ755" s="53"/>
      <c r="BR755" s="53"/>
      <c r="BS755" s="53"/>
      <c r="BT755" s="53"/>
      <c r="BU755" s="53"/>
      <c r="BV755" s="53"/>
      <c r="BW755" s="53"/>
      <c r="BX755" s="53"/>
      <c r="BY755" s="53"/>
      <c r="BZ755" s="53"/>
      <c r="CA755" s="53"/>
      <c r="CB755" s="53"/>
      <c r="CC755" s="53"/>
      <c r="CD755" s="53"/>
      <c r="CE755" s="53"/>
      <c r="CF755" s="53"/>
      <c r="CG755" s="53"/>
      <c r="CH755" s="53"/>
      <c r="CI755" s="53"/>
      <c r="CJ755" s="53"/>
      <c r="CK755" s="53"/>
      <c r="CL755" s="53"/>
      <c r="CM755" s="53"/>
      <c r="CN755" s="53"/>
    </row>
    <row r="756" spans="1:92">
      <c r="A756" s="52" t="s">
        <v>649</v>
      </c>
      <c r="B756" s="53">
        <v>103318560</v>
      </c>
      <c r="C756" s="53">
        <v>140744800</v>
      </c>
      <c r="D756" s="53">
        <v>167840800</v>
      </c>
      <c r="E756" s="53">
        <v>154284289.99999899</v>
      </c>
      <c r="F756" s="53">
        <v>258649349.99999899</v>
      </c>
      <c r="G756" s="53">
        <v>217434739.99999899</v>
      </c>
      <c r="H756" s="53">
        <v>159981630</v>
      </c>
      <c r="I756" s="53">
        <v>219280880</v>
      </c>
      <c r="J756" s="53">
        <v>207881169.99999899</v>
      </c>
      <c r="K756" s="53">
        <v>300386209.99999899</v>
      </c>
      <c r="L756" s="53">
        <v>221314649.99999899</v>
      </c>
      <c r="M756" s="53">
        <v>277317529.99999899</v>
      </c>
      <c r="N756" s="53">
        <v>2428434609.99999</v>
      </c>
      <c r="O756" s="53">
        <v>202182964.45534399</v>
      </c>
      <c r="P756" s="53">
        <v>200140742.50114399</v>
      </c>
      <c r="Q756" s="53">
        <v>224880906.00300401</v>
      </c>
      <c r="R756" s="53">
        <v>215662028.540364</v>
      </c>
      <c r="S756" s="53">
        <v>236964754.188384</v>
      </c>
      <c r="T756" s="53">
        <v>210502766.87760401</v>
      </c>
      <c r="U756" s="53">
        <v>192650990.52264401</v>
      </c>
      <c r="V756" s="53">
        <v>198396007.992064</v>
      </c>
      <c r="W756" s="53">
        <v>202106724.176404</v>
      </c>
      <c r="X756" s="53">
        <v>226400334.869784</v>
      </c>
      <c r="Y756" s="53">
        <v>193205210.20152399</v>
      </c>
      <c r="Z756" s="53">
        <v>191173151.02426401</v>
      </c>
      <c r="AA756" s="53">
        <v>2494266581.35253</v>
      </c>
      <c r="AB756" s="53">
        <v>192388974.96541899</v>
      </c>
      <c r="AC756" s="53">
        <v>214112456.02841899</v>
      </c>
      <c r="AD756" s="53">
        <v>213928053.10341901</v>
      </c>
      <c r="AE756" s="53">
        <v>229578835.82741901</v>
      </c>
      <c r="AF756" s="53">
        <v>209042806.501618</v>
      </c>
      <c r="AG756" s="53">
        <v>217084659.61661899</v>
      </c>
      <c r="AH756" s="53">
        <v>213660969.781719</v>
      </c>
      <c r="AI756" s="53">
        <v>225874169.684219</v>
      </c>
      <c r="AJ756" s="53">
        <v>215408911.337219</v>
      </c>
      <c r="AK756" s="53">
        <v>201256504.117118</v>
      </c>
      <c r="AL756" s="53">
        <v>201937395.66961801</v>
      </c>
      <c r="AM756" s="53">
        <v>211710386.04311901</v>
      </c>
      <c r="AN756" s="53">
        <v>2545984122.67592</v>
      </c>
      <c r="AO756" s="53">
        <v>214077903.15562001</v>
      </c>
      <c r="AP756" s="53">
        <v>230228065.455378</v>
      </c>
      <c r="AQ756" s="53">
        <v>235612805.31905299</v>
      </c>
      <c r="AR756" s="53">
        <v>230213062.99494401</v>
      </c>
      <c r="AS756" s="53">
        <v>235044967.080715</v>
      </c>
      <c r="AT756" s="53">
        <v>239547898.05966899</v>
      </c>
      <c r="AU756" s="53">
        <v>237150734.25046399</v>
      </c>
      <c r="AV756" s="53">
        <v>249960972.69338399</v>
      </c>
      <c r="AW756" s="53">
        <v>231465948.30120599</v>
      </c>
      <c r="AX756" s="53">
        <v>239814516.45315999</v>
      </c>
      <c r="AY756" s="53">
        <v>240531613.57706299</v>
      </c>
      <c r="AZ756" s="53">
        <v>237415825.78288001</v>
      </c>
      <c r="BA756" s="53">
        <v>2821064313.1235399</v>
      </c>
      <c r="BB756" s="53">
        <v>207362280.766691</v>
      </c>
      <c r="BC756" s="53">
        <v>208188989.72943401</v>
      </c>
      <c r="BD756" s="53">
        <v>221920911.534475</v>
      </c>
      <c r="BE756" s="53">
        <v>214308450.714614</v>
      </c>
      <c r="BF756" s="53">
        <v>217051179.10440999</v>
      </c>
      <c r="BG756" s="53">
        <v>218499721.95499</v>
      </c>
      <c r="BH756" s="53">
        <v>214827264.23712999</v>
      </c>
      <c r="BI756" s="53">
        <v>248586943.253598</v>
      </c>
      <c r="BJ756" s="53">
        <v>234522884.69373</v>
      </c>
      <c r="BK756" s="53">
        <v>230097223.01508799</v>
      </c>
      <c r="BL756" s="53">
        <v>227389398.61427501</v>
      </c>
      <c r="BM756" s="53">
        <v>223769915.66007099</v>
      </c>
      <c r="BN756" s="53">
        <v>2666525163.2785101</v>
      </c>
      <c r="BO756" s="53">
        <v>196823283.03911</v>
      </c>
      <c r="BP756" s="53">
        <v>202557655.77661699</v>
      </c>
      <c r="BQ756" s="53">
        <v>221557832.54507899</v>
      </c>
      <c r="BR756" s="53">
        <v>209186681.46915901</v>
      </c>
      <c r="BS756" s="53">
        <v>213231125.51449701</v>
      </c>
      <c r="BT756" s="53">
        <v>212223449.98424801</v>
      </c>
      <c r="BU756" s="53">
        <v>212294827.970319</v>
      </c>
      <c r="BV756" s="53">
        <v>236399547.18014899</v>
      </c>
      <c r="BW756" s="53">
        <v>219211910.374006</v>
      </c>
      <c r="BX756" s="53">
        <v>236643794.76525199</v>
      </c>
      <c r="BY756" s="53">
        <v>231045801.89569601</v>
      </c>
      <c r="BZ756" s="53">
        <v>223343033.79452601</v>
      </c>
      <c r="CA756" s="53">
        <v>2614518944.30866</v>
      </c>
      <c r="CB756" s="53">
        <v>-84849019.661116302</v>
      </c>
      <c r="CC756" s="53">
        <v>-80638335.818622395</v>
      </c>
      <c r="CD756" s="53">
        <v>-141855068.726616</v>
      </c>
      <c r="CE756" s="53">
        <v>-65071067.381324001</v>
      </c>
      <c r="CF756" s="53">
        <v>-64583708.528266102</v>
      </c>
      <c r="CG756" s="53">
        <v>-533105490.71989799</v>
      </c>
      <c r="CH756" s="53">
        <v>-84941868.224685103</v>
      </c>
      <c r="CI756" s="53">
        <v>-81106711.098046005</v>
      </c>
      <c r="CJ756" s="53">
        <v>-156861231.42036501</v>
      </c>
      <c r="CK756" s="53">
        <v>-80791442.160578504</v>
      </c>
      <c r="CL756" s="53">
        <v>-120740389.49302</v>
      </c>
      <c r="CM756" s="53">
        <v>-659426696.48250496</v>
      </c>
      <c r="CN756" s="53">
        <v>-2153971029.7150402</v>
      </c>
    </row>
    <row r="757" spans="1:92">
      <c r="A757" s="52" t="s">
        <v>674</v>
      </c>
      <c r="B757" s="53"/>
      <c r="C757" s="53"/>
      <c r="D757" s="53"/>
      <c r="E757" s="53"/>
      <c r="F757" s="53"/>
      <c r="G757" s="53"/>
      <c r="H757" s="53"/>
      <c r="I757" s="53"/>
      <c r="J757" s="53"/>
      <c r="K757" s="53"/>
      <c r="L757" s="53"/>
      <c r="M757" s="53"/>
      <c r="N757" s="53"/>
      <c r="O757" s="53"/>
      <c r="P757" s="53"/>
      <c r="Q757" s="53"/>
      <c r="R757" s="53"/>
      <c r="S757" s="53"/>
      <c r="T757" s="53"/>
      <c r="U757" s="53"/>
      <c r="V757" s="53"/>
      <c r="W757" s="53"/>
      <c r="X757" s="53"/>
      <c r="Y757" s="53"/>
      <c r="Z757" s="53"/>
      <c r="AA757" s="53"/>
      <c r="AB757" s="53"/>
      <c r="AC757" s="53"/>
      <c r="AD757" s="53"/>
      <c r="AE757" s="53"/>
      <c r="AF757" s="53"/>
      <c r="AG757" s="53"/>
      <c r="AH757" s="53"/>
      <c r="AI757" s="53"/>
      <c r="AJ757" s="53"/>
      <c r="AK757" s="53"/>
      <c r="AL757" s="53"/>
      <c r="AM757" s="53"/>
      <c r="AN757" s="53"/>
      <c r="AO757" s="53"/>
      <c r="AP757" s="53"/>
      <c r="AQ757" s="53"/>
      <c r="AR757" s="53"/>
      <c r="AS757" s="53"/>
      <c r="AT757" s="53"/>
      <c r="AU757" s="53"/>
      <c r="AV757" s="53"/>
      <c r="AW757" s="53"/>
      <c r="AX757" s="53"/>
      <c r="AY757" s="53"/>
      <c r="AZ757" s="53"/>
      <c r="BA757" s="53"/>
      <c r="BB757" s="53"/>
      <c r="BC757" s="53"/>
      <c r="BD757" s="53"/>
      <c r="BE757" s="53"/>
      <c r="BF757" s="53"/>
      <c r="BG757" s="53"/>
      <c r="BH757" s="53"/>
      <c r="BI757" s="53"/>
      <c r="BJ757" s="53"/>
      <c r="BK757" s="53"/>
      <c r="BL757" s="53"/>
      <c r="BM757" s="53"/>
      <c r="BN757" s="53"/>
      <c r="BO757" s="53"/>
      <c r="BP757" s="53"/>
      <c r="BQ757" s="53"/>
      <c r="BR757" s="53"/>
      <c r="BS757" s="53"/>
      <c r="BT757" s="53"/>
      <c r="BU757" s="53"/>
      <c r="BV757" s="53"/>
      <c r="BW757" s="53"/>
      <c r="BX757" s="53"/>
      <c r="BY757" s="53"/>
      <c r="BZ757" s="53"/>
      <c r="CA757" s="53"/>
      <c r="CB757" s="53">
        <v>835117654.68882</v>
      </c>
      <c r="CC757" s="53">
        <v>941966817.06547594</v>
      </c>
      <c r="CD757" s="53">
        <v>996767619.32139897</v>
      </c>
      <c r="CE757" s="53">
        <v>1127469915.0814199</v>
      </c>
      <c r="CF757" s="53">
        <v>1252515103.0880599</v>
      </c>
      <c r="CG757" s="53">
        <v>905834891.62454498</v>
      </c>
      <c r="CH757" s="53">
        <v>1008525676.67957</v>
      </c>
      <c r="CI757" s="53">
        <v>1108587248.1431401</v>
      </c>
      <c r="CJ757" s="53">
        <v>1132564654.8011501</v>
      </c>
      <c r="CK757" s="53">
        <v>1242262179.5235901</v>
      </c>
      <c r="CL757" s="53">
        <v>1307236562.24809</v>
      </c>
      <c r="CM757" s="53">
        <v>830576821.67599499</v>
      </c>
      <c r="CN757" s="53">
        <v>830576821.67599499</v>
      </c>
    </row>
    <row r="758" spans="1:92">
      <c r="A758" s="52" t="s">
        <v>649</v>
      </c>
      <c r="B758" s="53">
        <v>659509.99999999895</v>
      </c>
      <c r="C758" s="53">
        <v>693460</v>
      </c>
      <c r="D758" s="53">
        <v>768239.99999999895</v>
      </c>
      <c r="E758" s="53">
        <v>769809.99999999895</v>
      </c>
      <c r="F758" s="53">
        <v>675849.99999999895</v>
      </c>
      <c r="G758" s="53">
        <v>649280</v>
      </c>
      <c r="H758" s="53">
        <v>480100</v>
      </c>
      <c r="I758" s="53">
        <v>406610</v>
      </c>
      <c r="J758" s="53">
        <v>359680</v>
      </c>
      <c r="K758" s="53">
        <v>351859.99999999901</v>
      </c>
      <c r="L758" s="53">
        <v>402550</v>
      </c>
      <c r="M758" s="53">
        <v>423819.99999999901</v>
      </c>
      <c r="N758" s="53">
        <v>6640769.9999999898</v>
      </c>
      <c r="O758" s="53">
        <v>469075.49381196802</v>
      </c>
      <c r="P758" s="53">
        <v>514533.18557887501</v>
      </c>
      <c r="Q758" s="53">
        <v>546684.14014808601</v>
      </c>
      <c r="R758" s="53">
        <v>571537.42212952406</v>
      </c>
      <c r="S758" s="53">
        <v>434018.48589882901</v>
      </c>
      <c r="T758" s="53">
        <v>461650.855758561</v>
      </c>
      <c r="U758" s="53">
        <v>485421.43484528299</v>
      </c>
      <c r="V758" s="53">
        <v>508300.62828345899</v>
      </c>
      <c r="W758" s="53">
        <v>530751.76839785499</v>
      </c>
      <c r="X758" s="53">
        <v>556818.50764614297</v>
      </c>
      <c r="Y758" s="53">
        <v>585975.158550789</v>
      </c>
      <c r="Z758" s="53">
        <v>612168.84344826604</v>
      </c>
      <c r="AA758" s="53">
        <v>6276935.9244976398</v>
      </c>
      <c r="AB758" s="53">
        <v>629646.84760394902</v>
      </c>
      <c r="AC758" s="53">
        <v>386002.92051833402</v>
      </c>
      <c r="AD758" s="53">
        <v>409161.31784538599</v>
      </c>
      <c r="AE758" s="53">
        <v>431669.12717703503</v>
      </c>
      <c r="AF758" s="53">
        <v>453970.72370911698</v>
      </c>
      <c r="AG758" s="53">
        <v>475548.87893423298</v>
      </c>
      <c r="AH758" s="53">
        <v>497348.59376690502</v>
      </c>
      <c r="AI758" s="53">
        <v>517766.12873328797</v>
      </c>
      <c r="AJ758" s="53">
        <v>539082.07158123597</v>
      </c>
      <c r="AK758" s="53">
        <v>367469.142248191</v>
      </c>
      <c r="AL758" s="53">
        <v>382530.85720435699</v>
      </c>
      <c r="AM758" s="53">
        <v>161548.96074721299</v>
      </c>
      <c r="AN758" s="53">
        <v>5251745.5700692497</v>
      </c>
      <c r="AO758" s="53">
        <v>165747.99787365401</v>
      </c>
      <c r="AP758" s="53">
        <v>171676.72019238601</v>
      </c>
      <c r="AQ758" s="53">
        <v>176681.904824992</v>
      </c>
      <c r="AR758" s="53">
        <v>181732.04937467899</v>
      </c>
      <c r="AS758" s="53">
        <v>186459.19055793001</v>
      </c>
      <c r="AT758" s="53">
        <v>191039.59711827699</v>
      </c>
      <c r="AU758" s="53">
        <v>196115.94614693301</v>
      </c>
      <c r="AV758" s="53">
        <v>201153.25668833099</v>
      </c>
      <c r="AW758" s="53">
        <v>206532.43743080701</v>
      </c>
      <c r="AX758" s="53">
        <v>211667.60756329601</v>
      </c>
      <c r="AY758" s="53">
        <v>215837.38486479199</v>
      </c>
      <c r="AZ758" s="53">
        <v>33643.239406726301</v>
      </c>
      <c r="BA758" s="53">
        <v>2138287.33204281</v>
      </c>
      <c r="BB758" s="53">
        <v>34123.487734871</v>
      </c>
      <c r="BC758" s="53">
        <v>40505.060553925403</v>
      </c>
      <c r="BD758" s="53">
        <v>52269.287573822803</v>
      </c>
      <c r="BE758" s="53">
        <v>64127.903262057</v>
      </c>
      <c r="BF758" s="53">
        <v>76081.928462397307</v>
      </c>
      <c r="BG758" s="53">
        <v>88132.397223583102</v>
      </c>
      <c r="BH758" s="53">
        <v>100280.356992029</v>
      </c>
      <c r="BI758" s="53">
        <v>112526.868807579</v>
      </c>
      <c r="BJ758" s="53">
        <v>124873.00750235999</v>
      </c>
      <c r="BK758" s="53">
        <v>137319.86190318799</v>
      </c>
      <c r="BL758" s="53">
        <v>149868.53503674999</v>
      </c>
      <c r="BM758" s="53">
        <v>162520.14433868899</v>
      </c>
      <c r="BN758" s="53">
        <v>1142628.8393912499</v>
      </c>
      <c r="BO758" s="53">
        <v>172296.31591302899</v>
      </c>
      <c r="BP758" s="53">
        <v>185313.97451285401</v>
      </c>
      <c r="BQ758" s="53">
        <v>32358.934880170302</v>
      </c>
      <c r="BR758" s="53">
        <v>38282.608624829998</v>
      </c>
      <c r="BS758" s="53">
        <v>44253.834543143799</v>
      </c>
      <c r="BT758" s="53">
        <v>50273.127764053403</v>
      </c>
      <c r="BU758" s="53">
        <v>56341.010090416399</v>
      </c>
      <c r="BV758" s="53">
        <v>62458.010096514503</v>
      </c>
      <c r="BW758" s="53">
        <v>68624.663227103694</v>
      </c>
      <c r="BX758" s="53">
        <v>74841.511898255107</v>
      </c>
      <c r="BY758" s="53">
        <v>81109.1055995426</v>
      </c>
      <c r="BZ758" s="53">
        <v>87428.000998212199</v>
      </c>
      <c r="CA758" s="53">
        <v>953581.09814812604</v>
      </c>
      <c r="CB758" s="53">
        <v>18725983659.629902</v>
      </c>
      <c r="CC758" s="53">
        <v>18725628274.629902</v>
      </c>
      <c r="CD758" s="53">
        <v>18725272889.629902</v>
      </c>
      <c r="CE758" s="53">
        <v>18724917504.629902</v>
      </c>
      <c r="CF758" s="53">
        <v>18724562119.629902</v>
      </c>
      <c r="CG758" s="53">
        <v>18724206734.629902</v>
      </c>
      <c r="CH758" s="53">
        <v>18723851349.629902</v>
      </c>
      <c r="CI758" s="53">
        <v>18723495964.629902</v>
      </c>
      <c r="CJ758" s="53">
        <v>18723140579.629902</v>
      </c>
      <c r="CK758" s="53">
        <v>18722785194.629902</v>
      </c>
      <c r="CL758" s="53">
        <v>18722429809.629902</v>
      </c>
      <c r="CM758" s="53">
        <v>18722074424.629902</v>
      </c>
      <c r="CN758" s="53">
        <v>18725983659.629902</v>
      </c>
    </row>
    <row r="759" spans="1:92">
      <c r="A759" s="52" t="s">
        <v>1353</v>
      </c>
      <c r="B759" s="53"/>
      <c r="C759" s="53"/>
      <c r="D759" s="53"/>
      <c r="E759" s="53"/>
      <c r="F759" s="53"/>
      <c r="G759" s="53"/>
      <c r="H759" s="53"/>
      <c r="I759" s="53"/>
      <c r="J759" s="53"/>
      <c r="K759" s="53"/>
      <c r="L759" s="53"/>
      <c r="M759" s="53"/>
      <c r="N759" s="53"/>
      <c r="O759" s="53"/>
      <c r="P759" s="53"/>
      <c r="Q759" s="53"/>
      <c r="R759" s="53"/>
      <c r="S759" s="53"/>
      <c r="T759" s="53"/>
      <c r="U759" s="53"/>
      <c r="V759" s="53"/>
      <c r="W759" s="53"/>
      <c r="X759" s="53"/>
      <c r="Y759" s="53"/>
      <c r="Z759" s="53"/>
      <c r="AA759" s="53"/>
      <c r="AB759" s="53"/>
      <c r="AC759" s="53"/>
      <c r="AD759" s="53"/>
      <c r="AE759" s="53"/>
      <c r="AF759" s="53"/>
      <c r="AG759" s="53"/>
      <c r="AH759" s="53"/>
      <c r="AI759" s="53"/>
      <c r="AJ759" s="53"/>
      <c r="AK759" s="53"/>
      <c r="AL759" s="53"/>
      <c r="AM759" s="53"/>
      <c r="AN759" s="53"/>
      <c r="AO759" s="53"/>
      <c r="AP759" s="53"/>
      <c r="AQ759" s="53"/>
      <c r="AR759" s="53"/>
      <c r="AS759" s="53"/>
      <c r="AT759" s="53"/>
      <c r="AU759" s="53"/>
      <c r="AV759" s="53"/>
      <c r="AW759" s="53"/>
      <c r="AX759" s="53"/>
      <c r="AY759" s="53"/>
      <c r="AZ759" s="53"/>
      <c r="BA759" s="53"/>
      <c r="BB759" s="53"/>
      <c r="BC759" s="53"/>
      <c r="BD759" s="53"/>
      <c r="BE759" s="53"/>
      <c r="BF759" s="53"/>
      <c r="BG759" s="53"/>
      <c r="BH759" s="53"/>
      <c r="BI759" s="53"/>
      <c r="BJ759" s="53"/>
      <c r="BK759" s="53"/>
      <c r="BL759" s="53"/>
      <c r="BM759" s="53"/>
      <c r="BN759" s="53"/>
      <c r="BO759" s="53"/>
      <c r="BP759" s="53"/>
      <c r="BQ759" s="53"/>
      <c r="BR759" s="53"/>
      <c r="BS759" s="53"/>
      <c r="BT759" s="53"/>
      <c r="BU759" s="53"/>
      <c r="BV759" s="53"/>
      <c r="BW759" s="53"/>
      <c r="BX759" s="53"/>
      <c r="BY759" s="53"/>
      <c r="BZ759" s="53"/>
      <c r="CA759" s="53"/>
      <c r="CB759" s="53"/>
      <c r="CC759" s="53"/>
      <c r="CD759" s="53"/>
      <c r="CE759" s="53"/>
      <c r="CF759" s="53"/>
      <c r="CG759" s="53"/>
      <c r="CH759" s="53"/>
      <c r="CI759" s="53"/>
      <c r="CJ759" s="53"/>
      <c r="CK759" s="53"/>
      <c r="CL759" s="53"/>
      <c r="CM759" s="53"/>
      <c r="CN759" s="53"/>
    </row>
    <row r="760" spans="1:92">
      <c r="A760" s="52" t="s">
        <v>649</v>
      </c>
      <c r="B760" s="53">
        <v>1622560</v>
      </c>
      <c r="C760" s="53">
        <v>1691760</v>
      </c>
      <c r="D760" s="53">
        <v>1904310</v>
      </c>
      <c r="E760" s="53">
        <v>1893910</v>
      </c>
      <c r="F760" s="53">
        <v>1662800</v>
      </c>
      <c r="G760" s="53">
        <v>1600369.99999999</v>
      </c>
      <c r="H760" s="53">
        <v>1181150</v>
      </c>
      <c r="I760" s="53">
        <v>1000329.99999999</v>
      </c>
      <c r="J760" s="53">
        <v>895980</v>
      </c>
      <c r="K760" s="53">
        <v>876529.99999999895</v>
      </c>
      <c r="L760" s="53">
        <v>1002770</v>
      </c>
      <c r="M760" s="53">
        <v>1055530</v>
      </c>
      <c r="N760" s="53">
        <v>16388000</v>
      </c>
      <c r="O760" s="53">
        <v>1213230.10722226</v>
      </c>
      <c r="P760" s="53">
        <v>1333817.43931296</v>
      </c>
      <c r="Q760" s="53">
        <v>1420371.8023036099</v>
      </c>
      <c r="R760" s="53">
        <v>1488307.9619535401</v>
      </c>
      <c r="S760" s="53">
        <v>1132762.6668505401</v>
      </c>
      <c r="T760" s="53">
        <v>1207610.5845894199</v>
      </c>
      <c r="U760" s="53">
        <v>1272666.9964364599</v>
      </c>
      <c r="V760" s="53">
        <v>1335669.6107872201</v>
      </c>
      <c r="W760" s="53">
        <v>1397823.74817533</v>
      </c>
      <c r="X760" s="53">
        <v>1469796.4463434899</v>
      </c>
      <c r="Y760" s="53">
        <v>1550262.7165203199</v>
      </c>
      <c r="Z760" s="53">
        <v>1623229.3466004401</v>
      </c>
      <c r="AA760" s="53">
        <v>16445549.427095599</v>
      </c>
      <c r="AB760" s="53">
        <v>1628536.39234651</v>
      </c>
      <c r="AC760" s="53">
        <v>1000630.1662231</v>
      </c>
      <c r="AD760" s="53">
        <v>1063065.7737821799</v>
      </c>
      <c r="AE760" s="53">
        <v>1124084.9225818799</v>
      </c>
      <c r="AF760" s="53">
        <v>1184836.8315369</v>
      </c>
      <c r="AG760" s="53">
        <v>1243965.76444549</v>
      </c>
      <c r="AH760" s="53">
        <v>1303937.35334939</v>
      </c>
      <c r="AI760" s="53">
        <v>1360542.25622231</v>
      </c>
      <c r="AJ760" s="53">
        <v>1419762.99795754</v>
      </c>
      <c r="AK760" s="53">
        <v>969983.63380643597</v>
      </c>
      <c r="AL760" s="53">
        <v>1012028.09912474</v>
      </c>
      <c r="AM760" s="53">
        <v>428363.86857025803</v>
      </c>
      <c r="AN760" s="53">
        <v>13739738.059946701</v>
      </c>
      <c r="AO760" s="53">
        <v>428695.30360231898</v>
      </c>
      <c r="AP760" s="53">
        <v>445035.24696670199</v>
      </c>
      <c r="AQ760" s="53">
        <v>459047.51420579402</v>
      </c>
      <c r="AR760" s="53">
        <v>473238.05153247598</v>
      </c>
      <c r="AS760" s="53">
        <v>486647.497324411</v>
      </c>
      <c r="AT760" s="53">
        <v>499731.424036148</v>
      </c>
      <c r="AU760" s="53">
        <v>514172.37521796598</v>
      </c>
      <c r="AV760" s="53">
        <v>528573.59822041704</v>
      </c>
      <c r="AW760" s="53">
        <v>543937.793520284</v>
      </c>
      <c r="AX760" s="53">
        <v>558724.77859566896</v>
      </c>
      <c r="AY760" s="53">
        <v>571021.90375214396</v>
      </c>
      <c r="AZ760" s="53">
        <v>89208.547779216897</v>
      </c>
      <c r="BA760" s="53">
        <v>5598034.0347535498</v>
      </c>
      <c r="BB760" s="53">
        <v>88257.952567376298</v>
      </c>
      <c r="BC760" s="53">
        <v>105000.722327504</v>
      </c>
      <c r="BD760" s="53">
        <v>135803.870542588</v>
      </c>
      <c r="BE760" s="53">
        <v>166991.81070715</v>
      </c>
      <c r="BF760" s="53">
        <v>198569.34896613299</v>
      </c>
      <c r="BG760" s="53">
        <v>230541.35913505199</v>
      </c>
      <c r="BH760" s="53">
        <v>262912.78376551101</v>
      </c>
      <c r="BI760" s="53">
        <v>295688.63522928703</v>
      </c>
      <c r="BJ760" s="53">
        <v>328873.99682111002</v>
      </c>
      <c r="BK760" s="53">
        <v>362474.02388059499</v>
      </c>
      <c r="BL760" s="53">
        <v>396493.94493376999</v>
      </c>
      <c r="BM760" s="53">
        <v>430939.06285446999</v>
      </c>
      <c r="BN760" s="53">
        <v>3002547.5117305499</v>
      </c>
      <c r="BO760" s="53">
        <v>445632.05835041997</v>
      </c>
      <c r="BP760" s="53">
        <v>480386.91746492498</v>
      </c>
      <c r="BQ760" s="53">
        <v>84073.627312331999</v>
      </c>
      <c r="BR760" s="53">
        <v>99689.554899825598</v>
      </c>
      <c r="BS760" s="53">
        <v>115499.899806432</v>
      </c>
      <c r="BT760" s="53">
        <v>131507.09123788201</v>
      </c>
      <c r="BU760" s="53">
        <v>147713.59264516199</v>
      </c>
      <c r="BV760" s="53">
        <v>164121.902264567</v>
      </c>
      <c r="BW760" s="53">
        <v>180734.553667042</v>
      </c>
      <c r="BX760" s="53">
        <v>197554.116317081</v>
      </c>
      <c r="BY760" s="53">
        <v>214583.19614138</v>
      </c>
      <c r="BZ760" s="53">
        <v>231824.43610739501</v>
      </c>
      <c r="CA760" s="53">
        <v>2493320.9462144398</v>
      </c>
      <c r="CB760" s="53"/>
      <c r="CC760" s="53"/>
      <c r="CD760" s="53"/>
      <c r="CE760" s="53"/>
      <c r="CF760" s="53"/>
      <c r="CG760" s="53"/>
      <c r="CH760" s="53"/>
      <c r="CI760" s="53"/>
      <c r="CJ760" s="53"/>
      <c r="CK760" s="53"/>
      <c r="CL760" s="53"/>
      <c r="CM760" s="53"/>
      <c r="CN760" s="53"/>
    </row>
    <row r="761" spans="1:92" outlineLevel="1">
      <c r="A761" s="52" t="s">
        <v>1354</v>
      </c>
      <c r="B761" s="53"/>
      <c r="C761" s="53"/>
      <c r="D761" s="53"/>
      <c r="E761" s="53"/>
      <c r="F761" s="53"/>
      <c r="G761" s="53"/>
      <c r="H761" s="53"/>
      <c r="I761" s="53"/>
      <c r="J761" s="53"/>
      <c r="K761" s="53"/>
      <c r="L761" s="53"/>
      <c r="M761" s="53"/>
      <c r="N761" s="53"/>
      <c r="O761" s="53"/>
      <c r="P761" s="53"/>
      <c r="Q761" s="53"/>
      <c r="R761" s="53"/>
      <c r="S761" s="53"/>
      <c r="T761" s="53"/>
      <c r="U761" s="53"/>
      <c r="V761" s="53"/>
      <c r="W761" s="53"/>
      <c r="X761" s="53"/>
      <c r="Y761" s="53"/>
      <c r="Z761" s="53"/>
      <c r="AA761" s="53"/>
      <c r="AB761" s="53"/>
      <c r="AC761" s="53"/>
      <c r="AD761" s="53"/>
      <c r="AE761" s="53"/>
      <c r="AF761" s="53"/>
      <c r="AG761" s="53"/>
      <c r="AH761" s="53"/>
      <c r="AI761" s="53"/>
      <c r="AJ761" s="53"/>
      <c r="AK761" s="53"/>
      <c r="AL761" s="53"/>
      <c r="AM761" s="53"/>
      <c r="AN761" s="53"/>
      <c r="AO761" s="53"/>
      <c r="AP761" s="53"/>
      <c r="AQ761" s="53"/>
      <c r="AR761" s="53"/>
      <c r="AS761" s="53"/>
      <c r="AT761" s="53"/>
      <c r="AU761" s="53"/>
      <c r="AV761" s="53"/>
      <c r="AW761" s="53"/>
      <c r="AX761" s="53"/>
      <c r="AY761" s="53"/>
      <c r="AZ761" s="53"/>
      <c r="BA761" s="53"/>
      <c r="BB761" s="53"/>
      <c r="BC761" s="53"/>
      <c r="BD761" s="53"/>
      <c r="BE761" s="53"/>
      <c r="BF761" s="53"/>
      <c r="BG761" s="53"/>
      <c r="BH761" s="53"/>
      <c r="BI761" s="53"/>
      <c r="BJ761" s="53"/>
      <c r="BK761" s="53"/>
      <c r="BL761" s="53"/>
      <c r="BM761" s="53"/>
      <c r="BN761" s="53"/>
      <c r="BO761" s="53"/>
      <c r="BP761" s="53"/>
      <c r="BQ761" s="53"/>
      <c r="BR761" s="53"/>
      <c r="BS761" s="53"/>
      <c r="BT761" s="53"/>
      <c r="BU761" s="53"/>
      <c r="BV761" s="53"/>
      <c r="BW761" s="53"/>
      <c r="BX761" s="53"/>
      <c r="BY761" s="53"/>
      <c r="BZ761" s="53"/>
      <c r="CA761" s="53"/>
      <c r="CB761" s="53"/>
      <c r="CC761" s="53"/>
      <c r="CD761" s="53"/>
      <c r="CE761" s="53"/>
      <c r="CF761" s="53"/>
      <c r="CG761" s="53"/>
      <c r="CH761" s="53"/>
      <c r="CI761" s="53"/>
      <c r="CJ761" s="53"/>
      <c r="CK761" s="53"/>
      <c r="CL761" s="53"/>
      <c r="CM761" s="53"/>
      <c r="CN761" s="53"/>
    </row>
    <row r="762" spans="1:92" outlineLevel="1">
      <c r="A762" s="52" t="s">
        <v>649</v>
      </c>
      <c r="B762" s="53">
        <v>108408590</v>
      </c>
      <c r="C762" s="53">
        <v>111452680</v>
      </c>
      <c r="D762" s="53">
        <v>108808290</v>
      </c>
      <c r="E762" s="53">
        <v>134312200</v>
      </c>
      <c r="F762" s="53">
        <v>174416479.99999899</v>
      </c>
      <c r="G762" s="53">
        <v>413112169.99999899</v>
      </c>
      <c r="H762" s="53">
        <v>117550719.999999</v>
      </c>
      <c r="I762" s="53">
        <v>227291620</v>
      </c>
      <c r="J762" s="53">
        <v>121978579.999999</v>
      </c>
      <c r="K762" s="53">
        <v>155036370</v>
      </c>
      <c r="L762" s="53">
        <v>139047400</v>
      </c>
      <c r="M762" s="53">
        <v>194937180</v>
      </c>
      <c r="N762" s="53">
        <v>2006352280</v>
      </c>
      <c r="O762" s="53">
        <v>121166551.26905499</v>
      </c>
      <c r="P762" s="53">
        <v>150508708.96385899</v>
      </c>
      <c r="Q762" s="53">
        <v>584839899.55322599</v>
      </c>
      <c r="R762" s="53">
        <v>162012601.07420599</v>
      </c>
      <c r="S762" s="53">
        <v>275921187.15354598</v>
      </c>
      <c r="T762" s="53">
        <v>179277684.60468599</v>
      </c>
      <c r="U762" s="53">
        <v>91157880.287887096</v>
      </c>
      <c r="V762" s="53">
        <v>60384097.543088503</v>
      </c>
      <c r="W762" s="53">
        <v>135313618.62082499</v>
      </c>
      <c r="X762" s="53">
        <v>69191707.508709207</v>
      </c>
      <c r="Y762" s="53">
        <v>112144689.447539</v>
      </c>
      <c r="Z762" s="53">
        <v>678172992.36010301</v>
      </c>
      <c r="AA762" s="53">
        <v>2620091618.3867302</v>
      </c>
      <c r="AB762" s="53">
        <v>266067655.00898799</v>
      </c>
      <c r="AC762" s="53">
        <v>238408943.78914601</v>
      </c>
      <c r="AD762" s="53">
        <v>175465646.61439699</v>
      </c>
      <c r="AE762" s="53">
        <v>57570782.029548503</v>
      </c>
      <c r="AF762" s="53">
        <v>73965135.707148105</v>
      </c>
      <c r="AG762" s="53">
        <v>373946571.15931898</v>
      </c>
      <c r="AH762" s="53">
        <v>60619101.111657202</v>
      </c>
      <c r="AI762" s="53">
        <v>91459210.294759095</v>
      </c>
      <c r="AJ762" s="53">
        <v>147675373.26558101</v>
      </c>
      <c r="AK762" s="53">
        <v>197326577.30836299</v>
      </c>
      <c r="AL762" s="53">
        <v>136112309.40782699</v>
      </c>
      <c r="AM762" s="53">
        <v>986562991.128142</v>
      </c>
      <c r="AN762" s="53">
        <v>2805180296.8248701</v>
      </c>
      <c r="AO762" s="53">
        <v>99330194.873363599</v>
      </c>
      <c r="AP762" s="53">
        <v>53607959.479258999</v>
      </c>
      <c r="AQ762" s="53">
        <v>348435671.40704</v>
      </c>
      <c r="AR762" s="53">
        <v>100822069.088377</v>
      </c>
      <c r="AS762" s="53">
        <v>77276734.745471194</v>
      </c>
      <c r="AT762" s="53">
        <v>229717657.94964299</v>
      </c>
      <c r="AU762" s="53">
        <v>67882062.571247905</v>
      </c>
      <c r="AV762" s="53">
        <v>85671038.329333007</v>
      </c>
      <c r="AW762" s="53">
        <v>305261101.91206098</v>
      </c>
      <c r="AX762" s="53">
        <v>64980692.080906101</v>
      </c>
      <c r="AY762" s="53">
        <v>69542646.300630406</v>
      </c>
      <c r="AZ762" s="53">
        <v>1667714670.14533</v>
      </c>
      <c r="BA762" s="53">
        <v>3170242498.8826699</v>
      </c>
      <c r="BB762" s="53">
        <v>77466925.638372093</v>
      </c>
      <c r="BC762" s="53">
        <v>58265475.404640198</v>
      </c>
      <c r="BD762" s="53">
        <v>139476285.88325199</v>
      </c>
      <c r="BE762" s="53">
        <v>62032188.568349697</v>
      </c>
      <c r="BF762" s="53">
        <v>114991245.84185401</v>
      </c>
      <c r="BG762" s="53">
        <v>539921293.44122601</v>
      </c>
      <c r="BH762" s="53">
        <v>209220037.63718501</v>
      </c>
      <c r="BI762" s="53">
        <v>108548715.048696</v>
      </c>
      <c r="BJ762" s="53">
        <v>162883292.006643</v>
      </c>
      <c r="BK762" s="53">
        <v>86681716.513938695</v>
      </c>
      <c r="BL762" s="53">
        <v>91679468.020124897</v>
      </c>
      <c r="BM762" s="53">
        <v>574199851.305035</v>
      </c>
      <c r="BN762" s="53">
        <v>2225366495.30932</v>
      </c>
      <c r="BO762" s="53">
        <v>50156018.192467302</v>
      </c>
      <c r="BP762" s="53">
        <v>54814052.482335098</v>
      </c>
      <c r="BQ762" s="53">
        <v>238750029.86870101</v>
      </c>
      <c r="BR762" s="53">
        <v>67595378.712641701</v>
      </c>
      <c r="BS762" s="53">
        <v>88739205.807381794</v>
      </c>
      <c r="BT762" s="53">
        <v>534196520.81503803</v>
      </c>
      <c r="BU762" s="53">
        <v>235302756.47542199</v>
      </c>
      <c r="BV762" s="53">
        <v>91558132.615362301</v>
      </c>
      <c r="BW762" s="53">
        <v>169523560.05052301</v>
      </c>
      <c r="BX762" s="53">
        <v>149244843.85922101</v>
      </c>
      <c r="BY762" s="53">
        <v>93476718.409495801</v>
      </c>
      <c r="BZ762" s="53">
        <v>457145515.01068503</v>
      </c>
      <c r="CA762" s="53">
        <v>2230502732.2992702</v>
      </c>
      <c r="CB762" s="53">
        <v>-355385</v>
      </c>
      <c r="CC762" s="53">
        <v>-355385</v>
      </c>
      <c r="CD762" s="53">
        <v>-355385</v>
      </c>
      <c r="CE762" s="53">
        <v>-355385</v>
      </c>
      <c r="CF762" s="53">
        <v>-355385</v>
      </c>
      <c r="CG762" s="53">
        <v>-355385</v>
      </c>
      <c r="CH762" s="53">
        <v>-355385</v>
      </c>
      <c r="CI762" s="53">
        <v>-355385</v>
      </c>
      <c r="CJ762" s="53">
        <v>-355385</v>
      </c>
      <c r="CK762" s="53">
        <v>-355385</v>
      </c>
      <c r="CL762" s="53">
        <v>-355385</v>
      </c>
      <c r="CM762" s="53">
        <v>-355385</v>
      </c>
      <c r="CN762" s="53">
        <v>-4264620</v>
      </c>
    </row>
    <row r="763" spans="1:92" outlineLevel="1">
      <c r="A763" s="52" t="s">
        <v>650</v>
      </c>
      <c r="B763" s="53"/>
      <c r="C763" s="53"/>
      <c r="D763" s="53"/>
      <c r="E763" s="53"/>
      <c r="F763" s="53"/>
      <c r="G763" s="53"/>
      <c r="H763" s="53"/>
      <c r="I763" s="53"/>
      <c r="J763" s="53"/>
      <c r="K763" s="53"/>
      <c r="L763" s="53"/>
      <c r="M763" s="53"/>
      <c r="N763" s="53"/>
      <c r="O763" s="53"/>
      <c r="P763" s="53"/>
      <c r="Q763" s="53"/>
      <c r="R763" s="53"/>
      <c r="S763" s="53"/>
      <c r="T763" s="53"/>
      <c r="U763" s="53"/>
      <c r="V763" s="53"/>
      <c r="W763" s="53"/>
      <c r="X763" s="53"/>
      <c r="Y763" s="53"/>
      <c r="Z763" s="53"/>
      <c r="AA763" s="53"/>
      <c r="AB763" s="53"/>
      <c r="AC763" s="53"/>
      <c r="AD763" s="53"/>
      <c r="AE763" s="53"/>
      <c r="AF763" s="53"/>
      <c r="AG763" s="53"/>
      <c r="AH763" s="53"/>
      <c r="AI763" s="53"/>
      <c r="AJ763" s="53"/>
      <c r="AK763" s="53"/>
      <c r="AL763" s="53"/>
      <c r="AM763" s="53"/>
      <c r="AN763" s="53"/>
      <c r="AO763" s="53"/>
      <c r="AP763" s="53"/>
      <c r="AQ763" s="53"/>
      <c r="AR763" s="53"/>
      <c r="AS763" s="53"/>
      <c r="AT763" s="53"/>
      <c r="AU763" s="53"/>
      <c r="AV763" s="53"/>
      <c r="AW763" s="53"/>
      <c r="AX763" s="53"/>
      <c r="AY763" s="53"/>
      <c r="AZ763" s="53"/>
      <c r="BA763" s="53"/>
      <c r="BB763" s="53"/>
      <c r="BC763" s="53"/>
      <c r="BD763" s="53"/>
      <c r="BE763" s="53"/>
      <c r="BF763" s="53"/>
      <c r="BG763" s="53"/>
      <c r="BH763" s="53"/>
      <c r="BI763" s="53"/>
      <c r="BJ763" s="53"/>
      <c r="BK763" s="53"/>
      <c r="BL763" s="53"/>
      <c r="BM763" s="53"/>
      <c r="BN763" s="53"/>
      <c r="BO763" s="53"/>
      <c r="BP763" s="53"/>
      <c r="BQ763" s="53"/>
      <c r="BR763" s="53"/>
      <c r="BS763" s="53"/>
      <c r="BT763" s="53"/>
      <c r="BU763" s="53"/>
      <c r="BV763" s="53"/>
      <c r="BW763" s="53"/>
      <c r="BX763" s="53"/>
      <c r="BY763" s="53"/>
      <c r="BZ763" s="53"/>
      <c r="CA763" s="53"/>
      <c r="CB763" s="53">
        <v>18725628274.629902</v>
      </c>
      <c r="CC763" s="53">
        <v>18725272889.629902</v>
      </c>
      <c r="CD763" s="53">
        <v>18724917504.629902</v>
      </c>
      <c r="CE763" s="53">
        <v>18724562119.629902</v>
      </c>
      <c r="CF763" s="53">
        <v>18724206734.629902</v>
      </c>
      <c r="CG763" s="53">
        <v>18723851349.629902</v>
      </c>
      <c r="CH763" s="53">
        <v>18723495964.629902</v>
      </c>
      <c r="CI763" s="53">
        <v>18723140579.629902</v>
      </c>
      <c r="CJ763" s="53">
        <v>18722785194.629902</v>
      </c>
      <c r="CK763" s="53">
        <v>18722429809.629902</v>
      </c>
      <c r="CL763" s="53">
        <v>18722074424.629902</v>
      </c>
      <c r="CM763" s="53">
        <v>18721719039.629799</v>
      </c>
      <c r="CN763" s="53">
        <v>18721719039.629799</v>
      </c>
    </row>
    <row r="764" spans="1:92" outlineLevel="1">
      <c r="A764" s="52" t="s">
        <v>1355</v>
      </c>
      <c r="B764" s="53"/>
      <c r="C764" s="53"/>
      <c r="D764" s="53"/>
      <c r="E764" s="53"/>
      <c r="F764" s="53"/>
      <c r="G764" s="53"/>
      <c r="H764" s="53"/>
      <c r="I764" s="53"/>
      <c r="J764" s="53"/>
      <c r="K764" s="53"/>
      <c r="L764" s="53"/>
      <c r="M764" s="53"/>
      <c r="N764" s="53"/>
      <c r="O764" s="53"/>
      <c r="P764" s="53"/>
      <c r="Q764" s="53"/>
      <c r="R764" s="53"/>
      <c r="S764" s="53"/>
      <c r="T764" s="53"/>
      <c r="U764" s="53"/>
      <c r="V764" s="53"/>
      <c r="W764" s="53"/>
      <c r="X764" s="53"/>
      <c r="Y764" s="53"/>
      <c r="Z764" s="53"/>
      <c r="AA764" s="53"/>
      <c r="AB764" s="53"/>
      <c r="AC764" s="53"/>
      <c r="AD764" s="53"/>
      <c r="AE764" s="53"/>
      <c r="AF764" s="53"/>
      <c r="AG764" s="53"/>
      <c r="AH764" s="53"/>
      <c r="AI764" s="53"/>
      <c r="AJ764" s="53"/>
      <c r="AK764" s="53"/>
      <c r="AL764" s="53"/>
      <c r="AM764" s="53"/>
      <c r="AN764" s="53"/>
      <c r="AO764" s="53"/>
      <c r="AP764" s="53"/>
      <c r="AQ764" s="53"/>
      <c r="AR764" s="53"/>
      <c r="AS764" s="53"/>
      <c r="AT764" s="53"/>
      <c r="AU764" s="53"/>
      <c r="AV764" s="53"/>
      <c r="AW764" s="53"/>
      <c r="AX764" s="53"/>
      <c r="AY764" s="53"/>
      <c r="AZ764" s="53"/>
      <c r="BA764" s="53"/>
      <c r="BB764" s="53"/>
      <c r="BC764" s="53"/>
      <c r="BD764" s="53"/>
      <c r="BE764" s="53"/>
      <c r="BF764" s="53"/>
      <c r="BG764" s="53"/>
      <c r="BH764" s="53"/>
      <c r="BI764" s="53"/>
      <c r="BJ764" s="53"/>
      <c r="BK764" s="53"/>
      <c r="BL764" s="53"/>
      <c r="BM764" s="53"/>
      <c r="BN764" s="53"/>
      <c r="BO764" s="53"/>
      <c r="BP764" s="53"/>
      <c r="BQ764" s="53"/>
      <c r="BR764" s="53"/>
      <c r="BS764" s="53"/>
      <c r="BT764" s="53"/>
      <c r="BU764" s="53"/>
      <c r="BV764" s="53"/>
      <c r="BW764" s="53"/>
      <c r="BX764" s="53"/>
      <c r="BY764" s="53"/>
      <c r="BZ764" s="53"/>
      <c r="CA764" s="53"/>
      <c r="CB764" s="53">
        <v>3619196790.6199899</v>
      </c>
      <c r="CC764" s="53">
        <v>3619196790.6199899</v>
      </c>
      <c r="CD764" s="53">
        <v>3619196790.6199899</v>
      </c>
      <c r="CE764" s="53">
        <v>3619196790.6199899</v>
      </c>
      <c r="CF764" s="53">
        <v>3619196790.6199899</v>
      </c>
      <c r="CG764" s="53">
        <v>3619196790.6199899</v>
      </c>
      <c r="CH764" s="53">
        <v>3619196790.6199899</v>
      </c>
      <c r="CI764" s="53">
        <v>3619196790.6199899</v>
      </c>
      <c r="CJ764" s="53">
        <v>3619196790.6199899</v>
      </c>
      <c r="CK764" s="53">
        <v>3619196790.6199899</v>
      </c>
      <c r="CL764" s="53">
        <v>3619196790.6199899</v>
      </c>
      <c r="CM764" s="53">
        <v>3619196790.6199899</v>
      </c>
      <c r="CN764" s="53">
        <v>3619196790.6199899</v>
      </c>
    </row>
    <row r="765" spans="1:92" outlineLevel="1">
      <c r="A765" s="52" t="s">
        <v>649</v>
      </c>
      <c r="B765" s="53">
        <v>53905.799270000003</v>
      </c>
      <c r="C765" s="53">
        <v>53905.799270000003</v>
      </c>
      <c r="D765" s="53">
        <v>53905.799270000003</v>
      </c>
      <c r="E765" s="53">
        <v>53905.799270000003</v>
      </c>
      <c r="F765" s="53">
        <v>53905.799270000003</v>
      </c>
      <c r="G765" s="53">
        <v>53905.799270000003</v>
      </c>
      <c r="H765" s="53">
        <v>53905.799270000003</v>
      </c>
      <c r="I765" s="53">
        <v>53905.799270000003</v>
      </c>
      <c r="J765" s="53">
        <v>53905.799270000003</v>
      </c>
      <c r="K765" s="53">
        <v>53905.799270000003</v>
      </c>
      <c r="L765" s="53">
        <v>53905.799270000003</v>
      </c>
      <c r="M765" s="53">
        <v>53905.799270000003</v>
      </c>
      <c r="N765" s="53">
        <v>646869.59123999998</v>
      </c>
      <c r="O765" s="53">
        <v>53905.799270000003</v>
      </c>
      <c r="P765" s="53">
        <v>53905.799270000003</v>
      </c>
      <c r="Q765" s="53">
        <v>53905.799270000003</v>
      </c>
      <c r="R765" s="53">
        <v>53905.799270000003</v>
      </c>
      <c r="S765" s="53">
        <v>53905.799270000003</v>
      </c>
      <c r="T765" s="53">
        <v>53905.799270000003</v>
      </c>
      <c r="U765" s="53">
        <v>53905.799270000003</v>
      </c>
      <c r="V765" s="53">
        <v>53905.799270000003</v>
      </c>
      <c r="W765" s="53">
        <v>53905.799270000003</v>
      </c>
      <c r="X765" s="53">
        <v>53905.799270000003</v>
      </c>
      <c r="Y765" s="53">
        <v>53905.799270000003</v>
      </c>
      <c r="Z765" s="53">
        <v>53905.799270000003</v>
      </c>
      <c r="AA765" s="53">
        <v>646869.59123999998</v>
      </c>
      <c r="AB765" s="53">
        <v>53905.799270000003</v>
      </c>
      <c r="AC765" s="53">
        <v>53905.799270000003</v>
      </c>
      <c r="AD765" s="53">
        <v>53905.799270000003</v>
      </c>
      <c r="AE765" s="53">
        <v>53905.799270000003</v>
      </c>
      <c r="AF765" s="53">
        <v>53905.799270000003</v>
      </c>
      <c r="AG765" s="53"/>
      <c r="AH765" s="53"/>
      <c r="AI765" s="53"/>
      <c r="AJ765" s="53"/>
      <c r="AK765" s="53"/>
      <c r="AL765" s="53"/>
      <c r="AM765" s="53"/>
      <c r="AN765" s="53">
        <v>269528.99634999997</v>
      </c>
      <c r="AO765" s="53"/>
      <c r="AP765" s="53"/>
      <c r="AQ765" s="53"/>
      <c r="AR765" s="53"/>
      <c r="AS765" s="53"/>
      <c r="AT765" s="53"/>
      <c r="AU765" s="53"/>
      <c r="AV765" s="53"/>
      <c r="AW765" s="53"/>
      <c r="AX765" s="53"/>
      <c r="AY765" s="53"/>
      <c r="AZ765" s="53"/>
      <c r="BA765" s="53"/>
      <c r="BB765" s="53"/>
      <c r="BC765" s="53"/>
      <c r="BD765" s="53"/>
      <c r="BE765" s="53"/>
      <c r="BF765" s="53"/>
      <c r="BG765" s="53"/>
      <c r="BH765" s="53"/>
      <c r="BI765" s="53"/>
      <c r="BJ765" s="53"/>
      <c r="BK765" s="53"/>
      <c r="BL765" s="53"/>
      <c r="BM765" s="53"/>
      <c r="BN765" s="53"/>
      <c r="BO765" s="53"/>
      <c r="BP765" s="53"/>
      <c r="BQ765" s="53"/>
      <c r="BR765" s="53"/>
      <c r="BS765" s="53"/>
      <c r="BT765" s="53"/>
      <c r="BU765" s="53"/>
      <c r="BV765" s="53"/>
      <c r="BW765" s="53"/>
      <c r="BX765" s="53"/>
      <c r="BY765" s="53"/>
      <c r="BZ765" s="53"/>
      <c r="CA765" s="53"/>
      <c r="CB765" s="53"/>
      <c r="CC765" s="53"/>
      <c r="CD765" s="53"/>
      <c r="CE765" s="53"/>
      <c r="CF765" s="53"/>
      <c r="CG765" s="53"/>
      <c r="CH765" s="53"/>
      <c r="CI765" s="53"/>
      <c r="CJ765" s="53"/>
      <c r="CK765" s="53"/>
      <c r="CL765" s="53"/>
      <c r="CM765" s="53"/>
      <c r="CN765" s="53"/>
    </row>
    <row r="766" spans="1:92" outlineLevel="1">
      <c r="A766" s="52" t="s">
        <v>672</v>
      </c>
      <c r="B766" s="53"/>
      <c r="C766" s="53"/>
      <c r="D766" s="53"/>
      <c r="E766" s="53"/>
      <c r="F766" s="53"/>
      <c r="G766" s="53"/>
      <c r="H766" s="53"/>
      <c r="I766" s="53"/>
      <c r="J766" s="53"/>
      <c r="K766" s="53"/>
      <c r="L766" s="53"/>
      <c r="M766" s="53"/>
      <c r="N766" s="53"/>
      <c r="O766" s="53"/>
      <c r="P766" s="53"/>
      <c r="Q766" s="53"/>
      <c r="R766" s="53"/>
      <c r="S766" s="53"/>
      <c r="T766" s="53"/>
      <c r="U766" s="53"/>
      <c r="V766" s="53"/>
      <c r="W766" s="53"/>
      <c r="X766" s="53"/>
      <c r="Y766" s="53"/>
      <c r="Z766" s="53"/>
      <c r="AA766" s="53"/>
      <c r="AB766" s="53"/>
      <c r="AC766" s="53"/>
      <c r="AD766" s="53"/>
      <c r="AE766" s="53"/>
      <c r="AF766" s="53"/>
      <c r="AG766" s="53"/>
      <c r="AH766" s="53"/>
      <c r="AI766" s="53"/>
      <c r="AJ766" s="53"/>
      <c r="AK766" s="53"/>
      <c r="AL766" s="53"/>
      <c r="AM766" s="53"/>
      <c r="AN766" s="53"/>
      <c r="AO766" s="53"/>
      <c r="AP766" s="53"/>
      <c r="AQ766" s="53"/>
      <c r="AR766" s="53"/>
      <c r="AS766" s="53"/>
      <c r="AT766" s="53"/>
      <c r="AU766" s="53"/>
      <c r="AV766" s="53"/>
      <c r="AW766" s="53"/>
      <c r="AX766" s="53"/>
      <c r="AY766" s="53"/>
      <c r="AZ766" s="53"/>
      <c r="BA766" s="53"/>
      <c r="BB766" s="53"/>
      <c r="BC766" s="53"/>
      <c r="BD766" s="53"/>
      <c r="BE766" s="53"/>
      <c r="BF766" s="53"/>
      <c r="BG766" s="53"/>
      <c r="BH766" s="53"/>
      <c r="BI766" s="53"/>
      <c r="BJ766" s="53"/>
      <c r="BK766" s="53"/>
      <c r="BL766" s="53"/>
      <c r="BM766" s="53"/>
      <c r="BN766" s="53"/>
      <c r="BO766" s="53"/>
      <c r="BP766" s="53"/>
      <c r="BQ766" s="53"/>
      <c r="BR766" s="53"/>
      <c r="BS766" s="53"/>
      <c r="BT766" s="53"/>
      <c r="BU766" s="53"/>
      <c r="BV766" s="53"/>
      <c r="BW766" s="53"/>
      <c r="BX766" s="53"/>
      <c r="BY766" s="53"/>
      <c r="BZ766" s="53"/>
      <c r="CA766" s="53"/>
      <c r="CB766" s="53"/>
      <c r="CC766" s="53"/>
      <c r="CD766" s="53"/>
      <c r="CE766" s="53"/>
      <c r="CF766" s="53"/>
      <c r="CG766" s="53"/>
      <c r="CH766" s="53"/>
      <c r="CI766" s="53"/>
      <c r="CJ766" s="53"/>
      <c r="CK766" s="53"/>
      <c r="CL766" s="53"/>
      <c r="CM766" s="53"/>
      <c r="CN766" s="53"/>
    </row>
    <row r="767" spans="1:92" outlineLevel="1">
      <c r="A767" s="52" t="s">
        <v>673</v>
      </c>
      <c r="B767" s="53"/>
      <c r="C767" s="53"/>
      <c r="D767" s="53"/>
      <c r="E767" s="53"/>
      <c r="F767" s="53"/>
      <c r="G767" s="53"/>
      <c r="H767" s="53"/>
      <c r="I767" s="53"/>
      <c r="J767" s="53"/>
      <c r="K767" s="53"/>
      <c r="L767" s="53"/>
      <c r="M767" s="53"/>
      <c r="N767" s="53"/>
      <c r="O767" s="53"/>
      <c r="P767" s="53"/>
      <c r="Q767" s="53"/>
      <c r="R767" s="53"/>
      <c r="S767" s="53"/>
      <c r="T767" s="53"/>
      <c r="U767" s="53"/>
      <c r="V767" s="53"/>
      <c r="W767" s="53"/>
      <c r="X767" s="53"/>
      <c r="Y767" s="53"/>
      <c r="Z767" s="53"/>
      <c r="AA767" s="53"/>
      <c r="AB767" s="53"/>
      <c r="AC767" s="53"/>
      <c r="AD767" s="53"/>
      <c r="AE767" s="53"/>
      <c r="AF767" s="53"/>
      <c r="AG767" s="53"/>
      <c r="AH767" s="53"/>
      <c r="AI767" s="53"/>
      <c r="AJ767" s="53"/>
      <c r="AK767" s="53"/>
      <c r="AL767" s="53"/>
      <c r="AM767" s="53"/>
      <c r="AN767" s="53"/>
      <c r="AO767" s="53"/>
      <c r="AP767" s="53"/>
      <c r="AQ767" s="53"/>
      <c r="AR767" s="53"/>
      <c r="AS767" s="53"/>
      <c r="AT767" s="53"/>
      <c r="AU767" s="53"/>
      <c r="AV767" s="53"/>
      <c r="AW767" s="53"/>
      <c r="AX767" s="53"/>
      <c r="AY767" s="53"/>
      <c r="AZ767" s="53"/>
      <c r="BA767" s="53"/>
      <c r="BB767" s="53"/>
      <c r="BC767" s="53"/>
      <c r="BD767" s="53"/>
      <c r="BE767" s="53"/>
      <c r="BF767" s="53"/>
      <c r="BG767" s="53"/>
      <c r="BH767" s="53"/>
      <c r="BI767" s="53"/>
      <c r="BJ767" s="53"/>
      <c r="BK767" s="53"/>
      <c r="BL767" s="53"/>
      <c r="BM767" s="53"/>
      <c r="BN767" s="53"/>
      <c r="BO767" s="53"/>
      <c r="BP767" s="53"/>
      <c r="BQ767" s="53"/>
      <c r="BR767" s="53"/>
      <c r="BS767" s="53"/>
      <c r="BT767" s="53"/>
      <c r="BU767" s="53"/>
      <c r="BV767" s="53"/>
      <c r="BW767" s="53"/>
      <c r="BX767" s="53"/>
      <c r="BY767" s="53"/>
      <c r="BZ767" s="53"/>
      <c r="CA767" s="53"/>
      <c r="CB767" s="53"/>
      <c r="CC767" s="53"/>
      <c r="CD767" s="53"/>
      <c r="CE767" s="53"/>
      <c r="CF767" s="53"/>
      <c r="CG767" s="53"/>
      <c r="CH767" s="53"/>
      <c r="CI767" s="53"/>
      <c r="CJ767" s="53"/>
      <c r="CK767" s="53"/>
      <c r="CL767" s="53"/>
      <c r="CM767" s="53"/>
      <c r="CN767" s="53"/>
    </row>
    <row r="768" spans="1:92" outlineLevel="1">
      <c r="A768" s="52" t="s">
        <v>1354</v>
      </c>
      <c r="B768" s="53"/>
      <c r="C768" s="53"/>
      <c r="D768" s="53"/>
      <c r="E768" s="53"/>
      <c r="F768" s="53"/>
      <c r="G768" s="53"/>
      <c r="H768" s="53"/>
      <c r="I768" s="53"/>
      <c r="J768" s="53"/>
      <c r="K768" s="53"/>
      <c r="L768" s="53"/>
      <c r="M768" s="53"/>
      <c r="N768" s="53"/>
      <c r="O768" s="53"/>
      <c r="P768" s="53"/>
      <c r="Q768" s="53"/>
      <c r="R768" s="53"/>
      <c r="S768" s="53"/>
      <c r="T768" s="53"/>
      <c r="U768" s="53"/>
      <c r="V768" s="53"/>
      <c r="W768" s="53"/>
      <c r="X768" s="53"/>
      <c r="Y768" s="53"/>
      <c r="Z768" s="53"/>
      <c r="AA768" s="53"/>
      <c r="AB768" s="53"/>
      <c r="AC768" s="53"/>
      <c r="AD768" s="53"/>
      <c r="AE768" s="53"/>
      <c r="AF768" s="53"/>
      <c r="AG768" s="53"/>
      <c r="AH768" s="53"/>
      <c r="AI768" s="53"/>
      <c r="AJ768" s="53"/>
      <c r="AK768" s="53"/>
      <c r="AL768" s="53"/>
      <c r="AM768" s="53"/>
      <c r="AN768" s="53"/>
      <c r="AO768" s="53"/>
      <c r="AP768" s="53"/>
      <c r="AQ768" s="53"/>
      <c r="AR768" s="53"/>
      <c r="AS768" s="53"/>
      <c r="AT768" s="53"/>
      <c r="AU768" s="53"/>
      <c r="AV768" s="53"/>
      <c r="AW768" s="53"/>
      <c r="AX768" s="53"/>
      <c r="AY768" s="53"/>
      <c r="AZ768" s="53"/>
      <c r="BA768" s="53"/>
      <c r="BB768" s="53"/>
      <c r="BC768" s="53"/>
      <c r="BD768" s="53"/>
      <c r="BE768" s="53"/>
      <c r="BF768" s="53"/>
      <c r="BG768" s="53"/>
      <c r="BH768" s="53"/>
      <c r="BI768" s="53"/>
      <c r="BJ768" s="53"/>
      <c r="BK768" s="53"/>
      <c r="BL768" s="53"/>
      <c r="BM768" s="53"/>
      <c r="BN768" s="53"/>
      <c r="BO768" s="53"/>
      <c r="BP768" s="53"/>
      <c r="BQ768" s="53"/>
      <c r="BR768" s="53"/>
      <c r="BS768" s="53"/>
      <c r="BT768" s="53"/>
      <c r="BU768" s="53"/>
      <c r="BV768" s="53"/>
      <c r="BW768" s="53"/>
      <c r="BX768" s="53"/>
      <c r="BY768" s="53"/>
      <c r="BZ768" s="53"/>
      <c r="CA768" s="53"/>
      <c r="CB768" s="53"/>
      <c r="CC768" s="53"/>
      <c r="CD768" s="53"/>
      <c r="CE768" s="53"/>
      <c r="CF768" s="53"/>
      <c r="CG768" s="53"/>
      <c r="CH768" s="53"/>
      <c r="CI768" s="53"/>
      <c r="CJ768" s="53"/>
      <c r="CK768" s="53"/>
      <c r="CL768" s="53"/>
      <c r="CM768" s="53"/>
      <c r="CN768" s="53"/>
    </row>
    <row r="769" spans="1:92" outlineLevel="1">
      <c r="A769" s="52" t="s">
        <v>649</v>
      </c>
      <c r="B769" s="53">
        <v>-108408590</v>
      </c>
      <c r="C769" s="53">
        <v>-111452680</v>
      </c>
      <c r="D769" s="53">
        <v>-108808290</v>
      </c>
      <c r="E769" s="53">
        <v>-134312200</v>
      </c>
      <c r="F769" s="53">
        <v>-174416479.99999899</v>
      </c>
      <c r="G769" s="53">
        <v>-413112169.99999899</v>
      </c>
      <c r="H769" s="53">
        <v>-117550719.999999</v>
      </c>
      <c r="I769" s="53">
        <v>-227291620</v>
      </c>
      <c r="J769" s="53">
        <v>-121978579.999999</v>
      </c>
      <c r="K769" s="53">
        <v>-155036370</v>
      </c>
      <c r="L769" s="53">
        <v>-139047400</v>
      </c>
      <c r="M769" s="53">
        <v>-194937180</v>
      </c>
      <c r="N769" s="53">
        <v>-2006352280</v>
      </c>
      <c r="O769" s="53">
        <v>-121166551.26905499</v>
      </c>
      <c r="P769" s="53">
        <v>-150508708.96385899</v>
      </c>
      <c r="Q769" s="53">
        <v>-584839899.55322599</v>
      </c>
      <c r="R769" s="53">
        <v>-162012601.07420599</v>
      </c>
      <c r="S769" s="53">
        <v>-275921187.15354598</v>
      </c>
      <c r="T769" s="53">
        <v>-179277684.60468599</v>
      </c>
      <c r="U769" s="53">
        <v>-91157880.287887096</v>
      </c>
      <c r="V769" s="53">
        <v>-60384097.543088503</v>
      </c>
      <c r="W769" s="53">
        <v>-135313618.62082499</v>
      </c>
      <c r="X769" s="53">
        <v>-69191707.508709207</v>
      </c>
      <c r="Y769" s="53">
        <v>-112144689.447539</v>
      </c>
      <c r="Z769" s="53">
        <v>-678172992.36010301</v>
      </c>
      <c r="AA769" s="53">
        <v>-2620091618.3867302</v>
      </c>
      <c r="AB769" s="53">
        <v>-266067655.00898799</v>
      </c>
      <c r="AC769" s="53">
        <v>-238408943.78914601</v>
      </c>
      <c r="AD769" s="53">
        <v>-175465646.61439699</v>
      </c>
      <c r="AE769" s="53">
        <v>-57570782.029548503</v>
      </c>
      <c r="AF769" s="53">
        <v>-73965135.707148105</v>
      </c>
      <c r="AG769" s="53">
        <v>-373946571.15931898</v>
      </c>
      <c r="AH769" s="53">
        <v>-60619101.111657202</v>
      </c>
      <c r="AI769" s="53">
        <v>-91459210.294759095</v>
      </c>
      <c r="AJ769" s="53">
        <v>-147675373.26558101</v>
      </c>
      <c r="AK769" s="53">
        <v>-197326577.30836299</v>
      </c>
      <c r="AL769" s="53">
        <v>-136112309.40782699</v>
      </c>
      <c r="AM769" s="53">
        <v>-986562991.128142</v>
      </c>
      <c r="AN769" s="53">
        <v>-2805180296.8248701</v>
      </c>
      <c r="AO769" s="53">
        <v>-99330194.873363599</v>
      </c>
      <c r="AP769" s="53">
        <v>-53607959.479258999</v>
      </c>
      <c r="AQ769" s="53">
        <v>-348435671.40704</v>
      </c>
      <c r="AR769" s="53">
        <v>-100822069.088377</v>
      </c>
      <c r="AS769" s="53">
        <v>-77276734.745471194</v>
      </c>
      <c r="AT769" s="53">
        <v>-229717657.94964299</v>
      </c>
      <c r="AU769" s="53">
        <v>-67882062.571247905</v>
      </c>
      <c r="AV769" s="53">
        <v>-85671038.329333007</v>
      </c>
      <c r="AW769" s="53">
        <v>-305261101.91206098</v>
      </c>
      <c r="AX769" s="53">
        <v>-64980692.080906101</v>
      </c>
      <c r="AY769" s="53">
        <v>-69542646.300630406</v>
      </c>
      <c r="AZ769" s="53">
        <v>-1667714670.14533</v>
      </c>
      <c r="BA769" s="53">
        <v>-3170242498.8826699</v>
      </c>
      <c r="BB769" s="53">
        <v>-77466925.638372093</v>
      </c>
      <c r="BC769" s="53">
        <v>-58265475.404640198</v>
      </c>
      <c r="BD769" s="53">
        <v>-139476285.88325199</v>
      </c>
      <c r="BE769" s="53">
        <v>-62032188.568349697</v>
      </c>
      <c r="BF769" s="53">
        <v>-114991245.84185401</v>
      </c>
      <c r="BG769" s="53">
        <v>-539921293.44122601</v>
      </c>
      <c r="BH769" s="53">
        <v>-209220037.63718501</v>
      </c>
      <c r="BI769" s="53">
        <v>-108548715.048696</v>
      </c>
      <c r="BJ769" s="53">
        <v>-162883292.006643</v>
      </c>
      <c r="BK769" s="53">
        <v>-86681716.513938695</v>
      </c>
      <c r="BL769" s="53">
        <v>-91679468.020124897</v>
      </c>
      <c r="BM769" s="53">
        <v>-574199851.305035</v>
      </c>
      <c r="BN769" s="53">
        <v>-2225366495.30932</v>
      </c>
      <c r="BO769" s="53">
        <v>-50156018.192467302</v>
      </c>
      <c r="BP769" s="53">
        <v>-54814052.482335098</v>
      </c>
      <c r="BQ769" s="53">
        <v>-238750029.86870101</v>
      </c>
      <c r="BR769" s="53">
        <v>-67595378.712641701</v>
      </c>
      <c r="BS769" s="53">
        <v>-88739205.807381794</v>
      </c>
      <c r="BT769" s="53">
        <v>-534196520.81503803</v>
      </c>
      <c r="BU769" s="53">
        <v>-235302756.47542199</v>
      </c>
      <c r="BV769" s="53">
        <v>-91558132.615362301</v>
      </c>
      <c r="BW769" s="53">
        <v>-169523560.05052301</v>
      </c>
      <c r="BX769" s="53">
        <v>-149244843.85922101</v>
      </c>
      <c r="BY769" s="53">
        <v>-93476718.409495801</v>
      </c>
      <c r="BZ769" s="53">
        <v>-457145515.01068503</v>
      </c>
      <c r="CA769" s="53">
        <v>-2230502732.2992702</v>
      </c>
      <c r="CB769" s="53">
        <v>3619196790.6199899</v>
      </c>
      <c r="CC769" s="53">
        <v>3619196790.6199899</v>
      </c>
      <c r="CD769" s="53">
        <v>3619196790.6199899</v>
      </c>
      <c r="CE769" s="53">
        <v>3619196790.6199899</v>
      </c>
      <c r="CF769" s="53">
        <v>3619196790.6199899</v>
      </c>
      <c r="CG769" s="53">
        <v>3619196790.6199899</v>
      </c>
      <c r="CH769" s="53">
        <v>3619196790.6199899</v>
      </c>
      <c r="CI769" s="53">
        <v>3619196790.6199899</v>
      </c>
      <c r="CJ769" s="53">
        <v>3619196790.6199899</v>
      </c>
      <c r="CK769" s="53">
        <v>3619196790.6199899</v>
      </c>
      <c r="CL769" s="53">
        <v>3619196790.6199899</v>
      </c>
      <c r="CM769" s="53">
        <v>3619196790.6199899</v>
      </c>
      <c r="CN769" s="53">
        <v>3619196790.6199899</v>
      </c>
    </row>
    <row r="770" spans="1:92" outlineLevel="1">
      <c r="A770" s="52" t="s">
        <v>750</v>
      </c>
      <c r="B770" s="53"/>
      <c r="C770" s="53"/>
      <c r="D770" s="53"/>
      <c r="E770" s="53"/>
      <c r="F770" s="53"/>
      <c r="G770" s="53"/>
      <c r="H770" s="53"/>
      <c r="I770" s="53"/>
      <c r="J770" s="53"/>
      <c r="K770" s="53"/>
      <c r="L770" s="53"/>
      <c r="M770" s="53"/>
      <c r="N770" s="53"/>
      <c r="O770" s="53"/>
      <c r="P770" s="53"/>
      <c r="Q770" s="53"/>
      <c r="R770" s="53"/>
      <c r="S770" s="53"/>
      <c r="T770" s="53"/>
      <c r="U770" s="53"/>
      <c r="V770" s="53"/>
      <c r="W770" s="53"/>
      <c r="X770" s="53"/>
      <c r="Y770" s="53"/>
      <c r="Z770" s="53"/>
      <c r="AA770" s="53"/>
      <c r="AB770" s="53"/>
      <c r="AC770" s="53"/>
      <c r="AD770" s="53"/>
      <c r="AE770" s="53"/>
      <c r="AF770" s="53"/>
      <c r="AG770" s="53"/>
      <c r="AH770" s="53"/>
      <c r="AI770" s="53"/>
      <c r="AJ770" s="53"/>
      <c r="AK770" s="53"/>
      <c r="AL770" s="53"/>
      <c r="AM770" s="53"/>
      <c r="AN770" s="53"/>
      <c r="AO770" s="53"/>
      <c r="AP770" s="53"/>
      <c r="AQ770" s="53"/>
      <c r="AR770" s="53"/>
      <c r="AS770" s="53"/>
      <c r="AT770" s="53"/>
      <c r="AU770" s="53"/>
      <c r="AV770" s="53"/>
      <c r="AW770" s="53"/>
      <c r="AX770" s="53"/>
      <c r="AY770" s="53"/>
      <c r="AZ770" s="53"/>
      <c r="BA770" s="53"/>
      <c r="BB770" s="53"/>
      <c r="BC770" s="53"/>
      <c r="BD770" s="53"/>
      <c r="BE770" s="53"/>
      <c r="BF770" s="53"/>
      <c r="BG770" s="53"/>
      <c r="BH770" s="53"/>
      <c r="BI770" s="53"/>
      <c r="BJ770" s="53"/>
      <c r="BK770" s="53"/>
      <c r="BL770" s="53"/>
      <c r="BM770" s="53"/>
      <c r="BN770" s="53"/>
      <c r="BO770" s="53"/>
      <c r="BP770" s="53"/>
      <c r="BQ770" s="53"/>
      <c r="BR770" s="53"/>
      <c r="BS770" s="53"/>
      <c r="BT770" s="53"/>
      <c r="BU770" s="53"/>
      <c r="BV770" s="53"/>
      <c r="BW770" s="53"/>
      <c r="BX770" s="53"/>
      <c r="BY770" s="53"/>
      <c r="BZ770" s="53"/>
      <c r="CA770" s="53"/>
      <c r="CB770" s="53">
        <v>0</v>
      </c>
      <c r="CC770" s="53">
        <v>0</v>
      </c>
      <c r="CD770" s="53">
        <v>0</v>
      </c>
      <c r="CE770" s="53">
        <v>0</v>
      </c>
      <c r="CF770" s="53">
        <v>0</v>
      </c>
      <c r="CG770" s="53">
        <v>0</v>
      </c>
      <c r="CH770" s="53">
        <v>0</v>
      </c>
      <c r="CI770" s="53">
        <v>0</v>
      </c>
      <c r="CJ770" s="53">
        <v>0</v>
      </c>
      <c r="CK770" s="53">
        <v>0</v>
      </c>
      <c r="CL770" s="53">
        <v>0</v>
      </c>
      <c r="CM770" s="53">
        <v>0</v>
      </c>
      <c r="CN770" s="53">
        <v>0</v>
      </c>
    </row>
    <row r="771" spans="1:92" outlineLevel="1">
      <c r="A771" s="52" t="s">
        <v>1356</v>
      </c>
      <c r="B771" s="53"/>
      <c r="C771" s="53"/>
      <c r="D771" s="53"/>
      <c r="E771" s="53"/>
      <c r="F771" s="53"/>
      <c r="G771" s="53"/>
      <c r="H771" s="53"/>
      <c r="I771" s="53"/>
      <c r="J771" s="53"/>
      <c r="K771" s="53"/>
      <c r="L771" s="53"/>
      <c r="M771" s="53"/>
      <c r="N771" s="53"/>
      <c r="O771" s="53"/>
      <c r="P771" s="53"/>
      <c r="Q771" s="53"/>
      <c r="R771" s="53"/>
      <c r="S771" s="53"/>
      <c r="T771" s="53"/>
      <c r="U771" s="53"/>
      <c r="V771" s="53"/>
      <c r="W771" s="53"/>
      <c r="X771" s="53"/>
      <c r="Y771" s="53"/>
      <c r="Z771" s="53"/>
      <c r="AA771" s="53"/>
      <c r="AB771" s="53"/>
      <c r="AC771" s="53"/>
      <c r="AD771" s="53"/>
      <c r="AE771" s="53"/>
      <c r="AF771" s="53"/>
      <c r="AG771" s="53"/>
      <c r="AH771" s="53"/>
      <c r="AI771" s="53"/>
      <c r="AJ771" s="53"/>
      <c r="AK771" s="53"/>
      <c r="AL771" s="53"/>
      <c r="AM771" s="53"/>
      <c r="AN771" s="53"/>
      <c r="AO771" s="53"/>
      <c r="AP771" s="53"/>
      <c r="AQ771" s="53"/>
      <c r="AR771" s="53"/>
      <c r="AS771" s="53"/>
      <c r="AT771" s="53"/>
      <c r="AU771" s="53"/>
      <c r="AV771" s="53"/>
      <c r="AW771" s="53"/>
      <c r="AX771" s="53"/>
      <c r="AY771" s="53"/>
      <c r="AZ771" s="53"/>
      <c r="BA771" s="53"/>
      <c r="BB771" s="53"/>
      <c r="BC771" s="53"/>
      <c r="BD771" s="53"/>
      <c r="BE771" s="53"/>
      <c r="BF771" s="53"/>
      <c r="BG771" s="53"/>
      <c r="BH771" s="53"/>
      <c r="BI771" s="53"/>
      <c r="BJ771" s="53"/>
      <c r="BK771" s="53"/>
      <c r="BL771" s="53"/>
      <c r="BM771" s="53"/>
      <c r="BN771" s="53"/>
      <c r="BO771" s="53"/>
      <c r="BP771" s="53"/>
      <c r="BQ771" s="53"/>
      <c r="BR771" s="53"/>
      <c r="BS771" s="53"/>
      <c r="BT771" s="53"/>
      <c r="BU771" s="53"/>
      <c r="BV771" s="53"/>
      <c r="BW771" s="53"/>
      <c r="BX771" s="53"/>
      <c r="BY771" s="53"/>
      <c r="BZ771" s="53"/>
      <c r="CA771" s="53"/>
      <c r="CB771" s="53">
        <v>22280965.949999999</v>
      </c>
      <c r="CC771" s="53">
        <v>22280965.949999999</v>
      </c>
      <c r="CD771" s="53">
        <v>22280965.949999999</v>
      </c>
      <c r="CE771" s="53">
        <v>22280965.949999999</v>
      </c>
      <c r="CF771" s="53">
        <v>22280965.949999999</v>
      </c>
      <c r="CG771" s="53">
        <v>22280965.949999999</v>
      </c>
      <c r="CH771" s="53">
        <v>22280965.949999999</v>
      </c>
      <c r="CI771" s="53">
        <v>22280965.949999999</v>
      </c>
      <c r="CJ771" s="53">
        <v>22280965.949999999</v>
      </c>
      <c r="CK771" s="53">
        <v>22280965.949999999</v>
      </c>
      <c r="CL771" s="53">
        <v>22280965.949999999</v>
      </c>
      <c r="CM771" s="53">
        <v>22280965.949999999</v>
      </c>
      <c r="CN771" s="53">
        <v>22280965.949999999</v>
      </c>
    </row>
    <row r="772" spans="1:92" outlineLevel="1">
      <c r="A772" s="52" t="s">
        <v>649</v>
      </c>
      <c r="B772" s="53">
        <v>-112335659.999999</v>
      </c>
      <c r="C772" s="53">
        <v>-114391130</v>
      </c>
      <c r="D772" s="53">
        <v>-109109079.999999</v>
      </c>
      <c r="E772" s="53">
        <v>-141991179.99999899</v>
      </c>
      <c r="F772" s="53">
        <v>-176603059.99999899</v>
      </c>
      <c r="G772" s="53">
        <v>-418199270</v>
      </c>
      <c r="H772" s="53">
        <v>-120752020</v>
      </c>
      <c r="I772" s="53">
        <v>-228894259.99999899</v>
      </c>
      <c r="J772" s="53">
        <v>-119496750</v>
      </c>
      <c r="K772" s="53">
        <v>-156348550</v>
      </c>
      <c r="L772" s="53">
        <v>-154448009.99999899</v>
      </c>
      <c r="M772" s="53">
        <v>-200049209.99999899</v>
      </c>
      <c r="N772" s="53">
        <v>-2052618180</v>
      </c>
      <c r="O772" s="53">
        <v>-121166551.26905499</v>
      </c>
      <c r="P772" s="53">
        <v>-150508708.96385899</v>
      </c>
      <c r="Q772" s="53">
        <v>-584839899.55322599</v>
      </c>
      <c r="R772" s="53">
        <v>-162012601.07420599</v>
      </c>
      <c r="S772" s="53">
        <v>-275921187.15354598</v>
      </c>
      <c r="T772" s="53">
        <v>-179277684.60468599</v>
      </c>
      <c r="U772" s="53">
        <v>-91157880.287887096</v>
      </c>
      <c r="V772" s="53">
        <v>-60384097.543088503</v>
      </c>
      <c r="W772" s="53">
        <v>-135313618.62082499</v>
      </c>
      <c r="X772" s="53">
        <v>-69191707.508709207</v>
      </c>
      <c r="Y772" s="53">
        <v>-112144689.447539</v>
      </c>
      <c r="Z772" s="53">
        <v>-678172992.36010396</v>
      </c>
      <c r="AA772" s="53">
        <v>-2620091618.3867302</v>
      </c>
      <c r="AB772" s="53">
        <v>-266067655.00898799</v>
      </c>
      <c r="AC772" s="53">
        <v>-238408943.78914601</v>
      </c>
      <c r="AD772" s="53">
        <v>-175465646.61439601</v>
      </c>
      <c r="AE772" s="53">
        <v>-57570782.029548503</v>
      </c>
      <c r="AF772" s="53">
        <v>-73965135.707148105</v>
      </c>
      <c r="AG772" s="53">
        <v>-373946571.15931797</v>
      </c>
      <c r="AH772" s="53">
        <v>-60619101.111657202</v>
      </c>
      <c r="AI772" s="53">
        <v>-91459210.294759095</v>
      </c>
      <c r="AJ772" s="53">
        <v>-147675373.26558101</v>
      </c>
      <c r="AK772" s="53">
        <v>-197326577.30836299</v>
      </c>
      <c r="AL772" s="53">
        <v>-136112309.40782699</v>
      </c>
      <c r="AM772" s="53">
        <v>-986562991.128142</v>
      </c>
      <c r="AN772" s="53">
        <v>-2805180296.8248701</v>
      </c>
      <c r="AO772" s="53">
        <v>-99330194.873363495</v>
      </c>
      <c r="AP772" s="53">
        <v>-53607959.479258999</v>
      </c>
      <c r="AQ772" s="53">
        <v>-348435671.40704</v>
      </c>
      <c r="AR772" s="53">
        <v>-100822069.088377</v>
      </c>
      <c r="AS772" s="53">
        <v>-77276734.745471194</v>
      </c>
      <c r="AT772" s="53">
        <v>-229717657.94964299</v>
      </c>
      <c r="AU772" s="53">
        <v>-67882062.571247905</v>
      </c>
      <c r="AV772" s="53">
        <v>-85671038.329333007</v>
      </c>
      <c r="AW772" s="53">
        <v>-305261101.91206098</v>
      </c>
      <c r="AX772" s="53">
        <v>-64980692.080906101</v>
      </c>
      <c r="AY772" s="53">
        <v>-69542646.300630406</v>
      </c>
      <c r="AZ772" s="53">
        <v>-1667714670.14533</v>
      </c>
      <c r="BA772" s="53">
        <v>-3170242498.8826699</v>
      </c>
      <c r="BB772" s="53">
        <v>-77466925.638372004</v>
      </c>
      <c r="BC772" s="53">
        <v>-58265475.404640198</v>
      </c>
      <c r="BD772" s="53">
        <v>-139476285.88325199</v>
      </c>
      <c r="BE772" s="53">
        <v>-62032188.568349801</v>
      </c>
      <c r="BF772" s="53">
        <v>-114991245.84185401</v>
      </c>
      <c r="BG772" s="53">
        <v>-539921293.44122601</v>
      </c>
      <c r="BH772" s="53">
        <v>-209220037.63718501</v>
      </c>
      <c r="BI772" s="53">
        <v>-108548715.048696</v>
      </c>
      <c r="BJ772" s="53">
        <v>-162883292.006643</v>
      </c>
      <c r="BK772" s="53">
        <v>-86681716.513938695</v>
      </c>
      <c r="BL772" s="53">
        <v>-91679468.020124793</v>
      </c>
      <c r="BM772" s="53">
        <v>-574199851.30503595</v>
      </c>
      <c r="BN772" s="53">
        <v>-2225366495.30932</v>
      </c>
      <c r="BO772" s="53">
        <v>-50156018.192467302</v>
      </c>
      <c r="BP772" s="53">
        <v>-54814052.482335098</v>
      </c>
      <c r="BQ772" s="53">
        <v>-238750029.86870101</v>
      </c>
      <c r="BR772" s="53">
        <v>-67595378.712641701</v>
      </c>
      <c r="BS772" s="53">
        <v>-88739205.807381794</v>
      </c>
      <c r="BT772" s="53">
        <v>-534196520.81503803</v>
      </c>
      <c r="BU772" s="53">
        <v>-235302756.47542199</v>
      </c>
      <c r="BV772" s="53">
        <v>-91558132.615362301</v>
      </c>
      <c r="BW772" s="53">
        <v>-169523560.05052301</v>
      </c>
      <c r="BX772" s="53">
        <v>-149244843.85922101</v>
      </c>
      <c r="BY772" s="53">
        <v>-93476718.409495801</v>
      </c>
      <c r="BZ772" s="53">
        <v>-457145515.01068503</v>
      </c>
      <c r="CA772" s="53">
        <v>-2230502732.2992702</v>
      </c>
      <c r="CB772" s="53">
        <v>0</v>
      </c>
      <c r="CC772" s="53">
        <v>0</v>
      </c>
      <c r="CD772" s="53">
        <v>0</v>
      </c>
      <c r="CE772" s="53">
        <v>0</v>
      </c>
      <c r="CF772" s="53">
        <v>0</v>
      </c>
      <c r="CG772" s="53">
        <v>0</v>
      </c>
      <c r="CH772" s="53">
        <v>0</v>
      </c>
      <c r="CI772" s="53">
        <v>0</v>
      </c>
      <c r="CJ772" s="53">
        <v>0</v>
      </c>
      <c r="CK772" s="53">
        <v>0</v>
      </c>
      <c r="CL772" s="53">
        <v>0</v>
      </c>
      <c r="CM772" s="53">
        <v>0</v>
      </c>
      <c r="CN772" s="53">
        <v>0</v>
      </c>
    </row>
    <row r="773" spans="1:92" outlineLevel="1">
      <c r="A773" s="52" t="s">
        <v>1357</v>
      </c>
      <c r="B773" s="53">
        <v>1336281010.6599901</v>
      </c>
      <c r="C773" s="53">
        <v>1365058727.2899899</v>
      </c>
      <c r="D773" s="53">
        <v>1426106448.8</v>
      </c>
      <c r="E773" s="53">
        <v>1440867085.8499999</v>
      </c>
      <c r="F773" s="53">
        <v>1525643564.8900001</v>
      </c>
      <c r="G773" s="53">
        <v>1327209176.4300001</v>
      </c>
      <c r="H773" s="53">
        <v>1368128056.0599999</v>
      </c>
      <c r="I773" s="53">
        <v>1359914537.78</v>
      </c>
      <c r="J773" s="53">
        <v>1445110857.4200001</v>
      </c>
      <c r="K773" s="53">
        <v>1590544721.27</v>
      </c>
      <c r="L773" s="53">
        <v>1672327461.5799999</v>
      </c>
      <c r="M773" s="53">
        <v>1756526450.75</v>
      </c>
      <c r="N773" s="53">
        <v>1756526450.75</v>
      </c>
      <c r="O773" s="53">
        <v>1839279075.3365901</v>
      </c>
      <c r="P773" s="53">
        <v>1890813365.2980299</v>
      </c>
      <c r="Q773" s="53">
        <v>1532875333.4895301</v>
      </c>
      <c r="R773" s="53">
        <v>1588638512.13905</v>
      </c>
      <c r="S773" s="53">
        <v>1551302766.1259</v>
      </c>
      <c r="T773" s="53">
        <v>1584251015.6384399</v>
      </c>
      <c r="U773" s="53">
        <v>1687556120.10375</v>
      </c>
      <c r="V773" s="53">
        <v>1827465906.5910599</v>
      </c>
      <c r="W773" s="53">
        <v>1896241493.4624901</v>
      </c>
      <c r="X773" s="53">
        <v>2055530641.5768199</v>
      </c>
      <c r="Y773" s="53">
        <v>2138781306.0051501</v>
      </c>
      <c r="Z773" s="53">
        <v>1654070768.6586299</v>
      </c>
      <c r="AA773" s="53">
        <v>1654070768.6586299</v>
      </c>
      <c r="AB773" s="53">
        <v>1582704177.6542799</v>
      </c>
      <c r="AC773" s="53">
        <v>1559848228.7795601</v>
      </c>
      <c r="AD773" s="53">
        <v>1599836768.1594801</v>
      </c>
      <c r="AE773" s="53">
        <v>1773454481.80638</v>
      </c>
      <c r="AF773" s="53">
        <v>1910224865.9553699</v>
      </c>
      <c r="AG773" s="53">
        <v>1755082469.0560501</v>
      </c>
      <c r="AH773" s="53">
        <v>1909925623.6732199</v>
      </c>
      <c r="AI773" s="53">
        <v>2046218891.4476399</v>
      </c>
      <c r="AJ773" s="53">
        <v>2115911274.58882</v>
      </c>
      <c r="AK773" s="53">
        <v>2121178654.17363</v>
      </c>
      <c r="AL773" s="53">
        <v>2188398299.3917499</v>
      </c>
      <c r="AM773" s="53">
        <v>1414135607.13604</v>
      </c>
      <c r="AN773" s="53">
        <v>1414135607.13604</v>
      </c>
      <c r="AO773" s="53">
        <v>1529477758.71977</v>
      </c>
      <c r="AP773" s="53">
        <v>1706714576.6630499</v>
      </c>
      <c r="AQ773" s="53">
        <v>1594527439.9941001</v>
      </c>
      <c r="AR773" s="53">
        <v>1724573404.00157</v>
      </c>
      <c r="AS773" s="53">
        <v>1883014743.0246999</v>
      </c>
      <c r="AT773" s="53">
        <v>1893535754.15588</v>
      </c>
      <c r="AU773" s="53">
        <v>2063514714.15646</v>
      </c>
      <c r="AV773" s="53">
        <v>2228534375.3754201</v>
      </c>
      <c r="AW773" s="53">
        <v>2155489691.9955101</v>
      </c>
      <c r="AX773" s="53">
        <v>2331093908.7539301</v>
      </c>
      <c r="AY773" s="53">
        <v>2502869735.3189802</v>
      </c>
      <c r="AZ773" s="53">
        <v>1072693742.74371</v>
      </c>
      <c r="BA773" s="53">
        <v>1072693742.74371</v>
      </c>
      <c r="BB773" s="53">
        <v>1202711479.31233</v>
      </c>
      <c r="BC773" s="53">
        <v>1352780499.4200001</v>
      </c>
      <c r="BD773" s="53">
        <v>1435413198.2293401</v>
      </c>
      <c r="BE773" s="53">
        <v>1587920580.0895801</v>
      </c>
      <c r="BF773" s="53">
        <v>1690255164.62956</v>
      </c>
      <c r="BG773" s="53">
        <v>1369152266.8996799</v>
      </c>
      <c r="BH773" s="53">
        <v>1375122686.6403899</v>
      </c>
      <c r="BI773" s="53">
        <v>1515569130.3493199</v>
      </c>
      <c r="BJ773" s="53">
        <v>1587662470.04073</v>
      </c>
      <c r="BK773" s="53">
        <v>1731577770.42767</v>
      </c>
      <c r="BL773" s="53">
        <v>1867834063.50179</v>
      </c>
      <c r="BM773" s="53">
        <v>1517997587.0640199</v>
      </c>
      <c r="BN773" s="53">
        <v>1517997587.0640199</v>
      </c>
      <c r="BO773" s="53">
        <v>1665282780.28492</v>
      </c>
      <c r="BP773" s="53">
        <v>1813692084.47118</v>
      </c>
      <c r="BQ773" s="53">
        <v>1796616319.7097499</v>
      </c>
      <c r="BR773" s="53">
        <v>1938345594.6298001</v>
      </c>
      <c r="BS773" s="53">
        <v>2062997268.07126</v>
      </c>
      <c r="BT773" s="53">
        <v>1741205977.45947</v>
      </c>
      <c r="BU773" s="53">
        <v>1718402103.5571101</v>
      </c>
      <c r="BV773" s="53">
        <v>1863470098.03425</v>
      </c>
      <c r="BW773" s="53">
        <v>1913407807.57463</v>
      </c>
      <c r="BX773" s="53">
        <v>2001079154.10888</v>
      </c>
      <c r="BY773" s="53">
        <v>2138943929.8968201</v>
      </c>
      <c r="BZ773" s="53">
        <v>1905460701.1177599</v>
      </c>
      <c r="CA773" s="53">
        <v>1905460701.1177599</v>
      </c>
      <c r="CB773" s="53">
        <v>9047996672.9426308</v>
      </c>
      <c r="CC773" s="53">
        <v>9117135419.8047791</v>
      </c>
      <c r="CD773" s="53">
        <v>9180374359.1893291</v>
      </c>
      <c r="CE773" s="53">
        <v>9300604727.4351196</v>
      </c>
      <c r="CF773" s="53">
        <v>9349779575.9724102</v>
      </c>
      <c r="CG773" s="53">
        <v>9398535937.7402191</v>
      </c>
      <c r="CH773" s="53">
        <v>9903981992.7781696</v>
      </c>
      <c r="CI773" s="53">
        <v>9972635451.0779896</v>
      </c>
      <c r="CJ773" s="53">
        <v>10037901506.4303</v>
      </c>
      <c r="CK773" s="53">
        <v>10173321035.5</v>
      </c>
      <c r="CL773" s="53">
        <v>10238287095.6105</v>
      </c>
      <c r="CM773" s="53">
        <v>10339527988.2778</v>
      </c>
      <c r="CN773" s="53">
        <v>9047996672.9426308</v>
      </c>
    </row>
    <row r="774" spans="1:92">
      <c r="A774" s="52" t="s">
        <v>1218</v>
      </c>
      <c r="B774" s="53">
        <v>18743042139.629902</v>
      </c>
      <c r="C774" s="53">
        <v>18978294365.939999</v>
      </c>
      <c r="D774" s="53">
        <v>19134880582.249901</v>
      </c>
      <c r="E774" s="53">
        <v>19258939752.239899</v>
      </c>
      <c r="F774" s="53">
        <v>19362764375.329899</v>
      </c>
      <c r="G774" s="53">
        <v>19513996560.259998</v>
      </c>
      <c r="H774" s="53">
        <v>19485694168.360001</v>
      </c>
      <c r="I774" s="53">
        <v>19702058489.099998</v>
      </c>
      <c r="J774" s="53">
        <v>19930879125.349899</v>
      </c>
      <c r="K774" s="53">
        <v>20096032414.48</v>
      </c>
      <c r="L774" s="53">
        <v>20181928362.16</v>
      </c>
      <c r="M774" s="53">
        <v>20220677835.220001</v>
      </c>
      <c r="N774" s="53">
        <v>18743042139.629902</v>
      </c>
      <c r="O774" s="53">
        <v>20444192245.679901</v>
      </c>
      <c r="P774" s="53">
        <v>20443836860.679901</v>
      </c>
      <c r="Q774" s="53">
        <v>20443481475.679901</v>
      </c>
      <c r="R774" s="53">
        <v>20443126090.679901</v>
      </c>
      <c r="S774" s="53">
        <v>20442770705.679901</v>
      </c>
      <c r="T774" s="53">
        <v>20442415320.679901</v>
      </c>
      <c r="U774" s="53">
        <v>20442059935.679901</v>
      </c>
      <c r="V774" s="53">
        <v>20441704550.679901</v>
      </c>
      <c r="W774" s="53">
        <v>20441349165.679901</v>
      </c>
      <c r="X774" s="53">
        <v>20440993780.679901</v>
      </c>
      <c r="Y774" s="53">
        <v>20440638395.679901</v>
      </c>
      <c r="Z774" s="53">
        <v>20440283010.679901</v>
      </c>
      <c r="AA774" s="53">
        <v>20444192245.679901</v>
      </c>
      <c r="AB774" s="53">
        <v>20439927625.679901</v>
      </c>
      <c r="AC774" s="53">
        <v>20439572240.679901</v>
      </c>
      <c r="AD774" s="53">
        <v>20439216855.679901</v>
      </c>
      <c r="AE774" s="53">
        <v>20438861470.679901</v>
      </c>
      <c r="AF774" s="53">
        <v>20438506085.679901</v>
      </c>
      <c r="AG774" s="53">
        <v>20438150700.679901</v>
      </c>
      <c r="AH774" s="53">
        <v>20437795315.679901</v>
      </c>
      <c r="AI774" s="53">
        <v>20437439930.679901</v>
      </c>
      <c r="AJ774" s="53">
        <v>20437084545.679901</v>
      </c>
      <c r="AK774" s="53">
        <v>20436729160.679901</v>
      </c>
      <c r="AL774" s="53">
        <v>20436373775.679901</v>
      </c>
      <c r="AM774" s="53">
        <v>20436018390.679901</v>
      </c>
      <c r="AN774" s="53">
        <v>20439927625.679901</v>
      </c>
      <c r="AO774" s="53">
        <v>20435663005.679901</v>
      </c>
      <c r="AP774" s="53">
        <v>20435307620.679901</v>
      </c>
      <c r="AQ774" s="53">
        <v>20434952235.679901</v>
      </c>
      <c r="AR774" s="53">
        <v>20434596850.679901</v>
      </c>
      <c r="AS774" s="53">
        <v>20434241465.679901</v>
      </c>
      <c r="AT774" s="53">
        <v>20433886080.679901</v>
      </c>
      <c r="AU774" s="53">
        <v>20433530695.679901</v>
      </c>
      <c r="AV774" s="53">
        <v>20433175310.679901</v>
      </c>
      <c r="AW774" s="53">
        <v>20432819925.679901</v>
      </c>
      <c r="AX774" s="53">
        <v>20432464540.679901</v>
      </c>
      <c r="AY774" s="53">
        <v>20432109155.679901</v>
      </c>
      <c r="AZ774" s="53">
        <v>20431753770.679901</v>
      </c>
      <c r="BA774" s="53">
        <v>20435663005.679901</v>
      </c>
      <c r="BB774" s="53">
        <v>20431398385.679901</v>
      </c>
      <c r="BC774" s="53">
        <v>20431043000.679901</v>
      </c>
      <c r="BD774" s="53">
        <v>20430687615.679901</v>
      </c>
      <c r="BE774" s="53">
        <v>20430332230.679901</v>
      </c>
      <c r="BF774" s="53">
        <v>20429976845.679901</v>
      </c>
      <c r="BG774" s="53">
        <v>20429621460.679901</v>
      </c>
      <c r="BH774" s="53">
        <v>20429266075.679901</v>
      </c>
      <c r="BI774" s="53">
        <v>20428910690.679901</v>
      </c>
      <c r="BJ774" s="53">
        <v>20428555305.679901</v>
      </c>
      <c r="BK774" s="53">
        <v>20428199920.679901</v>
      </c>
      <c r="BL774" s="53">
        <v>20427844535.679901</v>
      </c>
      <c r="BM774" s="53">
        <v>20427489150.679901</v>
      </c>
      <c r="BN774" s="53">
        <v>20431398385.679901</v>
      </c>
      <c r="BO774" s="53">
        <v>20427133765.679901</v>
      </c>
      <c r="BP774" s="53">
        <v>20426778380.679901</v>
      </c>
      <c r="BQ774" s="53">
        <v>20426422995.679901</v>
      </c>
      <c r="BR774" s="53">
        <v>20426067610.679901</v>
      </c>
      <c r="BS774" s="53">
        <v>20425712225.679901</v>
      </c>
      <c r="BT774" s="53">
        <v>20425356840.679901</v>
      </c>
      <c r="BU774" s="53">
        <v>20425001455.679901</v>
      </c>
      <c r="BV774" s="53">
        <v>20424646070.679901</v>
      </c>
      <c r="BW774" s="53">
        <v>20424290685.679901</v>
      </c>
      <c r="BX774" s="53">
        <v>20423935300.679901</v>
      </c>
      <c r="BY774" s="53">
        <v>20423579915.679901</v>
      </c>
      <c r="BZ774" s="53">
        <v>20423224530.679901</v>
      </c>
      <c r="CA774" s="53">
        <v>20427133765.679901</v>
      </c>
      <c r="CB774" s="53"/>
      <c r="CC774" s="53"/>
      <c r="CD774" s="53"/>
      <c r="CE774" s="53"/>
      <c r="CF774" s="53"/>
      <c r="CG774" s="53"/>
      <c r="CH774" s="53"/>
      <c r="CI774" s="53"/>
      <c r="CJ774" s="53"/>
      <c r="CK774" s="53"/>
      <c r="CL774" s="53"/>
      <c r="CM774" s="53"/>
      <c r="CN774" s="53"/>
    </row>
    <row r="775" spans="1:92">
      <c r="A775" s="52" t="s">
        <v>672</v>
      </c>
      <c r="B775" s="53"/>
      <c r="C775" s="53"/>
      <c r="D775" s="53"/>
      <c r="E775" s="53"/>
      <c r="F775" s="53"/>
      <c r="G775" s="53"/>
      <c r="H775" s="53"/>
      <c r="I775" s="53"/>
      <c r="J775" s="53"/>
      <c r="K775" s="53"/>
      <c r="L775" s="53"/>
      <c r="M775" s="53"/>
      <c r="N775" s="53"/>
      <c r="O775" s="53"/>
      <c r="P775" s="53"/>
      <c r="Q775" s="53"/>
      <c r="R775" s="53"/>
      <c r="S775" s="53"/>
      <c r="T775" s="53"/>
      <c r="U775" s="53"/>
      <c r="V775" s="53"/>
      <c r="W775" s="53"/>
      <c r="X775" s="53"/>
      <c r="Y775" s="53"/>
      <c r="Z775" s="53"/>
      <c r="AA775" s="53"/>
      <c r="AB775" s="53"/>
      <c r="AC775" s="53"/>
      <c r="AD775" s="53"/>
      <c r="AE775" s="53"/>
      <c r="AF775" s="53"/>
      <c r="AG775" s="53"/>
      <c r="AH775" s="53"/>
      <c r="AI775" s="53"/>
      <c r="AJ775" s="53"/>
      <c r="AK775" s="53"/>
      <c r="AL775" s="53"/>
      <c r="AM775" s="53"/>
      <c r="AN775" s="53"/>
      <c r="AO775" s="53"/>
      <c r="AP775" s="53"/>
      <c r="AQ775" s="53"/>
      <c r="AR775" s="53"/>
      <c r="AS775" s="53"/>
      <c r="AT775" s="53"/>
      <c r="AU775" s="53"/>
      <c r="AV775" s="53"/>
      <c r="AW775" s="53"/>
      <c r="AX775" s="53"/>
      <c r="AY775" s="53"/>
      <c r="AZ775" s="53"/>
      <c r="BA775" s="53"/>
      <c r="BB775" s="53"/>
      <c r="BC775" s="53"/>
      <c r="BD775" s="53"/>
      <c r="BE775" s="53"/>
      <c r="BF775" s="53"/>
      <c r="BG775" s="53"/>
      <c r="BH775" s="53"/>
      <c r="BI775" s="53"/>
      <c r="BJ775" s="53"/>
      <c r="BK775" s="53"/>
      <c r="BL775" s="53"/>
      <c r="BM775" s="53"/>
      <c r="BN775" s="53"/>
      <c r="BO775" s="53"/>
      <c r="BP775" s="53"/>
      <c r="BQ775" s="53"/>
      <c r="BR775" s="53"/>
      <c r="BS775" s="53"/>
      <c r="BT775" s="53"/>
      <c r="BU775" s="53"/>
      <c r="BV775" s="53"/>
      <c r="BW775" s="53"/>
      <c r="BX775" s="53"/>
      <c r="BY775" s="53"/>
      <c r="BZ775" s="53"/>
      <c r="CA775" s="53"/>
      <c r="CB775" s="53"/>
      <c r="CC775" s="53"/>
      <c r="CD775" s="53"/>
      <c r="CE775" s="53"/>
      <c r="CF775" s="53"/>
      <c r="CG775" s="53"/>
      <c r="CH775" s="53"/>
      <c r="CI775" s="53"/>
      <c r="CJ775" s="53"/>
      <c r="CK775" s="53"/>
      <c r="CL775" s="53"/>
      <c r="CM775" s="53"/>
      <c r="CN775" s="53"/>
    </row>
    <row r="776" spans="1:92">
      <c r="A776" s="52" t="s">
        <v>650</v>
      </c>
      <c r="B776" s="53"/>
      <c r="C776" s="53"/>
      <c r="D776" s="53"/>
      <c r="E776" s="53"/>
      <c r="F776" s="53"/>
      <c r="G776" s="53"/>
      <c r="H776" s="53"/>
      <c r="I776" s="53"/>
      <c r="J776" s="53"/>
      <c r="K776" s="53"/>
      <c r="L776" s="53"/>
      <c r="M776" s="53"/>
      <c r="N776" s="53"/>
      <c r="O776" s="53"/>
      <c r="P776" s="53"/>
      <c r="Q776" s="53"/>
      <c r="R776" s="53"/>
      <c r="S776" s="53"/>
      <c r="T776" s="53"/>
      <c r="U776" s="53"/>
      <c r="V776" s="53"/>
      <c r="W776" s="53"/>
      <c r="X776" s="53"/>
      <c r="Y776" s="53"/>
      <c r="Z776" s="53"/>
      <c r="AA776" s="53"/>
      <c r="AB776" s="53"/>
      <c r="AC776" s="53"/>
      <c r="AD776" s="53"/>
      <c r="AE776" s="53"/>
      <c r="AF776" s="53"/>
      <c r="AG776" s="53"/>
      <c r="AH776" s="53"/>
      <c r="AI776" s="53"/>
      <c r="AJ776" s="53"/>
      <c r="AK776" s="53"/>
      <c r="AL776" s="53"/>
      <c r="AM776" s="53"/>
      <c r="AN776" s="53"/>
      <c r="AO776" s="53"/>
      <c r="AP776" s="53"/>
      <c r="AQ776" s="53"/>
      <c r="AR776" s="53"/>
      <c r="AS776" s="53"/>
      <c r="AT776" s="53"/>
      <c r="AU776" s="53"/>
      <c r="AV776" s="53"/>
      <c r="AW776" s="53"/>
      <c r="AX776" s="53"/>
      <c r="AY776" s="53"/>
      <c r="AZ776" s="53"/>
      <c r="BA776" s="53"/>
      <c r="BB776" s="53"/>
      <c r="BC776" s="53"/>
      <c r="BD776" s="53"/>
      <c r="BE776" s="53"/>
      <c r="BF776" s="53"/>
      <c r="BG776" s="53"/>
      <c r="BH776" s="53"/>
      <c r="BI776" s="53"/>
      <c r="BJ776" s="53"/>
      <c r="BK776" s="53"/>
      <c r="BL776" s="53"/>
      <c r="BM776" s="53"/>
      <c r="BN776" s="53"/>
      <c r="BO776" s="53"/>
      <c r="BP776" s="53"/>
      <c r="BQ776" s="53"/>
      <c r="BR776" s="53"/>
      <c r="BS776" s="53"/>
      <c r="BT776" s="53"/>
      <c r="BU776" s="53"/>
      <c r="BV776" s="53"/>
      <c r="BW776" s="53"/>
      <c r="BX776" s="53"/>
      <c r="BY776" s="53"/>
      <c r="BZ776" s="53"/>
      <c r="CA776" s="53"/>
      <c r="CB776" s="53"/>
      <c r="CC776" s="53"/>
      <c r="CD776" s="53"/>
      <c r="CE776" s="53"/>
      <c r="CF776" s="53"/>
      <c r="CG776" s="53"/>
      <c r="CH776" s="53"/>
      <c r="CI776" s="53"/>
      <c r="CJ776" s="53"/>
      <c r="CK776" s="53"/>
      <c r="CL776" s="53"/>
      <c r="CM776" s="53"/>
      <c r="CN776" s="53"/>
    </row>
    <row r="777" spans="1:92">
      <c r="A777" s="52" t="s">
        <v>1358</v>
      </c>
      <c r="B777" s="53"/>
      <c r="C777" s="53"/>
      <c r="D777" s="53"/>
      <c r="E777" s="53"/>
      <c r="F777" s="53"/>
      <c r="G777" s="53"/>
      <c r="H777" s="53"/>
      <c r="I777" s="53"/>
      <c r="J777" s="53"/>
      <c r="K777" s="53"/>
      <c r="L777" s="53"/>
      <c r="M777" s="53"/>
      <c r="N777" s="53"/>
      <c r="O777" s="53"/>
      <c r="P777" s="53"/>
      <c r="Q777" s="53"/>
      <c r="R777" s="53"/>
      <c r="S777" s="53"/>
      <c r="T777" s="53"/>
      <c r="U777" s="53"/>
      <c r="V777" s="53"/>
      <c r="W777" s="53"/>
      <c r="X777" s="53"/>
      <c r="Y777" s="53"/>
      <c r="Z777" s="53"/>
      <c r="AA777" s="53"/>
      <c r="AB777" s="53"/>
      <c r="AC777" s="53"/>
      <c r="AD777" s="53"/>
      <c r="AE777" s="53"/>
      <c r="AF777" s="53"/>
      <c r="AG777" s="53"/>
      <c r="AH777" s="53"/>
      <c r="AI777" s="53"/>
      <c r="AJ777" s="53"/>
      <c r="AK777" s="53"/>
      <c r="AL777" s="53"/>
      <c r="AM777" s="53"/>
      <c r="AN777" s="53"/>
      <c r="AO777" s="53"/>
      <c r="AP777" s="53"/>
      <c r="AQ777" s="53"/>
      <c r="AR777" s="53"/>
      <c r="AS777" s="53"/>
      <c r="AT777" s="53"/>
      <c r="AU777" s="53"/>
      <c r="AV777" s="53"/>
      <c r="AW777" s="53"/>
      <c r="AX777" s="53"/>
      <c r="AY777" s="53"/>
      <c r="AZ777" s="53"/>
      <c r="BA777" s="53"/>
      <c r="BB777" s="53"/>
      <c r="BC777" s="53"/>
      <c r="BD777" s="53"/>
      <c r="BE777" s="53"/>
      <c r="BF777" s="53"/>
      <c r="BG777" s="53"/>
      <c r="BH777" s="53"/>
      <c r="BI777" s="53"/>
      <c r="BJ777" s="53"/>
      <c r="BK777" s="53"/>
      <c r="BL777" s="53"/>
      <c r="BM777" s="53"/>
      <c r="BN777" s="53"/>
      <c r="BO777" s="53"/>
      <c r="BP777" s="53"/>
      <c r="BQ777" s="53"/>
      <c r="BR777" s="53"/>
      <c r="BS777" s="53"/>
      <c r="BT777" s="53"/>
      <c r="BU777" s="53"/>
      <c r="BV777" s="53"/>
      <c r="BW777" s="53"/>
      <c r="BX777" s="53"/>
      <c r="BY777" s="53"/>
      <c r="BZ777" s="53"/>
      <c r="CA777" s="53"/>
      <c r="CB777" s="53">
        <v>84849019.661116302</v>
      </c>
      <c r="CC777" s="53">
        <v>80638335.818622395</v>
      </c>
      <c r="CD777" s="53">
        <v>141855068.726616</v>
      </c>
      <c r="CE777" s="53">
        <v>65071067.381324001</v>
      </c>
      <c r="CF777" s="53">
        <v>64583708.528266102</v>
      </c>
      <c r="CG777" s="53">
        <v>533105490.71989799</v>
      </c>
      <c r="CH777" s="53">
        <v>84941868.224685103</v>
      </c>
      <c r="CI777" s="53">
        <v>81106711.098046005</v>
      </c>
      <c r="CJ777" s="53">
        <v>156861231.42036501</v>
      </c>
      <c r="CK777" s="53">
        <v>80791442.160578504</v>
      </c>
      <c r="CL777" s="53">
        <v>120740389.49302</v>
      </c>
      <c r="CM777" s="53">
        <v>659426696.48250496</v>
      </c>
      <c r="CN777" s="53">
        <v>2153971029.7150402</v>
      </c>
    </row>
    <row r="778" spans="1:92" outlineLevel="1">
      <c r="A778" s="52" t="s">
        <v>649</v>
      </c>
      <c r="B778" s="53">
        <v>-355385</v>
      </c>
      <c r="C778" s="53">
        <v>-355385</v>
      </c>
      <c r="D778" s="53">
        <v>-355385</v>
      </c>
      <c r="E778" s="53">
        <v>-355385</v>
      </c>
      <c r="F778" s="53">
        <v>-355385</v>
      </c>
      <c r="G778" s="53">
        <v>-355385</v>
      </c>
      <c r="H778" s="53">
        <v>-355385</v>
      </c>
      <c r="I778" s="53">
        <v>-355385</v>
      </c>
      <c r="J778" s="53">
        <v>-355385</v>
      </c>
      <c r="K778" s="53">
        <v>-355385</v>
      </c>
      <c r="L778" s="53">
        <v>-355385</v>
      </c>
      <c r="M778" s="53">
        <v>-355385</v>
      </c>
      <c r="N778" s="53">
        <v>-4264620</v>
      </c>
      <c r="O778" s="53">
        <v>-355385</v>
      </c>
      <c r="P778" s="53">
        <v>-355385</v>
      </c>
      <c r="Q778" s="53">
        <v>-355385</v>
      </c>
      <c r="R778" s="53">
        <v>-355385</v>
      </c>
      <c r="S778" s="53">
        <v>-355385</v>
      </c>
      <c r="T778" s="53">
        <v>-355385</v>
      </c>
      <c r="U778" s="53">
        <v>-355385</v>
      </c>
      <c r="V778" s="53">
        <v>-355385</v>
      </c>
      <c r="W778" s="53">
        <v>-355385</v>
      </c>
      <c r="X778" s="53">
        <v>-355385</v>
      </c>
      <c r="Y778" s="53">
        <v>-355385</v>
      </c>
      <c r="Z778" s="53">
        <v>-355385</v>
      </c>
      <c r="AA778" s="53">
        <v>-4264620</v>
      </c>
      <c r="AB778" s="53">
        <v>-355385</v>
      </c>
      <c r="AC778" s="53">
        <v>-355385</v>
      </c>
      <c r="AD778" s="53">
        <v>-355385</v>
      </c>
      <c r="AE778" s="53">
        <v>-355385</v>
      </c>
      <c r="AF778" s="53">
        <v>-355385</v>
      </c>
      <c r="AG778" s="53">
        <v>-355385</v>
      </c>
      <c r="AH778" s="53">
        <v>-355385</v>
      </c>
      <c r="AI778" s="53">
        <v>-355385</v>
      </c>
      <c r="AJ778" s="53">
        <v>-355385</v>
      </c>
      <c r="AK778" s="53">
        <v>-355385</v>
      </c>
      <c r="AL778" s="53">
        <v>-355385</v>
      </c>
      <c r="AM778" s="53">
        <v>-355385</v>
      </c>
      <c r="AN778" s="53">
        <v>-4264620</v>
      </c>
      <c r="AO778" s="53">
        <v>-355385</v>
      </c>
      <c r="AP778" s="53">
        <v>-355385</v>
      </c>
      <c r="AQ778" s="53">
        <v>-355385</v>
      </c>
      <c r="AR778" s="53">
        <v>-355385</v>
      </c>
      <c r="AS778" s="53">
        <v>-355385</v>
      </c>
      <c r="AT778" s="53">
        <v>-355385</v>
      </c>
      <c r="AU778" s="53">
        <v>-355385</v>
      </c>
      <c r="AV778" s="53">
        <v>-355385</v>
      </c>
      <c r="AW778" s="53">
        <v>-355385</v>
      </c>
      <c r="AX778" s="53">
        <v>-355385</v>
      </c>
      <c r="AY778" s="53">
        <v>-355385</v>
      </c>
      <c r="AZ778" s="53">
        <v>-355385</v>
      </c>
      <c r="BA778" s="53">
        <v>-4264620</v>
      </c>
      <c r="BB778" s="53">
        <v>-355385</v>
      </c>
      <c r="BC778" s="53">
        <v>-355385</v>
      </c>
      <c r="BD778" s="53">
        <v>-355385</v>
      </c>
      <c r="BE778" s="53">
        <v>-355385</v>
      </c>
      <c r="BF778" s="53">
        <v>-355385</v>
      </c>
      <c r="BG778" s="53">
        <v>-355385</v>
      </c>
      <c r="BH778" s="53">
        <v>-355385</v>
      </c>
      <c r="BI778" s="53">
        <v>-355385</v>
      </c>
      <c r="BJ778" s="53">
        <v>-355385</v>
      </c>
      <c r="BK778" s="53">
        <v>-355385</v>
      </c>
      <c r="BL778" s="53">
        <v>-355385</v>
      </c>
      <c r="BM778" s="53">
        <v>-355385</v>
      </c>
      <c r="BN778" s="53">
        <v>-4264620</v>
      </c>
      <c r="BO778" s="53">
        <v>-355385</v>
      </c>
      <c r="BP778" s="53">
        <v>-355385</v>
      </c>
      <c r="BQ778" s="53">
        <v>-355385</v>
      </c>
      <c r="BR778" s="53">
        <v>-355385</v>
      </c>
      <c r="BS778" s="53">
        <v>-355385</v>
      </c>
      <c r="BT778" s="53">
        <v>-355385</v>
      </c>
      <c r="BU778" s="53">
        <v>-355385</v>
      </c>
      <c r="BV778" s="53">
        <v>-355385</v>
      </c>
      <c r="BW778" s="53">
        <v>-355385</v>
      </c>
      <c r="BX778" s="53">
        <v>-355385</v>
      </c>
      <c r="BY778" s="53">
        <v>-355385</v>
      </c>
      <c r="BZ778" s="53">
        <v>-355385</v>
      </c>
      <c r="CA778" s="53">
        <v>-4264620</v>
      </c>
      <c r="CB778" s="53"/>
      <c r="CC778" s="53"/>
      <c r="CD778" s="53"/>
      <c r="CE778" s="53"/>
      <c r="CF778" s="53"/>
      <c r="CG778" s="53"/>
      <c r="CH778" s="53"/>
      <c r="CI778" s="53"/>
      <c r="CJ778" s="53"/>
      <c r="CK778" s="53"/>
      <c r="CL778" s="53"/>
      <c r="CM778" s="53"/>
      <c r="CN778" s="53"/>
    </row>
    <row r="779" spans="1:92" outlineLevel="1">
      <c r="A779" s="52" t="s">
        <v>1359</v>
      </c>
      <c r="B779" s="53">
        <v>18978294365.939999</v>
      </c>
      <c r="C779" s="53">
        <v>19134880582.249901</v>
      </c>
      <c r="D779" s="53">
        <v>19258939752.239899</v>
      </c>
      <c r="E779" s="53">
        <v>19362764375.329899</v>
      </c>
      <c r="F779" s="53">
        <v>19513996560.259998</v>
      </c>
      <c r="G779" s="53">
        <v>19485694168.360001</v>
      </c>
      <c r="H779" s="53">
        <v>19702058489.099998</v>
      </c>
      <c r="I779" s="53">
        <v>19930879125.349899</v>
      </c>
      <c r="J779" s="53">
        <v>20096032414.48</v>
      </c>
      <c r="K779" s="53">
        <v>20181928362.16</v>
      </c>
      <c r="L779" s="53">
        <v>20220677835.220001</v>
      </c>
      <c r="M779" s="53">
        <v>20444192245.679901</v>
      </c>
      <c r="N779" s="53">
        <v>20444192245.679901</v>
      </c>
      <c r="O779" s="53">
        <v>20443836860.679901</v>
      </c>
      <c r="P779" s="53">
        <v>20443481475.679901</v>
      </c>
      <c r="Q779" s="53">
        <v>20443126090.679901</v>
      </c>
      <c r="R779" s="53">
        <v>20442770705.679901</v>
      </c>
      <c r="S779" s="53">
        <v>20442415320.679901</v>
      </c>
      <c r="T779" s="53">
        <v>20442059935.679901</v>
      </c>
      <c r="U779" s="53">
        <v>20441704550.679901</v>
      </c>
      <c r="V779" s="53">
        <v>20441349165.679901</v>
      </c>
      <c r="W779" s="53">
        <v>20440993780.679901</v>
      </c>
      <c r="X779" s="53">
        <v>20440638395.679901</v>
      </c>
      <c r="Y779" s="53">
        <v>20440283010.679901</v>
      </c>
      <c r="Z779" s="53">
        <v>20439927625.679901</v>
      </c>
      <c r="AA779" s="53">
        <v>20439927625.679901</v>
      </c>
      <c r="AB779" s="53">
        <v>20439572240.679901</v>
      </c>
      <c r="AC779" s="53">
        <v>20439216855.679901</v>
      </c>
      <c r="AD779" s="53">
        <v>20438861470.679901</v>
      </c>
      <c r="AE779" s="53">
        <v>20438506085.679901</v>
      </c>
      <c r="AF779" s="53">
        <v>20438150700.679901</v>
      </c>
      <c r="AG779" s="53">
        <v>20437795315.679901</v>
      </c>
      <c r="AH779" s="53">
        <v>20437439930.679901</v>
      </c>
      <c r="AI779" s="53">
        <v>20437084545.679901</v>
      </c>
      <c r="AJ779" s="53">
        <v>20436729160.679901</v>
      </c>
      <c r="AK779" s="53">
        <v>20436373775.679901</v>
      </c>
      <c r="AL779" s="53">
        <v>20436018390.679901</v>
      </c>
      <c r="AM779" s="53">
        <v>20435663005.679901</v>
      </c>
      <c r="AN779" s="53">
        <v>20435663005.679901</v>
      </c>
      <c r="AO779" s="53">
        <v>20435307620.679901</v>
      </c>
      <c r="AP779" s="53">
        <v>20434952235.679901</v>
      </c>
      <c r="AQ779" s="53">
        <v>20434596850.679901</v>
      </c>
      <c r="AR779" s="53">
        <v>20434241465.679901</v>
      </c>
      <c r="AS779" s="53">
        <v>20433886080.679901</v>
      </c>
      <c r="AT779" s="53">
        <v>20433530695.679901</v>
      </c>
      <c r="AU779" s="53">
        <v>20433175310.679901</v>
      </c>
      <c r="AV779" s="53">
        <v>20432819925.679901</v>
      </c>
      <c r="AW779" s="53">
        <v>20432464540.679901</v>
      </c>
      <c r="AX779" s="53">
        <v>20432109155.679901</v>
      </c>
      <c r="AY779" s="53">
        <v>20431753770.679901</v>
      </c>
      <c r="AZ779" s="53">
        <v>20431398385.679901</v>
      </c>
      <c r="BA779" s="53">
        <v>20431398385.679901</v>
      </c>
      <c r="BB779" s="53">
        <v>20431043000.679901</v>
      </c>
      <c r="BC779" s="53">
        <v>20430687615.679901</v>
      </c>
      <c r="BD779" s="53">
        <v>20430332230.679901</v>
      </c>
      <c r="BE779" s="53">
        <v>20429976845.679901</v>
      </c>
      <c r="BF779" s="53">
        <v>20429621460.679901</v>
      </c>
      <c r="BG779" s="53">
        <v>20429266075.679901</v>
      </c>
      <c r="BH779" s="53">
        <v>20428910690.679901</v>
      </c>
      <c r="BI779" s="53">
        <v>20428555305.679901</v>
      </c>
      <c r="BJ779" s="53">
        <v>20428199920.679901</v>
      </c>
      <c r="BK779" s="53">
        <v>20427844535.679901</v>
      </c>
      <c r="BL779" s="53">
        <v>20427489150.679901</v>
      </c>
      <c r="BM779" s="53">
        <v>20427133765.679901</v>
      </c>
      <c r="BN779" s="53">
        <v>20427133765.679901</v>
      </c>
      <c r="BO779" s="53">
        <v>20426778380.679901</v>
      </c>
      <c r="BP779" s="53">
        <v>20426422995.679901</v>
      </c>
      <c r="BQ779" s="53">
        <v>20426067610.679901</v>
      </c>
      <c r="BR779" s="53">
        <v>20425712225.679901</v>
      </c>
      <c r="BS779" s="53">
        <v>20425356840.679901</v>
      </c>
      <c r="BT779" s="53">
        <v>20425001455.679901</v>
      </c>
      <c r="BU779" s="53">
        <v>20424646070.679901</v>
      </c>
      <c r="BV779" s="53">
        <v>20424290685.679901</v>
      </c>
      <c r="BW779" s="53">
        <v>20423935300.679901</v>
      </c>
      <c r="BX779" s="53">
        <v>20423579915.679901</v>
      </c>
      <c r="BY779" s="53">
        <v>20423224530.679901</v>
      </c>
      <c r="BZ779" s="53">
        <v>20422869145.679798</v>
      </c>
      <c r="CA779" s="53">
        <v>20422869145.679798</v>
      </c>
      <c r="CB779" s="53">
        <v>-15710272.7989663</v>
      </c>
      <c r="CC779" s="53">
        <v>-17399396.434068099</v>
      </c>
      <c r="CD779" s="53">
        <v>-21624700.480832901</v>
      </c>
      <c r="CE779" s="53">
        <v>-15896218.8440332</v>
      </c>
      <c r="CF779" s="53">
        <v>-15827346.7604503</v>
      </c>
      <c r="CG779" s="53">
        <v>-27659435.681952599</v>
      </c>
      <c r="CH779" s="53">
        <v>-16288409.9248577</v>
      </c>
      <c r="CI779" s="53">
        <v>-15840655.745694</v>
      </c>
      <c r="CJ779" s="53">
        <v>-21441702.350702502</v>
      </c>
      <c r="CK779" s="53">
        <v>-15825382.0499967</v>
      </c>
      <c r="CL779" s="53">
        <v>-19499496.825794902</v>
      </c>
      <c r="CM779" s="53">
        <v>-80831761.358135104</v>
      </c>
      <c r="CN779" s="53">
        <v>-283844779.25548398</v>
      </c>
    </row>
    <row r="780" spans="1:92" outlineLevel="1">
      <c r="A780" s="52" t="s">
        <v>1360</v>
      </c>
      <c r="B780" s="53">
        <v>3506521711.46</v>
      </c>
      <c r="C780" s="53">
        <v>3454804517.1799998</v>
      </c>
      <c r="D780" s="53">
        <v>3419882068.3600001</v>
      </c>
      <c r="E780" s="53">
        <v>3426509495.1700001</v>
      </c>
      <c r="F780" s="53">
        <v>3414908747.71</v>
      </c>
      <c r="G780" s="53">
        <v>3748629846.8699999</v>
      </c>
      <c r="H780" s="53">
        <v>3639373619.4099998</v>
      </c>
      <c r="I780" s="53">
        <v>3625640843.3699999</v>
      </c>
      <c r="J780" s="53">
        <v>3550256899.1599998</v>
      </c>
      <c r="K780" s="53">
        <v>3600466018.4400001</v>
      </c>
      <c r="L780" s="53">
        <v>3627433092.48</v>
      </c>
      <c r="M780" s="53">
        <v>3587092560.8600001</v>
      </c>
      <c r="N780" s="53">
        <v>3587092560.8600001</v>
      </c>
      <c r="O780" s="53">
        <v>3587092560.8600001</v>
      </c>
      <c r="P780" s="53">
        <v>3587092560.8600001</v>
      </c>
      <c r="Q780" s="53">
        <v>3587092560.8600001</v>
      </c>
      <c r="R780" s="53">
        <v>3587092560.8600001</v>
      </c>
      <c r="S780" s="53">
        <v>3587092560.8600001</v>
      </c>
      <c r="T780" s="53">
        <v>3587092560.8600001</v>
      </c>
      <c r="U780" s="53">
        <v>3587092560.8600001</v>
      </c>
      <c r="V780" s="53">
        <v>3587092560.8600001</v>
      </c>
      <c r="W780" s="53">
        <v>3587092560.8600001</v>
      </c>
      <c r="X780" s="53">
        <v>3587092560.8600001</v>
      </c>
      <c r="Y780" s="53">
        <v>3587092560.8600001</v>
      </c>
      <c r="Z780" s="53">
        <v>3587092560.8600001</v>
      </c>
      <c r="AA780" s="53">
        <v>3587092560.8600001</v>
      </c>
      <c r="AB780" s="53">
        <v>3587092560.8600001</v>
      </c>
      <c r="AC780" s="53">
        <v>3587092560.8600001</v>
      </c>
      <c r="AD780" s="53">
        <v>3587092560.8600001</v>
      </c>
      <c r="AE780" s="53">
        <v>3587092560.8600001</v>
      </c>
      <c r="AF780" s="53">
        <v>3587092560.8600001</v>
      </c>
      <c r="AG780" s="53">
        <v>3587092560.8600001</v>
      </c>
      <c r="AH780" s="53">
        <v>3587092560.8600001</v>
      </c>
      <c r="AI780" s="53">
        <v>3587092560.8600001</v>
      </c>
      <c r="AJ780" s="53">
        <v>3587092560.8600001</v>
      </c>
      <c r="AK780" s="53">
        <v>3587092560.8600001</v>
      </c>
      <c r="AL780" s="53">
        <v>3587092560.8600001</v>
      </c>
      <c r="AM780" s="53">
        <v>3587092560.8600001</v>
      </c>
      <c r="AN780" s="53">
        <v>3587092560.8600001</v>
      </c>
      <c r="AO780" s="53">
        <v>3587092560.8600001</v>
      </c>
      <c r="AP780" s="53">
        <v>3587092560.8600001</v>
      </c>
      <c r="AQ780" s="53">
        <v>3587092560.8600001</v>
      </c>
      <c r="AR780" s="53">
        <v>3587092560.8600001</v>
      </c>
      <c r="AS780" s="53">
        <v>3587092560.8600001</v>
      </c>
      <c r="AT780" s="53">
        <v>3587092560.8600001</v>
      </c>
      <c r="AU780" s="53">
        <v>3587092560.8600001</v>
      </c>
      <c r="AV780" s="53">
        <v>3587092560.8600001</v>
      </c>
      <c r="AW780" s="53">
        <v>3587092560.8600001</v>
      </c>
      <c r="AX780" s="53">
        <v>3587092560.8600001</v>
      </c>
      <c r="AY780" s="53">
        <v>3587092560.8600001</v>
      </c>
      <c r="AZ780" s="53">
        <v>3587092560.8600001</v>
      </c>
      <c r="BA780" s="53">
        <v>3587092560.8600001</v>
      </c>
      <c r="BB780" s="53">
        <v>3587092560.8600001</v>
      </c>
      <c r="BC780" s="53">
        <v>3587092560.8600001</v>
      </c>
      <c r="BD780" s="53">
        <v>3587092560.8600001</v>
      </c>
      <c r="BE780" s="53">
        <v>3587092560.8600001</v>
      </c>
      <c r="BF780" s="53">
        <v>3587092560.8600001</v>
      </c>
      <c r="BG780" s="53">
        <v>3587092560.8600001</v>
      </c>
      <c r="BH780" s="53">
        <v>3587092560.8600001</v>
      </c>
      <c r="BI780" s="53">
        <v>3587092560.8600001</v>
      </c>
      <c r="BJ780" s="53">
        <v>3587092560.8600001</v>
      </c>
      <c r="BK780" s="53">
        <v>3587092560.8600001</v>
      </c>
      <c r="BL780" s="53">
        <v>3587092560.8600001</v>
      </c>
      <c r="BM780" s="53">
        <v>3587092560.8600001</v>
      </c>
      <c r="BN780" s="53">
        <v>3587092560.8600001</v>
      </c>
      <c r="BO780" s="53">
        <v>3587092560.8600001</v>
      </c>
      <c r="BP780" s="53">
        <v>3587092560.8600001</v>
      </c>
      <c r="BQ780" s="53">
        <v>3587092560.8600001</v>
      </c>
      <c r="BR780" s="53">
        <v>3587092560.8600001</v>
      </c>
      <c r="BS780" s="53">
        <v>3587092560.8600001</v>
      </c>
      <c r="BT780" s="53">
        <v>3587092560.8600001</v>
      </c>
      <c r="BU780" s="53">
        <v>3587092560.8600001</v>
      </c>
      <c r="BV780" s="53">
        <v>3587092560.8600001</v>
      </c>
      <c r="BW780" s="53">
        <v>3587092560.8600001</v>
      </c>
      <c r="BX780" s="53">
        <v>3587092560.8600001</v>
      </c>
      <c r="BY780" s="53">
        <v>3587092560.8600001</v>
      </c>
      <c r="BZ780" s="53">
        <v>3587092560.8600001</v>
      </c>
      <c r="CA780" s="53">
        <v>3587092560.8600001</v>
      </c>
      <c r="CB780" s="53"/>
      <c r="CC780" s="53"/>
      <c r="CD780" s="53"/>
      <c r="CE780" s="53"/>
      <c r="CF780" s="53"/>
      <c r="CG780" s="53"/>
      <c r="CH780" s="53"/>
      <c r="CI780" s="53"/>
      <c r="CJ780" s="53"/>
      <c r="CK780" s="53"/>
      <c r="CL780" s="53"/>
      <c r="CM780" s="53"/>
      <c r="CN780" s="53"/>
    </row>
    <row r="781" spans="1:92" outlineLevel="1">
      <c r="A781" s="52" t="s">
        <v>1361</v>
      </c>
      <c r="B781" s="53">
        <v>0</v>
      </c>
      <c r="C781" s="53">
        <v>0</v>
      </c>
      <c r="D781" s="53">
        <v>0</v>
      </c>
      <c r="E781" s="53">
        <v>0</v>
      </c>
      <c r="F781" s="53">
        <v>0</v>
      </c>
      <c r="G781" s="53">
        <v>0</v>
      </c>
      <c r="H781" s="53">
        <v>0</v>
      </c>
      <c r="I781" s="53">
        <v>0</v>
      </c>
      <c r="J781" s="53">
        <v>0</v>
      </c>
      <c r="K781" s="53">
        <v>0</v>
      </c>
      <c r="L781" s="53">
        <v>0</v>
      </c>
      <c r="M781" s="53">
        <v>0</v>
      </c>
      <c r="N781" s="53">
        <v>0</v>
      </c>
      <c r="O781" s="53">
        <v>0</v>
      </c>
      <c r="P781" s="53">
        <v>0</v>
      </c>
      <c r="Q781" s="53">
        <v>0</v>
      </c>
      <c r="R781" s="53">
        <v>0</v>
      </c>
      <c r="S781" s="53">
        <v>0</v>
      </c>
      <c r="T781" s="53">
        <v>0</v>
      </c>
      <c r="U781" s="53">
        <v>0</v>
      </c>
      <c r="V781" s="53">
        <v>0</v>
      </c>
      <c r="W781" s="53">
        <v>0</v>
      </c>
      <c r="X781" s="53">
        <v>0</v>
      </c>
      <c r="Y781" s="53">
        <v>0</v>
      </c>
      <c r="Z781" s="53">
        <v>0</v>
      </c>
      <c r="AA781" s="53">
        <v>0</v>
      </c>
      <c r="AB781" s="53">
        <v>0</v>
      </c>
      <c r="AC781" s="53">
        <v>0</v>
      </c>
      <c r="AD781" s="53">
        <v>0</v>
      </c>
      <c r="AE781" s="53">
        <v>0</v>
      </c>
      <c r="AF781" s="53">
        <v>0</v>
      </c>
      <c r="AG781" s="53">
        <v>0</v>
      </c>
      <c r="AH781" s="53">
        <v>0</v>
      </c>
      <c r="AI781" s="53">
        <v>0</v>
      </c>
      <c r="AJ781" s="53">
        <v>0</v>
      </c>
      <c r="AK781" s="53">
        <v>0</v>
      </c>
      <c r="AL781" s="53">
        <v>0</v>
      </c>
      <c r="AM781" s="53">
        <v>0</v>
      </c>
      <c r="AN781" s="53">
        <v>0</v>
      </c>
      <c r="AO781" s="53">
        <v>0</v>
      </c>
      <c r="AP781" s="53">
        <v>0</v>
      </c>
      <c r="AQ781" s="53">
        <v>0</v>
      </c>
      <c r="AR781" s="53">
        <v>0</v>
      </c>
      <c r="AS781" s="53">
        <v>0</v>
      </c>
      <c r="AT781" s="53">
        <v>0</v>
      </c>
      <c r="AU781" s="53">
        <v>0</v>
      </c>
      <c r="AV781" s="53">
        <v>0</v>
      </c>
      <c r="AW781" s="53">
        <v>0</v>
      </c>
      <c r="AX781" s="53">
        <v>0</v>
      </c>
      <c r="AY781" s="53">
        <v>0</v>
      </c>
      <c r="AZ781" s="53">
        <v>0</v>
      </c>
      <c r="BA781" s="53">
        <v>0</v>
      </c>
      <c r="BB781" s="53">
        <v>0</v>
      </c>
      <c r="BC781" s="53">
        <v>0</v>
      </c>
      <c r="BD781" s="53">
        <v>0</v>
      </c>
      <c r="BE781" s="53">
        <v>0</v>
      </c>
      <c r="BF781" s="53">
        <v>0</v>
      </c>
      <c r="BG781" s="53">
        <v>0</v>
      </c>
      <c r="BH781" s="53">
        <v>0</v>
      </c>
      <c r="BI781" s="53">
        <v>0</v>
      </c>
      <c r="BJ781" s="53">
        <v>0</v>
      </c>
      <c r="BK781" s="53">
        <v>0</v>
      </c>
      <c r="BL781" s="53">
        <v>0</v>
      </c>
      <c r="BM781" s="53">
        <v>0</v>
      </c>
      <c r="BN781" s="53">
        <v>0</v>
      </c>
      <c r="BO781" s="53">
        <v>0</v>
      </c>
      <c r="BP781" s="53">
        <v>0</v>
      </c>
      <c r="BQ781" s="53">
        <v>0</v>
      </c>
      <c r="BR781" s="53">
        <v>0</v>
      </c>
      <c r="BS781" s="53">
        <v>0</v>
      </c>
      <c r="BT781" s="53">
        <v>0</v>
      </c>
      <c r="BU781" s="53">
        <v>0</v>
      </c>
      <c r="BV781" s="53">
        <v>0</v>
      </c>
      <c r="BW781" s="53">
        <v>0</v>
      </c>
      <c r="BX781" s="53">
        <v>0</v>
      </c>
      <c r="BY781" s="53">
        <v>0</v>
      </c>
      <c r="BZ781" s="53">
        <v>0</v>
      </c>
      <c r="CA781" s="53">
        <v>0</v>
      </c>
      <c r="CB781" s="53"/>
      <c r="CC781" s="53"/>
      <c r="CD781" s="53"/>
      <c r="CE781" s="53"/>
      <c r="CF781" s="53"/>
      <c r="CG781" s="53"/>
      <c r="CH781" s="53"/>
      <c r="CI781" s="53"/>
      <c r="CJ781" s="53"/>
      <c r="CK781" s="53"/>
      <c r="CL781" s="53"/>
      <c r="CM781" s="53"/>
      <c r="CN781" s="53"/>
    </row>
    <row r="782" spans="1:92" outlineLevel="1">
      <c r="A782" s="52" t="s">
        <v>1362</v>
      </c>
      <c r="B782" s="53">
        <v>22280965.949999999</v>
      </c>
      <c r="C782" s="53">
        <v>22280965.949999999</v>
      </c>
      <c r="D782" s="53">
        <v>22280965.949999999</v>
      </c>
      <c r="E782" s="53">
        <v>22280965.949999999</v>
      </c>
      <c r="F782" s="53">
        <v>22280965.949999999</v>
      </c>
      <c r="G782" s="53">
        <v>22280965.949999999</v>
      </c>
      <c r="H782" s="53">
        <v>22280965.949999999</v>
      </c>
      <c r="I782" s="53">
        <v>22280965.949999999</v>
      </c>
      <c r="J782" s="53">
        <v>22280965.949999999</v>
      </c>
      <c r="K782" s="53">
        <v>22215715.949999999</v>
      </c>
      <c r="L782" s="53">
        <v>22215015.949999999</v>
      </c>
      <c r="M782" s="53">
        <v>22215015.949999999</v>
      </c>
      <c r="N782" s="53">
        <v>22215015.949999999</v>
      </c>
      <c r="O782" s="53">
        <v>22215015.949999999</v>
      </c>
      <c r="P782" s="53">
        <v>22215015.949999999</v>
      </c>
      <c r="Q782" s="53">
        <v>22215015.949999999</v>
      </c>
      <c r="R782" s="53">
        <v>22215015.949999999</v>
      </c>
      <c r="S782" s="53">
        <v>22215015.949999999</v>
      </c>
      <c r="T782" s="53">
        <v>22215015.949999999</v>
      </c>
      <c r="U782" s="53">
        <v>22215015.949999999</v>
      </c>
      <c r="V782" s="53">
        <v>22215015.949999999</v>
      </c>
      <c r="W782" s="53">
        <v>22215015.949999999</v>
      </c>
      <c r="X782" s="53">
        <v>22215015.949999999</v>
      </c>
      <c r="Y782" s="53">
        <v>22215015.949999999</v>
      </c>
      <c r="Z782" s="53">
        <v>22215015.949999999</v>
      </c>
      <c r="AA782" s="53">
        <v>22215015.949999999</v>
      </c>
      <c r="AB782" s="53">
        <v>22215015.949999999</v>
      </c>
      <c r="AC782" s="53">
        <v>22215015.949999999</v>
      </c>
      <c r="AD782" s="53">
        <v>22215015.949999999</v>
      </c>
      <c r="AE782" s="53">
        <v>22215015.949999999</v>
      </c>
      <c r="AF782" s="53">
        <v>22215015.949999999</v>
      </c>
      <c r="AG782" s="53">
        <v>22215015.949999999</v>
      </c>
      <c r="AH782" s="53">
        <v>22215015.949999999</v>
      </c>
      <c r="AI782" s="53">
        <v>22215015.949999999</v>
      </c>
      <c r="AJ782" s="53">
        <v>22215015.949999999</v>
      </c>
      <c r="AK782" s="53">
        <v>22215015.949999999</v>
      </c>
      <c r="AL782" s="53">
        <v>22215015.949999999</v>
      </c>
      <c r="AM782" s="53">
        <v>22215015.949999999</v>
      </c>
      <c r="AN782" s="53">
        <v>22215015.949999999</v>
      </c>
      <c r="AO782" s="53">
        <v>22215015.949999999</v>
      </c>
      <c r="AP782" s="53">
        <v>22215015.949999999</v>
      </c>
      <c r="AQ782" s="53">
        <v>22215015.949999999</v>
      </c>
      <c r="AR782" s="53">
        <v>22215015.949999999</v>
      </c>
      <c r="AS782" s="53">
        <v>22215015.949999999</v>
      </c>
      <c r="AT782" s="53">
        <v>22215015.949999999</v>
      </c>
      <c r="AU782" s="53">
        <v>22215015.949999999</v>
      </c>
      <c r="AV782" s="53">
        <v>22215015.949999999</v>
      </c>
      <c r="AW782" s="53">
        <v>22215015.949999999</v>
      </c>
      <c r="AX782" s="53">
        <v>22215015.949999999</v>
      </c>
      <c r="AY782" s="53">
        <v>22215015.949999999</v>
      </c>
      <c r="AZ782" s="53">
        <v>22215015.949999999</v>
      </c>
      <c r="BA782" s="53">
        <v>22215015.949999999</v>
      </c>
      <c r="BB782" s="53">
        <v>22215015.949999999</v>
      </c>
      <c r="BC782" s="53">
        <v>22215015.949999999</v>
      </c>
      <c r="BD782" s="53">
        <v>22215015.949999999</v>
      </c>
      <c r="BE782" s="53">
        <v>22215015.949999999</v>
      </c>
      <c r="BF782" s="53">
        <v>22215015.949999999</v>
      </c>
      <c r="BG782" s="53">
        <v>22215015.949999999</v>
      </c>
      <c r="BH782" s="53">
        <v>22215015.949999999</v>
      </c>
      <c r="BI782" s="53">
        <v>22215015.949999999</v>
      </c>
      <c r="BJ782" s="53">
        <v>22215015.949999999</v>
      </c>
      <c r="BK782" s="53">
        <v>22215015.949999999</v>
      </c>
      <c r="BL782" s="53">
        <v>22215015.949999999</v>
      </c>
      <c r="BM782" s="53">
        <v>22215015.949999999</v>
      </c>
      <c r="BN782" s="53">
        <v>22215015.949999999</v>
      </c>
      <c r="BO782" s="53">
        <v>22215015.949999999</v>
      </c>
      <c r="BP782" s="53">
        <v>22215015.949999999</v>
      </c>
      <c r="BQ782" s="53">
        <v>22215015.949999999</v>
      </c>
      <c r="BR782" s="53">
        <v>22215015.949999999</v>
      </c>
      <c r="BS782" s="53">
        <v>22215015.949999999</v>
      </c>
      <c r="BT782" s="53">
        <v>22215015.949999999</v>
      </c>
      <c r="BU782" s="53">
        <v>22215015.949999999</v>
      </c>
      <c r="BV782" s="53">
        <v>22215015.949999999</v>
      </c>
      <c r="BW782" s="53">
        <v>22215015.949999999</v>
      </c>
      <c r="BX782" s="53">
        <v>22215015.949999999</v>
      </c>
      <c r="BY782" s="53">
        <v>22215015.949999999</v>
      </c>
      <c r="BZ782" s="53">
        <v>22215015.949999999</v>
      </c>
      <c r="CA782" s="53">
        <v>22215015.949999999</v>
      </c>
      <c r="CB782" s="53">
        <v>3372083.3333333302</v>
      </c>
      <c r="CC782" s="53">
        <v>3372083.3333333302</v>
      </c>
      <c r="CD782" s="53">
        <v>3372083.3333333302</v>
      </c>
      <c r="CE782" s="53">
        <v>3372083.3333333302</v>
      </c>
      <c r="CF782" s="53">
        <v>3372083.3333333302</v>
      </c>
      <c r="CG782" s="53">
        <v>3372083.3333333302</v>
      </c>
      <c r="CH782" s="53">
        <v>3372083.3333333302</v>
      </c>
      <c r="CI782" s="53">
        <v>3372083.3333333302</v>
      </c>
      <c r="CJ782" s="53">
        <v>3372083.3333333302</v>
      </c>
      <c r="CK782" s="53">
        <v>3372083.3333333302</v>
      </c>
      <c r="CL782" s="53">
        <v>3372083.3333333302</v>
      </c>
      <c r="CM782" s="53">
        <v>3372083.3333333302</v>
      </c>
      <c r="CN782" s="53">
        <v>40465000</v>
      </c>
    </row>
    <row r="783" spans="1:92" outlineLevel="1">
      <c r="A783" s="52" t="s">
        <v>1363</v>
      </c>
      <c r="B783" s="53">
        <v>0</v>
      </c>
      <c r="C783" s="53">
        <v>0</v>
      </c>
      <c r="D783" s="53">
        <v>0</v>
      </c>
      <c r="E783" s="53">
        <v>0</v>
      </c>
      <c r="F783" s="53">
        <v>0</v>
      </c>
      <c r="G783" s="53">
        <v>0</v>
      </c>
      <c r="H783" s="53">
        <v>0</v>
      </c>
      <c r="I783" s="53">
        <v>0</v>
      </c>
      <c r="J783" s="53">
        <v>0</v>
      </c>
      <c r="K783" s="53">
        <v>0</v>
      </c>
      <c r="L783" s="53">
        <v>0</v>
      </c>
      <c r="M783" s="53">
        <v>0</v>
      </c>
      <c r="N783" s="53">
        <v>0</v>
      </c>
      <c r="O783" s="53">
        <v>0</v>
      </c>
      <c r="P783" s="53">
        <v>0</v>
      </c>
      <c r="Q783" s="53">
        <v>0</v>
      </c>
      <c r="R783" s="53">
        <v>0</v>
      </c>
      <c r="S783" s="53">
        <v>0</v>
      </c>
      <c r="T783" s="53">
        <v>0</v>
      </c>
      <c r="U783" s="53">
        <v>0</v>
      </c>
      <c r="V783" s="53">
        <v>0</v>
      </c>
      <c r="W783" s="53">
        <v>0</v>
      </c>
      <c r="X783" s="53">
        <v>0</v>
      </c>
      <c r="Y783" s="53">
        <v>0</v>
      </c>
      <c r="Z783" s="53">
        <v>0</v>
      </c>
      <c r="AA783" s="53">
        <v>0</v>
      </c>
      <c r="AB783" s="53">
        <v>0</v>
      </c>
      <c r="AC783" s="53">
        <v>0</v>
      </c>
      <c r="AD783" s="53">
        <v>0</v>
      </c>
      <c r="AE783" s="53">
        <v>0</v>
      </c>
      <c r="AF783" s="53">
        <v>0</v>
      </c>
      <c r="AG783" s="53">
        <v>0</v>
      </c>
      <c r="AH783" s="53">
        <v>0</v>
      </c>
      <c r="AI783" s="53">
        <v>0</v>
      </c>
      <c r="AJ783" s="53">
        <v>0</v>
      </c>
      <c r="AK783" s="53">
        <v>0</v>
      </c>
      <c r="AL783" s="53">
        <v>0</v>
      </c>
      <c r="AM783" s="53">
        <v>0</v>
      </c>
      <c r="AN783" s="53">
        <v>0</v>
      </c>
      <c r="AO783" s="53">
        <v>0</v>
      </c>
      <c r="AP783" s="53">
        <v>0</v>
      </c>
      <c r="AQ783" s="53">
        <v>0</v>
      </c>
      <c r="AR783" s="53">
        <v>0</v>
      </c>
      <c r="AS783" s="53">
        <v>0</v>
      </c>
      <c r="AT783" s="53">
        <v>0</v>
      </c>
      <c r="AU783" s="53">
        <v>0</v>
      </c>
      <c r="AV783" s="53">
        <v>0</v>
      </c>
      <c r="AW783" s="53">
        <v>0</v>
      </c>
      <c r="AX783" s="53">
        <v>0</v>
      </c>
      <c r="AY783" s="53">
        <v>0</v>
      </c>
      <c r="AZ783" s="53">
        <v>0</v>
      </c>
      <c r="BA783" s="53">
        <v>0</v>
      </c>
      <c r="BB783" s="53">
        <v>0</v>
      </c>
      <c r="BC783" s="53">
        <v>0</v>
      </c>
      <c r="BD783" s="53">
        <v>0</v>
      </c>
      <c r="BE783" s="53">
        <v>0</v>
      </c>
      <c r="BF783" s="53">
        <v>0</v>
      </c>
      <c r="BG783" s="53">
        <v>0</v>
      </c>
      <c r="BH783" s="53">
        <v>0</v>
      </c>
      <c r="BI783" s="53">
        <v>0</v>
      </c>
      <c r="BJ783" s="53">
        <v>0</v>
      </c>
      <c r="BK783" s="53">
        <v>0</v>
      </c>
      <c r="BL783" s="53">
        <v>0</v>
      </c>
      <c r="BM783" s="53">
        <v>0</v>
      </c>
      <c r="BN783" s="53">
        <v>0</v>
      </c>
      <c r="BO783" s="53">
        <v>0</v>
      </c>
      <c r="BP783" s="53">
        <v>0</v>
      </c>
      <c r="BQ783" s="53">
        <v>0</v>
      </c>
      <c r="BR783" s="53">
        <v>0</v>
      </c>
      <c r="BS783" s="53">
        <v>0</v>
      </c>
      <c r="BT783" s="53">
        <v>0</v>
      </c>
      <c r="BU783" s="53">
        <v>0</v>
      </c>
      <c r="BV783" s="53">
        <v>0</v>
      </c>
      <c r="BW783" s="53">
        <v>0</v>
      </c>
      <c r="BX783" s="53">
        <v>0</v>
      </c>
      <c r="BY783" s="53">
        <v>0</v>
      </c>
      <c r="BZ783" s="53">
        <v>0</v>
      </c>
      <c r="CA783" s="53">
        <v>0</v>
      </c>
      <c r="CB783" s="53"/>
      <c r="CC783" s="53"/>
      <c r="CD783" s="53"/>
      <c r="CE783" s="53"/>
      <c r="CF783" s="53"/>
      <c r="CG783" s="53"/>
      <c r="CH783" s="53"/>
      <c r="CI783" s="53"/>
      <c r="CJ783" s="53"/>
      <c r="CK783" s="53"/>
      <c r="CL783" s="53"/>
      <c r="CM783" s="53"/>
      <c r="CN783" s="53"/>
    </row>
    <row r="784" spans="1:92" outlineLevel="1">
      <c r="A784" s="52" t="s">
        <v>1218</v>
      </c>
      <c r="B784" s="53"/>
      <c r="C784" s="53"/>
      <c r="D784" s="53"/>
      <c r="E784" s="53"/>
      <c r="F784" s="53"/>
      <c r="G784" s="53"/>
      <c r="H784" s="53"/>
      <c r="I784" s="53"/>
      <c r="J784" s="53"/>
      <c r="K784" s="53"/>
      <c r="L784" s="53"/>
      <c r="M784" s="53"/>
      <c r="N784" s="53"/>
      <c r="O784" s="53"/>
      <c r="P784" s="53">
        <v>102535942.506356</v>
      </c>
      <c r="Q784" s="53">
        <v>241400179.803354</v>
      </c>
      <c r="R784" s="53">
        <v>788104068.856076</v>
      </c>
      <c r="S784" s="53">
        <v>938307192.65984797</v>
      </c>
      <c r="T784" s="53">
        <v>1183398816.6944399</v>
      </c>
      <c r="U784" s="53">
        <v>1340226035.23382</v>
      </c>
      <c r="V784" s="53">
        <v>1416030668.0509601</v>
      </c>
      <c r="W784" s="53">
        <v>1464428413.0355599</v>
      </c>
      <c r="X784" s="53">
        <v>1581257365.11239</v>
      </c>
      <c r="Y784" s="53">
        <v>1637299714.7725699</v>
      </c>
      <c r="Z784" s="53">
        <v>1720897278.2922101</v>
      </c>
      <c r="AA784" s="53"/>
      <c r="AB784" s="53">
        <v>2311409786.3632202</v>
      </c>
      <c r="AC784" s="53">
        <v>2566881026.39924</v>
      </c>
      <c r="AD784" s="53">
        <v>2775193647.8699298</v>
      </c>
      <c r="AE784" s="53">
        <v>2929772231.6136599</v>
      </c>
      <c r="AF784" s="53">
        <v>2975471405.4432502</v>
      </c>
      <c r="AG784" s="53">
        <v>3037297109.5910802</v>
      </c>
      <c r="AH784" s="53">
        <v>3383085841.3182402</v>
      </c>
      <c r="AI784" s="53">
        <v>3432030037.4647598</v>
      </c>
      <c r="AJ784" s="53">
        <v>3481763583.6266098</v>
      </c>
      <c r="AK784" s="53">
        <v>3608435669.71945</v>
      </c>
      <c r="AL784" s="53">
        <v>3781084068.6504698</v>
      </c>
      <c r="AM784" s="53">
        <v>3890208783.1578302</v>
      </c>
      <c r="AN784" s="53">
        <v>2311409786.3632202</v>
      </c>
      <c r="AO784" s="53">
        <v>4769515979.9441996</v>
      </c>
      <c r="AP784" s="53">
        <v>4852300740.8004599</v>
      </c>
      <c r="AQ784" s="53">
        <v>4894045585.3939695</v>
      </c>
      <c r="AR784" s="53">
        <v>5222035478.71486</v>
      </c>
      <c r="AS784" s="53">
        <v>5307235066.2384005</v>
      </c>
      <c r="AT784" s="53">
        <v>5371693722.1641703</v>
      </c>
      <c r="AU784" s="53">
        <v>5572292339.8561401</v>
      </c>
      <c r="AV784" s="53">
        <v>5625037502.6400204</v>
      </c>
      <c r="AW784" s="53">
        <v>5697853486.2929602</v>
      </c>
      <c r="AX784" s="53">
        <v>5926552424.1183205</v>
      </c>
      <c r="AY784" s="53">
        <v>5978943293.6615696</v>
      </c>
      <c r="AZ784" s="53">
        <v>6036471801.2109499</v>
      </c>
      <c r="BA784" s="53">
        <v>4769515979.9441996</v>
      </c>
      <c r="BB784" s="53">
        <v>7559569854.2434597</v>
      </c>
      <c r="BC784" s="53">
        <v>7622995795.50774</v>
      </c>
      <c r="BD784" s="53">
        <v>7669556829.1873302</v>
      </c>
      <c r="BE784" s="53">
        <v>7789171557.7726498</v>
      </c>
      <c r="BF784" s="53">
        <v>7838700301.1337099</v>
      </c>
      <c r="BG784" s="53">
        <v>7936135676.36549</v>
      </c>
      <c r="BH784" s="53">
        <v>8449658514.3362799</v>
      </c>
      <c r="BI784" s="53">
        <v>8630986815.5021706</v>
      </c>
      <c r="BJ784" s="53">
        <v>8726207700.6178493</v>
      </c>
      <c r="BK784" s="53">
        <v>8868608652.5198002</v>
      </c>
      <c r="BL784" s="53">
        <v>8942339136.7179794</v>
      </c>
      <c r="BM784" s="53">
        <v>9021871340.6917706</v>
      </c>
      <c r="BN784" s="53">
        <v>7559569854.2434597</v>
      </c>
      <c r="BO784" s="53">
        <v>9491612561.6655903</v>
      </c>
      <c r="BP784" s="53">
        <v>9530421624.6016102</v>
      </c>
      <c r="BQ784" s="53">
        <v>9573339750.6487503</v>
      </c>
      <c r="BR784" s="53">
        <v>9793906516.1087894</v>
      </c>
      <c r="BS784" s="53">
        <v>9848840215.7583809</v>
      </c>
      <c r="BT784" s="53">
        <v>9922967251.2935505</v>
      </c>
      <c r="BU784" s="53">
        <v>10430803531.7855</v>
      </c>
      <c r="BV784" s="53">
        <v>10639169951.568501</v>
      </c>
      <c r="BW784" s="53">
        <v>10717395806.7512</v>
      </c>
      <c r="BX784" s="53">
        <v>10866136175.9249</v>
      </c>
      <c r="BY784" s="53">
        <v>10997072139.193899</v>
      </c>
      <c r="BZ784" s="53">
        <v>11077868634.445</v>
      </c>
      <c r="CA784" s="53">
        <v>9491612561.6655903</v>
      </c>
      <c r="CB784" s="53"/>
      <c r="CC784" s="53"/>
      <c r="CD784" s="53"/>
      <c r="CE784" s="53"/>
      <c r="CF784" s="53"/>
      <c r="CG784" s="53"/>
      <c r="CH784" s="53"/>
      <c r="CI784" s="53"/>
      <c r="CJ784" s="53"/>
      <c r="CK784" s="53"/>
      <c r="CL784" s="53"/>
      <c r="CM784" s="53"/>
      <c r="CN784" s="53"/>
    </row>
    <row r="785" spans="1:92" outlineLevel="1">
      <c r="A785" s="52" t="s">
        <v>699</v>
      </c>
      <c r="B785" s="53"/>
      <c r="C785" s="53"/>
      <c r="D785" s="53"/>
      <c r="E785" s="53"/>
      <c r="F785" s="53"/>
      <c r="G785" s="53"/>
      <c r="H785" s="53"/>
      <c r="I785" s="53"/>
      <c r="J785" s="53"/>
      <c r="K785" s="53"/>
      <c r="L785" s="53"/>
      <c r="M785" s="53"/>
      <c r="N785" s="53"/>
      <c r="O785" s="53"/>
      <c r="P785" s="53"/>
      <c r="Q785" s="53"/>
      <c r="R785" s="53"/>
      <c r="S785" s="53"/>
      <c r="T785" s="53"/>
      <c r="U785" s="53"/>
      <c r="V785" s="53"/>
      <c r="W785" s="53"/>
      <c r="X785" s="53"/>
      <c r="Y785" s="53"/>
      <c r="Z785" s="53"/>
      <c r="AA785" s="53"/>
      <c r="AB785" s="53"/>
      <c r="AC785" s="53"/>
      <c r="AD785" s="53"/>
      <c r="AE785" s="53"/>
      <c r="AF785" s="53"/>
      <c r="AG785" s="53"/>
      <c r="AH785" s="53"/>
      <c r="AI785" s="53"/>
      <c r="AJ785" s="53"/>
      <c r="AK785" s="53"/>
      <c r="AL785" s="53"/>
      <c r="AM785" s="53"/>
      <c r="AN785" s="53"/>
      <c r="AO785" s="53"/>
      <c r="AP785" s="53"/>
      <c r="AQ785" s="53"/>
      <c r="AR785" s="53"/>
      <c r="AS785" s="53"/>
      <c r="AT785" s="53"/>
      <c r="AU785" s="53"/>
      <c r="AV785" s="53"/>
      <c r="AW785" s="53"/>
      <c r="AX785" s="53"/>
      <c r="AY785" s="53"/>
      <c r="AZ785" s="53"/>
      <c r="BA785" s="53"/>
      <c r="BB785" s="53"/>
      <c r="BC785" s="53"/>
      <c r="BD785" s="53"/>
      <c r="BE785" s="53"/>
      <c r="BF785" s="53"/>
      <c r="BG785" s="53"/>
      <c r="BH785" s="53"/>
      <c r="BI785" s="53"/>
      <c r="BJ785" s="53"/>
      <c r="BK785" s="53"/>
      <c r="BL785" s="53"/>
      <c r="BM785" s="53"/>
      <c r="BN785" s="53"/>
      <c r="BO785" s="53"/>
      <c r="BP785" s="53"/>
      <c r="BQ785" s="53"/>
      <c r="BR785" s="53"/>
      <c r="BS785" s="53"/>
      <c r="BT785" s="53"/>
      <c r="BU785" s="53"/>
      <c r="BV785" s="53"/>
      <c r="BW785" s="53"/>
      <c r="BX785" s="53"/>
      <c r="BY785" s="53"/>
      <c r="BZ785" s="53"/>
      <c r="CA785" s="53"/>
      <c r="CB785" s="53"/>
      <c r="CC785" s="53"/>
      <c r="CD785" s="53"/>
      <c r="CE785" s="53"/>
      <c r="CF785" s="53"/>
      <c r="CG785" s="53"/>
      <c r="CH785" s="53"/>
      <c r="CI785" s="53"/>
      <c r="CJ785" s="53"/>
      <c r="CK785" s="53"/>
      <c r="CL785" s="53"/>
      <c r="CM785" s="53"/>
      <c r="CN785" s="53"/>
    </row>
    <row r="786" spans="1:92" outlineLevel="1">
      <c r="A786" s="52" t="s">
        <v>750</v>
      </c>
      <c r="B786" s="53"/>
      <c r="C786" s="53"/>
      <c r="D786" s="53"/>
      <c r="E786" s="53"/>
      <c r="F786" s="53"/>
      <c r="G786" s="53"/>
      <c r="H786" s="53"/>
      <c r="I786" s="53"/>
      <c r="J786" s="53"/>
      <c r="K786" s="53"/>
      <c r="L786" s="53"/>
      <c r="M786" s="53"/>
      <c r="N786" s="53"/>
      <c r="O786" s="53"/>
      <c r="P786" s="53"/>
      <c r="Q786" s="53"/>
      <c r="R786" s="53"/>
      <c r="S786" s="53"/>
      <c r="T786" s="53"/>
      <c r="U786" s="53"/>
      <c r="V786" s="53"/>
      <c r="W786" s="53"/>
      <c r="X786" s="53"/>
      <c r="Y786" s="53"/>
      <c r="Z786" s="53"/>
      <c r="AA786" s="53"/>
      <c r="AB786" s="53"/>
      <c r="AC786" s="53"/>
      <c r="AD786" s="53"/>
      <c r="AE786" s="53"/>
      <c r="AF786" s="53"/>
      <c r="AG786" s="53"/>
      <c r="AH786" s="53"/>
      <c r="AI786" s="53"/>
      <c r="AJ786" s="53"/>
      <c r="AK786" s="53"/>
      <c r="AL786" s="53"/>
      <c r="AM786" s="53"/>
      <c r="AN786" s="53"/>
      <c r="AO786" s="53"/>
      <c r="AP786" s="53"/>
      <c r="AQ786" s="53"/>
      <c r="AR786" s="53"/>
      <c r="AS786" s="53"/>
      <c r="AT786" s="53"/>
      <c r="AU786" s="53"/>
      <c r="AV786" s="53"/>
      <c r="AW786" s="53"/>
      <c r="AX786" s="53"/>
      <c r="AY786" s="53"/>
      <c r="AZ786" s="53"/>
      <c r="BA786" s="53"/>
      <c r="BB786" s="53"/>
      <c r="BC786" s="53"/>
      <c r="BD786" s="53"/>
      <c r="BE786" s="53"/>
      <c r="BF786" s="53"/>
      <c r="BG786" s="53"/>
      <c r="BH786" s="53"/>
      <c r="BI786" s="53"/>
      <c r="BJ786" s="53"/>
      <c r="BK786" s="53"/>
      <c r="BL786" s="53"/>
      <c r="BM786" s="53"/>
      <c r="BN786" s="53"/>
      <c r="BO786" s="53"/>
      <c r="BP786" s="53"/>
      <c r="BQ786" s="53"/>
      <c r="BR786" s="53"/>
      <c r="BS786" s="53"/>
      <c r="BT786" s="53"/>
      <c r="BU786" s="53"/>
      <c r="BV786" s="53"/>
      <c r="BW786" s="53"/>
      <c r="BX786" s="53"/>
      <c r="BY786" s="53"/>
      <c r="BZ786" s="53"/>
      <c r="CA786" s="53"/>
      <c r="CB786" s="53">
        <v>-3372083.3333333302</v>
      </c>
      <c r="CC786" s="53">
        <v>-3372083.3333333302</v>
      </c>
      <c r="CD786" s="53">
        <v>-3372083.3333333302</v>
      </c>
      <c r="CE786" s="53">
        <v>-3372083.3333333302</v>
      </c>
      <c r="CF786" s="53">
        <v>-3372083.3333333302</v>
      </c>
      <c r="CG786" s="53">
        <v>-3372083.3333333302</v>
      </c>
      <c r="CH786" s="53">
        <v>-3372083.3333333302</v>
      </c>
      <c r="CI786" s="53">
        <v>-3372083.3333333302</v>
      </c>
      <c r="CJ786" s="53">
        <v>-3372083.3333333302</v>
      </c>
      <c r="CK786" s="53">
        <v>-3372083.3333333302</v>
      </c>
      <c r="CL786" s="53">
        <v>-3372083.3333333302</v>
      </c>
      <c r="CM786" s="53">
        <v>-3372083.3333333302</v>
      </c>
      <c r="CN786" s="53">
        <v>-40465000</v>
      </c>
    </row>
    <row r="787" spans="1:92" outlineLevel="1">
      <c r="A787" s="52" t="s">
        <v>1356</v>
      </c>
      <c r="B787" s="53"/>
      <c r="C787" s="53"/>
      <c r="D787" s="53"/>
      <c r="E787" s="53"/>
      <c r="F787" s="53"/>
      <c r="G787" s="53"/>
      <c r="H787" s="53"/>
      <c r="I787" s="53"/>
      <c r="J787" s="53"/>
      <c r="K787" s="53"/>
      <c r="L787" s="53"/>
      <c r="M787" s="53"/>
      <c r="N787" s="53"/>
      <c r="O787" s="53"/>
      <c r="P787" s="53"/>
      <c r="Q787" s="53"/>
      <c r="R787" s="53"/>
      <c r="S787" s="53"/>
      <c r="T787" s="53"/>
      <c r="U787" s="53"/>
      <c r="V787" s="53"/>
      <c r="W787" s="53"/>
      <c r="X787" s="53"/>
      <c r="Y787" s="53"/>
      <c r="Z787" s="53"/>
      <c r="AA787" s="53"/>
      <c r="AB787" s="53"/>
      <c r="AC787" s="53"/>
      <c r="AD787" s="53"/>
      <c r="AE787" s="53"/>
      <c r="AF787" s="53"/>
      <c r="AG787" s="53"/>
      <c r="AH787" s="53"/>
      <c r="AI787" s="53"/>
      <c r="AJ787" s="53"/>
      <c r="AK787" s="53"/>
      <c r="AL787" s="53"/>
      <c r="AM787" s="53"/>
      <c r="AN787" s="53"/>
      <c r="AO787" s="53"/>
      <c r="AP787" s="53"/>
      <c r="AQ787" s="53"/>
      <c r="AR787" s="53"/>
      <c r="AS787" s="53"/>
      <c r="AT787" s="53"/>
      <c r="AU787" s="53"/>
      <c r="AV787" s="53"/>
      <c r="AW787" s="53"/>
      <c r="AX787" s="53"/>
      <c r="AY787" s="53"/>
      <c r="AZ787" s="53"/>
      <c r="BA787" s="53"/>
      <c r="BB787" s="53"/>
      <c r="BC787" s="53"/>
      <c r="BD787" s="53"/>
      <c r="BE787" s="53"/>
      <c r="BF787" s="53"/>
      <c r="BG787" s="53"/>
      <c r="BH787" s="53"/>
      <c r="BI787" s="53"/>
      <c r="BJ787" s="53"/>
      <c r="BK787" s="53"/>
      <c r="BL787" s="53"/>
      <c r="BM787" s="53"/>
      <c r="BN787" s="53"/>
      <c r="BO787" s="53"/>
      <c r="BP787" s="53"/>
      <c r="BQ787" s="53"/>
      <c r="BR787" s="53"/>
      <c r="BS787" s="53"/>
      <c r="BT787" s="53"/>
      <c r="BU787" s="53"/>
      <c r="BV787" s="53"/>
      <c r="BW787" s="53"/>
      <c r="BX787" s="53"/>
      <c r="BY787" s="53"/>
      <c r="BZ787" s="53"/>
      <c r="CA787" s="53"/>
      <c r="CB787" s="53">
        <v>9117135419.8047791</v>
      </c>
      <c r="CC787" s="53">
        <v>9180374359.1893291</v>
      </c>
      <c r="CD787" s="53">
        <v>9300604727.4351196</v>
      </c>
      <c r="CE787" s="53">
        <v>9349779575.9724102</v>
      </c>
      <c r="CF787" s="53">
        <v>9398535937.7402191</v>
      </c>
      <c r="CG787" s="53">
        <v>9903981992.7781696</v>
      </c>
      <c r="CH787" s="53">
        <v>9972635451.0779896</v>
      </c>
      <c r="CI787" s="53">
        <v>10037901506.4303</v>
      </c>
      <c r="CJ787" s="53">
        <v>10173321035.5</v>
      </c>
      <c r="CK787" s="53">
        <v>10238287095.6105</v>
      </c>
      <c r="CL787" s="53">
        <v>10339527988.2778</v>
      </c>
      <c r="CM787" s="53">
        <v>10918122923.4021</v>
      </c>
      <c r="CN787" s="53">
        <v>10918122923.4021</v>
      </c>
    </row>
    <row r="788" spans="1:92" outlineLevel="1">
      <c r="A788" s="52" t="s">
        <v>649</v>
      </c>
      <c r="B788" s="53">
        <v>112335659.999999</v>
      </c>
      <c r="C788" s="53">
        <v>114391130</v>
      </c>
      <c r="D788" s="53">
        <v>109109079.999999</v>
      </c>
      <c r="E788" s="53">
        <v>141991179.99999899</v>
      </c>
      <c r="F788" s="53">
        <v>176603059.99999899</v>
      </c>
      <c r="G788" s="53">
        <v>418199270</v>
      </c>
      <c r="H788" s="53">
        <v>120752020</v>
      </c>
      <c r="I788" s="53">
        <v>228894259.99999899</v>
      </c>
      <c r="J788" s="53">
        <v>119496750</v>
      </c>
      <c r="K788" s="53">
        <v>156348550</v>
      </c>
      <c r="L788" s="53">
        <v>154448009.99999899</v>
      </c>
      <c r="M788" s="53">
        <v>200049209.99999899</v>
      </c>
      <c r="N788" s="53">
        <v>2052618180</v>
      </c>
      <c r="O788" s="53">
        <v>121166551.26905499</v>
      </c>
      <c r="P788" s="53">
        <v>150508708.96385899</v>
      </c>
      <c r="Q788" s="53">
        <v>584839899.55322599</v>
      </c>
      <c r="R788" s="53">
        <v>162012601.07420599</v>
      </c>
      <c r="S788" s="53">
        <v>275921187.15354598</v>
      </c>
      <c r="T788" s="53">
        <v>179277684.60468599</v>
      </c>
      <c r="U788" s="53">
        <v>91157880.287887096</v>
      </c>
      <c r="V788" s="53">
        <v>60384097.543088503</v>
      </c>
      <c r="W788" s="53">
        <v>135313618.62082499</v>
      </c>
      <c r="X788" s="53">
        <v>69191707.508709207</v>
      </c>
      <c r="Y788" s="53">
        <v>112144689.447539</v>
      </c>
      <c r="Z788" s="53">
        <v>678172992.36010396</v>
      </c>
      <c r="AA788" s="53">
        <v>2620091618.3867302</v>
      </c>
      <c r="AB788" s="53">
        <v>266067655.00898799</v>
      </c>
      <c r="AC788" s="53">
        <v>238408943.78914601</v>
      </c>
      <c r="AD788" s="53">
        <v>175465646.61439601</v>
      </c>
      <c r="AE788" s="53">
        <v>57570782.029548503</v>
      </c>
      <c r="AF788" s="53">
        <v>73965135.707148105</v>
      </c>
      <c r="AG788" s="53">
        <v>373946571.15931797</v>
      </c>
      <c r="AH788" s="53">
        <v>60619101.111657202</v>
      </c>
      <c r="AI788" s="53">
        <v>91459210.294759095</v>
      </c>
      <c r="AJ788" s="53">
        <v>147675373.26558101</v>
      </c>
      <c r="AK788" s="53">
        <v>197326577.30836299</v>
      </c>
      <c r="AL788" s="53">
        <v>136112309.40782699</v>
      </c>
      <c r="AM788" s="53">
        <v>986562991.128142</v>
      </c>
      <c r="AN788" s="53">
        <v>2805180296.8248701</v>
      </c>
      <c r="AO788" s="53">
        <v>99330194.873363495</v>
      </c>
      <c r="AP788" s="53">
        <v>53607959.479258999</v>
      </c>
      <c r="AQ788" s="53">
        <v>348435671.40704</v>
      </c>
      <c r="AR788" s="53">
        <v>100822069.088377</v>
      </c>
      <c r="AS788" s="53">
        <v>77276734.745471194</v>
      </c>
      <c r="AT788" s="53">
        <v>229717657.94964299</v>
      </c>
      <c r="AU788" s="53">
        <v>67882062.571247905</v>
      </c>
      <c r="AV788" s="53">
        <v>85671038.329333007</v>
      </c>
      <c r="AW788" s="53">
        <v>305261101.91206098</v>
      </c>
      <c r="AX788" s="53">
        <v>64980692.080906101</v>
      </c>
      <c r="AY788" s="53">
        <v>69542646.300630406</v>
      </c>
      <c r="AZ788" s="53">
        <v>1667714670.14533</v>
      </c>
      <c r="BA788" s="53">
        <v>3170242498.8826699</v>
      </c>
      <c r="BB788" s="53">
        <v>77466925.638372004</v>
      </c>
      <c r="BC788" s="53">
        <v>58265475.404640198</v>
      </c>
      <c r="BD788" s="53">
        <v>139476285.88325199</v>
      </c>
      <c r="BE788" s="53">
        <v>62032188.568349801</v>
      </c>
      <c r="BF788" s="53">
        <v>114991245.84185401</v>
      </c>
      <c r="BG788" s="53">
        <v>539921293.44122601</v>
      </c>
      <c r="BH788" s="53">
        <v>209220037.63718501</v>
      </c>
      <c r="BI788" s="53">
        <v>108548715.048696</v>
      </c>
      <c r="BJ788" s="53">
        <v>162883292.006643</v>
      </c>
      <c r="BK788" s="53">
        <v>86681716.513938695</v>
      </c>
      <c r="BL788" s="53">
        <v>91679468.020124793</v>
      </c>
      <c r="BM788" s="53">
        <v>574199851.30503595</v>
      </c>
      <c r="BN788" s="53">
        <v>2225366495.30932</v>
      </c>
      <c r="BO788" s="53">
        <v>50156018.192467302</v>
      </c>
      <c r="BP788" s="53">
        <v>54814052.482335098</v>
      </c>
      <c r="BQ788" s="53">
        <v>238750029.86870101</v>
      </c>
      <c r="BR788" s="53">
        <v>67595378.712641701</v>
      </c>
      <c r="BS788" s="53">
        <v>88739205.807381794</v>
      </c>
      <c r="BT788" s="53">
        <v>534196520.81503803</v>
      </c>
      <c r="BU788" s="53">
        <v>235302756.47542199</v>
      </c>
      <c r="BV788" s="53">
        <v>91558132.615362301</v>
      </c>
      <c r="BW788" s="53">
        <v>169523560.05052301</v>
      </c>
      <c r="BX788" s="53">
        <v>149244843.85922101</v>
      </c>
      <c r="BY788" s="53">
        <v>93476718.409495801</v>
      </c>
      <c r="BZ788" s="53">
        <v>457145515.01068503</v>
      </c>
      <c r="CA788" s="53">
        <v>2230502732.2992702</v>
      </c>
      <c r="CB788" s="53">
        <v>0</v>
      </c>
      <c r="CC788" s="53">
        <v>0</v>
      </c>
      <c r="CD788" s="53">
        <v>0</v>
      </c>
      <c r="CE788" s="53">
        <v>0</v>
      </c>
      <c r="CF788" s="53">
        <v>0</v>
      </c>
      <c r="CG788" s="53">
        <v>0</v>
      </c>
      <c r="CH788" s="53">
        <v>0</v>
      </c>
      <c r="CI788" s="53">
        <v>0</v>
      </c>
      <c r="CJ788" s="53">
        <v>0</v>
      </c>
      <c r="CK788" s="53">
        <v>0</v>
      </c>
      <c r="CL788" s="53">
        <v>0</v>
      </c>
      <c r="CM788" s="53">
        <v>0</v>
      </c>
      <c r="CN788" s="53">
        <v>0</v>
      </c>
    </row>
    <row r="789" spans="1:92" outlineLevel="1">
      <c r="A789" s="52" t="s">
        <v>1364</v>
      </c>
      <c r="B789" s="53"/>
      <c r="C789" s="53"/>
      <c r="D789" s="53"/>
      <c r="E789" s="53"/>
      <c r="F789" s="53"/>
      <c r="G789" s="53"/>
      <c r="H789" s="53"/>
      <c r="I789" s="53"/>
      <c r="J789" s="53"/>
      <c r="K789" s="53"/>
      <c r="L789" s="53"/>
      <c r="M789" s="53"/>
      <c r="N789" s="53"/>
      <c r="O789" s="53"/>
      <c r="P789" s="53"/>
      <c r="Q789" s="53"/>
      <c r="R789" s="53"/>
      <c r="S789" s="53"/>
      <c r="T789" s="53"/>
      <c r="U789" s="53"/>
      <c r="V789" s="53"/>
      <c r="W789" s="53"/>
      <c r="X789" s="53"/>
      <c r="Y789" s="53"/>
      <c r="Z789" s="53"/>
      <c r="AA789" s="53"/>
      <c r="AB789" s="53"/>
      <c r="AC789" s="53"/>
      <c r="AD789" s="53"/>
      <c r="AE789" s="53"/>
      <c r="AF789" s="53"/>
      <c r="AG789" s="53"/>
      <c r="AH789" s="53"/>
      <c r="AI789" s="53"/>
      <c r="AJ789" s="53"/>
      <c r="AK789" s="53"/>
      <c r="AL789" s="53"/>
      <c r="AM789" s="53"/>
      <c r="AN789" s="53"/>
      <c r="AO789" s="53"/>
      <c r="AP789" s="53"/>
      <c r="AQ789" s="53"/>
      <c r="AR789" s="53"/>
      <c r="AS789" s="53"/>
      <c r="AT789" s="53"/>
      <c r="AU789" s="53"/>
      <c r="AV789" s="53"/>
      <c r="AW789" s="53"/>
      <c r="AX789" s="53"/>
      <c r="AY789" s="53"/>
      <c r="AZ789" s="53"/>
      <c r="BA789" s="53"/>
      <c r="BB789" s="53"/>
      <c r="BC789" s="53"/>
      <c r="BD789" s="53"/>
      <c r="BE789" s="53"/>
      <c r="BF789" s="53"/>
      <c r="BG789" s="53"/>
      <c r="BH789" s="53"/>
      <c r="BI789" s="53"/>
      <c r="BJ789" s="53"/>
      <c r="BK789" s="53"/>
      <c r="BL789" s="53"/>
      <c r="BM789" s="53"/>
      <c r="BN789" s="53"/>
      <c r="BO789" s="53"/>
      <c r="BP789" s="53"/>
      <c r="BQ789" s="53"/>
      <c r="BR789" s="53"/>
      <c r="BS789" s="53"/>
      <c r="BT789" s="53"/>
      <c r="BU789" s="53"/>
      <c r="BV789" s="53"/>
      <c r="BW789" s="53"/>
      <c r="BX789" s="53"/>
      <c r="BY789" s="53"/>
      <c r="BZ789" s="53"/>
      <c r="CA789" s="53"/>
      <c r="CB789" s="53">
        <v>32292206151.330799</v>
      </c>
      <c r="CC789" s="53">
        <v>32456487538.793499</v>
      </c>
      <c r="CD789" s="53">
        <v>32626220255.554699</v>
      </c>
      <c r="CE789" s="53">
        <v>32800896041.0564</v>
      </c>
      <c r="CF789" s="53">
        <v>32980417800.353699</v>
      </c>
      <c r="CG789" s="53">
        <v>33153863965.128201</v>
      </c>
      <c r="CH789" s="53">
        <v>33312274423.702599</v>
      </c>
      <c r="CI789" s="53">
        <v>33483263282.0574</v>
      </c>
      <c r="CJ789" s="53">
        <v>33648235523.873402</v>
      </c>
      <c r="CK789" s="53">
        <v>33807277074.601002</v>
      </c>
      <c r="CL789" s="53">
        <v>33981585274.433998</v>
      </c>
      <c r="CM789" s="53">
        <v>34147445164.825802</v>
      </c>
      <c r="CN789" s="53">
        <v>32292206151.330799</v>
      </c>
    </row>
    <row r="790" spans="1:92" outlineLevel="1">
      <c r="A790" s="52" t="s">
        <v>649</v>
      </c>
      <c r="B790" s="53">
        <v>11724299.999999899</v>
      </c>
      <c r="C790" s="53">
        <v>-15293730</v>
      </c>
      <c r="D790" s="53">
        <v>-18471560</v>
      </c>
      <c r="E790" s="53">
        <v>-30025709.999999899</v>
      </c>
      <c r="F790" s="53">
        <v>-35604920</v>
      </c>
      <c r="G790" s="53">
        <v>-111371799.999999</v>
      </c>
      <c r="H790" s="53">
        <v>-12083010</v>
      </c>
      <c r="I790" s="53">
        <v>-12919189.999999899</v>
      </c>
      <c r="J790" s="53">
        <v>-29178790</v>
      </c>
      <c r="K790" s="53">
        <v>-18488420</v>
      </c>
      <c r="L790" s="53">
        <v>-90157040</v>
      </c>
      <c r="M790" s="53">
        <v>-13787029.999999899</v>
      </c>
      <c r="N790" s="53">
        <v>-375656900</v>
      </c>
      <c r="O790" s="53">
        <v>-18630608.762699701</v>
      </c>
      <c r="P790" s="53">
        <v>-11644471.666861201</v>
      </c>
      <c r="Q790" s="53">
        <v>-38136010.500504203</v>
      </c>
      <c r="R790" s="53">
        <v>-11809477.270434599</v>
      </c>
      <c r="S790" s="53">
        <v>-30829563.118948098</v>
      </c>
      <c r="T790" s="53">
        <v>-22450466.065304399</v>
      </c>
      <c r="U790" s="53">
        <v>-15353247.470747</v>
      </c>
      <c r="V790" s="53">
        <v>-11986352.558493</v>
      </c>
      <c r="W790" s="53">
        <v>-18484666.543999702</v>
      </c>
      <c r="X790" s="53">
        <v>-13149357.848525699</v>
      </c>
      <c r="Y790" s="53">
        <v>-28547125.927893899</v>
      </c>
      <c r="Z790" s="53">
        <v>-87660484.289098606</v>
      </c>
      <c r="AA790" s="53">
        <v>-308681832.02350998</v>
      </c>
      <c r="AB790" s="53">
        <v>-10596414.9729676</v>
      </c>
      <c r="AC790" s="53">
        <v>-30096322.318457801</v>
      </c>
      <c r="AD790" s="53">
        <v>-20887062.870667599</v>
      </c>
      <c r="AE790" s="53">
        <v>-11871608.199958</v>
      </c>
      <c r="AF790" s="53">
        <v>-12139431.559313901</v>
      </c>
      <c r="AG790" s="53">
        <v>-28157839.432163399</v>
      </c>
      <c r="AH790" s="53">
        <v>-11674904.9651393</v>
      </c>
      <c r="AI790" s="53">
        <v>-41725664.132902697</v>
      </c>
      <c r="AJ790" s="53">
        <v>-21003287.172743902</v>
      </c>
      <c r="AK790" s="53">
        <v>-24678178.377350401</v>
      </c>
      <c r="AL790" s="53">
        <v>-26987594.900460798</v>
      </c>
      <c r="AM790" s="53">
        <v>-107255794.341772</v>
      </c>
      <c r="AN790" s="53">
        <v>-347074103.24389797</v>
      </c>
      <c r="AO790" s="53">
        <v>-16545434.0171047</v>
      </c>
      <c r="AP790" s="53">
        <v>-11863114.8857497</v>
      </c>
      <c r="AQ790" s="53">
        <v>-20445778.086150199</v>
      </c>
      <c r="AR790" s="53">
        <v>-15622481.564832401</v>
      </c>
      <c r="AS790" s="53">
        <v>-12818078.819703801</v>
      </c>
      <c r="AT790" s="53">
        <v>-29119040.257674899</v>
      </c>
      <c r="AU790" s="53">
        <v>-15136899.787366699</v>
      </c>
      <c r="AV790" s="53">
        <v>-12855054.6763999</v>
      </c>
      <c r="AW790" s="53">
        <v>-76562164.086696103</v>
      </c>
      <c r="AX790" s="53">
        <v>-12589822.537658799</v>
      </c>
      <c r="AY790" s="53">
        <v>-12014138.751245599</v>
      </c>
      <c r="AZ790" s="53">
        <v>-144616617.112827</v>
      </c>
      <c r="BA790" s="53">
        <v>-380188624.58341098</v>
      </c>
      <c r="BB790" s="53">
        <v>-14040984.3740936</v>
      </c>
      <c r="BC790" s="53">
        <v>-11704441.725047201</v>
      </c>
      <c r="BD790" s="53">
        <v>-19861557.2979341</v>
      </c>
      <c r="BE790" s="53">
        <v>-12503445.2072937</v>
      </c>
      <c r="BF790" s="53">
        <v>-17555870.6100756</v>
      </c>
      <c r="BG790" s="53">
        <v>-26398455.470432401</v>
      </c>
      <c r="BH790" s="53">
        <v>-27891736.471292499</v>
      </c>
      <c r="BI790" s="53">
        <v>-13327829.933021</v>
      </c>
      <c r="BJ790" s="53">
        <v>-20482340.104693901</v>
      </c>
      <c r="BK790" s="53">
        <v>-12951232.3157579</v>
      </c>
      <c r="BL790" s="53">
        <v>-12147264.046329999</v>
      </c>
      <c r="BM790" s="53">
        <v>-104458630.331223</v>
      </c>
      <c r="BN790" s="53">
        <v>-293323787.887196</v>
      </c>
      <c r="BO790" s="53">
        <v>-11346955.2564469</v>
      </c>
      <c r="BP790" s="53">
        <v>-11895926.435196601</v>
      </c>
      <c r="BQ790" s="53">
        <v>-18183264.408652101</v>
      </c>
      <c r="BR790" s="53">
        <v>-12661679.063060399</v>
      </c>
      <c r="BS790" s="53">
        <v>-14612170.272208501</v>
      </c>
      <c r="BT790" s="53">
        <v>-26360240.3230545</v>
      </c>
      <c r="BU790" s="53">
        <v>-26936336.692380499</v>
      </c>
      <c r="BV790" s="53">
        <v>-13332277.432735801</v>
      </c>
      <c r="BW790" s="53">
        <v>-20783190.8768133</v>
      </c>
      <c r="BX790" s="53">
        <v>-18308880.5901451</v>
      </c>
      <c r="BY790" s="53">
        <v>-12680223.1584695</v>
      </c>
      <c r="BZ790" s="53">
        <v>-26135030.599240799</v>
      </c>
      <c r="CA790" s="53">
        <v>-213236175.10840401</v>
      </c>
      <c r="CB790" s="53"/>
      <c r="CC790" s="53"/>
      <c r="CD790" s="53"/>
      <c r="CE790" s="53"/>
      <c r="CF790" s="53"/>
      <c r="CG790" s="53"/>
      <c r="CH790" s="53"/>
      <c r="CI790" s="53"/>
      <c r="CJ790" s="53"/>
      <c r="CK790" s="53"/>
      <c r="CL790" s="53"/>
      <c r="CM790" s="53"/>
      <c r="CN790" s="53"/>
    </row>
    <row r="791" spans="1:92" outlineLevel="1">
      <c r="A791" s="52" t="s">
        <v>1365</v>
      </c>
      <c r="B791" s="53"/>
      <c r="C791" s="53"/>
      <c r="D791" s="53"/>
      <c r="E791" s="53"/>
      <c r="F791" s="53"/>
      <c r="G791" s="53"/>
      <c r="H791" s="53"/>
      <c r="I791" s="53"/>
      <c r="J791" s="53"/>
      <c r="K791" s="53"/>
      <c r="L791" s="53"/>
      <c r="M791" s="53"/>
      <c r="N791" s="53"/>
      <c r="O791" s="53"/>
      <c r="P791" s="53"/>
      <c r="Q791" s="53"/>
      <c r="R791" s="53"/>
      <c r="S791" s="53"/>
      <c r="T791" s="53"/>
      <c r="U791" s="53"/>
      <c r="V791" s="53"/>
      <c r="W791" s="53"/>
      <c r="X791" s="53"/>
      <c r="Y791" s="53"/>
      <c r="Z791" s="53"/>
      <c r="AA791" s="53"/>
      <c r="AB791" s="53"/>
      <c r="AC791" s="53"/>
      <c r="AD791" s="53"/>
      <c r="AE791" s="53"/>
      <c r="AF791" s="53"/>
      <c r="AG791" s="53"/>
      <c r="AH791" s="53"/>
      <c r="AI791" s="53"/>
      <c r="AJ791" s="53"/>
      <c r="AK791" s="53"/>
      <c r="AL791" s="53"/>
      <c r="AM791" s="53"/>
      <c r="AN791" s="53"/>
      <c r="AO791" s="53"/>
      <c r="AP791" s="53"/>
      <c r="AQ791" s="53"/>
      <c r="AR791" s="53"/>
      <c r="AS791" s="53"/>
      <c r="AT791" s="53"/>
      <c r="AU791" s="53"/>
      <c r="AV791" s="53"/>
      <c r="AW791" s="53"/>
      <c r="AX791" s="53"/>
      <c r="AY791" s="53"/>
      <c r="AZ791" s="53"/>
      <c r="BA791" s="53"/>
      <c r="BB791" s="53"/>
      <c r="BC791" s="53"/>
      <c r="BD791" s="53"/>
      <c r="BE791" s="53"/>
      <c r="BF791" s="53"/>
      <c r="BG791" s="53"/>
      <c r="BH791" s="53"/>
      <c r="BI791" s="53"/>
      <c r="BJ791" s="53"/>
      <c r="BK791" s="53"/>
      <c r="BL791" s="53"/>
      <c r="BM791" s="53"/>
      <c r="BN791" s="53"/>
      <c r="BO791" s="53"/>
      <c r="BP791" s="53"/>
      <c r="BQ791" s="53"/>
      <c r="BR791" s="53"/>
      <c r="BS791" s="53"/>
      <c r="BT791" s="53"/>
      <c r="BU791" s="53"/>
      <c r="BV791" s="53"/>
      <c r="BW791" s="53"/>
      <c r="BX791" s="53"/>
      <c r="BY791" s="53"/>
      <c r="BZ791" s="53"/>
      <c r="CA791" s="53"/>
      <c r="CB791" s="53"/>
      <c r="CC791" s="53"/>
      <c r="CD791" s="53"/>
      <c r="CE791" s="53"/>
      <c r="CF791" s="53"/>
      <c r="CG791" s="53"/>
      <c r="CH791" s="53"/>
      <c r="CI791" s="53"/>
      <c r="CJ791" s="53"/>
      <c r="CK791" s="53"/>
      <c r="CL791" s="53"/>
      <c r="CM791" s="53"/>
      <c r="CN791" s="53"/>
    </row>
    <row r="792" spans="1:92" outlineLevel="1">
      <c r="A792" s="52" t="s">
        <v>1366</v>
      </c>
      <c r="B792" s="53"/>
      <c r="C792" s="53"/>
      <c r="D792" s="53"/>
      <c r="E792" s="53"/>
      <c r="F792" s="53"/>
      <c r="G792" s="53"/>
      <c r="H792" s="53"/>
      <c r="I792" s="53"/>
      <c r="J792" s="53"/>
      <c r="K792" s="53"/>
      <c r="L792" s="53"/>
      <c r="M792" s="53"/>
      <c r="N792" s="53"/>
      <c r="O792" s="53"/>
      <c r="P792" s="53"/>
      <c r="Q792" s="53"/>
      <c r="R792" s="53"/>
      <c r="S792" s="53"/>
      <c r="T792" s="53"/>
      <c r="U792" s="53"/>
      <c r="V792" s="53"/>
      <c r="W792" s="53"/>
      <c r="X792" s="53"/>
      <c r="Y792" s="53"/>
      <c r="Z792" s="53"/>
      <c r="AA792" s="53"/>
      <c r="AB792" s="53"/>
      <c r="AC792" s="53"/>
      <c r="AD792" s="53"/>
      <c r="AE792" s="53"/>
      <c r="AF792" s="53"/>
      <c r="AG792" s="53"/>
      <c r="AH792" s="53"/>
      <c r="AI792" s="53"/>
      <c r="AJ792" s="53"/>
      <c r="AK792" s="53"/>
      <c r="AL792" s="53"/>
      <c r="AM792" s="53"/>
      <c r="AN792" s="53"/>
      <c r="AO792" s="53"/>
      <c r="AP792" s="53"/>
      <c r="AQ792" s="53"/>
      <c r="AR792" s="53"/>
      <c r="AS792" s="53"/>
      <c r="AT792" s="53"/>
      <c r="AU792" s="53"/>
      <c r="AV792" s="53"/>
      <c r="AW792" s="53"/>
      <c r="AX792" s="53"/>
      <c r="AY792" s="53"/>
      <c r="AZ792" s="53"/>
      <c r="BA792" s="53"/>
      <c r="BB792" s="53"/>
      <c r="BC792" s="53"/>
      <c r="BD792" s="53"/>
      <c r="BE792" s="53"/>
      <c r="BF792" s="53"/>
      <c r="BG792" s="53"/>
      <c r="BH792" s="53"/>
      <c r="BI792" s="53"/>
      <c r="BJ792" s="53"/>
      <c r="BK792" s="53"/>
      <c r="BL792" s="53"/>
      <c r="BM792" s="53"/>
      <c r="BN792" s="53"/>
      <c r="BO792" s="53"/>
      <c r="BP792" s="53"/>
      <c r="BQ792" s="53"/>
      <c r="BR792" s="53"/>
      <c r="BS792" s="53"/>
      <c r="BT792" s="53"/>
      <c r="BU792" s="53"/>
      <c r="BV792" s="53"/>
      <c r="BW792" s="53"/>
      <c r="BX792" s="53"/>
      <c r="BY792" s="53"/>
      <c r="BZ792" s="53"/>
      <c r="CA792" s="53"/>
      <c r="CB792" s="53"/>
      <c r="CC792" s="53"/>
      <c r="CD792" s="53"/>
      <c r="CE792" s="53"/>
      <c r="CF792" s="53"/>
      <c r="CG792" s="53"/>
      <c r="CH792" s="53"/>
      <c r="CI792" s="53"/>
      <c r="CJ792" s="53"/>
      <c r="CK792" s="53"/>
      <c r="CL792" s="53"/>
      <c r="CM792" s="53"/>
      <c r="CN792" s="53"/>
    </row>
    <row r="793" spans="1:92" outlineLevel="1">
      <c r="A793" s="52" t="s">
        <v>649</v>
      </c>
      <c r="B793" s="53"/>
      <c r="C793" s="53"/>
      <c r="D793" s="53"/>
      <c r="E793" s="53"/>
      <c r="F793" s="53"/>
      <c r="G793" s="53"/>
      <c r="H793" s="53"/>
      <c r="I793" s="53"/>
      <c r="J793" s="53"/>
      <c r="K793" s="53"/>
      <c r="L793" s="53"/>
      <c r="M793" s="53"/>
      <c r="N793" s="53"/>
      <c r="O793" s="53"/>
      <c r="P793" s="53"/>
      <c r="Q793" s="53"/>
      <c r="R793" s="53"/>
      <c r="S793" s="53"/>
      <c r="T793" s="53"/>
      <c r="U793" s="53"/>
      <c r="V793" s="53"/>
      <c r="W793" s="53"/>
      <c r="X793" s="53"/>
      <c r="Y793" s="53"/>
      <c r="Z793" s="53">
        <v>2452678.4923239001</v>
      </c>
      <c r="AA793" s="53">
        <v>2452678.4923239001</v>
      </c>
      <c r="AB793" s="53"/>
      <c r="AC793" s="53"/>
      <c r="AD793" s="53"/>
      <c r="AE793" s="53"/>
      <c r="AF793" s="53"/>
      <c r="AG793" s="53"/>
      <c r="AH793" s="53"/>
      <c r="AI793" s="53"/>
      <c r="AJ793" s="53"/>
      <c r="AK793" s="53"/>
      <c r="AL793" s="53"/>
      <c r="AM793" s="53">
        <v>12211613.409646699</v>
      </c>
      <c r="AN793" s="53">
        <v>12211613.409646699</v>
      </c>
      <c r="AO793" s="53"/>
      <c r="AP793" s="53"/>
      <c r="AQ793" s="53"/>
      <c r="AR793" s="53"/>
      <c r="AS793" s="53"/>
      <c r="AT793" s="53"/>
      <c r="AU793" s="53"/>
      <c r="AV793" s="53"/>
      <c r="AW793" s="53"/>
      <c r="AX793" s="53"/>
      <c r="AY793" s="53"/>
      <c r="AZ793" s="53">
        <v>1032080.95795413</v>
      </c>
      <c r="BA793" s="53">
        <v>1032080.95795413</v>
      </c>
      <c r="BB793" s="53"/>
      <c r="BC793" s="53"/>
      <c r="BD793" s="53"/>
      <c r="BE793" s="53"/>
      <c r="BF793" s="53"/>
      <c r="BG793" s="53"/>
      <c r="BH793" s="53"/>
      <c r="BI793" s="53"/>
      <c r="BJ793" s="53"/>
      <c r="BK793" s="53"/>
      <c r="BL793" s="53"/>
      <c r="BM793" s="53"/>
      <c r="BN793" s="53"/>
      <c r="BO793" s="53"/>
      <c r="BP793" s="53"/>
      <c r="BQ793" s="53"/>
      <c r="BR793" s="53"/>
      <c r="BS793" s="53"/>
      <c r="BT793" s="53"/>
      <c r="BU793" s="53"/>
      <c r="BV793" s="53"/>
      <c r="BW793" s="53"/>
      <c r="BX793" s="53"/>
      <c r="BY793" s="53"/>
      <c r="BZ793" s="53">
        <v>55635372.030196197</v>
      </c>
      <c r="CA793" s="53">
        <v>55635372.030196197</v>
      </c>
      <c r="CB793" s="53">
        <v>178502438.62806401</v>
      </c>
      <c r="CC793" s="53">
        <v>185488636.70307001</v>
      </c>
      <c r="CD793" s="53">
        <v>194467810.897338</v>
      </c>
      <c r="CE793" s="53">
        <v>193395135.70660901</v>
      </c>
      <c r="CF793" s="53">
        <v>187059522.40719801</v>
      </c>
      <c r="CG793" s="53">
        <v>185311890.88675901</v>
      </c>
      <c r="CH793" s="53">
        <v>186416723.08498701</v>
      </c>
      <c r="CI793" s="53">
        <v>179849285.500512</v>
      </c>
      <c r="CJ793" s="53">
        <v>179416046.421179</v>
      </c>
      <c r="CK793" s="53">
        <v>188962250.19789001</v>
      </c>
      <c r="CL793" s="53">
        <v>184083397.35656899</v>
      </c>
      <c r="CM793" s="53">
        <v>180784482.630752</v>
      </c>
      <c r="CN793" s="53">
        <v>2223737620.4209299</v>
      </c>
    </row>
    <row r="794" spans="1:92" outlineLevel="1">
      <c r="A794" s="52" t="s">
        <v>672</v>
      </c>
      <c r="B794" s="53"/>
      <c r="C794" s="53"/>
      <c r="D794" s="53"/>
      <c r="E794" s="53"/>
      <c r="F794" s="53"/>
      <c r="G794" s="53"/>
      <c r="H794" s="53"/>
      <c r="I794" s="53"/>
      <c r="J794" s="53"/>
      <c r="K794" s="53"/>
      <c r="L794" s="53"/>
      <c r="M794" s="53"/>
      <c r="N794" s="53"/>
      <c r="O794" s="53"/>
      <c r="P794" s="53"/>
      <c r="Q794" s="53"/>
      <c r="R794" s="53"/>
      <c r="S794" s="53"/>
      <c r="T794" s="53"/>
      <c r="U794" s="53"/>
      <c r="V794" s="53"/>
      <c r="W794" s="53"/>
      <c r="X794" s="53"/>
      <c r="Y794" s="53"/>
      <c r="Z794" s="53"/>
      <c r="AA794" s="53"/>
      <c r="AB794" s="53"/>
      <c r="AC794" s="53"/>
      <c r="AD794" s="53"/>
      <c r="AE794" s="53"/>
      <c r="AF794" s="53"/>
      <c r="AG794" s="53"/>
      <c r="AH794" s="53"/>
      <c r="AI794" s="53"/>
      <c r="AJ794" s="53"/>
      <c r="AK794" s="53"/>
      <c r="AL794" s="53"/>
      <c r="AM794" s="53"/>
      <c r="AN794" s="53"/>
      <c r="AO794" s="53"/>
      <c r="AP794" s="53"/>
      <c r="AQ794" s="53"/>
      <c r="AR794" s="53"/>
      <c r="AS794" s="53"/>
      <c r="AT794" s="53"/>
      <c r="AU794" s="53"/>
      <c r="AV794" s="53"/>
      <c r="AW794" s="53"/>
      <c r="AX794" s="53"/>
      <c r="AY794" s="53"/>
      <c r="AZ794" s="53"/>
      <c r="BA794" s="53"/>
      <c r="BB794" s="53"/>
      <c r="BC794" s="53"/>
      <c r="BD794" s="53"/>
      <c r="BE794" s="53"/>
      <c r="BF794" s="53"/>
      <c r="BG794" s="53"/>
      <c r="BH794" s="53"/>
      <c r="BI794" s="53"/>
      <c r="BJ794" s="53"/>
      <c r="BK794" s="53"/>
      <c r="BL794" s="53"/>
      <c r="BM794" s="53"/>
      <c r="BN794" s="53"/>
      <c r="BO794" s="53"/>
      <c r="BP794" s="53"/>
      <c r="BQ794" s="53"/>
      <c r="BR794" s="53"/>
      <c r="BS794" s="53"/>
      <c r="BT794" s="53"/>
      <c r="BU794" s="53"/>
      <c r="BV794" s="53"/>
      <c r="BW794" s="53"/>
      <c r="BX794" s="53"/>
      <c r="BY794" s="53"/>
      <c r="BZ794" s="53"/>
      <c r="CA794" s="53"/>
      <c r="CB794" s="53"/>
      <c r="CC794" s="53"/>
      <c r="CD794" s="53"/>
      <c r="CE794" s="53"/>
      <c r="CF794" s="53"/>
      <c r="CG794" s="53"/>
      <c r="CH794" s="53"/>
      <c r="CI794" s="53"/>
      <c r="CJ794" s="53"/>
      <c r="CK794" s="53"/>
      <c r="CL794" s="53"/>
      <c r="CM794" s="53"/>
      <c r="CN794" s="53"/>
    </row>
    <row r="795" spans="1:92">
      <c r="A795" s="52" t="s">
        <v>1365</v>
      </c>
      <c r="B795" s="53"/>
      <c r="C795" s="53"/>
      <c r="D795" s="53"/>
      <c r="E795" s="53"/>
      <c r="F795" s="53"/>
      <c r="G795" s="53"/>
      <c r="H795" s="53"/>
      <c r="I795" s="53"/>
      <c r="J795" s="53"/>
      <c r="K795" s="53"/>
      <c r="L795" s="53"/>
      <c r="M795" s="53"/>
      <c r="N795" s="53"/>
      <c r="O795" s="53"/>
      <c r="P795" s="53"/>
      <c r="Q795" s="53"/>
      <c r="R795" s="53"/>
      <c r="S795" s="53"/>
      <c r="T795" s="53"/>
      <c r="U795" s="53"/>
      <c r="V795" s="53"/>
      <c r="W795" s="53"/>
      <c r="X795" s="53"/>
      <c r="Y795" s="53"/>
      <c r="Z795" s="53"/>
      <c r="AA795" s="53"/>
      <c r="AB795" s="53"/>
      <c r="AC795" s="53"/>
      <c r="AD795" s="53"/>
      <c r="AE795" s="53"/>
      <c r="AF795" s="53"/>
      <c r="AG795" s="53"/>
      <c r="AH795" s="53"/>
      <c r="AI795" s="53"/>
      <c r="AJ795" s="53"/>
      <c r="AK795" s="53"/>
      <c r="AL795" s="53"/>
      <c r="AM795" s="53"/>
      <c r="AN795" s="53"/>
      <c r="AO795" s="53"/>
      <c r="AP795" s="53"/>
      <c r="AQ795" s="53"/>
      <c r="AR795" s="53"/>
      <c r="AS795" s="53"/>
      <c r="AT795" s="53"/>
      <c r="AU795" s="53"/>
      <c r="AV795" s="53"/>
      <c r="AW795" s="53"/>
      <c r="AX795" s="53"/>
      <c r="AY795" s="53"/>
      <c r="AZ795" s="53"/>
      <c r="BA795" s="53"/>
      <c r="BB795" s="53"/>
      <c r="BC795" s="53"/>
      <c r="BD795" s="53"/>
      <c r="BE795" s="53"/>
      <c r="BF795" s="53"/>
      <c r="BG795" s="53"/>
      <c r="BH795" s="53"/>
      <c r="BI795" s="53"/>
      <c r="BJ795" s="53"/>
      <c r="BK795" s="53"/>
      <c r="BL795" s="53"/>
      <c r="BM795" s="53"/>
      <c r="BN795" s="53"/>
      <c r="BO795" s="53"/>
      <c r="BP795" s="53"/>
      <c r="BQ795" s="53"/>
      <c r="BR795" s="53"/>
      <c r="BS795" s="53"/>
      <c r="BT795" s="53"/>
      <c r="BU795" s="53"/>
      <c r="BV795" s="53"/>
      <c r="BW795" s="53"/>
      <c r="BX795" s="53"/>
      <c r="BY795" s="53"/>
      <c r="BZ795" s="53"/>
      <c r="CA795" s="53"/>
      <c r="CB795" s="53">
        <v>518624.23906051501</v>
      </c>
      <c r="CC795" s="53">
        <v>561994.08672168094</v>
      </c>
      <c r="CD795" s="53">
        <v>615188.61315262399</v>
      </c>
      <c r="CE795" s="53">
        <v>668655.51235847396</v>
      </c>
      <c r="CF795" s="53">
        <v>722397.76091332897</v>
      </c>
      <c r="CG795" s="53">
        <v>313037.03752726701</v>
      </c>
      <c r="CH795" s="53">
        <v>341867.39899945201</v>
      </c>
      <c r="CI795" s="53">
        <v>370845.37955105002</v>
      </c>
      <c r="CJ795" s="53">
        <v>399971.73504793498</v>
      </c>
      <c r="CK795" s="53">
        <v>429247.22522630601</v>
      </c>
      <c r="CL795" s="53">
        <v>458672.61371250101</v>
      </c>
      <c r="CM795" s="53">
        <v>557386.42451886297</v>
      </c>
      <c r="CN795" s="53">
        <v>5957888.0267899996</v>
      </c>
    </row>
    <row r="796" spans="1:92" outlineLevel="1">
      <c r="A796" s="52" t="s">
        <v>1367</v>
      </c>
      <c r="B796" s="53"/>
      <c r="C796" s="53"/>
      <c r="D796" s="53"/>
      <c r="E796" s="53"/>
      <c r="F796" s="53"/>
      <c r="G796" s="53"/>
      <c r="H796" s="53"/>
      <c r="I796" s="53"/>
      <c r="J796" s="53"/>
      <c r="K796" s="53"/>
      <c r="L796" s="53"/>
      <c r="M796" s="53"/>
      <c r="N796" s="53"/>
      <c r="O796" s="53"/>
      <c r="P796" s="53"/>
      <c r="Q796" s="53"/>
      <c r="R796" s="53"/>
      <c r="S796" s="53"/>
      <c r="T796" s="53"/>
      <c r="U796" s="53"/>
      <c r="V796" s="53"/>
      <c r="W796" s="53"/>
      <c r="X796" s="53"/>
      <c r="Y796" s="53"/>
      <c r="Z796" s="53"/>
      <c r="AA796" s="53"/>
      <c r="AB796" s="53"/>
      <c r="AC796" s="53"/>
      <c r="AD796" s="53"/>
      <c r="AE796" s="53"/>
      <c r="AF796" s="53"/>
      <c r="AG796" s="53"/>
      <c r="AH796" s="53"/>
      <c r="AI796" s="53"/>
      <c r="AJ796" s="53"/>
      <c r="AK796" s="53"/>
      <c r="AL796" s="53"/>
      <c r="AM796" s="53"/>
      <c r="AN796" s="53"/>
      <c r="AO796" s="53"/>
      <c r="AP796" s="53"/>
      <c r="AQ796" s="53"/>
      <c r="AR796" s="53"/>
      <c r="AS796" s="53"/>
      <c r="AT796" s="53"/>
      <c r="AU796" s="53"/>
      <c r="AV796" s="53"/>
      <c r="AW796" s="53"/>
      <c r="AX796" s="53"/>
      <c r="AY796" s="53"/>
      <c r="AZ796" s="53"/>
      <c r="BA796" s="53"/>
      <c r="BB796" s="53"/>
      <c r="BC796" s="53"/>
      <c r="BD796" s="53"/>
      <c r="BE796" s="53"/>
      <c r="BF796" s="53"/>
      <c r="BG796" s="53"/>
      <c r="BH796" s="53"/>
      <c r="BI796" s="53"/>
      <c r="BJ796" s="53"/>
      <c r="BK796" s="53"/>
      <c r="BL796" s="53"/>
      <c r="BM796" s="53"/>
      <c r="BN796" s="53"/>
      <c r="BO796" s="53"/>
      <c r="BP796" s="53"/>
      <c r="BQ796" s="53"/>
      <c r="BR796" s="53"/>
      <c r="BS796" s="53"/>
      <c r="BT796" s="53"/>
      <c r="BU796" s="53"/>
      <c r="BV796" s="53"/>
      <c r="BW796" s="53"/>
      <c r="BX796" s="53"/>
      <c r="BY796" s="53"/>
      <c r="BZ796" s="53"/>
      <c r="CA796" s="53"/>
      <c r="CB796" s="53"/>
      <c r="CC796" s="53"/>
      <c r="CD796" s="53"/>
      <c r="CE796" s="53"/>
      <c r="CF796" s="53"/>
      <c r="CG796" s="53"/>
      <c r="CH796" s="53"/>
      <c r="CI796" s="53"/>
      <c r="CJ796" s="53"/>
      <c r="CK796" s="53"/>
      <c r="CL796" s="53"/>
      <c r="CM796" s="53"/>
      <c r="CN796" s="53"/>
    </row>
    <row r="797" spans="1:92" outlineLevel="1">
      <c r="A797" s="52" t="s">
        <v>649</v>
      </c>
      <c r="B797" s="53"/>
      <c r="C797" s="53"/>
      <c r="D797" s="53"/>
      <c r="E797" s="53"/>
      <c r="F797" s="53"/>
      <c r="G797" s="53"/>
      <c r="H797" s="53"/>
      <c r="I797" s="53"/>
      <c r="J797" s="53"/>
      <c r="K797" s="53"/>
      <c r="L797" s="53"/>
      <c r="M797" s="53"/>
      <c r="N797" s="53"/>
      <c r="O797" s="53"/>
      <c r="P797" s="53"/>
      <c r="Q797" s="53"/>
      <c r="R797" s="53"/>
      <c r="S797" s="53"/>
      <c r="T797" s="53"/>
      <c r="U797" s="53"/>
      <c r="V797" s="53"/>
      <c r="W797" s="53"/>
      <c r="X797" s="53"/>
      <c r="Y797" s="53"/>
      <c r="Z797" s="53">
        <v>-2452678.4923239001</v>
      </c>
      <c r="AA797" s="53">
        <v>-2452678.4923239001</v>
      </c>
      <c r="AB797" s="53"/>
      <c r="AC797" s="53"/>
      <c r="AD797" s="53"/>
      <c r="AE797" s="53"/>
      <c r="AF797" s="53"/>
      <c r="AG797" s="53"/>
      <c r="AH797" s="53"/>
      <c r="AI797" s="53"/>
      <c r="AJ797" s="53"/>
      <c r="AK797" s="53"/>
      <c r="AL797" s="53"/>
      <c r="AM797" s="53">
        <v>-12211613.409646699</v>
      </c>
      <c r="AN797" s="53">
        <v>-12211613.409646699</v>
      </c>
      <c r="AO797" s="53"/>
      <c r="AP797" s="53"/>
      <c r="AQ797" s="53"/>
      <c r="AR797" s="53"/>
      <c r="AS797" s="53"/>
      <c r="AT797" s="53"/>
      <c r="AU797" s="53"/>
      <c r="AV797" s="53"/>
      <c r="AW797" s="53"/>
      <c r="AX797" s="53"/>
      <c r="AY797" s="53"/>
      <c r="AZ797" s="53">
        <v>-1032080.95795413</v>
      </c>
      <c r="BA797" s="53">
        <v>-1032080.95795413</v>
      </c>
      <c r="BB797" s="53"/>
      <c r="BC797" s="53"/>
      <c r="BD797" s="53"/>
      <c r="BE797" s="53"/>
      <c r="BF797" s="53"/>
      <c r="BG797" s="53"/>
      <c r="BH797" s="53"/>
      <c r="BI797" s="53"/>
      <c r="BJ797" s="53"/>
      <c r="BK797" s="53"/>
      <c r="BL797" s="53"/>
      <c r="BM797" s="53"/>
      <c r="BN797" s="53"/>
      <c r="BO797" s="53"/>
      <c r="BP797" s="53"/>
      <c r="BQ797" s="53"/>
      <c r="BR797" s="53"/>
      <c r="BS797" s="53"/>
      <c r="BT797" s="53"/>
      <c r="BU797" s="53"/>
      <c r="BV797" s="53"/>
      <c r="BW797" s="53"/>
      <c r="BX797" s="53"/>
      <c r="BY797" s="53"/>
      <c r="BZ797" s="53">
        <v>-55635372.030196197</v>
      </c>
      <c r="CA797" s="53">
        <v>-55635372.030196197</v>
      </c>
      <c r="CB797" s="53">
        <v>1325982.3944912499</v>
      </c>
      <c r="CC797" s="53">
        <v>1436867.4054862</v>
      </c>
      <c r="CD797" s="53">
        <v>1572871.4720498901</v>
      </c>
      <c r="CE797" s="53">
        <v>1709571.9223863899</v>
      </c>
      <c r="CF797" s="53">
        <v>1846976.3667933799</v>
      </c>
      <c r="CG797" s="53">
        <v>800351.33208731702</v>
      </c>
      <c r="CH797" s="53">
        <v>874062.795724625</v>
      </c>
      <c r="CI797" s="53">
        <v>948151.68156022299</v>
      </c>
      <c r="CJ797" s="53">
        <v>1022619.9221394201</v>
      </c>
      <c r="CK797" s="53">
        <v>1097469.4599029101</v>
      </c>
      <c r="CL797" s="53">
        <v>1172702.2472374199</v>
      </c>
      <c r="CM797" s="53">
        <v>1425086.85513675</v>
      </c>
      <c r="CN797" s="53">
        <v>15232713.8549958</v>
      </c>
    </row>
    <row r="798" spans="1:92" outlineLevel="1">
      <c r="A798" s="52" t="s">
        <v>1368</v>
      </c>
      <c r="B798" s="53">
        <v>0</v>
      </c>
      <c r="C798" s="53">
        <v>0</v>
      </c>
      <c r="D798" s="53">
        <v>0</v>
      </c>
      <c r="E798" s="53">
        <v>0</v>
      </c>
      <c r="F798" s="53">
        <v>0</v>
      </c>
      <c r="G798" s="53">
        <v>0</v>
      </c>
      <c r="H798" s="53">
        <v>0</v>
      </c>
      <c r="I798" s="53">
        <v>0</v>
      </c>
      <c r="J798" s="53">
        <v>0</v>
      </c>
      <c r="K798" s="53">
        <v>0</v>
      </c>
      <c r="L798" s="53">
        <v>0</v>
      </c>
      <c r="M798" s="53">
        <v>0</v>
      </c>
      <c r="N798" s="53">
        <v>0</v>
      </c>
      <c r="O798" s="53">
        <v>102535942.506356</v>
      </c>
      <c r="P798" s="53">
        <v>241400179.803354</v>
      </c>
      <c r="Q798" s="53">
        <v>788104068.856076</v>
      </c>
      <c r="R798" s="53">
        <v>938307192.65984797</v>
      </c>
      <c r="S798" s="53">
        <v>1183398816.6944399</v>
      </c>
      <c r="T798" s="53">
        <v>1340226035.23382</v>
      </c>
      <c r="U798" s="53">
        <v>1416030668.0509601</v>
      </c>
      <c r="V798" s="53">
        <v>1464428413.0355599</v>
      </c>
      <c r="W798" s="53">
        <v>1581257365.11239</v>
      </c>
      <c r="X798" s="53">
        <v>1637299714.7725699</v>
      </c>
      <c r="Y798" s="53">
        <v>1720897278.2922101</v>
      </c>
      <c r="Z798" s="53">
        <v>2311409786.3632202</v>
      </c>
      <c r="AA798" s="53">
        <v>2311409786.3632202</v>
      </c>
      <c r="AB798" s="53">
        <v>2566881026.39924</v>
      </c>
      <c r="AC798" s="53">
        <v>2775193647.8699298</v>
      </c>
      <c r="AD798" s="53">
        <v>2929772231.6136599</v>
      </c>
      <c r="AE798" s="53">
        <v>2975471405.4432502</v>
      </c>
      <c r="AF798" s="53">
        <v>3037297109.5910802</v>
      </c>
      <c r="AG798" s="53">
        <v>3383085841.3182402</v>
      </c>
      <c r="AH798" s="53">
        <v>3432030037.4647598</v>
      </c>
      <c r="AI798" s="53">
        <v>3481763583.6266098</v>
      </c>
      <c r="AJ798" s="53">
        <v>3608435669.71945</v>
      </c>
      <c r="AK798" s="53">
        <v>3781084068.6504698</v>
      </c>
      <c r="AL798" s="53">
        <v>3890208783.1578302</v>
      </c>
      <c r="AM798" s="53">
        <v>4769515979.9441996</v>
      </c>
      <c r="AN798" s="53">
        <v>4769515979.9441996</v>
      </c>
      <c r="AO798" s="53">
        <v>4852300740.8004599</v>
      </c>
      <c r="AP798" s="53">
        <v>4894045585.3939695</v>
      </c>
      <c r="AQ798" s="53">
        <v>5222035478.71486</v>
      </c>
      <c r="AR798" s="53">
        <v>5307235066.2384005</v>
      </c>
      <c r="AS798" s="53">
        <v>5371693722.1641703</v>
      </c>
      <c r="AT798" s="53">
        <v>5572292339.8561401</v>
      </c>
      <c r="AU798" s="53">
        <v>5625037502.6400204</v>
      </c>
      <c r="AV798" s="53">
        <v>5697853486.2929602</v>
      </c>
      <c r="AW798" s="53">
        <v>5926552424.1183205</v>
      </c>
      <c r="AX798" s="53">
        <v>5978943293.6615696</v>
      </c>
      <c r="AY798" s="53">
        <v>6036471801.2109499</v>
      </c>
      <c r="AZ798" s="53">
        <v>7559569854.2434597</v>
      </c>
      <c r="BA798" s="53">
        <v>7559569854.2434597</v>
      </c>
      <c r="BB798" s="53">
        <v>7622995795.50774</v>
      </c>
      <c r="BC798" s="53">
        <v>7669556829.1873302</v>
      </c>
      <c r="BD798" s="53">
        <v>7789171557.7726498</v>
      </c>
      <c r="BE798" s="53">
        <v>7838700301.1337099</v>
      </c>
      <c r="BF798" s="53">
        <v>7936135676.36549</v>
      </c>
      <c r="BG798" s="53">
        <v>8449658514.3362799</v>
      </c>
      <c r="BH798" s="53">
        <v>8630986815.5021706</v>
      </c>
      <c r="BI798" s="53">
        <v>8726207700.6178493</v>
      </c>
      <c r="BJ798" s="53">
        <v>8868608652.5198002</v>
      </c>
      <c r="BK798" s="53">
        <v>8942339136.7179794</v>
      </c>
      <c r="BL798" s="53">
        <v>9021871340.6917706</v>
      </c>
      <c r="BM798" s="53">
        <v>9491612561.6655903</v>
      </c>
      <c r="BN798" s="53">
        <v>9491612561.6655903</v>
      </c>
      <c r="BO798" s="53">
        <v>9530421624.6016102</v>
      </c>
      <c r="BP798" s="53">
        <v>9573339750.6487503</v>
      </c>
      <c r="BQ798" s="53">
        <v>9793906516.1087894</v>
      </c>
      <c r="BR798" s="53">
        <v>9848840215.7583809</v>
      </c>
      <c r="BS798" s="53">
        <v>9922967251.2935505</v>
      </c>
      <c r="BT798" s="53">
        <v>10430803531.7855</v>
      </c>
      <c r="BU798" s="53">
        <v>10639169951.568501</v>
      </c>
      <c r="BV798" s="53">
        <v>10717395806.7512</v>
      </c>
      <c r="BW798" s="53">
        <v>10866136175.9249</v>
      </c>
      <c r="BX798" s="53">
        <v>10997072139.193899</v>
      </c>
      <c r="BY798" s="53">
        <v>11077868634.445</v>
      </c>
      <c r="BZ798" s="53">
        <v>11508879118.8564</v>
      </c>
      <c r="CA798" s="53">
        <v>11508879118.8564</v>
      </c>
      <c r="CB798" s="53"/>
      <c r="CC798" s="53"/>
      <c r="CD798" s="53"/>
      <c r="CE798" s="53"/>
      <c r="CF798" s="53"/>
      <c r="CG798" s="53"/>
      <c r="CH798" s="53"/>
      <c r="CI798" s="53"/>
      <c r="CJ798" s="53"/>
      <c r="CK798" s="53"/>
      <c r="CL798" s="53"/>
      <c r="CM798" s="53"/>
      <c r="CN798" s="53"/>
    </row>
    <row r="799" spans="1:92" outlineLevel="1">
      <c r="A799" s="52" t="s">
        <v>1369</v>
      </c>
      <c r="B799" s="53">
        <v>0</v>
      </c>
      <c r="C799" s="53">
        <v>0</v>
      </c>
      <c r="D799" s="53">
        <v>0</v>
      </c>
      <c r="E799" s="53">
        <v>0</v>
      </c>
      <c r="F799" s="53">
        <v>0</v>
      </c>
      <c r="G799" s="53">
        <v>0</v>
      </c>
      <c r="H799" s="53">
        <v>0</v>
      </c>
      <c r="I799" s="53">
        <v>0</v>
      </c>
      <c r="J799" s="53">
        <v>0</v>
      </c>
      <c r="K799" s="53">
        <v>0</v>
      </c>
      <c r="L799" s="53">
        <v>0</v>
      </c>
      <c r="M799" s="53">
        <v>0</v>
      </c>
      <c r="N799" s="53">
        <v>0</v>
      </c>
      <c r="O799" s="53">
        <v>0</v>
      </c>
      <c r="P799" s="53">
        <v>0</v>
      </c>
      <c r="Q799" s="53">
        <v>0</v>
      </c>
      <c r="R799" s="53">
        <v>0</v>
      </c>
      <c r="S799" s="53">
        <v>0</v>
      </c>
      <c r="T799" s="53">
        <v>0</v>
      </c>
      <c r="U799" s="53">
        <v>0</v>
      </c>
      <c r="V799" s="53">
        <v>0</v>
      </c>
      <c r="W799" s="53">
        <v>0</v>
      </c>
      <c r="X799" s="53">
        <v>0</v>
      </c>
      <c r="Y799" s="53">
        <v>0</v>
      </c>
      <c r="Z799" s="53">
        <v>0</v>
      </c>
      <c r="AA799" s="53">
        <v>0</v>
      </c>
      <c r="AB799" s="53">
        <v>0</v>
      </c>
      <c r="AC799" s="53">
        <v>0</v>
      </c>
      <c r="AD799" s="53">
        <v>0</v>
      </c>
      <c r="AE799" s="53">
        <v>0</v>
      </c>
      <c r="AF799" s="53">
        <v>0</v>
      </c>
      <c r="AG799" s="53">
        <v>0</v>
      </c>
      <c r="AH799" s="53">
        <v>0</v>
      </c>
      <c r="AI799" s="53">
        <v>0</v>
      </c>
      <c r="AJ799" s="53">
        <v>0</v>
      </c>
      <c r="AK799" s="53">
        <v>0</v>
      </c>
      <c r="AL799" s="53">
        <v>0</v>
      </c>
      <c r="AM799" s="53">
        <v>0</v>
      </c>
      <c r="AN799" s="53">
        <v>0</v>
      </c>
      <c r="AO799" s="53">
        <v>0</v>
      </c>
      <c r="AP799" s="53">
        <v>0</v>
      </c>
      <c r="AQ799" s="53">
        <v>0</v>
      </c>
      <c r="AR799" s="53">
        <v>0</v>
      </c>
      <c r="AS799" s="53">
        <v>0</v>
      </c>
      <c r="AT799" s="53">
        <v>0</v>
      </c>
      <c r="AU799" s="53">
        <v>0</v>
      </c>
      <c r="AV799" s="53">
        <v>0</v>
      </c>
      <c r="AW799" s="53">
        <v>0</v>
      </c>
      <c r="AX799" s="53">
        <v>0</v>
      </c>
      <c r="AY799" s="53">
        <v>0</v>
      </c>
      <c r="AZ799" s="53">
        <v>0</v>
      </c>
      <c r="BA799" s="53">
        <v>0</v>
      </c>
      <c r="BB799" s="53">
        <v>0</v>
      </c>
      <c r="BC799" s="53">
        <v>0</v>
      </c>
      <c r="BD799" s="53">
        <v>0</v>
      </c>
      <c r="BE799" s="53">
        <v>0</v>
      </c>
      <c r="BF799" s="53">
        <v>0</v>
      </c>
      <c r="BG799" s="53">
        <v>0</v>
      </c>
      <c r="BH799" s="53">
        <v>0</v>
      </c>
      <c r="BI799" s="53">
        <v>0</v>
      </c>
      <c r="BJ799" s="53">
        <v>0</v>
      </c>
      <c r="BK799" s="53">
        <v>0</v>
      </c>
      <c r="BL799" s="53">
        <v>0</v>
      </c>
      <c r="BM799" s="53">
        <v>0</v>
      </c>
      <c r="BN799" s="53">
        <v>0</v>
      </c>
      <c r="BO799" s="53">
        <v>0</v>
      </c>
      <c r="BP799" s="53">
        <v>0</v>
      </c>
      <c r="BQ799" s="53">
        <v>0</v>
      </c>
      <c r="BR799" s="53">
        <v>0</v>
      </c>
      <c r="BS799" s="53">
        <v>0</v>
      </c>
      <c r="BT799" s="53">
        <v>0</v>
      </c>
      <c r="BU799" s="53">
        <v>0</v>
      </c>
      <c r="BV799" s="53">
        <v>0</v>
      </c>
      <c r="BW799" s="53">
        <v>0</v>
      </c>
      <c r="BX799" s="53">
        <v>0</v>
      </c>
      <c r="BY799" s="53">
        <v>0</v>
      </c>
      <c r="BZ799" s="53">
        <v>0</v>
      </c>
      <c r="CA799" s="53">
        <v>0</v>
      </c>
      <c r="CB799" s="53">
        <v>84849019.661116406</v>
      </c>
      <c r="CC799" s="53">
        <v>80638335.8186225</v>
      </c>
      <c r="CD799" s="53">
        <v>141855068.726616</v>
      </c>
      <c r="CE799" s="53">
        <v>65071067.381324001</v>
      </c>
      <c r="CF799" s="53">
        <v>64583708.528266102</v>
      </c>
      <c r="CG799" s="53">
        <v>533105490.71989799</v>
      </c>
      <c r="CH799" s="53">
        <v>84941868.224685207</v>
      </c>
      <c r="CI799" s="53">
        <v>81106711.098046094</v>
      </c>
      <c r="CJ799" s="53">
        <v>156861231.42036501</v>
      </c>
      <c r="CK799" s="53">
        <v>80791442.160578594</v>
      </c>
      <c r="CL799" s="53">
        <v>120740389.49302</v>
      </c>
      <c r="CM799" s="53">
        <v>659426696.48250401</v>
      </c>
      <c r="CN799" s="53">
        <v>2153971029.7150402</v>
      </c>
    </row>
    <row r="800" spans="1:92" outlineLevel="1">
      <c r="A800" s="52" t="s">
        <v>1218</v>
      </c>
      <c r="B800" s="53">
        <v>23864805221.758999</v>
      </c>
      <c r="C800" s="53">
        <v>23980506487.110001</v>
      </c>
      <c r="D800" s="53">
        <v>24106883673.469898</v>
      </c>
      <c r="E800" s="53">
        <v>24257068116.149899</v>
      </c>
      <c r="F800" s="53">
        <v>24382280803.099998</v>
      </c>
      <c r="G800" s="53">
        <v>24606688719.609901</v>
      </c>
      <c r="H800" s="53">
        <v>24713673038.41</v>
      </c>
      <c r="I800" s="53">
        <v>24861700011.32</v>
      </c>
      <c r="J800" s="53">
        <v>25068574353.249901</v>
      </c>
      <c r="K800" s="53">
        <v>25243461497.810001</v>
      </c>
      <c r="L800" s="53">
        <v>25524935178.619999</v>
      </c>
      <c r="M800" s="53">
        <v>25672356282.029999</v>
      </c>
      <c r="N800" s="53">
        <v>23864805221.758999</v>
      </c>
      <c r="O800" s="53">
        <v>25939729150.040001</v>
      </c>
      <c r="P800" s="53">
        <v>26124662332.1329</v>
      </c>
      <c r="Q800" s="53">
        <v>26314705474.3913</v>
      </c>
      <c r="R800" s="53">
        <v>26503115946.635601</v>
      </c>
      <c r="S800" s="53">
        <v>26708726864.088799</v>
      </c>
      <c r="T800" s="53">
        <v>26916127357.110298</v>
      </c>
      <c r="U800" s="53">
        <v>27105547440.162201</v>
      </c>
      <c r="V800" s="53">
        <v>27284301792.444698</v>
      </c>
      <c r="W800" s="53">
        <v>27472253938.916599</v>
      </c>
      <c r="X800" s="53">
        <v>27657503092.864799</v>
      </c>
      <c r="Y800" s="53">
        <v>27872479205.639301</v>
      </c>
      <c r="Z800" s="53">
        <v>28038972048.587299</v>
      </c>
      <c r="AA800" s="53">
        <v>25939729150.040001</v>
      </c>
      <c r="AB800" s="53">
        <v>28144418634.311798</v>
      </c>
      <c r="AC800" s="53">
        <v>28328167898.343498</v>
      </c>
      <c r="AD800" s="53">
        <v>28513269185.9394</v>
      </c>
      <c r="AE800" s="53">
        <v>28707480924.063099</v>
      </c>
      <c r="AF800" s="53">
        <v>28926442426.5396</v>
      </c>
      <c r="AG800" s="53">
        <v>29124683129.836399</v>
      </c>
      <c r="AH800" s="53">
        <v>29314974079.6642</v>
      </c>
      <c r="AI800" s="53">
        <v>29518406045.427898</v>
      </c>
      <c r="AJ800" s="53">
        <v>29704077474.364201</v>
      </c>
      <c r="AK800" s="53">
        <v>29900086558.598202</v>
      </c>
      <c r="AL800" s="53">
        <v>30077646952.113998</v>
      </c>
      <c r="AM800" s="53">
        <v>30253635926.8395</v>
      </c>
      <c r="AN800" s="53">
        <v>28144418634.311798</v>
      </c>
      <c r="AO800" s="53">
        <v>30358325046.370201</v>
      </c>
      <c r="AP800" s="53">
        <v>30556096573.810101</v>
      </c>
      <c r="AQ800" s="53">
        <v>30774722851.346901</v>
      </c>
      <c r="AR800" s="53">
        <v>30990170222.998901</v>
      </c>
      <c r="AS800" s="53">
        <v>31205060389.5299</v>
      </c>
      <c r="AT800" s="53">
        <v>31427604999.478802</v>
      </c>
      <c r="AU800" s="53">
        <v>31638369243.301899</v>
      </c>
      <c r="AV800" s="53">
        <v>31860737981.086399</v>
      </c>
      <c r="AW800" s="53">
        <v>32098218240.958302</v>
      </c>
      <c r="AX800" s="53">
        <v>32253517110.403702</v>
      </c>
      <c r="AY800" s="53">
        <v>32481156811.705399</v>
      </c>
      <c r="AZ800" s="53">
        <v>32710105760.819801</v>
      </c>
      <c r="BA800" s="53">
        <v>30358325046.370201</v>
      </c>
      <c r="BB800" s="53">
        <v>32802672436.2771</v>
      </c>
      <c r="BC800" s="53">
        <v>32995760729.110001</v>
      </c>
      <c r="BD800" s="53">
        <v>33192035397.897202</v>
      </c>
      <c r="BE800" s="53">
        <v>33393927440.291901</v>
      </c>
      <c r="BF800" s="53">
        <v>33595608180.513199</v>
      </c>
      <c r="BG800" s="53">
        <v>33795022755.284901</v>
      </c>
      <c r="BH800" s="53">
        <v>33987087310.525902</v>
      </c>
      <c r="BI800" s="53">
        <v>34174030646.4324</v>
      </c>
      <c r="BJ800" s="53">
        <v>34409342590.257103</v>
      </c>
      <c r="BK800" s="53">
        <v>34623481496.850403</v>
      </c>
      <c r="BL800" s="53">
        <v>34840771896.435501</v>
      </c>
      <c r="BM800" s="53">
        <v>35056205008.483498</v>
      </c>
      <c r="BN800" s="53">
        <v>32802672436.2771</v>
      </c>
      <c r="BO800" s="53">
        <v>35175754368.019501</v>
      </c>
      <c r="BP800" s="53">
        <v>35361493239.176399</v>
      </c>
      <c r="BQ800" s="53">
        <v>35552465284.409798</v>
      </c>
      <c r="BR800" s="53">
        <v>35755600900.108398</v>
      </c>
      <c r="BS800" s="53">
        <v>35951908489.678101</v>
      </c>
      <c r="BT800" s="53">
        <v>36150331813.654701</v>
      </c>
      <c r="BU800" s="53">
        <v>36336021418.534897</v>
      </c>
      <c r="BV800" s="53">
        <v>36521228579.415604</v>
      </c>
      <c r="BW800" s="53">
        <v>36744167044.075302</v>
      </c>
      <c r="BX800" s="53">
        <v>36942489737.789398</v>
      </c>
      <c r="BY800" s="53">
        <v>37160741662.592697</v>
      </c>
      <c r="BZ800" s="53">
        <v>37379047548.631699</v>
      </c>
      <c r="CA800" s="53">
        <v>35175754368.019501</v>
      </c>
      <c r="CB800" s="53"/>
      <c r="CC800" s="53"/>
      <c r="CD800" s="53"/>
      <c r="CE800" s="53"/>
      <c r="CF800" s="53"/>
      <c r="CG800" s="53"/>
      <c r="CH800" s="53"/>
      <c r="CI800" s="53"/>
      <c r="CJ800" s="53"/>
      <c r="CK800" s="53"/>
      <c r="CL800" s="53"/>
      <c r="CM800" s="53"/>
      <c r="CN800" s="53"/>
    </row>
    <row r="801" spans="1:92" outlineLevel="1">
      <c r="A801" s="52" t="s">
        <v>699</v>
      </c>
      <c r="B801" s="53"/>
      <c r="C801" s="53"/>
      <c r="D801" s="53"/>
      <c r="E801" s="53"/>
      <c r="F801" s="53"/>
      <c r="G801" s="53"/>
      <c r="H801" s="53"/>
      <c r="I801" s="53"/>
      <c r="J801" s="53"/>
      <c r="K801" s="53"/>
      <c r="L801" s="53"/>
      <c r="M801" s="53"/>
      <c r="N801" s="53"/>
      <c r="O801" s="53"/>
      <c r="P801" s="53"/>
      <c r="Q801" s="53"/>
      <c r="R801" s="53"/>
      <c r="S801" s="53"/>
      <c r="T801" s="53"/>
      <c r="U801" s="53"/>
      <c r="V801" s="53"/>
      <c r="W801" s="53"/>
      <c r="X801" s="53"/>
      <c r="Y801" s="53"/>
      <c r="Z801" s="53"/>
      <c r="AA801" s="53"/>
      <c r="AB801" s="53"/>
      <c r="AC801" s="53"/>
      <c r="AD801" s="53"/>
      <c r="AE801" s="53"/>
      <c r="AF801" s="53"/>
      <c r="AG801" s="53"/>
      <c r="AH801" s="53"/>
      <c r="AI801" s="53"/>
      <c r="AJ801" s="53"/>
      <c r="AK801" s="53"/>
      <c r="AL801" s="53"/>
      <c r="AM801" s="53"/>
      <c r="AN801" s="53"/>
      <c r="AO801" s="53"/>
      <c r="AP801" s="53"/>
      <c r="AQ801" s="53"/>
      <c r="AR801" s="53"/>
      <c r="AS801" s="53"/>
      <c r="AT801" s="53"/>
      <c r="AU801" s="53"/>
      <c r="AV801" s="53"/>
      <c r="AW801" s="53"/>
      <c r="AX801" s="53"/>
      <c r="AY801" s="53"/>
      <c r="AZ801" s="53"/>
      <c r="BA801" s="53"/>
      <c r="BB801" s="53"/>
      <c r="BC801" s="53"/>
      <c r="BD801" s="53"/>
      <c r="BE801" s="53"/>
      <c r="BF801" s="53"/>
      <c r="BG801" s="53"/>
      <c r="BH801" s="53"/>
      <c r="BI801" s="53"/>
      <c r="BJ801" s="53"/>
      <c r="BK801" s="53"/>
      <c r="BL801" s="53"/>
      <c r="BM801" s="53"/>
      <c r="BN801" s="53"/>
      <c r="BO801" s="53"/>
      <c r="BP801" s="53"/>
      <c r="BQ801" s="53"/>
      <c r="BR801" s="53"/>
      <c r="BS801" s="53"/>
      <c r="BT801" s="53"/>
      <c r="BU801" s="53"/>
      <c r="BV801" s="53"/>
      <c r="BW801" s="53"/>
      <c r="BX801" s="53"/>
      <c r="BY801" s="53"/>
      <c r="BZ801" s="53"/>
      <c r="CA801" s="53"/>
      <c r="CB801" s="53"/>
      <c r="CC801" s="53"/>
      <c r="CD801" s="53"/>
      <c r="CE801" s="53"/>
      <c r="CF801" s="53"/>
      <c r="CG801" s="53"/>
      <c r="CH801" s="53"/>
      <c r="CI801" s="53"/>
      <c r="CJ801" s="53"/>
      <c r="CK801" s="53"/>
      <c r="CL801" s="53"/>
      <c r="CM801" s="53"/>
      <c r="CN801" s="53"/>
    </row>
    <row r="802" spans="1:92" outlineLevel="1">
      <c r="A802" s="52" t="s">
        <v>673</v>
      </c>
      <c r="B802" s="53"/>
      <c r="C802" s="53"/>
      <c r="D802" s="53"/>
      <c r="E802" s="53"/>
      <c r="F802" s="53"/>
      <c r="G802" s="53"/>
      <c r="H802" s="53"/>
      <c r="I802" s="53"/>
      <c r="J802" s="53"/>
      <c r="K802" s="53"/>
      <c r="L802" s="53"/>
      <c r="M802" s="53"/>
      <c r="N802" s="53"/>
      <c r="O802" s="53"/>
      <c r="P802" s="53"/>
      <c r="Q802" s="53"/>
      <c r="R802" s="53"/>
      <c r="S802" s="53"/>
      <c r="T802" s="53"/>
      <c r="U802" s="53"/>
      <c r="V802" s="53"/>
      <c r="W802" s="53"/>
      <c r="X802" s="53"/>
      <c r="Y802" s="53"/>
      <c r="Z802" s="53"/>
      <c r="AA802" s="53"/>
      <c r="AB802" s="53"/>
      <c r="AC802" s="53"/>
      <c r="AD802" s="53"/>
      <c r="AE802" s="53"/>
      <c r="AF802" s="53"/>
      <c r="AG802" s="53"/>
      <c r="AH802" s="53"/>
      <c r="AI802" s="53"/>
      <c r="AJ802" s="53"/>
      <c r="AK802" s="53"/>
      <c r="AL802" s="53"/>
      <c r="AM802" s="53"/>
      <c r="AN802" s="53"/>
      <c r="AO802" s="53"/>
      <c r="AP802" s="53"/>
      <c r="AQ802" s="53"/>
      <c r="AR802" s="53"/>
      <c r="AS802" s="53"/>
      <c r="AT802" s="53"/>
      <c r="AU802" s="53"/>
      <c r="AV802" s="53"/>
      <c r="AW802" s="53"/>
      <c r="AX802" s="53"/>
      <c r="AY802" s="53"/>
      <c r="AZ802" s="53"/>
      <c r="BA802" s="53"/>
      <c r="BB802" s="53"/>
      <c r="BC802" s="53"/>
      <c r="BD802" s="53"/>
      <c r="BE802" s="53"/>
      <c r="BF802" s="53"/>
      <c r="BG802" s="53"/>
      <c r="BH802" s="53"/>
      <c r="BI802" s="53"/>
      <c r="BJ802" s="53"/>
      <c r="BK802" s="53"/>
      <c r="BL802" s="53"/>
      <c r="BM802" s="53"/>
      <c r="BN802" s="53"/>
      <c r="BO802" s="53"/>
      <c r="BP802" s="53"/>
      <c r="BQ802" s="53"/>
      <c r="BR802" s="53"/>
      <c r="BS802" s="53"/>
      <c r="BT802" s="53"/>
      <c r="BU802" s="53"/>
      <c r="BV802" s="53"/>
      <c r="BW802" s="53"/>
      <c r="BX802" s="53"/>
      <c r="BY802" s="53"/>
      <c r="BZ802" s="53"/>
      <c r="CA802" s="53"/>
      <c r="CB802" s="53">
        <v>84849019.661116302</v>
      </c>
      <c r="CC802" s="53">
        <v>80638335.818622395</v>
      </c>
      <c r="CD802" s="53">
        <v>141855068.726616</v>
      </c>
      <c r="CE802" s="53">
        <v>65071067.381324001</v>
      </c>
      <c r="CF802" s="53">
        <v>64583708.528266102</v>
      </c>
      <c r="CG802" s="53">
        <v>533105490.71989799</v>
      </c>
      <c r="CH802" s="53">
        <v>84941868.224685103</v>
      </c>
      <c r="CI802" s="53">
        <v>81106711.098046005</v>
      </c>
      <c r="CJ802" s="53">
        <v>156861231.42036501</v>
      </c>
      <c r="CK802" s="53">
        <v>80791442.160578504</v>
      </c>
      <c r="CL802" s="53">
        <v>120740389.49302</v>
      </c>
      <c r="CM802" s="53">
        <v>659426696.48250496</v>
      </c>
      <c r="CN802" s="53">
        <v>2153971029.7150402</v>
      </c>
    </row>
    <row r="803" spans="1:92" outlineLevel="1">
      <c r="A803" s="52" t="s">
        <v>1352</v>
      </c>
      <c r="B803" s="53"/>
      <c r="C803" s="53"/>
      <c r="D803" s="53"/>
      <c r="E803" s="53"/>
      <c r="F803" s="53"/>
      <c r="G803" s="53"/>
      <c r="H803" s="53"/>
      <c r="I803" s="53"/>
      <c r="J803" s="53"/>
      <c r="K803" s="53"/>
      <c r="L803" s="53"/>
      <c r="M803" s="53"/>
      <c r="N803" s="53"/>
      <c r="O803" s="53"/>
      <c r="P803" s="53"/>
      <c r="Q803" s="53"/>
      <c r="R803" s="53"/>
      <c r="S803" s="53"/>
      <c r="T803" s="53"/>
      <c r="U803" s="53"/>
      <c r="V803" s="53"/>
      <c r="W803" s="53"/>
      <c r="X803" s="53"/>
      <c r="Y803" s="53"/>
      <c r="Z803" s="53"/>
      <c r="AA803" s="53"/>
      <c r="AB803" s="53"/>
      <c r="AC803" s="53"/>
      <c r="AD803" s="53"/>
      <c r="AE803" s="53"/>
      <c r="AF803" s="53"/>
      <c r="AG803" s="53"/>
      <c r="AH803" s="53"/>
      <c r="AI803" s="53"/>
      <c r="AJ803" s="53"/>
      <c r="AK803" s="53"/>
      <c r="AL803" s="53"/>
      <c r="AM803" s="53"/>
      <c r="AN803" s="53"/>
      <c r="AO803" s="53"/>
      <c r="AP803" s="53"/>
      <c r="AQ803" s="53"/>
      <c r="AR803" s="53"/>
      <c r="AS803" s="53"/>
      <c r="AT803" s="53"/>
      <c r="AU803" s="53"/>
      <c r="AV803" s="53"/>
      <c r="AW803" s="53"/>
      <c r="AX803" s="53"/>
      <c r="AY803" s="53"/>
      <c r="AZ803" s="53"/>
      <c r="BA803" s="53"/>
      <c r="BB803" s="53"/>
      <c r="BC803" s="53"/>
      <c r="BD803" s="53"/>
      <c r="BE803" s="53"/>
      <c r="BF803" s="53"/>
      <c r="BG803" s="53"/>
      <c r="BH803" s="53"/>
      <c r="BI803" s="53"/>
      <c r="BJ803" s="53"/>
      <c r="BK803" s="53"/>
      <c r="BL803" s="53"/>
      <c r="BM803" s="53"/>
      <c r="BN803" s="53"/>
      <c r="BO803" s="53"/>
      <c r="BP803" s="53"/>
      <c r="BQ803" s="53"/>
      <c r="BR803" s="53"/>
      <c r="BS803" s="53"/>
      <c r="BT803" s="53"/>
      <c r="BU803" s="53"/>
      <c r="BV803" s="53"/>
      <c r="BW803" s="53"/>
      <c r="BX803" s="53"/>
      <c r="BY803" s="53"/>
      <c r="BZ803" s="53"/>
      <c r="CA803" s="53"/>
      <c r="CB803" s="53"/>
      <c r="CC803" s="53"/>
      <c r="CD803" s="53"/>
      <c r="CE803" s="53"/>
      <c r="CF803" s="53"/>
      <c r="CG803" s="53"/>
      <c r="CH803" s="53"/>
      <c r="CI803" s="53"/>
      <c r="CJ803" s="53"/>
      <c r="CK803" s="53"/>
      <c r="CL803" s="53"/>
      <c r="CM803" s="53"/>
      <c r="CN803" s="53"/>
    </row>
    <row r="804" spans="1:92" outlineLevel="1">
      <c r="A804" s="52" t="s">
        <v>649</v>
      </c>
      <c r="B804" s="53">
        <v>103318560</v>
      </c>
      <c r="C804" s="53">
        <v>140744800</v>
      </c>
      <c r="D804" s="53">
        <v>167840800</v>
      </c>
      <c r="E804" s="53">
        <v>154284289.99999899</v>
      </c>
      <c r="F804" s="53">
        <v>258649349.99999899</v>
      </c>
      <c r="G804" s="53">
        <v>217434739.99999899</v>
      </c>
      <c r="H804" s="53">
        <v>159981630</v>
      </c>
      <c r="I804" s="53">
        <v>219280880</v>
      </c>
      <c r="J804" s="53">
        <v>207881169.99999899</v>
      </c>
      <c r="K804" s="53">
        <v>300386209.99999899</v>
      </c>
      <c r="L804" s="53">
        <v>221314649.99999899</v>
      </c>
      <c r="M804" s="53">
        <v>277317529.99999899</v>
      </c>
      <c r="N804" s="53">
        <v>2428434609.99999</v>
      </c>
      <c r="O804" s="53">
        <v>202182964.45534399</v>
      </c>
      <c r="P804" s="53">
        <v>200140742.50114399</v>
      </c>
      <c r="Q804" s="53">
        <v>224880906.00300401</v>
      </c>
      <c r="R804" s="53">
        <v>215662028.540364</v>
      </c>
      <c r="S804" s="53">
        <v>236964754.188384</v>
      </c>
      <c r="T804" s="53">
        <v>210502766.87760401</v>
      </c>
      <c r="U804" s="53">
        <v>192650990.52264401</v>
      </c>
      <c r="V804" s="53">
        <v>198396007.992064</v>
      </c>
      <c r="W804" s="53">
        <v>202106724.176404</v>
      </c>
      <c r="X804" s="53">
        <v>226400334.869784</v>
      </c>
      <c r="Y804" s="53">
        <v>193205210.20152399</v>
      </c>
      <c r="Z804" s="53">
        <v>191173151.02426401</v>
      </c>
      <c r="AA804" s="53">
        <v>2494266581.35253</v>
      </c>
      <c r="AB804" s="53">
        <v>192388974.96541899</v>
      </c>
      <c r="AC804" s="53">
        <v>214112456.02841899</v>
      </c>
      <c r="AD804" s="53">
        <v>213928053.10341901</v>
      </c>
      <c r="AE804" s="53">
        <v>229578835.82741901</v>
      </c>
      <c r="AF804" s="53">
        <v>209042806.501618</v>
      </c>
      <c r="AG804" s="53">
        <v>217084659.61661899</v>
      </c>
      <c r="AH804" s="53">
        <v>213660969.781719</v>
      </c>
      <c r="AI804" s="53">
        <v>225874169.684219</v>
      </c>
      <c r="AJ804" s="53">
        <v>215408911.337219</v>
      </c>
      <c r="AK804" s="53">
        <v>201256504.117118</v>
      </c>
      <c r="AL804" s="53">
        <v>201937395.66961801</v>
      </c>
      <c r="AM804" s="53">
        <v>211710386.04311901</v>
      </c>
      <c r="AN804" s="53">
        <v>2545984122.67592</v>
      </c>
      <c r="AO804" s="53">
        <v>214077903.15562001</v>
      </c>
      <c r="AP804" s="53">
        <v>230228065.455378</v>
      </c>
      <c r="AQ804" s="53">
        <v>235612805.31905299</v>
      </c>
      <c r="AR804" s="53">
        <v>230213062.99494401</v>
      </c>
      <c r="AS804" s="53">
        <v>235044967.080715</v>
      </c>
      <c r="AT804" s="53">
        <v>239547898.05966899</v>
      </c>
      <c r="AU804" s="53">
        <v>237150734.25046399</v>
      </c>
      <c r="AV804" s="53">
        <v>249960972.69338399</v>
      </c>
      <c r="AW804" s="53">
        <v>231465948.30120599</v>
      </c>
      <c r="AX804" s="53">
        <v>239814516.45315999</v>
      </c>
      <c r="AY804" s="53">
        <v>240531613.57706299</v>
      </c>
      <c r="AZ804" s="53">
        <v>237415825.78288001</v>
      </c>
      <c r="BA804" s="53">
        <v>2821064313.1235399</v>
      </c>
      <c r="BB804" s="53">
        <v>207362280.766691</v>
      </c>
      <c r="BC804" s="53">
        <v>208188989.72943401</v>
      </c>
      <c r="BD804" s="53">
        <v>221920911.534475</v>
      </c>
      <c r="BE804" s="53">
        <v>214308450.714614</v>
      </c>
      <c r="BF804" s="53">
        <v>217051179.10440999</v>
      </c>
      <c r="BG804" s="53">
        <v>218499721.95499</v>
      </c>
      <c r="BH804" s="53">
        <v>214827264.23712999</v>
      </c>
      <c r="BI804" s="53">
        <v>248586943.253598</v>
      </c>
      <c r="BJ804" s="53">
        <v>234522884.69373</v>
      </c>
      <c r="BK804" s="53">
        <v>230097223.01508799</v>
      </c>
      <c r="BL804" s="53">
        <v>227389398.61427501</v>
      </c>
      <c r="BM804" s="53">
        <v>223769915.66007099</v>
      </c>
      <c r="BN804" s="53">
        <v>2666525163.2785101</v>
      </c>
      <c r="BO804" s="53">
        <v>196823283.03911</v>
      </c>
      <c r="BP804" s="53">
        <v>202557655.77661699</v>
      </c>
      <c r="BQ804" s="53">
        <v>221557832.54507899</v>
      </c>
      <c r="BR804" s="53">
        <v>209186681.46915901</v>
      </c>
      <c r="BS804" s="53">
        <v>213231125.51449701</v>
      </c>
      <c r="BT804" s="53">
        <v>212223449.98424801</v>
      </c>
      <c r="BU804" s="53">
        <v>212294827.970319</v>
      </c>
      <c r="BV804" s="53">
        <v>236399547.18014899</v>
      </c>
      <c r="BW804" s="53">
        <v>219211910.374006</v>
      </c>
      <c r="BX804" s="53">
        <v>236643794.76525199</v>
      </c>
      <c r="BY804" s="53">
        <v>231045801.89569601</v>
      </c>
      <c r="BZ804" s="53">
        <v>223343033.79452601</v>
      </c>
      <c r="CA804" s="53">
        <v>2614518944.30866</v>
      </c>
      <c r="CB804" s="53">
        <v>-15710272.7989663</v>
      </c>
      <c r="CC804" s="53">
        <v>-17399396.434068099</v>
      </c>
      <c r="CD804" s="53">
        <v>-21624700.480832901</v>
      </c>
      <c r="CE804" s="53">
        <v>-15896218.8440332</v>
      </c>
      <c r="CF804" s="53">
        <v>-15827346.7604503</v>
      </c>
      <c r="CG804" s="53">
        <v>-27659435.681952599</v>
      </c>
      <c r="CH804" s="53">
        <v>-16288409.9248577</v>
      </c>
      <c r="CI804" s="53">
        <v>-15840655.745694</v>
      </c>
      <c r="CJ804" s="53">
        <v>-21441702.350702502</v>
      </c>
      <c r="CK804" s="53">
        <v>-15825382.0499967</v>
      </c>
      <c r="CL804" s="53">
        <v>-19499496.825794902</v>
      </c>
      <c r="CM804" s="53">
        <v>-80831761.358135104</v>
      </c>
      <c r="CN804" s="53">
        <v>-283844779.25548398</v>
      </c>
    </row>
    <row r="805" spans="1:92" outlineLevel="1">
      <c r="A805" s="52" t="s">
        <v>674</v>
      </c>
      <c r="B805" s="53"/>
      <c r="C805" s="53"/>
      <c r="D805" s="53"/>
      <c r="E805" s="53"/>
      <c r="F805" s="53"/>
      <c r="G805" s="53"/>
      <c r="H805" s="53"/>
      <c r="I805" s="53"/>
      <c r="J805" s="53"/>
      <c r="K805" s="53"/>
      <c r="L805" s="53"/>
      <c r="M805" s="53"/>
      <c r="N805" s="53"/>
      <c r="O805" s="53"/>
      <c r="P805" s="53"/>
      <c r="Q805" s="53"/>
      <c r="R805" s="53"/>
      <c r="S805" s="53"/>
      <c r="T805" s="53"/>
      <c r="U805" s="53"/>
      <c r="V805" s="53"/>
      <c r="W805" s="53"/>
      <c r="X805" s="53"/>
      <c r="Y805" s="53"/>
      <c r="Z805" s="53"/>
      <c r="AA805" s="53"/>
      <c r="AB805" s="53"/>
      <c r="AC805" s="53"/>
      <c r="AD805" s="53"/>
      <c r="AE805" s="53"/>
      <c r="AF805" s="53"/>
      <c r="AG805" s="53"/>
      <c r="AH805" s="53"/>
      <c r="AI805" s="53"/>
      <c r="AJ805" s="53"/>
      <c r="AK805" s="53"/>
      <c r="AL805" s="53"/>
      <c r="AM805" s="53"/>
      <c r="AN805" s="53"/>
      <c r="AO805" s="53"/>
      <c r="AP805" s="53"/>
      <c r="AQ805" s="53"/>
      <c r="AR805" s="53"/>
      <c r="AS805" s="53"/>
      <c r="AT805" s="53"/>
      <c r="AU805" s="53"/>
      <c r="AV805" s="53"/>
      <c r="AW805" s="53"/>
      <c r="AX805" s="53"/>
      <c r="AY805" s="53"/>
      <c r="AZ805" s="53"/>
      <c r="BA805" s="53"/>
      <c r="BB805" s="53"/>
      <c r="BC805" s="53"/>
      <c r="BD805" s="53"/>
      <c r="BE805" s="53"/>
      <c r="BF805" s="53"/>
      <c r="BG805" s="53"/>
      <c r="BH805" s="53"/>
      <c r="BI805" s="53"/>
      <c r="BJ805" s="53"/>
      <c r="BK805" s="53"/>
      <c r="BL805" s="53"/>
      <c r="BM805" s="53"/>
      <c r="BN805" s="53"/>
      <c r="BO805" s="53"/>
      <c r="BP805" s="53"/>
      <c r="BQ805" s="53"/>
      <c r="BR805" s="53"/>
      <c r="BS805" s="53"/>
      <c r="BT805" s="53"/>
      <c r="BU805" s="53"/>
      <c r="BV805" s="53"/>
      <c r="BW805" s="53"/>
      <c r="BX805" s="53"/>
      <c r="BY805" s="53"/>
      <c r="BZ805" s="53"/>
      <c r="CA805" s="53"/>
      <c r="CB805" s="53"/>
      <c r="CC805" s="53"/>
      <c r="CD805" s="53"/>
      <c r="CE805" s="53"/>
      <c r="CF805" s="53"/>
      <c r="CG805" s="53"/>
      <c r="CH805" s="53"/>
      <c r="CI805" s="53"/>
      <c r="CJ805" s="53"/>
      <c r="CK805" s="53"/>
      <c r="CL805" s="53"/>
      <c r="CM805" s="53"/>
      <c r="CN805" s="53"/>
    </row>
    <row r="806" spans="1:92" outlineLevel="1">
      <c r="A806" s="52" t="s">
        <v>649</v>
      </c>
      <c r="B806" s="53">
        <v>659509.99999999895</v>
      </c>
      <c r="C806" s="53">
        <v>693460</v>
      </c>
      <c r="D806" s="53">
        <v>768239.99999999895</v>
      </c>
      <c r="E806" s="53">
        <v>769809.99999999895</v>
      </c>
      <c r="F806" s="53">
        <v>675849.99999999895</v>
      </c>
      <c r="G806" s="53">
        <v>649280</v>
      </c>
      <c r="H806" s="53">
        <v>480100</v>
      </c>
      <c r="I806" s="53">
        <v>406610</v>
      </c>
      <c r="J806" s="53">
        <v>359680</v>
      </c>
      <c r="K806" s="53">
        <v>351859.99999999901</v>
      </c>
      <c r="L806" s="53">
        <v>402550</v>
      </c>
      <c r="M806" s="53">
        <v>423819.99999999901</v>
      </c>
      <c r="N806" s="53">
        <v>6640769.9999999898</v>
      </c>
      <c r="O806" s="53">
        <v>469075.49381196802</v>
      </c>
      <c r="P806" s="53">
        <v>514533.18557887501</v>
      </c>
      <c r="Q806" s="53">
        <v>546684.14014808601</v>
      </c>
      <c r="R806" s="53">
        <v>571537.42212952406</v>
      </c>
      <c r="S806" s="53">
        <v>434018.48589882901</v>
      </c>
      <c r="T806" s="53">
        <v>461650.855758561</v>
      </c>
      <c r="U806" s="53">
        <v>485421.43484528299</v>
      </c>
      <c r="V806" s="53">
        <v>508300.62828345899</v>
      </c>
      <c r="W806" s="53">
        <v>530751.76839785499</v>
      </c>
      <c r="X806" s="53">
        <v>556818.50764614297</v>
      </c>
      <c r="Y806" s="53">
        <v>585975.158550789</v>
      </c>
      <c r="Z806" s="53">
        <v>612168.84344826604</v>
      </c>
      <c r="AA806" s="53">
        <v>6276935.9244976398</v>
      </c>
      <c r="AB806" s="53">
        <v>629646.84760394902</v>
      </c>
      <c r="AC806" s="53">
        <v>386002.92051833402</v>
      </c>
      <c r="AD806" s="53">
        <v>409161.31784538599</v>
      </c>
      <c r="AE806" s="53">
        <v>431669.12717703503</v>
      </c>
      <c r="AF806" s="53">
        <v>453970.72370911698</v>
      </c>
      <c r="AG806" s="53">
        <v>475548.87893423298</v>
      </c>
      <c r="AH806" s="53">
        <v>497348.59376690502</v>
      </c>
      <c r="AI806" s="53">
        <v>517766.12873328797</v>
      </c>
      <c r="AJ806" s="53">
        <v>539082.07158123597</v>
      </c>
      <c r="AK806" s="53">
        <v>367469.142248191</v>
      </c>
      <c r="AL806" s="53">
        <v>382530.85720435699</v>
      </c>
      <c r="AM806" s="53">
        <v>161548.96074721299</v>
      </c>
      <c r="AN806" s="53">
        <v>5251745.5700692497</v>
      </c>
      <c r="AO806" s="53">
        <v>165747.99787365401</v>
      </c>
      <c r="AP806" s="53">
        <v>171676.72019238601</v>
      </c>
      <c r="AQ806" s="53">
        <v>176681.904824992</v>
      </c>
      <c r="AR806" s="53">
        <v>181732.04937467899</v>
      </c>
      <c r="AS806" s="53">
        <v>186459.19055793001</v>
      </c>
      <c r="AT806" s="53">
        <v>191039.59711827699</v>
      </c>
      <c r="AU806" s="53">
        <v>196115.94614693301</v>
      </c>
      <c r="AV806" s="53">
        <v>201153.25668833099</v>
      </c>
      <c r="AW806" s="53">
        <v>206532.43743080701</v>
      </c>
      <c r="AX806" s="53">
        <v>211667.60756329601</v>
      </c>
      <c r="AY806" s="53">
        <v>215837.38486479199</v>
      </c>
      <c r="AZ806" s="53">
        <v>33643.239406726301</v>
      </c>
      <c r="BA806" s="53">
        <v>2138287.33204281</v>
      </c>
      <c r="BB806" s="53">
        <v>34123.487734871</v>
      </c>
      <c r="BC806" s="53">
        <v>40505.060553925403</v>
      </c>
      <c r="BD806" s="53">
        <v>52269.287573822803</v>
      </c>
      <c r="BE806" s="53">
        <v>64127.903262057</v>
      </c>
      <c r="BF806" s="53">
        <v>76081.928462397307</v>
      </c>
      <c r="BG806" s="53">
        <v>88132.397223583102</v>
      </c>
      <c r="BH806" s="53">
        <v>100280.356992029</v>
      </c>
      <c r="BI806" s="53">
        <v>112526.868807579</v>
      </c>
      <c r="BJ806" s="53">
        <v>124873.00750235999</v>
      </c>
      <c r="BK806" s="53">
        <v>137319.86190318799</v>
      </c>
      <c r="BL806" s="53">
        <v>149868.53503674999</v>
      </c>
      <c r="BM806" s="53">
        <v>162520.14433868899</v>
      </c>
      <c r="BN806" s="53">
        <v>1142628.8393912499</v>
      </c>
      <c r="BO806" s="53">
        <v>172296.31591302899</v>
      </c>
      <c r="BP806" s="53">
        <v>185313.97451285401</v>
      </c>
      <c r="BQ806" s="53">
        <v>32358.934880170302</v>
      </c>
      <c r="BR806" s="53">
        <v>38282.608624829998</v>
      </c>
      <c r="BS806" s="53">
        <v>44253.834543143799</v>
      </c>
      <c r="BT806" s="53">
        <v>50273.127764053403</v>
      </c>
      <c r="BU806" s="53">
        <v>56341.010090416399</v>
      </c>
      <c r="BV806" s="53">
        <v>62458.010096514503</v>
      </c>
      <c r="BW806" s="53">
        <v>68624.663227103694</v>
      </c>
      <c r="BX806" s="53">
        <v>74841.511898255107</v>
      </c>
      <c r="BY806" s="53">
        <v>81109.1055995426</v>
      </c>
      <c r="BZ806" s="53">
        <v>87428.000998212199</v>
      </c>
      <c r="CA806" s="53">
        <v>953581.09814812604</v>
      </c>
      <c r="CB806" s="53"/>
      <c r="CC806" s="53"/>
      <c r="CD806" s="53"/>
      <c r="CE806" s="53"/>
      <c r="CF806" s="53"/>
      <c r="CG806" s="53"/>
      <c r="CH806" s="53"/>
      <c r="CI806" s="53"/>
      <c r="CJ806" s="53"/>
      <c r="CK806" s="53"/>
      <c r="CL806" s="53"/>
      <c r="CM806" s="53"/>
      <c r="CN806" s="53"/>
    </row>
    <row r="807" spans="1:92" outlineLevel="1">
      <c r="A807" s="52" t="s">
        <v>1353</v>
      </c>
      <c r="B807" s="53"/>
      <c r="C807" s="53"/>
      <c r="D807" s="53"/>
      <c r="E807" s="53"/>
      <c r="F807" s="53"/>
      <c r="G807" s="53"/>
      <c r="H807" s="53"/>
      <c r="I807" s="53"/>
      <c r="J807" s="53"/>
      <c r="K807" s="53"/>
      <c r="L807" s="53"/>
      <c r="M807" s="53"/>
      <c r="N807" s="53"/>
      <c r="O807" s="53"/>
      <c r="P807" s="53"/>
      <c r="Q807" s="53"/>
      <c r="R807" s="53"/>
      <c r="S807" s="53"/>
      <c r="T807" s="53"/>
      <c r="U807" s="53"/>
      <c r="V807" s="53"/>
      <c r="W807" s="53"/>
      <c r="X807" s="53"/>
      <c r="Y807" s="53"/>
      <c r="Z807" s="53"/>
      <c r="AA807" s="53"/>
      <c r="AB807" s="53"/>
      <c r="AC807" s="53"/>
      <c r="AD807" s="53"/>
      <c r="AE807" s="53"/>
      <c r="AF807" s="53"/>
      <c r="AG807" s="53"/>
      <c r="AH807" s="53"/>
      <c r="AI807" s="53"/>
      <c r="AJ807" s="53"/>
      <c r="AK807" s="53"/>
      <c r="AL807" s="53"/>
      <c r="AM807" s="53"/>
      <c r="AN807" s="53"/>
      <c r="AO807" s="53"/>
      <c r="AP807" s="53"/>
      <c r="AQ807" s="53"/>
      <c r="AR807" s="53"/>
      <c r="AS807" s="53"/>
      <c r="AT807" s="53"/>
      <c r="AU807" s="53"/>
      <c r="AV807" s="53"/>
      <c r="AW807" s="53"/>
      <c r="AX807" s="53"/>
      <c r="AY807" s="53"/>
      <c r="AZ807" s="53"/>
      <c r="BA807" s="53"/>
      <c r="BB807" s="53"/>
      <c r="BC807" s="53"/>
      <c r="BD807" s="53"/>
      <c r="BE807" s="53"/>
      <c r="BF807" s="53"/>
      <c r="BG807" s="53"/>
      <c r="BH807" s="53"/>
      <c r="BI807" s="53"/>
      <c r="BJ807" s="53"/>
      <c r="BK807" s="53"/>
      <c r="BL807" s="53"/>
      <c r="BM807" s="53"/>
      <c r="BN807" s="53"/>
      <c r="BO807" s="53"/>
      <c r="BP807" s="53"/>
      <c r="BQ807" s="53"/>
      <c r="BR807" s="53"/>
      <c r="BS807" s="53"/>
      <c r="BT807" s="53"/>
      <c r="BU807" s="53"/>
      <c r="BV807" s="53"/>
      <c r="BW807" s="53"/>
      <c r="BX807" s="53"/>
      <c r="BY807" s="53"/>
      <c r="BZ807" s="53"/>
      <c r="CA807" s="53"/>
      <c r="CB807" s="53">
        <v>3372083.3333333302</v>
      </c>
      <c r="CC807" s="53">
        <v>3372083.3333333302</v>
      </c>
      <c r="CD807" s="53">
        <v>3372083.3333333302</v>
      </c>
      <c r="CE807" s="53">
        <v>3372083.3333333302</v>
      </c>
      <c r="CF807" s="53">
        <v>3372083.3333333302</v>
      </c>
      <c r="CG807" s="53">
        <v>3372083.3333333302</v>
      </c>
      <c r="CH807" s="53">
        <v>3372083.3333333302</v>
      </c>
      <c r="CI807" s="53">
        <v>3372083.3333333302</v>
      </c>
      <c r="CJ807" s="53">
        <v>3372083.3333333302</v>
      </c>
      <c r="CK807" s="53">
        <v>3372083.3333333302</v>
      </c>
      <c r="CL807" s="53">
        <v>3372083.3333333302</v>
      </c>
      <c r="CM807" s="53">
        <v>3372083.3333333302</v>
      </c>
      <c r="CN807" s="53">
        <v>40465000</v>
      </c>
    </row>
    <row r="808" spans="1:92" outlineLevel="1">
      <c r="A808" s="52" t="s">
        <v>649</v>
      </c>
      <c r="B808" s="53">
        <v>1622560</v>
      </c>
      <c r="C808" s="53">
        <v>1691760</v>
      </c>
      <c r="D808" s="53">
        <v>1904310</v>
      </c>
      <c r="E808" s="53">
        <v>1893910</v>
      </c>
      <c r="F808" s="53">
        <v>1662800</v>
      </c>
      <c r="G808" s="53">
        <v>1600369.99999999</v>
      </c>
      <c r="H808" s="53">
        <v>1181150</v>
      </c>
      <c r="I808" s="53">
        <v>1000329.99999999</v>
      </c>
      <c r="J808" s="53">
        <v>895980</v>
      </c>
      <c r="K808" s="53">
        <v>876529.99999999895</v>
      </c>
      <c r="L808" s="53">
        <v>1002770</v>
      </c>
      <c r="M808" s="53">
        <v>1055530</v>
      </c>
      <c r="N808" s="53">
        <v>16388000</v>
      </c>
      <c r="O808" s="53">
        <v>1213230.10722226</v>
      </c>
      <c r="P808" s="53">
        <v>1333817.43931296</v>
      </c>
      <c r="Q808" s="53">
        <v>1420371.8023036099</v>
      </c>
      <c r="R808" s="53">
        <v>1488307.9619535401</v>
      </c>
      <c r="S808" s="53">
        <v>1132762.6668505401</v>
      </c>
      <c r="T808" s="53">
        <v>1207610.5845894199</v>
      </c>
      <c r="U808" s="53">
        <v>1272666.9964364599</v>
      </c>
      <c r="V808" s="53">
        <v>1335669.6107872201</v>
      </c>
      <c r="W808" s="53">
        <v>1397823.74817533</v>
      </c>
      <c r="X808" s="53">
        <v>1469796.4463434899</v>
      </c>
      <c r="Y808" s="53">
        <v>1550262.7165203199</v>
      </c>
      <c r="Z808" s="53">
        <v>1623229.3466004401</v>
      </c>
      <c r="AA808" s="53">
        <v>16445549.427095599</v>
      </c>
      <c r="AB808" s="53">
        <v>1628536.39234651</v>
      </c>
      <c r="AC808" s="53">
        <v>1000630.1662231</v>
      </c>
      <c r="AD808" s="53">
        <v>1063065.7737821799</v>
      </c>
      <c r="AE808" s="53">
        <v>1124084.9225818799</v>
      </c>
      <c r="AF808" s="53">
        <v>1184836.8315369</v>
      </c>
      <c r="AG808" s="53">
        <v>1243965.76444549</v>
      </c>
      <c r="AH808" s="53">
        <v>1303937.35334939</v>
      </c>
      <c r="AI808" s="53">
        <v>1360542.25622231</v>
      </c>
      <c r="AJ808" s="53">
        <v>1419762.99795754</v>
      </c>
      <c r="AK808" s="53">
        <v>969983.63380643597</v>
      </c>
      <c r="AL808" s="53">
        <v>1012028.09912474</v>
      </c>
      <c r="AM808" s="53">
        <v>428363.86857025803</v>
      </c>
      <c r="AN808" s="53">
        <v>13739738.059946701</v>
      </c>
      <c r="AO808" s="53">
        <v>428695.30360231898</v>
      </c>
      <c r="AP808" s="53">
        <v>445035.24696670199</v>
      </c>
      <c r="AQ808" s="53">
        <v>459047.51420579402</v>
      </c>
      <c r="AR808" s="53">
        <v>473238.05153247598</v>
      </c>
      <c r="AS808" s="53">
        <v>486647.497324411</v>
      </c>
      <c r="AT808" s="53">
        <v>499731.424036148</v>
      </c>
      <c r="AU808" s="53">
        <v>514172.37521796598</v>
      </c>
      <c r="AV808" s="53">
        <v>528573.59822041704</v>
      </c>
      <c r="AW808" s="53">
        <v>543937.793520284</v>
      </c>
      <c r="AX808" s="53">
        <v>558724.77859566896</v>
      </c>
      <c r="AY808" s="53">
        <v>571021.90375214396</v>
      </c>
      <c r="AZ808" s="53">
        <v>89208.547779216897</v>
      </c>
      <c r="BA808" s="53">
        <v>5598034.0347535498</v>
      </c>
      <c r="BB808" s="53">
        <v>88257.952567376298</v>
      </c>
      <c r="BC808" s="53">
        <v>105000.722327504</v>
      </c>
      <c r="BD808" s="53">
        <v>135803.870542588</v>
      </c>
      <c r="BE808" s="53">
        <v>166991.81070715</v>
      </c>
      <c r="BF808" s="53">
        <v>198569.34896613299</v>
      </c>
      <c r="BG808" s="53">
        <v>230541.35913505199</v>
      </c>
      <c r="BH808" s="53">
        <v>262912.78376551101</v>
      </c>
      <c r="BI808" s="53">
        <v>295688.63522928703</v>
      </c>
      <c r="BJ808" s="53">
        <v>328873.99682111002</v>
      </c>
      <c r="BK808" s="53">
        <v>362474.02388059499</v>
      </c>
      <c r="BL808" s="53">
        <v>396493.94493376999</v>
      </c>
      <c r="BM808" s="53">
        <v>430939.06285446999</v>
      </c>
      <c r="BN808" s="53">
        <v>3002547.5117305499</v>
      </c>
      <c r="BO808" s="53">
        <v>445632.05835041997</v>
      </c>
      <c r="BP808" s="53">
        <v>480386.91746492498</v>
      </c>
      <c r="BQ808" s="53">
        <v>84073.627312331999</v>
      </c>
      <c r="BR808" s="53">
        <v>99689.554899825598</v>
      </c>
      <c r="BS808" s="53">
        <v>115499.899806432</v>
      </c>
      <c r="BT808" s="53">
        <v>131507.09123788201</v>
      </c>
      <c r="BU808" s="53">
        <v>147713.59264516199</v>
      </c>
      <c r="BV808" s="53">
        <v>164121.902264567</v>
      </c>
      <c r="BW808" s="53">
        <v>180734.553667042</v>
      </c>
      <c r="BX808" s="53">
        <v>197554.116317081</v>
      </c>
      <c r="BY808" s="53">
        <v>214583.19614138</v>
      </c>
      <c r="BZ808" s="53">
        <v>231824.43610739501</v>
      </c>
      <c r="CA808" s="53">
        <v>2493320.9462144398</v>
      </c>
      <c r="CB808" s="53"/>
      <c r="CC808" s="53"/>
      <c r="CD808" s="53"/>
      <c r="CE808" s="53"/>
      <c r="CF808" s="53"/>
      <c r="CG808" s="53"/>
      <c r="CH808" s="53"/>
      <c r="CI808" s="53"/>
      <c r="CJ808" s="53"/>
      <c r="CK808" s="53"/>
      <c r="CL808" s="53"/>
      <c r="CM808" s="53"/>
      <c r="CN808" s="53"/>
    </row>
    <row r="809" spans="1:92" outlineLevel="1">
      <c r="A809" s="52" t="s">
        <v>1354</v>
      </c>
      <c r="B809" s="53"/>
      <c r="C809" s="53"/>
      <c r="D809" s="53"/>
      <c r="E809" s="53"/>
      <c r="F809" s="53"/>
      <c r="G809" s="53"/>
      <c r="H809" s="53"/>
      <c r="I809" s="53"/>
      <c r="J809" s="53"/>
      <c r="K809" s="53"/>
      <c r="L809" s="53"/>
      <c r="M809" s="53"/>
      <c r="N809" s="53"/>
      <c r="O809" s="53"/>
      <c r="P809" s="53"/>
      <c r="Q809" s="53"/>
      <c r="R809" s="53"/>
      <c r="S809" s="53"/>
      <c r="T809" s="53"/>
      <c r="U809" s="53"/>
      <c r="V809" s="53"/>
      <c r="W809" s="53"/>
      <c r="X809" s="53"/>
      <c r="Y809" s="53"/>
      <c r="Z809" s="53"/>
      <c r="AA809" s="53"/>
      <c r="AB809" s="53"/>
      <c r="AC809" s="53"/>
      <c r="AD809" s="53"/>
      <c r="AE809" s="53"/>
      <c r="AF809" s="53"/>
      <c r="AG809" s="53"/>
      <c r="AH809" s="53"/>
      <c r="AI809" s="53"/>
      <c r="AJ809" s="53"/>
      <c r="AK809" s="53"/>
      <c r="AL809" s="53"/>
      <c r="AM809" s="53"/>
      <c r="AN809" s="53"/>
      <c r="AO809" s="53"/>
      <c r="AP809" s="53"/>
      <c r="AQ809" s="53"/>
      <c r="AR809" s="53"/>
      <c r="AS809" s="53"/>
      <c r="AT809" s="53"/>
      <c r="AU809" s="53"/>
      <c r="AV809" s="53"/>
      <c r="AW809" s="53"/>
      <c r="AX809" s="53"/>
      <c r="AY809" s="53"/>
      <c r="AZ809" s="53"/>
      <c r="BA809" s="53"/>
      <c r="BB809" s="53"/>
      <c r="BC809" s="53"/>
      <c r="BD809" s="53"/>
      <c r="BE809" s="53"/>
      <c r="BF809" s="53"/>
      <c r="BG809" s="53"/>
      <c r="BH809" s="53"/>
      <c r="BI809" s="53"/>
      <c r="BJ809" s="53"/>
      <c r="BK809" s="53"/>
      <c r="BL809" s="53"/>
      <c r="BM809" s="53"/>
      <c r="BN809" s="53"/>
      <c r="BO809" s="53"/>
      <c r="BP809" s="53"/>
      <c r="BQ809" s="53"/>
      <c r="BR809" s="53"/>
      <c r="BS809" s="53"/>
      <c r="BT809" s="53"/>
      <c r="BU809" s="53"/>
      <c r="BV809" s="53"/>
      <c r="BW809" s="53"/>
      <c r="BX809" s="53"/>
      <c r="BY809" s="53"/>
      <c r="BZ809" s="53"/>
      <c r="CA809" s="53"/>
      <c r="CB809" s="53"/>
      <c r="CC809" s="53"/>
      <c r="CD809" s="53"/>
      <c r="CE809" s="53"/>
      <c r="CF809" s="53"/>
      <c r="CG809" s="53"/>
      <c r="CH809" s="53"/>
      <c r="CI809" s="53"/>
      <c r="CJ809" s="53"/>
      <c r="CK809" s="53"/>
      <c r="CL809" s="53"/>
      <c r="CM809" s="53"/>
      <c r="CN809" s="53"/>
    </row>
    <row r="810" spans="1:92" outlineLevel="1">
      <c r="A810" s="52" t="s">
        <v>649</v>
      </c>
      <c r="B810" s="53">
        <v>108408590</v>
      </c>
      <c r="C810" s="53">
        <v>111452680</v>
      </c>
      <c r="D810" s="53">
        <v>108808290</v>
      </c>
      <c r="E810" s="53">
        <v>134312200</v>
      </c>
      <c r="F810" s="53">
        <v>174416479.99999899</v>
      </c>
      <c r="G810" s="53">
        <v>413112169.99999899</v>
      </c>
      <c r="H810" s="53">
        <v>117550719.999999</v>
      </c>
      <c r="I810" s="53">
        <v>227291620</v>
      </c>
      <c r="J810" s="53">
        <v>121978579.999999</v>
      </c>
      <c r="K810" s="53">
        <v>155036370</v>
      </c>
      <c r="L810" s="53">
        <v>139047400</v>
      </c>
      <c r="M810" s="53">
        <v>194937180</v>
      </c>
      <c r="N810" s="53">
        <v>2006352280</v>
      </c>
      <c r="O810" s="53">
        <v>121166551.26905499</v>
      </c>
      <c r="P810" s="53">
        <v>150508708.96385899</v>
      </c>
      <c r="Q810" s="53">
        <v>584839899.55322599</v>
      </c>
      <c r="R810" s="53">
        <v>162012601.07420599</v>
      </c>
      <c r="S810" s="53">
        <v>275921187.15354598</v>
      </c>
      <c r="T810" s="53">
        <v>179277684.60468599</v>
      </c>
      <c r="U810" s="53">
        <v>91157880.287887096</v>
      </c>
      <c r="V810" s="53">
        <v>60384097.543088503</v>
      </c>
      <c r="W810" s="53">
        <v>135313618.62082499</v>
      </c>
      <c r="X810" s="53">
        <v>69191707.508709207</v>
      </c>
      <c r="Y810" s="53">
        <v>112144689.447539</v>
      </c>
      <c r="Z810" s="53">
        <v>678172992.36010301</v>
      </c>
      <c r="AA810" s="53">
        <v>2620091618.3867302</v>
      </c>
      <c r="AB810" s="53">
        <v>266067655.00898799</v>
      </c>
      <c r="AC810" s="53">
        <v>238408943.78914601</v>
      </c>
      <c r="AD810" s="53">
        <v>175465646.61439699</v>
      </c>
      <c r="AE810" s="53">
        <v>57570782.029548503</v>
      </c>
      <c r="AF810" s="53">
        <v>73965135.707148105</v>
      </c>
      <c r="AG810" s="53">
        <v>373946571.15931898</v>
      </c>
      <c r="AH810" s="53">
        <v>60619101.111657202</v>
      </c>
      <c r="AI810" s="53">
        <v>91459210.294759095</v>
      </c>
      <c r="AJ810" s="53">
        <v>147675373.26558101</v>
      </c>
      <c r="AK810" s="53">
        <v>197326577.30836299</v>
      </c>
      <c r="AL810" s="53">
        <v>136112309.40782699</v>
      </c>
      <c r="AM810" s="53">
        <v>986562991.128142</v>
      </c>
      <c r="AN810" s="53">
        <v>2805180296.8248701</v>
      </c>
      <c r="AO810" s="53">
        <v>99330194.873363599</v>
      </c>
      <c r="AP810" s="53">
        <v>53607959.479258999</v>
      </c>
      <c r="AQ810" s="53">
        <v>348435671.40704</v>
      </c>
      <c r="AR810" s="53">
        <v>100822069.088377</v>
      </c>
      <c r="AS810" s="53">
        <v>77276734.745471194</v>
      </c>
      <c r="AT810" s="53">
        <v>229717657.94964299</v>
      </c>
      <c r="AU810" s="53">
        <v>67882062.571247905</v>
      </c>
      <c r="AV810" s="53">
        <v>85671038.329333007</v>
      </c>
      <c r="AW810" s="53">
        <v>305261101.91206098</v>
      </c>
      <c r="AX810" s="53">
        <v>64980692.080906101</v>
      </c>
      <c r="AY810" s="53">
        <v>69542646.300630406</v>
      </c>
      <c r="AZ810" s="53">
        <v>1667714670.14533</v>
      </c>
      <c r="BA810" s="53">
        <v>3170242498.8826699</v>
      </c>
      <c r="BB810" s="53">
        <v>77466925.638372093</v>
      </c>
      <c r="BC810" s="53">
        <v>58265475.404640198</v>
      </c>
      <c r="BD810" s="53">
        <v>139476285.88325199</v>
      </c>
      <c r="BE810" s="53">
        <v>62032188.568349697</v>
      </c>
      <c r="BF810" s="53">
        <v>114991245.84185401</v>
      </c>
      <c r="BG810" s="53">
        <v>539921293.44122601</v>
      </c>
      <c r="BH810" s="53">
        <v>209220037.63718501</v>
      </c>
      <c r="BI810" s="53">
        <v>108548715.048696</v>
      </c>
      <c r="BJ810" s="53">
        <v>162883292.006643</v>
      </c>
      <c r="BK810" s="53">
        <v>86681716.513938695</v>
      </c>
      <c r="BL810" s="53">
        <v>91679468.020124897</v>
      </c>
      <c r="BM810" s="53">
        <v>574199851.305035</v>
      </c>
      <c r="BN810" s="53">
        <v>2225366495.30932</v>
      </c>
      <c r="BO810" s="53">
        <v>50156018.192467302</v>
      </c>
      <c r="BP810" s="53">
        <v>54814052.482335098</v>
      </c>
      <c r="BQ810" s="53">
        <v>238750029.86870101</v>
      </c>
      <c r="BR810" s="53">
        <v>67595378.712641701</v>
      </c>
      <c r="BS810" s="53">
        <v>88739205.807381794</v>
      </c>
      <c r="BT810" s="53">
        <v>534196520.81503803</v>
      </c>
      <c r="BU810" s="53">
        <v>235302756.47542199</v>
      </c>
      <c r="BV810" s="53">
        <v>91558132.615362301</v>
      </c>
      <c r="BW810" s="53">
        <v>169523560.05052301</v>
      </c>
      <c r="BX810" s="53">
        <v>149244843.85922101</v>
      </c>
      <c r="BY810" s="53">
        <v>93476718.409495801</v>
      </c>
      <c r="BZ810" s="53">
        <v>457145515.01068503</v>
      </c>
      <c r="CA810" s="53">
        <v>2230502732.2992702</v>
      </c>
      <c r="CB810" s="53"/>
      <c r="CC810" s="53"/>
      <c r="CD810" s="53"/>
      <c r="CE810" s="53"/>
      <c r="CF810" s="53"/>
      <c r="CG810" s="53"/>
      <c r="CH810" s="53"/>
      <c r="CI810" s="53"/>
      <c r="CJ810" s="53"/>
      <c r="CK810" s="53"/>
      <c r="CL810" s="53"/>
      <c r="CM810" s="53"/>
      <c r="CN810" s="53"/>
    </row>
    <row r="811" spans="1:92" outlineLevel="1">
      <c r="A811" s="52" t="s">
        <v>750</v>
      </c>
      <c r="B811" s="53"/>
      <c r="C811" s="53"/>
      <c r="D811" s="53"/>
      <c r="E811" s="53"/>
      <c r="F811" s="53"/>
      <c r="G811" s="53"/>
      <c r="H811" s="53"/>
      <c r="I811" s="53"/>
      <c r="J811" s="53"/>
      <c r="K811" s="53"/>
      <c r="L811" s="53"/>
      <c r="M811" s="53"/>
      <c r="N811" s="53"/>
      <c r="O811" s="53"/>
      <c r="P811" s="53"/>
      <c r="Q811" s="53"/>
      <c r="R811" s="53"/>
      <c r="S811" s="53"/>
      <c r="T811" s="53"/>
      <c r="U811" s="53"/>
      <c r="V811" s="53"/>
      <c r="W811" s="53"/>
      <c r="X811" s="53"/>
      <c r="Y811" s="53"/>
      <c r="Z811" s="53"/>
      <c r="AA811" s="53"/>
      <c r="AB811" s="53"/>
      <c r="AC811" s="53"/>
      <c r="AD811" s="53"/>
      <c r="AE811" s="53"/>
      <c r="AF811" s="53"/>
      <c r="AG811" s="53"/>
      <c r="AH811" s="53"/>
      <c r="AI811" s="53"/>
      <c r="AJ811" s="53"/>
      <c r="AK811" s="53"/>
      <c r="AL811" s="53"/>
      <c r="AM811" s="53"/>
      <c r="AN811" s="53"/>
      <c r="AO811" s="53"/>
      <c r="AP811" s="53"/>
      <c r="AQ811" s="53"/>
      <c r="AR811" s="53"/>
      <c r="AS811" s="53"/>
      <c r="AT811" s="53"/>
      <c r="AU811" s="53"/>
      <c r="AV811" s="53"/>
      <c r="AW811" s="53"/>
      <c r="AX811" s="53"/>
      <c r="AY811" s="53"/>
      <c r="AZ811" s="53"/>
      <c r="BA811" s="53"/>
      <c r="BB811" s="53"/>
      <c r="BC811" s="53"/>
      <c r="BD811" s="53"/>
      <c r="BE811" s="53"/>
      <c r="BF811" s="53"/>
      <c r="BG811" s="53"/>
      <c r="BH811" s="53"/>
      <c r="BI811" s="53"/>
      <c r="BJ811" s="53"/>
      <c r="BK811" s="53"/>
      <c r="BL811" s="53"/>
      <c r="BM811" s="53"/>
      <c r="BN811" s="53"/>
      <c r="BO811" s="53"/>
      <c r="BP811" s="53"/>
      <c r="BQ811" s="53"/>
      <c r="BR811" s="53"/>
      <c r="BS811" s="53"/>
      <c r="BT811" s="53"/>
      <c r="BU811" s="53"/>
      <c r="BV811" s="53"/>
      <c r="BW811" s="53"/>
      <c r="BX811" s="53"/>
      <c r="BY811" s="53"/>
      <c r="BZ811" s="53"/>
      <c r="CA811" s="53"/>
      <c r="CB811" s="53"/>
      <c r="CC811" s="53"/>
      <c r="CD811" s="53"/>
      <c r="CE811" s="53"/>
      <c r="CF811" s="53"/>
      <c r="CG811" s="53"/>
      <c r="CH811" s="53"/>
      <c r="CI811" s="53"/>
      <c r="CJ811" s="53"/>
      <c r="CK811" s="53"/>
      <c r="CL811" s="53"/>
      <c r="CM811" s="53"/>
      <c r="CN811" s="53"/>
    </row>
    <row r="812" spans="1:92" outlineLevel="1">
      <c r="A812" s="52" t="s">
        <v>1356</v>
      </c>
      <c r="B812" s="53"/>
      <c r="C812" s="53"/>
      <c r="D812" s="53"/>
      <c r="E812" s="53"/>
      <c r="F812" s="53"/>
      <c r="G812" s="53"/>
      <c r="H812" s="53"/>
      <c r="I812" s="53"/>
      <c r="J812" s="53"/>
      <c r="K812" s="53"/>
      <c r="L812" s="53"/>
      <c r="M812" s="53"/>
      <c r="N812" s="53"/>
      <c r="O812" s="53"/>
      <c r="P812" s="53"/>
      <c r="Q812" s="53"/>
      <c r="R812" s="53"/>
      <c r="S812" s="53"/>
      <c r="T812" s="53"/>
      <c r="U812" s="53"/>
      <c r="V812" s="53"/>
      <c r="W812" s="53"/>
      <c r="X812" s="53"/>
      <c r="Y812" s="53"/>
      <c r="Z812" s="53"/>
      <c r="AA812" s="53"/>
      <c r="AB812" s="53"/>
      <c r="AC812" s="53"/>
      <c r="AD812" s="53"/>
      <c r="AE812" s="53"/>
      <c r="AF812" s="53"/>
      <c r="AG812" s="53"/>
      <c r="AH812" s="53"/>
      <c r="AI812" s="53"/>
      <c r="AJ812" s="53"/>
      <c r="AK812" s="53"/>
      <c r="AL812" s="53"/>
      <c r="AM812" s="53"/>
      <c r="AN812" s="53"/>
      <c r="AO812" s="53"/>
      <c r="AP812" s="53"/>
      <c r="AQ812" s="53"/>
      <c r="AR812" s="53"/>
      <c r="AS812" s="53"/>
      <c r="AT812" s="53"/>
      <c r="AU812" s="53"/>
      <c r="AV812" s="53"/>
      <c r="AW812" s="53"/>
      <c r="AX812" s="53"/>
      <c r="AY812" s="53"/>
      <c r="AZ812" s="53"/>
      <c r="BA812" s="53"/>
      <c r="BB812" s="53"/>
      <c r="BC812" s="53"/>
      <c r="BD812" s="53"/>
      <c r="BE812" s="53"/>
      <c r="BF812" s="53"/>
      <c r="BG812" s="53"/>
      <c r="BH812" s="53"/>
      <c r="BI812" s="53"/>
      <c r="BJ812" s="53"/>
      <c r="BK812" s="53"/>
      <c r="BL812" s="53"/>
      <c r="BM812" s="53"/>
      <c r="BN812" s="53"/>
      <c r="BO812" s="53"/>
      <c r="BP812" s="53"/>
      <c r="BQ812" s="53"/>
      <c r="BR812" s="53"/>
      <c r="BS812" s="53"/>
      <c r="BT812" s="53"/>
      <c r="BU812" s="53"/>
      <c r="BV812" s="53"/>
      <c r="BW812" s="53"/>
      <c r="BX812" s="53"/>
      <c r="BY812" s="53"/>
      <c r="BZ812" s="53"/>
      <c r="CA812" s="53"/>
      <c r="CB812" s="53"/>
      <c r="CC812" s="53"/>
      <c r="CD812" s="53"/>
      <c r="CE812" s="53"/>
      <c r="CF812" s="53"/>
      <c r="CG812" s="53"/>
      <c r="CH812" s="53"/>
      <c r="CI812" s="53"/>
      <c r="CJ812" s="53"/>
      <c r="CK812" s="53"/>
      <c r="CL812" s="53"/>
      <c r="CM812" s="53"/>
      <c r="CN812" s="53"/>
    </row>
    <row r="813" spans="1:92" outlineLevel="1">
      <c r="A813" s="52" t="s">
        <v>649</v>
      </c>
      <c r="B813" s="53">
        <v>112335659.999999</v>
      </c>
      <c r="C813" s="53">
        <v>114391130</v>
      </c>
      <c r="D813" s="53">
        <v>109109079.999999</v>
      </c>
      <c r="E813" s="53">
        <v>141991179.99999899</v>
      </c>
      <c r="F813" s="53">
        <v>176603059.99999899</v>
      </c>
      <c r="G813" s="53">
        <v>418199270</v>
      </c>
      <c r="H813" s="53">
        <v>120752020</v>
      </c>
      <c r="I813" s="53">
        <v>228894259.99999899</v>
      </c>
      <c r="J813" s="53">
        <v>119496750</v>
      </c>
      <c r="K813" s="53">
        <v>156348550</v>
      </c>
      <c r="L813" s="53">
        <v>154448009.99999899</v>
      </c>
      <c r="M813" s="53">
        <v>200049209.99999899</v>
      </c>
      <c r="N813" s="53">
        <v>2052618180</v>
      </c>
      <c r="O813" s="53">
        <v>121166551.26905499</v>
      </c>
      <c r="P813" s="53">
        <v>150508708.96385899</v>
      </c>
      <c r="Q813" s="53">
        <v>584839899.55322599</v>
      </c>
      <c r="R813" s="53">
        <v>162012601.07420599</v>
      </c>
      <c r="S813" s="53">
        <v>275921187.15354598</v>
      </c>
      <c r="T813" s="53">
        <v>179277684.60468599</v>
      </c>
      <c r="U813" s="53">
        <v>91157880.287887096</v>
      </c>
      <c r="V813" s="53">
        <v>60384097.543088503</v>
      </c>
      <c r="W813" s="53">
        <v>135313618.62082499</v>
      </c>
      <c r="X813" s="53">
        <v>69191707.508709207</v>
      </c>
      <c r="Y813" s="53">
        <v>112144689.447539</v>
      </c>
      <c r="Z813" s="53">
        <v>678172992.36010396</v>
      </c>
      <c r="AA813" s="53">
        <v>2620091618.3867302</v>
      </c>
      <c r="AB813" s="53">
        <v>266067655.00898799</v>
      </c>
      <c r="AC813" s="53">
        <v>238408943.78914601</v>
      </c>
      <c r="AD813" s="53">
        <v>175465646.61439601</v>
      </c>
      <c r="AE813" s="53">
        <v>57570782.029548503</v>
      </c>
      <c r="AF813" s="53">
        <v>73965135.707148105</v>
      </c>
      <c r="AG813" s="53">
        <v>373946571.15931797</v>
      </c>
      <c r="AH813" s="53">
        <v>60619101.111657202</v>
      </c>
      <c r="AI813" s="53">
        <v>91459210.294759095</v>
      </c>
      <c r="AJ813" s="53">
        <v>147675373.26558101</v>
      </c>
      <c r="AK813" s="53">
        <v>197326577.30836299</v>
      </c>
      <c r="AL813" s="53">
        <v>136112309.40782699</v>
      </c>
      <c r="AM813" s="53">
        <v>986562991.128142</v>
      </c>
      <c r="AN813" s="53">
        <v>2805180296.8248701</v>
      </c>
      <c r="AO813" s="53">
        <v>99330194.873363495</v>
      </c>
      <c r="AP813" s="53">
        <v>53607959.479258999</v>
      </c>
      <c r="AQ813" s="53">
        <v>348435671.40704</v>
      </c>
      <c r="AR813" s="53">
        <v>100822069.088377</v>
      </c>
      <c r="AS813" s="53">
        <v>77276734.745471194</v>
      </c>
      <c r="AT813" s="53">
        <v>229717657.94964299</v>
      </c>
      <c r="AU813" s="53">
        <v>67882062.571247905</v>
      </c>
      <c r="AV813" s="53">
        <v>85671038.329333007</v>
      </c>
      <c r="AW813" s="53">
        <v>305261101.91206098</v>
      </c>
      <c r="AX813" s="53">
        <v>64980692.080906101</v>
      </c>
      <c r="AY813" s="53">
        <v>69542646.300630406</v>
      </c>
      <c r="AZ813" s="53">
        <v>1667714670.14533</v>
      </c>
      <c r="BA813" s="53">
        <v>3170242498.8826699</v>
      </c>
      <c r="BB813" s="53">
        <v>77466925.638372004</v>
      </c>
      <c r="BC813" s="53">
        <v>58265475.404640198</v>
      </c>
      <c r="BD813" s="53">
        <v>139476285.88325199</v>
      </c>
      <c r="BE813" s="53">
        <v>62032188.568349801</v>
      </c>
      <c r="BF813" s="53">
        <v>114991245.84185401</v>
      </c>
      <c r="BG813" s="53">
        <v>539921293.44122601</v>
      </c>
      <c r="BH813" s="53">
        <v>209220037.63718501</v>
      </c>
      <c r="BI813" s="53">
        <v>108548715.048696</v>
      </c>
      <c r="BJ813" s="53">
        <v>162883292.006643</v>
      </c>
      <c r="BK813" s="53">
        <v>86681716.513938695</v>
      </c>
      <c r="BL813" s="53">
        <v>91679468.020124793</v>
      </c>
      <c r="BM813" s="53">
        <v>574199851.30503595</v>
      </c>
      <c r="BN813" s="53">
        <v>2225366495.30932</v>
      </c>
      <c r="BO813" s="53">
        <v>50156018.192467302</v>
      </c>
      <c r="BP813" s="53">
        <v>54814052.482335098</v>
      </c>
      <c r="BQ813" s="53">
        <v>238750029.86870101</v>
      </c>
      <c r="BR813" s="53">
        <v>67595378.712641701</v>
      </c>
      <c r="BS813" s="53">
        <v>88739205.807381794</v>
      </c>
      <c r="BT813" s="53">
        <v>534196520.81503803</v>
      </c>
      <c r="BU813" s="53">
        <v>235302756.47542199</v>
      </c>
      <c r="BV813" s="53">
        <v>91558132.615362301</v>
      </c>
      <c r="BW813" s="53">
        <v>169523560.05052301</v>
      </c>
      <c r="BX813" s="53">
        <v>149244843.85922101</v>
      </c>
      <c r="BY813" s="53">
        <v>93476718.409495801</v>
      </c>
      <c r="BZ813" s="53">
        <v>457145515.01068503</v>
      </c>
      <c r="CA813" s="53">
        <v>2230502732.2992702</v>
      </c>
      <c r="CB813" s="53"/>
      <c r="CC813" s="53"/>
      <c r="CD813" s="53"/>
      <c r="CE813" s="53"/>
      <c r="CF813" s="53"/>
      <c r="CG813" s="53"/>
      <c r="CH813" s="53"/>
      <c r="CI813" s="53"/>
      <c r="CJ813" s="53"/>
      <c r="CK813" s="53"/>
      <c r="CL813" s="53"/>
      <c r="CM813" s="53"/>
      <c r="CN813" s="53"/>
    </row>
    <row r="814" spans="1:92" outlineLevel="1">
      <c r="A814" s="52" t="s">
        <v>1364</v>
      </c>
      <c r="B814" s="53"/>
      <c r="C814" s="53"/>
      <c r="D814" s="53"/>
      <c r="E814" s="53"/>
      <c r="F814" s="53"/>
      <c r="G814" s="53"/>
      <c r="H814" s="53"/>
      <c r="I814" s="53"/>
      <c r="J814" s="53"/>
      <c r="K814" s="53"/>
      <c r="L814" s="53"/>
      <c r="M814" s="53"/>
      <c r="N814" s="53"/>
      <c r="O814" s="53"/>
      <c r="P814" s="53"/>
      <c r="Q814" s="53"/>
      <c r="R814" s="53"/>
      <c r="S814" s="53"/>
      <c r="T814" s="53"/>
      <c r="U814" s="53"/>
      <c r="V814" s="53"/>
      <c r="W814" s="53"/>
      <c r="X814" s="53"/>
      <c r="Y814" s="53"/>
      <c r="Z814" s="53"/>
      <c r="AA814" s="53"/>
      <c r="AB814" s="53"/>
      <c r="AC814" s="53"/>
      <c r="AD814" s="53"/>
      <c r="AE814" s="53"/>
      <c r="AF814" s="53"/>
      <c r="AG814" s="53"/>
      <c r="AH814" s="53"/>
      <c r="AI814" s="53"/>
      <c r="AJ814" s="53"/>
      <c r="AK814" s="53"/>
      <c r="AL814" s="53"/>
      <c r="AM814" s="53"/>
      <c r="AN814" s="53"/>
      <c r="AO814" s="53"/>
      <c r="AP814" s="53"/>
      <c r="AQ814" s="53"/>
      <c r="AR814" s="53"/>
      <c r="AS814" s="53"/>
      <c r="AT814" s="53"/>
      <c r="AU814" s="53"/>
      <c r="AV814" s="53"/>
      <c r="AW814" s="53"/>
      <c r="AX814" s="53"/>
      <c r="AY814" s="53"/>
      <c r="AZ814" s="53"/>
      <c r="BA814" s="53"/>
      <c r="BB814" s="53"/>
      <c r="BC814" s="53"/>
      <c r="BD814" s="53"/>
      <c r="BE814" s="53"/>
      <c r="BF814" s="53"/>
      <c r="BG814" s="53"/>
      <c r="BH814" s="53"/>
      <c r="BI814" s="53"/>
      <c r="BJ814" s="53"/>
      <c r="BK814" s="53"/>
      <c r="BL814" s="53"/>
      <c r="BM814" s="53"/>
      <c r="BN814" s="53"/>
      <c r="BO814" s="53"/>
      <c r="BP814" s="53"/>
      <c r="BQ814" s="53"/>
      <c r="BR814" s="53"/>
      <c r="BS814" s="53"/>
      <c r="BT814" s="53"/>
      <c r="BU814" s="53"/>
      <c r="BV814" s="53"/>
      <c r="BW814" s="53"/>
      <c r="BX814" s="53"/>
      <c r="BY814" s="53"/>
      <c r="BZ814" s="53"/>
      <c r="CA814" s="53"/>
      <c r="CB814" s="53">
        <v>-84849019.661116406</v>
      </c>
      <c r="CC814" s="53">
        <v>-80638335.8186225</v>
      </c>
      <c r="CD814" s="53">
        <v>-141855068.726616</v>
      </c>
      <c r="CE814" s="53">
        <v>-65071067.381324001</v>
      </c>
      <c r="CF814" s="53">
        <v>-64583708.528266102</v>
      </c>
      <c r="CG814" s="53">
        <v>-533105490.71989799</v>
      </c>
      <c r="CH814" s="53">
        <v>-84941868.224685207</v>
      </c>
      <c r="CI814" s="53">
        <v>-81106711.098046094</v>
      </c>
      <c r="CJ814" s="53">
        <v>-156861231.42036501</v>
      </c>
      <c r="CK814" s="53">
        <v>-80791442.160578594</v>
      </c>
      <c r="CL814" s="53">
        <v>-120740389.49302</v>
      </c>
      <c r="CM814" s="53">
        <v>-659426696.48250401</v>
      </c>
      <c r="CN814" s="53">
        <v>-2153971029.7150402</v>
      </c>
    </row>
    <row r="815" spans="1:92" outlineLevel="1">
      <c r="A815" s="52" t="s">
        <v>649</v>
      </c>
      <c r="B815" s="53">
        <v>11724299.999999899</v>
      </c>
      <c r="C815" s="53">
        <v>-15293730</v>
      </c>
      <c r="D815" s="53">
        <v>-18471560</v>
      </c>
      <c r="E815" s="53">
        <v>-30025709.999999899</v>
      </c>
      <c r="F815" s="53">
        <v>-35604920</v>
      </c>
      <c r="G815" s="53">
        <v>-111371799.999999</v>
      </c>
      <c r="H815" s="53">
        <v>-12083010</v>
      </c>
      <c r="I815" s="53">
        <v>-12919189.999999899</v>
      </c>
      <c r="J815" s="53">
        <v>-29178790</v>
      </c>
      <c r="K815" s="53">
        <v>-18488420</v>
      </c>
      <c r="L815" s="53">
        <v>-90157040</v>
      </c>
      <c r="M815" s="53">
        <v>-13787029.999999899</v>
      </c>
      <c r="N815" s="53">
        <v>-375656900</v>
      </c>
      <c r="O815" s="53">
        <v>-18630608.762699701</v>
      </c>
      <c r="P815" s="53">
        <v>-11644471.666861201</v>
      </c>
      <c r="Q815" s="53">
        <v>-38136010.500504203</v>
      </c>
      <c r="R815" s="53">
        <v>-11809477.270434599</v>
      </c>
      <c r="S815" s="53">
        <v>-30829563.118948098</v>
      </c>
      <c r="T815" s="53">
        <v>-22450466.065304399</v>
      </c>
      <c r="U815" s="53">
        <v>-15353247.470747</v>
      </c>
      <c r="V815" s="53">
        <v>-11986352.558493</v>
      </c>
      <c r="W815" s="53">
        <v>-18484666.543999702</v>
      </c>
      <c r="X815" s="53">
        <v>-13149357.848525699</v>
      </c>
      <c r="Y815" s="53">
        <v>-28547125.927893899</v>
      </c>
      <c r="Z815" s="53">
        <v>-87660484.289098606</v>
      </c>
      <c r="AA815" s="53">
        <v>-308681832.02350998</v>
      </c>
      <c r="AB815" s="53">
        <v>-10596414.9729676</v>
      </c>
      <c r="AC815" s="53">
        <v>-30096322.318457801</v>
      </c>
      <c r="AD815" s="53">
        <v>-20887062.870667599</v>
      </c>
      <c r="AE815" s="53">
        <v>-11871608.199958</v>
      </c>
      <c r="AF815" s="53">
        <v>-12139431.559313901</v>
      </c>
      <c r="AG815" s="53">
        <v>-28157839.432163399</v>
      </c>
      <c r="AH815" s="53">
        <v>-11674904.9651393</v>
      </c>
      <c r="AI815" s="53">
        <v>-41725664.132902697</v>
      </c>
      <c r="AJ815" s="53">
        <v>-21003287.172743902</v>
      </c>
      <c r="AK815" s="53">
        <v>-24678178.377350401</v>
      </c>
      <c r="AL815" s="53">
        <v>-26987594.900460798</v>
      </c>
      <c r="AM815" s="53">
        <v>-107255794.341772</v>
      </c>
      <c r="AN815" s="53">
        <v>-347074103.24389797</v>
      </c>
      <c r="AO815" s="53">
        <v>-16545434.0171047</v>
      </c>
      <c r="AP815" s="53">
        <v>-11863114.8857497</v>
      </c>
      <c r="AQ815" s="53">
        <v>-20445778.086150199</v>
      </c>
      <c r="AR815" s="53">
        <v>-15622481.564832401</v>
      </c>
      <c r="AS815" s="53">
        <v>-12818078.819703801</v>
      </c>
      <c r="AT815" s="53">
        <v>-29119040.257674899</v>
      </c>
      <c r="AU815" s="53">
        <v>-15136899.787366699</v>
      </c>
      <c r="AV815" s="53">
        <v>-12855054.6763999</v>
      </c>
      <c r="AW815" s="53">
        <v>-76562164.086696103</v>
      </c>
      <c r="AX815" s="53">
        <v>-12589822.537658799</v>
      </c>
      <c r="AY815" s="53">
        <v>-12014138.751245599</v>
      </c>
      <c r="AZ815" s="53">
        <v>-144616617.112827</v>
      </c>
      <c r="BA815" s="53">
        <v>-380188624.58341098</v>
      </c>
      <c r="BB815" s="53">
        <v>-14040984.3740936</v>
      </c>
      <c r="BC815" s="53">
        <v>-11704441.725047201</v>
      </c>
      <c r="BD815" s="53">
        <v>-19861557.2979341</v>
      </c>
      <c r="BE815" s="53">
        <v>-12503445.2072937</v>
      </c>
      <c r="BF815" s="53">
        <v>-17555870.6100756</v>
      </c>
      <c r="BG815" s="53">
        <v>-26398455.470432401</v>
      </c>
      <c r="BH815" s="53">
        <v>-27891736.471292499</v>
      </c>
      <c r="BI815" s="53">
        <v>-13327829.933021</v>
      </c>
      <c r="BJ815" s="53">
        <v>-20482340.104693901</v>
      </c>
      <c r="BK815" s="53">
        <v>-12951232.3157579</v>
      </c>
      <c r="BL815" s="53">
        <v>-12147264.046329999</v>
      </c>
      <c r="BM815" s="53">
        <v>-104458630.331223</v>
      </c>
      <c r="BN815" s="53">
        <v>-293323787.887196</v>
      </c>
      <c r="BO815" s="53">
        <v>-11346955.2564469</v>
      </c>
      <c r="BP815" s="53">
        <v>-11895926.435196601</v>
      </c>
      <c r="BQ815" s="53">
        <v>-18183264.408652101</v>
      </c>
      <c r="BR815" s="53">
        <v>-12661679.063060399</v>
      </c>
      <c r="BS815" s="53">
        <v>-14612170.272208501</v>
      </c>
      <c r="BT815" s="53">
        <v>-26360240.3230545</v>
      </c>
      <c r="BU815" s="53">
        <v>-26936336.692380499</v>
      </c>
      <c r="BV815" s="53">
        <v>-13332277.432735801</v>
      </c>
      <c r="BW815" s="53">
        <v>-20783190.8768133</v>
      </c>
      <c r="BX815" s="53">
        <v>-18308880.5901451</v>
      </c>
      <c r="BY815" s="53">
        <v>-12680223.1584695</v>
      </c>
      <c r="BZ815" s="53">
        <v>-26135030.599240799</v>
      </c>
      <c r="CA815" s="53">
        <v>-213236175.10840401</v>
      </c>
      <c r="CB815" s="53"/>
      <c r="CC815" s="53"/>
      <c r="CD815" s="53"/>
      <c r="CE815" s="53"/>
      <c r="CF815" s="53"/>
      <c r="CG815" s="53"/>
      <c r="CH815" s="53"/>
      <c r="CI815" s="53"/>
      <c r="CJ815" s="53"/>
      <c r="CK815" s="53"/>
      <c r="CL815" s="53"/>
      <c r="CM815" s="53"/>
      <c r="CN815" s="53"/>
    </row>
    <row r="816" spans="1:92" outlineLevel="1">
      <c r="A816" s="52" t="s">
        <v>1365</v>
      </c>
      <c r="B816" s="53"/>
      <c r="C816" s="53"/>
      <c r="D816" s="53"/>
      <c r="E816" s="53"/>
      <c r="F816" s="53"/>
      <c r="G816" s="53"/>
      <c r="H816" s="53"/>
      <c r="I816" s="53"/>
      <c r="J816" s="53"/>
      <c r="K816" s="53"/>
      <c r="L816" s="53"/>
      <c r="M816" s="53"/>
      <c r="N816" s="53"/>
      <c r="O816" s="53"/>
      <c r="P816" s="53"/>
      <c r="Q816" s="53"/>
      <c r="R816" s="53"/>
      <c r="S816" s="53"/>
      <c r="T816" s="53"/>
      <c r="U816" s="53"/>
      <c r="V816" s="53"/>
      <c r="W816" s="53"/>
      <c r="X816" s="53"/>
      <c r="Y816" s="53"/>
      <c r="Z816" s="53"/>
      <c r="AA816" s="53"/>
      <c r="AB816" s="53"/>
      <c r="AC816" s="53"/>
      <c r="AD816" s="53"/>
      <c r="AE816" s="53"/>
      <c r="AF816" s="53"/>
      <c r="AG816" s="53"/>
      <c r="AH816" s="53"/>
      <c r="AI816" s="53"/>
      <c r="AJ816" s="53"/>
      <c r="AK816" s="53"/>
      <c r="AL816" s="53"/>
      <c r="AM816" s="53"/>
      <c r="AN816" s="53"/>
      <c r="AO816" s="53"/>
      <c r="AP816" s="53"/>
      <c r="AQ816" s="53"/>
      <c r="AR816" s="53"/>
      <c r="AS816" s="53"/>
      <c r="AT816" s="53"/>
      <c r="AU816" s="53"/>
      <c r="AV816" s="53"/>
      <c r="AW816" s="53"/>
      <c r="AX816" s="53"/>
      <c r="AY816" s="53"/>
      <c r="AZ816" s="53"/>
      <c r="BA816" s="53"/>
      <c r="BB816" s="53"/>
      <c r="BC816" s="53"/>
      <c r="BD816" s="53"/>
      <c r="BE816" s="53"/>
      <c r="BF816" s="53"/>
      <c r="BG816" s="53"/>
      <c r="BH816" s="53"/>
      <c r="BI816" s="53"/>
      <c r="BJ816" s="53"/>
      <c r="BK816" s="53"/>
      <c r="BL816" s="53"/>
      <c r="BM816" s="53"/>
      <c r="BN816" s="53"/>
      <c r="BO816" s="53"/>
      <c r="BP816" s="53"/>
      <c r="BQ816" s="53"/>
      <c r="BR816" s="53"/>
      <c r="BS816" s="53"/>
      <c r="BT816" s="53"/>
      <c r="BU816" s="53"/>
      <c r="BV816" s="53"/>
      <c r="BW816" s="53"/>
      <c r="BX816" s="53"/>
      <c r="BY816" s="53"/>
      <c r="BZ816" s="53"/>
      <c r="CA816" s="53"/>
      <c r="CB816" s="53"/>
      <c r="CC816" s="53"/>
      <c r="CD816" s="53"/>
      <c r="CE816" s="53"/>
      <c r="CF816" s="53"/>
      <c r="CG816" s="53"/>
      <c r="CH816" s="53"/>
      <c r="CI816" s="53"/>
      <c r="CJ816" s="53"/>
      <c r="CK816" s="53"/>
      <c r="CL816" s="53"/>
      <c r="CM816" s="53"/>
      <c r="CN816" s="53"/>
    </row>
    <row r="817" spans="1:92" outlineLevel="1">
      <c r="A817" s="52" t="s">
        <v>1366</v>
      </c>
      <c r="B817" s="53"/>
      <c r="C817" s="53"/>
      <c r="D817" s="53"/>
      <c r="E817" s="53"/>
      <c r="F817" s="53"/>
      <c r="G817" s="53"/>
      <c r="H817" s="53"/>
      <c r="I817" s="53"/>
      <c r="J817" s="53"/>
      <c r="K817" s="53"/>
      <c r="L817" s="53"/>
      <c r="M817" s="53"/>
      <c r="N817" s="53"/>
      <c r="O817" s="53"/>
      <c r="P817" s="53"/>
      <c r="Q817" s="53"/>
      <c r="R817" s="53"/>
      <c r="S817" s="53"/>
      <c r="T817" s="53"/>
      <c r="U817" s="53"/>
      <c r="V817" s="53"/>
      <c r="W817" s="53"/>
      <c r="X817" s="53"/>
      <c r="Y817" s="53"/>
      <c r="Z817" s="53"/>
      <c r="AA817" s="53"/>
      <c r="AB817" s="53"/>
      <c r="AC817" s="53"/>
      <c r="AD817" s="53"/>
      <c r="AE817" s="53"/>
      <c r="AF817" s="53"/>
      <c r="AG817" s="53"/>
      <c r="AH817" s="53"/>
      <c r="AI817" s="53"/>
      <c r="AJ817" s="53"/>
      <c r="AK817" s="53"/>
      <c r="AL817" s="53"/>
      <c r="AM817" s="53"/>
      <c r="AN817" s="53"/>
      <c r="AO817" s="53"/>
      <c r="AP817" s="53"/>
      <c r="AQ817" s="53"/>
      <c r="AR817" s="53"/>
      <c r="AS817" s="53"/>
      <c r="AT817" s="53"/>
      <c r="AU817" s="53"/>
      <c r="AV817" s="53"/>
      <c r="AW817" s="53"/>
      <c r="AX817" s="53"/>
      <c r="AY817" s="53"/>
      <c r="AZ817" s="53"/>
      <c r="BA817" s="53"/>
      <c r="BB817" s="53"/>
      <c r="BC817" s="53"/>
      <c r="BD817" s="53"/>
      <c r="BE817" s="53"/>
      <c r="BF817" s="53"/>
      <c r="BG817" s="53"/>
      <c r="BH817" s="53"/>
      <c r="BI817" s="53"/>
      <c r="BJ817" s="53"/>
      <c r="BK817" s="53"/>
      <c r="BL817" s="53"/>
      <c r="BM817" s="53"/>
      <c r="BN817" s="53"/>
      <c r="BO817" s="53"/>
      <c r="BP817" s="53"/>
      <c r="BQ817" s="53"/>
      <c r="BR817" s="53"/>
      <c r="BS817" s="53"/>
      <c r="BT817" s="53"/>
      <c r="BU817" s="53"/>
      <c r="BV817" s="53"/>
      <c r="BW817" s="53"/>
      <c r="BX817" s="53"/>
      <c r="BY817" s="53"/>
      <c r="BZ817" s="53"/>
      <c r="CA817" s="53"/>
      <c r="CB817" s="53">
        <v>-84849019.661116302</v>
      </c>
      <c r="CC817" s="53">
        <v>-80638335.818622395</v>
      </c>
      <c r="CD817" s="53">
        <v>-141855068.726616</v>
      </c>
      <c r="CE817" s="53">
        <v>-65071067.381324001</v>
      </c>
      <c r="CF817" s="53">
        <v>-64583708.528266102</v>
      </c>
      <c r="CG817" s="53">
        <v>-533105490.71989799</v>
      </c>
      <c r="CH817" s="53">
        <v>-84941868.224685103</v>
      </c>
      <c r="CI817" s="53">
        <v>-81106711.098046005</v>
      </c>
      <c r="CJ817" s="53">
        <v>-156861231.42036501</v>
      </c>
      <c r="CK817" s="53">
        <v>-80791442.160578504</v>
      </c>
      <c r="CL817" s="53">
        <v>-120740389.49302</v>
      </c>
      <c r="CM817" s="53">
        <v>-659426696.48250496</v>
      </c>
      <c r="CN817" s="53">
        <v>-2153971029.7150402</v>
      </c>
    </row>
    <row r="818" spans="1:92" outlineLevel="1">
      <c r="A818" s="52" t="s">
        <v>649</v>
      </c>
      <c r="B818" s="53"/>
      <c r="C818" s="53"/>
      <c r="D818" s="53"/>
      <c r="E818" s="53"/>
      <c r="F818" s="53"/>
      <c r="G818" s="53"/>
      <c r="H818" s="53"/>
      <c r="I818" s="53"/>
      <c r="J818" s="53"/>
      <c r="K818" s="53"/>
      <c r="L818" s="53"/>
      <c r="M818" s="53"/>
      <c r="N818" s="53"/>
      <c r="O818" s="53"/>
      <c r="P818" s="53"/>
      <c r="Q818" s="53"/>
      <c r="R818" s="53"/>
      <c r="S818" s="53"/>
      <c r="T818" s="53"/>
      <c r="U818" s="53"/>
      <c r="V818" s="53"/>
      <c r="W818" s="53"/>
      <c r="X818" s="53"/>
      <c r="Y818" s="53"/>
      <c r="Z818" s="53">
        <v>2452678.4923239001</v>
      </c>
      <c r="AA818" s="53">
        <v>2452678.4923239001</v>
      </c>
      <c r="AB818" s="53"/>
      <c r="AC818" s="53"/>
      <c r="AD818" s="53"/>
      <c r="AE818" s="53"/>
      <c r="AF818" s="53"/>
      <c r="AG818" s="53"/>
      <c r="AH818" s="53"/>
      <c r="AI818" s="53"/>
      <c r="AJ818" s="53"/>
      <c r="AK818" s="53"/>
      <c r="AL818" s="53"/>
      <c r="AM818" s="53">
        <v>12211613.409646699</v>
      </c>
      <c r="AN818" s="53">
        <v>12211613.409646699</v>
      </c>
      <c r="AO818" s="53"/>
      <c r="AP818" s="53"/>
      <c r="AQ818" s="53"/>
      <c r="AR818" s="53"/>
      <c r="AS818" s="53"/>
      <c r="AT818" s="53"/>
      <c r="AU818" s="53"/>
      <c r="AV818" s="53"/>
      <c r="AW818" s="53"/>
      <c r="AX818" s="53"/>
      <c r="AY818" s="53"/>
      <c r="AZ818" s="53">
        <v>1032080.95795413</v>
      </c>
      <c r="BA818" s="53">
        <v>1032080.95795413</v>
      </c>
      <c r="BB818" s="53"/>
      <c r="BC818" s="53"/>
      <c r="BD818" s="53"/>
      <c r="BE818" s="53"/>
      <c r="BF818" s="53"/>
      <c r="BG818" s="53"/>
      <c r="BH818" s="53"/>
      <c r="BI818" s="53"/>
      <c r="BJ818" s="53"/>
      <c r="BK818" s="53"/>
      <c r="BL818" s="53"/>
      <c r="BM818" s="53"/>
      <c r="BN818" s="53"/>
      <c r="BO818" s="53"/>
      <c r="BP818" s="53"/>
      <c r="BQ818" s="53"/>
      <c r="BR818" s="53"/>
      <c r="BS818" s="53"/>
      <c r="BT818" s="53"/>
      <c r="BU818" s="53"/>
      <c r="BV818" s="53"/>
      <c r="BW818" s="53"/>
      <c r="BX818" s="53"/>
      <c r="BY818" s="53"/>
      <c r="BZ818" s="53">
        <v>55635372.030196197</v>
      </c>
      <c r="CA818" s="53">
        <v>55635372.030196197</v>
      </c>
      <c r="CB818" s="53"/>
      <c r="CC818" s="53"/>
      <c r="CD818" s="53"/>
      <c r="CE818" s="53"/>
      <c r="CF818" s="53"/>
      <c r="CG818" s="53"/>
      <c r="CH818" s="53"/>
      <c r="CI818" s="53"/>
      <c r="CJ818" s="53"/>
      <c r="CK818" s="53"/>
      <c r="CL818" s="53"/>
      <c r="CM818" s="53"/>
      <c r="CN818" s="53"/>
    </row>
    <row r="819" spans="1:92" outlineLevel="1">
      <c r="A819" s="52" t="s">
        <v>650</v>
      </c>
      <c r="B819" s="53"/>
      <c r="C819" s="53"/>
      <c r="D819" s="53"/>
      <c r="E819" s="53"/>
      <c r="F819" s="53"/>
      <c r="G819" s="53"/>
      <c r="H819" s="53"/>
      <c r="I819" s="53"/>
      <c r="J819" s="53"/>
      <c r="K819" s="53"/>
      <c r="L819" s="53"/>
      <c r="M819" s="53"/>
      <c r="N819" s="53"/>
      <c r="O819" s="53"/>
      <c r="P819" s="53"/>
      <c r="Q819" s="53"/>
      <c r="R819" s="53"/>
      <c r="S819" s="53"/>
      <c r="T819" s="53"/>
      <c r="U819" s="53"/>
      <c r="V819" s="53"/>
      <c r="W819" s="53"/>
      <c r="X819" s="53"/>
      <c r="Y819" s="53"/>
      <c r="Z819" s="53"/>
      <c r="AA819" s="53"/>
      <c r="AB819" s="53"/>
      <c r="AC819" s="53"/>
      <c r="AD819" s="53"/>
      <c r="AE819" s="53"/>
      <c r="AF819" s="53"/>
      <c r="AG819" s="53"/>
      <c r="AH819" s="53"/>
      <c r="AI819" s="53"/>
      <c r="AJ819" s="53"/>
      <c r="AK819" s="53"/>
      <c r="AL819" s="53"/>
      <c r="AM819" s="53"/>
      <c r="AN819" s="53"/>
      <c r="AO819" s="53"/>
      <c r="AP819" s="53"/>
      <c r="AQ819" s="53"/>
      <c r="AR819" s="53"/>
      <c r="AS819" s="53"/>
      <c r="AT819" s="53"/>
      <c r="AU819" s="53"/>
      <c r="AV819" s="53"/>
      <c r="AW819" s="53"/>
      <c r="AX819" s="53"/>
      <c r="AY819" s="53"/>
      <c r="AZ819" s="53"/>
      <c r="BA819" s="53"/>
      <c r="BB819" s="53"/>
      <c r="BC819" s="53"/>
      <c r="BD819" s="53"/>
      <c r="BE819" s="53"/>
      <c r="BF819" s="53"/>
      <c r="BG819" s="53"/>
      <c r="BH819" s="53"/>
      <c r="BI819" s="53"/>
      <c r="BJ819" s="53"/>
      <c r="BK819" s="53"/>
      <c r="BL819" s="53"/>
      <c r="BM819" s="53"/>
      <c r="BN819" s="53"/>
      <c r="BO819" s="53"/>
      <c r="BP819" s="53"/>
      <c r="BQ819" s="53"/>
      <c r="BR819" s="53"/>
      <c r="BS819" s="53"/>
      <c r="BT819" s="53"/>
      <c r="BU819" s="53"/>
      <c r="BV819" s="53"/>
      <c r="BW819" s="53"/>
      <c r="BX819" s="53"/>
      <c r="BY819" s="53"/>
      <c r="BZ819" s="53"/>
      <c r="CA819" s="53"/>
      <c r="CB819" s="53"/>
      <c r="CC819" s="53"/>
      <c r="CD819" s="53"/>
      <c r="CE819" s="53"/>
      <c r="CF819" s="53"/>
      <c r="CG819" s="53"/>
      <c r="CH819" s="53"/>
      <c r="CI819" s="53"/>
      <c r="CJ819" s="53"/>
      <c r="CK819" s="53"/>
      <c r="CL819" s="53"/>
      <c r="CM819" s="53"/>
      <c r="CN819" s="53"/>
    </row>
    <row r="820" spans="1:92" outlineLevel="1">
      <c r="A820" s="52" t="s">
        <v>1355</v>
      </c>
      <c r="B820" s="53"/>
      <c r="C820" s="53"/>
      <c r="D820" s="53"/>
      <c r="E820" s="53"/>
      <c r="F820" s="53"/>
      <c r="G820" s="53"/>
      <c r="H820" s="53"/>
      <c r="I820" s="53"/>
      <c r="J820" s="53"/>
      <c r="K820" s="53"/>
      <c r="L820" s="53"/>
      <c r="M820" s="53"/>
      <c r="N820" s="53"/>
      <c r="O820" s="53"/>
      <c r="P820" s="53"/>
      <c r="Q820" s="53"/>
      <c r="R820" s="53"/>
      <c r="S820" s="53"/>
      <c r="T820" s="53"/>
      <c r="U820" s="53"/>
      <c r="V820" s="53"/>
      <c r="W820" s="53"/>
      <c r="X820" s="53"/>
      <c r="Y820" s="53"/>
      <c r="Z820" s="53"/>
      <c r="AA820" s="53"/>
      <c r="AB820" s="53"/>
      <c r="AC820" s="53"/>
      <c r="AD820" s="53"/>
      <c r="AE820" s="53"/>
      <c r="AF820" s="53"/>
      <c r="AG820" s="53"/>
      <c r="AH820" s="53"/>
      <c r="AI820" s="53"/>
      <c r="AJ820" s="53"/>
      <c r="AK820" s="53"/>
      <c r="AL820" s="53"/>
      <c r="AM820" s="53"/>
      <c r="AN820" s="53"/>
      <c r="AO820" s="53"/>
      <c r="AP820" s="53"/>
      <c r="AQ820" s="53"/>
      <c r="AR820" s="53"/>
      <c r="AS820" s="53"/>
      <c r="AT820" s="53"/>
      <c r="AU820" s="53"/>
      <c r="AV820" s="53"/>
      <c r="AW820" s="53"/>
      <c r="AX820" s="53"/>
      <c r="AY820" s="53"/>
      <c r="AZ820" s="53"/>
      <c r="BA820" s="53"/>
      <c r="BB820" s="53"/>
      <c r="BC820" s="53"/>
      <c r="BD820" s="53"/>
      <c r="BE820" s="53"/>
      <c r="BF820" s="53"/>
      <c r="BG820" s="53"/>
      <c r="BH820" s="53"/>
      <c r="BI820" s="53"/>
      <c r="BJ820" s="53"/>
      <c r="BK820" s="53"/>
      <c r="BL820" s="53"/>
      <c r="BM820" s="53"/>
      <c r="BN820" s="53"/>
      <c r="BO820" s="53"/>
      <c r="BP820" s="53"/>
      <c r="BQ820" s="53"/>
      <c r="BR820" s="53"/>
      <c r="BS820" s="53"/>
      <c r="BT820" s="53"/>
      <c r="BU820" s="53"/>
      <c r="BV820" s="53"/>
      <c r="BW820" s="53"/>
      <c r="BX820" s="53"/>
      <c r="BY820" s="53"/>
      <c r="BZ820" s="53"/>
      <c r="CA820" s="53"/>
      <c r="CB820" s="53">
        <v>-3372083.3333333302</v>
      </c>
      <c r="CC820" s="53">
        <v>-3372083.3333333302</v>
      </c>
      <c r="CD820" s="53">
        <v>-3372083.3333333302</v>
      </c>
      <c r="CE820" s="53">
        <v>-3372083.3333333302</v>
      </c>
      <c r="CF820" s="53">
        <v>-3372083.3333333302</v>
      </c>
      <c r="CG820" s="53">
        <v>-3372083.3333333302</v>
      </c>
      <c r="CH820" s="53">
        <v>-3372083.3333333302</v>
      </c>
      <c r="CI820" s="53">
        <v>-3372083.3333333302</v>
      </c>
      <c r="CJ820" s="53">
        <v>-3372083.3333333302</v>
      </c>
      <c r="CK820" s="53">
        <v>-3372083.3333333302</v>
      </c>
      <c r="CL820" s="53">
        <v>-3372083.3333333302</v>
      </c>
      <c r="CM820" s="53">
        <v>-3372083.3333333302</v>
      </c>
      <c r="CN820" s="53">
        <v>-40465000</v>
      </c>
    </row>
    <row r="821" spans="1:92" outlineLevel="1">
      <c r="A821" s="52" t="s">
        <v>649</v>
      </c>
      <c r="B821" s="53">
        <v>53905.799270000003</v>
      </c>
      <c r="C821" s="53">
        <v>53905.799270000003</v>
      </c>
      <c r="D821" s="53">
        <v>53905.799270000003</v>
      </c>
      <c r="E821" s="53">
        <v>53905.799270000003</v>
      </c>
      <c r="F821" s="53">
        <v>53905.799270000003</v>
      </c>
      <c r="G821" s="53">
        <v>53905.799270000003</v>
      </c>
      <c r="H821" s="53">
        <v>53905.799270000003</v>
      </c>
      <c r="I821" s="53">
        <v>53905.799270000003</v>
      </c>
      <c r="J821" s="53">
        <v>53905.799270000003</v>
      </c>
      <c r="K821" s="53">
        <v>53905.799270000003</v>
      </c>
      <c r="L821" s="53">
        <v>53905.799270000003</v>
      </c>
      <c r="M821" s="53">
        <v>53905.799270000003</v>
      </c>
      <c r="N821" s="53">
        <v>646869.59123999998</v>
      </c>
      <c r="O821" s="53">
        <v>53905.799270000003</v>
      </c>
      <c r="P821" s="53">
        <v>53905.799270000003</v>
      </c>
      <c r="Q821" s="53">
        <v>53905.799270000003</v>
      </c>
      <c r="R821" s="53">
        <v>53905.799270000003</v>
      </c>
      <c r="S821" s="53">
        <v>53905.799270000003</v>
      </c>
      <c r="T821" s="53">
        <v>53905.799270000003</v>
      </c>
      <c r="U821" s="53">
        <v>53905.799270000003</v>
      </c>
      <c r="V821" s="53">
        <v>53905.799270000003</v>
      </c>
      <c r="W821" s="53">
        <v>53905.799270000003</v>
      </c>
      <c r="X821" s="53">
        <v>53905.799270000003</v>
      </c>
      <c r="Y821" s="53">
        <v>53905.799270000003</v>
      </c>
      <c r="Z821" s="53">
        <v>53905.799270000003</v>
      </c>
      <c r="AA821" s="53">
        <v>646869.59123999998</v>
      </c>
      <c r="AB821" s="53">
        <v>53905.799270000003</v>
      </c>
      <c r="AC821" s="53">
        <v>53905.799270000003</v>
      </c>
      <c r="AD821" s="53">
        <v>53905.799270000003</v>
      </c>
      <c r="AE821" s="53">
        <v>53905.799270000003</v>
      </c>
      <c r="AF821" s="53">
        <v>53905.799270000003</v>
      </c>
      <c r="AG821" s="53"/>
      <c r="AH821" s="53"/>
      <c r="AI821" s="53"/>
      <c r="AJ821" s="53"/>
      <c r="AK821" s="53"/>
      <c r="AL821" s="53"/>
      <c r="AM821" s="53"/>
      <c r="AN821" s="53">
        <v>269528.99634999997</v>
      </c>
      <c r="AO821" s="53"/>
      <c r="AP821" s="53"/>
      <c r="AQ821" s="53"/>
      <c r="AR821" s="53"/>
      <c r="AS821" s="53"/>
      <c r="AT821" s="53"/>
      <c r="AU821" s="53"/>
      <c r="AV821" s="53"/>
      <c r="AW821" s="53"/>
      <c r="AX821" s="53"/>
      <c r="AY821" s="53"/>
      <c r="AZ821" s="53"/>
      <c r="BA821" s="53"/>
      <c r="BB821" s="53"/>
      <c r="BC821" s="53"/>
      <c r="BD821" s="53"/>
      <c r="BE821" s="53"/>
      <c r="BF821" s="53"/>
      <c r="BG821" s="53"/>
      <c r="BH821" s="53"/>
      <c r="BI821" s="53"/>
      <c r="BJ821" s="53"/>
      <c r="BK821" s="53"/>
      <c r="BL821" s="53"/>
      <c r="BM821" s="53"/>
      <c r="BN821" s="53"/>
      <c r="BO821" s="53"/>
      <c r="BP821" s="53"/>
      <c r="BQ821" s="53"/>
      <c r="BR821" s="53"/>
      <c r="BS821" s="53"/>
      <c r="BT821" s="53"/>
      <c r="BU821" s="53"/>
      <c r="BV821" s="53"/>
      <c r="BW821" s="53"/>
      <c r="BX821" s="53"/>
      <c r="BY821" s="53"/>
      <c r="BZ821" s="53"/>
      <c r="CA821" s="53"/>
      <c r="CB821" s="53"/>
      <c r="CC821" s="53"/>
      <c r="CD821" s="53"/>
      <c r="CE821" s="53"/>
      <c r="CF821" s="53"/>
      <c r="CG821" s="53"/>
      <c r="CH821" s="53"/>
      <c r="CI821" s="53"/>
      <c r="CJ821" s="53"/>
      <c r="CK821" s="53"/>
      <c r="CL821" s="53"/>
      <c r="CM821" s="53"/>
      <c r="CN821" s="53"/>
    </row>
    <row r="822" spans="1:92" outlineLevel="1">
      <c r="A822" s="52" t="s">
        <v>672</v>
      </c>
      <c r="B822" s="53"/>
      <c r="C822" s="53"/>
      <c r="D822" s="53"/>
      <c r="E822" s="53"/>
      <c r="F822" s="53"/>
      <c r="G822" s="53"/>
      <c r="H822" s="53"/>
      <c r="I822" s="53"/>
      <c r="J822" s="53"/>
      <c r="K822" s="53"/>
      <c r="L822" s="53"/>
      <c r="M822" s="53"/>
      <c r="N822" s="53"/>
      <c r="O822" s="53"/>
      <c r="P822" s="53"/>
      <c r="Q822" s="53"/>
      <c r="R822" s="53"/>
      <c r="S822" s="53"/>
      <c r="T822" s="53"/>
      <c r="U822" s="53"/>
      <c r="V822" s="53"/>
      <c r="W822" s="53"/>
      <c r="X822" s="53"/>
      <c r="Y822" s="53"/>
      <c r="Z822" s="53"/>
      <c r="AA822" s="53"/>
      <c r="AB822" s="53"/>
      <c r="AC822" s="53"/>
      <c r="AD822" s="53"/>
      <c r="AE822" s="53"/>
      <c r="AF822" s="53"/>
      <c r="AG822" s="53"/>
      <c r="AH822" s="53"/>
      <c r="AI822" s="53"/>
      <c r="AJ822" s="53"/>
      <c r="AK822" s="53"/>
      <c r="AL822" s="53"/>
      <c r="AM822" s="53"/>
      <c r="AN822" s="53"/>
      <c r="AO822" s="53"/>
      <c r="AP822" s="53"/>
      <c r="AQ822" s="53"/>
      <c r="AR822" s="53"/>
      <c r="AS822" s="53"/>
      <c r="AT822" s="53"/>
      <c r="AU822" s="53"/>
      <c r="AV822" s="53"/>
      <c r="AW822" s="53"/>
      <c r="AX822" s="53"/>
      <c r="AY822" s="53"/>
      <c r="AZ822" s="53"/>
      <c r="BA822" s="53"/>
      <c r="BB822" s="53"/>
      <c r="BC822" s="53"/>
      <c r="BD822" s="53"/>
      <c r="BE822" s="53"/>
      <c r="BF822" s="53"/>
      <c r="BG822" s="53"/>
      <c r="BH822" s="53"/>
      <c r="BI822" s="53"/>
      <c r="BJ822" s="53"/>
      <c r="BK822" s="53"/>
      <c r="BL822" s="53"/>
      <c r="BM822" s="53"/>
      <c r="BN822" s="53"/>
      <c r="BO822" s="53"/>
      <c r="BP822" s="53"/>
      <c r="BQ822" s="53"/>
      <c r="BR822" s="53"/>
      <c r="BS822" s="53"/>
      <c r="BT822" s="53"/>
      <c r="BU822" s="53"/>
      <c r="BV822" s="53"/>
      <c r="BW822" s="53"/>
      <c r="BX822" s="53"/>
      <c r="BY822" s="53"/>
      <c r="BZ822" s="53"/>
      <c r="CA822" s="53"/>
      <c r="CB822" s="53"/>
      <c r="CC822" s="53"/>
      <c r="CD822" s="53"/>
      <c r="CE822" s="53"/>
      <c r="CF822" s="53"/>
      <c r="CG822" s="53"/>
      <c r="CH822" s="53"/>
      <c r="CI822" s="53"/>
      <c r="CJ822" s="53"/>
      <c r="CK822" s="53"/>
      <c r="CL822" s="53"/>
      <c r="CM822" s="53"/>
      <c r="CN822" s="53"/>
    </row>
    <row r="823" spans="1:92">
      <c r="A823" s="52" t="s">
        <v>673</v>
      </c>
      <c r="B823" s="53"/>
      <c r="C823" s="53"/>
      <c r="D823" s="53"/>
      <c r="E823" s="53"/>
      <c r="F823" s="53"/>
      <c r="G823" s="53"/>
      <c r="H823" s="53"/>
      <c r="I823" s="53"/>
      <c r="J823" s="53"/>
      <c r="K823" s="53"/>
      <c r="L823" s="53"/>
      <c r="M823" s="53"/>
      <c r="N823" s="53"/>
      <c r="O823" s="53"/>
      <c r="P823" s="53"/>
      <c r="Q823" s="53"/>
      <c r="R823" s="53"/>
      <c r="S823" s="53"/>
      <c r="T823" s="53"/>
      <c r="U823" s="53"/>
      <c r="V823" s="53"/>
      <c r="W823" s="53"/>
      <c r="X823" s="53"/>
      <c r="Y823" s="53"/>
      <c r="Z823" s="53"/>
      <c r="AA823" s="53"/>
      <c r="AB823" s="53"/>
      <c r="AC823" s="53"/>
      <c r="AD823" s="53"/>
      <c r="AE823" s="53"/>
      <c r="AF823" s="53"/>
      <c r="AG823" s="53"/>
      <c r="AH823" s="53"/>
      <c r="AI823" s="53"/>
      <c r="AJ823" s="53"/>
      <c r="AK823" s="53"/>
      <c r="AL823" s="53"/>
      <c r="AM823" s="53"/>
      <c r="AN823" s="53"/>
      <c r="AO823" s="53"/>
      <c r="AP823" s="53"/>
      <c r="AQ823" s="53"/>
      <c r="AR823" s="53"/>
      <c r="AS823" s="53"/>
      <c r="AT823" s="53"/>
      <c r="AU823" s="53"/>
      <c r="AV823" s="53"/>
      <c r="AW823" s="53"/>
      <c r="AX823" s="53"/>
      <c r="AY823" s="53"/>
      <c r="AZ823" s="53"/>
      <c r="BA823" s="53"/>
      <c r="BB823" s="53"/>
      <c r="BC823" s="53"/>
      <c r="BD823" s="53"/>
      <c r="BE823" s="53"/>
      <c r="BF823" s="53"/>
      <c r="BG823" s="53"/>
      <c r="BH823" s="53"/>
      <c r="BI823" s="53"/>
      <c r="BJ823" s="53"/>
      <c r="BK823" s="53"/>
      <c r="BL823" s="53"/>
      <c r="BM823" s="53"/>
      <c r="BN823" s="53"/>
      <c r="BO823" s="53"/>
      <c r="BP823" s="53"/>
      <c r="BQ823" s="53"/>
      <c r="BR823" s="53"/>
      <c r="BS823" s="53"/>
      <c r="BT823" s="53"/>
      <c r="BU823" s="53"/>
      <c r="BV823" s="53"/>
      <c r="BW823" s="53"/>
      <c r="BX823" s="53"/>
      <c r="BY823" s="53"/>
      <c r="BZ823" s="53"/>
      <c r="CA823" s="53"/>
      <c r="CB823" s="53">
        <v>-355385</v>
      </c>
      <c r="CC823" s="53">
        <v>-355385</v>
      </c>
      <c r="CD823" s="53">
        <v>-355385</v>
      </c>
      <c r="CE823" s="53">
        <v>-355385</v>
      </c>
      <c r="CF823" s="53">
        <v>-355385</v>
      </c>
      <c r="CG823" s="53">
        <v>-355385</v>
      </c>
      <c r="CH823" s="53">
        <v>-355385</v>
      </c>
      <c r="CI823" s="53">
        <v>-355385</v>
      </c>
      <c r="CJ823" s="53">
        <v>-355385</v>
      </c>
      <c r="CK823" s="53">
        <v>-355385</v>
      </c>
      <c r="CL823" s="53">
        <v>-355385</v>
      </c>
      <c r="CM823" s="53">
        <v>-355385</v>
      </c>
      <c r="CN823" s="53">
        <v>-4264620</v>
      </c>
    </row>
    <row r="824" spans="1:92">
      <c r="A824" s="52" t="s">
        <v>1354</v>
      </c>
      <c r="B824" s="53"/>
      <c r="C824" s="53"/>
      <c r="D824" s="53"/>
      <c r="E824" s="53"/>
      <c r="F824" s="53"/>
      <c r="G824" s="53"/>
      <c r="H824" s="53"/>
      <c r="I824" s="53"/>
      <c r="J824" s="53"/>
      <c r="K824" s="53"/>
      <c r="L824" s="53"/>
      <c r="M824" s="53"/>
      <c r="N824" s="53"/>
      <c r="O824" s="53"/>
      <c r="P824" s="53"/>
      <c r="Q824" s="53"/>
      <c r="R824" s="53"/>
      <c r="S824" s="53"/>
      <c r="T824" s="53"/>
      <c r="U824" s="53"/>
      <c r="V824" s="53"/>
      <c r="W824" s="53"/>
      <c r="X824" s="53"/>
      <c r="Y824" s="53"/>
      <c r="Z824" s="53"/>
      <c r="AA824" s="53"/>
      <c r="AB824" s="53"/>
      <c r="AC824" s="53"/>
      <c r="AD824" s="53"/>
      <c r="AE824" s="53"/>
      <c r="AF824" s="53"/>
      <c r="AG824" s="53"/>
      <c r="AH824" s="53"/>
      <c r="AI824" s="53"/>
      <c r="AJ824" s="53"/>
      <c r="AK824" s="53"/>
      <c r="AL824" s="53"/>
      <c r="AM824" s="53"/>
      <c r="AN824" s="53"/>
      <c r="AO824" s="53"/>
      <c r="AP824" s="53"/>
      <c r="AQ824" s="53"/>
      <c r="AR824" s="53"/>
      <c r="AS824" s="53"/>
      <c r="AT824" s="53"/>
      <c r="AU824" s="53"/>
      <c r="AV824" s="53"/>
      <c r="AW824" s="53"/>
      <c r="AX824" s="53"/>
      <c r="AY824" s="53"/>
      <c r="AZ824" s="53"/>
      <c r="BA824" s="53"/>
      <c r="BB824" s="53"/>
      <c r="BC824" s="53"/>
      <c r="BD824" s="53"/>
      <c r="BE824" s="53"/>
      <c r="BF824" s="53"/>
      <c r="BG824" s="53"/>
      <c r="BH824" s="53"/>
      <c r="BI824" s="53"/>
      <c r="BJ824" s="53"/>
      <c r="BK824" s="53"/>
      <c r="BL824" s="53"/>
      <c r="BM824" s="53"/>
      <c r="BN824" s="53"/>
      <c r="BO824" s="53"/>
      <c r="BP824" s="53"/>
      <c r="BQ824" s="53"/>
      <c r="BR824" s="53"/>
      <c r="BS824" s="53"/>
      <c r="BT824" s="53"/>
      <c r="BU824" s="53"/>
      <c r="BV824" s="53"/>
      <c r="BW824" s="53"/>
      <c r="BX824" s="53"/>
      <c r="BY824" s="53"/>
      <c r="BZ824" s="53"/>
      <c r="CA824" s="53"/>
      <c r="CB824" s="53"/>
      <c r="CC824" s="53"/>
      <c r="CD824" s="53"/>
      <c r="CE824" s="53"/>
      <c r="CF824" s="53"/>
      <c r="CG824" s="53"/>
      <c r="CH824" s="53"/>
      <c r="CI824" s="53"/>
      <c r="CJ824" s="53"/>
      <c r="CK824" s="53"/>
      <c r="CL824" s="53"/>
      <c r="CM824" s="53"/>
      <c r="CN824" s="53"/>
    </row>
    <row r="825" spans="1:92">
      <c r="A825" s="52" t="s">
        <v>649</v>
      </c>
      <c r="B825" s="53">
        <v>-108408590</v>
      </c>
      <c r="C825" s="53">
        <v>-111452680</v>
      </c>
      <c r="D825" s="53">
        <v>-108808290</v>
      </c>
      <c r="E825" s="53">
        <v>-134312200</v>
      </c>
      <c r="F825" s="53">
        <v>-174416479.99999899</v>
      </c>
      <c r="G825" s="53">
        <v>-413112169.99999899</v>
      </c>
      <c r="H825" s="53">
        <v>-117550719.999999</v>
      </c>
      <c r="I825" s="53">
        <v>-227291620</v>
      </c>
      <c r="J825" s="53">
        <v>-121978579.999999</v>
      </c>
      <c r="K825" s="53">
        <v>-155036370</v>
      </c>
      <c r="L825" s="53">
        <v>-139047400</v>
      </c>
      <c r="M825" s="53">
        <v>-194937180</v>
      </c>
      <c r="N825" s="53">
        <v>-2006352280</v>
      </c>
      <c r="O825" s="53">
        <v>-121166551.26905499</v>
      </c>
      <c r="P825" s="53">
        <v>-150508708.96385899</v>
      </c>
      <c r="Q825" s="53">
        <v>-584839899.55322599</v>
      </c>
      <c r="R825" s="53">
        <v>-162012601.07420599</v>
      </c>
      <c r="S825" s="53">
        <v>-275921187.15354598</v>
      </c>
      <c r="T825" s="53">
        <v>-179277684.60468599</v>
      </c>
      <c r="U825" s="53">
        <v>-91157880.287887096</v>
      </c>
      <c r="V825" s="53">
        <v>-60384097.543088503</v>
      </c>
      <c r="W825" s="53">
        <v>-135313618.62082499</v>
      </c>
      <c r="X825" s="53">
        <v>-69191707.508709207</v>
      </c>
      <c r="Y825" s="53">
        <v>-112144689.447539</v>
      </c>
      <c r="Z825" s="53">
        <v>-678172992.36010301</v>
      </c>
      <c r="AA825" s="53">
        <v>-2620091618.3867302</v>
      </c>
      <c r="AB825" s="53">
        <v>-266067655.00898799</v>
      </c>
      <c r="AC825" s="53">
        <v>-238408943.78914601</v>
      </c>
      <c r="AD825" s="53">
        <v>-175465646.61439699</v>
      </c>
      <c r="AE825" s="53">
        <v>-57570782.029548503</v>
      </c>
      <c r="AF825" s="53">
        <v>-73965135.707148105</v>
      </c>
      <c r="AG825" s="53">
        <v>-373946571.15931898</v>
      </c>
      <c r="AH825" s="53">
        <v>-60619101.111657202</v>
      </c>
      <c r="AI825" s="53">
        <v>-91459210.294759095</v>
      </c>
      <c r="AJ825" s="53">
        <v>-147675373.26558101</v>
      </c>
      <c r="AK825" s="53">
        <v>-197326577.30836299</v>
      </c>
      <c r="AL825" s="53">
        <v>-136112309.40782699</v>
      </c>
      <c r="AM825" s="53">
        <v>-986562991.128142</v>
      </c>
      <c r="AN825" s="53">
        <v>-2805180296.8248701</v>
      </c>
      <c r="AO825" s="53">
        <v>-99330194.873363599</v>
      </c>
      <c r="AP825" s="53">
        <v>-53607959.479258999</v>
      </c>
      <c r="AQ825" s="53">
        <v>-348435671.40704</v>
      </c>
      <c r="AR825" s="53">
        <v>-100822069.088377</v>
      </c>
      <c r="AS825" s="53">
        <v>-77276734.745471194</v>
      </c>
      <c r="AT825" s="53">
        <v>-229717657.94964299</v>
      </c>
      <c r="AU825" s="53">
        <v>-67882062.571247905</v>
      </c>
      <c r="AV825" s="53">
        <v>-85671038.329333007</v>
      </c>
      <c r="AW825" s="53">
        <v>-305261101.91206098</v>
      </c>
      <c r="AX825" s="53">
        <v>-64980692.080906101</v>
      </c>
      <c r="AY825" s="53">
        <v>-69542646.300630406</v>
      </c>
      <c r="AZ825" s="53">
        <v>-1667714670.14533</v>
      </c>
      <c r="BA825" s="53">
        <v>-3170242498.8826699</v>
      </c>
      <c r="BB825" s="53">
        <v>-77466925.638372093</v>
      </c>
      <c r="BC825" s="53">
        <v>-58265475.404640198</v>
      </c>
      <c r="BD825" s="53">
        <v>-139476285.88325199</v>
      </c>
      <c r="BE825" s="53">
        <v>-62032188.568349697</v>
      </c>
      <c r="BF825" s="53">
        <v>-114991245.84185401</v>
      </c>
      <c r="BG825" s="53">
        <v>-539921293.44122601</v>
      </c>
      <c r="BH825" s="53">
        <v>-209220037.63718501</v>
      </c>
      <c r="BI825" s="53">
        <v>-108548715.048696</v>
      </c>
      <c r="BJ825" s="53">
        <v>-162883292.006643</v>
      </c>
      <c r="BK825" s="53">
        <v>-86681716.513938695</v>
      </c>
      <c r="BL825" s="53">
        <v>-91679468.020124897</v>
      </c>
      <c r="BM825" s="53">
        <v>-574199851.305035</v>
      </c>
      <c r="BN825" s="53">
        <v>-2225366495.30932</v>
      </c>
      <c r="BO825" s="53">
        <v>-50156018.192467302</v>
      </c>
      <c r="BP825" s="53">
        <v>-54814052.482335098</v>
      </c>
      <c r="BQ825" s="53">
        <v>-238750029.86870101</v>
      </c>
      <c r="BR825" s="53">
        <v>-67595378.712641701</v>
      </c>
      <c r="BS825" s="53">
        <v>-88739205.807381794</v>
      </c>
      <c r="BT825" s="53">
        <v>-534196520.81503803</v>
      </c>
      <c r="BU825" s="53">
        <v>-235302756.47542199</v>
      </c>
      <c r="BV825" s="53">
        <v>-91558132.615362301</v>
      </c>
      <c r="BW825" s="53">
        <v>-169523560.05052301</v>
      </c>
      <c r="BX825" s="53">
        <v>-149244843.85922101</v>
      </c>
      <c r="BY825" s="53">
        <v>-93476718.409495801</v>
      </c>
      <c r="BZ825" s="53">
        <v>-457145515.01068503</v>
      </c>
      <c r="CA825" s="53">
        <v>-2230502732.2992702</v>
      </c>
      <c r="CB825" s="53"/>
      <c r="CC825" s="53"/>
      <c r="CD825" s="53"/>
      <c r="CE825" s="53"/>
      <c r="CF825" s="53"/>
      <c r="CG825" s="53"/>
      <c r="CH825" s="53"/>
      <c r="CI825" s="53"/>
      <c r="CJ825" s="53"/>
      <c r="CK825" s="53"/>
      <c r="CL825" s="53"/>
      <c r="CM825" s="53"/>
      <c r="CN825" s="53"/>
    </row>
    <row r="826" spans="1:92">
      <c r="A826" s="52" t="s">
        <v>750</v>
      </c>
      <c r="B826" s="53"/>
      <c r="C826" s="53"/>
      <c r="D826" s="53"/>
      <c r="E826" s="53"/>
      <c r="F826" s="53"/>
      <c r="G826" s="53"/>
      <c r="H826" s="53"/>
      <c r="I826" s="53"/>
      <c r="J826" s="53"/>
      <c r="K826" s="53"/>
      <c r="L826" s="53"/>
      <c r="M826" s="53"/>
      <c r="N826" s="53"/>
      <c r="O826" s="53"/>
      <c r="P826" s="53"/>
      <c r="Q826" s="53"/>
      <c r="R826" s="53"/>
      <c r="S826" s="53"/>
      <c r="T826" s="53"/>
      <c r="U826" s="53"/>
      <c r="V826" s="53"/>
      <c r="W826" s="53"/>
      <c r="X826" s="53"/>
      <c r="Y826" s="53"/>
      <c r="Z826" s="53"/>
      <c r="AA826" s="53"/>
      <c r="AB826" s="53"/>
      <c r="AC826" s="53"/>
      <c r="AD826" s="53"/>
      <c r="AE826" s="53"/>
      <c r="AF826" s="53"/>
      <c r="AG826" s="53"/>
      <c r="AH826" s="53"/>
      <c r="AI826" s="53"/>
      <c r="AJ826" s="53"/>
      <c r="AK826" s="53"/>
      <c r="AL826" s="53"/>
      <c r="AM826" s="53"/>
      <c r="AN826" s="53"/>
      <c r="AO826" s="53"/>
      <c r="AP826" s="53"/>
      <c r="AQ826" s="53"/>
      <c r="AR826" s="53"/>
      <c r="AS826" s="53"/>
      <c r="AT826" s="53"/>
      <c r="AU826" s="53"/>
      <c r="AV826" s="53"/>
      <c r="AW826" s="53"/>
      <c r="AX826" s="53"/>
      <c r="AY826" s="53"/>
      <c r="AZ826" s="53"/>
      <c r="BA826" s="53"/>
      <c r="BB826" s="53"/>
      <c r="BC826" s="53"/>
      <c r="BD826" s="53"/>
      <c r="BE826" s="53"/>
      <c r="BF826" s="53"/>
      <c r="BG826" s="53"/>
      <c r="BH826" s="53"/>
      <c r="BI826" s="53"/>
      <c r="BJ826" s="53"/>
      <c r="BK826" s="53"/>
      <c r="BL826" s="53"/>
      <c r="BM826" s="53"/>
      <c r="BN826" s="53"/>
      <c r="BO826" s="53"/>
      <c r="BP826" s="53"/>
      <c r="BQ826" s="53"/>
      <c r="BR826" s="53"/>
      <c r="BS826" s="53"/>
      <c r="BT826" s="53"/>
      <c r="BU826" s="53"/>
      <c r="BV826" s="53"/>
      <c r="BW826" s="53"/>
      <c r="BX826" s="53"/>
      <c r="BY826" s="53"/>
      <c r="BZ826" s="53"/>
      <c r="CA826" s="53"/>
      <c r="CB826" s="53">
        <v>32456487538.793499</v>
      </c>
      <c r="CC826" s="53">
        <v>32626220255.554699</v>
      </c>
      <c r="CD826" s="53">
        <v>32800896041.0564</v>
      </c>
      <c r="CE826" s="53">
        <v>32980417800.353699</v>
      </c>
      <c r="CF826" s="53">
        <v>33153863965.128201</v>
      </c>
      <c r="CG826" s="53">
        <v>33312274423.702599</v>
      </c>
      <c r="CH826" s="53">
        <v>33483263282.0574</v>
      </c>
      <c r="CI826" s="53">
        <v>33648235523.873402</v>
      </c>
      <c r="CJ826" s="53">
        <v>33807277074.601002</v>
      </c>
      <c r="CK826" s="53">
        <v>33981585274.433998</v>
      </c>
      <c r="CL826" s="53">
        <v>34147445164.825802</v>
      </c>
      <c r="CM826" s="53">
        <v>34249024974.377998</v>
      </c>
      <c r="CN826" s="53">
        <v>34249024974.377998</v>
      </c>
    </row>
    <row r="827" spans="1:92">
      <c r="A827" s="52" t="s">
        <v>1356</v>
      </c>
      <c r="B827" s="53"/>
      <c r="C827" s="53"/>
      <c r="D827" s="53"/>
      <c r="E827" s="53"/>
      <c r="F827" s="53"/>
      <c r="G827" s="53"/>
      <c r="H827" s="53"/>
      <c r="I827" s="53"/>
      <c r="J827" s="53"/>
      <c r="K827" s="53"/>
      <c r="L827" s="53"/>
      <c r="M827" s="53"/>
      <c r="N827" s="53"/>
      <c r="O827" s="53"/>
      <c r="P827" s="53"/>
      <c r="Q827" s="53"/>
      <c r="R827" s="53"/>
      <c r="S827" s="53"/>
      <c r="T827" s="53"/>
      <c r="U827" s="53"/>
      <c r="V827" s="53"/>
      <c r="W827" s="53"/>
      <c r="X827" s="53"/>
      <c r="Y827" s="53"/>
      <c r="Z827" s="53"/>
      <c r="AA827" s="53"/>
      <c r="AB827" s="53"/>
      <c r="AC827" s="53"/>
      <c r="AD827" s="53"/>
      <c r="AE827" s="53"/>
      <c r="AF827" s="53"/>
      <c r="AG827" s="53"/>
      <c r="AH827" s="53"/>
      <c r="AI827" s="53"/>
      <c r="AJ827" s="53"/>
      <c r="AK827" s="53"/>
      <c r="AL827" s="53"/>
      <c r="AM827" s="53"/>
      <c r="AN827" s="53"/>
      <c r="AO827" s="53"/>
      <c r="AP827" s="53"/>
      <c r="AQ827" s="53"/>
      <c r="AR827" s="53"/>
      <c r="AS827" s="53"/>
      <c r="AT827" s="53"/>
      <c r="AU827" s="53"/>
      <c r="AV827" s="53"/>
      <c r="AW827" s="53"/>
      <c r="AX827" s="53"/>
      <c r="AY827" s="53"/>
      <c r="AZ827" s="53"/>
      <c r="BA827" s="53"/>
      <c r="BB827" s="53"/>
      <c r="BC827" s="53"/>
      <c r="BD827" s="53"/>
      <c r="BE827" s="53"/>
      <c r="BF827" s="53"/>
      <c r="BG827" s="53"/>
      <c r="BH827" s="53"/>
      <c r="BI827" s="53"/>
      <c r="BJ827" s="53"/>
      <c r="BK827" s="53"/>
      <c r="BL827" s="53"/>
      <c r="BM827" s="53"/>
      <c r="BN827" s="53"/>
      <c r="BO827" s="53"/>
      <c r="BP827" s="53"/>
      <c r="BQ827" s="53"/>
      <c r="BR827" s="53"/>
      <c r="BS827" s="53"/>
      <c r="BT827" s="53"/>
      <c r="BU827" s="53"/>
      <c r="BV827" s="53"/>
      <c r="BW827" s="53"/>
      <c r="BX827" s="53"/>
      <c r="BY827" s="53"/>
      <c r="BZ827" s="53"/>
      <c r="CA827" s="53"/>
      <c r="CB827" s="53"/>
      <c r="CC827" s="53"/>
      <c r="CD827" s="53"/>
      <c r="CE827" s="53"/>
      <c r="CF827" s="53"/>
      <c r="CG827" s="53"/>
      <c r="CH827" s="53"/>
      <c r="CI827" s="53"/>
      <c r="CJ827" s="53"/>
      <c r="CK827" s="53"/>
      <c r="CL827" s="53"/>
      <c r="CM827" s="53"/>
      <c r="CN827" s="53"/>
    </row>
    <row r="828" spans="1:92" outlineLevel="1">
      <c r="A828" s="52" t="s">
        <v>649</v>
      </c>
      <c r="B828" s="53">
        <v>-112335659.999999</v>
      </c>
      <c r="C828" s="53">
        <v>-114391130</v>
      </c>
      <c r="D828" s="53">
        <v>-109109079.999999</v>
      </c>
      <c r="E828" s="53">
        <v>-141991179.99999899</v>
      </c>
      <c r="F828" s="53">
        <v>-176603059.99999899</v>
      </c>
      <c r="G828" s="53">
        <v>-418199270</v>
      </c>
      <c r="H828" s="53">
        <v>-120752020</v>
      </c>
      <c r="I828" s="53">
        <v>-228894259.99999899</v>
      </c>
      <c r="J828" s="53">
        <v>-119496750</v>
      </c>
      <c r="K828" s="53">
        <v>-156348550</v>
      </c>
      <c r="L828" s="53">
        <v>-154448009.99999899</v>
      </c>
      <c r="M828" s="53">
        <v>-200049209.99999899</v>
      </c>
      <c r="N828" s="53">
        <v>-2052618180</v>
      </c>
      <c r="O828" s="53">
        <v>-121166551.26905499</v>
      </c>
      <c r="P828" s="53">
        <v>-150508708.96385899</v>
      </c>
      <c r="Q828" s="53">
        <v>-584839899.55322599</v>
      </c>
      <c r="R828" s="53">
        <v>-162012601.07420599</v>
      </c>
      <c r="S828" s="53">
        <v>-275921187.15354598</v>
      </c>
      <c r="T828" s="53">
        <v>-179277684.60468599</v>
      </c>
      <c r="U828" s="53">
        <v>-91157880.287887096</v>
      </c>
      <c r="V828" s="53">
        <v>-60384097.543088503</v>
      </c>
      <c r="W828" s="53">
        <v>-135313618.62082499</v>
      </c>
      <c r="X828" s="53">
        <v>-69191707.508709207</v>
      </c>
      <c r="Y828" s="53">
        <v>-112144689.447539</v>
      </c>
      <c r="Z828" s="53">
        <v>-678172992.36010396</v>
      </c>
      <c r="AA828" s="53">
        <v>-2620091618.3867302</v>
      </c>
      <c r="AB828" s="53">
        <v>-266067655.00898799</v>
      </c>
      <c r="AC828" s="53">
        <v>-238408943.78914601</v>
      </c>
      <c r="AD828" s="53">
        <v>-175465646.61439601</v>
      </c>
      <c r="AE828" s="53">
        <v>-57570782.029548503</v>
      </c>
      <c r="AF828" s="53">
        <v>-73965135.707148105</v>
      </c>
      <c r="AG828" s="53">
        <v>-373946571.15931797</v>
      </c>
      <c r="AH828" s="53">
        <v>-60619101.111657202</v>
      </c>
      <c r="AI828" s="53">
        <v>-91459210.294759095</v>
      </c>
      <c r="AJ828" s="53">
        <v>-147675373.26558101</v>
      </c>
      <c r="AK828" s="53">
        <v>-197326577.30836299</v>
      </c>
      <c r="AL828" s="53">
        <v>-136112309.40782699</v>
      </c>
      <c r="AM828" s="53">
        <v>-986562991.128142</v>
      </c>
      <c r="AN828" s="53">
        <v>-2805180296.8248701</v>
      </c>
      <c r="AO828" s="53">
        <v>-99330194.873363495</v>
      </c>
      <c r="AP828" s="53">
        <v>-53607959.479258999</v>
      </c>
      <c r="AQ828" s="53">
        <v>-348435671.40704</v>
      </c>
      <c r="AR828" s="53">
        <v>-100822069.088377</v>
      </c>
      <c r="AS828" s="53">
        <v>-77276734.745471194</v>
      </c>
      <c r="AT828" s="53">
        <v>-229717657.94964299</v>
      </c>
      <c r="AU828" s="53">
        <v>-67882062.571247905</v>
      </c>
      <c r="AV828" s="53">
        <v>-85671038.329333007</v>
      </c>
      <c r="AW828" s="53">
        <v>-305261101.91206098</v>
      </c>
      <c r="AX828" s="53">
        <v>-64980692.080906101</v>
      </c>
      <c r="AY828" s="53">
        <v>-69542646.300630406</v>
      </c>
      <c r="AZ828" s="53">
        <v>-1667714670.14533</v>
      </c>
      <c r="BA828" s="53">
        <v>-3170242498.8826699</v>
      </c>
      <c r="BB828" s="53">
        <v>-77466925.638372004</v>
      </c>
      <c r="BC828" s="53">
        <v>-58265475.404640198</v>
      </c>
      <c r="BD828" s="53">
        <v>-139476285.88325199</v>
      </c>
      <c r="BE828" s="53">
        <v>-62032188.568349801</v>
      </c>
      <c r="BF828" s="53">
        <v>-114991245.84185401</v>
      </c>
      <c r="BG828" s="53">
        <v>-539921293.44122601</v>
      </c>
      <c r="BH828" s="53">
        <v>-209220037.63718501</v>
      </c>
      <c r="BI828" s="53">
        <v>-108548715.048696</v>
      </c>
      <c r="BJ828" s="53">
        <v>-162883292.006643</v>
      </c>
      <c r="BK828" s="53">
        <v>-86681716.513938695</v>
      </c>
      <c r="BL828" s="53">
        <v>-91679468.020124793</v>
      </c>
      <c r="BM828" s="53">
        <v>-574199851.30503595</v>
      </c>
      <c r="BN828" s="53">
        <v>-2225366495.30932</v>
      </c>
      <c r="BO828" s="53">
        <v>-50156018.192467302</v>
      </c>
      <c r="BP828" s="53">
        <v>-54814052.482335098</v>
      </c>
      <c r="BQ828" s="53">
        <v>-238750029.86870101</v>
      </c>
      <c r="BR828" s="53">
        <v>-67595378.712641701</v>
      </c>
      <c r="BS828" s="53">
        <v>-88739205.807381794</v>
      </c>
      <c r="BT828" s="53">
        <v>-534196520.81503803</v>
      </c>
      <c r="BU828" s="53">
        <v>-235302756.47542199</v>
      </c>
      <c r="BV828" s="53">
        <v>-91558132.615362301</v>
      </c>
      <c r="BW828" s="53">
        <v>-169523560.05052301</v>
      </c>
      <c r="BX828" s="53">
        <v>-149244843.85922101</v>
      </c>
      <c r="BY828" s="53">
        <v>-93476718.409495801</v>
      </c>
      <c r="BZ828" s="53">
        <v>-457145515.01068503</v>
      </c>
      <c r="CA828" s="53">
        <v>-2230502732.2992702</v>
      </c>
      <c r="CB828" s="53">
        <v>0</v>
      </c>
      <c r="CC828" s="53">
        <v>0</v>
      </c>
      <c r="CD828" s="53">
        <v>0</v>
      </c>
      <c r="CE828" s="53">
        <v>0</v>
      </c>
      <c r="CF828" s="53">
        <v>0</v>
      </c>
      <c r="CG828" s="53">
        <v>0</v>
      </c>
      <c r="CH828" s="53">
        <v>0</v>
      </c>
      <c r="CI828" s="53">
        <v>0</v>
      </c>
      <c r="CJ828" s="53">
        <v>0</v>
      </c>
      <c r="CK828" s="53">
        <v>0</v>
      </c>
      <c r="CL828" s="53">
        <v>0</v>
      </c>
      <c r="CM828" s="53">
        <v>0</v>
      </c>
      <c r="CN828" s="53">
        <v>0</v>
      </c>
    </row>
    <row r="829" spans="1:92" outlineLevel="1">
      <c r="A829" s="52" t="s">
        <v>1365</v>
      </c>
      <c r="B829" s="53"/>
      <c r="C829" s="53"/>
      <c r="D829" s="53"/>
      <c r="E829" s="53"/>
      <c r="F829" s="53"/>
      <c r="G829" s="53"/>
      <c r="H829" s="53"/>
      <c r="I829" s="53"/>
      <c r="J829" s="53"/>
      <c r="K829" s="53"/>
      <c r="L829" s="53"/>
      <c r="M829" s="53"/>
      <c r="N829" s="53"/>
      <c r="O829" s="53"/>
      <c r="P829" s="53"/>
      <c r="Q829" s="53"/>
      <c r="R829" s="53"/>
      <c r="S829" s="53"/>
      <c r="T829" s="53"/>
      <c r="U829" s="53"/>
      <c r="V829" s="53"/>
      <c r="W829" s="53"/>
      <c r="X829" s="53"/>
      <c r="Y829" s="53"/>
      <c r="Z829" s="53"/>
      <c r="AA829" s="53"/>
      <c r="AB829" s="53"/>
      <c r="AC829" s="53"/>
      <c r="AD829" s="53"/>
      <c r="AE829" s="53"/>
      <c r="AF829" s="53"/>
      <c r="AG829" s="53"/>
      <c r="AH829" s="53"/>
      <c r="AI829" s="53"/>
      <c r="AJ829" s="53"/>
      <c r="AK829" s="53"/>
      <c r="AL829" s="53"/>
      <c r="AM829" s="53"/>
      <c r="AN829" s="53"/>
      <c r="AO829" s="53"/>
      <c r="AP829" s="53"/>
      <c r="AQ829" s="53"/>
      <c r="AR829" s="53"/>
      <c r="AS829" s="53"/>
      <c r="AT829" s="53"/>
      <c r="AU829" s="53"/>
      <c r="AV829" s="53"/>
      <c r="AW829" s="53"/>
      <c r="AX829" s="53"/>
      <c r="AY829" s="53"/>
      <c r="AZ829" s="53"/>
      <c r="BA829" s="53"/>
      <c r="BB829" s="53"/>
      <c r="BC829" s="53"/>
      <c r="BD829" s="53"/>
      <c r="BE829" s="53"/>
      <c r="BF829" s="53"/>
      <c r="BG829" s="53"/>
      <c r="BH829" s="53"/>
      <c r="BI829" s="53"/>
      <c r="BJ829" s="53"/>
      <c r="BK829" s="53"/>
      <c r="BL829" s="53"/>
      <c r="BM829" s="53"/>
      <c r="BN829" s="53"/>
      <c r="BO829" s="53"/>
      <c r="BP829" s="53"/>
      <c r="BQ829" s="53"/>
      <c r="BR829" s="53"/>
      <c r="BS829" s="53"/>
      <c r="BT829" s="53"/>
      <c r="BU829" s="53"/>
      <c r="BV829" s="53"/>
      <c r="BW829" s="53"/>
      <c r="BX829" s="53"/>
      <c r="BY829" s="53"/>
      <c r="BZ829" s="53"/>
      <c r="CA829" s="53"/>
      <c r="CB829" s="53"/>
      <c r="CC829" s="53"/>
      <c r="CD829" s="53"/>
      <c r="CE829" s="53"/>
      <c r="CF829" s="53"/>
      <c r="CG829" s="53"/>
      <c r="CH829" s="53"/>
      <c r="CI829" s="53"/>
      <c r="CJ829" s="53"/>
      <c r="CK829" s="53"/>
      <c r="CL829" s="53"/>
      <c r="CM829" s="53"/>
      <c r="CN829" s="53"/>
    </row>
    <row r="830" spans="1:92" outlineLevel="1">
      <c r="A830" s="52" t="s">
        <v>1367</v>
      </c>
      <c r="B830" s="53"/>
      <c r="C830" s="53"/>
      <c r="D830" s="53"/>
      <c r="E830" s="53"/>
      <c r="F830" s="53"/>
      <c r="G830" s="53"/>
      <c r="H830" s="53"/>
      <c r="I830" s="53"/>
      <c r="J830" s="53"/>
      <c r="K830" s="53"/>
      <c r="L830" s="53"/>
      <c r="M830" s="53"/>
      <c r="N830" s="53"/>
      <c r="O830" s="53"/>
      <c r="P830" s="53"/>
      <c r="Q830" s="53"/>
      <c r="R830" s="53"/>
      <c r="S830" s="53"/>
      <c r="T830" s="53"/>
      <c r="U830" s="53"/>
      <c r="V830" s="53"/>
      <c r="W830" s="53"/>
      <c r="X830" s="53"/>
      <c r="Y830" s="53"/>
      <c r="Z830" s="53"/>
      <c r="AA830" s="53"/>
      <c r="AB830" s="53"/>
      <c r="AC830" s="53"/>
      <c r="AD830" s="53"/>
      <c r="AE830" s="53"/>
      <c r="AF830" s="53"/>
      <c r="AG830" s="53"/>
      <c r="AH830" s="53"/>
      <c r="AI830" s="53"/>
      <c r="AJ830" s="53"/>
      <c r="AK830" s="53"/>
      <c r="AL830" s="53"/>
      <c r="AM830" s="53"/>
      <c r="AN830" s="53"/>
      <c r="AO830" s="53"/>
      <c r="AP830" s="53"/>
      <c r="AQ830" s="53"/>
      <c r="AR830" s="53"/>
      <c r="AS830" s="53"/>
      <c r="AT830" s="53"/>
      <c r="AU830" s="53"/>
      <c r="AV830" s="53"/>
      <c r="AW830" s="53"/>
      <c r="AX830" s="53"/>
      <c r="AY830" s="53"/>
      <c r="AZ830" s="53"/>
      <c r="BA830" s="53"/>
      <c r="BB830" s="53"/>
      <c r="BC830" s="53"/>
      <c r="BD830" s="53"/>
      <c r="BE830" s="53"/>
      <c r="BF830" s="53"/>
      <c r="BG830" s="53"/>
      <c r="BH830" s="53"/>
      <c r="BI830" s="53"/>
      <c r="BJ830" s="53"/>
      <c r="BK830" s="53"/>
      <c r="BL830" s="53"/>
      <c r="BM830" s="53"/>
      <c r="BN830" s="53"/>
      <c r="BO830" s="53"/>
      <c r="BP830" s="53"/>
      <c r="BQ830" s="53"/>
      <c r="BR830" s="53"/>
      <c r="BS830" s="53"/>
      <c r="BT830" s="53"/>
      <c r="BU830" s="53"/>
      <c r="BV830" s="53"/>
      <c r="BW830" s="53"/>
      <c r="BX830" s="53"/>
      <c r="BY830" s="53"/>
      <c r="BZ830" s="53"/>
      <c r="CA830" s="53"/>
      <c r="CB830" s="53">
        <v>-9740642.6299999896</v>
      </c>
      <c r="CC830" s="53">
        <v>-9740642.6299999896</v>
      </c>
      <c r="CD830" s="53">
        <v>-9740642.6299999896</v>
      </c>
      <c r="CE830" s="53">
        <v>-9740642.6299999896</v>
      </c>
      <c r="CF830" s="53">
        <v>-9740642.6299999896</v>
      </c>
      <c r="CG830" s="53">
        <v>-9740642.6299999896</v>
      </c>
      <c r="CH830" s="53">
        <v>-9740642.6299999896</v>
      </c>
      <c r="CI830" s="53">
        <v>-9740642.6299999896</v>
      </c>
      <c r="CJ830" s="53">
        <v>-9740642.6299999896</v>
      </c>
      <c r="CK830" s="53">
        <v>-9740642.6299999896</v>
      </c>
      <c r="CL830" s="53">
        <v>-9740642.6299999896</v>
      </c>
      <c r="CM830" s="53">
        <v>-9740642.6299999896</v>
      </c>
      <c r="CN830" s="53">
        <v>-9740642.6299999896</v>
      </c>
    </row>
    <row r="831" spans="1:92" outlineLevel="1">
      <c r="A831" s="52" t="s">
        <v>649</v>
      </c>
      <c r="B831" s="53"/>
      <c r="C831" s="53"/>
      <c r="D831" s="53"/>
      <c r="E831" s="53"/>
      <c r="F831" s="53"/>
      <c r="G831" s="53"/>
      <c r="H831" s="53"/>
      <c r="I831" s="53"/>
      <c r="J831" s="53"/>
      <c r="K831" s="53"/>
      <c r="L831" s="53"/>
      <c r="M831" s="53"/>
      <c r="N831" s="53"/>
      <c r="O831" s="53"/>
      <c r="P831" s="53"/>
      <c r="Q831" s="53"/>
      <c r="R831" s="53"/>
      <c r="S831" s="53"/>
      <c r="T831" s="53"/>
      <c r="U831" s="53"/>
      <c r="V831" s="53"/>
      <c r="W831" s="53"/>
      <c r="X831" s="53"/>
      <c r="Y831" s="53"/>
      <c r="Z831" s="53">
        <v>-2452678.4923239001</v>
      </c>
      <c r="AA831" s="53">
        <v>-2452678.4923239001</v>
      </c>
      <c r="AB831" s="53"/>
      <c r="AC831" s="53"/>
      <c r="AD831" s="53"/>
      <c r="AE831" s="53"/>
      <c r="AF831" s="53"/>
      <c r="AG831" s="53"/>
      <c r="AH831" s="53"/>
      <c r="AI831" s="53"/>
      <c r="AJ831" s="53"/>
      <c r="AK831" s="53"/>
      <c r="AL831" s="53"/>
      <c r="AM831" s="53">
        <v>-12211613.409646699</v>
      </c>
      <c r="AN831" s="53">
        <v>-12211613.409646699</v>
      </c>
      <c r="AO831" s="53"/>
      <c r="AP831" s="53"/>
      <c r="AQ831" s="53"/>
      <c r="AR831" s="53"/>
      <c r="AS831" s="53"/>
      <c r="AT831" s="53"/>
      <c r="AU831" s="53"/>
      <c r="AV831" s="53"/>
      <c r="AW831" s="53"/>
      <c r="AX831" s="53"/>
      <c r="AY831" s="53"/>
      <c r="AZ831" s="53">
        <v>-1032080.95795413</v>
      </c>
      <c r="BA831" s="53">
        <v>-1032080.95795413</v>
      </c>
      <c r="BB831" s="53"/>
      <c r="BC831" s="53"/>
      <c r="BD831" s="53"/>
      <c r="BE831" s="53"/>
      <c r="BF831" s="53"/>
      <c r="BG831" s="53"/>
      <c r="BH831" s="53"/>
      <c r="BI831" s="53"/>
      <c r="BJ831" s="53"/>
      <c r="BK831" s="53"/>
      <c r="BL831" s="53"/>
      <c r="BM831" s="53"/>
      <c r="BN831" s="53"/>
      <c r="BO831" s="53"/>
      <c r="BP831" s="53"/>
      <c r="BQ831" s="53"/>
      <c r="BR831" s="53"/>
      <c r="BS831" s="53"/>
      <c r="BT831" s="53"/>
      <c r="BU831" s="53"/>
      <c r="BV831" s="53"/>
      <c r="BW831" s="53"/>
      <c r="BX831" s="53"/>
      <c r="BY831" s="53"/>
      <c r="BZ831" s="53">
        <v>-55635372.030196197</v>
      </c>
      <c r="CA831" s="53">
        <v>-55635372.030196197</v>
      </c>
      <c r="CB831" s="53">
        <v>0</v>
      </c>
      <c r="CC831" s="53">
        <v>0</v>
      </c>
      <c r="CD831" s="53">
        <v>0</v>
      </c>
      <c r="CE831" s="53">
        <v>0</v>
      </c>
      <c r="CF831" s="53">
        <v>0</v>
      </c>
      <c r="CG831" s="53">
        <v>0</v>
      </c>
      <c r="CH831" s="53">
        <v>0</v>
      </c>
      <c r="CI831" s="53">
        <v>0</v>
      </c>
      <c r="CJ831" s="53">
        <v>0</v>
      </c>
      <c r="CK831" s="53">
        <v>0</v>
      </c>
      <c r="CL831" s="53">
        <v>0</v>
      </c>
      <c r="CM831" s="53">
        <v>0</v>
      </c>
      <c r="CN831" s="53">
        <v>0</v>
      </c>
    </row>
    <row r="832" spans="1:92" outlineLevel="1">
      <c r="A832" s="52" t="s">
        <v>650</v>
      </c>
      <c r="B832" s="53"/>
      <c r="C832" s="53"/>
      <c r="D832" s="53"/>
      <c r="E832" s="53"/>
      <c r="F832" s="53"/>
      <c r="G832" s="53"/>
      <c r="H832" s="53"/>
      <c r="I832" s="53"/>
      <c r="J832" s="53"/>
      <c r="K832" s="53"/>
      <c r="L832" s="53"/>
      <c r="M832" s="53"/>
      <c r="N832" s="53"/>
      <c r="O832" s="53"/>
      <c r="P832" s="53"/>
      <c r="Q832" s="53"/>
      <c r="R832" s="53"/>
      <c r="S832" s="53"/>
      <c r="T832" s="53"/>
      <c r="U832" s="53"/>
      <c r="V832" s="53"/>
      <c r="W832" s="53"/>
      <c r="X832" s="53"/>
      <c r="Y832" s="53"/>
      <c r="Z832" s="53"/>
      <c r="AA832" s="53"/>
      <c r="AB832" s="53"/>
      <c r="AC832" s="53"/>
      <c r="AD832" s="53"/>
      <c r="AE832" s="53"/>
      <c r="AF832" s="53"/>
      <c r="AG832" s="53"/>
      <c r="AH832" s="53"/>
      <c r="AI832" s="53"/>
      <c r="AJ832" s="53"/>
      <c r="AK832" s="53"/>
      <c r="AL832" s="53"/>
      <c r="AM832" s="53"/>
      <c r="AN832" s="53"/>
      <c r="AO832" s="53"/>
      <c r="AP832" s="53"/>
      <c r="AQ832" s="53"/>
      <c r="AR832" s="53"/>
      <c r="AS832" s="53"/>
      <c r="AT832" s="53"/>
      <c r="AU832" s="53"/>
      <c r="AV832" s="53"/>
      <c r="AW832" s="53"/>
      <c r="AX832" s="53"/>
      <c r="AY832" s="53"/>
      <c r="AZ832" s="53"/>
      <c r="BA832" s="53"/>
      <c r="BB832" s="53"/>
      <c r="BC832" s="53"/>
      <c r="BD832" s="53"/>
      <c r="BE832" s="53"/>
      <c r="BF832" s="53"/>
      <c r="BG832" s="53"/>
      <c r="BH832" s="53"/>
      <c r="BI832" s="53"/>
      <c r="BJ832" s="53"/>
      <c r="BK832" s="53"/>
      <c r="BL832" s="53"/>
      <c r="BM832" s="53"/>
      <c r="BN832" s="53"/>
      <c r="BO832" s="53"/>
      <c r="BP832" s="53"/>
      <c r="BQ832" s="53"/>
      <c r="BR832" s="53"/>
      <c r="BS832" s="53"/>
      <c r="BT832" s="53"/>
      <c r="BU832" s="53"/>
      <c r="BV832" s="53"/>
      <c r="BW832" s="53"/>
      <c r="BX832" s="53"/>
      <c r="BY832" s="53"/>
      <c r="BZ832" s="53"/>
      <c r="CA832" s="53"/>
      <c r="CB832" s="53">
        <v>-5854781394.8887501</v>
      </c>
      <c r="CC832" s="53">
        <v>-5855168322.73349</v>
      </c>
      <c r="CD832" s="53">
        <v>-5855557607.60847</v>
      </c>
      <c r="CE832" s="53">
        <v>-5855949263.8719101</v>
      </c>
      <c r="CF832" s="53">
        <v>-5856343305.9694796</v>
      </c>
      <c r="CG832" s="53">
        <v>-5856739748.4348297</v>
      </c>
      <c r="CH832" s="53">
        <v>-5857138605.8901701</v>
      </c>
      <c r="CI832" s="53">
        <v>-5857539893.0467901</v>
      </c>
      <c r="CJ832" s="53">
        <v>-5857943624.7055597</v>
      </c>
      <c r="CK832" s="53">
        <v>-5858349815.7575397</v>
      </c>
      <c r="CL832" s="53">
        <v>-5858758481.1844997</v>
      </c>
      <c r="CM832" s="53">
        <v>-5859169636.0594597</v>
      </c>
      <c r="CN832" s="53">
        <v>-5854781394.8887501</v>
      </c>
    </row>
    <row r="833" spans="1:92" outlineLevel="1">
      <c r="A833" s="52" t="s">
        <v>1358</v>
      </c>
      <c r="B833" s="53"/>
      <c r="C833" s="53"/>
      <c r="D833" s="53"/>
      <c r="E833" s="53"/>
      <c r="F833" s="53"/>
      <c r="G833" s="53"/>
      <c r="H833" s="53"/>
      <c r="I833" s="53"/>
      <c r="J833" s="53"/>
      <c r="K833" s="53"/>
      <c r="L833" s="53"/>
      <c r="M833" s="53"/>
      <c r="N833" s="53"/>
      <c r="O833" s="53"/>
      <c r="P833" s="53"/>
      <c r="Q833" s="53"/>
      <c r="R833" s="53"/>
      <c r="S833" s="53"/>
      <c r="T833" s="53"/>
      <c r="U833" s="53"/>
      <c r="V833" s="53"/>
      <c r="W833" s="53"/>
      <c r="X833" s="53"/>
      <c r="Y833" s="53"/>
      <c r="Z833" s="53"/>
      <c r="AA833" s="53"/>
      <c r="AB833" s="53"/>
      <c r="AC833" s="53"/>
      <c r="AD833" s="53"/>
      <c r="AE833" s="53"/>
      <c r="AF833" s="53"/>
      <c r="AG833" s="53"/>
      <c r="AH833" s="53"/>
      <c r="AI833" s="53"/>
      <c r="AJ833" s="53"/>
      <c r="AK833" s="53"/>
      <c r="AL833" s="53"/>
      <c r="AM833" s="53"/>
      <c r="AN833" s="53"/>
      <c r="AO833" s="53"/>
      <c r="AP833" s="53"/>
      <c r="AQ833" s="53"/>
      <c r="AR833" s="53"/>
      <c r="AS833" s="53"/>
      <c r="AT833" s="53"/>
      <c r="AU833" s="53"/>
      <c r="AV833" s="53"/>
      <c r="AW833" s="53"/>
      <c r="AX833" s="53"/>
      <c r="AY833" s="53"/>
      <c r="AZ833" s="53"/>
      <c r="BA833" s="53"/>
      <c r="BB833" s="53"/>
      <c r="BC833" s="53"/>
      <c r="BD833" s="53"/>
      <c r="BE833" s="53"/>
      <c r="BF833" s="53"/>
      <c r="BG833" s="53"/>
      <c r="BH833" s="53"/>
      <c r="BI833" s="53"/>
      <c r="BJ833" s="53"/>
      <c r="BK833" s="53"/>
      <c r="BL833" s="53"/>
      <c r="BM833" s="53"/>
      <c r="BN833" s="53"/>
      <c r="BO833" s="53"/>
      <c r="BP833" s="53"/>
      <c r="BQ833" s="53"/>
      <c r="BR833" s="53"/>
      <c r="BS833" s="53"/>
      <c r="BT833" s="53"/>
      <c r="BU833" s="53"/>
      <c r="BV833" s="53"/>
      <c r="BW833" s="53"/>
      <c r="BX833" s="53"/>
      <c r="BY833" s="53"/>
      <c r="BZ833" s="53"/>
      <c r="CA833" s="53"/>
      <c r="CB833" s="53"/>
      <c r="CC833" s="53"/>
      <c r="CD833" s="53"/>
      <c r="CE833" s="53"/>
      <c r="CF833" s="53"/>
      <c r="CG833" s="53"/>
      <c r="CH833" s="53"/>
      <c r="CI833" s="53"/>
      <c r="CJ833" s="53"/>
      <c r="CK833" s="53"/>
      <c r="CL833" s="53"/>
      <c r="CM833" s="53"/>
      <c r="CN833" s="53"/>
    </row>
    <row r="834" spans="1:92" outlineLevel="1">
      <c r="A834" s="52" t="s">
        <v>649</v>
      </c>
      <c r="B834" s="53">
        <v>-355385</v>
      </c>
      <c r="C834" s="53">
        <v>-355385</v>
      </c>
      <c r="D834" s="53">
        <v>-355385</v>
      </c>
      <c r="E834" s="53">
        <v>-355385</v>
      </c>
      <c r="F834" s="53">
        <v>-355385</v>
      </c>
      <c r="G834" s="53">
        <v>-355385</v>
      </c>
      <c r="H834" s="53">
        <v>-355385</v>
      </c>
      <c r="I834" s="53">
        <v>-355385</v>
      </c>
      <c r="J834" s="53">
        <v>-355385</v>
      </c>
      <c r="K834" s="53">
        <v>-355385</v>
      </c>
      <c r="L834" s="53">
        <v>-355385</v>
      </c>
      <c r="M834" s="53">
        <v>-355385</v>
      </c>
      <c r="N834" s="53">
        <v>-4264620</v>
      </c>
      <c r="O834" s="53">
        <v>-355385</v>
      </c>
      <c r="P834" s="53">
        <v>-355385</v>
      </c>
      <c r="Q834" s="53">
        <v>-355385</v>
      </c>
      <c r="R834" s="53">
        <v>-355385</v>
      </c>
      <c r="S834" s="53">
        <v>-355385</v>
      </c>
      <c r="T834" s="53">
        <v>-355385</v>
      </c>
      <c r="U834" s="53">
        <v>-355385</v>
      </c>
      <c r="V834" s="53">
        <v>-355385</v>
      </c>
      <c r="W834" s="53">
        <v>-355385</v>
      </c>
      <c r="X834" s="53">
        <v>-355385</v>
      </c>
      <c r="Y834" s="53">
        <v>-355385</v>
      </c>
      <c r="Z834" s="53">
        <v>-355385</v>
      </c>
      <c r="AA834" s="53">
        <v>-4264620</v>
      </c>
      <c r="AB834" s="53">
        <v>-355385</v>
      </c>
      <c r="AC834" s="53">
        <v>-355385</v>
      </c>
      <c r="AD834" s="53">
        <v>-355385</v>
      </c>
      <c r="AE834" s="53">
        <v>-355385</v>
      </c>
      <c r="AF834" s="53">
        <v>-355385</v>
      </c>
      <c r="AG834" s="53">
        <v>-355385</v>
      </c>
      <c r="AH834" s="53">
        <v>-355385</v>
      </c>
      <c r="AI834" s="53">
        <v>-355385</v>
      </c>
      <c r="AJ834" s="53">
        <v>-355385</v>
      </c>
      <c r="AK834" s="53">
        <v>-355385</v>
      </c>
      <c r="AL834" s="53">
        <v>-355385</v>
      </c>
      <c r="AM834" s="53">
        <v>-355385</v>
      </c>
      <c r="AN834" s="53">
        <v>-4264620</v>
      </c>
      <c r="AO834" s="53">
        <v>-355385</v>
      </c>
      <c r="AP834" s="53">
        <v>-355385</v>
      </c>
      <c r="AQ834" s="53">
        <v>-355385</v>
      </c>
      <c r="AR834" s="53">
        <v>-355385</v>
      </c>
      <c r="AS834" s="53">
        <v>-355385</v>
      </c>
      <c r="AT834" s="53">
        <v>-355385</v>
      </c>
      <c r="AU834" s="53">
        <v>-355385</v>
      </c>
      <c r="AV834" s="53">
        <v>-355385</v>
      </c>
      <c r="AW834" s="53">
        <v>-355385</v>
      </c>
      <c r="AX834" s="53">
        <v>-355385</v>
      </c>
      <c r="AY834" s="53">
        <v>-355385</v>
      </c>
      <c r="AZ834" s="53">
        <v>-355385</v>
      </c>
      <c r="BA834" s="53">
        <v>-4264620</v>
      </c>
      <c r="BB834" s="53">
        <v>-355385</v>
      </c>
      <c r="BC834" s="53">
        <v>-355385</v>
      </c>
      <c r="BD834" s="53">
        <v>-355385</v>
      </c>
      <c r="BE834" s="53">
        <v>-355385</v>
      </c>
      <c r="BF834" s="53">
        <v>-355385</v>
      </c>
      <c r="BG834" s="53">
        <v>-355385</v>
      </c>
      <c r="BH834" s="53">
        <v>-355385</v>
      </c>
      <c r="BI834" s="53">
        <v>-355385</v>
      </c>
      <c r="BJ834" s="53">
        <v>-355385</v>
      </c>
      <c r="BK834" s="53">
        <v>-355385</v>
      </c>
      <c r="BL834" s="53">
        <v>-355385</v>
      </c>
      <c r="BM834" s="53">
        <v>-355385</v>
      </c>
      <c r="BN834" s="53">
        <v>-4264620</v>
      </c>
      <c r="BO834" s="53">
        <v>-355385</v>
      </c>
      <c r="BP834" s="53">
        <v>-355385</v>
      </c>
      <c r="BQ834" s="53">
        <v>-355385</v>
      </c>
      <c r="BR834" s="53">
        <v>-355385</v>
      </c>
      <c r="BS834" s="53">
        <v>-355385</v>
      </c>
      <c r="BT834" s="53">
        <v>-355385</v>
      </c>
      <c r="BU834" s="53">
        <v>-355385</v>
      </c>
      <c r="BV834" s="53">
        <v>-355385</v>
      </c>
      <c r="BW834" s="53">
        <v>-355385</v>
      </c>
      <c r="BX834" s="53">
        <v>-355385</v>
      </c>
      <c r="BY834" s="53">
        <v>-355385</v>
      </c>
      <c r="BZ834" s="53">
        <v>-355385</v>
      </c>
      <c r="CA834" s="53">
        <v>-4264620</v>
      </c>
      <c r="CB834" s="53"/>
      <c r="CC834" s="53"/>
      <c r="CD834" s="53"/>
      <c r="CE834" s="53"/>
      <c r="CF834" s="53"/>
      <c r="CG834" s="53"/>
      <c r="CH834" s="53"/>
      <c r="CI834" s="53"/>
      <c r="CJ834" s="53"/>
      <c r="CK834" s="53"/>
      <c r="CL834" s="53"/>
      <c r="CM834" s="53"/>
      <c r="CN834" s="53"/>
    </row>
    <row r="835" spans="1:92" outlineLevel="1">
      <c r="A835" s="59" t="s">
        <v>1370</v>
      </c>
      <c r="B835" s="53">
        <v>23980506487.110001</v>
      </c>
      <c r="C835" s="53">
        <v>24106883673.469898</v>
      </c>
      <c r="D835" s="53">
        <v>24257068116.149899</v>
      </c>
      <c r="E835" s="53">
        <v>24382280803.099998</v>
      </c>
      <c r="F835" s="53">
        <v>24606688719.609901</v>
      </c>
      <c r="G835" s="53">
        <v>24713673038.41</v>
      </c>
      <c r="H835" s="53">
        <v>24861700011.32</v>
      </c>
      <c r="I835" s="53">
        <v>25068574353.249901</v>
      </c>
      <c r="J835" s="53">
        <v>25243461497.810001</v>
      </c>
      <c r="K835" s="53">
        <v>25524935178.619999</v>
      </c>
      <c r="L835" s="53">
        <v>25672356282.029999</v>
      </c>
      <c r="M835" s="53">
        <v>25939729150.040001</v>
      </c>
      <c r="N835" s="53">
        <v>25939729150.040001</v>
      </c>
      <c r="O835" s="53">
        <v>26124662332.1329</v>
      </c>
      <c r="P835" s="53">
        <v>26314705474.3913</v>
      </c>
      <c r="Q835" s="53">
        <v>26503115946.635601</v>
      </c>
      <c r="R835" s="53">
        <v>26708726864.088799</v>
      </c>
      <c r="S835" s="53">
        <v>26916127357.110298</v>
      </c>
      <c r="T835" s="53">
        <v>27105547440.162201</v>
      </c>
      <c r="U835" s="53">
        <v>27284301792.444698</v>
      </c>
      <c r="V835" s="53">
        <v>27472253938.916599</v>
      </c>
      <c r="W835" s="53">
        <v>27657503092.864799</v>
      </c>
      <c r="X835" s="53">
        <v>27872479205.639301</v>
      </c>
      <c r="Y835" s="53">
        <v>28038972048.587299</v>
      </c>
      <c r="Z835" s="53">
        <v>28144418634.311798</v>
      </c>
      <c r="AA835" s="53">
        <v>28144418634.311798</v>
      </c>
      <c r="AB835" s="53">
        <v>28328167898.343498</v>
      </c>
      <c r="AC835" s="53">
        <v>28513269185.9394</v>
      </c>
      <c r="AD835" s="53">
        <v>28707480924.063099</v>
      </c>
      <c r="AE835" s="53">
        <v>28926442426.5396</v>
      </c>
      <c r="AF835" s="53">
        <v>29124683129.836399</v>
      </c>
      <c r="AG835" s="53">
        <v>29314974079.6642</v>
      </c>
      <c r="AH835" s="53">
        <v>29518406045.427898</v>
      </c>
      <c r="AI835" s="53">
        <v>29704077474.364201</v>
      </c>
      <c r="AJ835" s="53">
        <v>29900086558.598202</v>
      </c>
      <c r="AK835" s="53">
        <v>30077646952.113998</v>
      </c>
      <c r="AL835" s="53">
        <v>30253635926.8395</v>
      </c>
      <c r="AM835" s="53">
        <v>30358325046.370201</v>
      </c>
      <c r="AN835" s="53">
        <v>30358325046.370201</v>
      </c>
      <c r="AO835" s="53">
        <v>30556096573.810101</v>
      </c>
      <c r="AP835" s="53">
        <v>30774722851.346901</v>
      </c>
      <c r="AQ835" s="53">
        <v>30990170222.998901</v>
      </c>
      <c r="AR835" s="53">
        <v>31205060389.5299</v>
      </c>
      <c r="AS835" s="53">
        <v>31427604999.478802</v>
      </c>
      <c r="AT835" s="53">
        <v>31638369243.301899</v>
      </c>
      <c r="AU835" s="53">
        <v>31860737981.086399</v>
      </c>
      <c r="AV835" s="53">
        <v>32098218240.958302</v>
      </c>
      <c r="AW835" s="53">
        <v>32253517110.403702</v>
      </c>
      <c r="AX835" s="53">
        <v>32481156811.705399</v>
      </c>
      <c r="AY835" s="53">
        <v>32710105760.819801</v>
      </c>
      <c r="AZ835" s="53">
        <v>32802672436.2771</v>
      </c>
      <c r="BA835" s="53">
        <v>32802672436.2771</v>
      </c>
      <c r="BB835" s="53">
        <v>32995760729.110001</v>
      </c>
      <c r="BC835" s="53">
        <v>33192035397.897202</v>
      </c>
      <c r="BD835" s="53">
        <v>33393927440.291901</v>
      </c>
      <c r="BE835" s="53">
        <v>33595608180.513199</v>
      </c>
      <c r="BF835" s="53">
        <v>33795022755.284901</v>
      </c>
      <c r="BG835" s="53">
        <v>33987087310.525902</v>
      </c>
      <c r="BH835" s="53">
        <v>34174030646.4324</v>
      </c>
      <c r="BI835" s="53">
        <v>34409342590.257103</v>
      </c>
      <c r="BJ835" s="53">
        <v>34623481496.850403</v>
      </c>
      <c r="BK835" s="53">
        <v>34840771896.435501</v>
      </c>
      <c r="BL835" s="53">
        <v>35056205008.483498</v>
      </c>
      <c r="BM835" s="53">
        <v>35175754368.019501</v>
      </c>
      <c r="BN835" s="53">
        <v>35175754368.019501</v>
      </c>
      <c r="BO835" s="53">
        <v>35361493239.176399</v>
      </c>
      <c r="BP835" s="53">
        <v>35552465284.409798</v>
      </c>
      <c r="BQ835" s="53">
        <v>35755600900.108398</v>
      </c>
      <c r="BR835" s="53">
        <v>35951908489.678101</v>
      </c>
      <c r="BS835" s="53">
        <v>36150331813.654701</v>
      </c>
      <c r="BT835" s="53">
        <v>36336021418.534897</v>
      </c>
      <c r="BU835" s="53">
        <v>36521228579.415604</v>
      </c>
      <c r="BV835" s="53">
        <v>36744167044.075302</v>
      </c>
      <c r="BW835" s="53">
        <v>36942489737.789398</v>
      </c>
      <c r="BX835" s="53">
        <v>37160741662.592697</v>
      </c>
      <c r="BY835" s="53">
        <v>37379047548.631699</v>
      </c>
      <c r="BZ835" s="53">
        <v>37576219419.264099</v>
      </c>
      <c r="CA835" s="53">
        <v>37576219419.264099</v>
      </c>
      <c r="CB835" s="53"/>
      <c r="CC835" s="53"/>
      <c r="CD835" s="53"/>
      <c r="CE835" s="53"/>
      <c r="CF835" s="53"/>
      <c r="CG835" s="53"/>
      <c r="CH835" s="53"/>
      <c r="CI835" s="53"/>
      <c r="CJ835" s="53"/>
      <c r="CK835" s="53"/>
      <c r="CL835" s="53"/>
      <c r="CM835" s="53"/>
      <c r="CN835" s="53"/>
    </row>
    <row r="836" spans="1:92" outlineLevel="1">
      <c r="A836" s="52" t="s">
        <v>1371</v>
      </c>
      <c r="B836" s="53"/>
      <c r="C836" s="53"/>
      <c r="D836" s="53"/>
      <c r="E836" s="53"/>
      <c r="F836" s="53"/>
      <c r="G836" s="53"/>
      <c r="H836" s="53"/>
      <c r="I836" s="53"/>
      <c r="J836" s="53"/>
      <c r="K836" s="53"/>
      <c r="L836" s="53"/>
      <c r="M836" s="53"/>
      <c r="N836" s="53"/>
      <c r="O836" s="53"/>
      <c r="P836" s="53"/>
      <c r="Q836" s="53"/>
      <c r="R836" s="53"/>
      <c r="S836" s="53"/>
      <c r="T836" s="53"/>
      <c r="U836" s="53"/>
      <c r="V836" s="53"/>
      <c r="W836" s="53"/>
      <c r="X836" s="53"/>
      <c r="Y836" s="53"/>
      <c r="Z836" s="53"/>
      <c r="AA836" s="53"/>
      <c r="AB836" s="53"/>
      <c r="AC836" s="53"/>
      <c r="AD836" s="53"/>
      <c r="AE836" s="53"/>
      <c r="AF836" s="53"/>
      <c r="AG836" s="53"/>
      <c r="AH836" s="53"/>
      <c r="AI836" s="53"/>
      <c r="AJ836" s="53"/>
      <c r="AK836" s="53"/>
      <c r="AL836" s="53"/>
      <c r="AM836" s="53"/>
      <c r="AN836" s="53"/>
      <c r="AO836" s="53"/>
      <c r="AP836" s="53"/>
      <c r="AQ836" s="53"/>
      <c r="AR836" s="53"/>
      <c r="AS836" s="53"/>
      <c r="AT836" s="53"/>
      <c r="AU836" s="53"/>
      <c r="AV836" s="53"/>
      <c r="AW836" s="53"/>
      <c r="AX836" s="53"/>
      <c r="AY836" s="53"/>
      <c r="AZ836" s="53"/>
      <c r="BA836" s="53"/>
      <c r="BB836" s="53"/>
      <c r="BC836" s="53"/>
      <c r="BD836" s="53"/>
      <c r="BE836" s="53"/>
      <c r="BF836" s="53"/>
      <c r="BG836" s="53"/>
      <c r="BH836" s="53"/>
      <c r="BI836" s="53"/>
      <c r="BJ836" s="53"/>
      <c r="BK836" s="53"/>
      <c r="BL836" s="53"/>
      <c r="BM836" s="53"/>
      <c r="BN836" s="53"/>
      <c r="BO836" s="53"/>
      <c r="BP836" s="53"/>
      <c r="BQ836" s="53"/>
      <c r="BR836" s="53"/>
      <c r="BS836" s="53"/>
      <c r="BT836" s="53"/>
      <c r="BU836" s="53"/>
      <c r="BV836" s="53"/>
      <c r="BW836" s="53"/>
      <c r="BX836" s="53"/>
      <c r="BY836" s="53"/>
      <c r="BZ836" s="53"/>
      <c r="CA836" s="53"/>
      <c r="CB836" s="53">
        <v>4.4720973724483297</v>
      </c>
      <c r="CC836" s="53">
        <v>4.5045461656332497</v>
      </c>
      <c r="CD836" s="53">
        <v>4.5372304018533898</v>
      </c>
      <c r="CE836" s="53">
        <v>4.5701517894441599</v>
      </c>
      <c r="CF836" s="53">
        <v>4.6033120491363997</v>
      </c>
      <c r="CG836" s="53">
        <v>4.6367129141462602</v>
      </c>
      <c r="CH836" s="53">
        <v>4.6703561302658096</v>
      </c>
      <c r="CI836" s="53">
        <v>4.7042434559543196</v>
      </c>
      <c r="CJ836" s="53">
        <v>4.7383766624301398</v>
      </c>
      <c r="CK836" s="53">
        <v>4.7727575337632802</v>
      </c>
      <c r="CL836" s="53">
        <v>4.8073878669686696</v>
      </c>
      <c r="CM836" s="53">
        <v>4.8422694721000799</v>
      </c>
      <c r="CN836" s="53">
        <v>55.859441814144098</v>
      </c>
    </row>
    <row r="837" spans="1:92" outlineLevel="1">
      <c r="A837" s="59" t="s">
        <v>1372</v>
      </c>
      <c r="B837" s="53">
        <v>0</v>
      </c>
      <c r="C837" s="53">
        <v>0</v>
      </c>
      <c r="D837" s="53">
        <v>0</v>
      </c>
      <c r="E837" s="53">
        <v>0</v>
      </c>
      <c r="F837" s="53">
        <v>0</v>
      </c>
      <c r="G837" s="53">
        <v>0</v>
      </c>
      <c r="H837" s="53">
        <v>0</v>
      </c>
      <c r="I837" s="53">
        <v>0</v>
      </c>
      <c r="J837" s="53">
        <v>0</v>
      </c>
      <c r="K837" s="53">
        <v>0</v>
      </c>
      <c r="L837" s="53">
        <v>0</v>
      </c>
      <c r="M837" s="53">
        <v>0</v>
      </c>
      <c r="N837" s="53">
        <v>0</v>
      </c>
      <c r="O837" s="53">
        <v>0</v>
      </c>
      <c r="P837" s="53">
        <v>0</v>
      </c>
      <c r="Q837" s="53">
        <v>0</v>
      </c>
      <c r="R837" s="53">
        <v>0</v>
      </c>
      <c r="S837" s="53">
        <v>0</v>
      </c>
      <c r="T837" s="53">
        <v>0</v>
      </c>
      <c r="U837" s="53">
        <v>0</v>
      </c>
      <c r="V837" s="53">
        <v>0</v>
      </c>
      <c r="W837" s="53">
        <v>0</v>
      </c>
      <c r="X837" s="53">
        <v>0</v>
      </c>
      <c r="Y837" s="53">
        <v>0</v>
      </c>
      <c r="Z837" s="53">
        <v>0</v>
      </c>
      <c r="AA837" s="53">
        <v>0</v>
      </c>
      <c r="AB837" s="53">
        <v>0</v>
      </c>
      <c r="AC837" s="53">
        <v>0</v>
      </c>
      <c r="AD837" s="53">
        <v>0</v>
      </c>
      <c r="AE837" s="53">
        <v>0</v>
      </c>
      <c r="AF837" s="53">
        <v>0</v>
      </c>
      <c r="AG837" s="53">
        <v>0</v>
      </c>
      <c r="AH837" s="53">
        <v>0</v>
      </c>
      <c r="AI837" s="53">
        <v>0</v>
      </c>
      <c r="AJ837" s="53">
        <v>0</v>
      </c>
      <c r="AK837" s="53">
        <v>0</v>
      </c>
      <c r="AL837" s="53">
        <v>0</v>
      </c>
      <c r="AM837" s="53">
        <v>0</v>
      </c>
      <c r="AN837" s="53">
        <v>0</v>
      </c>
      <c r="AO837" s="53">
        <v>0</v>
      </c>
      <c r="AP837" s="53">
        <v>0</v>
      </c>
      <c r="AQ837" s="53">
        <v>0</v>
      </c>
      <c r="AR837" s="53">
        <v>0</v>
      </c>
      <c r="AS837" s="53">
        <v>0</v>
      </c>
      <c r="AT837" s="53">
        <v>0</v>
      </c>
      <c r="AU837" s="53">
        <v>0</v>
      </c>
      <c r="AV837" s="53">
        <v>0</v>
      </c>
      <c r="AW837" s="53">
        <v>0</v>
      </c>
      <c r="AX837" s="53">
        <v>0</v>
      </c>
      <c r="AY837" s="53">
        <v>0</v>
      </c>
      <c r="AZ837" s="53">
        <v>0</v>
      </c>
      <c r="BA837" s="53">
        <v>0</v>
      </c>
      <c r="BB837" s="53">
        <v>0</v>
      </c>
      <c r="BC837" s="53">
        <v>0</v>
      </c>
      <c r="BD837" s="53">
        <v>0</v>
      </c>
      <c r="BE837" s="53">
        <v>0</v>
      </c>
      <c r="BF837" s="53">
        <v>0</v>
      </c>
      <c r="BG837" s="53">
        <v>0</v>
      </c>
      <c r="BH837" s="53">
        <v>0</v>
      </c>
      <c r="BI837" s="53">
        <v>0</v>
      </c>
      <c r="BJ837" s="53">
        <v>0</v>
      </c>
      <c r="BK837" s="53">
        <v>0</v>
      </c>
      <c r="BL837" s="53">
        <v>0</v>
      </c>
      <c r="BM837" s="53">
        <v>0</v>
      </c>
      <c r="BN837" s="53">
        <v>0</v>
      </c>
      <c r="BO837" s="53">
        <v>0</v>
      </c>
      <c r="BP837" s="53">
        <v>0</v>
      </c>
      <c r="BQ837" s="53">
        <v>0</v>
      </c>
      <c r="BR837" s="53">
        <v>0</v>
      </c>
      <c r="BS837" s="53">
        <v>0</v>
      </c>
      <c r="BT837" s="53">
        <v>0</v>
      </c>
      <c r="BU837" s="53">
        <v>0</v>
      </c>
      <c r="BV837" s="53">
        <v>0</v>
      </c>
      <c r="BW837" s="53">
        <v>0</v>
      </c>
      <c r="BX837" s="53">
        <v>0</v>
      </c>
      <c r="BY837" s="53">
        <v>0</v>
      </c>
      <c r="BZ837" s="53">
        <v>0</v>
      </c>
      <c r="CA837" s="53">
        <v>0</v>
      </c>
      <c r="CB837" s="53">
        <v>-386932.316836135</v>
      </c>
      <c r="CC837" s="53">
        <v>-389289.379532861</v>
      </c>
      <c r="CD837" s="53">
        <v>-391660.80066984898</v>
      </c>
      <c r="CE837" s="53">
        <v>-394046.66771392903</v>
      </c>
      <c r="CF837" s="53">
        <v>-396447.06866475299</v>
      </c>
      <c r="CG837" s="53">
        <v>-398862.09205803502</v>
      </c>
      <c r="CH837" s="53">
        <v>-401291.82696882199</v>
      </c>
      <c r="CI837" s="53">
        <v>-403736.363014773</v>
      </c>
      <c r="CJ837" s="53">
        <v>-406195.79035947099</v>
      </c>
      <c r="CK837" s="53">
        <v>-408670.19971574302</v>
      </c>
      <c r="CL837" s="53">
        <v>-411159.68234901101</v>
      </c>
      <c r="CM837" s="53">
        <v>-413664.33008065203</v>
      </c>
      <c r="CN837" s="53">
        <v>-4801956.5179640297</v>
      </c>
    </row>
    <row r="838" spans="1:92" outlineLevel="1">
      <c r="A838" s="52" t="s">
        <v>1373</v>
      </c>
      <c r="B838" s="53"/>
      <c r="C838" s="53"/>
      <c r="D838" s="53"/>
      <c r="E838" s="53"/>
      <c r="F838" s="53"/>
      <c r="G838" s="53"/>
      <c r="H838" s="53"/>
      <c r="I838" s="53"/>
      <c r="J838" s="53"/>
      <c r="K838" s="53"/>
      <c r="L838" s="53"/>
      <c r="M838" s="53"/>
      <c r="N838" s="53"/>
      <c r="O838" s="53"/>
      <c r="P838" s="53"/>
      <c r="Q838" s="53"/>
      <c r="R838" s="53"/>
      <c r="S838" s="53"/>
      <c r="T838" s="53"/>
      <c r="U838" s="53"/>
      <c r="V838" s="53"/>
      <c r="W838" s="53"/>
      <c r="X838" s="53"/>
      <c r="Y838" s="53"/>
      <c r="Z838" s="53"/>
      <c r="AA838" s="53"/>
      <c r="AB838" s="53"/>
      <c r="AC838" s="53"/>
      <c r="AD838" s="53"/>
      <c r="AE838" s="53"/>
      <c r="AF838" s="53"/>
      <c r="AG838" s="53"/>
      <c r="AH838" s="53"/>
      <c r="AI838" s="53"/>
      <c r="AJ838" s="53"/>
      <c r="AK838" s="53"/>
      <c r="AL838" s="53"/>
      <c r="AM838" s="53"/>
      <c r="AN838" s="53"/>
      <c r="AO838" s="53"/>
      <c r="AP838" s="53"/>
      <c r="AQ838" s="53"/>
      <c r="AR838" s="53"/>
      <c r="AS838" s="53"/>
      <c r="AT838" s="53"/>
      <c r="AU838" s="53"/>
      <c r="AV838" s="53"/>
      <c r="AW838" s="53"/>
      <c r="AX838" s="53"/>
      <c r="AY838" s="53"/>
      <c r="AZ838" s="53"/>
      <c r="BA838" s="53"/>
      <c r="BB838" s="53"/>
      <c r="BC838" s="53"/>
      <c r="BD838" s="53"/>
      <c r="BE838" s="53"/>
      <c r="BF838" s="53"/>
      <c r="BG838" s="53"/>
      <c r="BH838" s="53"/>
      <c r="BI838" s="53"/>
      <c r="BJ838" s="53"/>
      <c r="BK838" s="53"/>
      <c r="BL838" s="53"/>
      <c r="BM838" s="53"/>
      <c r="BN838" s="53"/>
      <c r="BO838" s="53"/>
      <c r="BP838" s="53"/>
      <c r="BQ838" s="53"/>
      <c r="BR838" s="53"/>
      <c r="BS838" s="53"/>
      <c r="BT838" s="53"/>
      <c r="BU838" s="53"/>
      <c r="BV838" s="53"/>
      <c r="BW838" s="53"/>
      <c r="BX838" s="53"/>
      <c r="BY838" s="53"/>
      <c r="BZ838" s="53"/>
      <c r="CA838" s="53"/>
      <c r="CB838" s="53">
        <v>-5855168322.73349</v>
      </c>
      <c r="CC838" s="53">
        <v>-5855557607.60847</v>
      </c>
      <c r="CD838" s="53">
        <v>-5855949263.8719101</v>
      </c>
      <c r="CE838" s="53">
        <v>-5856343305.9694796</v>
      </c>
      <c r="CF838" s="53">
        <v>-5856739748.4348297</v>
      </c>
      <c r="CG838" s="53">
        <v>-5857138605.8901701</v>
      </c>
      <c r="CH838" s="53">
        <v>-5857539893.0467901</v>
      </c>
      <c r="CI838" s="53">
        <v>-5857943624.7055597</v>
      </c>
      <c r="CJ838" s="53">
        <v>-5858349815.7575397</v>
      </c>
      <c r="CK838" s="53">
        <v>-5858758481.1844997</v>
      </c>
      <c r="CL838" s="53">
        <v>-5859169636.0594597</v>
      </c>
      <c r="CM838" s="53">
        <v>-5859583295.5472698</v>
      </c>
      <c r="CN838" s="53">
        <v>-5859583295.5472698</v>
      </c>
    </row>
    <row r="839" spans="1:92" outlineLevel="1">
      <c r="A839" s="52" t="s">
        <v>1374</v>
      </c>
      <c r="B839" s="53">
        <v>-9914506.2100000009</v>
      </c>
      <c r="C839" s="53">
        <v>-10088369.75</v>
      </c>
      <c r="D839" s="53">
        <v>-10262233.3799999</v>
      </c>
      <c r="E839" s="53">
        <v>-10436097.09</v>
      </c>
      <c r="F839" s="53">
        <v>-10609960.66</v>
      </c>
      <c r="G839" s="53">
        <v>-10783824.359999999</v>
      </c>
      <c r="H839" s="53">
        <v>-10957688.130000001</v>
      </c>
      <c r="I839" s="53">
        <v>-11131551.7399999</v>
      </c>
      <c r="J839" s="53">
        <v>-11305415.33</v>
      </c>
      <c r="K839" s="53">
        <v>-11459936.27</v>
      </c>
      <c r="L839" s="53">
        <v>-11614457.109999999</v>
      </c>
      <c r="M839" s="53">
        <v>-11806601.880000001</v>
      </c>
      <c r="N839" s="53">
        <v>-11806601.880000001</v>
      </c>
      <c r="O839" s="53">
        <v>-11806601.880000001</v>
      </c>
      <c r="P839" s="53">
        <v>-11806601.880000001</v>
      </c>
      <c r="Q839" s="53">
        <v>-11806601.880000001</v>
      </c>
      <c r="R839" s="53">
        <v>-11806601.880000001</v>
      </c>
      <c r="S839" s="53">
        <v>-11806601.880000001</v>
      </c>
      <c r="T839" s="53">
        <v>-11806601.880000001</v>
      </c>
      <c r="U839" s="53">
        <v>-11806601.880000001</v>
      </c>
      <c r="V839" s="53">
        <v>-11806601.880000001</v>
      </c>
      <c r="W839" s="53">
        <v>-11806601.880000001</v>
      </c>
      <c r="X839" s="53">
        <v>-11806601.880000001</v>
      </c>
      <c r="Y839" s="53">
        <v>-11806601.880000001</v>
      </c>
      <c r="Z839" s="53">
        <v>-11806601.880000001</v>
      </c>
      <c r="AA839" s="53">
        <v>-11806601.880000001</v>
      </c>
      <c r="AB839" s="53">
        <v>-11806601.880000001</v>
      </c>
      <c r="AC839" s="53">
        <v>-11806601.880000001</v>
      </c>
      <c r="AD839" s="53">
        <v>-11806601.880000001</v>
      </c>
      <c r="AE839" s="53">
        <v>-11806601.880000001</v>
      </c>
      <c r="AF839" s="53">
        <v>-11806601.880000001</v>
      </c>
      <c r="AG839" s="53">
        <v>-11806601.880000001</v>
      </c>
      <c r="AH839" s="53">
        <v>-11806601.880000001</v>
      </c>
      <c r="AI839" s="53">
        <v>-11806601.880000001</v>
      </c>
      <c r="AJ839" s="53">
        <v>-11806601.880000001</v>
      </c>
      <c r="AK839" s="53">
        <v>-11806601.880000001</v>
      </c>
      <c r="AL839" s="53">
        <v>-11806601.880000001</v>
      </c>
      <c r="AM839" s="53">
        <v>-11806601.880000001</v>
      </c>
      <c r="AN839" s="53">
        <v>-11806601.880000001</v>
      </c>
      <c r="AO839" s="53">
        <v>-11806601.880000001</v>
      </c>
      <c r="AP839" s="53">
        <v>-11806601.880000001</v>
      </c>
      <c r="AQ839" s="53">
        <v>-11806601.880000001</v>
      </c>
      <c r="AR839" s="53">
        <v>-11806601.880000001</v>
      </c>
      <c r="AS839" s="53">
        <v>-11806601.880000001</v>
      </c>
      <c r="AT839" s="53">
        <v>-11806601.880000001</v>
      </c>
      <c r="AU839" s="53">
        <v>-11806601.880000001</v>
      </c>
      <c r="AV839" s="53">
        <v>-11806601.880000001</v>
      </c>
      <c r="AW839" s="53">
        <v>-11806601.880000001</v>
      </c>
      <c r="AX839" s="53">
        <v>-11806601.880000001</v>
      </c>
      <c r="AY839" s="53">
        <v>-11806601.880000001</v>
      </c>
      <c r="AZ839" s="53">
        <v>-11806601.880000001</v>
      </c>
      <c r="BA839" s="53">
        <v>-11806601.880000001</v>
      </c>
      <c r="BB839" s="53">
        <v>-11806601.880000001</v>
      </c>
      <c r="BC839" s="53">
        <v>-11806601.880000001</v>
      </c>
      <c r="BD839" s="53">
        <v>-11806601.880000001</v>
      </c>
      <c r="BE839" s="53">
        <v>-11806601.880000001</v>
      </c>
      <c r="BF839" s="53">
        <v>-11806601.880000001</v>
      </c>
      <c r="BG839" s="53">
        <v>-11806601.880000001</v>
      </c>
      <c r="BH839" s="53">
        <v>-11806601.880000001</v>
      </c>
      <c r="BI839" s="53">
        <v>-11806601.880000001</v>
      </c>
      <c r="BJ839" s="53">
        <v>-11806601.880000001</v>
      </c>
      <c r="BK839" s="53">
        <v>-11806601.880000001</v>
      </c>
      <c r="BL839" s="53">
        <v>-11806601.880000001</v>
      </c>
      <c r="BM839" s="53">
        <v>-11806601.880000001</v>
      </c>
      <c r="BN839" s="53">
        <v>-11806601.880000001</v>
      </c>
      <c r="BO839" s="53">
        <v>-11806601.880000001</v>
      </c>
      <c r="BP839" s="53">
        <v>-11806601.880000001</v>
      </c>
      <c r="BQ839" s="53">
        <v>-11806601.880000001</v>
      </c>
      <c r="BR839" s="53">
        <v>-11806601.880000001</v>
      </c>
      <c r="BS839" s="53">
        <v>-11806601.880000001</v>
      </c>
      <c r="BT839" s="53">
        <v>-11806601.880000001</v>
      </c>
      <c r="BU839" s="53">
        <v>-11806601.880000001</v>
      </c>
      <c r="BV839" s="53">
        <v>-11806601.880000001</v>
      </c>
      <c r="BW839" s="53">
        <v>-11806601.880000001</v>
      </c>
      <c r="BX839" s="53">
        <v>-11806601.880000001</v>
      </c>
      <c r="BY839" s="53">
        <v>-11806601.880000001</v>
      </c>
      <c r="BZ839" s="53">
        <v>-11806601.880000001</v>
      </c>
      <c r="CA839" s="53">
        <v>-11806601.880000001</v>
      </c>
      <c r="CB839" s="53">
        <v>-9954168.6699999999</v>
      </c>
      <c r="CC839" s="53">
        <v>-9954168.6699999999</v>
      </c>
      <c r="CD839" s="53">
        <v>-9954168.6699999999</v>
      </c>
      <c r="CE839" s="53">
        <v>-9954168.6699999999</v>
      </c>
      <c r="CF839" s="53">
        <v>-9954168.6699999999</v>
      </c>
      <c r="CG839" s="53">
        <v>-9954168.6699999999</v>
      </c>
      <c r="CH839" s="53">
        <v>-9954168.6699999999</v>
      </c>
      <c r="CI839" s="53">
        <v>-9954168.6699999999</v>
      </c>
      <c r="CJ839" s="53">
        <v>-9954168.6699999999</v>
      </c>
      <c r="CK839" s="53">
        <v>-9954168.6699999999</v>
      </c>
      <c r="CL839" s="53">
        <v>-9954168.6699999999</v>
      </c>
      <c r="CM839" s="53">
        <v>-9954168.6699999999</v>
      </c>
      <c r="CN839" s="53">
        <v>-9954168.6699999999</v>
      </c>
    </row>
    <row r="840" spans="1:92" outlineLevel="1">
      <c r="A840" s="52" t="s">
        <v>1375</v>
      </c>
      <c r="B840" s="53">
        <v>0</v>
      </c>
      <c r="C840" s="53">
        <v>0</v>
      </c>
      <c r="D840" s="53">
        <v>0</v>
      </c>
      <c r="E840" s="53">
        <v>0</v>
      </c>
      <c r="F840" s="53">
        <v>0</v>
      </c>
      <c r="G840" s="53">
        <v>0</v>
      </c>
      <c r="H840" s="53">
        <v>0</v>
      </c>
      <c r="I840" s="53">
        <v>0</v>
      </c>
      <c r="J840" s="53">
        <v>0</v>
      </c>
      <c r="K840" s="53">
        <v>0</v>
      </c>
      <c r="L840" s="53">
        <v>0</v>
      </c>
      <c r="M840" s="53">
        <v>0</v>
      </c>
      <c r="N840" s="53">
        <v>0</v>
      </c>
      <c r="O840" s="53">
        <v>0</v>
      </c>
      <c r="P840" s="53">
        <v>0</v>
      </c>
      <c r="Q840" s="53">
        <v>0</v>
      </c>
      <c r="R840" s="53">
        <v>0</v>
      </c>
      <c r="S840" s="53">
        <v>0</v>
      </c>
      <c r="T840" s="53">
        <v>0</v>
      </c>
      <c r="U840" s="53">
        <v>0</v>
      </c>
      <c r="V840" s="53">
        <v>0</v>
      </c>
      <c r="W840" s="53">
        <v>0</v>
      </c>
      <c r="X840" s="53">
        <v>0</v>
      </c>
      <c r="Y840" s="53">
        <v>0</v>
      </c>
      <c r="Z840" s="53">
        <v>0</v>
      </c>
      <c r="AA840" s="53">
        <v>0</v>
      </c>
      <c r="AB840" s="53">
        <v>0</v>
      </c>
      <c r="AC840" s="53">
        <v>0</v>
      </c>
      <c r="AD840" s="53">
        <v>0</v>
      </c>
      <c r="AE840" s="53">
        <v>0</v>
      </c>
      <c r="AF840" s="53">
        <v>0</v>
      </c>
      <c r="AG840" s="53">
        <v>0</v>
      </c>
      <c r="AH840" s="53">
        <v>0</v>
      </c>
      <c r="AI840" s="53">
        <v>0</v>
      </c>
      <c r="AJ840" s="53">
        <v>0</v>
      </c>
      <c r="AK840" s="53">
        <v>0</v>
      </c>
      <c r="AL840" s="53">
        <v>0</v>
      </c>
      <c r="AM840" s="53">
        <v>0</v>
      </c>
      <c r="AN840" s="53">
        <v>0</v>
      </c>
      <c r="AO840" s="53">
        <v>0</v>
      </c>
      <c r="AP840" s="53">
        <v>0</v>
      </c>
      <c r="AQ840" s="53">
        <v>0</v>
      </c>
      <c r="AR840" s="53">
        <v>0</v>
      </c>
      <c r="AS840" s="53">
        <v>0</v>
      </c>
      <c r="AT840" s="53">
        <v>0</v>
      </c>
      <c r="AU840" s="53">
        <v>0</v>
      </c>
      <c r="AV840" s="53">
        <v>0</v>
      </c>
      <c r="AW840" s="53">
        <v>0</v>
      </c>
      <c r="AX840" s="53">
        <v>0</v>
      </c>
      <c r="AY840" s="53">
        <v>0</v>
      </c>
      <c r="AZ840" s="53">
        <v>0</v>
      </c>
      <c r="BA840" s="53">
        <v>0</v>
      </c>
      <c r="BB840" s="53">
        <v>0</v>
      </c>
      <c r="BC840" s="53">
        <v>0</v>
      </c>
      <c r="BD840" s="53">
        <v>0</v>
      </c>
      <c r="BE840" s="53">
        <v>0</v>
      </c>
      <c r="BF840" s="53">
        <v>0</v>
      </c>
      <c r="BG840" s="53">
        <v>0</v>
      </c>
      <c r="BH840" s="53">
        <v>0</v>
      </c>
      <c r="BI840" s="53">
        <v>0</v>
      </c>
      <c r="BJ840" s="53">
        <v>0</v>
      </c>
      <c r="BK840" s="53">
        <v>0</v>
      </c>
      <c r="BL840" s="53">
        <v>0</v>
      </c>
      <c r="BM840" s="53">
        <v>0</v>
      </c>
      <c r="BN840" s="53">
        <v>0</v>
      </c>
      <c r="BO840" s="53">
        <v>0</v>
      </c>
      <c r="BP840" s="53">
        <v>0</v>
      </c>
      <c r="BQ840" s="53">
        <v>0</v>
      </c>
      <c r="BR840" s="53">
        <v>0</v>
      </c>
      <c r="BS840" s="53">
        <v>0</v>
      </c>
      <c r="BT840" s="53">
        <v>0</v>
      </c>
      <c r="BU840" s="53">
        <v>0</v>
      </c>
      <c r="BV840" s="53">
        <v>0</v>
      </c>
      <c r="BW840" s="53">
        <v>0</v>
      </c>
      <c r="BX840" s="53">
        <v>0</v>
      </c>
      <c r="BY840" s="53">
        <v>0</v>
      </c>
      <c r="BZ840" s="53">
        <v>0</v>
      </c>
      <c r="CA840" s="53">
        <v>0</v>
      </c>
      <c r="CB840" s="53">
        <v>0</v>
      </c>
      <c r="CC840" s="53">
        <v>0</v>
      </c>
      <c r="CD840" s="53">
        <v>0</v>
      </c>
      <c r="CE840" s="53">
        <v>0</v>
      </c>
      <c r="CF840" s="53">
        <v>0</v>
      </c>
      <c r="CG840" s="53">
        <v>0</v>
      </c>
      <c r="CH840" s="53">
        <v>0</v>
      </c>
      <c r="CI840" s="53">
        <v>0</v>
      </c>
      <c r="CJ840" s="53">
        <v>0</v>
      </c>
      <c r="CK840" s="53">
        <v>0</v>
      </c>
      <c r="CL840" s="53">
        <v>0</v>
      </c>
      <c r="CM840" s="53">
        <v>0</v>
      </c>
      <c r="CN840" s="53">
        <v>0</v>
      </c>
    </row>
    <row r="841" spans="1:92" outlineLevel="1">
      <c r="A841" s="52" t="s">
        <v>1218</v>
      </c>
      <c r="B841" s="53">
        <v>-5799300265.7409897</v>
      </c>
      <c r="C841" s="53">
        <v>-5872054883.1699896</v>
      </c>
      <c r="D841" s="53">
        <v>-5919031416.4399996</v>
      </c>
      <c r="E841" s="53">
        <v>-5982540921.71</v>
      </c>
      <c r="F841" s="53">
        <v>-6017115991.9200001</v>
      </c>
      <c r="G841" s="53">
        <v>-6118384648.3400002</v>
      </c>
      <c r="H841" s="53">
        <v>-6075948293.6999998</v>
      </c>
      <c r="I841" s="53">
        <v>-6143913545.46</v>
      </c>
      <c r="J841" s="53">
        <v>-6186113598.6699896</v>
      </c>
      <c r="K841" s="53">
        <v>-6222825120.5100002</v>
      </c>
      <c r="L841" s="53">
        <v>-6325272244.0799999</v>
      </c>
      <c r="M841" s="53">
        <v>-6306090501.6400003</v>
      </c>
      <c r="N841" s="53">
        <v>-5799300265.7409897</v>
      </c>
      <c r="O841" s="53">
        <v>-6354684391.79</v>
      </c>
      <c r="P841" s="53">
        <v>-6356200208.0733995</v>
      </c>
      <c r="Q841" s="53">
        <v>-6357726660.8756905</v>
      </c>
      <c r="R841" s="53">
        <v>-6358702673.3685398</v>
      </c>
      <c r="S841" s="53">
        <v>-6359643524.2302303</v>
      </c>
      <c r="T841" s="53">
        <v>-6361135234.1017599</v>
      </c>
      <c r="U841" s="53">
        <v>-6364605615.6786203</v>
      </c>
      <c r="V841" s="53">
        <v>-6368100804.6135597</v>
      </c>
      <c r="W841" s="53">
        <v>-6371620978.6315203</v>
      </c>
      <c r="X841" s="53">
        <v>-6373100384.7331305</v>
      </c>
      <c r="Y841" s="53">
        <v>-6374143457.1456299</v>
      </c>
      <c r="Z841" s="53">
        <v>-6375193715.5895596</v>
      </c>
      <c r="AA841" s="53">
        <v>-6354684391.79</v>
      </c>
      <c r="AB841" s="53">
        <v>-6376854238.6765699</v>
      </c>
      <c r="AC841" s="53">
        <v>-6378515432.57199</v>
      </c>
      <c r="AD841" s="53">
        <v>-6380188290.4556198</v>
      </c>
      <c r="AE841" s="53">
        <v>-6381311742.78757</v>
      </c>
      <c r="AF841" s="53">
        <v>-6382401075.5864401</v>
      </c>
      <c r="AG841" s="53">
        <v>-6382743747.9263</v>
      </c>
      <c r="AH841" s="53">
        <v>-6383088507.7073202</v>
      </c>
      <c r="AI841" s="53">
        <v>-6383435367.6454601</v>
      </c>
      <c r="AJ841" s="53">
        <v>-6383784340.5341396</v>
      </c>
      <c r="AK841" s="53">
        <v>-6384135439.24473</v>
      </c>
      <c r="AL841" s="53">
        <v>-6384488676.7269802</v>
      </c>
      <c r="AM841" s="53">
        <v>-6384844066.0095396</v>
      </c>
      <c r="AN841" s="53">
        <v>-6376854238.6765699</v>
      </c>
      <c r="AO841" s="53">
        <v>-6385201620.2004499</v>
      </c>
      <c r="AP841" s="53">
        <v>-6385561352.4875402</v>
      </c>
      <c r="AQ841" s="53">
        <v>-6385923276.13904</v>
      </c>
      <c r="AR841" s="53">
        <v>-6386287404.5039701</v>
      </c>
      <c r="AS841" s="53">
        <v>-6386653751.01266</v>
      </c>
      <c r="AT841" s="53">
        <v>-6387022329.17729</v>
      </c>
      <c r="AU841" s="53">
        <v>-6387393152.59231</v>
      </c>
      <c r="AV841" s="53">
        <v>-6387766234.93501</v>
      </c>
      <c r="AW841" s="53">
        <v>-6388141589.9659901</v>
      </c>
      <c r="AX841" s="53">
        <v>-6388519231.5296698</v>
      </c>
      <c r="AY841" s="53">
        <v>-6388899173.5548</v>
      </c>
      <c r="AZ841" s="53">
        <v>-6389281430.0550098</v>
      </c>
      <c r="BA841" s="53">
        <v>-6385201620.2004499</v>
      </c>
      <c r="BB841" s="53">
        <v>-6389666015.1292496</v>
      </c>
      <c r="BC841" s="53">
        <v>-6390052942.9623899</v>
      </c>
      <c r="BD841" s="53">
        <v>-6390442227.8256998</v>
      </c>
      <c r="BE841" s="53">
        <v>-6390833884.0773802</v>
      </c>
      <c r="BF841" s="53">
        <v>-6391227926.1631002</v>
      </c>
      <c r="BG841" s="53">
        <v>-6391624368.61654</v>
      </c>
      <c r="BH841" s="53">
        <v>-6392023226.0598803</v>
      </c>
      <c r="BI841" s="53">
        <v>-6392424513.2044001</v>
      </c>
      <c r="BJ841" s="53">
        <v>-6392828244.8510103</v>
      </c>
      <c r="BK841" s="53">
        <v>-6393234435.8907404</v>
      </c>
      <c r="BL841" s="53">
        <v>-6393643101.3053598</v>
      </c>
      <c r="BM841" s="53">
        <v>-6394054256.1679001</v>
      </c>
      <c r="BN841" s="53">
        <v>-6389666015.1292496</v>
      </c>
      <c r="BO841" s="53">
        <v>-6394467915.6431999</v>
      </c>
      <c r="BP841" s="53">
        <v>-6394884094.9884901</v>
      </c>
      <c r="BQ841" s="53">
        <v>-6395302809.5539398</v>
      </c>
      <c r="BR841" s="53">
        <v>-6395724074.7832203</v>
      </c>
      <c r="BS841" s="53">
        <v>-6395724069.79</v>
      </c>
      <c r="BT841" s="53">
        <v>-6395724069.79</v>
      </c>
      <c r="BU841" s="53">
        <v>-6395724069.79</v>
      </c>
      <c r="BV841" s="53">
        <v>-6395724069.79</v>
      </c>
      <c r="BW841" s="53">
        <v>-6395724069.79</v>
      </c>
      <c r="BX841" s="53">
        <v>-6395724069.79</v>
      </c>
      <c r="BY841" s="53">
        <v>-6395724069.79</v>
      </c>
      <c r="BZ841" s="53">
        <v>-6395724069.79</v>
      </c>
      <c r="CA841" s="53">
        <v>-6394467915.6431999</v>
      </c>
      <c r="CB841" s="53">
        <v>0</v>
      </c>
      <c r="CC841" s="53">
        <v>0</v>
      </c>
      <c r="CD841" s="53">
        <v>0</v>
      </c>
      <c r="CE841" s="53">
        <v>0</v>
      </c>
      <c r="CF841" s="53">
        <v>0</v>
      </c>
      <c r="CG841" s="53">
        <v>0</v>
      </c>
      <c r="CH841" s="53">
        <v>0</v>
      </c>
      <c r="CI841" s="53">
        <v>0</v>
      </c>
      <c r="CJ841" s="53">
        <v>0</v>
      </c>
      <c r="CK841" s="53">
        <v>0</v>
      </c>
      <c r="CL841" s="53">
        <v>0</v>
      </c>
      <c r="CM841" s="53">
        <v>0</v>
      </c>
      <c r="CN841" s="53">
        <v>0</v>
      </c>
    </row>
    <row r="842" spans="1:92" outlineLevel="1">
      <c r="A842" s="52" t="s">
        <v>672</v>
      </c>
      <c r="B842" s="53"/>
      <c r="C842" s="53"/>
      <c r="D842" s="53"/>
      <c r="E842" s="53"/>
      <c r="F842" s="53"/>
      <c r="G842" s="53"/>
      <c r="H842" s="53"/>
      <c r="I842" s="53"/>
      <c r="J842" s="53"/>
      <c r="K842" s="53"/>
      <c r="L842" s="53"/>
      <c r="M842" s="53"/>
      <c r="N842" s="53"/>
      <c r="O842" s="53"/>
      <c r="P842" s="53"/>
      <c r="Q842" s="53"/>
      <c r="R842" s="53"/>
      <c r="S842" s="53"/>
      <c r="T842" s="53"/>
      <c r="U842" s="53"/>
      <c r="V842" s="53"/>
      <c r="W842" s="53"/>
      <c r="X842" s="53"/>
      <c r="Y842" s="53"/>
      <c r="Z842" s="53"/>
      <c r="AA842" s="53"/>
      <c r="AB842" s="53"/>
      <c r="AC842" s="53"/>
      <c r="AD842" s="53"/>
      <c r="AE842" s="53"/>
      <c r="AF842" s="53"/>
      <c r="AG842" s="53"/>
      <c r="AH842" s="53"/>
      <c r="AI842" s="53"/>
      <c r="AJ842" s="53"/>
      <c r="AK842" s="53"/>
      <c r="AL842" s="53"/>
      <c r="AM842" s="53"/>
      <c r="AN842" s="53"/>
      <c r="AO842" s="53"/>
      <c r="AP842" s="53"/>
      <c r="AQ842" s="53"/>
      <c r="AR842" s="53"/>
      <c r="AS842" s="53"/>
      <c r="AT842" s="53"/>
      <c r="AU842" s="53"/>
      <c r="AV842" s="53"/>
      <c r="AW842" s="53"/>
      <c r="AX842" s="53"/>
      <c r="AY842" s="53"/>
      <c r="AZ842" s="53"/>
      <c r="BA842" s="53"/>
      <c r="BB842" s="53"/>
      <c r="BC842" s="53"/>
      <c r="BD842" s="53"/>
      <c r="BE842" s="53"/>
      <c r="BF842" s="53"/>
      <c r="BG842" s="53"/>
      <c r="BH842" s="53"/>
      <c r="BI842" s="53"/>
      <c r="BJ842" s="53"/>
      <c r="BK842" s="53"/>
      <c r="BL842" s="53"/>
      <c r="BM842" s="53"/>
      <c r="BN842" s="53"/>
      <c r="BO842" s="53"/>
      <c r="BP842" s="53"/>
      <c r="BQ842" s="53"/>
      <c r="BR842" s="53"/>
      <c r="BS842" s="53"/>
      <c r="BT842" s="53"/>
      <c r="BU842" s="53"/>
      <c r="BV842" s="53"/>
      <c r="BW842" s="53"/>
      <c r="BX842" s="53"/>
      <c r="BY842" s="53"/>
      <c r="BZ842" s="53"/>
      <c r="CA842" s="53"/>
      <c r="CB842" s="53">
        <v>-2088813830.1773</v>
      </c>
      <c r="CC842" s="53">
        <v>-2154837713.4593301</v>
      </c>
      <c r="CD842" s="53">
        <v>-2219232222.0802798</v>
      </c>
      <c r="CE842" s="53">
        <v>-2279491233.9010601</v>
      </c>
      <c r="CF842" s="53">
        <v>-2345739344.4696698</v>
      </c>
      <c r="CG842" s="53">
        <v>-2412120670.15135</v>
      </c>
      <c r="CH842" s="53">
        <v>-2466792485.0162802</v>
      </c>
      <c r="CI842" s="53">
        <v>-2534159674.0192399</v>
      </c>
      <c r="CJ842" s="53">
        <v>-2602083238.3818002</v>
      </c>
      <c r="CK842" s="53">
        <v>-2664560139.1819501</v>
      </c>
      <c r="CL842" s="53">
        <v>-2733032161.4751601</v>
      </c>
      <c r="CM842" s="53">
        <v>-2798000110.58044</v>
      </c>
      <c r="CN842" s="53">
        <v>-2088813830.1773</v>
      </c>
    </row>
    <row r="843" spans="1:92" outlineLevel="1">
      <c r="A843" s="52" t="s">
        <v>1376</v>
      </c>
      <c r="B843" s="53"/>
      <c r="C843" s="53"/>
      <c r="D843" s="53"/>
      <c r="E843" s="53"/>
      <c r="F843" s="53"/>
      <c r="G843" s="53"/>
      <c r="H843" s="53"/>
      <c r="I843" s="53"/>
      <c r="J843" s="53"/>
      <c r="K843" s="53"/>
      <c r="L843" s="53"/>
      <c r="M843" s="53"/>
      <c r="N843" s="53"/>
      <c r="O843" s="53"/>
      <c r="P843" s="53"/>
      <c r="Q843" s="53"/>
      <c r="R843" s="53"/>
      <c r="S843" s="53"/>
      <c r="T843" s="53"/>
      <c r="U843" s="53"/>
      <c r="V843" s="53"/>
      <c r="W843" s="53"/>
      <c r="X843" s="53"/>
      <c r="Y843" s="53"/>
      <c r="Z843" s="53"/>
      <c r="AA843" s="53"/>
      <c r="AB843" s="53"/>
      <c r="AC843" s="53"/>
      <c r="AD843" s="53"/>
      <c r="AE843" s="53"/>
      <c r="AF843" s="53"/>
      <c r="AG843" s="53"/>
      <c r="AH843" s="53"/>
      <c r="AI843" s="53"/>
      <c r="AJ843" s="53"/>
      <c r="AK843" s="53"/>
      <c r="AL843" s="53"/>
      <c r="AM843" s="53"/>
      <c r="AN843" s="53"/>
      <c r="AO843" s="53"/>
      <c r="AP843" s="53"/>
      <c r="AQ843" s="53"/>
      <c r="AR843" s="53"/>
      <c r="AS843" s="53"/>
      <c r="AT843" s="53"/>
      <c r="AU843" s="53"/>
      <c r="AV843" s="53"/>
      <c r="AW843" s="53"/>
      <c r="AX843" s="53"/>
      <c r="AY843" s="53"/>
      <c r="AZ843" s="53"/>
      <c r="BA843" s="53"/>
      <c r="BB843" s="53"/>
      <c r="BC843" s="53"/>
      <c r="BD843" s="53"/>
      <c r="BE843" s="53"/>
      <c r="BF843" s="53"/>
      <c r="BG843" s="53"/>
      <c r="BH843" s="53"/>
      <c r="BI843" s="53"/>
      <c r="BJ843" s="53"/>
      <c r="BK843" s="53"/>
      <c r="BL843" s="53"/>
      <c r="BM843" s="53"/>
      <c r="BN843" s="53"/>
      <c r="BO843" s="53"/>
      <c r="BP843" s="53"/>
      <c r="BQ843" s="53"/>
      <c r="BR843" s="53"/>
      <c r="BS843" s="53"/>
      <c r="BT843" s="53"/>
      <c r="BU843" s="53"/>
      <c r="BV843" s="53"/>
      <c r="BW843" s="53"/>
      <c r="BX843" s="53"/>
      <c r="BY843" s="53"/>
      <c r="BZ843" s="53"/>
      <c r="CA843" s="53"/>
      <c r="CB843" s="53"/>
      <c r="CC843" s="53"/>
      <c r="CD843" s="53"/>
      <c r="CE843" s="53"/>
      <c r="CF843" s="53"/>
      <c r="CG843" s="53"/>
      <c r="CH843" s="53"/>
      <c r="CI843" s="53"/>
      <c r="CJ843" s="53"/>
      <c r="CK843" s="53"/>
      <c r="CL843" s="53"/>
      <c r="CM843" s="53"/>
      <c r="CN843" s="53"/>
    </row>
    <row r="844" spans="1:92" outlineLevel="1">
      <c r="A844" s="52" t="s">
        <v>1377</v>
      </c>
      <c r="B844" s="53"/>
      <c r="C844" s="53"/>
      <c r="D844" s="53"/>
      <c r="E844" s="53"/>
      <c r="F844" s="53"/>
      <c r="G844" s="53"/>
      <c r="H844" s="53"/>
      <c r="I844" s="53"/>
      <c r="J844" s="53"/>
      <c r="K844" s="53"/>
      <c r="L844" s="53"/>
      <c r="M844" s="53"/>
      <c r="N844" s="53"/>
      <c r="O844" s="53"/>
      <c r="P844" s="53"/>
      <c r="Q844" s="53"/>
      <c r="R844" s="53"/>
      <c r="S844" s="53"/>
      <c r="T844" s="53"/>
      <c r="U844" s="53"/>
      <c r="V844" s="53"/>
      <c r="W844" s="53"/>
      <c r="X844" s="53"/>
      <c r="Y844" s="53"/>
      <c r="Z844" s="53"/>
      <c r="AA844" s="53"/>
      <c r="AB844" s="53"/>
      <c r="AC844" s="53"/>
      <c r="AD844" s="53"/>
      <c r="AE844" s="53"/>
      <c r="AF844" s="53"/>
      <c r="AG844" s="53"/>
      <c r="AH844" s="53"/>
      <c r="AI844" s="53"/>
      <c r="AJ844" s="53"/>
      <c r="AK844" s="53"/>
      <c r="AL844" s="53"/>
      <c r="AM844" s="53"/>
      <c r="AN844" s="53"/>
      <c r="AO844" s="53"/>
      <c r="AP844" s="53"/>
      <c r="AQ844" s="53"/>
      <c r="AR844" s="53"/>
      <c r="AS844" s="53"/>
      <c r="AT844" s="53"/>
      <c r="AU844" s="53"/>
      <c r="AV844" s="53"/>
      <c r="AW844" s="53"/>
      <c r="AX844" s="53"/>
      <c r="AY844" s="53"/>
      <c r="AZ844" s="53"/>
      <c r="BA844" s="53"/>
      <c r="BB844" s="53"/>
      <c r="BC844" s="53"/>
      <c r="BD844" s="53"/>
      <c r="BE844" s="53"/>
      <c r="BF844" s="53"/>
      <c r="BG844" s="53"/>
      <c r="BH844" s="53"/>
      <c r="BI844" s="53"/>
      <c r="BJ844" s="53"/>
      <c r="BK844" s="53"/>
      <c r="BL844" s="53"/>
      <c r="BM844" s="53"/>
      <c r="BN844" s="53"/>
      <c r="BO844" s="53"/>
      <c r="BP844" s="53"/>
      <c r="BQ844" s="53"/>
      <c r="BR844" s="53"/>
      <c r="BS844" s="53"/>
      <c r="BT844" s="53"/>
      <c r="BU844" s="53"/>
      <c r="BV844" s="53"/>
      <c r="BW844" s="53"/>
      <c r="BX844" s="53"/>
      <c r="BY844" s="53"/>
      <c r="BZ844" s="53"/>
      <c r="CA844" s="53"/>
      <c r="CB844" s="53"/>
      <c r="CC844" s="53"/>
      <c r="CD844" s="53"/>
      <c r="CE844" s="53"/>
      <c r="CF844" s="53"/>
      <c r="CG844" s="53"/>
      <c r="CH844" s="53"/>
      <c r="CI844" s="53"/>
      <c r="CJ844" s="53"/>
      <c r="CK844" s="53"/>
      <c r="CL844" s="53"/>
      <c r="CM844" s="53"/>
      <c r="CN844" s="53"/>
    </row>
    <row r="845" spans="1:92" outlineLevel="1">
      <c r="A845" s="52" t="s">
        <v>1378</v>
      </c>
      <c r="B845" s="53">
        <v>-1092858.8531758301</v>
      </c>
      <c r="C845" s="53">
        <v>-1100788.4559366601</v>
      </c>
      <c r="D845" s="53">
        <v>-547623.79020000005</v>
      </c>
      <c r="E845" s="53">
        <v>-509720.25867333298</v>
      </c>
      <c r="F845" s="53">
        <v>-1057819.7020399999</v>
      </c>
      <c r="G845" s="53">
        <v>-3033714.06765666</v>
      </c>
      <c r="H845" s="53">
        <v>-3055726.1908216602</v>
      </c>
      <c r="I845" s="53">
        <v>-3077898.0293899998</v>
      </c>
      <c r="J845" s="53">
        <v>-1034298.744295</v>
      </c>
      <c r="K845" s="53">
        <v>-595115.44545583299</v>
      </c>
      <c r="L845" s="53">
        <v>-599433.50796583295</v>
      </c>
      <c r="M845" s="53">
        <v>-1206811.6939083301</v>
      </c>
      <c r="N845" s="53">
        <v>-16911808.739519101</v>
      </c>
      <c r="O845" s="53">
        <v>-1204871.6006449901</v>
      </c>
      <c r="P845" s="53">
        <v>-1213613.9481673399</v>
      </c>
      <c r="Q845" s="53">
        <v>-661267.92870625702</v>
      </c>
      <c r="R845" s="53">
        <v>-624188.97858562798</v>
      </c>
      <c r="S845" s="53">
        <v>-1173118.9897827399</v>
      </c>
      <c r="T845" s="53">
        <v>-3149849.9456527801</v>
      </c>
      <c r="U845" s="53">
        <v>-3172704.7318834402</v>
      </c>
      <c r="V845" s="53">
        <v>-3195725.34863387</v>
      </c>
      <c r="W845" s="53">
        <v>-1152980.9991426601</v>
      </c>
      <c r="X845" s="53">
        <v>-714658.83710894606</v>
      </c>
      <c r="Y845" s="53">
        <v>-719844.28252120304</v>
      </c>
      <c r="Z845" s="53">
        <v>-1328096.1526611301</v>
      </c>
      <c r="AA845" s="53">
        <v>-18310921.743491001</v>
      </c>
      <c r="AB845" s="53">
        <v>-1326741.92699548</v>
      </c>
      <c r="AC845" s="53">
        <v>-1336368.5452941</v>
      </c>
      <c r="AD845" s="53">
        <v>-784913.21273066802</v>
      </c>
      <c r="AE845" s="53">
        <v>-748731.412183373</v>
      </c>
      <c r="AF845" s="53">
        <v>3.8769374325073702</v>
      </c>
      <c r="AG845" s="53">
        <v>3.9050678443614002</v>
      </c>
      <c r="AH845" s="53">
        <v>3.93340236579545</v>
      </c>
      <c r="AI845" s="53">
        <v>3.9619424777946</v>
      </c>
      <c r="AJ845" s="53">
        <v>3.9906896720897298</v>
      </c>
      <c r="AK845" s="53">
        <v>4.0196454512354602</v>
      </c>
      <c r="AL845" s="53">
        <v>4.0488113286887204</v>
      </c>
      <c r="AM845" s="53">
        <v>4.0781888288877903</v>
      </c>
      <c r="AN845" s="53">
        <v>-4196723.2825182201</v>
      </c>
      <c r="AO845" s="53">
        <v>4.1077794873320599</v>
      </c>
      <c r="AP845" s="53">
        <v>4.1375848506622299</v>
      </c>
      <c r="AQ845" s="53">
        <v>4.1676064767411498</v>
      </c>
      <c r="AR845" s="53">
        <v>4.1978459347353096</v>
      </c>
      <c r="AS845" s="53">
        <v>4.2283048051967498</v>
      </c>
      <c r="AT845" s="53">
        <v>4.2589846801457902</v>
      </c>
      <c r="AU845" s="53">
        <v>4.28988716315415</v>
      </c>
      <c r="AV845" s="53">
        <v>4.3210138694287998</v>
      </c>
      <c r="AW845" s="53">
        <v>4.3523664258963901</v>
      </c>
      <c r="AX845" s="53">
        <v>4.3839464712882901</v>
      </c>
      <c r="AY845" s="53">
        <v>4.4157556562262101</v>
      </c>
      <c r="AZ845" s="53">
        <v>4.4477956433085</v>
      </c>
      <c r="BA845" s="53">
        <v>51.308871464115597</v>
      </c>
      <c r="BB845" s="53">
        <v>4.48006810719707</v>
      </c>
      <c r="BC845" s="53">
        <v>4.5125747347048701</v>
      </c>
      <c r="BD845" s="53">
        <v>4.5453172248840996</v>
      </c>
      <c r="BE845" s="53">
        <v>4.57829728911498</v>
      </c>
      <c r="BF845" s="53">
        <v>4.6115166511952497</v>
      </c>
      <c r="BG845" s="53">
        <v>4.6449770474302099</v>
      </c>
      <c r="BH845" s="53">
        <v>4.6786802267235101</v>
      </c>
      <c r="BI845" s="53">
        <v>4.71262795066857</v>
      </c>
      <c r="BJ845" s="53">
        <v>4.7468219936406202</v>
      </c>
      <c r="BK845" s="53">
        <v>4.7812641428894702</v>
      </c>
      <c r="BL845" s="53">
        <v>4.81595619863291</v>
      </c>
      <c r="BM845" s="53">
        <v>4.8508999741508196</v>
      </c>
      <c r="BN845" s="53">
        <v>55.959001541232396</v>
      </c>
      <c r="BO845" s="53">
        <v>4.8860972958799103</v>
      </c>
      <c r="BP845" s="53">
        <v>4.9215500035092301</v>
      </c>
      <c r="BQ845" s="53">
        <v>4.9572599500763399</v>
      </c>
      <c r="BR845" s="53">
        <v>4.9932290020640604</v>
      </c>
      <c r="BS845" s="53"/>
      <c r="BT845" s="53"/>
      <c r="BU845" s="53"/>
      <c r="BV845" s="53"/>
      <c r="BW845" s="53"/>
      <c r="BX845" s="53"/>
      <c r="BY845" s="53"/>
      <c r="BZ845" s="53"/>
      <c r="CA845" s="53">
        <v>19.7581362515295</v>
      </c>
      <c r="CB845" s="53"/>
      <c r="CC845" s="53"/>
      <c r="CD845" s="53"/>
      <c r="CE845" s="53"/>
      <c r="CF845" s="53"/>
      <c r="CG845" s="53"/>
      <c r="CH845" s="53"/>
      <c r="CI845" s="53"/>
      <c r="CJ845" s="53"/>
      <c r="CK845" s="53"/>
      <c r="CL845" s="53"/>
      <c r="CM845" s="53"/>
      <c r="CN845" s="53"/>
    </row>
    <row r="846" spans="1:92" outlineLevel="1">
      <c r="A846" s="52" t="s">
        <v>1379</v>
      </c>
      <c r="B846" s="53">
        <v>-289089.632509007</v>
      </c>
      <c r="C846" s="53">
        <v>-290850.66529097001</v>
      </c>
      <c r="D846" s="53">
        <v>-292622.43963176099</v>
      </c>
      <c r="E846" s="53">
        <v>-294404.99022865598</v>
      </c>
      <c r="F846" s="53">
        <v>-296198.40715600102</v>
      </c>
      <c r="G846" s="53">
        <v>-298002.75499340898</v>
      </c>
      <c r="H846" s="53">
        <v>-299818.08483441698</v>
      </c>
      <c r="I846" s="53">
        <v>-301644.47794360301</v>
      </c>
      <c r="J846" s="53">
        <v>-303482.00289655698</v>
      </c>
      <c r="K846" s="53">
        <v>-305330.71414299699</v>
      </c>
      <c r="L846" s="53">
        <v>-307190.68249075598</v>
      </c>
      <c r="M846" s="53">
        <v>-309061.98052333301</v>
      </c>
      <c r="N846" s="53">
        <v>-3587696.8326414698</v>
      </c>
      <c r="O846" s="53">
        <v>-310944.68276122899</v>
      </c>
      <c r="P846" s="53">
        <v>-312838.85412038199</v>
      </c>
      <c r="Q846" s="53">
        <v>-314744.56414006598</v>
      </c>
      <c r="R846" s="53">
        <v>-316661.88310995197</v>
      </c>
      <c r="S846" s="53">
        <v>-318590.88174789702</v>
      </c>
      <c r="T846" s="53">
        <v>-320531.63120254403</v>
      </c>
      <c r="U846" s="53">
        <v>-322484.20305595302</v>
      </c>
      <c r="V846" s="53">
        <v>-324448.66932623601</v>
      </c>
      <c r="W846" s="53">
        <v>-326425.10247021401</v>
      </c>
      <c r="X846" s="53">
        <v>-328413.57538609498</v>
      </c>
      <c r="Y846" s="53">
        <v>-330414.16141615598</v>
      </c>
      <c r="Z846" s="53">
        <v>-332426.934349449</v>
      </c>
      <c r="AA846" s="53">
        <v>-3858925.1430861698</v>
      </c>
      <c r="AB846" s="53">
        <v>-334451.96842452802</v>
      </c>
      <c r="AC846" s="53">
        <v>-336489.33833217999</v>
      </c>
      <c r="AD846" s="53">
        <v>-338539.119218187</v>
      </c>
      <c r="AE846" s="53">
        <v>-340601.38668609102</v>
      </c>
      <c r="AF846" s="53">
        <v>-342676.21679998701</v>
      </c>
      <c r="AG846" s="53">
        <v>-344763.68608732702</v>
      </c>
      <c r="AH846" s="53">
        <v>-346863.871541742</v>
      </c>
      <c r="AI846" s="53">
        <v>-348976.85062588402</v>
      </c>
      <c r="AJ846" s="53">
        <v>-351102.70127428003</v>
      </c>
      <c r="AK846" s="53">
        <v>-353241.50189620903</v>
      </c>
      <c r="AL846" s="53">
        <v>-355393.33137859299</v>
      </c>
      <c r="AM846" s="53">
        <v>-357558.26908890699</v>
      </c>
      <c r="AN846" s="53">
        <v>-4150658.24135391</v>
      </c>
      <c r="AO846" s="53">
        <v>-359736.39487810701</v>
      </c>
      <c r="AP846" s="53">
        <v>-361927.78908357298</v>
      </c>
      <c r="AQ846" s="53">
        <v>-364132.53253207402</v>
      </c>
      <c r="AR846" s="53">
        <v>-366350.70654274803</v>
      </c>
      <c r="AS846" s="53">
        <v>-368582.39293010399</v>
      </c>
      <c r="AT846" s="53">
        <v>-370827.67400703701</v>
      </c>
      <c r="AU846" s="53">
        <v>-373086.63258786203</v>
      </c>
      <c r="AV846" s="53">
        <v>-375359.35199137701</v>
      </c>
      <c r="AW846" s="53">
        <v>-377645.91604392399</v>
      </c>
      <c r="AX846" s="53">
        <v>-379946.40908249101</v>
      </c>
      <c r="AY846" s="53">
        <v>-382260.91595781897</v>
      </c>
      <c r="AZ846" s="53">
        <v>-384589.52203752799</v>
      </c>
      <c r="BA846" s="53">
        <v>-4464446.2376746396</v>
      </c>
      <c r="BB846" s="53">
        <v>-386932.31320927298</v>
      </c>
      <c r="BC846" s="53">
        <v>-389289.37588390597</v>
      </c>
      <c r="BD846" s="53">
        <v>-391660.79699866503</v>
      </c>
      <c r="BE846" s="53">
        <v>-394046.66402038198</v>
      </c>
      <c r="BF846" s="53">
        <v>-396447.06494870601</v>
      </c>
      <c r="BG846" s="53">
        <v>-398862.08831935102</v>
      </c>
      <c r="BH846" s="53">
        <v>-401291.82320736302</v>
      </c>
      <c r="BI846" s="53">
        <v>-403736.3592304</v>
      </c>
      <c r="BJ846" s="53">
        <v>-406195.78655204503</v>
      </c>
      <c r="BK846" s="53">
        <v>-408670.19588512398</v>
      </c>
      <c r="BL846" s="53">
        <v>-411159.67849505699</v>
      </c>
      <c r="BM846" s="53">
        <v>-413664.32620322099</v>
      </c>
      <c r="BN846" s="53">
        <v>-4801956.47295349</v>
      </c>
      <c r="BO846" s="53">
        <v>-416184.23139034002</v>
      </c>
      <c r="BP846" s="53">
        <v>-418719.48699989298</v>
      </c>
      <c r="BQ846" s="53">
        <v>-421270.186541526</v>
      </c>
      <c r="BR846" s="53"/>
      <c r="BS846" s="53"/>
      <c r="BT846" s="53"/>
      <c r="BU846" s="53"/>
      <c r="BV846" s="53"/>
      <c r="BW846" s="53"/>
      <c r="BX846" s="53"/>
      <c r="BY846" s="53"/>
      <c r="BZ846" s="53"/>
      <c r="CA846" s="53">
        <v>-1256173.9049317599</v>
      </c>
      <c r="CB846" s="53"/>
      <c r="CC846" s="53"/>
      <c r="CD846" s="53"/>
      <c r="CE846" s="53"/>
      <c r="CF846" s="53"/>
      <c r="CG846" s="53"/>
      <c r="CH846" s="53"/>
      <c r="CI846" s="53"/>
      <c r="CJ846" s="53"/>
      <c r="CK846" s="53"/>
      <c r="CL846" s="53"/>
      <c r="CM846" s="53"/>
      <c r="CN846" s="53"/>
    </row>
    <row r="847" spans="1:92" outlineLevel="1">
      <c r="A847" s="52" t="s">
        <v>1380</v>
      </c>
      <c r="B847" s="53">
        <v>-5872054883.1699896</v>
      </c>
      <c r="C847" s="53">
        <v>-5919031416.4399996</v>
      </c>
      <c r="D847" s="53">
        <v>-5982540921.71</v>
      </c>
      <c r="E847" s="53">
        <v>-6017115991.9200001</v>
      </c>
      <c r="F847" s="53">
        <v>-6118384648.3400002</v>
      </c>
      <c r="G847" s="53">
        <v>-6075948293.6999998</v>
      </c>
      <c r="H847" s="53">
        <v>-6143913545.46</v>
      </c>
      <c r="I847" s="53">
        <v>-6186113598.6699896</v>
      </c>
      <c r="J847" s="53">
        <v>-6222825120.5100002</v>
      </c>
      <c r="K847" s="53">
        <v>-6325272244.0799999</v>
      </c>
      <c r="L847" s="53">
        <v>-6306090501.6400003</v>
      </c>
      <c r="M847" s="53">
        <v>-6354684391.79</v>
      </c>
      <c r="N847" s="53">
        <v>-6354684391.79</v>
      </c>
      <c r="O847" s="53">
        <v>-6356200208.0733995</v>
      </c>
      <c r="P847" s="53">
        <v>-6357726660.8756905</v>
      </c>
      <c r="Q847" s="53">
        <v>-6358702673.3685398</v>
      </c>
      <c r="R847" s="53">
        <v>-6359643524.2302303</v>
      </c>
      <c r="S847" s="53">
        <v>-6361135234.1017599</v>
      </c>
      <c r="T847" s="53">
        <v>-6364605615.6786203</v>
      </c>
      <c r="U847" s="53">
        <v>-6368100804.6135597</v>
      </c>
      <c r="V847" s="53">
        <v>-6371620978.6315203</v>
      </c>
      <c r="W847" s="53">
        <v>-6373100384.7331305</v>
      </c>
      <c r="X847" s="53">
        <v>-6374143457.1456299</v>
      </c>
      <c r="Y847" s="53">
        <v>-6375193715.5895596</v>
      </c>
      <c r="Z847" s="53">
        <v>-6376854238.6765699</v>
      </c>
      <c r="AA847" s="53">
        <v>-6376854238.6765699</v>
      </c>
      <c r="AB847" s="53">
        <v>-6378515432.57199</v>
      </c>
      <c r="AC847" s="53">
        <v>-6380188290.4556198</v>
      </c>
      <c r="AD847" s="53">
        <v>-6381311742.78757</v>
      </c>
      <c r="AE847" s="53">
        <v>-6382401075.5864401</v>
      </c>
      <c r="AF847" s="53">
        <v>-6382743747.9263</v>
      </c>
      <c r="AG847" s="53">
        <v>-6383088507.7073202</v>
      </c>
      <c r="AH847" s="53">
        <v>-6383435367.6454601</v>
      </c>
      <c r="AI847" s="53">
        <v>-6383784340.5341396</v>
      </c>
      <c r="AJ847" s="53">
        <v>-6384135439.24473</v>
      </c>
      <c r="AK847" s="53">
        <v>-6384488676.7269802</v>
      </c>
      <c r="AL847" s="53">
        <v>-6384844066.0095396</v>
      </c>
      <c r="AM847" s="53">
        <v>-6385201620.2004499</v>
      </c>
      <c r="AN847" s="53">
        <v>-6385201620.2004499</v>
      </c>
      <c r="AO847" s="53">
        <v>-6385561352.4875402</v>
      </c>
      <c r="AP847" s="53">
        <v>-6385923276.13904</v>
      </c>
      <c r="AQ847" s="53">
        <v>-6386287404.5039701</v>
      </c>
      <c r="AR847" s="53">
        <v>-6386653751.01266</v>
      </c>
      <c r="AS847" s="53">
        <v>-6387022329.17729</v>
      </c>
      <c r="AT847" s="53">
        <v>-6387393152.59231</v>
      </c>
      <c r="AU847" s="53">
        <v>-6387766234.93501</v>
      </c>
      <c r="AV847" s="53">
        <v>-6388141589.9659901</v>
      </c>
      <c r="AW847" s="53">
        <v>-6388519231.5296698</v>
      </c>
      <c r="AX847" s="53">
        <v>-6388899173.5548</v>
      </c>
      <c r="AY847" s="53">
        <v>-6389281430.0550098</v>
      </c>
      <c r="AZ847" s="53">
        <v>-6389666015.1292496</v>
      </c>
      <c r="BA847" s="53">
        <v>-6389666015.1292496</v>
      </c>
      <c r="BB847" s="53">
        <v>-6390052942.9623899</v>
      </c>
      <c r="BC847" s="53">
        <v>-6390442227.8256998</v>
      </c>
      <c r="BD847" s="53">
        <v>-6390833884.0773802</v>
      </c>
      <c r="BE847" s="53">
        <v>-6391227926.1631002</v>
      </c>
      <c r="BF847" s="53">
        <v>-6391624368.61654</v>
      </c>
      <c r="BG847" s="53">
        <v>-6392023226.0598803</v>
      </c>
      <c r="BH847" s="53">
        <v>-6392424513.2044001</v>
      </c>
      <c r="BI847" s="53">
        <v>-6392828244.8510103</v>
      </c>
      <c r="BJ847" s="53">
        <v>-6393234435.8907404</v>
      </c>
      <c r="BK847" s="53">
        <v>-6393643101.3053598</v>
      </c>
      <c r="BL847" s="53">
        <v>-6394054256.1679001</v>
      </c>
      <c r="BM847" s="53">
        <v>-6394467915.6431999</v>
      </c>
      <c r="BN847" s="53">
        <v>-6394467915.6431999</v>
      </c>
      <c r="BO847" s="53">
        <v>-6394884094.9884901</v>
      </c>
      <c r="BP847" s="53">
        <v>-6395302809.5539398</v>
      </c>
      <c r="BQ847" s="53">
        <v>-6395724074.7832203</v>
      </c>
      <c r="BR847" s="53">
        <v>-6395724069.79</v>
      </c>
      <c r="BS847" s="53">
        <v>-6395724069.79</v>
      </c>
      <c r="BT847" s="53">
        <v>-6395724069.79</v>
      </c>
      <c r="BU847" s="53">
        <v>-6395724069.79</v>
      </c>
      <c r="BV847" s="53">
        <v>-6395724069.79</v>
      </c>
      <c r="BW847" s="53">
        <v>-6395724069.79</v>
      </c>
      <c r="BX847" s="53">
        <v>-6395724069.79</v>
      </c>
      <c r="BY847" s="53">
        <v>-6395724069.79</v>
      </c>
      <c r="BZ847" s="53">
        <v>-6395724069.79</v>
      </c>
      <c r="CA847" s="53">
        <v>-6395724069.79</v>
      </c>
      <c r="CB847" s="53"/>
      <c r="CC847" s="53"/>
      <c r="CD847" s="53"/>
      <c r="CE847" s="53"/>
      <c r="CF847" s="53"/>
      <c r="CG847" s="53"/>
      <c r="CH847" s="53"/>
      <c r="CI847" s="53"/>
      <c r="CJ847" s="53"/>
      <c r="CK847" s="53"/>
      <c r="CL847" s="53"/>
      <c r="CM847" s="53"/>
      <c r="CN847" s="53"/>
    </row>
    <row r="848" spans="1:92" outlineLevel="1">
      <c r="A848" s="52" t="s">
        <v>1381</v>
      </c>
      <c r="B848" s="53">
        <v>-9837564.0700000003</v>
      </c>
      <c r="C848" s="53">
        <v>-9882969.0099999998</v>
      </c>
      <c r="D848" s="53">
        <v>-9928373.9399999995</v>
      </c>
      <c r="E848" s="53">
        <v>-9973778.8599999994</v>
      </c>
      <c r="F848" s="53">
        <v>-10019183.810000001</v>
      </c>
      <c r="G848" s="53">
        <v>-10064588.73</v>
      </c>
      <c r="H848" s="53">
        <v>-10109993.67</v>
      </c>
      <c r="I848" s="53">
        <v>-10155398.609999999</v>
      </c>
      <c r="J848" s="53">
        <v>-10225873.529999999</v>
      </c>
      <c r="K848" s="53">
        <v>-10271278.359999999</v>
      </c>
      <c r="L848" s="53">
        <v>-10298690.6399999</v>
      </c>
      <c r="M848" s="53">
        <v>-10337117.050000001</v>
      </c>
      <c r="N848" s="53">
        <v>-10337117.050000001</v>
      </c>
      <c r="O848" s="53">
        <v>-10337117.050000001</v>
      </c>
      <c r="P848" s="53">
        <v>-10337117.050000001</v>
      </c>
      <c r="Q848" s="53">
        <v>-10337117.050000001</v>
      </c>
      <c r="R848" s="53">
        <v>-10337117.050000001</v>
      </c>
      <c r="S848" s="53">
        <v>-10337117.050000001</v>
      </c>
      <c r="T848" s="53">
        <v>-10337117.050000001</v>
      </c>
      <c r="U848" s="53">
        <v>-10337117.050000001</v>
      </c>
      <c r="V848" s="53">
        <v>-10337117.050000001</v>
      </c>
      <c r="W848" s="53">
        <v>-10337117.050000001</v>
      </c>
      <c r="X848" s="53">
        <v>-10337117.050000001</v>
      </c>
      <c r="Y848" s="53">
        <v>-10337117.050000001</v>
      </c>
      <c r="Z848" s="53">
        <v>-10337117.050000001</v>
      </c>
      <c r="AA848" s="53">
        <v>-10337117.050000001</v>
      </c>
      <c r="AB848" s="53">
        <v>-10337117.050000001</v>
      </c>
      <c r="AC848" s="53">
        <v>-10337117.050000001</v>
      </c>
      <c r="AD848" s="53">
        <v>-10337117.050000001</v>
      </c>
      <c r="AE848" s="53">
        <v>-10337117.050000001</v>
      </c>
      <c r="AF848" s="53">
        <v>-10337117.050000001</v>
      </c>
      <c r="AG848" s="53">
        <v>-10337117.050000001</v>
      </c>
      <c r="AH848" s="53">
        <v>-10337117.050000001</v>
      </c>
      <c r="AI848" s="53">
        <v>-10337117.050000001</v>
      </c>
      <c r="AJ848" s="53">
        <v>-10337117.050000001</v>
      </c>
      <c r="AK848" s="53">
        <v>-10337117.050000001</v>
      </c>
      <c r="AL848" s="53">
        <v>-10337117.050000001</v>
      </c>
      <c r="AM848" s="53">
        <v>-10337117.050000001</v>
      </c>
      <c r="AN848" s="53">
        <v>-10337117.050000001</v>
      </c>
      <c r="AO848" s="53">
        <v>-10337117.050000001</v>
      </c>
      <c r="AP848" s="53">
        <v>-10337117.050000001</v>
      </c>
      <c r="AQ848" s="53">
        <v>-10337117.050000001</v>
      </c>
      <c r="AR848" s="53">
        <v>-10337117.050000001</v>
      </c>
      <c r="AS848" s="53">
        <v>-10337117.050000001</v>
      </c>
      <c r="AT848" s="53">
        <v>-10337117.050000001</v>
      </c>
      <c r="AU848" s="53">
        <v>-10337117.050000001</v>
      </c>
      <c r="AV848" s="53">
        <v>-10337117.050000001</v>
      </c>
      <c r="AW848" s="53">
        <v>-10337117.050000001</v>
      </c>
      <c r="AX848" s="53">
        <v>-10337117.050000001</v>
      </c>
      <c r="AY848" s="53">
        <v>-10337117.050000001</v>
      </c>
      <c r="AZ848" s="53">
        <v>-10337117.050000001</v>
      </c>
      <c r="BA848" s="53">
        <v>-10337117.050000001</v>
      </c>
      <c r="BB848" s="53">
        <v>-10337117.050000001</v>
      </c>
      <c r="BC848" s="53">
        <v>-10337117.050000001</v>
      </c>
      <c r="BD848" s="53">
        <v>-10337117.050000001</v>
      </c>
      <c r="BE848" s="53">
        <v>-10337117.050000001</v>
      </c>
      <c r="BF848" s="53">
        <v>-10337117.050000001</v>
      </c>
      <c r="BG848" s="53">
        <v>-10337117.050000001</v>
      </c>
      <c r="BH848" s="53">
        <v>-10337117.050000001</v>
      </c>
      <c r="BI848" s="53">
        <v>-10337117.050000001</v>
      </c>
      <c r="BJ848" s="53">
        <v>-10337117.050000001</v>
      </c>
      <c r="BK848" s="53">
        <v>-10337117.050000001</v>
      </c>
      <c r="BL848" s="53">
        <v>-10337117.050000001</v>
      </c>
      <c r="BM848" s="53">
        <v>-10337117.050000001</v>
      </c>
      <c r="BN848" s="53">
        <v>-10337117.050000001</v>
      </c>
      <c r="BO848" s="53">
        <v>-10337117.050000001</v>
      </c>
      <c r="BP848" s="53">
        <v>-10337117.050000001</v>
      </c>
      <c r="BQ848" s="53">
        <v>-10337117.050000001</v>
      </c>
      <c r="BR848" s="53">
        <v>-10337117.050000001</v>
      </c>
      <c r="BS848" s="53">
        <v>-10337117.050000001</v>
      </c>
      <c r="BT848" s="53">
        <v>-10337117.050000001</v>
      </c>
      <c r="BU848" s="53">
        <v>-10337117.050000001</v>
      </c>
      <c r="BV848" s="53">
        <v>-10337117.050000001</v>
      </c>
      <c r="BW848" s="53">
        <v>-10337117.050000001</v>
      </c>
      <c r="BX848" s="53">
        <v>-10337117.050000001</v>
      </c>
      <c r="BY848" s="53">
        <v>-10337117.050000001</v>
      </c>
      <c r="BZ848" s="53">
        <v>-10337117.050000001</v>
      </c>
      <c r="CA848" s="53">
        <v>-10337117.050000001</v>
      </c>
      <c r="CB848" s="53"/>
      <c r="CC848" s="53"/>
      <c r="CD848" s="53"/>
      <c r="CE848" s="53"/>
      <c r="CF848" s="53"/>
      <c r="CG848" s="53"/>
      <c r="CH848" s="53"/>
      <c r="CI848" s="53"/>
      <c r="CJ848" s="53"/>
      <c r="CK848" s="53"/>
      <c r="CL848" s="53"/>
      <c r="CM848" s="53"/>
      <c r="CN848" s="53"/>
    </row>
    <row r="849" spans="1:92" outlineLevel="1">
      <c r="A849" s="52" t="s">
        <v>1382</v>
      </c>
      <c r="B849" s="53">
        <v>0</v>
      </c>
      <c r="C849" s="53">
        <v>0</v>
      </c>
      <c r="D849" s="53">
        <v>0</v>
      </c>
      <c r="E849" s="53">
        <v>0</v>
      </c>
      <c r="F849" s="53">
        <v>0</v>
      </c>
      <c r="G849" s="53">
        <v>0</v>
      </c>
      <c r="H849" s="53">
        <v>0</v>
      </c>
      <c r="I849" s="53">
        <v>0</v>
      </c>
      <c r="J849" s="53">
        <v>0</v>
      </c>
      <c r="K849" s="53">
        <v>0</v>
      </c>
      <c r="L849" s="53">
        <v>0</v>
      </c>
      <c r="M849" s="53">
        <v>0</v>
      </c>
      <c r="N849" s="53">
        <v>0</v>
      </c>
      <c r="O849" s="53">
        <v>0</v>
      </c>
      <c r="P849" s="53">
        <v>0</v>
      </c>
      <c r="Q849" s="53">
        <v>0</v>
      </c>
      <c r="R849" s="53">
        <v>0</v>
      </c>
      <c r="S849" s="53">
        <v>0</v>
      </c>
      <c r="T849" s="53">
        <v>0</v>
      </c>
      <c r="U849" s="53">
        <v>0</v>
      </c>
      <c r="V849" s="53">
        <v>0</v>
      </c>
      <c r="W849" s="53">
        <v>0</v>
      </c>
      <c r="X849" s="53">
        <v>0</v>
      </c>
      <c r="Y849" s="53">
        <v>0</v>
      </c>
      <c r="Z849" s="53">
        <v>0</v>
      </c>
      <c r="AA849" s="53">
        <v>0</v>
      </c>
      <c r="AB849" s="53">
        <v>0</v>
      </c>
      <c r="AC849" s="53">
        <v>0</v>
      </c>
      <c r="AD849" s="53">
        <v>0</v>
      </c>
      <c r="AE849" s="53">
        <v>0</v>
      </c>
      <c r="AF849" s="53">
        <v>0</v>
      </c>
      <c r="AG849" s="53">
        <v>0</v>
      </c>
      <c r="AH849" s="53">
        <v>0</v>
      </c>
      <c r="AI849" s="53">
        <v>0</v>
      </c>
      <c r="AJ849" s="53">
        <v>0</v>
      </c>
      <c r="AK849" s="53">
        <v>0</v>
      </c>
      <c r="AL849" s="53">
        <v>0</v>
      </c>
      <c r="AM849" s="53">
        <v>0</v>
      </c>
      <c r="AN849" s="53">
        <v>0</v>
      </c>
      <c r="AO849" s="53">
        <v>0</v>
      </c>
      <c r="AP849" s="53">
        <v>0</v>
      </c>
      <c r="AQ849" s="53">
        <v>0</v>
      </c>
      <c r="AR849" s="53">
        <v>0</v>
      </c>
      <c r="AS849" s="53">
        <v>0</v>
      </c>
      <c r="AT849" s="53">
        <v>0</v>
      </c>
      <c r="AU849" s="53">
        <v>0</v>
      </c>
      <c r="AV849" s="53">
        <v>0</v>
      </c>
      <c r="AW849" s="53">
        <v>0</v>
      </c>
      <c r="AX849" s="53">
        <v>0</v>
      </c>
      <c r="AY849" s="53">
        <v>0</v>
      </c>
      <c r="AZ849" s="53">
        <v>0</v>
      </c>
      <c r="BA849" s="53">
        <v>0</v>
      </c>
      <c r="BB849" s="53">
        <v>0</v>
      </c>
      <c r="BC849" s="53">
        <v>0</v>
      </c>
      <c r="BD849" s="53">
        <v>0</v>
      </c>
      <c r="BE849" s="53">
        <v>0</v>
      </c>
      <c r="BF849" s="53">
        <v>0</v>
      </c>
      <c r="BG849" s="53">
        <v>0</v>
      </c>
      <c r="BH849" s="53">
        <v>0</v>
      </c>
      <c r="BI849" s="53">
        <v>0</v>
      </c>
      <c r="BJ849" s="53">
        <v>0</v>
      </c>
      <c r="BK849" s="53">
        <v>0</v>
      </c>
      <c r="BL849" s="53">
        <v>0</v>
      </c>
      <c r="BM849" s="53">
        <v>0</v>
      </c>
      <c r="BN849" s="53">
        <v>0</v>
      </c>
      <c r="BO849" s="53">
        <v>0</v>
      </c>
      <c r="BP849" s="53">
        <v>0</v>
      </c>
      <c r="BQ849" s="53">
        <v>0</v>
      </c>
      <c r="BR849" s="53">
        <v>0</v>
      </c>
      <c r="BS849" s="53">
        <v>0</v>
      </c>
      <c r="BT849" s="53">
        <v>0</v>
      </c>
      <c r="BU849" s="53">
        <v>0</v>
      </c>
      <c r="BV849" s="53">
        <v>0</v>
      </c>
      <c r="BW849" s="53">
        <v>0</v>
      </c>
      <c r="BX849" s="53">
        <v>0</v>
      </c>
      <c r="BY849" s="53">
        <v>0</v>
      </c>
      <c r="BZ849" s="53">
        <v>0</v>
      </c>
      <c r="CA849" s="53">
        <v>0</v>
      </c>
      <c r="CB849" s="53"/>
      <c r="CC849" s="53"/>
      <c r="CD849" s="53"/>
      <c r="CE849" s="53"/>
      <c r="CF849" s="53"/>
      <c r="CG849" s="53"/>
      <c r="CH849" s="53"/>
      <c r="CI849" s="53"/>
      <c r="CJ849" s="53"/>
      <c r="CK849" s="53"/>
      <c r="CL849" s="53"/>
      <c r="CM849" s="53"/>
      <c r="CN849" s="53"/>
    </row>
    <row r="850" spans="1:92" outlineLevel="1">
      <c r="A850" s="52" t="s">
        <v>1383</v>
      </c>
      <c r="B850" s="53">
        <v>0</v>
      </c>
      <c r="C850" s="53">
        <v>0</v>
      </c>
      <c r="D850" s="53">
        <v>0</v>
      </c>
      <c r="E850" s="53">
        <v>0</v>
      </c>
      <c r="F850" s="53">
        <v>0</v>
      </c>
      <c r="G850" s="53">
        <v>0</v>
      </c>
      <c r="H850" s="53">
        <v>0</v>
      </c>
      <c r="I850" s="53">
        <v>0</v>
      </c>
      <c r="J850" s="53">
        <v>0</v>
      </c>
      <c r="K850" s="53">
        <v>0</v>
      </c>
      <c r="L850" s="53">
        <v>0</v>
      </c>
      <c r="M850" s="53">
        <v>0</v>
      </c>
      <c r="N850" s="53">
        <v>0</v>
      </c>
      <c r="O850" s="53">
        <v>0</v>
      </c>
      <c r="P850" s="53">
        <v>0</v>
      </c>
      <c r="Q850" s="53">
        <v>0</v>
      </c>
      <c r="R850" s="53">
        <v>0</v>
      </c>
      <c r="S850" s="53">
        <v>0</v>
      </c>
      <c r="T850" s="53">
        <v>0</v>
      </c>
      <c r="U850" s="53">
        <v>0</v>
      </c>
      <c r="V850" s="53">
        <v>0</v>
      </c>
      <c r="W850" s="53">
        <v>0</v>
      </c>
      <c r="X850" s="53">
        <v>0</v>
      </c>
      <c r="Y850" s="53">
        <v>0</v>
      </c>
      <c r="Z850" s="53">
        <v>0</v>
      </c>
      <c r="AA850" s="53">
        <v>0</v>
      </c>
      <c r="AB850" s="53">
        <v>0</v>
      </c>
      <c r="AC850" s="53">
        <v>0</v>
      </c>
      <c r="AD850" s="53">
        <v>0</v>
      </c>
      <c r="AE850" s="53">
        <v>0</v>
      </c>
      <c r="AF850" s="53">
        <v>0</v>
      </c>
      <c r="AG850" s="53">
        <v>0</v>
      </c>
      <c r="AH850" s="53">
        <v>0</v>
      </c>
      <c r="AI850" s="53">
        <v>0</v>
      </c>
      <c r="AJ850" s="53">
        <v>0</v>
      </c>
      <c r="AK850" s="53">
        <v>0</v>
      </c>
      <c r="AL850" s="53">
        <v>0</v>
      </c>
      <c r="AM850" s="53">
        <v>0</v>
      </c>
      <c r="AN850" s="53">
        <v>0</v>
      </c>
      <c r="AO850" s="53">
        <v>0</v>
      </c>
      <c r="AP850" s="53">
        <v>0</v>
      </c>
      <c r="AQ850" s="53">
        <v>0</v>
      </c>
      <c r="AR850" s="53">
        <v>0</v>
      </c>
      <c r="AS850" s="53">
        <v>0</v>
      </c>
      <c r="AT850" s="53">
        <v>0</v>
      </c>
      <c r="AU850" s="53">
        <v>0</v>
      </c>
      <c r="AV850" s="53">
        <v>0</v>
      </c>
      <c r="AW850" s="53">
        <v>0</v>
      </c>
      <c r="AX850" s="53">
        <v>0</v>
      </c>
      <c r="AY850" s="53">
        <v>0</v>
      </c>
      <c r="AZ850" s="53">
        <v>0</v>
      </c>
      <c r="BA850" s="53">
        <v>0</v>
      </c>
      <c r="BB850" s="53">
        <v>0</v>
      </c>
      <c r="BC850" s="53">
        <v>0</v>
      </c>
      <c r="BD850" s="53">
        <v>0</v>
      </c>
      <c r="BE850" s="53">
        <v>0</v>
      </c>
      <c r="BF850" s="53">
        <v>0</v>
      </c>
      <c r="BG850" s="53">
        <v>0</v>
      </c>
      <c r="BH850" s="53">
        <v>0</v>
      </c>
      <c r="BI850" s="53">
        <v>0</v>
      </c>
      <c r="BJ850" s="53">
        <v>0</v>
      </c>
      <c r="BK850" s="53">
        <v>0</v>
      </c>
      <c r="BL850" s="53">
        <v>0</v>
      </c>
      <c r="BM850" s="53">
        <v>0</v>
      </c>
      <c r="BN850" s="53">
        <v>0</v>
      </c>
      <c r="BO850" s="53">
        <v>0</v>
      </c>
      <c r="BP850" s="53">
        <v>0</v>
      </c>
      <c r="BQ850" s="53">
        <v>0</v>
      </c>
      <c r="BR850" s="53">
        <v>0</v>
      </c>
      <c r="BS850" s="53">
        <v>0</v>
      </c>
      <c r="BT850" s="53">
        <v>0</v>
      </c>
      <c r="BU850" s="53">
        <v>0</v>
      </c>
      <c r="BV850" s="53">
        <v>0</v>
      </c>
      <c r="BW850" s="53">
        <v>0</v>
      </c>
      <c r="BX850" s="53">
        <v>0</v>
      </c>
      <c r="BY850" s="53">
        <v>0</v>
      </c>
      <c r="BZ850" s="53">
        <v>0</v>
      </c>
      <c r="CA850" s="53">
        <v>0</v>
      </c>
      <c r="CB850" s="53">
        <v>15710272.7989663</v>
      </c>
      <c r="CC850" s="53">
        <v>17399396.434068099</v>
      </c>
      <c r="CD850" s="53">
        <v>21624700.480832901</v>
      </c>
      <c r="CE850" s="53">
        <v>15896218.8440332</v>
      </c>
      <c r="CF850" s="53">
        <v>15827346.7604503</v>
      </c>
      <c r="CG850" s="53">
        <v>27659435.681952599</v>
      </c>
      <c r="CH850" s="53">
        <v>16288409.9248577</v>
      </c>
      <c r="CI850" s="53">
        <v>15840655.745694</v>
      </c>
      <c r="CJ850" s="53">
        <v>21441702.350702502</v>
      </c>
      <c r="CK850" s="53">
        <v>15825382.0499967</v>
      </c>
      <c r="CL850" s="53">
        <v>19499496.825794902</v>
      </c>
      <c r="CM850" s="53">
        <v>80831761.358135104</v>
      </c>
      <c r="CN850" s="53">
        <v>283844779.25548398</v>
      </c>
    </row>
    <row r="851" spans="1:92" outlineLevel="1">
      <c r="A851" s="52" t="s">
        <v>1218</v>
      </c>
      <c r="B851" s="53"/>
      <c r="C851" s="53"/>
      <c r="D851" s="53"/>
      <c r="E851" s="53"/>
      <c r="F851" s="53"/>
      <c r="G851" s="53"/>
      <c r="H851" s="53"/>
      <c r="I851" s="53"/>
      <c r="J851" s="53"/>
      <c r="K851" s="53"/>
      <c r="L851" s="53"/>
      <c r="M851" s="53"/>
      <c r="N851" s="53"/>
      <c r="O851" s="53"/>
      <c r="P851" s="53">
        <v>-50708680.217607602</v>
      </c>
      <c r="Q851" s="53">
        <v>-107679734.79438999</v>
      </c>
      <c r="R851" s="53">
        <v>-138533500.61513901</v>
      </c>
      <c r="S851" s="53">
        <v>-197203032.51049799</v>
      </c>
      <c r="T851" s="53">
        <v>-237240210.32590801</v>
      </c>
      <c r="U851" s="53">
        <v>-286068841.38040203</v>
      </c>
      <c r="V851" s="53">
        <v>-342350400.68428397</v>
      </c>
      <c r="W851" s="53">
        <v>-401941776.08313799</v>
      </c>
      <c r="X851" s="53">
        <v>-455143879.51738602</v>
      </c>
      <c r="Y851" s="53">
        <v>-513959041.475196</v>
      </c>
      <c r="Z851" s="53">
        <v>-557524624.03692806</v>
      </c>
      <c r="AA851" s="53"/>
      <c r="AB851" s="53">
        <v>-542153406.66153395</v>
      </c>
      <c r="AC851" s="53">
        <v>-605619259.64806902</v>
      </c>
      <c r="AD851" s="53">
        <v>-650236252.13629103</v>
      </c>
      <c r="AE851" s="53">
        <v>-704496003.541502</v>
      </c>
      <c r="AF851" s="53">
        <v>-768059887.09461999</v>
      </c>
      <c r="AG851" s="53">
        <v>-831472444.82450104</v>
      </c>
      <c r="AH851" s="53">
        <v>-879034584.95215499</v>
      </c>
      <c r="AI851" s="53">
        <v>-943742794.18686295</v>
      </c>
      <c r="AJ851" s="53">
        <v>-978402132.83816695</v>
      </c>
      <c r="AK851" s="53">
        <v>-1033942376.8551</v>
      </c>
      <c r="AL851" s="53">
        <v>-1086022999.90153</v>
      </c>
      <c r="AM851" s="53">
        <v>-1136169946.29672</v>
      </c>
      <c r="AN851" s="53">
        <v>-542153406.66153395</v>
      </c>
      <c r="AO851" s="53">
        <v>-1106300591.64274</v>
      </c>
      <c r="AP851" s="53">
        <v>-1169362759.07144</v>
      </c>
      <c r="AQ851" s="53">
        <v>-1237236156.8813901</v>
      </c>
      <c r="AR851" s="53">
        <v>-1296605334.69841</v>
      </c>
      <c r="AS851" s="53">
        <v>-1361590540.9463899</v>
      </c>
      <c r="AT851" s="53">
        <v>-1429510443.8446</v>
      </c>
      <c r="AU851" s="53">
        <v>-1481306715.7574999</v>
      </c>
      <c r="AV851" s="53">
        <v>-1547569083.37428</v>
      </c>
      <c r="AW851" s="53">
        <v>-1616221354.90959</v>
      </c>
      <c r="AX851" s="53">
        <v>-1621260976.83373</v>
      </c>
      <c r="AY851" s="53">
        <v>-1690748106.8495901</v>
      </c>
      <c r="AZ851" s="53">
        <v>-1760913966.83025</v>
      </c>
      <c r="BA851" s="53">
        <v>-1106300591.64274</v>
      </c>
      <c r="BB851" s="53">
        <v>-1698498208.5267401</v>
      </c>
      <c r="BC851" s="53">
        <v>-1770153273.2293601</v>
      </c>
      <c r="BD851" s="53">
        <v>-1844211536.6409299</v>
      </c>
      <c r="BE851" s="53">
        <v>-1910179376.4935501</v>
      </c>
      <c r="BF851" s="53">
        <v>-1983794249.3655</v>
      </c>
      <c r="BG851" s="53">
        <v>-2052465498.9407201</v>
      </c>
      <c r="BH851" s="53">
        <v>-2112415231.2095699</v>
      </c>
      <c r="BI851" s="53">
        <v>-2171691974.6291399</v>
      </c>
      <c r="BJ851" s="53">
        <v>-2245890592.9632401</v>
      </c>
      <c r="BK851" s="53">
        <v>-2313111528.8691502</v>
      </c>
      <c r="BL851" s="53">
        <v>-2388192423.0130301</v>
      </c>
      <c r="BM851" s="53">
        <v>-2463938905.9718499</v>
      </c>
      <c r="BN851" s="53">
        <v>-1698498208.5267401</v>
      </c>
      <c r="BO851" s="53">
        <v>-2446781280.2709298</v>
      </c>
      <c r="BP851" s="53">
        <v>-2524393332.4214301</v>
      </c>
      <c r="BQ851" s="53">
        <v>-2601480653.8742299</v>
      </c>
      <c r="BR851" s="53">
        <v>-2672375858.6837301</v>
      </c>
      <c r="BS851" s="53">
        <v>-2749733653.31742</v>
      </c>
      <c r="BT851" s="53">
        <v>-2825107842.4358702</v>
      </c>
      <c r="BU851" s="53">
        <v>-2888622333.2560802</v>
      </c>
      <c r="BV851" s="53">
        <v>-2952892513.3743701</v>
      </c>
      <c r="BW851" s="53">
        <v>-3031152579.2397599</v>
      </c>
      <c r="BX851" s="53">
        <v>-3101760655.69875</v>
      </c>
      <c r="BY851" s="53">
        <v>-3175188269.9815898</v>
      </c>
      <c r="BZ851" s="53">
        <v>-3254490544.4606099</v>
      </c>
      <c r="CA851" s="53">
        <v>-2446781280.2709298</v>
      </c>
      <c r="CB851" s="53"/>
      <c r="CC851" s="53"/>
      <c r="CD851" s="53"/>
      <c r="CE851" s="53"/>
      <c r="CF851" s="53"/>
      <c r="CG851" s="53"/>
      <c r="CH851" s="53"/>
      <c r="CI851" s="53"/>
      <c r="CJ851" s="53"/>
      <c r="CK851" s="53"/>
      <c r="CL851" s="53"/>
      <c r="CM851" s="53"/>
      <c r="CN851" s="53"/>
    </row>
    <row r="852" spans="1:92" outlineLevel="1">
      <c r="A852" s="52" t="s">
        <v>699</v>
      </c>
      <c r="B852" s="53"/>
      <c r="C852" s="53"/>
      <c r="D852" s="53"/>
      <c r="E852" s="53"/>
      <c r="F852" s="53"/>
      <c r="G852" s="53"/>
      <c r="H852" s="53"/>
      <c r="I852" s="53"/>
      <c r="J852" s="53"/>
      <c r="K852" s="53"/>
      <c r="L852" s="53"/>
      <c r="M852" s="53"/>
      <c r="N852" s="53"/>
      <c r="O852" s="53"/>
      <c r="P852" s="53"/>
      <c r="Q852" s="53"/>
      <c r="R852" s="53"/>
      <c r="S852" s="53"/>
      <c r="T852" s="53"/>
      <c r="U852" s="53"/>
      <c r="V852" s="53"/>
      <c r="W852" s="53"/>
      <c r="X852" s="53"/>
      <c r="Y852" s="53"/>
      <c r="Z852" s="53"/>
      <c r="AA852" s="53"/>
      <c r="AB852" s="53"/>
      <c r="AC852" s="53"/>
      <c r="AD852" s="53"/>
      <c r="AE852" s="53"/>
      <c r="AF852" s="53"/>
      <c r="AG852" s="53"/>
      <c r="AH852" s="53"/>
      <c r="AI852" s="53"/>
      <c r="AJ852" s="53"/>
      <c r="AK852" s="53"/>
      <c r="AL852" s="53"/>
      <c r="AM852" s="53"/>
      <c r="AN852" s="53"/>
      <c r="AO852" s="53"/>
      <c r="AP852" s="53"/>
      <c r="AQ852" s="53"/>
      <c r="AR852" s="53"/>
      <c r="AS852" s="53"/>
      <c r="AT852" s="53"/>
      <c r="AU852" s="53"/>
      <c r="AV852" s="53"/>
      <c r="AW852" s="53"/>
      <c r="AX852" s="53"/>
      <c r="AY852" s="53"/>
      <c r="AZ852" s="53"/>
      <c r="BA852" s="53"/>
      <c r="BB852" s="53"/>
      <c r="BC852" s="53"/>
      <c r="BD852" s="53"/>
      <c r="BE852" s="53"/>
      <c r="BF852" s="53"/>
      <c r="BG852" s="53"/>
      <c r="BH852" s="53"/>
      <c r="BI852" s="53"/>
      <c r="BJ852" s="53"/>
      <c r="BK852" s="53"/>
      <c r="BL852" s="53"/>
      <c r="BM852" s="53"/>
      <c r="BN852" s="53"/>
      <c r="BO852" s="53"/>
      <c r="BP852" s="53"/>
      <c r="BQ852" s="53"/>
      <c r="BR852" s="53"/>
      <c r="BS852" s="53"/>
      <c r="BT852" s="53"/>
      <c r="BU852" s="53"/>
      <c r="BV852" s="53"/>
      <c r="BW852" s="53"/>
      <c r="BX852" s="53"/>
      <c r="BY852" s="53"/>
      <c r="BZ852" s="53"/>
      <c r="CA852" s="53"/>
      <c r="CB852" s="53">
        <v>-80474443.410568699</v>
      </c>
      <c r="CC852" s="53">
        <v>-80623529.935607105</v>
      </c>
      <c r="CD852" s="53">
        <v>-80751735.382209599</v>
      </c>
      <c r="CE852" s="53">
        <v>-81027264.061864302</v>
      </c>
      <c r="CF852" s="53">
        <v>-81135965.937506199</v>
      </c>
      <c r="CG852" s="53">
        <v>-81262395.363006204</v>
      </c>
      <c r="CH852" s="53">
        <v>-82621150.410617307</v>
      </c>
      <c r="CI852" s="53">
        <v>-82736331.591046497</v>
      </c>
      <c r="CJ852" s="53">
        <v>-82890714.633642107</v>
      </c>
      <c r="CK852" s="53">
        <v>-83272056.878634393</v>
      </c>
      <c r="CL852" s="53">
        <v>-83448116.742368206</v>
      </c>
      <c r="CM852" s="53">
        <v>-83667274.896947399</v>
      </c>
      <c r="CN852" s="53">
        <v>-983910979.24401796</v>
      </c>
    </row>
    <row r="853" spans="1:92" outlineLevel="1">
      <c r="A853" s="52" t="s">
        <v>673</v>
      </c>
      <c r="B853" s="53"/>
      <c r="C853" s="53"/>
      <c r="D853" s="53"/>
      <c r="E853" s="53"/>
      <c r="F853" s="53"/>
      <c r="G853" s="53"/>
      <c r="H853" s="53"/>
      <c r="I853" s="53"/>
      <c r="J853" s="53"/>
      <c r="K853" s="53"/>
      <c r="L853" s="53"/>
      <c r="M853" s="53"/>
      <c r="N853" s="53"/>
      <c r="O853" s="53"/>
      <c r="P853" s="53"/>
      <c r="Q853" s="53"/>
      <c r="R853" s="53"/>
      <c r="S853" s="53"/>
      <c r="T853" s="53"/>
      <c r="U853" s="53"/>
      <c r="V853" s="53"/>
      <c r="W853" s="53"/>
      <c r="X853" s="53"/>
      <c r="Y853" s="53"/>
      <c r="Z853" s="53"/>
      <c r="AA853" s="53"/>
      <c r="AB853" s="53"/>
      <c r="AC853" s="53"/>
      <c r="AD853" s="53"/>
      <c r="AE853" s="53"/>
      <c r="AF853" s="53"/>
      <c r="AG853" s="53"/>
      <c r="AH853" s="53"/>
      <c r="AI853" s="53"/>
      <c r="AJ853" s="53"/>
      <c r="AK853" s="53"/>
      <c r="AL853" s="53"/>
      <c r="AM853" s="53"/>
      <c r="AN853" s="53"/>
      <c r="AO853" s="53"/>
      <c r="AP853" s="53"/>
      <c r="AQ853" s="53"/>
      <c r="AR853" s="53"/>
      <c r="AS853" s="53"/>
      <c r="AT853" s="53"/>
      <c r="AU853" s="53"/>
      <c r="AV853" s="53"/>
      <c r="AW853" s="53"/>
      <c r="AX853" s="53"/>
      <c r="AY853" s="53"/>
      <c r="AZ853" s="53"/>
      <c r="BA853" s="53"/>
      <c r="BB853" s="53"/>
      <c r="BC853" s="53"/>
      <c r="BD853" s="53"/>
      <c r="BE853" s="53"/>
      <c r="BF853" s="53"/>
      <c r="BG853" s="53"/>
      <c r="BH853" s="53"/>
      <c r="BI853" s="53"/>
      <c r="BJ853" s="53"/>
      <c r="BK853" s="53"/>
      <c r="BL853" s="53"/>
      <c r="BM853" s="53"/>
      <c r="BN853" s="53"/>
      <c r="BO853" s="53"/>
      <c r="BP853" s="53"/>
      <c r="BQ853" s="53"/>
      <c r="BR853" s="53"/>
      <c r="BS853" s="53"/>
      <c r="BT853" s="53"/>
      <c r="BU853" s="53"/>
      <c r="BV853" s="53"/>
      <c r="BW853" s="53"/>
      <c r="BX853" s="53"/>
      <c r="BY853" s="53"/>
      <c r="BZ853" s="53"/>
      <c r="CA853" s="53"/>
      <c r="CB853" s="53"/>
      <c r="CC853" s="53"/>
      <c r="CD853" s="53"/>
      <c r="CE853" s="53"/>
      <c r="CF853" s="53"/>
      <c r="CG853" s="53"/>
      <c r="CH853" s="53"/>
      <c r="CI853" s="53"/>
      <c r="CJ853" s="53"/>
      <c r="CK853" s="53"/>
      <c r="CL853" s="53"/>
      <c r="CM853" s="53"/>
      <c r="CN853" s="53"/>
    </row>
    <row r="854" spans="1:92" outlineLevel="1">
      <c r="A854" s="52" t="s">
        <v>1384</v>
      </c>
      <c r="B854" s="53"/>
      <c r="C854" s="53"/>
      <c r="D854" s="53"/>
      <c r="E854" s="53"/>
      <c r="F854" s="53"/>
      <c r="G854" s="53"/>
      <c r="H854" s="53"/>
      <c r="I854" s="53"/>
      <c r="J854" s="53"/>
      <c r="K854" s="53"/>
      <c r="L854" s="53"/>
      <c r="M854" s="53"/>
      <c r="N854" s="53"/>
      <c r="O854" s="53"/>
      <c r="P854" s="53"/>
      <c r="Q854" s="53"/>
      <c r="R854" s="53"/>
      <c r="S854" s="53"/>
      <c r="T854" s="53"/>
      <c r="U854" s="53"/>
      <c r="V854" s="53"/>
      <c r="W854" s="53"/>
      <c r="X854" s="53"/>
      <c r="Y854" s="53"/>
      <c r="Z854" s="53"/>
      <c r="AA854" s="53"/>
      <c r="AB854" s="53"/>
      <c r="AC854" s="53"/>
      <c r="AD854" s="53"/>
      <c r="AE854" s="53"/>
      <c r="AF854" s="53"/>
      <c r="AG854" s="53"/>
      <c r="AH854" s="53"/>
      <c r="AI854" s="53"/>
      <c r="AJ854" s="53"/>
      <c r="AK854" s="53"/>
      <c r="AL854" s="53"/>
      <c r="AM854" s="53"/>
      <c r="AN854" s="53"/>
      <c r="AO854" s="53"/>
      <c r="AP854" s="53"/>
      <c r="AQ854" s="53"/>
      <c r="AR854" s="53"/>
      <c r="AS854" s="53"/>
      <c r="AT854" s="53"/>
      <c r="AU854" s="53"/>
      <c r="AV854" s="53"/>
      <c r="AW854" s="53"/>
      <c r="AX854" s="53"/>
      <c r="AY854" s="53"/>
      <c r="AZ854" s="53"/>
      <c r="BA854" s="53"/>
      <c r="BB854" s="53"/>
      <c r="BC854" s="53"/>
      <c r="BD854" s="53"/>
      <c r="BE854" s="53"/>
      <c r="BF854" s="53"/>
      <c r="BG854" s="53"/>
      <c r="BH854" s="53"/>
      <c r="BI854" s="53"/>
      <c r="BJ854" s="53"/>
      <c r="BK854" s="53"/>
      <c r="BL854" s="53"/>
      <c r="BM854" s="53"/>
      <c r="BN854" s="53"/>
      <c r="BO854" s="53"/>
      <c r="BP854" s="53"/>
      <c r="BQ854" s="53"/>
      <c r="BR854" s="53"/>
      <c r="BS854" s="53"/>
      <c r="BT854" s="53"/>
      <c r="BU854" s="53"/>
      <c r="BV854" s="53"/>
      <c r="BW854" s="53"/>
      <c r="BX854" s="53"/>
      <c r="BY854" s="53"/>
      <c r="BZ854" s="53"/>
      <c r="CA854" s="53"/>
      <c r="CB854" s="53"/>
      <c r="CC854" s="53"/>
      <c r="CD854" s="53"/>
      <c r="CE854" s="53"/>
      <c r="CF854" s="53"/>
      <c r="CG854" s="53"/>
      <c r="CH854" s="53"/>
      <c r="CI854" s="53"/>
      <c r="CJ854" s="53"/>
      <c r="CK854" s="53"/>
      <c r="CL854" s="53"/>
      <c r="CM854" s="53"/>
      <c r="CN854" s="53"/>
    </row>
    <row r="855" spans="1:92" outlineLevel="1">
      <c r="A855" s="52" t="s">
        <v>649</v>
      </c>
      <c r="B855" s="53">
        <v>-554610</v>
      </c>
      <c r="C855" s="53">
        <v>-39360</v>
      </c>
      <c r="D855" s="53">
        <v>-7627280</v>
      </c>
      <c r="E855" s="53">
        <v>-1365350</v>
      </c>
      <c r="F855" s="53">
        <v>-71813500</v>
      </c>
      <c r="G855" s="53">
        <v>-2731740</v>
      </c>
      <c r="H855" s="53">
        <v>-167029.99999999901</v>
      </c>
      <c r="I855" s="53">
        <v>-253980</v>
      </c>
      <c r="J855" s="53">
        <v>-608110</v>
      </c>
      <c r="K855" s="53">
        <v>-54719770</v>
      </c>
      <c r="L855" s="53">
        <v>-2525649.9999999902</v>
      </c>
      <c r="M855" s="53">
        <v>6910090</v>
      </c>
      <c r="N855" s="53">
        <v>-135496290</v>
      </c>
      <c r="O855" s="53"/>
      <c r="P855" s="53"/>
      <c r="Q855" s="53"/>
      <c r="R855" s="53"/>
      <c r="S855" s="53"/>
      <c r="T855" s="53"/>
      <c r="U855" s="53"/>
      <c r="V855" s="53"/>
      <c r="W855" s="53"/>
      <c r="X855" s="53"/>
      <c r="Y855" s="53"/>
      <c r="Z855" s="53"/>
      <c r="AA855" s="53"/>
      <c r="AB855" s="53"/>
      <c r="AC855" s="53"/>
      <c r="AD855" s="53"/>
      <c r="AE855" s="53"/>
      <c r="AF855" s="53"/>
      <c r="AG855" s="53"/>
      <c r="AH855" s="53"/>
      <c r="AI855" s="53"/>
      <c r="AJ855" s="53"/>
      <c r="AK855" s="53"/>
      <c r="AL855" s="53"/>
      <c r="AM855" s="53"/>
      <c r="AN855" s="53"/>
      <c r="AO855" s="53"/>
      <c r="AP855" s="53"/>
      <c r="AQ855" s="53"/>
      <c r="AR855" s="53"/>
      <c r="AS855" s="53"/>
      <c r="AT855" s="53"/>
      <c r="AU855" s="53"/>
      <c r="AV855" s="53"/>
      <c r="AW855" s="53"/>
      <c r="AX855" s="53"/>
      <c r="AY855" s="53"/>
      <c r="AZ855" s="53"/>
      <c r="BA855" s="53"/>
      <c r="BB855" s="53"/>
      <c r="BC855" s="53"/>
      <c r="BD855" s="53"/>
      <c r="BE855" s="53"/>
      <c r="BF855" s="53"/>
      <c r="BG855" s="53"/>
      <c r="BH855" s="53"/>
      <c r="BI855" s="53"/>
      <c r="BJ855" s="53"/>
      <c r="BK855" s="53"/>
      <c r="BL855" s="53"/>
      <c r="BM855" s="53"/>
      <c r="BN855" s="53"/>
      <c r="BO855" s="53"/>
      <c r="BP855" s="53"/>
      <c r="BQ855" s="53"/>
      <c r="BR855" s="53"/>
      <c r="BS855" s="53"/>
      <c r="BT855" s="53"/>
      <c r="BU855" s="53"/>
      <c r="BV855" s="53"/>
      <c r="BW855" s="53"/>
      <c r="BX855" s="53"/>
      <c r="BY855" s="53"/>
      <c r="BZ855" s="53"/>
      <c r="CA855" s="53"/>
      <c r="CB855" s="53"/>
      <c r="CC855" s="53"/>
      <c r="CD855" s="53"/>
      <c r="CE855" s="53"/>
      <c r="CF855" s="53"/>
      <c r="CG855" s="53"/>
      <c r="CH855" s="53"/>
      <c r="CI855" s="53"/>
      <c r="CJ855" s="53"/>
      <c r="CK855" s="53"/>
      <c r="CL855" s="53"/>
      <c r="CM855" s="53"/>
      <c r="CN855" s="53"/>
    </row>
    <row r="856" spans="1:92" outlineLevel="1">
      <c r="A856" s="52" t="s">
        <v>672</v>
      </c>
      <c r="B856" s="53"/>
      <c r="C856" s="53"/>
      <c r="D856" s="53"/>
      <c r="E856" s="53"/>
      <c r="F856" s="53"/>
      <c r="G856" s="53"/>
      <c r="H856" s="53"/>
      <c r="I856" s="53"/>
      <c r="J856" s="53"/>
      <c r="K856" s="53"/>
      <c r="L856" s="53"/>
      <c r="M856" s="53"/>
      <c r="N856" s="53"/>
      <c r="O856" s="53"/>
      <c r="P856" s="53"/>
      <c r="Q856" s="53"/>
      <c r="R856" s="53"/>
      <c r="S856" s="53"/>
      <c r="T856" s="53"/>
      <c r="U856" s="53"/>
      <c r="V856" s="53"/>
      <c r="W856" s="53"/>
      <c r="X856" s="53"/>
      <c r="Y856" s="53"/>
      <c r="Z856" s="53"/>
      <c r="AA856" s="53"/>
      <c r="AB856" s="53"/>
      <c r="AC856" s="53"/>
      <c r="AD856" s="53"/>
      <c r="AE856" s="53"/>
      <c r="AF856" s="53"/>
      <c r="AG856" s="53"/>
      <c r="AH856" s="53"/>
      <c r="AI856" s="53"/>
      <c r="AJ856" s="53"/>
      <c r="AK856" s="53"/>
      <c r="AL856" s="53"/>
      <c r="AM856" s="53"/>
      <c r="AN856" s="53"/>
      <c r="AO856" s="53"/>
      <c r="AP856" s="53"/>
      <c r="AQ856" s="53"/>
      <c r="AR856" s="53"/>
      <c r="AS856" s="53"/>
      <c r="AT856" s="53"/>
      <c r="AU856" s="53"/>
      <c r="AV856" s="53"/>
      <c r="AW856" s="53"/>
      <c r="AX856" s="53"/>
      <c r="AY856" s="53"/>
      <c r="AZ856" s="53"/>
      <c r="BA856" s="53"/>
      <c r="BB856" s="53"/>
      <c r="BC856" s="53"/>
      <c r="BD856" s="53"/>
      <c r="BE856" s="53"/>
      <c r="BF856" s="53"/>
      <c r="BG856" s="53"/>
      <c r="BH856" s="53"/>
      <c r="BI856" s="53"/>
      <c r="BJ856" s="53"/>
      <c r="BK856" s="53"/>
      <c r="BL856" s="53"/>
      <c r="BM856" s="53"/>
      <c r="BN856" s="53"/>
      <c r="BO856" s="53"/>
      <c r="BP856" s="53"/>
      <c r="BQ856" s="53"/>
      <c r="BR856" s="53"/>
      <c r="BS856" s="53"/>
      <c r="BT856" s="53"/>
      <c r="BU856" s="53"/>
      <c r="BV856" s="53"/>
      <c r="BW856" s="53"/>
      <c r="BX856" s="53"/>
      <c r="BY856" s="53"/>
      <c r="BZ856" s="53"/>
      <c r="CA856" s="53"/>
      <c r="CB856" s="53">
        <v>-1160575.1815611499</v>
      </c>
      <c r="CC856" s="53">
        <v>-1071237.63054075</v>
      </c>
      <c r="CD856" s="53">
        <v>-1032839.43054074</v>
      </c>
      <c r="CE856" s="53">
        <v>-1017927.86191329</v>
      </c>
      <c r="CF856" s="53">
        <v>-973569.01575945201</v>
      </c>
      <c r="CG856" s="53">
        <v>-969717.69500473503</v>
      </c>
      <c r="CH856" s="53">
        <v>-935311.02833806805</v>
      </c>
      <c r="CI856" s="53">
        <v>-928751.02833806805</v>
      </c>
      <c r="CJ856" s="53">
        <v>-928751.02833806805</v>
      </c>
      <c r="CK856" s="53">
        <v>-926209.97570648906</v>
      </c>
      <c r="CL856" s="53">
        <v>-920191.69984441996</v>
      </c>
      <c r="CM856" s="53">
        <v>-900441.869335945</v>
      </c>
      <c r="CN856" s="53">
        <v>-11765523.445221201</v>
      </c>
    </row>
    <row r="857" spans="1:92" outlineLevel="1">
      <c r="A857" s="52" t="s">
        <v>750</v>
      </c>
      <c r="B857" s="53"/>
      <c r="C857" s="53"/>
      <c r="D857" s="53"/>
      <c r="E857" s="53"/>
      <c r="F857" s="53"/>
      <c r="G857" s="53"/>
      <c r="H857" s="53"/>
      <c r="I857" s="53"/>
      <c r="J857" s="53"/>
      <c r="K857" s="53"/>
      <c r="L857" s="53"/>
      <c r="M857" s="53"/>
      <c r="N857" s="53"/>
      <c r="O857" s="53"/>
      <c r="P857" s="53"/>
      <c r="Q857" s="53"/>
      <c r="R857" s="53"/>
      <c r="S857" s="53"/>
      <c r="T857" s="53"/>
      <c r="U857" s="53"/>
      <c r="V857" s="53"/>
      <c r="W857" s="53"/>
      <c r="X857" s="53"/>
      <c r="Y857" s="53"/>
      <c r="Z857" s="53"/>
      <c r="AA857" s="53"/>
      <c r="AB857" s="53"/>
      <c r="AC857" s="53"/>
      <c r="AD857" s="53"/>
      <c r="AE857" s="53"/>
      <c r="AF857" s="53"/>
      <c r="AG857" s="53"/>
      <c r="AH857" s="53"/>
      <c r="AI857" s="53"/>
      <c r="AJ857" s="53"/>
      <c r="AK857" s="53"/>
      <c r="AL857" s="53"/>
      <c r="AM857" s="53"/>
      <c r="AN857" s="53"/>
      <c r="AO857" s="53"/>
      <c r="AP857" s="53"/>
      <c r="AQ857" s="53"/>
      <c r="AR857" s="53"/>
      <c r="AS857" s="53"/>
      <c r="AT857" s="53"/>
      <c r="AU857" s="53"/>
      <c r="AV857" s="53"/>
      <c r="AW857" s="53"/>
      <c r="AX857" s="53"/>
      <c r="AY857" s="53"/>
      <c r="AZ857" s="53"/>
      <c r="BA857" s="53"/>
      <c r="BB857" s="53"/>
      <c r="BC857" s="53"/>
      <c r="BD857" s="53"/>
      <c r="BE857" s="53"/>
      <c r="BF857" s="53"/>
      <c r="BG857" s="53"/>
      <c r="BH857" s="53"/>
      <c r="BI857" s="53"/>
      <c r="BJ857" s="53"/>
      <c r="BK857" s="53"/>
      <c r="BL857" s="53"/>
      <c r="BM857" s="53"/>
      <c r="BN857" s="53"/>
      <c r="BO857" s="53"/>
      <c r="BP857" s="53"/>
      <c r="BQ857" s="53"/>
      <c r="BR857" s="53"/>
      <c r="BS857" s="53"/>
      <c r="BT857" s="53"/>
      <c r="BU857" s="53"/>
      <c r="BV857" s="53"/>
      <c r="BW857" s="53"/>
      <c r="BX857" s="53"/>
      <c r="BY857" s="53"/>
      <c r="BZ857" s="53"/>
      <c r="CA857" s="53"/>
      <c r="CB857" s="53"/>
      <c r="CC857" s="53"/>
      <c r="CD857" s="53"/>
      <c r="CE857" s="53"/>
      <c r="CF857" s="53"/>
      <c r="CG857" s="53"/>
      <c r="CH857" s="53"/>
      <c r="CI857" s="53"/>
      <c r="CJ857" s="53"/>
      <c r="CK857" s="53"/>
      <c r="CL857" s="53"/>
      <c r="CM857" s="53"/>
      <c r="CN857" s="53"/>
    </row>
    <row r="858" spans="1:92" outlineLevel="1">
      <c r="A858" s="52" t="s">
        <v>1364</v>
      </c>
      <c r="B858" s="53"/>
      <c r="C858" s="53"/>
      <c r="D858" s="53"/>
      <c r="E858" s="53"/>
      <c r="F858" s="53"/>
      <c r="G858" s="53"/>
      <c r="H858" s="53"/>
      <c r="I858" s="53"/>
      <c r="J858" s="53"/>
      <c r="K858" s="53"/>
      <c r="L858" s="53"/>
      <c r="M858" s="53"/>
      <c r="N858" s="53"/>
      <c r="O858" s="53"/>
      <c r="P858" s="53"/>
      <c r="Q858" s="53"/>
      <c r="R858" s="53"/>
      <c r="S858" s="53"/>
      <c r="T858" s="53"/>
      <c r="U858" s="53"/>
      <c r="V858" s="53"/>
      <c r="W858" s="53"/>
      <c r="X858" s="53"/>
      <c r="Y858" s="53"/>
      <c r="Z858" s="53"/>
      <c r="AA858" s="53"/>
      <c r="AB858" s="53"/>
      <c r="AC858" s="53"/>
      <c r="AD858" s="53"/>
      <c r="AE858" s="53"/>
      <c r="AF858" s="53"/>
      <c r="AG858" s="53"/>
      <c r="AH858" s="53"/>
      <c r="AI858" s="53"/>
      <c r="AJ858" s="53"/>
      <c r="AK858" s="53"/>
      <c r="AL858" s="53"/>
      <c r="AM858" s="53"/>
      <c r="AN858" s="53"/>
      <c r="AO858" s="53"/>
      <c r="AP858" s="53"/>
      <c r="AQ858" s="53"/>
      <c r="AR858" s="53"/>
      <c r="AS858" s="53"/>
      <c r="AT858" s="53"/>
      <c r="AU858" s="53"/>
      <c r="AV858" s="53"/>
      <c r="AW858" s="53"/>
      <c r="AX858" s="53"/>
      <c r="AY858" s="53"/>
      <c r="AZ858" s="53"/>
      <c r="BA858" s="53"/>
      <c r="BB858" s="53"/>
      <c r="BC858" s="53"/>
      <c r="BD858" s="53"/>
      <c r="BE858" s="53"/>
      <c r="BF858" s="53"/>
      <c r="BG858" s="53"/>
      <c r="BH858" s="53"/>
      <c r="BI858" s="53"/>
      <c r="BJ858" s="53"/>
      <c r="BK858" s="53"/>
      <c r="BL858" s="53"/>
      <c r="BM858" s="53"/>
      <c r="BN858" s="53"/>
      <c r="BO858" s="53"/>
      <c r="BP858" s="53"/>
      <c r="BQ858" s="53"/>
      <c r="BR858" s="53"/>
      <c r="BS858" s="53"/>
      <c r="BT858" s="53"/>
      <c r="BU858" s="53"/>
      <c r="BV858" s="53"/>
      <c r="BW858" s="53"/>
      <c r="BX858" s="53"/>
      <c r="BY858" s="53"/>
      <c r="BZ858" s="53"/>
      <c r="CA858" s="53"/>
      <c r="CB858" s="53">
        <v>-99137.488866953703</v>
      </c>
      <c r="CC858" s="53">
        <v>-99137.488866953703</v>
      </c>
      <c r="CD858" s="53">
        <v>-99137.488866953703</v>
      </c>
      <c r="CE858" s="53">
        <v>-99137.488866953703</v>
      </c>
      <c r="CF858" s="53">
        <v>-99137.488866953703</v>
      </c>
      <c r="CG858" s="53">
        <v>-99137.488866953703</v>
      </c>
      <c r="CH858" s="53">
        <v>-99137.488866953703</v>
      </c>
      <c r="CI858" s="53">
        <v>-99137.488866953703</v>
      </c>
      <c r="CJ858" s="53">
        <v>-99137.488866953703</v>
      </c>
      <c r="CK858" s="53">
        <v>-99137.488866953703</v>
      </c>
      <c r="CL858" s="53">
        <v>-99137.488866953703</v>
      </c>
      <c r="CM858" s="53">
        <v>-99137.488866953703</v>
      </c>
      <c r="CN858" s="53">
        <v>-1189649.86640344</v>
      </c>
    </row>
    <row r="859" spans="1:92" outlineLevel="1">
      <c r="A859" s="52" t="s">
        <v>649</v>
      </c>
      <c r="B859" s="53">
        <v>-11724299.999999899</v>
      </c>
      <c r="C859" s="53">
        <v>15293730</v>
      </c>
      <c r="D859" s="53">
        <v>18471560</v>
      </c>
      <c r="E859" s="53">
        <v>30025709.999999899</v>
      </c>
      <c r="F859" s="53">
        <v>35604920</v>
      </c>
      <c r="G859" s="53">
        <v>111371799.999999</v>
      </c>
      <c r="H859" s="53">
        <v>12083010</v>
      </c>
      <c r="I859" s="53">
        <v>12919189.999999899</v>
      </c>
      <c r="J859" s="53">
        <v>29178790</v>
      </c>
      <c r="K859" s="53">
        <v>18488420</v>
      </c>
      <c r="L859" s="53">
        <v>90157040</v>
      </c>
      <c r="M859" s="53">
        <v>13787029.999999899</v>
      </c>
      <c r="N859" s="53">
        <v>375656900</v>
      </c>
      <c r="O859" s="53">
        <v>18630608.762699701</v>
      </c>
      <c r="P859" s="53">
        <v>11644471.666861201</v>
      </c>
      <c r="Q859" s="53">
        <v>38136010.500504203</v>
      </c>
      <c r="R859" s="53">
        <v>11809477.270434599</v>
      </c>
      <c r="S859" s="53">
        <v>30829563.118948098</v>
      </c>
      <c r="T859" s="53">
        <v>22450466.065304399</v>
      </c>
      <c r="U859" s="53">
        <v>15353247.470747</v>
      </c>
      <c r="V859" s="53">
        <v>11986352.558493</v>
      </c>
      <c r="W859" s="53">
        <v>18484666.543999702</v>
      </c>
      <c r="X859" s="53">
        <v>13149357.848525699</v>
      </c>
      <c r="Y859" s="53">
        <v>28547125.927893899</v>
      </c>
      <c r="Z859" s="53">
        <v>87660484.289098606</v>
      </c>
      <c r="AA859" s="53">
        <v>308681832.02350998</v>
      </c>
      <c r="AB859" s="53">
        <v>10596414.9729676</v>
      </c>
      <c r="AC859" s="53">
        <v>30096322.318457801</v>
      </c>
      <c r="AD859" s="53">
        <v>20887062.870667599</v>
      </c>
      <c r="AE859" s="53">
        <v>11871608.199958</v>
      </c>
      <c r="AF859" s="53">
        <v>12139431.559313901</v>
      </c>
      <c r="AG859" s="53">
        <v>28157839.432163399</v>
      </c>
      <c r="AH859" s="53">
        <v>11674904.9651393</v>
      </c>
      <c r="AI859" s="53">
        <v>41725664.132902697</v>
      </c>
      <c r="AJ859" s="53">
        <v>21003287.172743902</v>
      </c>
      <c r="AK859" s="53">
        <v>24678178.377350401</v>
      </c>
      <c r="AL859" s="53">
        <v>26987594.900460798</v>
      </c>
      <c r="AM859" s="53">
        <v>107255794.341772</v>
      </c>
      <c r="AN859" s="53">
        <v>347074103.24389797</v>
      </c>
      <c r="AO859" s="53">
        <v>16545434.0171047</v>
      </c>
      <c r="AP859" s="53">
        <v>11863114.8857497</v>
      </c>
      <c r="AQ859" s="53">
        <v>20445778.086150199</v>
      </c>
      <c r="AR859" s="53">
        <v>15622481.564832401</v>
      </c>
      <c r="AS859" s="53">
        <v>12818078.819703801</v>
      </c>
      <c r="AT859" s="53">
        <v>29119040.257674899</v>
      </c>
      <c r="AU859" s="53">
        <v>15136899.787366699</v>
      </c>
      <c r="AV859" s="53">
        <v>12855054.6763999</v>
      </c>
      <c r="AW859" s="53">
        <v>76562164.086696103</v>
      </c>
      <c r="AX859" s="53">
        <v>12589822.537658799</v>
      </c>
      <c r="AY859" s="53">
        <v>12014138.751245599</v>
      </c>
      <c r="AZ859" s="53">
        <v>144616617.112827</v>
      </c>
      <c r="BA859" s="53">
        <v>380188624.58341098</v>
      </c>
      <c r="BB859" s="53">
        <v>14040984.3740936</v>
      </c>
      <c r="BC859" s="53">
        <v>11704441.725047201</v>
      </c>
      <c r="BD859" s="53">
        <v>19861557.2979341</v>
      </c>
      <c r="BE859" s="53">
        <v>12503445.2072937</v>
      </c>
      <c r="BF859" s="53">
        <v>17555870.6100756</v>
      </c>
      <c r="BG859" s="53">
        <v>26398455.470432401</v>
      </c>
      <c r="BH859" s="53">
        <v>27891736.471292499</v>
      </c>
      <c r="BI859" s="53">
        <v>13327829.933021</v>
      </c>
      <c r="BJ859" s="53">
        <v>20482340.104693901</v>
      </c>
      <c r="BK859" s="53">
        <v>12951232.3157579</v>
      </c>
      <c r="BL859" s="53">
        <v>12147264.046329999</v>
      </c>
      <c r="BM859" s="53">
        <v>104458630.331223</v>
      </c>
      <c r="BN859" s="53">
        <v>293323787.887196</v>
      </c>
      <c r="BO859" s="53">
        <v>11346955.2564469</v>
      </c>
      <c r="BP859" s="53">
        <v>11895926.435196601</v>
      </c>
      <c r="BQ859" s="53">
        <v>18183264.408652101</v>
      </c>
      <c r="BR859" s="53">
        <v>12661679.063060399</v>
      </c>
      <c r="BS859" s="53">
        <v>14612170.272208501</v>
      </c>
      <c r="BT859" s="53">
        <v>26360240.3230545</v>
      </c>
      <c r="BU859" s="53">
        <v>26936336.692380499</v>
      </c>
      <c r="BV859" s="53">
        <v>13332277.432735801</v>
      </c>
      <c r="BW859" s="53">
        <v>20783190.8768133</v>
      </c>
      <c r="BX859" s="53">
        <v>18308880.5901451</v>
      </c>
      <c r="BY859" s="53">
        <v>12680223.1584695</v>
      </c>
      <c r="BZ859" s="53">
        <v>26135030.599240799</v>
      </c>
      <c r="CA859" s="53">
        <v>213236175.10840401</v>
      </c>
      <c r="CB859" s="53">
        <v>-2154837713.4593301</v>
      </c>
      <c r="CC859" s="53">
        <v>-2219232222.0802798</v>
      </c>
      <c r="CD859" s="53">
        <v>-2279491233.9010601</v>
      </c>
      <c r="CE859" s="53">
        <v>-2345739344.4696698</v>
      </c>
      <c r="CF859" s="53">
        <v>-2412120670.15135</v>
      </c>
      <c r="CG859" s="53">
        <v>-2466792485.0162802</v>
      </c>
      <c r="CH859" s="53">
        <v>-2534159674.0192399</v>
      </c>
      <c r="CI859" s="53">
        <v>-2602083238.3818002</v>
      </c>
      <c r="CJ859" s="53">
        <v>-2664560139.1819501</v>
      </c>
      <c r="CK859" s="53">
        <v>-2733032161.4751601</v>
      </c>
      <c r="CL859" s="53">
        <v>-2798000110.58044</v>
      </c>
      <c r="CM859" s="53">
        <v>-2801835203.4774599</v>
      </c>
      <c r="CN859" s="53">
        <v>-2801835203.4774599</v>
      </c>
    </row>
    <row r="860" spans="1:92" outlineLevel="1">
      <c r="A860" s="52" t="s">
        <v>751</v>
      </c>
      <c r="B860" s="53"/>
      <c r="C860" s="53"/>
      <c r="D860" s="53"/>
      <c r="E860" s="53"/>
      <c r="F860" s="53"/>
      <c r="G860" s="53"/>
      <c r="H860" s="53"/>
      <c r="I860" s="53"/>
      <c r="J860" s="53"/>
      <c r="K860" s="53"/>
      <c r="L860" s="53"/>
      <c r="M860" s="53"/>
      <c r="N860" s="53"/>
      <c r="O860" s="53"/>
      <c r="P860" s="53"/>
      <c r="Q860" s="53"/>
      <c r="R860" s="53"/>
      <c r="S860" s="53"/>
      <c r="T860" s="53"/>
      <c r="U860" s="53"/>
      <c r="V860" s="53"/>
      <c r="W860" s="53"/>
      <c r="X860" s="53"/>
      <c r="Y860" s="53"/>
      <c r="Z860" s="53"/>
      <c r="AA860" s="53"/>
      <c r="AB860" s="53"/>
      <c r="AC860" s="53"/>
      <c r="AD860" s="53"/>
      <c r="AE860" s="53"/>
      <c r="AF860" s="53"/>
      <c r="AG860" s="53"/>
      <c r="AH860" s="53"/>
      <c r="AI860" s="53"/>
      <c r="AJ860" s="53"/>
      <c r="AK860" s="53"/>
      <c r="AL860" s="53"/>
      <c r="AM860" s="53"/>
      <c r="AN860" s="53"/>
      <c r="AO860" s="53"/>
      <c r="AP860" s="53"/>
      <c r="AQ860" s="53"/>
      <c r="AR860" s="53"/>
      <c r="AS860" s="53"/>
      <c r="AT860" s="53"/>
      <c r="AU860" s="53"/>
      <c r="AV860" s="53"/>
      <c r="AW860" s="53"/>
      <c r="AX860" s="53"/>
      <c r="AY860" s="53"/>
      <c r="AZ860" s="53"/>
      <c r="BA860" s="53"/>
      <c r="BB860" s="53"/>
      <c r="BC860" s="53"/>
      <c r="BD860" s="53"/>
      <c r="BE860" s="53"/>
      <c r="BF860" s="53"/>
      <c r="BG860" s="53"/>
      <c r="BH860" s="53"/>
      <c r="BI860" s="53"/>
      <c r="BJ860" s="53"/>
      <c r="BK860" s="53"/>
      <c r="BL860" s="53"/>
      <c r="BM860" s="53"/>
      <c r="BN860" s="53"/>
      <c r="BO860" s="53"/>
      <c r="BP860" s="53"/>
      <c r="BQ860" s="53"/>
      <c r="BR860" s="53"/>
      <c r="BS860" s="53"/>
      <c r="BT860" s="53"/>
      <c r="BU860" s="53"/>
      <c r="BV860" s="53"/>
      <c r="BW860" s="53"/>
      <c r="BX860" s="53"/>
      <c r="BY860" s="53"/>
      <c r="BZ860" s="53"/>
      <c r="CA860" s="53"/>
      <c r="CB860" s="53">
        <v>-7963290036.3660498</v>
      </c>
      <c r="CC860" s="53">
        <v>-8029700847.4928198</v>
      </c>
      <c r="CD860" s="53">
        <v>-8094484640.98876</v>
      </c>
      <c r="CE860" s="53">
        <v>-8155135309.0729799</v>
      </c>
      <c r="CF860" s="53">
        <v>-8221777461.73915</v>
      </c>
      <c r="CG860" s="53">
        <v>-8288555229.8861904</v>
      </c>
      <c r="CH860" s="53">
        <v>-8343625902.20646</v>
      </c>
      <c r="CI860" s="53">
        <v>-8411394378.3660402</v>
      </c>
      <c r="CJ860" s="53">
        <v>-8479721674.3873596</v>
      </c>
      <c r="CK860" s="53">
        <v>-8542604766.2394896</v>
      </c>
      <c r="CL860" s="53">
        <v>-8611485453.9596596</v>
      </c>
      <c r="CM860" s="53">
        <v>-8676864557.9399109</v>
      </c>
      <c r="CN860" s="53">
        <v>-7963290036.3660498</v>
      </c>
    </row>
    <row r="861" spans="1:92" outlineLevel="1">
      <c r="A861" s="52" t="s">
        <v>649</v>
      </c>
      <c r="B861" s="53">
        <v>-58367319.999999903</v>
      </c>
      <c r="C861" s="53">
        <v>-59153989.999999903</v>
      </c>
      <c r="D861" s="53">
        <v>-68632339.999999896</v>
      </c>
      <c r="E861" s="53">
        <v>-62736359.999999903</v>
      </c>
      <c r="F861" s="53">
        <v>-62028759.999999903</v>
      </c>
      <c r="G861" s="53">
        <v>-63361069.999999903</v>
      </c>
      <c r="H861" s="53">
        <v>-64251309.999999903</v>
      </c>
      <c r="I861" s="53">
        <v>-64049939.999999903</v>
      </c>
      <c r="J861" s="53">
        <v>-65057189.999999903</v>
      </c>
      <c r="K861" s="53">
        <v>-65079179.999999903</v>
      </c>
      <c r="L861" s="53">
        <v>-65304719.999999903</v>
      </c>
      <c r="M861" s="53">
        <v>-65801229.999999903</v>
      </c>
      <c r="N861" s="53">
        <v>-763823409.99999905</v>
      </c>
      <c r="O861" s="53">
        <v>-66032898.6790585</v>
      </c>
      <c r="P861" s="53">
        <v>-65350445.9423953</v>
      </c>
      <c r="Q861" s="53">
        <v>-65726706.020004198</v>
      </c>
      <c r="R861" s="53">
        <v>-67215938.864544198</v>
      </c>
      <c r="S861" s="53">
        <v>-67603670.633109495</v>
      </c>
      <c r="T861" s="53">
        <v>-68016026.818549201</v>
      </c>
      <c r="U861" s="53">
        <v>-68407194.806713894</v>
      </c>
      <c r="V861" s="53">
        <v>-68577333.132288396</v>
      </c>
      <c r="W861" s="53">
        <v>-68687668.903189301</v>
      </c>
      <c r="X861" s="53">
        <v>-68973520.953499794</v>
      </c>
      <c r="Y861" s="53">
        <v>-69121709.636789605</v>
      </c>
      <c r="Z861" s="53">
        <v>-69335895.333595499</v>
      </c>
      <c r="AA861" s="53">
        <v>-813049009.72373796</v>
      </c>
      <c r="AB861" s="53">
        <v>-71121803.046059698</v>
      </c>
      <c r="AC861" s="53">
        <v>-71816587.585545897</v>
      </c>
      <c r="AD861" s="53">
        <v>-72259742.769029394</v>
      </c>
      <c r="AE861" s="53">
        <v>-72661867.579559997</v>
      </c>
      <c r="AF861" s="53">
        <v>-72778365.115679801</v>
      </c>
      <c r="AG861" s="53">
        <v>-72946355.386302099</v>
      </c>
      <c r="AH861" s="53">
        <v>-73818277.804108694</v>
      </c>
      <c r="AI861" s="53">
        <v>-73934060.072679505</v>
      </c>
      <c r="AJ861" s="53">
        <v>-74092588.478156194</v>
      </c>
      <c r="AK861" s="53">
        <v>-74386600.617008805</v>
      </c>
      <c r="AL861" s="53">
        <v>-74765023.670708597</v>
      </c>
      <c r="AM861" s="53">
        <v>-75076597.280232906</v>
      </c>
      <c r="AN861" s="53">
        <v>-879657869.40507197</v>
      </c>
      <c r="AO861" s="53">
        <v>-77362629.038255095</v>
      </c>
      <c r="AP861" s="53">
        <v>-77529315.088143602</v>
      </c>
      <c r="AQ861" s="53">
        <v>-77626272.910991907</v>
      </c>
      <c r="AR861" s="53">
        <v>-78449971.487316594</v>
      </c>
      <c r="AS861" s="53">
        <v>-78661604.678121507</v>
      </c>
      <c r="AT861" s="53">
        <v>-78846172.027333498</v>
      </c>
      <c r="AU861" s="53">
        <v>-79346850.594246</v>
      </c>
      <c r="AV861" s="53">
        <v>-79469121.982446402</v>
      </c>
      <c r="AW861" s="53">
        <v>-79564698.344076097</v>
      </c>
      <c r="AX861" s="53">
        <v>-80051614.583723098</v>
      </c>
      <c r="AY861" s="53">
        <v>-80159285.762120202</v>
      </c>
      <c r="AZ861" s="53">
        <v>-80183206.696671799</v>
      </c>
      <c r="BA861" s="53">
        <v>-947250743.19344604</v>
      </c>
      <c r="BB861" s="53">
        <v>-83888346.130732998</v>
      </c>
      <c r="BC861" s="53">
        <v>-84023294.893333301</v>
      </c>
      <c r="BD861" s="53">
        <v>-84128385.065171093</v>
      </c>
      <c r="BE861" s="53">
        <v>-84435214.711812302</v>
      </c>
      <c r="BF861" s="53">
        <v>-84551394.817864701</v>
      </c>
      <c r="BG861" s="53">
        <v>-84676313.835262001</v>
      </c>
      <c r="BH861" s="53">
        <v>-85531012.653507397</v>
      </c>
      <c r="BI861" s="53">
        <v>-85895860.332089305</v>
      </c>
      <c r="BJ861" s="53">
        <v>-86072688.075579196</v>
      </c>
      <c r="BK861" s="53">
        <v>-86410105.191280007</v>
      </c>
      <c r="BL861" s="53">
        <v>-86284821.606348798</v>
      </c>
      <c r="BM861" s="53">
        <v>-85692100.295335993</v>
      </c>
      <c r="BN861" s="53">
        <v>-1021589537.60831</v>
      </c>
      <c r="BO861" s="53">
        <v>-87450145.780315205</v>
      </c>
      <c r="BP861" s="53">
        <v>-87517860.751162097</v>
      </c>
      <c r="BQ861" s="53">
        <v>-87624197.881319404</v>
      </c>
      <c r="BR861" s="53">
        <v>-88569806.6736366</v>
      </c>
      <c r="BS861" s="53">
        <v>-88558543.713697195</v>
      </c>
      <c r="BT861" s="53">
        <v>-88511763.390835702</v>
      </c>
      <c r="BU861" s="53">
        <v>-89879955.724908695</v>
      </c>
      <c r="BV861" s="53">
        <v>-90338630.757819593</v>
      </c>
      <c r="BW861" s="53">
        <v>-90550884.081206501</v>
      </c>
      <c r="BX861" s="53">
        <v>-90930869.513129994</v>
      </c>
      <c r="BY861" s="53">
        <v>-91212616.243148595</v>
      </c>
      <c r="BZ861" s="53">
        <v>-91339806.574828893</v>
      </c>
      <c r="CA861" s="53">
        <v>-1072485081.086</v>
      </c>
      <c r="CB861" s="53"/>
      <c r="CC861" s="53"/>
      <c r="CD861" s="53"/>
      <c r="CE861" s="53"/>
      <c r="CF861" s="53"/>
      <c r="CG861" s="53"/>
      <c r="CH861" s="53"/>
      <c r="CI861" s="53"/>
      <c r="CJ861" s="53"/>
      <c r="CK861" s="53"/>
      <c r="CL861" s="53"/>
      <c r="CM861" s="53"/>
      <c r="CN861" s="53"/>
    </row>
    <row r="862" spans="1:92" outlineLevel="1">
      <c r="A862" s="52" t="s">
        <v>752</v>
      </c>
      <c r="B862" s="53"/>
      <c r="C862" s="53"/>
      <c r="D862" s="53"/>
      <c r="E862" s="53"/>
      <c r="F862" s="53"/>
      <c r="G862" s="53"/>
      <c r="H862" s="53"/>
      <c r="I862" s="53"/>
      <c r="J862" s="53"/>
      <c r="K862" s="53"/>
      <c r="L862" s="53"/>
      <c r="M862" s="53"/>
      <c r="N862" s="53"/>
      <c r="O862" s="53"/>
      <c r="P862" s="53"/>
      <c r="Q862" s="53"/>
      <c r="R862" s="53"/>
      <c r="S862" s="53"/>
      <c r="T862" s="53"/>
      <c r="U862" s="53"/>
      <c r="V862" s="53"/>
      <c r="W862" s="53"/>
      <c r="X862" s="53"/>
      <c r="Y862" s="53"/>
      <c r="Z862" s="53"/>
      <c r="AA862" s="53"/>
      <c r="AB862" s="53"/>
      <c r="AC862" s="53"/>
      <c r="AD862" s="53"/>
      <c r="AE862" s="53"/>
      <c r="AF862" s="53"/>
      <c r="AG862" s="53"/>
      <c r="AH862" s="53"/>
      <c r="AI862" s="53"/>
      <c r="AJ862" s="53"/>
      <c r="AK862" s="53"/>
      <c r="AL862" s="53"/>
      <c r="AM862" s="53"/>
      <c r="AN862" s="53"/>
      <c r="AO862" s="53"/>
      <c r="AP862" s="53"/>
      <c r="AQ862" s="53"/>
      <c r="AR862" s="53"/>
      <c r="AS862" s="53"/>
      <c r="AT862" s="53"/>
      <c r="AU862" s="53"/>
      <c r="AV862" s="53"/>
      <c r="AW862" s="53"/>
      <c r="AX862" s="53"/>
      <c r="AY862" s="53"/>
      <c r="AZ862" s="53"/>
      <c r="BA862" s="53"/>
      <c r="BB862" s="53"/>
      <c r="BC862" s="53"/>
      <c r="BD862" s="53"/>
      <c r="BE862" s="53"/>
      <c r="BF862" s="53"/>
      <c r="BG862" s="53"/>
      <c r="BH862" s="53"/>
      <c r="BI862" s="53"/>
      <c r="BJ862" s="53"/>
      <c r="BK862" s="53"/>
      <c r="BL862" s="53"/>
      <c r="BM862" s="53"/>
      <c r="BN862" s="53"/>
      <c r="BO862" s="53"/>
      <c r="BP862" s="53"/>
      <c r="BQ862" s="53"/>
      <c r="BR862" s="53"/>
      <c r="BS862" s="53"/>
      <c r="BT862" s="53"/>
      <c r="BU862" s="53"/>
      <c r="BV862" s="53"/>
      <c r="BW862" s="53"/>
      <c r="BX862" s="53"/>
      <c r="BY862" s="53"/>
      <c r="BZ862" s="53"/>
      <c r="CA862" s="53"/>
      <c r="CB862" s="53"/>
      <c r="CC862" s="53"/>
      <c r="CD862" s="53"/>
      <c r="CE862" s="53"/>
      <c r="CF862" s="53"/>
      <c r="CG862" s="53"/>
      <c r="CH862" s="53"/>
      <c r="CI862" s="53"/>
      <c r="CJ862" s="53"/>
      <c r="CK862" s="53"/>
      <c r="CL862" s="53"/>
      <c r="CM862" s="53"/>
      <c r="CN862" s="53"/>
    </row>
    <row r="863" spans="1:92" outlineLevel="1">
      <c r="A863" s="52" t="s">
        <v>649</v>
      </c>
      <c r="B863" s="53">
        <v>915930</v>
      </c>
      <c r="C863" s="53">
        <v>-4790.0000000011996</v>
      </c>
      <c r="D863" s="53">
        <v>-28100</v>
      </c>
      <c r="E863" s="53">
        <v>-6779.9999999995498</v>
      </c>
      <c r="F863" s="53">
        <v>-89.999999999804402</v>
      </c>
      <c r="G863" s="53">
        <v>-42429.999999999898</v>
      </c>
      <c r="H863" s="53"/>
      <c r="I863" s="53">
        <v>-458450</v>
      </c>
      <c r="J863" s="53">
        <v>2604490</v>
      </c>
      <c r="K863" s="53">
        <v>1699810</v>
      </c>
      <c r="L863" s="53">
        <v>24150</v>
      </c>
      <c r="M863" s="53"/>
      <c r="N863" s="53">
        <v>4703740</v>
      </c>
      <c r="O863" s="53"/>
      <c r="P863" s="53"/>
      <c r="Q863" s="53"/>
      <c r="R863" s="53"/>
      <c r="S863" s="53"/>
      <c r="T863" s="53"/>
      <c r="U863" s="53"/>
      <c r="V863" s="53"/>
      <c r="W863" s="53"/>
      <c r="X863" s="53"/>
      <c r="Y863" s="53"/>
      <c r="Z863" s="53"/>
      <c r="AA863" s="53"/>
      <c r="AB863" s="53"/>
      <c r="AC863" s="53"/>
      <c r="AD863" s="53"/>
      <c r="AE863" s="53"/>
      <c r="AF863" s="53"/>
      <c r="AG863" s="53"/>
      <c r="AH863" s="53"/>
      <c r="AI863" s="53"/>
      <c r="AJ863" s="53"/>
      <c r="AK863" s="53"/>
      <c r="AL863" s="53"/>
      <c r="AM863" s="53"/>
      <c r="AN863" s="53"/>
      <c r="AO863" s="53"/>
      <c r="AP863" s="53"/>
      <c r="AQ863" s="53"/>
      <c r="AR863" s="53"/>
      <c r="AS863" s="53"/>
      <c r="AT863" s="53"/>
      <c r="AU863" s="53"/>
      <c r="AV863" s="53"/>
      <c r="AW863" s="53"/>
      <c r="AX863" s="53"/>
      <c r="AY863" s="53"/>
      <c r="AZ863" s="53"/>
      <c r="BA863" s="53"/>
      <c r="BB863" s="53"/>
      <c r="BC863" s="53"/>
      <c r="BD863" s="53"/>
      <c r="BE863" s="53"/>
      <c r="BF863" s="53"/>
      <c r="BG863" s="53"/>
      <c r="BH863" s="53"/>
      <c r="BI863" s="53"/>
      <c r="BJ863" s="53"/>
      <c r="BK863" s="53"/>
      <c r="BL863" s="53"/>
      <c r="BM863" s="53"/>
      <c r="BN863" s="53"/>
      <c r="BO863" s="53"/>
      <c r="BP863" s="53"/>
      <c r="BQ863" s="53"/>
      <c r="BR863" s="53"/>
      <c r="BS863" s="53"/>
      <c r="BT863" s="53"/>
      <c r="BU863" s="53"/>
      <c r="BV863" s="53"/>
      <c r="BW863" s="53"/>
      <c r="BX863" s="53"/>
      <c r="BY863" s="53"/>
      <c r="BZ863" s="53"/>
      <c r="CA863" s="53"/>
      <c r="CB863" s="53"/>
      <c r="CC863" s="53"/>
      <c r="CD863" s="53"/>
      <c r="CE863" s="53"/>
      <c r="CF863" s="53"/>
      <c r="CG863" s="53"/>
      <c r="CH863" s="53"/>
      <c r="CI863" s="53"/>
      <c r="CJ863" s="53"/>
      <c r="CK863" s="53"/>
      <c r="CL863" s="53"/>
      <c r="CM863" s="53"/>
      <c r="CN863" s="53"/>
    </row>
    <row r="864" spans="1:92" outlineLevel="1">
      <c r="A864" s="52" t="s">
        <v>754</v>
      </c>
      <c r="B864" s="53"/>
      <c r="C864" s="53"/>
      <c r="D864" s="53"/>
      <c r="E864" s="53"/>
      <c r="F864" s="53"/>
      <c r="G864" s="53"/>
      <c r="H864" s="53"/>
      <c r="I864" s="53"/>
      <c r="J864" s="53"/>
      <c r="K864" s="53"/>
      <c r="L864" s="53"/>
      <c r="M864" s="53"/>
      <c r="N864" s="53"/>
      <c r="O864" s="53"/>
      <c r="P864" s="53"/>
      <c r="Q864" s="53"/>
      <c r="R864" s="53"/>
      <c r="S864" s="53"/>
      <c r="T864" s="53"/>
      <c r="U864" s="53"/>
      <c r="V864" s="53"/>
      <c r="W864" s="53"/>
      <c r="X864" s="53"/>
      <c r="Y864" s="53"/>
      <c r="Z864" s="53"/>
      <c r="AA864" s="53"/>
      <c r="AB864" s="53"/>
      <c r="AC864" s="53"/>
      <c r="AD864" s="53"/>
      <c r="AE864" s="53"/>
      <c r="AF864" s="53"/>
      <c r="AG864" s="53"/>
      <c r="AH864" s="53"/>
      <c r="AI864" s="53"/>
      <c r="AJ864" s="53"/>
      <c r="AK864" s="53"/>
      <c r="AL864" s="53"/>
      <c r="AM864" s="53"/>
      <c r="AN864" s="53"/>
      <c r="AO864" s="53"/>
      <c r="AP864" s="53"/>
      <c r="AQ864" s="53"/>
      <c r="AR864" s="53"/>
      <c r="AS864" s="53"/>
      <c r="AT864" s="53"/>
      <c r="AU864" s="53"/>
      <c r="AV864" s="53"/>
      <c r="AW864" s="53"/>
      <c r="AX864" s="53"/>
      <c r="AY864" s="53"/>
      <c r="AZ864" s="53"/>
      <c r="BA864" s="53"/>
      <c r="BB864" s="53"/>
      <c r="BC864" s="53"/>
      <c r="BD864" s="53"/>
      <c r="BE864" s="53"/>
      <c r="BF864" s="53"/>
      <c r="BG864" s="53"/>
      <c r="BH864" s="53"/>
      <c r="BI864" s="53"/>
      <c r="BJ864" s="53"/>
      <c r="BK864" s="53"/>
      <c r="BL864" s="53"/>
      <c r="BM864" s="53"/>
      <c r="BN864" s="53"/>
      <c r="BO864" s="53"/>
      <c r="BP864" s="53"/>
      <c r="BQ864" s="53"/>
      <c r="BR864" s="53"/>
      <c r="BS864" s="53"/>
      <c r="BT864" s="53"/>
      <c r="BU864" s="53"/>
      <c r="BV864" s="53"/>
      <c r="BW864" s="53"/>
      <c r="BX864" s="53"/>
      <c r="BY864" s="53"/>
      <c r="BZ864" s="53"/>
      <c r="CA864" s="53"/>
      <c r="CB864" s="53"/>
      <c r="CC864" s="53"/>
      <c r="CD864" s="53"/>
      <c r="CE864" s="53"/>
      <c r="CF864" s="53"/>
      <c r="CG864" s="53"/>
      <c r="CH864" s="53"/>
      <c r="CI864" s="53"/>
      <c r="CJ864" s="53"/>
      <c r="CK864" s="53"/>
      <c r="CL864" s="53"/>
      <c r="CM864" s="53"/>
      <c r="CN864" s="53"/>
    </row>
    <row r="865" spans="1:92" outlineLevel="1">
      <c r="A865" s="52" t="s">
        <v>649</v>
      </c>
      <c r="B865" s="53">
        <v>-3061469.9999999902</v>
      </c>
      <c r="C865" s="53">
        <v>-3111669.9999999902</v>
      </c>
      <c r="D865" s="53">
        <v>-3163509.9999999902</v>
      </c>
      <c r="E865" s="53">
        <v>-3169679.9999999902</v>
      </c>
      <c r="F865" s="53">
        <v>-3075309.9999999902</v>
      </c>
      <c r="G865" s="53">
        <v>-3062839.9999999902</v>
      </c>
      <c r="H865" s="53">
        <v>-3135329.9999999902</v>
      </c>
      <c r="I865" s="53">
        <v>-3165219.9999999902</v>
      </c>
      <c r="J865" s="53">
        <v>-3049589.9999999902</v>
      </c>
      <c r="K865" s="53">
        <v>-3079519.9999999902</v>
      </c>
      <c r="L865" s="53">
        <v>-3143969.9999999902</v>
      </c>
      <c r="M865" s="53">
        <v>-3175019.9999999902</v>
      </c>
      <c r="N865" s="53">
        <v>-37393129.999999903</v>
      </c>
      <c r="O865" s="53">
        <v>-3216442.2152608</v>
      </c>
      <c r="P865" s="53">
        <v>-3175132.2152608</v>
      </c>
      <c r="Q865" s="53">
        <v>-3173122.2152608</v>
      </c>
      <c r="R865" s="53">
        <v>-3173122.2152608</v>
      </c>
      <c r="S865" s="53">
        <v>-3173122.2152608</v>
      </c>
      <c r="T865" s="53">
        <v>-3173122.2152608</v>
      </c>
      <c r="U865" s="53">
        <v>-3137663.88192746</v>
      </c>
      <c r="V865" s="53">
        <v>-2910446.73907032</v>
      </c>
      <c r="W865" s="53">
        <v>-2909152.98907032</v>
      </c>
      <c r="X865" s="53">
        <v>-2901050.7668480999</v>
      </c>
      <c r="Y865" s="53">
        <v>-2901050.7668480999</v>
      </c>
      <c r="Z865" s="53">
        <v>-2863423.4941208302</v>
      </c>
      <c r="AA865" s="53">
        <v>-36706851.929449901</v>
      </c>
      <c r="AB865" s="53">
        <v>-2850516.82745416</v>
      </c>
      <c r="AC865" s="53">
        <v>-2806779.1351464698</v>
      </c>
      <c r="AD865" s="53">
        <v>-2797123.4208607501</v>
      </c>
      <c r="AE865" s="53">
        <v>-2683676.0875274199</v>
      </c>
      <c r="AF865" s="53">
        <v>-2683676.0875274199</v>
      </c>
      <c r="AG865" s="53">
        <v>-2683676.0875274199</v>
      </c>
      <c r="AH865" s="53">
        <v>-2474888.3097496401</v>
      </c>
      <c r="AI865" s="53">
        <v>-2360994.6255391198</v>
      </c>
      <c r="AJ865" s="53">
        <v>-2360994.62553911</v>
      </c>
      <c r="AK865" s="53">
        <v>-2282252.7207772098</v>
      </c>
      <c r="AL865" s="53">
        <v>-2279569.5389590301</v>
      </c>
      <c r="AM865" s="53">
        <v>-2219894.3215677198</v>
      </c>
      <c r="AN865" s="53">
        <v>-30484041.788175501</v>
      </c>
      <c r="AO865" s="53">
        <v>-2165177.6549010598</v>
      </c>
      <c r="AP865" s="53">
        <v>-2127402.85490106</v>
      </c>
      <c r="AQ865" s="53">
        <v>-2108888.2395164398</v>
      </c>
      <c r="AR865" s="53">
        <v>-2077921.5728497801</v>
      </c>
      <c r="AS865" s="53">
        <v>-1996582.28713549</v>
      </c>
      <c r="AT865" s="53">
        <v>-1989345.3905837699</v>
      </c>
      <c r="AU865" s="53">
        <v>-1972622.0572504301</v>
      </c>
      <c r="AV865" s="53">
        <v>-1958409.4766052701</v>
      </c>
      <c r="AW865" s="53">
        <v>-1957292.9141052701</v>
      </c>
      <c r="AX865" s="53">
        <v>-1945543.21713557</v>
      </c>
      <c r="AY865" s="53">
        <v>-1940918.21713557</v>
      </c>
      <c r="AZ865" s="53">
        <v>-1937857.35999272</v>
      </c>
      <c r="BA865" s="53">
        <v>-24177961.242112398</v>
      </c>
      <c r="BB865" s="53">
        <v>-1727908.1933260499</v>
      </c>
      <c r="BC865" s="53">
        <v>-1659615.49062335</v>
      </c>
      <c r="BD865" s="53">
        <v>-1621217.3327286099</v>
      </c>
      <c r="BE865" s="53">
        <v>-1603308.61477989</v>
      </c>
      <c r="BF865" s="53">
        <v>-1595930.61477989</v>
      </c>
      <c r="BG865" s="53">
        <v>-1592079.1513652599</v>
      </c>
      <c r="BH865" s="53">
        <v>-1557672.4846985899</v>
      </c>
      <c r="BI865" s="53">
        <v>-1550793.1823730101</v>
      </c>
      <c r="BJ865" s="53">
        <v>-1550793.1823730101</v>
      </c>
      <c r="BK865" s="53">
        <v>-1542226.5157063401</v>
      </c>
      <c r="BL865" s="53">
        <v>-1529130.64614113</v>
      </c>
      <c r="BM865" s="53">
        <v>-1529109.5823113399</v>
      </c>
      <c r="BN865" s="53">
        <v>-19059784.991206501</v>
      </c>
      <c r="BO865" s="53">
        <v>-1429066.8739780099</v>
      </c>
      <c r="BP865" s="53">
        <v>-1385592.3841820899</v>
      </c>
      <c r="BQ865" s="53">
        <v>-1374476.5841820899</v>
      </c>
      <c r="BR865" s="53">
        <v>-1369872.2704566</v>
      </c>
      <c r="BS865" s="53">
        <v>-1348020.92430275</v>
      </c>
      <c r="BT865" s="53">
        <v>-1283172.99977445</v>
      </c>
      <c r="BU865" s="53">
        <v>-1246766.33310778</v>
      </c>
      <c r="BV865" s="53">
        <v>-1173917.7876532399</v>
      </c>
      <c r="BW865" s="53">
        <v>-760588.50193895504</v>
      </c>
      <c r="BX865" s="53">
        <v>-725830.60720211302</v>
      </c>
      <c r="BY865" s="53">
        <v>-690086.64168487198</v>
      </c>
      <c r="BZ865" s="53">
        <v>-681579.86202385498</v>
      </c>
      <c r="CA865" s="53">
        <v>-13468971.7704868</v>
      </c>
      <c r="CB865" s="53"/>
      <c r="CC865" s="53"/>
      <c r="CD865" s="53"/>
      <c r="CE865" s="53"/>
      <c r="CF865" s="53"/>
      <c r="CG865" s="53"/>
      <c r="CH865" s="53"/>
      <c r="CI865" s="53"/>
      <c r="CJ865" s="53"/>
      <c r="CK865" s="53"/>
      <c r="CL865" s="53"/>
      <c r="CM865" s="53"/>
      <c r="CN865" s="53"/>
    </row>
    <row r="866" spans="1:92" outlineLevel="1">
      <c r="A866" s="52" t="s">
        <v>1385</v>
      </c>
      <c r="B866" s="53"/>
      <c r="C866" s="53"/>
      <c r="D866" s="53"/>
      <c r="E866" s="53"/>
      <c r="F866" s="53"/>
      <c r="G866" s="53"/>
      <c r="H866" s="53"/>
      <c r="I866" s="53"/>
      <c r="J866" s="53"/>
      <c r="K866" s="53"/>
      <c r="L866" s="53"/>
      <c r="M866" s="53"/>
      <c r="N866" s="53"/>
      <c r="O866" s="53"/>
      <c r="P866" s="53"/>
      <c r="Q866" s="53"/>
      <c r="R866" s="53"/>
      <c r="S866" s="53"/>
      <c r="T866" s="53"/>
      <c r="U866" s="53"/>
      <c r="V866" s="53"/>
      <c r="W866" s="53"/>
      <c r="X866" s="53"/>
      <c r="Y866" s="53"/>
      <c r="Z866" s="53"/>
      <c r="AA866" s="53"/>
      <c r="AB866" s="53"/>
      <c r="AC866" s="53"/>
      <c r="AD866" s="53"/>
      <c r="AE866" s="53"/>
      <c r="AF866" s="53"/>
      <c r="AG866" s="53"/>
      <c r="AH866" s="53"/>
      <c r="AI866" s="53"/>
      <c r="AJ866" s="53"/>
      <c r="AK866" s="53"/>
      <c r="AL866" s="53"/>
      <c r="AM866" s="53"/>
      <c r="AN866" s="53"/>
      <c r="AO866" s="53"/>
      <c r="AP866" s="53"/>
      <c r="AQ866" s="53"/>
      <c r="AR866" s="53"/>
      <c r="AS866" s="53"/>
      <c r="AT866" s="53"/>
      <c r="AU866" s="53"/>
      <c r="AV866" s="53"/>
      <c r="AW866" s="53"/>
      <c r="AX866" s="53"/>
      <c r="AY866" s="53"/>
      <c r="AZ866" s="53"/>
      <c r="BA866" s="53"/>
      <c r="BB866" s="53"/>
      <c r="BC866" s="53"/>
      <c r="BD866" s="53"/>
      <c r="BE866" s="53"/>
      <c r="BF866" s="53"/>
      <c r="BG866" s="53"/>
      <c r="BH866" s="53"/>
      <c r="BI866" s="53"/>
      <c r="BJ866" s="53"/>
      <c r="BK866" s="53"/>
      <c r="BL866" s="53"/>
      <c r="BM866" s="53"/>
      <c r="BN866" s="53"/>
      <c r="BO866" s="53"/>
      <c r="BP866" s="53"/>
      <c r="BQ866" s="53"/>
      <c r="BR866" s="53"/>
      <c r="BS866" s="53"/>
      <c r="BT866" s="53"/>
      <c r="BU866" s="53"/>
      <c r="BV866" s="53"/>
      <c r="BW866" s="53"/>
      <c r="BX866" s="53"/>
      <c r="BY866" s="53"/>
      <c r="BZ866" s="53"/>
      <c r="CA866" s="53"/>
      <c r="CB866" s="53"/>
      <c r="CC866" s="53"/>
      <c r="CD866" s="53"/>
      <c r="CE866" s="53"/>
      <c r="CF866" s="53"/>
      <c r="CG866" s="53"/>
      <c r="CH866" s="53"/>
      <c r="CI866" s="53"/>
      <c r="CJ866" s="53"/>
      <c r="CK866" s="53"/>
      <c r="CL866" s="53"/>
      <c r="CM866" s="53"/>
      <c r="CN866" s="53"/>
    </row>
    <row r="867" spans="1:92" outlineLevel="1">
      <c r="A867" s="52" t="s">
        <v>649</v>
      </c>
      <c r="B867" s="53">
        <v>-109280</v>
      </c>
      <c r="C867" s="53">
        <v>-109280</v>
      </c>
      <c r="D867" s="53">
        <v>-109280</v>
      </c>
      <c r="E867" s="53">
        <v>-109280</v>
      </c>
      <c r="F867" s="53">
        <v>-109280</v>
      </c>
      <c r="G867" s="53">
        <v>-109280</v>
      </c>
      <c r="H867" s="53">
        <v>-109280</v>
      </c>
      <c r="I867" s="53">
        <v>-109280</v>
      </c>
      <c r="J867" s="53">
        <v>-109280</v>
      </c>
      <c r="K867" s="53">
        <v>-89940</v>
      </c>
      <c r="L867" s="53">
        <v>-89940</v>
      </c>
      <c r="M867" s="53">
        <v>-89940</v>
      </c>
      <c r="N867" s="53">
        <v>-1253340</v>
      </c>
      <c r="O867" s="53">
        <v>-89948.085988144201</v>
      </c>
      <c r="P867" s="53">
        <v>-89948.085988144201</v>
      </c>
      <c r="Q867" s="53">
        <v>-89948.085988144201</v>
      </c>
      <c r="R867" s="53">
        <v>-89948.085988144201</v>
      </c>
      <c r="S867" s="53">
        <v>-89948.085988144201</v>
      </c>
      <c r="T867" s="53">
        <v>-89948.085988144201</v>
      </c>
      <c r="U867" s="53">
        <v>-89948.085988144201</v>
      </c>
      <c r="V867" s="53">
        <v>-89948.085988144201</v>
      </c>
      <c r="W867" s="53">
        <v>-89948.085988144201</v>
      </c>
      <c r="X867" s="53">
        <v>-89948.085988144201</v>
      </c>
      <c r="Y867" s="53">
        <v>-89948.085988144201</v>
      </c>
      <c r="Z867" s="53">
        <v>-89948.085988144303</v>
      </c>
      <c r="AA867" s="53">
        <v>-1079377.0318577299</v>
      </c>
      <c r="AB867" s="53">
        <v>-89948.085988144201</v>
      </c>
      <c r="AC867" s="53">
        <v>-89948.085988144201</v>
      </c>
      <c r="AD867" s="53">
        <v>-89948.085988144201</v>
      </c>
      <c r="AE867" s="53">
        <v>-89948.085988144303</v>
      </c>
      <c r="AF867" s="53">
        <v>-89948.085988144303</v>
      </c>
      <c r="AG867" s="53">
        <v>-89948.085988144303</v>
      </c>
      <c r="AH867" s="53">
        <v>-89948.085988144303</v>
      </c>
      <c r="AI867" s="53">
        <v>-89948.085988144303</v>
      </c>
      <c r="AJ867" s="53">
        <v>-89948.085988144303</v>
      </c>
      <c r="AK867" s="53">
        <v>-89948.085988144201</v>
      </c>
      <c r="AL867" s="53">
        <v>-89948.085988144201</v>
      </c>
      <c r="AM867" s="53">
        <v>-89948.085988144099</v>
      </c>
      <c r="AN867" s="53">
        <v>-1079377.0318577299</v>
      </c>
      <c r="AO867" s="53">
        <v>-79794.752654810902</v>
      </c>
      <c r="AP867" s="53">
        <v>-79794.752654810902</v>
      </c>
      <c r="AQ867" s="53">
        <v>-79794.752654810902</v>
      </c>
      <c r="AR867" s="53">
        <v>-79794.752654810902</v>
      </c>
      <c r="AS867" s="53">
        <v>-79794.752654810902</v>
      </c>
      <c r="AT867" s="53">
        <v>-79794.752654810902</v>
      </c>
      <c r="AU867" s="53">
        <v>-79794.752654810902</v>
      </c>
      <c r="AV867" s="53">
        <v>-79794.752654810902</v>
      </c>
      <c r="AW867" s="53">
        <v>-79794.752654810902</v>
      </c>
      <c r="AX867" s="53">
        <v>-79794.752654810902</v>
      </c>
      <c r="AY867" s="53">
        <v>-79794.752654810902</v>
      </c>
      <c r="AZ867" s="53">
        <v>-79794.752654810902</v>
      </c>
      <c r="BA867" s="53">
        <v>-957537.03185773105</v>
      </c>
      <c r="BB867" s="53">
        <v>-79794.752654810902</v>
      </c>
      <c r="BC867" s="53">
        <v>-79794.752654810902</v>
      </c>
      <c r="BD867" s="53">
        <v>-79794.752654810902</v>
      </c>
      <c r="BE867" s="53">
        <v>-79794.752654810902</v>
      </c>
      <c r="BF867" s="53">
        <v>-79794.752654810902</v>
      </c>
      <c r="BG867" s="53">
        <v>-79794.752654810902</v>
      </c>
      <c r="BH867" s="53">
        <v>-79794.752654810902</v>
      </c>
      <c r="BI867" s="53">
        <v>-79794.752654810902</v>
      </c>
      <c r="BJ867" s="53">
        <v>-79794.752654810902</v>
      </c>
      <c r="BK867" s="53">
        <v>-79794.752654810902</v>
      </c>
      <c r="BL867" s="53">
        <v>-79794.752654810902</v>
      </c>
      <c r="BM867" s="53">
        <v>-79794.752654810902</v>
      </c>
      <c r="BN867" s="53">
        <v>-957537.03185773105</v>
      </c>
      <c r="BO867" s="53">
        <v>-79794.752654810902</v>
      </c>
      <c r="BP867" s="53">
        <v>-79794.752654810902</v>
      </c>
      <c r="BQ867" s="53">
        <v>-79794.752654810902</v>
      </c>
      <c r="BR867" s="53">
        <v>-79794.752654810902</v>
      </c>
      <c r="BS867" s="53">
        <v>-79794.752654810902</v>
      </c>
      <c r="BT867" s="53">
        <v>-79794.752654810902</v>
      </c>
      <c r="BU867" s="53">
        <v>-79794.752654810902</v>
      </c>
      <c r="BV867" s="53">
        <v>-79794.752654810902</v>
      </c>
      <c r="BW867" s="53">
        <v>-79794.752654810902</v>
      </c>
      <c r="BX867" s="53">
        <v>-79794.752654810902</v>
      </c>
      <c r="BY867" s="53">
        <v>-79794.752654810902</v>
      </c>
      <c r="BZ867" s="53">
        <v>-79794.752654810902</v>
      </c>
      <c r="CA867" s="53">
        <v>-957537.03185773105</v>
      </c>
      <c r="CB867" s="53"/>
      <c r="CC867" s="53"/>
      <c r="CD867" s="53"/>
      <c r="CE867" s="53"/>
      <c r="CF867" s="53"/>
      <c r="CG867" s="53"/>
      <c r="CH867" s="53"/>
      <c r="CI867" s="53"/>
      <c r="CJ867" s="53"/>
      <c r="CK867" s="53"/>
      <c r="CL867" s="53"/>
      <c r="CM867" s="53"/>
      <c r="CN867" s="53"/>
    </row>
    <row r="868" spans="1:92" outlineLevel="1">
      <c r="A868" s="52" t="s">
        <v>1386</v>
      </c>
      <c r="B868" s="53">
        <v>0</v>
      </c>
      <c r="C868" s="53">
        <v>0</v>
      </c>
      <c r="D868" s="53">
        <v>0</v>
      </c>
      <c r="E868" s="53">
        <v>0</v>
      </c>
      <c r="F868" s="53">
        <v>0</v>
      </c>
      <c r="G868" s="53">
        <v>0</v>
      </c>
      <c r="H868" s="53">
        <v>0</v>
      </c>
      <c r="I868" s="53">
        <v>0</v>
      </c>
      <c r="J868" s="53">
        <v>0</v>
      </c>
      <c r="K868" s="53">
        <v>0</v>
      </c>
      <c r="L868" s="53">
        <v>0</v>
      </c>
      <c r="M868" s="53">
        <v>0</v>
      </c>
      <c r="N868" s="53">
        <v>0</v>
      </c>
      <c r="O868" s="53">
        <v>-50708680.217607602</v>
      </c>
      <c r="P868" s="53">
        <v>-107679734.79438999</v>
      </c>
      <c r="Q868" s="53">
        <v>-138533500.61513901</v>
      </c>
      <c r="R868" s="53">
        <v>-197203032.51049799</v>
      </c>
      <c r="S868" s="53">
        <v>-237240210.32590801</v>
      </c>
      <c r="T868" s="53">
        <v>-286068841.38040203</v>
      </c>
      <c r="U868" s="53">
        <v>-342350400.68428397</v>
      </c>
      <c r="V868" s="53">
        <v>-401941776.08313799</v>
      </c>
      <c r="W868" s="53">
        <v>-455143879.51738602</v>
      </c>
      <c r="X868" s="53">
        <v>-513959041.475196</v>
      </c>
      <c r="Y868" s="53">
        <v>-557524624.03692806</v>
      </c>
      <c r="Z868" s="53">
        <v>-542153406.66153395</v>
      </c>
      <c r="AA868" s="53">
        <v>-542153406.66153395</v>
      </c>
      <c r="AB868" s="53">
        <v>-605619259.64806902</v>
      </c>
      <c r="AC868" s="53">
        <v>-650236252.13629103</v>
      </c>
      <c r="AD868" s="53">
        <v>-704496003.541502</v>
      </c>
      <c r="AE868" s="53">
        <v>-768059887.09461999</v>
      </c>
      <c r="AF868" s="53">
        <v>-831472444.82450104</v>
      </c>
      <c r="AG868" s="53">
        <v>-879034584.95215499</v>
      </c>
      <c r="AH868" s="53">
        <v>-943742794.18686295</v>
      </c>
      <c r="AI868" s="53">
        <v>-978402132.83816695</v>
      </c>
      <c r="AJ868" s="53">
        <v>-1033942376.8551</v>
      </c>
      <c r="AK868" s="53">
        <v>-1086022999.90153</v>
      </c>
      <c r="AL868" s="53">
        <v>-1136169946.29672</v>
      </c>
      <c r="AM868" s="53">
        <v>-1106300591.64274</v>
      </c>
      <c r="AN868" s="53">
        <v>-1106300591.64274</v>
      </c>
      <c r="AO868" s="53">
        <v>-1169362759.07144</v>
      </c>
      <c r="AP868" s="53">
        <v>-1237236156.8813901</v>
      </c>
      <c r="AQ868" s="53">
        <v>-1296605334.69841</v>
      </c>
      <c r="AR868" s="53">
        <v>-1361590540.9463899</v>
      </c>
      <c r="AS868" s="53">
        <v>-1429510443.8446</v>
      </c>
      <c r="AT868" s="53">
        <v>-1481306715.7574999</v>
      </c>
      <c r="AU868" s="53">
        <v>-1547569083.37428</v>
      </c>
      <c r="AV868" s="53">
        <v>-1616221354.90959</v>
      </c>
      <c r="AW868" s="53">
        <v>-1621260976.83373</v>
      </c>
      <c r="AX868" s="53">
        <v>-1690748106.8495901</v>
      </c>
      <c r="AY868" s="53">
        <v>-1760913966.83025</v>
      </c>
      <c r="AZ868" s="53">
        <v>-1698498208.5267401</v>
      </c>
      <c r="BA868" s="53">
        <v>-1698498208.5267401</v>
      </c>
      <c r="BB868" s="53">
        <v>-1770153273.2293601</v>
      </c>
      <c r="BC868" s="53">
        <v>-1844211536.6409299</v>
      </c>
      <c r="BD868" s="53">
        <v>-1910179376.4935501</v>
      </c>
      <c r="BE868" s="53">
        <v>-1983794249.3655</v>
      </c>
      <c r="BF868" s="53">
        <v>-2052465498.9407201</v>
      </c>
      <c r="BG868" s="53">
        <v>-2112415231.2095699</v>
      </c>
      <c r="BH868" s="53">
        <v>-2171691974.6291399</v>
      </c>
      <c r="BI868" s="53">
        <v>-2245890592.9632401</v>
      </c>
      <c r="BJ868" s="53">
        <v>-2313111528.8691502</v>
      </c>
      <c r="BK868" s="53">
        <v>-2388192423.0130301</v>
      </c>
      <c r="BL868" s="53">
        <v>-2463938905.9718499</v>
      </c>
      <c r="BM868" s="53">
        <v>-2446781280.2709298</v>
      </c>
      <c r="BN868" s="53">
        <v>-2446781280.2709298</v>
      </c>
      <c r="BO868" s="53">
        <v>-2524393332.4214301</v>
      </c>
      <c r="BP868" s="53">
        <v>-2601480653.8742299</v>
      </c>
      <c r="BQ868" s="53">
        <v>-2672375858.6837301</v>
      </c>
      <c r="BR868" s="53">
        <v>-2749733653.31742</v>
      </c>
      <c r="BS868" s="53">
        <v>-2825107842.4358702</v>
      </c>
      <c r="BT868" s="53">
        <v>-2888622333.2560802</v>
      </c>
      <c r="BU868" s="53">
        <v>-2952892513.3743701</v>
      </c>
      <c r="BV868" s="53">
        <v>-3031152579.2397599</v>
      </c>
      <c r="BW868" s="53">
        <v>-3101760655.69875</v>
      </c>
      <c r="BX868" s="53">
        <v>-3175188269.9815898</v>
      </c>
      <c r="BY868" s="53">
        <v>-3254490544.4606099</v>
      </c>
      <c r="BZ868" s="53">
        <v>-3320456695.05088</v>
      </c>
      <c r="CA868" s="53">
        <v>-3320456695.05088</v>
      </c>
      <c r="CB868" s="53">
        <v>15710272.7989663</v>
      </c>
      <c r="CC868" s="53">
        <v>17399396.434068099</v>
      </c>
      <c r="CD868" s="53">
        <v>21624700.480832901</v>
      </c>
      <c r="CE868" s="53">
        <v>15896218.8440332</v>
      </c>
      <c r="CF868" s="53">
        <v>15827346.7604503</v>
      </c>
      <c r="CG868" s="53">
        <v>27659435.681952599</v>
      </c>
      <c r="CH868" s="53">
        <v>16288409.9248577</v>
      </c>
      <c r="CI868" s="53">
        <v>15840655.745694</v>
      </c>
      <c r="CJ868" s="53">
        <v>21441702.350702502</v>
      </c>
      <c r="CK868" s="53">
        <v>15825382.0499967</v>
      </c>
      <c r="CL868" s="53">
        <v>19499496.825794902</v>
      </c>
      <c r="CM868" s="53">
        <v>80831761.358135104</v>
      </c>
      <c r="CN868" s="53">
        <v>283844779.25548398</v>
      </c>
    </row>
    <row r="869" spans="1:92" outlineLevel="1">
      <c r="A869" s="52" t="s">
        <v>1218</v>
      </c>
      <c r="B869" s="53">
        <v>-5818995077.0409899</v>
      </c>
      <c r="C869" s="53">
        <v>-5891806953.4499998</v>
      </c>
      <c r="D869" s="53">
        <v>-5939002755.1999998</v>
      </c>
      <c r="E869" s="53">
        <v>-6002731529.0299997</v>
      </c>
      <c r="F869" s="53">
        <v>-6037525867.8699999</v>
      </c>
      <c r="G869" s="53">
        <v>-6139013792.8100004</v>
      </c>
      <c r="H869" s="53">
        <v>-6096796706.79</v>
      </c>
      <c r="I869" s="53">
        <v>-6164981227.2600002</v>
      </c>
      <c r="J869" s="53">
        <v>-6207400549.01999</v>
      </c>
      <c r="K869" s="53">
        <v>-6244356409.3699999</v>
      </c>
      <c r="L869" s="53">
        <v>-6347003458.71</v>
      </c>
      <c r="M869" s="53">
        <v>-6328003649.3900003</v>
      </c>
      <c r="N869" s="53">
        <v>-5818995077.0409899</v>
      </c>
      <c r="O869" s="53">
        <v>-6376828110.7199898</v>
      </c>
      <c r="P869" s="53">
        <v>-6429052607.2210102</v>
      </c>
      <c r="Q869" s="53">
        <v>-6487550114.6000795</v>
      </c>
      <c r="R869" s="53">
        <v>-6519379892.9136696</v>
      </c>
      <c r="S869" s="53">
        <v>-6578990275.6707296</v>
      </c>
      <c r="T869" s="53">
        <v>-6620519163.3576698</v>
      </c>
      <c r="U869" s="53">
        <v>-6672818175.9890203</v>
      </c>
      <c r="V869" s="53">
        <v>-6732594924.2278404</v>
      </c>
      <c r="W869" s="53">
        <v>-6795706473.64466</v>
      </c>
      <c r="X869" s="53">
        <v>-6850387983.1805201</v>
      </c>
      <c r="Y869" s="53">
        <v>-6910246217.5508204</v>
      </c>
      <c r="Z869" s="53">
        <v>-6954862058.5564899</v>
      </c>
      <c r="AA869" s="53">
        <v>-6376828110.7199898</v>
      </c>
      <c r="AB869" s="53">
        <v>-6941151364.2681103</v>
      </c>
      <c r="AC869" s="53">
        <v>-7006278411.1500597</v>
      </c>
      <c r="AD869" s="53">
        <v>-7052568261.5219097</v>
      </c>
      <c r="AE869" s="53">
        <v>-7107951465.2590704</v>
      </c>
      <c r="AF869" s="53">
        <v>-7172604681.6110601</v>
      </c>
      <c r="AG869" s="53">
        <v>-7236359911.6808004</v>
      </c>
      <c r="AH869" s="53">
        <v>-7284266811.5894804</v>
      </c>
      <c r="AI869" s="53">
        <v>-7349321880.7623196</v>
      </c>
      <c r="AJ869" s="53">
        <v>-7384330192.30231</v>
      </c>
      <c r="AK869" s="53">
        <v>-7440221535.02983</v>
      </c>
      <c r="AL869" s="53">
        <v>-7492655395.5585098</v>
      </c>
      <c r="AM869" s="53">
        <v>-7543157731.23627</v>
      </c>
      <c r="AN869" s="53">
        <v>-6941151364.2681103</v>
      </c>
      <c r="AO869" s="53">
        <v>-7513645930.7731895</v>
      </c>
      <c r="AP869" s="53">
        <v>-7577067830.4889898</v>
      </c>
      <c r="AQ869" s="53">
        <v>-7645303151.9504404</v>
      </c>
      <c r="AR869" s="53">
        <v>-7705036458.1323795</v>
      </c>
      <c r="AS869" s="53">
        <v>-7770388010.88906</v>
      </c>
      <c r="AT869" s="53">
        <v>-7838676491.9518995</v>
      </c>
      <c r="AU869" s="53">
        <v>-7890843587.2798204</v>
      </c>
      <c r="AV869" s="53">
        <v>-7957479037.2392998</v>
      </c>
      <c r="AW869" s="53">
        <v>-8026506663.8055897</v>
      </c>
      <c r="AX869" s="53">
        <v>-8031923927.2933998</v>
      </c>
      <c r="AY869" s="53">
        <v>-8101790999.3343897</v>
      </c>
      <c r="AZ869" s="53">
        <v>-8172339115.8152599</v>
      </c>
      <c r="BA869" s="53">
        <v>-7513645930.7731895</v>
      </c>
      <c r="BB869" s="53">
        <v>-8110307942.58599</v>
      </c>
      <c r="BC869" s="53">
        <v>-8182349935.1217604</v>
      </c>
      <c r="BD869" s="53">
        <v>-8256797483.3966303</v>
      </c>
      <c r="BE869" s="53">
        <v>-8323156979.5009298</v>
      </c>
      <c r="BF869" s="53">
        <v>-8397165894.4586096</v>
      </c>
      <c r="BG869" s="53">
        <v>-8466233586.4872599</v>
      </c>
      <c r="BH869" s="53">
        <v>-8526582176.19946</v>
      </c>
      <c r="BI869" s="53">
        <v>-8586260206.7635498</v>
      </c>
      <c r="BJ869" s="53">
        <v>-8660862556.7442493</v>
      </c>
      <c r="BK869" s="53">
        <v>-8728489683.6898899</v>
      </c>
      <c r="BL869" s="53">
        <v>-8803979243.2483997</v>
      </c>
      <c r="BM869" s="53">
        <v>-8880136881.0697498</v>
      </c>
      <c r="BN869" s="53">
        <v>-8110307942.58599</v>
      </c>
      <c r="BO869" s="53">
        <v>-8863392914.8441296</v>
      </c>
      <c r="BP869" s="53">
        <v>-8941421146.3399296</v>
      </c>
      <c r="BQ869" s="53">
        <v>-9018927182.3581791</v>
      </c>
      <c r="BR869" s="53">
        <v>-9090243652.3969593</v>
      </c>
      <c r="BS869" s="53">
        <v>-9167601442.0374203</v>
      </c>
      <c r="BT869" s="53">
        <v>-9242975631.1558704</v>
      </c>
      <c r="BU869" s="53">
        <v>-9306490121.9760799</v>
      </c>
      <c r="BV869" s="53">
        <v>-9370760302.0943699</v>
      </c>
      <c r="BW869" s="53">
        <v>-9449020367.9597607</v>
      </c>
      <c r="BX869" s="53">
        <v>-9519628444.4187508</v>
      </c>
      <c r="BY869" s="53">
        <v>-9593056058.7015896</v>
      </c>
      <c r="BZ869" s="53">
        <v>-9672358333.1806107</v>
      </c>
      <c r="CA869" s="53">
        <v>-8863392914.8441296</v>
      </c>
      <c r="CB869" s="53"/>
      <c r="CC869" s="53"/>
      <c r="CD869" s="53"/>
      <c r="CE869" s="53"/>
      <c r="CF869" s="53"/>
      <c r="CG869" s="53"/>
      <c r="CH869" s="53"/>
      <c r="CI869" s="53"/>
      <c r="CJ869" s="53"/>
      <c r="CK869" s="53"/>
      <c r="CL869" s="53"/>
      <c r="CM869" s="53"/>
      <c r="CN869" s="53"/>
    </row>
    <row r="870" spans="1:92" outlineLevel="1">
      <c r="A870" s="52" t="s">
        <v>699</v>
      </c>
      <c r="B870" s="53"/>
      <c r="C870" s="53"/>
      <c r="D870" s="53"/>
      <c r="E870" s="53"/>
      <c r="F870" s="53"/>
      <c r="G870" s="53"/>
      <c r="H870" s="53"/>
      <c r="I870" s="53"/>
      <c r="J870" s="53"/>
      <c r="K870" s="53"/>
      <c r="L870" s="53"/>
      <c r="M870" s="53"/>
      <c r="N870" s="53"/>
      <c r="O870" s="53"/>
      <c r="P870" s="53"/>
      <c r="Q870" s="53"/>
      <c r="R870" s="53"/>
      <c r="S870" s="53"/>
      <c r="T870" s="53"/>
      <c r="U870" s="53"/>
      <c r="V870" s="53"/>
      <c r="W870" s="53"/>
      <c r="X870" s="53"/>
      <c r="Y870" s="53"/>
      <c r="Z870" s="53"/>
      <c r="AA870" s="53"/>
      <c r="AB870" s="53"/>
      <c r="AC870" s="53"/>
      <c r="AD870" s="53"/>
      <c r="AE870" s="53"/>
      <c r="AF870" s="53"/>
      <c r="AG870" s="53"/>
      <c r="AH870" s="53"/>
      <c r="AI870" s="53"/>
      <c r="AJ870" s="53"/>
      <c r="AK870" s="53"/>
      <c r="AL870" s="53"/>
      <c r="AM870" s="53"/>
      <c r="AN870" s="53"/>
      <c r="AO870" s="53"/>
      <c r="AP870" s="53"/>
      <c r="AQ870" s="53"/>
      <c r="AR870" s="53"/>
      <c r="AS870" s="53"/>
      <c r="AT870" s="53"/>
      <c r="AU870" s="53"/>
      <c r="AV870" s="53"/>
      <c r="AW870" s="53"/>
      <c r="AX870" s="53"/>
      <c r="AY870" s="53"/>
      <c r="AZ870" s="53"/>
      <c r="BA870" s="53"/>
      <c r="BB870" s="53"/>
      <c r="BC870" s="53"/>
      <c r="BD870" s="53"/>
      <c r="BE870" s="53"/>
      <c r="BF870" s="53"/>
      <c r="BG870" s="53"/>
      <c r="BH870" s="53"/>
      <c r="BI870" s="53"/>
      <c r="BJ870" s="53"/>
      <c r="BK870" s="53"/>
      <c r="BL870" s="53"/>
      <c r="BM870" s="53"/>
      <c r="BN870" s="53"/>
      <c r="BO870" s="53"/>
      <c r="BP870" s="53"/>
      <c r="BQ870" s="53"/>
      <c r="BR870" s="53"/>
      <c r="BS870" s="53"/>
      <c r="BT870" s="53"/>
      <c r="BU870" s="53"/>
      <c r="BV870" s="53"/>
      <c r="BW870" s="53"/>
      <c r="BX870" s="53"/>
      <c r="BY870" s="53"/>
      <c r="BZ870" s="53"/>
      <c r="CA870" s="53"/>
      <c r="CB870" s="53">
        <v>-80474443.410568699</v>
      </c>
      <c r="CC870" s="53">
        <v>-80623529.935607105</v>
      </c>
      <c r="CD870" s="53">
        <v>-80751735.382209599</v>
      </c>
      <c r="CE870" s="53">
        <v>-81027264.061864302</v>
      </c>
      <c r="CF870" s="53">
        <v>-81135965.937506199</v>
      </c>
      <c r="CG870" s="53">
        <v>-81262395.363006204</v>
      </c>
      <c r="CH870" s="53">
        <v>-82621150.410617307</v>
      </c>
      <c r="CI870" s="53">
        <v>-82736331.591046497</v>
      </c>
      <c r="CJ870" s="53">
        <v>-82890714.633642107</v>
      </c>
      <c r="CK870" s="53">
        <v>-83272056.878634393</v>
      </c>
      <c r="CL870" s="53">
        <v>-83448116.742368206</v>
      </c>
      <c r="CM870" s="53">
        <v>-83667274.896947399</v>
      </c>
      <c r="CN870" s="53">
        <v>-983910979.24401796</v>
      </c>
    </row>
    <row r="871" spans="1:92" outlineLevel="1">
      <c r="A871" s="52" t="s">
        <v>673</v>
      </c>
      <c r="B871" s="53"/>
      <c r="C871" s="53"/>
      <c r="D871" s="53"/>
      <c r="E871" s="53"/>
      <c r="F871" s="53"/>
      <c r="G871" s="53"/>
      <c r="H871" s="53"/>
      <c r="I871" s="53"/>
      <c r="J871" s="53"/>
      <c r="K871" s="53"/>
      <c r="L871" s="53"/>
      <c r="M871" s="53"/>
      <c r="N871" s="53"/>
      <c r="O871" s="53"/>
      <c r="P871" s="53"/>
      <c r="Q871" s="53"/>
      <c r="R871" s="53"/>
      <c r="S871" s="53"/>
      <c r="T871" s="53"/>
      <c r="U871" s="53"/>
      <c r="V871" s="53"/>
      <c r="W871" s="53"/>
      <c r="X871" s="53"/>
      <c r="Y871" s="53"/>
      <c r="Z871" s="53"/>
      <c r="AA871" s="53"/>
      <c r="AB871" s="53"/>
      <c r="AC871" s="53"/>
      <c r="AD871" s="53"/>
      <c r="AE871" s="53"/>
      <c r="AF871" s="53"/>
      <c r="AG871" s="53"/>
      <c r="AH871" s="53"/>
      <c r="AI871" s="53"/>
      <c r="AJ871" s="53"/>
      <c r="AK871" s="53"/>
      <c r="AL871" s="53"/>
      <c r="AM871" s="53"/>
      <c r="AN871" s="53"/>
      <c r="AO871" s="53"/>
      <c r="AP871" s="53"/>
      <c r="AQ871" s="53"/>
      <c r="AR871" s="53"/>
      <c r="AS871" s="53"/>
      <c r="AT871" s="53"/>
      <c r="AU871" s="53"/>
      <c r="AV871" s="53"/>
      <c r="AW871" s="53"/>
      <c r="AX871" s="53"/>
      <c r="AY871" s="53"/>
      <c r="AZ871" s="53"/>
      <c r="BA871" s="53"/>
      <c r="BB871" s="53"/>
      <c r="BC871" s="53"/>
      <c r="BD871" s="53"/>
      <c r="BE871" s="53"/>
      <c r="BF871" s="53"/>
      <c r="BG871" s="53"/>
      <c r="BH871" s="53"/>
      <c r="BI871" s="53"/>
      <c r="BJ871" s="53"/>
      <c r="BK871" s="53"/>
      <c r="BL871" s="53"/>
      <c r="BM871" s="53"/>
      <c r="BN871" s="53"/>
      <c r="BO871" s="53"/>
      <c r="BP871" s="53"/>
      <c r="BQ871" s="53"/>
      <c r="BR871" s="53"/>
      <c r="BS871" s="53"/>
      <c r="BT871" s="53"/>
      <c r="BU871" s="53"/>
      <c r="BV871" s="53"/>
      <c r="BW871" s="53"/>
      <c r="BX871" s="53"/>
      <c r="BY871" s="53"/>
      <c r="BZ871" s="53"/>
      <c r="CA871" s="53"/>
      <c r="CB871" s="53"/>
      <c r="CC871" s="53"/>
      <c r="CD871" s="53"/>
      <c r="CE871" s="53"/>
      <c r="CF871" s="53"/>
      <c r="CG871" s="53"/>
      <c r="CH871" s="53"/>
      <c r="CI871" s="53"/>
      <c r="CJ871" s="53"/>
      <c r="CK871" s="53"/>
      <c r="CL871" s="53"/>
      <c r="CM871" s="53"/>
      <c r="CN871" s="53"/>
    </row>
    <row r="872" spans="1:92" outlineLevel="1">
      <c r="A872" s="52" t="s">
        <v>1384</v>
      </c>
      <c r="B872" s="53"/>
      <c r="C872" s="53"/>
      <c r="D872" s="53"/>
      <c r="E872" s="53"/>
      <c r="F872" s="53"/>
      <c r="G872" s="53"/>
      <c r="H872" s="53"/>
      <c r="I872" s="53"/>
      <c r="J872" s="53"/>
      <c r="K872" s="53"/>
      <c r="L872" s="53"/>
      <c r="M872" s="53"/>
      <c r="N872" s="53"/>
      <c r="O872" s="53"/>
      <c r="P872" s="53"/>
      <c r="Q872" s="53"/>
      <c r="R872" s="53"/>
      <c r="S872" s="53"/>
      <c r="T872" s="53"/>
      <c r="U872" s="53"/>
      <c r="V872" s="53"/>
      <c r="W872" s="53"/>
      <c r="X872" s="53"/>
      <c r="Y872" s="53"/>
      <c r="Z872" s="53"/>
      <c r="AA872" s="53"/>
      <c r="AB872" s="53"/>
      <c r="AC872" s="53"/>
      <c r="AD872" s="53"/>
      <c r="AE872" s="53"/>
      <c r="AF872" s="53"/>
      <c r="AG872" s="53"/>
      <c r="AH872" s="53"/>
      <c r="AI872" s="53"/>
      <c r="AJ872" s="53"/>
      <c r="AK872" s="53"/>
      <c r="AL872" s="53"/>
      <c r="AM872" s="53"/>
      <c r="AN872" s="53"/>
      <c r="AO872" s="53"/>
      <c r="AP872" s="53"/>
      <c r="AQ872" s="53"/>
      <c r="AR872" s="53"/>
      <c r="AS872" s="53"/>
      <c r="AT872" s="53"/>
      <c r="AU872" s="53"/>
      <c r="AV872" s="53"/>
      <c r="AW872" s="53"/>
      <c r="AX872" s="53"/>
      <c r="AY872" s="53"/>
      <c r="AZ872" s="53"/>
      <c r="BA872" s="53"/>
      <c r="BB872" s="53"/>
      <c r="BC872" s="53"/>
      <c r="BD872" s="53"/>
      <c r="BE872" s="53"/>
      <c r="BF872" s="53"/>
      <c r="BG872" s="53"/>
      <c r="BH872" s="53"/>
      <c r="BI872" s="53"/>
      <c r="BJ872" s="53"/>
      <c r="BK872" s="53"/>
      <c r="BL872" s="53"/>
      <c r="BM872" s="53"/>
      <c r="BN872" s="53"/>
      <c r="BO872" s="53"/>
      <c r="BP872" s="53"/>
      <c r="BQ872" s="53"/>
      <c r="BR872" s="53"/>
      <c r="BS872" s="53"/>
      <c r="BT872" s="53"/>
      <c r="BU872" s="53"/>
      <c r="BV872" s="53"/>
      <c r="BW872" s="53"/>
      <c r="BX872" s="53"/>
      <c r="BY872" s="53"/>
      <c r="BZ872" s="53"/>
      <c r="CA872" s="53"/>
      <c r="CB872" s="53"/>
      <c r="CC872" s="53"/>
      <c r="CD872" s="53"/>
      <c r="CE872" s="53"/>
      <c r="CF872" s="53"/>
      <c r="CG872" s="53"/>
      <c r="CH872" s="53"/>
      <c r="CI872" s="53"/>
      <c r="CJ872" s="53"/>
      <c r="CK872" s="53"/>
      <c r="CL872" s="53"/>
      <c r="CM872" s="53"/>
      <c r="CN872" s="53"/>
    </row>
    <row r="873" spans="1:92" outlineLevel="1">
      <c r="A873" s="52" t="s">
        <v>649</v>
      </c>
      <c r="B873" s="53">
        <v>-554610</v>
      </c>
      <c r="C873" s="53">
        <v>-39360</v>
      </c>
      <c r="D873" s="53">
        <v>-7627280</v>
      </c>
      <c r="E873" s="53">
        <v>-1365350</v>
      </c>
      <c r="F873" s="53">
        <v>-71813500</v>
      </c>
      <c r="G873" s="53">
        <v>-2731740</v>
      </c>
      <c r="H873" s="53">
        <v>-167029.99999999901</v>
      </c>
      <c r="I873" s="53">
        <v>-253980</v>
      </c>
      <c r="J873" s="53">
        <v>-608110</v>
      </c>
      <c r="K873" s="53">
        <v>-54719770</v>
      </c>
      <c r="L873" s="53">
        <v>-2525649.9999999902</v>
      </c>
      <c r="M873" s="53">
        <v>6910090</v>
      </c>
      <c r="N873" s="53">
        <v>-135496290</v>
      </c>
      <c r="O873" s="53"/>
      <c r="P873" s="53"/>
      <c r="Q873" s="53"/>
      <c r="R873" s="53"/>
      <c r="S873" s="53"/>
      <c r="T873" s="53"/>
      <c r="U873" s="53"/>
      <c r="V873" s="53"/>
      <c r="W873" s="53"/>
      <c r="X873" s="53"/>
      <c r="Y873" s="53"/>
      <c r="Z873" s="53"/>
      <c r="AA873" s="53"/>
      <c r="AB873" s="53"/>
      <c r="AC873" s="53"/>
      <c r="AD873" s="53"/>
      <c r="AE873" s="53"/>
      <c r="AF873" s="53"/>
      <c r="AG873" s="53"/>
      <c r="AH873" s="53"/>
      <c r="AI873" s="53"/>
      <c r="AJ873" s="53"/>
      <c r="AK873" s="53"/>
      <c r="AL873" s="53"/>
      <c r="AM873" s="53"/>
      <c r="AN873" s="53"/>
      <c r="AO873" s="53"/>
      <c r="AP873" s="53"/>
      <c r="AQ873" s="53"/>
      <c r="AR873" s="53"/>
      <c r="AS873" s="53"/>
      <c r="AT873" s="53"/>
      <c r="AU873" s="53"/>
      <c r="AV873" s="53"/>
      <c r="AW873" s="53"/>
      <c r="AX873" s="53"/>
      <c r="AY873" s="53"/>
      <c r="AZ873" s="53"/>
      <c r="BA873" s="53"/>
      <c r="BB873" s="53"/>
      <c r="BC873" s="53"/>
      <c r="BD873" s="53"/>
      <c r="BE873" s="53"/>
      <c r="BF873" s="53"/>
      <c r="BG873" s="53"/>
      <c r="BH873" s="53"/>
      <c r="BI873" s="53"/>
      <c r="BJ873" s="53"/>
      <c r="BK873" s="53"/>
      <c r="BL873" s="53"/>
      <c r="BM873" s="53"/>
      <c r="BN873" s="53"/>
      <c r="BO873" s="53"/>
      <c r="BP873" s="53"/>
      <c r="BQ873" s="53"/>
      <c r="BR873" s="53"/>
      <c r="BS873" s="53"/>
      <c r="BT873" s="53"/>
      <c r="BU873" s="53"/>
      <c r="BV873" s="53"/>
      <c r="BW873" s="53"/>
      <c r="BX873" s="53"/>
      <c r="BY873" s="53"/>
      <c r="BZ873" s="53"/>
      <c r="CA873" s="53"/>
      <c r="CB873" s="53"/>
      <c r="CC873" s="53"/>
      <c r="CD873" s="53"/>
      <c r="CE873" s="53"/>
      <c r="CF873" s="53"/>
      <c r="CG873" s="53"/>
      <c r="CH873" s="53"/>
      <c r="CI873" s="53"/>
      <c r="CJ873" s="53"/>
      <c r="CK873" s="53"/>
      <c r="CL873" s="53"/>
      <c r="CM873" s="53"/>
      <c r="CN873" s="53"/>
    </row>
    <row r="874" spans="1:92" outlineLevel="1">
      <c r="A874" s="52" t="s">
        <v>672</v>
      </c>
      <c r="B874" s="53"/>
      <c r="C874" s="53"/>
      <c r="D874" s="53"/>
      <c r="E874" s="53"/>
      <c r="F874" s="53"/>
      <c r="G874" s="53"/>
      <c r="H874" s="53"/>
      <c r="I874" s="53"/>
      <c r="J874" s="53"/>
      <c r="K874" s="53"/>
      <c r="L874" s="53"/>
      <c r="M874" s="53"/>
      <c r="N874" s="53"/>
      <c r="O874" s="53"/>
      <c r="P874" s="53"/>
      <c r="Q874" s="53"/>
      <c r="R874" s="53"/>
      <c r="S874" s="53"/>
      <c r="T874" s="53"/>
      <c r="U874" s="53"/>
      <c r="V874" s="53"/>
      <c r="W874" s="53"/>
      <c r="X874" s="53"/>
      <c r="Y874" s="53"/>
      <c r="Z874" s="53"/>
      <c r="AA874" s="53"/>
      <c r="AB874" s="53"/>
      <c r="AC874" s="53"/>
      <c r="AD874" s="53"/>
      <c r="AE874" s="53"/>
      <c r="AF874" s="53"/>
      <c r="AG874" s="53"/>
      <c r="AH874" s="53"/>
      <c r="AI874" s="53"/>
      <c r="AJ874" s="53"/>
      <c r="AK874" s="53"/>
      <c r="AL874" s="53"/>
      <c r="AM874" s="53"/>
      <c r="AN874" s="53"/>
      <c r="AO874" s="53"/>
      <c r="AP874" s="53"/>
      <c r="AQ874" s="53"/>
      <c r="AR874" s="53"/>
      <c r="AS874" s="53"/>
      <c r="AT874" s="53"/>
      <c r="AU874" s="53"/>
      <c r="AV874" s="53"/>
      <c r="AW874" s="53"/>
      <c r="AX874" s="53"/>
      <c r="AY874" s="53"/>
      <c r="AZ874" s="53"/>
      <c r="BA874" s="53"/>
      <c r="BB874" s="53"/>
      <c r="BC874" s="53"/>
      <c r="BD874" s="53"/>
      <c r="BE874" s="53"/>
      <c r="BF874" s="53"/>
      <c r="BG874" s="53"/>
      <c r="BH874" s="53"/>
      <c r="BI874" s="53"/>
      <c r="BJ874" s="53"/>
      <c r="BK874" s="53"/>
      <c r="BL874" s="53"/>
      <c r="BM874" s="53"/>
      <c r="BN874" s="53"/>
      <c r="BO874" s="53"/>
      <c r="BP874" s="53"/>
      <c r="BQ874" s="53"/>
      <c r="BR874" s="53"/>
      <c r="BS874" s="53"/>
      <c r="BT874" s="53"/>
      <c r="BU874" s="53"/>
      <c r="BV874" s="53"/>
      <c r="BW874" s="53"/>
      <c r="BX874" s="53"/>
      <c r="BY874" s="53"/>
      <c r="BZ874" s="53"/>
      <c r="CA874" s="53"/>
      <c r="CB874" s="53">
        <v>-1160575.1815611499</v>
      </c>
      <c r="CC874" s="53">
        <v>-1071237.63054075</v>
      </c>
      <c r="CD874" s="53">
        <v>-1032839.43054074</v>
      </c>
      <c r="CE874" s="53">
        <v>-1017927.86191329</v>
      </c>
      <c r="CF874" s="53">
        <v>-973569.01575945201</v>
      </c>
      <c r="CG874" s="53">
        <v>-969717.69500473503</v>
      </c>
      <c r="CH874" s="53">
        <v>-935311.02833806805</v>
      </c>
      <c r="CI874" s="53">
        <v>-928751.02833806805</v>
      </c>
      <c r="CJ874" s="53">
        <v>-928751.02833806805</v>
      </c>
      <c r="CK874" s="53">
        <v>-926209.97570648906</v>
      </c>
      <c r="CL874" s="53">
        <v>-920191.69984441996</v>
      </c>
      <c r="CM874" s="53">
        <v>-900441.869335945</v>
      </c>
      <c r="CN874" s="53">
        <v>-11765523.445221201</v>
      </c>
    </row>
    <row r="875" spans="1:92" outlineLevel="1">
      <c r="A875" s="52" t="s">
        <v>750</v>
      </c>
      <c r="B875" s="53"/>
      <c r="C875" s="53"/>
      <c r="D875" s="53"/>
      <c r="E875" s="53"/>
      <c r="F875" s="53"/>
      <c r="G875" s="53"/>
      <c r="H875" s="53"/>
      <c r="I875" s="53"/>
      <c r="J875" s="53"/>
      <c r="K875" s="53"/>
      <c r="L875" s="53"/>
      <c r="M875" s="53"/>
      <c r="N875" s="53"/>
      <c r="O875" s="53"/>
      <c r="P875" s="53"/>
      <c r="Q875" s="53"/>
      <c r="R875" s="53"/>
      <c r="S875" s="53"/>
      <c r="T875" s="53"/>
      <c r="U875" s="53"/>
      <c r="V875" s="53"/>
      <c r="W875" s="53"/>
      <c r="X875" s="53"/>
      <c r="Y875" s="53"/>
      <c r="Z875" s="53"/>
      <c r="AA875" s="53"/>
      <c r="AB875" s="53"/>
      <c r="AC875" s="53"/>
      <c r="AD875" s="53"/>
      <c r="AE875" s="53"/>
      <c r="AF875" s="53"/>
      <c r="AG875" s="53"/>
      <c r="AH875" s="53"/>
      <c r="AI875" s="53"/>
      <c r="AJ875" s="53"/>
      <c r="AK875" s="53"/>
      <c r="AL875" s="53"/>
      <c r="AM875" s="53"/>
      <c r="AN875" s="53"/>
      <c r="AO875" s="53"/>
      <c r="AP875" s="53"/>
      <c r="AQ875" s="53"/>
      <c r="AR875" s="53"/>
      <c r="AS875" s="53"/>
      <c r="AT875" s="53"/>
      <c r="AU875" s="53"/>
      <c r="AV875" s="53"/>
      <c r="AW875" s="53"/>
      <c r="AX875" s="53"/>
      <c r="AY875" s="53"/>
      <c r="AZ875" s="53"/>
      <c r="BA875" s="53"/>
      <c r="BB875" s="53"/>
      <c r="BC875" s="53"/>
      <c r="BD875" s="53"/>
      <c r="BE875" s="53"/>
      <c r="BF875" s="53"/>
      <c r="BG875" s="53"/>
      <c r="BH875" s="53"/>
      <c r="BI875" s="53"/>
      <c r="BJ875" s="53"/>
      <c r="BK875" s="53"/>
      <c r="BL875" s="53"/>
      <c r="BM875" s="53"/>
      <c r="BN875" s="53"/>
      <c r="BO875" s="53"/>
      <c r="BP875" s="53"/>
      <c r="BQ875" s="53"/>
      <c r="BR875" s="53"/>
      <c r="BS875" s="53"/>
      <c r="BT875" s="53"/>
      <c r="BU875" s="53"/>
      <c r="BV875" s="53"/>
      <c r="BW875" s="53"/>
      <c r="BX875" s="53"/>
      <c r="BY875" s="53"/>
      <c r="BZ875" s="53"/>
      <c r="CA875" s="53"/>
      <c r="CB875" s="53"/>
      <c r="CC875" s="53"/>
      <c r="CD875" s="53"/>
      <c r="CE875" s="53"/>
      <c r="CF875" s="53"/>
      <c r="CG875" s="53"/>
      <c r="CH875" s="53"/>
      <c r="CI875" s="53"/>
      <c r="CJ875" s="53"/>
      <c r="CK875" s="53"/>
      <c r="CL875" s="53"/>
      <c r="CM875" s="53"/>
      <c r="CN875" s="53"/>
    </row>
    <row r="876" spans="1:92" outlineLevel="1">
      <c r="A876" s="52" t="s">
        <v>1364</v>
      </c>
      <c r="B876" s="53"/>
      <c r="C876" s="53"/>
      <c r="D876" s="53"/>
      <c r="E876" s="53"/>
      <c r="F876" s="53"/>
      <c r="G876" s="53"/>
      <c r="H876" s="53"/>
      <c r="I876" s="53"/>
      <c r="J876" s="53"/>
      <c r="K876" s="53"/>
      <c r="L876" s="53"/>
      <c r="M876" s="53"/>
      <c r="N876" s="53"/>
      <c r="O876" s="53"/>
      <c r="P876" s="53"/>
      <c r="Q876" s="53"/>
      <c r="R876" s="53"/>
      <c r="S876" s="53"/>
      <c r="T876" s="53"/>
      <c r="U876" s="53"/>
      <c r="V876" s="53"/>
      <c r="W876" s="53"/>
      <c r="X876" s="53"/>
      <c r="Y876" s="53"/>
      <c r="Z876" s="53"/>
      <c r="AA876" s="53"/>
      <c r="AB876" s="53"/>
      <c r="AC876" s="53"/>
      <c r="AD876" s="53"/>
      <c r="AE876" s="53"/>
      <c r="AF876" s="53"/>
      <c r="AG876" s="53"/>
      <c r="AH876" s="53"/>
      <c r="AI876" s="53"/>
      <c r="AJ876" s="53"/>
      <c r="AK876" s="53"/>
      <c r="AL876" s="53"/>
      <c r="AM876" s="53"/>
      <c r="AN876" s="53"/>
      <c r="AO876" s="53"/>
      <c r="AP876" s="53"/>
      <c r="AQ876" s="53"/>
      <c r="AR876" s="53"/>
      <c r="AS876" s="53"/>
      <c r="AT876" s="53"/>
      <c r="AU876" s="53"/>
      <c r="AV876" s="53"/>
      <c r="AW876" s="53"/>
      <c r="AX876" s="53"/>
      <c r="AY876" s="53"/>
      <c r="AZ876" s="53"/>
      <c r="BA876" s="53"/>
      <c r="BB876" s="53"/>
      <c r="BC876" s="53"/>
      <c r="BD876" s="53"/>
      <c r="BE876" s="53"/>
      <c r="BF876" s="53"/>
      <c r="BG876" s="53"/>
      <c r="BH876" s="53"/>
      <c r="BI876" s="53"/>
      <c r="BJ876" s="53"/>
      <c r="BK876" s="53"/>
      <c r="BL876" s="53"/>
      <c r="BM876" s="53"/>
      <c r="BN876" s="53"/>
      <c r="BO876" s="53"/>
      <c r="BP876" s="53"/>
      <c r="BQ876" s="53"/>
      <c r="BR876" s="53"/>
      <c r="BS876" s="53"/>
      <c r="BT876" s="53"/>
      <c r="BU876" s="53"/>
      <c r="BV876" s="53"/>
      <c r="BW876" s="53"/>
      <c r="BX876" s="53"/>
      <c r="BY876" s="53"/>
      <c r="BZ876" s="53"/>
      <c r="CA876" s="53"/>
      <c r="CB876" s="53">
        <v>-99137.488866953703</v>
      </c>
      <c r="CC876" s="53">
        <v>-99137.488866953703</v>
      </c>
      <c r="CD876" s="53">
        <v>-99137.488866953703</v>
      </c>
      <c r="CE876" s="53">
        <v>-99137.488866953703</v>
      </c>
      <c r="CF876" s="53">
        <v>-99137.488866953703</v>
      </c>
      <c r="CG876" s="53">
        <v>-99137.488866953703</v>
      </c>
      <c r="CH876" s="53">
        <v>-99137.488866953703</v>
      </c>
      <c r="CI876" s="53">
        <v>-99137.488866953703</v>
      </c>
      <c r="CJ876" s="53">
        <v>-99137.488866953703</v>
      </c>
      <c r="CK876" s="53">
        <v>-99137.488866953703</v>
      </c>
      <c r="CL876" s="53">
        <v>-99137.488866953703</v>
      </c>
      <c r="CM876" s="53">
        <v>-99137.488866953703</v>
      </c>
      <c r="CN876" s="53">
        <v>-1189649.86640344</v>
      </c>
    </row>
    <row r="877" spans="1:92" outlineLevel="1">
      <c r="A877" s="52" t="s">
        <v>649</v>
      </c>
      <c r="B877" s="53">
        <v>-11724299.999999899</v>
      </c>
      <c r="C877" s="53">
        <v>15293730</v>
      </c>
      <c r="D877" s="53">
        <v>18471560</v>
      </c>
      <c r="E877" s="53">
        <v>30025709.999999899</v>
      </c>
      <c r="F877" s="53">
        <v>35604920</v>
      </c>
      <c r="G877" s="53">
        <v>111371799.999999</v>
      </c>
      <c r="H877" s="53">
        <v>12083010</v>
      </c>
      <c r="I877" s="53">
        <v>12919189.999999899</v>
      </c>
      <c r="J877" s="53">
        <v>29178790</v>
      </c>
      <c r="K877" s="53">
        <v>18488420</v>
      </c>
      <c r="L877" s="53">
        <v>90157040</v>
      </c>
      <c r="M877" s="53">
        <v>13787029.999999899</v>
      </c>
      <c r="N877" s="53">
        <v>375656900</v>
      </c>
      <c r="O877" s="53">
        <v>18630608.762699701</v>
      </c>
      <c r="P877" s="53">
        <v>11644471.666861201</v>
      </c>
      <c r="Q877" s="53">
        <v>38136010.500504203</v>
      </c>
      <c r="R877" s="53">
        <v>11809477.270434599</v>
      </c>
      <c r="S877" s="53">
        <v>30829563.118948098</v>
      </c>
      <c r="T877" s="53">
        <v>22450466.065304399</v>
      </c>
      <c r="U877" s="53">
        <v>15353247.470747</v>
      </c>
      <c r="V877" s="53">
        <v>11986352.558493</v>
      </c>
      <c r="W877" s="53">
        <v>18484666.543999702</v>
      </c>
      <c r="X877" s="53">
        <v>13149357.848525699</v>
      </c>
      <c r="Y877" s="53">
        <v>28547125.927893899</v>
      </c>
      <c r="Z877" s="53">
        <v>87660484.289098606</v>
      </c>
      <c r="AA877" s="53">
        <v>308681832.02350998</v>
      </c>
      <c r="AB877" s="53">
        <v>10596414.9729676</v>
      </c>
      <c r="AC877" s="53">
        <v>30096322.318457801</v>
      </c>
      <c r="AD877" s="53">
        <v>20887062.870667599</v>
      </c>
      <c r="AE877" s="53">
        <v>11871608.199958</v>
      </c>
      <c r="AF877" s="53">
        <v>12139431.559313901</v>
      </c>
      <c r="AG877" s="53">
        <v>28157839.432163399</v>
      </c>
      <c r="AH877" s="53">
        <v>11674904.9651393</v>
      </c>
      <c r="AI877" s="53">
        <v>41725664.132902697</v>
      </c>
      <c r="AJ877" s="53">
        <v>21003287.172743902</v>
      </c>
      <c r="AK877" s="53">
        <v>24678178.377350401</v>
      </c>
      <c r="AL877" s="53">
        <v>26987594.900460798</v>
      </c>
      <c r="AM877" s="53">
        <v>107255794.341772</v>
      </c>
      <c r="AN877" s="53">
        <v>347074103.24389797</v>
      </c>
      <c r="AO877" s="53">
        <v>16545434.0171047</v>
      </c>
      <c r="AP877" s="53">
        <v>11863114.8857497</v>
      </c>
      <c r="AQ877" s="53">
        <v>20445778.086150199</v>
      </c>
      <c r="AR877" s="53">
        <v>15622481.564832401</v>
      </c>
      <c r="AS877" s="53">
        <v>12818078.819703801</v>
      </c>
      <c r="AT877" s="53">
        <v>29119040.257674899</v>
      </c>
      <c r="AU877" s="53">
        <v>15136899.787366699</v>
      </c>
      <c r="AV877" s="53">
        <v>12855054.6763999</v>
      </c>
      <c r="AW877" s="53">
        <v>76562164.086696103</v>
      </c>
      <c r="AX877" s="53">
        <v>12589822.537658799</v>
      </c>
      <c r="AY877" s="53">
        <v>12014138.751245599</v>
      </c>
      <c r="AZ877" s="53">
        <v>144616617.112827</v>
      </c>
      <c r="BA877" s="53">
        <v>380188624.58341098</v>
      </c>
      <c r="BB877" s="53">
        <v>14040984.3740936</v>
      </c>
      <c r="BC877" s="53">
        <v>11704441.725047201</v>
      </c>
      <c r="BD877" s="53">
        <v>19861557.2979341</v>
      </c>
      <c r="BE877" s="53">
        <v>12503445.2072937</v>
      </c>
      <c r="BF877" s="53">
        <v>17555870.6100756</v>
      </c>
      <c r="BG877" s="53">
        <v>26398455.470432401</v>
      </c>
      <c r="BH877" s="53">
        <v>27891736.471292499</v>
      </c>
      <c r="BI877" s="53">
        <v>13327829.933021</v>
      </c>
      <c r="BJ877" s="53">
        <v>20482340.104693901</v>
      </c>
      <c r="BK877" s="53">
        <v>12951232.3157579</v>
      </c>
      <c r="BL877" s="53">
        <v>12147264.046329999</v>
      </c>
      <c r="BM877" s="53">
        <v>104458630.331223</v>
      </c>
      <c r="BN877" s="53">
        <v>293323787.887196</v>
      </c>
      <c r="BO877" s="53">
        <v>11346955.2564469</v>
      </c>
      <c r="BP877" s="53">
        <v>11895926.435196601</v>
      </c>
      <c r="BQ877" s="53">
        <v>18183264.408652101</v>
      </c>
      <c r="BR877" s="53">
        <v>12661679.063060399</v>
      </c>
      <c r="BS877" s="53">
        <v>14612170.272208501</v>
      </c>
      <c r="BT877" s="53">
        <v>26360240.3230545</v>
      </c>
      <c r="BU877" s="53">
        <v>26936336.692380499</v>
      </c>
      <c r="BV877" s="53">
        <v>13332277.432735801</v>
      </c>
      <c r="BW877" s="53">
        <v>20783190.8768133</v>
      </c>
      <c r="BX877" s="53">
        <v>18308880.5901451</v>
      </c>
      <c r="BY877" s="53">
        <v>12680223.1584695</v>
      </c>
      <c r="BZ877" s="53">
        <v>26135030.599240799</v>
      </c>
      <c r="CA877" s="53">
        <v>213236175.10840401</v>
      </c>
      <c r="CB877" s="53"/>
      <c r="CC877" s="53"/>
      <c r="CD877" s="53"/>
      <c r="CE877" s="53"/>
      <c r="CF877" s="53"/>
      <c r="CG877" s="53"/>
      <c r="CH877" s="53"/>
      <c r="CI877" s="53"/>
      <c r="CJ877" s="53"/>
      <c r="CK877" s="53"/>
      <c r="CL877" s="53"/>
      <c r="CM877" s="53"/>
      <c r="CN877" s="53"/>
    </row>
    <row r="878" spans="1:92" outlineLevel="1">
      <c r="A878" s="52" t="s">
        <v>751</v>
      </c>
      <c r="B878" s="53"/>
      <c r="C878" s="53"/>
      <c r="D878" s="53"/>
      <c r="E878" s="53"/>
      <c r="F878" s="53"/>
      <c r="G878" s="53"/>
      <c r="H878" s="53"/>
      <c r="I878" s="53"/>
      <c r="J878" s="53"/>
      <c r="K878" s="53"/>
      <c r="L878" s="53"/>
      <c r="M878" s="53"/>
      <c r="N878" s="53"/>
      <c r="O878" s="53"/>
      <c r="P878" s="53"/>
      <c r="Q878" s="53"/>
      <c r="R878" s="53"/>
      <c r="S878" s="53"/>
      <c r="T878" s="53"/>
      <c r="U878" s="53"/>
      <c r="V878" s="53"/>
      <c r="W878" s="53"/>
      <c r="X878" s="53"/>
      <c r="Y878" s="53"/>
      <c r="Z878" s="53"/>
      <c r="AA878" s="53"/>
      <c r="AB878" s="53"/>
      <c r="AC878" s="53"/>
      <c r="AD878" s="53"/>
      <c r="AE878" s="53"/>
      <c r="AF878" s="53"/>
      <c r="AG878" s="53"/>
      <c r="AH878" s="53"/>
      <c r="AI878" s="53"/>
      <c r="AJ878" s="53"/>
      <c r="AK878" s="53"/>
      <c r="AL878" s="53"/>
      <c r="AM878" s="53"/>
      <c r="AN878" s="53"/>
      <c r="AO878" s="53"/>
      <c r="AP878" s="53"/>
      <c r="AQ878" s="53"/>
      <c r="AR878" s="53"/>
      <c r="AS878" s="53"/>
      <c r="AT878" s="53"/>
      <c r="AU878" s="53"/>
      <c r="AV878" s="53"/>
      <c r="AW878" s="53"/>
      <c r="AX878" s="53"/>
      <c r="AY878" s="53"/>
      <c r="AZ878" s="53"/>
      <c r="BA878" s="53"/>
      <c r="BB878" s="53"/>
      <c r="BC878" s="53"/>
      <c r="BD878" s="53"/>
      <c r="BE878" s="53"/>
      <c r="BF878" s="53"/>
      <c r="BG878" s="53"/>
      <c r="BH878" s="53"/>
      <c r="BI878" s="53"/>
      <c r="BJ878" s="53"/>
      <c r="BK878" s="53"/>
      <c r="BL878" s="53"/>
      <c r="BM878" s="53"/>
      <c r="BN878" s="53"/>
      <c r="BO878" s="53"/>
      <c r="BP878" s="53"/>
      <c r="BQ878" s="53"/>
      <c r="BR878" s="53"/>
      <c r="BS878" s="53"/>
      <c r="BT878" s="53"/>
      <c r="BU878" s="53"/>
      <c r="BV878" s="53"/>
      <c r="BW878" s="53"/>
      <c r="BX878" s="53"/>
      <c r="BY878" s="53"/>
      <c r="BZ878" s="53"/>
      <c r="CA878" s="53"/>
      <c r="CB878" s="53"/>
      <c r="CC878" s="53"/>
      <c r="CD878" s="53"/>
      <c r="CE878" s="53"/>
      <c r="CF878" s="53"/>
      <c r="CG878" s="53"/>
      <c r="CH878" s="53"/>
      <c r="CI878" s="53"/>
      <c r="CJ878" s="53"/>
      <c r="CK878" s="53"/>
      <c r="CL878" s="53"/>
      <c r="CM878" s="53"/>
      <c r="CN878" s="53"/>
    </row>
    <row r="879" spans="1:92" outlineLevel="1">
      <c r="A879" s="52" t="s">
        <v>649</v>
      </c>
      <c r="B879" s="53">
        <v>-58367319.999999903</v>
      </c>
      <c r="C879" s="53">
        <v>-59153989.999999903</v>
      </c>
      <c r="D879" s="53">
        <v>-68632339.999999896</v>
      </c>
      <c r="E879" s="53">
        <v>-62736359.999999903</v>
      </c>
      <c r="F879" s="53">
        <v>-62028759.999999903</v>
      </c>
      <c r="G879" s="53">
        <v>-63361069.999999903</v>
      </c>
      <c r="H879" s="53">
        <v>-64251309.999999903</v>
      </c>
      <c r="I879" s="53">
        <v>-64049939.999999903</v>
      </c>
      <c r="J879" s="53">
        <v>-65057189.999999903</v>
      </c>
      <c r="K879" s="53">
        <v>-65079179.999999903</v>
      </c>
      <c r="L879" s="53">
        <v>-65304719.999999903</v>
      </c>
      <c r="M879" s="53">
        <v>-65801229.999999903</v>
      </c>
      <c r="N879" s="53">
        <v>-763823409.99999905</v>
      </c>
      <c r="O879" s="53">
        <v>-66032898.6790585</v>
      </c>
      <c r="P879" s="53">
        <v>-65350445.9423953</v>
      </c>
      <c r="Q879" s="53">
        <v>-65726706.020004198</v>
      </c>
      <c r="R879" s="53">
        <v>-67215938.864544198</v>
      </c>
      <c r="S879" s="53">
        <v>-67603670.633109495</v>
      </c>
      <c r="T879" s="53">
        <v>-68016026.818549201</v>
      </c>
      <c r="U879" s="53">
        <v>-68407194.806713894</v>
      </c>
      <c r="V879" s="53">
        <v>-68577333.132288396</v>
      </c>
      <c r="W879" s="53">
        <v>-68687668.903189301</v>
      </c>
      <c r="X879" s="53">
        <v>-68973520.953499794</v>
      </c>
      <c r="Y879" s="53">
        <v>-69121709.636789605</v>
      </c>
      <c r="Z879" s="53">
        <v>-69335895.333595499</v>
      </c>
      <c r="AA879" s="53">
        <v>-813049009.72373796</v>
      </c>
      <c r="AB879" s="53">
        <v>-71121803.046059698</v>
      </c>
      <c r="AC879" s="53">
        <v>-71816587.585545897</v>
      </c>
      <c r="AD879" s="53">
        <v>-72259742.769029394</v>
      </c>
      <c r="AE879" s="53">
        <v>-72661867.579559997</v>
      </c>
      <c r="AF879" s="53">
        <v>-72778365.115679801</v>
      </c>
      <c r="AG879" s="53">
        <v>-72946355.386302099</v>
      </c>
      <c r="AH879" s="53">
        <v>-73818277.804108694</v>
      </c>
      <c r="AI879" s="53">
        <v>-73934060.072679505</v>
      </c>
      <c r="AJ879" s="53">
        <v>-74092588.478156194</v>
      </c>
      <c r="AK879" s="53">
        <v>-74386600.617008805</v>
      </c>
      <c r="AL879" s="53">
        <v>-74765023.670708597</v>
      </c>
      <c r="AM879" s="53">
        <v>-75076597.280232906</v>
      </c>
      <c r="AN879" s="53">
        <v>-879657869.40507197</v>
      </c>
      <c r="AO879" s="53">
        <v>-77362629.038255095</v>
      </c>
      <c r="AP879" s="53">
        <v>-77529315.088143602</v>
      </c>
      <c r="AQ879" s="53">
        <v>-77626272.910991907</v>
      </c>
      <c r="AR879" s="53">
        <v>-78449971.487316594</v>
      </c>
      <c r="AS879" s="53">
        <v>-78661604.678121507</v>
      </c>
      <c r="AT879" s="53">
        <v>-78846172.027333498</v>
      </c>
      <c r="AU879" s="53">
        <v>-79346850.594246</v>
      </c>
      <c r="AV879" s="53">
        <v>-79469121.982446402</v>
      </c>
      <c r="AW879" s="53">
        <v>-79564698.344076097</v>
      </c>
      <c r="AX879" s="53">
        <v>-80051614.583723098</v>
      </c>
      <c r="AY879" s="53">
        <v>-80159285.762120202</v>
      </c>
      <c r="AZ879" s="53">
        <v>-80183206.696671799</v>
      </c>
      <c r="BA879" s="53">
        <v>-947250743.19344604</v>
      </c>
      <c r="BB879" s="53">
        <v>-83888346.130732998</v>
      </c>
      <c r="BC879" s="53">
        <v>-84023294.893333301</v>
      </c>
      <c r="BD879" s="53">
        <v>-84128385.065171093</v>
      </c>
      <c r="BE879" s="53">
        <v>-84435214.711812302</v>
      </c>
      <c r="BF879" s="53">
        <v>-84551394.817864701</v>
      </c>
      <c r="BG879" s="53">
        <v>-84676313.835262001</v>
      </c>
      <c r="BH879" s="53">
        <v>-85531012.653507397</v>
      </c>
      <c r="BI879" s="53">
        <v>-85895860.332089305</v>
      </c>
      <c r="BJ879" s="53">
        <v>-86072688.075579196</v>
      </c>
      <c r="BK879" s="53">
        <v>-86410105.191280007</v>
      </c>
      <c r="BL879" s="53">
        <v>-86284821.606348798</v>
      </c>
      <c r="BM879" s="53">
        <v>-85692100.295335993</v>
      </c>
      <c r="BN879" s="53">
        <v>-1021589537.60831</v>
      </c>
      <c r="BO879" s="53">
        <v>-87450145.780315205</v>
      </c>
      <c r="BP879" s="53">
        <v>-87517860.751162097</v>
      </c>
      <c r="BQ879" s="53">
        <v>-87624197.881319404</v>
      </c>
      <c r="BR879" s="53">
        <v>-88569806.6736366</v>
      </c>
      <c r="BS879" s="53">
        <v>-88558543.713697195</v>
      </c>
      <c r="BT879" s="53">
        <v>-88511763.390835702</v>
      </c>
      <c r="BU879" s="53">
        <v>-89879955.724908695</v>
      </c>
      <c r="BV879" s="53">
        <v>-90338630.757819593</v>
      </c>
      <c r="BW879" s="53">
        <v>-90550884.081206501</v>
      </c>
      <c r="BX879" s="53">
        <v>-90930869.513129994</v>
      </c>
      <c r="BY879" s="53">
        <v>-91212616.243148595</v>
      </c>
      <c r="BZ879" s="53">
        <v>-91339806.574828893</v>
      </c>
      <c r="CA879" s="53">
        <v>-1072485081.086</v>
      </c>
      <c r="CB879" s="53">
        <v>4.4720973724483297</v>
      </c>
      <c r="CC879" s="53">
        <v>4.5045461656332497</v>
      </c>
      <c r="CD879" s="53">
        <v>4.5372304018533898</v>
      </c>
      <c r="CE879" s="53">
        <v>4.5701517894441599</v>
      </c>
      <c r="CF879" s="53">
        <v>4.6033120491363997</v>
      </c>
      <c r="CG879" s="53">
        <v>4.6367129141462602</v>
      </c>
      <c r="CH879" s="53">
        <v>4.6703561302658096</v>
      </c>
      <c r="CI879" s="53">
        <v>4.7042434559543196</v>
      </c>
      <c r="CJ879" s="53">
        <v>4.7383766624301398</v>
      </c>
      <c r="CK879" s="53">
        <v>4.7727575337632802</v>
      </c>
      <c r="CL879" s="53">
        <v>4.8073878669686696</v>
      </c>
      <c r="CM879" s="53">
        <v>4.8422694721000799</v>
      </c>
      <c r="CN879" s="53">
        <v>55.859441814144098</v>
      </c>
    </row>
    <row r="880" spans="1:92" outlineLevel="1">
      <c r="A880" s="52" t="s">
        <v>752</v>
      </c>
      <c r="B880" s="53"/>
      <c r="C880" s="53"/>
      <c r="D880" s="53"/>
      <c r="E880" s="53"/>
      <c r="F880" s="53"/>
      <c r="G880" s="53"/>
      <c r="H880" s="53"/>
      <c r="I880" s="53"/>
      <c r="J880" s="53"/>
      <c r="K880" s="53"/>
      <c r="L880" s="53"/>
      <c r="M880" s="53"/>
      <c r="N880" s="53"/>
      <c r="O880" s="53"/>
      <c r="P880" s="53"/>
      <c r="Q880" s="53"/>
      <c r="R880" s="53"/>
      <c r="S880" s="53"/>
      <c r="T880" s="53"/>
      <c r="U880" s="53"/>
      <c r="V880" s="53"/>
      <c r="W880" s="53"/>
      <c r="X880" s="53"/>
      <c r="Y880" s="53"/>
      <c r="Z880" s="53"/>
      <c r="AA880" s="53"/>
      <c r="AB880" s="53"/>
      <c r="AC880" s="53"/>
      <c r="AD880" s="53"/>
      <c r="AE880" s="53"/>
      <c r="AF880" s="53"/>
      <c r="AG880" s="53"/>
      <c r="AH880" s="53"/>
      <c r="AI880" s="53"/>
      <c r="AJ880" s="53"/>
      <c r="AK880" s="53"/>
      <c r="AL880" s="53"/>
      <c r="AM880" s="53"/>
      <c r="AN880" s="53"/>
      <c r="AO880" s="53"/>
      <c r="AP880" s="53"/>
      <c r="AQ880" s="53"/>
      <c r="AR880" s="53"/>
      <c r="AS880" s="53"/>
      <c r="AT880" s="53"/>
      <c r="AU880" s="53"/>
      <c r="AV880" s="53"/>
      <c r="AW880" s="53"/>
      <c r="AX880" s="53"/>
      <c r="AY880" s="53"/>
      <c r="AZ880" s="53"/>
      <c r="BA880" s="53"/>
      <c r="BB880" s="53"/>
      <c r="BC880" s="53"/>
      <c r="BD880" s="53"/>
      <c r="BE880" s="53"/>
      <c r="BF880" s="53"/>
      <c r="BG880" s="53"/>
      <c r="BH880" s="53"/>
      <c r="BI880" s="53"/>
      <c r="BJ880" s="53"/>
      <c r="BK880" s="53"/>
      <c r="BL880" s="53"/>
      <c r="BM880" s="53"/>
      <c r="BN880" s="53"/>
      <c r="BO880" s="53"/>
      <c r="BP880" s="53"/>
      <c r="BQ880" s="53"/>
      <c r="BR880" s="53"/>
      <c r="BS880" s="53"/>
      <c r="BT880" s="53"/>
      <c r="BU880" s="53"/>
      <c r="BV880" s="53"/>
      <c r="BW880" s="53"/>
      <c r="BX880" s="53"/>
      <c r="BY880" s="53"/>
      <c r="BZ880" s="53"/>
      <c r="CA880" s="53"/>
      <c r="CB880" s="53">
        <v>-386932.316836135</v>
      </c>
      <c r="CC880" s="53">
        <v>-389289.379532861</v>
      </c>
      <c r="CD880" s="53">
        <v>-391660.80066984898</v>
      </c>
      <c r="CE880" s="53">
        <v>-394046.66771392903</v>
      </c>
      <c r="CF880" s="53">
        <v>-396447.06866475299</v>
      </c>
      <c r="CG880" s="53">
        <v>-398862.09205803502</v>
      </c>
      <c r="CH880" s="53">
        <v>-401291.82696882199</v>
      </c>
      <c r="CI880" s="53">
        <v>-403736.363014773</v>
      </c>
      <c r="CJ880" s="53">
        <v>-406195.79035947099</v>
      </c>
      <c r="CK880" s="53">
        <v>-408670.19971574302</v>
      </c>
      <c r="CL880" s="53">
        <v>-411159.68234901101</v>
      </c>
      <c r="CM880" s="53">
        <v>-413664.33008065203</v>
      </c>
      <c r="CN880" s="53">
        <v>-4801956.5179640297</v>
      </c>
    </row>
    <row r="881" spans="1:92" outlineLevel="1">
      <c r="A881" s="52" t="s">
        <v>649</v>
      </c>
      <c r="B881" s="53">
        <v>915930</v>
      </c>
      <c r="C881" s="53">
        <v>-4790.0000000011996</v>
      </c>
      <c r="D881" s="53">
        <v>-28100</v>
      </c>
      <c r="E881" s="53">
        <v>-6779.9999999995498</v>
      </c>
      <c r="F881" s="53">
        <v>-89.999999999804402</v>
      </c>
      <c r="G881" s="53">
        <v>-42429.999999999898</v>
      </c>
      <c r="H881" s="53"/>
      <c r="I881" s="53">
        <v>-458450</v>
      </c>
      <c r="J881" s="53">
        <v>2604490</v>
      </c>
      <c r="K881" s="53">
        <v>1699810</v>
      </c>
      <c r="L881" s="53">
        <v>24150</v>
      </c>
      <c r="M881" s="53"/>
      <c r="N881" s="53">
        <v>4703740</v>
      </c>
      <c r="O881" s="53"/>
      <c r="P881" s="53"/>
      <c r="Q881" s="53"/>
      <c r="R881" s="53"/>
      <c r="S881" s="53"/>
      <c r="T881" s="53"/>
      <c r="U881" s="53"/>
      <c r="V881" s="53"/>
      <c r="W881" s="53"/>
      <c r="X881" s="53"/>
      <c r="Y881" s="53"/>
      <c r="Z881" s="53"/>
      <c r="AA881" s="53"/>
      <c r="AB881" s="53"/>
      <c r="AC881" s="53"/>
      <c r="AD881" s="53"/>
      <c r="AE881" s="53"/>
      <c r="AF881" s="53"/>
      <c r="AG881" s="53"/>
      <c r="AH881" s="53"/>
      <c r="AI881" s="53"/>
      <c r="AJ881" s="53"/>
      <c r="AK881" s="53"/>
      <c r="AL881" s="53"/>
      <c r="AM881" s="53"/>
      <c r="AN881" s="53"/>
      <c r="AO881" s="53"/>
      <c r="AP881" s="53"/>
      <c r="AQ881" s="53"/>
      <c r="AR881" s="53"/>
      <c r="AS881" s="53"/>
      <c r="AT881" s="53"/>
      <c r="AU881" s="53"/>
      <c r="AV881" s="53"/>
      <c r="AW881" s="53"/>
      <c r="AX881" s="53"/>
      <c r="AY881" s="53"/>
      <c r="AZ881" s="53"/>
      <c r="BA881" s="53"/>
      <c r="BB881" s="53"/>
      <c r="BC881" s="53"/>
      <c r="BD881" s="53"/>
      <c r="BE881" s="53"/>
      <c r="BF881" s="53"/>
      <c r="BG881" s="53"/>
      <c r="BH881" s="53"/>
      <c r="BI881" s="53"/>
      <c r="BJ881" s="53"/>
      <c r="BK881" s="53"/>
      <c r="BL881" s="53"/>
      <c r="BM881" s="53"/>
      <c r="BN881" s="53"/>
      <c r="BO881" s="53"/>
      <c r="BP881" s="53"/>
      <c r="BQ881" s="53"/>
      <c r="BR881" s="53"/>
      <c r="BS881" s="53"/>
      <c r="BT881" s="53"/>
      <c r="BU881" s="53"/>
      <c r="BV881" s="53"/>
      <c r="BW881" s="53"/>
      <c r="BX881" s="53"/>
      <c r="BY881" s="53"/>
      <c r="BZ881" s="53"/>
      <c r="CA881" s="53"/>
      <c r="CB881" s="53">
        <v>-8029700847.4928198</v>
      </c>
      <c r="CC881" s="53">
        <v>-8094484640.98876</v>
      </c>
      <c r="CD881" s="53">
        <v>-8155135309.0729799</v>
      </c>
      <c r="CE881" s="53">
        <v>-8221777461.73915</v>
      </c>
      <c r="CF881" s="53">
        <v>-8288555229.8861904</v>
      </c>
      <c r="CG881" s="53">
        <v>-8343625902.20646</v>
      </c>
      <c r="CH881" s="53">
        <v>-8411394378.3660402</v>
      </c>
      <c r="CI881" s="53">
        <v>-8479721674.3873596</v>
      </c>
      <c r="CJ881" s="53">
        <v>-8542604766.2394896</v>
      </c>
      <c r="CK881" s="53">
        <v>-8611485453.9596596</v>
      </c>
      <c r="CL881" s="53">
        <v>-8676864557.9399109</v>
      </c>
      <c r="CM881" s="53">
        <v>-8681113310.3247299</v>
      </c>
      <c r="CN881" s="53">
        <v>-8681113310.3247299</v>
      </c>
    </row>
    <row r="882" spans="1:92" outlineLevel="1">
      <c r="A882" s="52" t="s">
        <v>754</v>
      </c>
      <c r="B882" s="53"/>
      <c r="C882" s="53"/>
      <c r="D882" s="53"/>
      <c r="E882" s="53"/>
      <c r="F882" s="53"/>
      <c r="G882" s="53"/>
      <c r="H882" s="53"/>
      <c r="I882" s="53"/>
      <c r="J882" s="53"/>
      <c r="K882" s="53"/>
      <c r="L882" s="53"/>
      <c r="M882" s="53"/>
      <c r="N882" s="53"/>
      <c r="O882" s="53"/>
      <c r="P882" s="53"/>
      <c r="Q882" s="53"/>
      <c r="R882" s="53"/>
      <c r="S882" s="53"/>
      <c r="T882" s="53"/>
      <c r="U882" s="53"/>
      <c r="V882" s="53"/>
      <c r="W882" s="53"/>
      <c r="X882" s="53"/>
      <c r="Y882" s="53"/>
      <c r="Z882" s="53"/>
      <c r="AA882" s="53"/>
      <c r="AB882" s="53"/>
      <c r="AC882" s="53"/>
      <c r="AD882" s="53"/>
      <c r="AE882" s="53"/>
      <c r="AF882" s="53"/>
      <c r="AG882" s="53"/>
      <c r="AH882" s="53"/>
      <c r="AI882" s="53"/>
      <c r="AJ882" s="53"/>
      <c r="AK882" s="53"/>
      <c r="AL882" s="53"/>
      <c r="AM882" s="53"/>
      <c r="AN882" s="53"/>
      <c r="AO882" s="53"/>
      <c r="AP882" s="53"/>
      <c r="AQ882" s="53"/>
      <c r="AR882" s="53"/>
      <c r="AS882" s="53"/>
      <c r="AT882" s="53"/>
      <c r="AU882" s="53"/>
      <c r="AV882" s="53"/>
      <c r="AW882" s="53"/>
      <c r="AX882" s="53"/>
      <c r="AY882" s="53"/>
      <c r="AZ882" s="53"/>
      <c r="BA882" s="53"/>
      <c r="BB882" s="53"/>
      <c r="BC882" s="53"/>
      <c r="BD882" s="53"/>
      <c r="BE882" s="53"/>
      <c r="BF882" s="53"/>
      <c r="BG882" s="53"/>
      <c r="BH882" s="53"/>
      <c r="BI882" s="53"/>
      <c r="BJ882" s="53"/>
      <c r="BK882" s="53"/>
      <c r="BL882" s="53"/>
      <c r="BM882" s="53"/>
      <c r="BN882" s="53"/>
      <c r="BO882" s="53"/>
      <c r="BP882" s="53"/>
      <c r="BQ882" s="53"/>
      <c r="BR882" s="53"/>
      <c r="BS882" s="53"/>
      <c r="BT882" s="53"/>
      <c r="BU882" s="53"/>
      <c r="BV882" s="53"/>
      <c r="BW882" s="53"/>
      <c r="BX882" s="53"/>
      <c r="BY882" s="53"/>
      <c r="BZ882" s="53"/>
      <c r="CA882" s="53"/>
      <c r="CB882" s="53"/>
      <c r="CC882" s="53"/>
      <c r="CD882" s="53"/>
      <c r="CE882" s="53"/>
      <c r="CF882" s="53"/>
      <c r="CG882" s="53"/>
      <c r="CH882" s="53"/>
      <c r="CI882" s="53"/>
      <c r="CJ882" s="53"/>
      <c r="CK882" s="53"/>
      <c r="CL882" s="53"/>
      <c r="CM882" s="53"/>
      <c r="CN882" s="53"/>
    </row>
    <row r="883" spans="1:92" outlineLevel="1">
      <c r="A883" s="52" t="s">
        <v>649</v>
      </c>
      <c r="B883" s="53">
        <v>-3061469.9999999902</v>
      </c>
      <c r="C883" s="53">
        <v>-3111669.9999999902</v>
      </c>
      <c r="D883" s="53">
        <v>-3163509.9999999902</v>
      </c>
      <c r="E883" s="53">
        <v>-3169679.9999999902</v>
      </c>
      <c r="F883" s="53">
        <v>-3075309.9999999902</v>
      </c>
      <c r="G883" s="53">
        <v>-3062839.9999999902</v>
      </c>
      <c r="H883" s="53">
        <v>-3135329.9999999902</v>
      </c>
      <c r="I883" s="53">
        <v>-3165219.9999999902</v>
      </c>
      <c r="J883" s="53">
        <v>-3049589.9999999902</v>
      </c>
      <c r="K883" s="53">
        <v>-3079519.9999999902</v>
      </c>
      <c r="L883" s="53">
        <v>-3143969.9999999902</v>
      </c>
      <c r="M883" s="53">
        <v>-3175019.9999999902</v>
      </c>
      <c r="N883" s="53">
        <v>-37393129.999999903</v>
      </c>
      <c r="O883" s="53">
        <v>-3216442.2152608</v>
      </c>
      <c r="P883" s="53">
        <v>-3175132.2152608</v>
      </c>
      <c r="Q883" s="53">
        <v>-3173122.2152608</v>
      </c>
      <c r="R883" s="53">
        <v>-3173122.2152608</v>
      </c>
      <c r="S883" s="53">
        <v>-3173122.2152608</v>
      </c>
      <c r="T883" s="53">
        <v>-3173122.2152608</v>
      </c>
      <c r="U883" s="53">
        <v>-3137663.88192746</v>
      </c>
      <c r="V883" s="53">
        <v>-2910446.73907032</v>
      </c>
      <c r="W883" s="53">
        <v>-2909152.98907032</v>
      </c>
      <c r="X883" s="53">
        <v>-2901050.7668480999</v>
      </c>
      <c r="Y883" s="53">
        <v>-2901050.7668480999</v>
      </c>
      <c r="Z883" s="53">
        <v>-2863423.4941208302</v>
      </c>
      <c r="AA883" s="53">
        <v>-36706851.929449901</v>
      </c>
      <c r="AB883" s="53">
        <v>-2850516.82745416</v>
      </c>
      <c r="AC883" s="53">
        <v>-2806779.1351464698</v>
      </c>
      <c r="AD883" s="53">
        <v>-2797123.4208607501</v>
      </c>
      <c r="AE883" s="53">
        <v>-2683676.0875274199</v>
      </c>
      <c r="AF883" s="53">
        <v>-2683676.0875274199</v>
      </c>
      <c r="AG883" s="53">
        <v>-2683676.0875274199</v>
      </c>
      <c r="AH883" s="53">
        <v>-2474888.3097496401</v>
      </c>
      <c r="AI883" s="53">
        <v>-2360994.6255391198</v>
      </c>
      <c r="AJ883" s="53">
        <v>-2360994.62553911</v>
      </c>
      <c r="AK883" s="53">
        <v>-2282252.7207772098</v>
      </c>
      <c r="AL883" s="53">
        <v>-2279569.5389590301</v>
      </c>
      <c r="AM883" s="53">
        <v>-2219894.3215677198</v>
      </c>
      <c r="AN883" s="53">
        <v>-30484041.788175501</v>
      </c>
      <c r="AO883" s="53">
        <v>-2165177.6549010598</v>
      </c>
      <c r="AP883" s="53">
        <v>-2127402.85490106</v>
      </c>
      <c r="AQ883" s="53">
        <v>-2108888.2395164398</v>
      </c>
      <c r="AR883" s="53">
        <v>-2077921.5728497801</v>
      </c>
      <c r="AS883" s="53">
        <v>-1996582.28713549</v>
      </c>
      <c r="AT883" s="53">
        <v>-1989345.3905837699</v>
      </c>
      <c r="AU883" s="53">
        <v>-1972622.0572504301</v>
      </c>
      <c r="AV883" s="53">
        <v>-1958409.4766052701</v>
      </c>
      <c r="AW883" s="53">
        <v>-1957292.9141052701</v>
      </c>
      <c r="AX883" s="53">
        <v>-1945543.21713557</v>
      </c>
      <c r="AY883" s="53">
        <v>-1940918.21713557</v>
      </c>
      <c r="AZ883" s="53">
        <v>-1937857.35999272</v>
      </c>
      <c r="BA883" s="53">
        <v>-24177961.242112398</v>
      </c>
      <c r="BB883" s="53">
        <v>-1727908.1933260499</v>
      </c>
      <c r="BC883" s="53">
        <v>-1659615.49062335</v>
      </c>
      <c r="BD883" s="53">
        <v>-1621217.3327286099</v>
      </c>
      <c r="BE883" s="53">
        <v>-1603308.61477989</v>
      </c>
      <c r="BF883" s="53">
        <v>-1595930.61477989</v>
      </c>
      <c r="BG883" s="53">
        <v>-1592079.1513652599</v>
      </c>
      <c r="BH883" s="53">
        <v>-1557672.4846985899</v>
      </c>
      <c r="BI883" s="53">
        <v>-1550793.1823730101</v>
      </c>
      <c r="BJ883" s="53">
        <v>-1550793.1823730101</v>
      </c>
      <c r="BK883" s="53">
        <v>-1542226.5157063401</v>
      </c>
      <c r="BL883" s="53">
        <v>-1529130.64614113</v>
      </c>
      <c r="BM883" s="53">
        <v>-1529109.5823113399</v>
      </c>
      <c r="BN883" s="53">
        <v>-19059784.991206501</v>
      </c>
      <c r="BO883" s="53">
        <v>-1429066.8739780099</v>
      </c>
      <c r="BP883" s="53">
        <v>-1385592.3841820899</v>
      </c>
      <c r="BQ883" s="53">
        <v>-1374476.5841820899</v>
      </c>
      <c r="BR883" s="53">
        <v>-1369872.2704566</v>
      </c>
      <c r="BS883" s="53">
        <v>-1348020.92430275</v>
      </c>
      <c r="BT883" s="53">
        <v>-1283172.99977445</v>
      </c>
      <c r="BU883" s="53">
        <v>-1246766.33310778</v>
      </c>
      <c r="BV883" s="53">
        <v>-1173917.7876532399</v>
      </c>
      <c r="BW883" s="53">
        <v>-760588.50193895504</v>
      </c>
      <c r="BX883" s="53">
        <v>-725830.60720211302</v>
      </c>
      <c r="BY883" s="53">
        <v>-690086.64168487198</v>
      </c>
      <c r="BZ883" s="53">
        <v>-681579.86202385498</v>
      </c>
      <c r="CA883" s="53">
        <v>-13468971.7704868</v>
      </c>
      <c r="CB883" s="53">
        <v>0</v>
      </c>
      <c r="CC883" s="53">
        <v>0</v>
      </c>
      <c r="CD883" s="53">
        <v>0</v>
      </c>
      <c r="CE883" s="53">
        <v>0</v>
      </c>
      <c r="CF883" s="53">
        <v>0</v>
      </c>
      <c r="CG883" s="53">
        <v>0</v>
      </c>
      <c r="CH883" s="53">
        <v>0</v>
      </c>
      <c r="CI883" s="53">
        <v>0</v>
      </c>
      <c r="CJ883" s="53">
        <v>0</v>
      </c>
      <c r="CK883" s="53">
        <v>0</v>
      </c>
      <c r="CL883" s="53">
        <v>0</v>
      </c>
      <c r="CM883" s="53">
        <v>0</v>
      </c>
      <c r="CN883" s="53">
        <v>0</v>
      </c>
    </row>
    <row r="884" spans="1:92" outlineLevel="1">
      <c r="A884" s="52" t="s">
        <v>1385</v>
      </c>
      <c r="B884" s="53"/>
      <c r="C884" s="53"/>
      <c r="D884" s="53"/>
      <c r="E884" s="53"/>
      <c r="F884" s="53"/>
      <c r="G884" s="53"/>
      <c r="H884" s="53"/>
      <c r="I884" s="53"/>
      <c r="J884" s="53"/>
      <c r="K884" s="53"/>
      <c r="L884" s="53"/>
      <c r="M884" s="53"/>
      <c r="N884" s="53"/>
      <c r="O884" s="53"/>
      <c r="P884" s="53"/>
      <c r="Q884" s="53"/>
      <c r="R884" s="53"/>
      <c r="S884" s="53"/>
      <c r="T884" s="53"/>
      <c r="U884" s="53"/>
      <c r="V884" s="53"/>
      <c r="W884" s="53"/>
      <c r="X884" s="53"/>
      <c r="Y884" s="53"/>
      <c r="Z884" s="53"/>
      <c r="AA884" s="53"/>
      <c r="AB884" s="53"/>
      <c r="AC884" s="53"/>
      <c r="AD884" s="53"/>
      <c r="AE884" s="53"/>
      <c r="AF884" s="53"/>
      <c r="AG884" s="53"/>
      <c r="AH884" s="53"/>
      <c r="AI884" s="53"/>
      <c r="AJ884" s="53"/>
      <c r="AK884" s="53"/>
      <c r="AL884" s="53"/>
      <c r="AM884" s="53"/>
      <c r="AN884" s="53"/>
      <c r="AO884" s="53"/>
      <c r="AP884" s="53"/>
      <c r="AQ884" s="53"/>
      <c r="AR884" s="53"/>
      <c r="AS884" s="53"/>
      <c r="AT884" s="53"/>
      <c r="AU884" s="53"/>
      <c r="AV884" s="53"/>
      <c r="AW884" s="53"/>
      <c r="AX884" s="53"/>
      <c r="AY884" s="53"/>
      <c r="AZ884" s="53"/>
      <c r="BA884" s="53"/>
      <c r="BB884" s="53"/>
      <c r="BC884" s="53"/>
      <c r="BD884" s="53"/>
      <c r="BE884" s="53"/>
      <c r="BF884" s="53"/>
      <c r="BG884" s="53"/>
      <c r="BH884" s="53"/>
      <c r="BI884" s="53"/>
      <c r="BJ884" s="53"/>
      <c r="BK884" s="53"/>
      <c r="BL884" s="53"/>
      <c r="BM884" s="53"/>
      <c r="BN884" s="53"/>
      <c r="BO884" s="53"/>
      <c r="BP884" s="53"/>
      <c r="BQ884" s="53"/>
      <c r="BR884" s="53"/>
      <c r="BS884" s="53"/>
      <c r="BT884" s="53"/>
      <c r="BU884" s="53"/>
      <c r="BV884" s="53"/>
      <c r="BW884" s="53"/>
      <c r="BX884" s="53"/>
      <c r="BY884" s="53"/>
      <c r="BZ884" s="53"/>
      <c r="CA884" s="53"/>
      <c r="CB884" s="53">
        <v>0</v>
      </c>
      <c r="CC884" s="53">
        <v>0</v>
      </c>
      <c r="CD884" s="53">
        <v>0</v>
      </c>
      <c r="CE884" s="53">
        <v>0</v>
      </c>
      <c r="CF884" s="53">
        <v>0</v>
      </c>
      <c r="CG884" s="53">
        <v>0</v>
      </c>
      <c r="CH884" s="53">
        <v>0</v>
      </c>
      <c r="CI884" s="53">
        <v>0</v>
      </c>
      <c r="CJ884" s="53">
        <v>0</v>
      </c>
      <c r="CK884" s="53">
        <v>0</v>
      </c>
      <c r="CL884" s="53">
        <v>0</v>
      </c>
      <c r="CM884" s="53">
        <v>0</v>
      </c>
      <c r="CN884" s="53">
        <v>0</v>
      </c>
    </row>
    <row r="885" spans="1:92" outlineLevel="1">
      <c r="A885" s="52" t="s">
        <v>649</v>
      </c>
      <c r="B885" s="53">
        <v>-109280</v>
      </c>
      <c r="C885" s="53">
        <v>-109280</v>
      </c>
      <c r="D885" s="53">
        <v>-109280</v>
      </c>
      <c r="E885" s="53">
        <v>-109280</v>
      </c>
      <c r="F885" s="53">
        <v>-109280</v>
      </c>
      <c r="G885" s="53">
        <v>-109280</v>
      </c>
      <c r="H885" s="53">
        <v>-109280</v>
      </c>
      <c r="I885" s="53">
        <v>-109280</v>
      </c>
      <c r="J885" s="53">
        <v>-109280</v>
      </c>
      <c r="K885" s="53">
        <v>-89940</v>
      </c>
      <c r="L885" s="53">
        <v>-89940</v>
      </c>
      <c r="M885" s="53">
        <v>-89940</v>
      </c>
      <c r="N885" s="53">
        <v>-1253340</v>
      </c>
      <c r="O885" s="53">
        <v>-89948.085988144201</v>
      </c>
      <c r="P885" s="53">
        <v>-89948.085988144201</v>
      </c>
      <c r="Q885" s="53">
        <v>-89948.085988144201</v>
      </c>
      <c r="R885" s="53">
        <v>-89948.085988144201</v>
      </c>
      <c r="S885" s="53">
        <v>-89948.085988144201</v>
      </c>
      <c r="T885" s="53">
        <v>-89948.085988144201</v>
      </c>
      <c r="U885" s="53">
        <v>-89948.085988144201</v>
      </c>
      <c r="V885" s="53">
        <v>-89948.085988144201</v>
      </c>
      <c r="W885" s="53">
        <v>-89948.085988144201</v>
      </c>
      <c r="X885" s="53">
        <v>-89948.085988144201</v>
      </c>
      <c r="Y885" s="53">
        <v>-89948.085988144201</v>
      </c>
      <c r="Z885" s="53">
        <v>-89948.085988144303</v>
      </c>
      <c r="AA885" s="53">
        <v>-1079377.0318577299</v>
      </c>
      <c r="AB885" s="53">
        <v>-89948.085988144201</v>
      </c>
      <c r="AC885" s="53">
        <v>-89948.085988144201</v>
      </c>
      <c r="AD885" s="53">
        <v>-89948.085988144201</v>
      </c>
      <c r="AE885" s="53">
        <v>-89948.085988144303</v>
      </c>
      <c r="AF885" s="53">
        <v>-89948.085988144303</v>
      </c>
      <c r="AG885" s="53">
        <v>-89948.085988144303</v>
      </c>
      <c r="AH885" s="53">
        <v>-89948.085988144303</v>
      </c>
      <c r="AI885" s="53">
        <v>-89948.085988144303</v>
      </c>
      <c r="AJ885" s="53">
        <v>-89948.085988144303</v>
      </c>
      <c r="AK885" s="53">
        <v>-89948.085988144201</v>
      </c>
      <c r="AL885" s="53">
        <v>-89948.085988144201</v>
      </c>
      <c r="AM885" s="53">
        <v>-89948.085988144099</v>
      </c>
      <c r="AN885" s="53">
        <v>-1079377.0318577299</v>
      </c>
      <c r="AO885" s="53">
        <v>-79794.752654810902</v>
      </c>
      <c r="AP885" s="53">
        <v>-79794.752654810902</v>
      </c>
      <c r="AQ885" s="53">
        <v>-79794.752654810902</v>
      </c>
      <c r="AR885" s="53">
        <v>-79794.752654810902</v>
      </c>
      <c r="AS885" s="53">
        <v>-79794.752654810902</v>
      </c>
      <c r="AT885" s="53">
        <v>-79794.752654810902</v>
      </c>
      <c r="AU885" s="53">
        <v>-79794.752654810902</v>
      </c>
      <c r="AV885" s="53">
        <v>-79794.752654810902</v>
      </c>
      <c r="AW885" s="53">
        <v>-79794.752654810902</v>
      </c>
      <c r="AX885" s="53">
        <v>-79794.752654810902</v>
      </c>
      <c r="AY885" s="53">
        <v>-79794.752654810902</v>
      </c>
      <c r="AZ885" s="53">
        <v>-79794.752654810902</v>
      </c>
      <c r="BA885" s="53">
        <v>-957537.03185773105</v>
      </c>
      <c r="BB885" s="53">
        <v>-79794.752654810902</v>
      </c>
      <c r="BC885" s="53">
        <v>-79794.752654810902</v>
      </c>
      <c r="BD885" s="53">
        <v>-79794.752654810902</v>
      </c>
      <c r="BE885" s="53">
        <v>-79794.752654810902</v>
      </c>
      <c r="BF885" s="53">
        <v>-79794.752654810902</v>
      </c>
      <c r="BG885" s="53">
        <v>-79794.752654810902</v>
      </c>
      <c r="BH885" s="53">
        <v>-79794.752654810902</v>
      </c>
      <c r="BI885" s="53">
        <v>-79794.752654810902</v>
      </c>
      <c r="BJ885" s="53">
        <v>-79794.752654810902</v>
      </c>
      <c r="BK885" s="53">
        <v>-79794.752654810902</v>
      </c>
      <c r="BL885" s="53">
        <v>-79794.752654810902</v>
      </c>
      <c r="BM885" s="53">
        <v>-79794.752654810902</v>
      </c>
      <c r="BN885" s="53">
        <v>-957537.03185773105</v>
      </c>
      <c r="BO885" s="53">
        <v>-79794.752654810902</v>
      </c>
      <c r="BP885" s="53">
        <v>-79794.752654810902</v>
      </c>
      <c r="BQ885" s="53">
        <v>-79794.752654810902</v>
      </c>
      <c r="BR885" s="53">
        <v>-79794.752654810902</v>
      </c>
      <c r="BS885" s="53">
        <v>-79794.752654810902</v>
      </c>
      <c r="BT885" s="53">
        <v>-79794.752654810902</v>
      </c>
      <c r="BU885" s="53">
        <v>-79794.752654810902</v>
      </c>
      <c r="BV885" s="53">
        <v>-79794.752654810902</v>
      </c>
      <c r="BW885" s="53">
        <v>-79794.752654810902</v>
      </c>
      <c r="BX885" s="53">
        <v>-79794.752654810902</v>
      </c>
      <c r="BY885" s="53">
        <v>-79794.752654810902</v>
      </c>
      <c r="BZ885" s="53">
        <v>-79794.752654810902</v>
      </c>
      <c r="CA885" s="53">
        <v>-957537.03185773105</v>
      </c>
      <c r="CB885" s="53"/>
      <c r="CC885" s="53"/>
      <c r="CD885" s="53"/>
      <c r="CE885" s="53"/>
      <c r="CF885" s="53"/>
      <c r="CG885" s="53"/>
      <c r="CH885" s="53"/>
      <c r="CI885" s="53"/>
      <c r="CJ885" s="53"/>
      <c r="CK885" s="53"/>
      <c r="CL885" s="53"/>
      <c r="CM885" s="53"/>
      <c r="CN885" s="53"/>
    </row>
    <row r="886" spans="1:92" outlineLevel="1">
      <c r="A886" s="52" t="s">
        <v>1376</v>
      </c>
      <c r="B886" s="53"/>
      <c r="C886" s="53"/>
      <c r="D886" s="53"/>
      <c r="E886" s="53"/>
      <c r="F886" s="53"/>
      <c r="G886" s="53"/>
      <c r="H886" s="53"/>
      <c r="I886" s="53"/>
      <c r="J886" s="53"/>
      <c r="K886" s="53"/>
      <c r="L886" s="53"/>
      <c r="M886" s="53"/>
      <c r="N886" s="53"/>
      <c r="O886" s="53"/>
      <c r="P886" s="53"/>
      <c r="Q886" s="53"/>
      <c r="R886" s="53"/>
      <c r="S886" s="53"/>
      <c r="T886" s="53"/>
      <c r="U886" s="53"/>
      <c r="V886" s="53"/>
      <c r="W886" s="53"/>
      <c r="X886" s="53"/>
      <c r="Y886" s="53"/>
      <c r="Z886" s="53"/>
      <c r="AA886" s="53"/>
      <c r="AB886" s="53"/>
      <c r="AC886" s="53"/>
      <c r="AD886" s="53"/>
      <c r="AE886" s="53"/>
      <c r="AF886" s="53"/>
      <c r="AG886" s="53"/>
      <c r="AH886" s="53"/>
      <c r="AI886" s="53"/>
      <c r="AJ886" s="53"/>
      <c r="AK886" s="53"/>
      <c r="AL886" s="53"/>
      <c r="AM886" s="53"/>
      <c r="AN886" s="53"/>
      <c r="AO886" s="53"/>
      <c r="AP886" s="53"/>
      <c r="AQ886" s="53"/>
      <c r="AR886" s="53"/>
      <c r="AS886" s="53"/>
      <c r="AT886" s="53"/>
      <c r="AU886" s="53"/>
      <c r="AV886" s="53"/>
      <c r="AW886" s="53"/>
      <c r="AX886" s="53"/>
      <c r="AY886" s="53"/>
      <c r="AZ886" s="53"/>
      <c r="BA886" s="53"/>
      <c r="BB886" s="53"/>
      <c r="BC886" s="53"/>
      <c r="BD886" s="53"/>
      <c r="BE886" s="53"/>
      <c r="BF886" s="53"/>
      <c r="BG886" s="53"/>
      <c r="BH886" s="53"/>
      <c r="BI886" s="53"/>
      <c r="BJ886" s="53"/>
      <c r="BK886" s="53"/>
      <c r="BL886" s="53"/>
      <c r="BM886" s="53"/>
      <c r="BN886" s="53"/>
      <c r="BO886" s="53"/>
      <c r="BP886" s="53"/>
      <c r="BQ886" s="53"/>
      <c r="BR886" s="53"/>
      <c r="BS886" s="53"/>
      <c r="BT886" s="53"/>
      <c r="BU886" s="53"/>
      <c r="BV886" s="53"/>
      <c r="BW886" s="53"/>
      <c r="BX886" s="53"/>
      <c r="BY886" s="53"/>
      <c r="BZ886" s="53"/>
      <c r="CA886" s="53"/>
      <c r="CB886" s="53">
        <v>24328916114.964802</v>
      </c>
      <c r="CC886" s="53">
        <v>24426786691.300598</v>
      </c>
      <c r="CD886" s="53">
        <v>24531735614.565899</v>
      </c>
      <c r="CE886" s="53">
        <v>24645760731.983398</v>
      </c>
      <c r="CF886" s="53">
        <v>24758640338.614498</v>
      </c>
      <c r="CG886" s="53">
        <v>24865308735.242001</v>
      </c>
      <c r="CH886" s="53">
        <v>24968648521.496101</v>
      </c>
      <c r="CI886" s="53">
        <v>25071868903.691399</v>
      </c>
      <c r="CJ886" s="53">
        <v>25168513849.486</v>
      </c>
      <c r="CK886" s="53">
        <v>25264672308.3615</v>
      </c>
      <c r="CL886" s="53">
        <v>25370099820.4744</v>
      </c>
      <c r="CM886" s="53">
        <v>25470580606.885899</v>
      </c>
      <c r="CN886" s="53">
        <v>24328916114.964802</v>
      </c>
    </row>
    <row r="887" spans="1:92">
      <c r="A887" s="52" t="s">
        <v>1377</v>
      </c>
      <c r="B887" s="53"/>
      <c r="C887" s="53"/>
      <c r="D887" s="53"/>
      <c r="E887" s="53"/>
      <c r="F887" s="53"/>
      <c r="G887" s="53"/>
      <c r="H887" s="53"/>
      <c r="I887" s="53"/>
      <c r="J887" s="53"/>
      <c r="K887" s="53"/>
      <c r="L887" s="53"/>
      <c r="M887" s="53"/>
      <c r="N887" s="53"/>
      <c r="O887" s="53"/>
      <c r="P887" s="53"/>
      <c r="Q887" s="53"/>
      <c r="R887" s="53"/>
      <c r="S887" s="53"/>
      <c r="T887" s="53"/>
      <c r="U887" s="53"/>
      <c r="V887" s="53"/>
      <c r="W887" s="53"/>
      <c r="X887" s="53"/>
      <c r="Y887" s="53"/>
      <c r="Z887" s="53"/>
      <c r="AA887" s="53"/>
      <c r="AB887" s="53"/>
      <c r="AC887" s="53"/>
      <c r="AD887" s="53"/>
      <c r="AE887" s="53"/>
      <c r="AF887" s="53"/>
      <c r="AG887" s="53"/>
      <c r="AH887" s="53"/>
      <c r="AI887" s="53"/>
      <c r="AJ887" s="53"/>
      <c r="AK887" s="53"/>
      <c r="AL887" s="53"/>
      <c r="AM887" s="53"/>
      <c r="AN887" s="53"/>
      <c r="AO887" s="53"/>
      <c r="AP887" s="53"/>
      <c r="AQ887" s="53"/>
      <c r="AR887" s="53"/>
      <c r="AS887" s="53"/>
      <c r="AT887" s="53"/>
      <c r="AU887" s="53"/>
      <c r="AV887" s="53"/>
      <c r="AW887" s="53"/>
      <c r="AX887" s="53"/>
      <c r="AY887" s="53"/>
      <c r="AZ887" s="53"/>
      <c r="BA887" s="53"/>
      <c r="BB887" s="53"/>
      <c r="BC887" s="53"/>
      <c r="BD887" s="53"/>
      <c r="BE887" s="53"/>
      <c r="BF887" s="53"/>
      <c r="BG887" s="53"/>
      <c r="BH887" s="53"/>
      <c r="BI887" s="53"/>
      <c r="BJ887" s="53"/>
      <c r="BK887" s="53"/>
      <c r="BL887" s="53"/>
      <c r="BM887" s="53"/>
      <c r="BN887" s="53"/>
      <c r="BO887" s="53"/>
      <c r="BP887" s="53"/>
      <c r="BQ887" s="53"/>
      <c r="BR887" s="53"/>
      <c r="BS887" s="53"/>
      <c r="BT887" s="53"/>
      <c r="BU887" s="53"/>
      <c r="BV887" s="53"/>
      <c r="BW887" s="53"/>
      <c r="BX887" s="53"/>
      <c r="BY887" s="53"/>
      <c r="BZ887" s="53"/>
      <c r="CA887" s="53"/>
      <c r="CB887" s="53"/>
      <c r="CC887" s="53"/>
      <c r="CD887" s="53"/>
      <c r="CE887" s="53"/>
      <c r="CF887" s="53"/>
      <c r="CG887" s="53"/>
      <c r="CH887" s="53"/>
      <c r="CI887" s="53"/>
      <c r="CJ887" s="53"/>
      <c r="CK887" s="53"/>
      <c r="CL887" s="53"/>
      <c r="CM887" s="53"/>
      <c r="CN887" s="53"/>
    </row>
    <row r="888" spans="1:92">
      <c r="A888" s="52" t="s">
        <v>1378</v>
      </c>
      <c r="B888" s="53">
        <v>-1092858.8531758301</v>
      </c>
      <c r="C888" s="53">
        <v>-1100788.4559366601</v>
      </c>
      <c r="D888" s="53">
        <v>-547623.79020000005</v>
      </c>
      <c r="E888" s="53">
        <v>-509720.25867333298</v>
      </c>
      <c r="F888" s="53">
        <v>-1057819.7020399999</v>
      </c>
      <c r="G888" s="53">
        <v>-3033714.06765666</v>
      </c>
      <c r="H888" s="53">
        <v>-3055726.1908216602</v>
      </c>
      <c r="I888" s="53">
        <v>-3077898.0293899998</v>
      </c>
      <c r="J888" s="53">
        <v>-1034298.744295</v>
      </c>
      <c r="K888" s="53">
        <v>-595115.44545583299</v>
      </c>
      <c r="L888" s="53">
        <v>-599433.50796583295</v>
      </c>
      <c r="M888" s="53">
        <v>-1206811.6939083301</v>
      </c>
      <c r="N888" s="53">
        <v>-16911808.739519101</v>
      </c>
      <c r="O888" s="53">
        <v>-1204871.6006449901</v>
      </c>
      <c r="P888" s="53">
        <v>-1213613.9481673399</v>
      </c>
      <c r="Q888" s="53">
        <v>-661267.92870625702</v>
      </c>
      <c r="R888" s="53">
        <v>-624188.97858562798</v>
      </c>
      <c r="S888" s="53">
        <v>-1173118.9897827399</v>
      </c>
      <c r="T888" s="53">
        <v>-3149849.9456527801</v>
      </c>
      <c r="U888" s="53">
        <v>-3172704.7318834402</v>
      </c>
      <c r="V888" s="53">
        <v>-3195725.34863387</v>
      </c>
      <c r="W888" s="53">
        <v>-1152980.9991426601</v>
      </c>
      <c r="X888" s="53">
        <v>-714658.83710894606</v>
      </c>
      <c r="Y888" s="53">
        <v>-719844.28252120304</v>
      </c>
      <c r="Z888" s="53">
        <v>-1328096.1526611301</v>
      </c>
      <c r="AA888" s="53">
        <v>-18310921.743491001</v>
      </c>
      <c r="AB888" s="53">
        <v>-1326741.92699548</v>
      </c>
      <c r="AC888" s="53">
        <v>-1336368.5452941</v>
      </c>
      <c r="AD888" s="53">
        <v>-784913.21273066802</v>
      </c>
      <c r="AE888" s="53">
        <v>-748731.412183373</v>
      </c>
      <c r="AF888" s="53">
        <v>3.8769374325073702</v>
      </c>
      <c r="AG888" s="53">
        <v>3.9050678443614002</v>
      </c>
      <c r="AH888" s="53">
        <v>3.93340236579545</v>
      </c>
      <c r="AI888" s="53">
        <v>3.9619424777946</v>
      </c>
      <c r="AJ888" s="53">
        <v>3.9906896720897298</v>
      </c>
      <c r="AK888" s="53">
        <v>4.0196454512354602</v>
      </c>
      <c r="AL888" s="53">
        <v>4.0488113286887204</v>
      </c>
      <c r="AM888" s="53">
        <v>4.0781888288877903</v>
      </c>
      <c r="AN888" s="53">
        <v>-4196723.2825182201</v>
      </c>
      <c r="AO888" s="53">
        <v>4.1077794873320599</v>
      </c>
      <c r="AP888" s="53">
        <v>4.1375848506622299</v>
      </c>
      <c r="AQ888" s="53">
        <v>4.1676064767411498</v>
      </c>
      <c r="AR888" s="53">
        <v>4.1978459347353096</v>
      </c>
      <c r="AS888" s="53">
        <v>4.2283048051967498</v>
      </c>
      <c r="AT888" s="53">
        <v>4.2589846801457902</v>
      </c>
      <c r="AU888" s="53">
        <v>4.28988716315415</v>
      </c>
      <c r="AV888" s="53">
        <v>4.3210138694287998</v>
      </c>
      <c r="AW888" s="53">
        <v>4.3523664258963901</v>
      </c>
      <c r="AX888" s="53">
        <v>4.3839464712882901</v>
      </c>
      <c r="AY888" s="53">
        <v>4.4157556562262101</v>
      </c>
      <c r="AZ888" s="53">
        <v>4.4477956433085</v>
      </c>
      <c r="BA888" s="53">
        <v>51.308871464115597</v>
      </c>
      <c r="BB888" s="53">
        <v>4.48006810719707</v>
      </c>
      <c r="BC888" s="53">
        <v>4.5125747347048701</v>
      </c>
      <c r="BD888" s="53">
        <v>4.5453172248840996</v>
      </c>
      <c r="BE888" s="53">
        <v>4.57829728911498</v>
      </c>
      <c r="BF888" s="53">
        <v>4.6115166511952497</v>
      </c>
      <c r="BG888" s="53">
        <v>4.6449770474302099</v>
      </c>
      <c r="BH888" s="53">
        <v>4.6786802267235101</v>
      </c>
      <c r="BI888" s="53">
        <v>4.71262795066857</v>
      </c>
      <c r="BJ888" s="53">
        <v>4.7468219936406202</v>
      </c>
      <c r="BK888" s="53">
        <v>4.7812641428894702</v>
      </c>
      <c r="BL888" s="53">
        <v>4.81595619863291</v>
      </c>
      <c r="BM888" s="53">
        <v>4.8508999741508196</v>
      </c>
      <c r="BN888" s="53">
        <v>55.959001541232396</v>
      </c>
      <c r="BO888" s="53">
        <v>4.8860972958799103</v>
      </c>
      <c r="BP888" s="53">
        <v>4.9215500035092301</v>
      </c>
      <c r="BQ888" s="53">
        <v>4.9572599500763399</v>
      </c>
      <c r="BR888" s="53">
        <v>4.9932290020640604</v>
      </c>
      <c r="BS888" s="53"/>
      <c r="BT888" s="53"/>
      <c r="BU888" s="53"/>
      <c r="BV888" s="53"/>
      <c r="BW888" s="53"/>
      <c r="BX888" s="53"/>
      <c r="BY888" s="53"/>
      <c r="BZ888" s="53"/>
      <c r="CA888" s="53">
        <v>19.7581362515295</v>
      </c>
      <c r="CB888" s="53"/>
      <c r="CC888" s="53"/>
      <c r="CD888" s="53"/>
      <c r="CE888" s="53"/>
      <c r="CF888" s="53"/>
      <c r="CG888" s="53"/>
      <c r="CH888" s="53"/>
      <c r="CI888" s="53"/>
      <c r="CJ888" s="53"/>
      <c r="CK888" s="53"/>
      <c r="CL888" s="53"/>
      <c r="CM888" s="53"/>
      <c r="CN888" s="53"/>
    </row>
    <row r="889" spans="1:92">
      <c r="A889" s="52" t="s">
        <v>1379</v>
      </c>
      <c r="B889" s="53">
        <v>-289089.632509007</v>
      </c>
      <c r="C889" s="53">
        <v>-290850.66529097001</v>
      </c>
      <c r="D889" s="53">
        <v>-292622.43963176099</v>
      </c>
      <c r="E889" s="53">
        <v>-294404.99022865598</v>
      </c>
      <c r="F889" s="53">
        <v>-296198.40715600102</v>
      </c>
      <c r="G889" s="53">
        <v>-298002.75499340898</v>
      </c>
      <c r="H889" s="53">
        <v>-299818.08483441698</v>
      </c>
      <c r="I889" s="53">
        <v>-301644.47794360301</v>
      </c>
      <c r="J889" s="53">
        <v>-303482.00289655698</v>
      </c>
      <c r="K889" s="53">
        <v>-305330.71414299699</v>
      </c>
      <c r="L889" s="53">
        <v>-307190.68249075598</v>
      </c>
      <c r="M889" s="53">
        <v>-309061.98052333301</v>
      </c>
      <c r="N889" s="53">
        <v>-3587696.8326414698</v>
      </c>
      <c r="O889" s="53">
        <v>-310944.68276122899</v>
      </c>
      <c r="P889" s="53">
        <v>-312838.85412038199</v>
      </c>
      <c r="Q889" s="53">
        <v>-314744.56414006598</v>
      </c>
      <c r="R889" s="53">
        <v>-316661.88310995197</v>
      </c>
      <c r="S889" s="53">
        <v>-318590.88174789702</v>
      </c>
      <c r="T889" s="53">
        <v>-320531.63120254403</v>
      </c>
      <c r="U889" s="53">
        <v>-322484.20305595302</v>
      </c>
      <c r="V889" s="53">
        <v>-324448.66932623601</v>
      </c>
      <c r="W889" s="53">
        <v>-326425.10247021401</v>
      </c>
      <c r="X889" s="53">
        <v>-328413.57538609498</v>
      </c>
      <c r="Y889" s="53">
        <v>-330414.16141615598</v>
      </c>
      <c r="Z889" s="53">
        <v>-332426.934349449</v>
      </c>
      <c r="AA889" s="53">
        <v>-3858925.1430861698</v>
      </c>
      <c r="AB889" s="53">
        <v>-334451.96842452802</v>
      </c>
      <c r="AC889" s="53">
        <v>-336489.33833217999</v>
      </c>
      <c r="AD889" s="53">
        <v>-338539.119218187</v>
      </c>
      <c r="AE889" s="53">
        <v>-340601.38668609102</v>
      </c>
      <c r="AF889" s="53">
        <v>-342676.21679998701</v>
      </c>
      <c r="AG889" s="53">
        <v>-344763.68608732702</v>
      </c>
      <c r="AH889" s="53">
        <v>-346863.871541742</v>
      </c>
      <c r="AI889" s="53">
        <v>-348976.85062588402</v>
      </c>
      <c r="AJ889" s="53">
        <v>-351102.70127428003</v>
      </c>
      <c r="AK889" s="53">
        <v>-353241.50189620903</v>
      </c>
      <c r="AL889" s="53">
        <v>-355393.33137859299</v>
      </c>
      <c r="AM889" s="53">
        <v>-357558.26908890699</v>
      </c>
      <c r="AN889" s="53">
        <v>-4150658.24135391</v>
      </c>
      <c r="AO889" s="53">
        <v>-359736.39487810701</v>
      </c>
      <c r="AP889" s="53">
        <v>-361927.78908357298</v>
      </c>
      <c r="AQ889" s="53">
        <v>-364132.53253207402</v>
      </c>
      <c r="AR889" s="53">
        <v>-366350.70654274803</v>
      </c>
      <c r="AS889" s="53">
        <v>-368582.39293010399</v>
      </c>
      <c r="AT889" s="53">
        <v>-370827.67400703701</v>
      </c>
      <c r="AU889" s="53">
        <v>-373086.63258786203</v>
      </c>
      <c r="AV889" s="53">
        <v>-375359.35199137701</v>
      </c>
      <c r="AW889" s="53">
        <v>-377645.91604392399</v>
      </c>
      <c r="AX889" s="53">
        <v>-379946.40908249101</v>
      </c>
      <c r="AY889" s="53">
        <v>-382260.91595781897</v>
      </c>
      <c r="AZ889" s="53">
        <v>-384589.52203752799</v>
      </c>
      <c r="BA889" s="53">
        <v>-4464446.2376746396</v>
      </c>
      <c r="BB889" s="53">
        <v>-386932.31320927298</v>
      </c>
      <c r="BC889" s="53">
        <v>-389289.37588390597</v>
      </c>
      <c r="BD889" s="53">
        <v>-391660.79699866503</v>
      </c>
      <c r="BE889" s="53">
        <v>-394046.66402038198</v>
      </c>
      <c r="BF889" s="53">
        <v>-396447.06494870601</v>
      </c>
      <c r="BG889" s="53">
        <v>-398862.08831935102</v>
      </c>
      <c r="BH889" s="53">
        <v>-401291.82320736302</v>
      </c>
      <c r="BI889" s="53">
        <v>-403736.3592304</v>
      </c>
      <c r="BJ889" s="53">
        <v>-406195.78655204503</v>
      </c>
      <c r="BK889" s="53">
        <v>-408670.19588512398</v>
      </c>
      <c r="BL889" s="53">
        <v>-411159.67849505699</v>
      </c>
      <c r="BM889" s="53">
        <v>-413664.32620322099</v>
      </c>
      <c r="BN889" s="53">
        <v>-4801956.47295349</v>
      </c>
      <c r="BO889" s="53">
        <v>-416184.23139034002</v>
      </c>
      <c r="BP889" s="53">
        <v>-418719.48699989298</v>
      </c>
      <c r="BQ889" s="53">
        <v>-421270.186541526</v>
      </c>
      <c r="BR889" s="53"/>
      <c r="BS889" s="53"/>
      <c r="BT889" s="53"/>
      <c r="BU889" s="53"/>
      <c r="BV889" s="53"/>
      <c r="BW889" s="53"/>
      <c r="BX889" s="53"/>
      <c r="BY889" s="53"/>
      <c r="BZ889" s="53"/>
      <c r="CA889" s="53">
        <v>-1256173.9049317599</v>
      </c>
      <c r="CB889" s="53"/>
      <c r="CC889" s="53"/>
      <c r="CD889" s="53"/>
      <c r="CE889" s="53"/>
      <c r="CF889" s="53"/>
      <c r="CG889" s="53"/>
      <c r="CH889" s="53"/>
      <c r="CI889" s="53"/>
      <c r="CJ889" s="53"/>
      <c r="CK889" s="53"/>
      <c r="CL889" s="53"/>
      <c r="CM889" s="53"/>
      <c r="CN889" s="53"/>
    </row>
    <row r="890" spans="1:92">
      <c r="A890" s="59" t="s">
        <v>1387</v>
      </c>
      <c r="B890" s="53">
        <v>-5891806953.4499998</v>
      </c>
      <c r="C890" s="53">
        <v>-5939002755.1999998</v>
      </c>
      <c r="D890" s="53">
        <v>-6002731529.0299997</v>
      </c>
      <c r="E890" s="53">
        <v>-6037525867.8699999</v>
      </c>
      <c r="F890" s="53">
        <v>-6139013792.8100004</v>
      </c>
      <c r="G890" s="53">
        <v>-6096796706.79</v>
      </c>
      <c r="H890" s="53">
        <v>-6164981227.2600002</v>
      </c>
      <c r="I890" s="53">
        <v>-6207400549.01999</v>
      </c>
      <c r="J890" s="53">
        <v>-6244356409.3699999</v>
      </c>
      <c r="K890" s="53">
        <v>-6347003458.71</v>
      </c>
      <c r="L890" s="53">
        <v>-6328003649.3900003</v>
      </c>
      <c r="M890" s="53">
        <v>-6376828110.7199898</v>
      </c>
      <c r="N890" s="53">
        <v>-6376828110.7199898</v>
      </c>
      <c r="O890" s="53">
        <v>-6429052607.2210102</v>
      </c>
      <c r="P890" s="53">
        <v>-6487550114.6000795</v>
      </c>
      <c r="Q890" s="53">
        <v>-6519379892.9136696</v>
      </c>
      <c r="R890" s="53">
        <v>-6578990275.6707296</v>
      </c>
      <c r="S890" s="53">
        <v>-6620519163.3576698</v>
      </c>
      <c r="T890" s="53">
        <v>-6672818175.9890203</v>
      </c>
      <c r="U890" s="53">
        <v>-6732594924.2278404</v>
      </c>
      <c r="V890" s="53">
        <v>-6795706473.64466</v>
      </c>
      <c r="W890" s="53">
        <v>-6850387983.1805201</v>
      </c>
      <c r="X890" s="53">
        <v>-6910246217.5508204</v>
      </c>
      <c r="Y890" s="53">
        <v>-6954862058.5564899</v>
      </c>
      <c r="Z890" s="53">
        <v>-6941151364.2681103</v>
      </c>
      <c r="AA890" s="53">
        <v>-6941151364.2681103</v>
      </c>
      <c r="AB890" s="53">
        <v>-7006278411.1500597</v>
      </c>
      <c r="AC890" s="53">
        <v>-7052568261.5219097</v>
      </c>
      <c r="AD890" s="53">
        <v>-7107951465.2590704</v>
      </c>
      <c r="AE890" s="53">
        <v>-7172604681.6110601</v>
      </c>
      <c r="AF890" s="53">
        <v>-7236359911.6808004</v>
      </c>
      <c r="AG890" s="53">
        <v>-7284266811.5894804</v>
      </c>
      <c r="AH890" s="53">
        <v>-7349321880.7623196</v>
      </c>
      <c r="AI890" s="53">
        <v>-7384330192.30231</v>
      </c>
      <c r="AJ890" s="53">
        <v>-7440221535.02983</v>
      </c>
      <c r="AK890" s="53">
        <v>-7492655395.5585098</v>
      </c>
      <c r="AL890" s="53">
        <v>-7543157731.23627</v>
      </c>
      <c r="AM890" s="53">
        <v>-7513645930.7731895</v>
      </c>
      <c r="AN890" s="53">
        <v>-7513645930.7731895</v>
      </c>
      <c r="AO890" s="53">
        <v>-7577067830.4889898</v>
      </c>
      <c r="AP890" s="53">
        <v>-7645303151.9504404</v>
      </c>
      <c r="AQ890" s="53">
        <v>-7705036458.1323795</v>
      </c>
      <c r="AR890" s="53">
        <v>-7770388010.88906</v>
      </c>
      <c r="AS890" s="53">
        <v>-7838676491.9518995</v>
      </c>
      <c r="AT890" s="53">
        <v>-7890843587.2798204</v>
      </c>
      <c r="AU890" s="53">
        <v>-7957479037.2392998</v>
      </c>
      <c r="AV890" s="53">
        <v>-8026506663.8055897</v>
      </c>
      <c r="AW890" s="53">
        <v>-8031923927.2933998</v>
      </c>
      <c r="AX890" s="53">
        <v>-8101790999.3343897</v>
      </c>
      <c r="AY890" s="53">
        <v>-8172339115.8152599</v>
      </c>
      <c r="AZ890" s="53">
        <v>-8110307942.58599</v>
      </c>
      <c r="BA890" s="53">
        <v>-8110307942.58599</v>
      </c>
      <c r="BB890" s="53">
        <v>-8182349935.1217604</v>
      </c>
      <c r="BC890" s="53">
        <v>-8256797483.3966303</v>
      </c>
      <c r="BD890" s="53">
        <v>-8323156979.5009298</v>
      </c>
      <c r="BE890" s="53">
        <v>-8397165894.4586096</v>
      </c>
      <c r="BF890" s="53">
        <v>-8466233586.4872599</v>
      </c>
      <c r="BG890" s="53">
        <v>-8526582176.19946</v>
      </c>
      <c r="BH890" s="53">
        <v>-8586260206.7635498</v>
      </c>
      <c r="BI890" s="53">
        <v>-8660862556.7442493</v>
      </c>
      <c r="BJ890" s="53">
        <v>-8728489683.6898899</v>
      </c>
      <c r="BK890" s="53">
        <v>-8803979243.2483997</v>
      </c>
      <c r="BL890" s="53">
        <v>-8880136881.0697498</v>
      </c>
      <c r="BM890" s="53">
        <v>-8863392914.8441296</v>
      </c>
      <c r="BN890" s="53">
        <v>-8863392914.8441296</v>
      </c>
      <c r="BO890" s="53">
        <v>-8941421146.3399296</v>
      </c>
      <c r="BP890" s="53">
        <v>-9018927182.3581791</v>
      </c>
      <c r="BQ890" s="53">
        <v>-9090243652.3969593</v>
      </c>
      <c r="BR890" s="53">
        <v>-9167601442.0374203</v>
      </c>
      <c r="BS890" s="53">
        <v>-9242975631.1558704</v>
      </c>
      <c r="BT890" s="53">
        <v>-9306490121.9760799</v>
      </c>
      <c r="BU890" s="53">
        <v>-9370760302.0943699</v>
      </c>
      <c r="BV890" s="53">
        <v>-9449020367.9597607</v>
      </c>
      <c r="BW890" s="53">
        <v>-9519628444.4187508</v>
      </c>
      <c r="BX890" s="53">
        <v>-9593056058.7015896</v>
      </c>
      <c r="BY890" s="53">
        <v>-9672358333.1806107</v>
      </c>
      <c r="BZ890" s="53">
        <v>-9738324483.7708797</v>
      </c>
      <c r="CA890" s="53">
        <v>-9738324483.7708797</v>
      </c>
      <c r="CB890" s="53">
        <v>178502438.62806401</v>
      </c>
      <c r="CC890" s="53">
        <v>185488636.70307001</v>
      </c>
      <c r="CD890" s="53">
        <v>194467810.897338</v>
      </c>
      <c r="CE890" s="53">
        <v>193395135.70660901</v>
      </c>
      <c r="CF890" s="53">
        <v>187059522.40719801</v>
      </c>
      <c r="CG890" s="53">
        <v>185311890.88675901</v>
      </c>
      <c r="CH890" s="53">
        <v>186416723.08498701</v>
      </c>
      <c r="CI890" s="53">
        <v>179849285.500512</v>
      </c>
      <c r="CJ890" s="53">
        <v>179416046.421179</v>
      </c>
      <c r="CK890" s="53">
        <v>188962250.19789001</v>
      </c>
      <c r="CL890" s="53">
        <v>184083397.35656899</v>
      </c>
      <c r="CM890" s="53">
        <v>180784482.630752</v>
      </c>
      <c r="CN890" s="53">
        <v>2223737620.4209299</v>
      </c>
    </row>
    <row r="891" spans="1:92">
      <c r="A891" s="52" t="s">
        <v>1388</v>
      </c>
      <c r="B891" s="53"/>
      <c r="C891" s="53"/>
      <c r="D891" s="53"/>
      <c r="E891" s="53"/>
      <c r="F891" s="53"/>
      <c r="G891" s="53"/>
      <c r="H891" s="53"/>
      <c r="I891" s="53"/>
      <c r="J891" s="53"/>
      <c r="K891" s="53"/>
      <c r="L891" s="53"/>
      <c r="M891" s="53"/>
      <c r="N891" s="53"/>
      <c r="O891" s="53"/>
      <c r="P891" s="53"/>
      <c r="Q891" s="53"/>
      <c r="R891" s="53"/>
      <c r="S891" s="53"/>
      <c r="T891" s="53"/>
      <c r="U891" s="53"/>
      <c r="V891" s="53"/>
      <c r="W891" s="53"/>
      <c r="X891" s="53"/>
      <c r="Y891" s="53"/>
      <c r="Z891" s="53"/>
      <c r="AA891" s="53"/>
      <c r="AB891" s="53"/>
      <c r="AC891" s="53"/>
      <c r="AD891" s="53"/>
      <c r="AE891" s="53"/>
      <c r="AF891" s="53"/>
      <c r="AG891" s="53"/>
      <c r="AH891" s="53"/>
      <c r="AI891" s="53"/>
      <c r="AJ891" s="53"/>
      <c r="AK891" s="53"/>
      <c r="AL891" s="53"/>
      <c r="AM891" s="53"/>
      <c r="AN891" s="53"/>
      <c r="AO891" s="53"/>
      <c r="AP891" s="53"/>
      <c r="AQ891" s="53"/>
      <c r="AR891" s="53"/>
      <c r="AS891" s="53"/>
      <c r="AT891" s="53"/>
      <c r="AU891" s="53"/>
      <c r="AV891" s="53"/>
      <c r="AW891" s="53"/>
      <c r="AX891" s="53"/>
      <c r="AY891" s="53"/>
      <c r="AZ891" s="53"/>
      <c r="BA891" s="53"/>
      <c r="BB891" s="53"/>
      <c r="BC891" s="53"/>
      <c r="BD891" s="53"/>
      <c r="BE891" s="53"/>
      <c r="BF891" s="53"/>
      <c r="BG891" s="53"/>
      <c r="BH891" s="53"/>
      <c r="BI891" s="53"/>
      <c r="BJ891" s="53"/>
      <c r="BK891" s="53"/>
      <c r="BL891" s="53"/>
      <c r="BM891" s="53"/>
      <c r="BN891" s="53"/>
      <c r="BO891" s="53"/>
      <c r="BP891" s="53"/>
      <c r="BQ891" s="53"/>
      <c r="BR891" s="53"/>
      <c r="BS891" s="53"/>
      <c r="BT891" s="53"/>
      <c r="BU891" s="53"/>
      <c r="BV891" s="53"/>
      <c r="BW891" s="53"/>
      <c r="BX891" s="53"/>
      <c r="BY891" s="53"/>
      <c r="BZ891" s="53"/>
      <c r="CA891" s="53"/>
      <c r="CB891" s="53"/>
      <c r="CC891" s="53"/>
      <c r="CD891" s="53"/>
      <c r="CE891" s="53"/>
      <c r="CF891" s="53"/>
      <c r="CG891" s="53"/>
      <c r="CH891" s="53"/>
      <c r="CI891" s="53"/>
      <c r="CJ891" s="53"/>
      <c r="CK891" s="53"/>
      <c r="CL891" s="53"/>
      <c r="CM891" s="53"/>
      <c r="CN891" s="53"/>
    </row>
    <row r="892" spans="1:92">
      <c r="A892" s="52" t="s">
        <v>1389</v>
      </c>
      <c r="B892" s="53">
        <v>0</v>
      </c>
      <c r="C892" s="53">
        <v>0</v>
      </c>
      <c r="D892" s="53">
        <v>0</v>
      </c>
      <c r="E892" s="53">
        <v>0</v>
      </c>
      <c r="F892" s="53">
        <v>0</v>
      </c>
      <c r="G892" s="53">
        <v>0</v>
      </c>
      <c r="H892" s="53">
        <v>0</v>
      </c>
      <c r="I892" s="53">
        <v>0</v>
      </c>
      <c r="J892" s="53">
        <v>0</v>
      </c>
      <c r="K892" s="53">
        <v>0</v>
      </c>
      <c r="L892" s="53">
        <v>0</v>
      </c>
      <c r="M892" s="53">
        <v>0</v>
      </c>
      <c r="N892" s="53">
        <v>0</v>
      </c>
      <c r="O892" s="53">
        <v>0</v>
      </c>
      <c r="P892" s="53">
        <v>0</v>
      </c>
      <c r="Q892" s="53">
        <v>0</v>
      </c>
      <c r="R892" s="53">
        <v>0</v>
      </c>
      <c r="S892" s="53">
        <v>0</v>
      </c>
      <c r="T892" s="53">
        <v>0</v>
      </c>
      <c r="U892" s="53">
        <v>0</v>
      </c>
      <c r="V892" s="53">
        <v>0</v>
      </c>
      <c r="W892" s="53">
        <v>0</v>
      </c>
      <c r="X892" s="53">
        <v>0</v>
      </c>
      <c r="Y892" s="53">
        <v>0</v>
      </c>
      <c r="Z892" s="53">
        <v>0</v>
      </c>
      <c r="AA892" s="53">
        <v>0</v>
      </c>
      <c r="AB892" s="53">
        <v>0</v>
      </c>
      <c r="AC892" s="53">
        <v>0</v>
      </c>
      <c r="AD892" s="53">
        <v>0</v>
      </c>
      <c r="AE892" s="53">
        <v>0</v>
      </c>
      <c r="AF892" s="53">
        <v>0</v>
      </c>
      <c r="AG892" s="53">
        <v>0</v>
      </c>
      <c r="AH892" s="53">
        <v>0</v>
      </c>
      <c r="AI892" s="53">
        <v>0</v>
      </c>
      <c r="AJ892" s="53">
        <v>0</v>
      </c>
      <c r="AK892" s="53">
        <v>0</v>
      </c>
      <c r="AL892" s="53">
        <v>0</v>
      </c>
      <c r="AM892" s="53">
        <v>0</v>
      </c>
      <c r="AN892" s="53">
        <v>0</v>
      </c>
      <c r="AO892" s="53">
        <v>0</v>
      </c>
      <c r="AP892" s="53">
        <v>0</v>
      </c>
      <c r="AQ892" s="53">
        <v>0</v>
      </c>
      <c r="AR892" s="53">
        <v>0</v>
      </c>
      <c r="AS892" s="53">
        <v>0</v>
      </c>
      <c r="AT892" s="53">
        <v>0</v>
      </c>
      <c r="AU892" s="53">
        <v>0</v>
      </c>
      <c r="AV892" s="53">
        <v>0</v>
      </c>
      <c r="AW892" s="53">
        <v>0</v>
      </c>
      <c r="AX892" s="53">
        <v>0</v>
      </c>
      <c r="AY892" s="53">
        <v>0</v>
      </c>
      <c r="AZ892" s="53">
        <v>0</v>
      </c>
      <c r="BA892" s="53">
        <v>0</v>
      </c>
      <c r="BB892" s="53">
        <v>0</v>
      </c>
      <c r="BC892" s="53">
        <v>0</v>
      </c>
      <c r="BD892" s="53">
        <v>0</v>
      </c>
      <c r="BE892" s="53">
        <v>0</v>
      </c>
      <c r="BF892" s="53">
        <v>0</v>
      </c>
      <c r="BG892" s="53">
        <v>0</v>
      </c>
      <c r="BH892" s="53">
        <v>0</v>
      </c>
      <c r="BI892" s="53">
        <v>0</v>
      </c>
      <c r="BJ892" s="53">
        <v>0</v>
      </c>
      <c r="BK892" s="53">
        <v>0</v>
      </c>
      <c r="BL892" s="53">
        <v>0</v>
      </c>
      <c r="BM892" s="53">
        <v>0</v>
      </c>
      <c r="BN892" s="53">
        <v>0</v>
      </c>
      <c r="BO892" s="53">
        <v>0</v>
      </c>
      <c r="BP892" s="53">
        <v>0</v>
      </c>
      <c r="BQ892" s="53">
        <v>0</v>
      </c>
      <c r="BR892" s="53">
        <v>0</v>
      </c>
      <c r="BS892" s="53">
        <v>0</v>
      </c>
      <c r="BT892" s="53">
        <v>0</v>
      </c>
      <c r="BU892" s="53">
        <v>0</v>
      </c>
      <c r="BV892" s="53">
        <v>0</v>
      </c>
      <c r="BW892" s="53">
        <v>0</v>
      </c>
      <c r="BX892" s="53">
        <v>0</v>
      </c>
      <c r="BY892" s="53">
        <v>0</v>
      </c>
      <c r="BZ892" s="53">
        <v>0</v>
      </c>
      <c r="CA892" s="53">
        <v>0</v>
      </c>
      <c r="CB892" s="53"/>
      <c r="CC892" s="53"/>
      <c r="CD892" s="53"/>
      <c r="CE892" s="53"/>
      <c r="CF892" s="53"/>
      <c r="CG892" s="53"/>
      <c r="CH892" s="53"/>
      <c r="CI892" s="53"/>
      <c r="CJ892" s="53"/>
      <c r="CK892" s="53"/>
      <c r="CL892" s="53"/>
      <c r="CM892" s="53"/>
      <c r="CN892" s="53"/>
    </row>
    <row r="893" spans="1:92">
      <c r="A893" s="59" t="s">
        <v>1390</v>
      </c>
      <c r="B893" s="53">
        <v>0</v>
      </c>
      <c r="C893" s="53">
        <v>0</v>
      </c>
      <c r="D893" s="53">
        <v>0</v>
      </c>
      <c r="E893" s="53">
        <v>0</v>
      </c>
      <c r="F893" s="53">
        <v>0</v>
      </c>
      <c r="G893" s="53">
        <v>0</v>
      </c>
      <c r="H893" s="53">
        <v>0</v>
      </c>
      <c r="I893" s="53">
        <v>0</v>
      </c>
      <c r="J893" s="53">
        <v>0</v>
      </c>
      <c r="K893" s="53">
        <v>0</v>
      </c>
      <c r="L893" s="53">
        <v>0</v>
      </c>
      <c r="M893" s="53">
        <v>0</v>
      </c>
      <c r="N893" s="53">
        <v>0</v>
      </c>
      <c r="O893" s="53">
        <v>0</v>
      </c>
      <c r="P893" s="53">
        <v>0</v>
      </c>
      <c r="Q893" s="53">
        <v>0</v>
      </c>
      <c r="R893" s="53">
        <v>0</v>
      </c>
      <c r="S893" s="53">
        <v>0</v>
      </c>
      <c r="T893" s="53">
        <v>0</v>
      </c>
      <c r="U893" s="53">
        <v>0</v>
      </c>
      <c r="V893" s="53">
        <v>0</v>
      </c>
      <c r="W893" s="53">
        <v>0</v>
      </c>
      <c r="X893" s="53">
        <v>0</v>
      </c>
      <c r="Y893" s="53">
        <v>0</v>
      </c>
      <c r="Z893" s="53">
        <v>0</v>
      </c>
      <c r="AA893" s="53">
        <v>0</v>
      </c>
      <c r="AB893" s="53">
        <v>0</v>
      </c>
      <c r="AC893" s="53">
        <v>0</v>
      </c>
      <c r="AD893" s="53">
        <v>0</v>
      </c>
      <c r="AE893" s="53">
        <v>0</v>
      </c>
      <c r="AF893" s="53">
        <v>0</v>
      </c>
      <c r="AG893" s="53">
        <v>0</v>
      </c>
      <c r="AH893" s="53">
        <v>0</v>
      </c>
      <c r="AI893" s="53">
        <v>0</v>
      </c>
      <c r="AJ893" s="53">
        <v>0</v>
      </c>
      <c r="AK893" s="53">
        <v>0</v>
      </c>
      <c r="AL893" s="53">
        <v>0</v>
      </c>
      <c r="AM893" s="53">
        <v>0</v>
      </c>
      <c r="AN893" s="53">
        <v>0</v>
      </c>
      <c r="AO893" s="53">
        <v>0</v>
      </c>
      <c r="AP893" s="53">
        <v>0</v>
      </c>
      <c r="AQ893" s="53">
        <v>0</v>
      </c>
      <c r="AR893" s="53">
        <v>0</v>
      </c>
      <c r="AS893" s="53">
        <v>0</v>
      </c>
      <c r="AT893" s="53">
        <v>0</v>
      </c>
      <c r="AU893" s="53">
        <v>0</v>
      </c>
      <c r="AV893" s="53">
        <v>0</v>
      </c>
      <c r="AW893" s="53">
        <v>0</v>
      </c>
      <c r="AX893" s="53">
        <v>0</v>
      </c>
      <c r="AY893" s="53">
        <v>0</v>
      </c>
      <c r="AZ893" s="53">
        <v>0</v>
      </c>
      <c r="BA893" s="53">
        <v>0</v>
      </c>
      <c r="BB893" s="53">
        <v>0</v>
      </c>
      <c r="BC893" s="53">
        <v>0</v>
      </c>
      <c r="BD893" s="53">
        <v>0</v>
      </c>
      <c r="BE893" s="53">
        <v>0</v>
      </c>
      <c r="BF893" s="53">
        <v>0</v>
      </c>
      <c r="BG893" s="53">
        <v>0</v>
      </c>
      <c r="BH893" s="53">
        <v>0</v>
      </c>
      <c r="BI893" s="53">
        <v>0</v>
      </c>
      <c r="BJ893" s="53">
        <v>0</v>
      </c>
      <c r="BK893" s="53">
        <v>0</v>
      </c>
      <c r="BL893" s="53">
        <v>0</v>
      </c>
      <c r="BM893" s="53">
        <v>0</v>
      </c>
      <c r="BN893" s="53">
        <v>0</v>
      </c>
      <c r="BO893" s="53">
        <v>0</v>
      </c>
      <c r="BP893" s="53">
        <v>0</v>
      </c>
      <c r="BQ893" s="53">
        <v>0</v>
      </c>
      <c r="BR893" s="53">
        <v>0</v>
      </c>
      <c r="BS893" s="53">
        <v>0</v>
      </c>
      <c r="BT893" s="53">
        <v>0</v>
      </c>
      <c r="BU893" s="53">
        <v>0</v>
      </c>
      <c r="BV893" s="53">
        <v>0</v>
      </c>
      <c r="BW893" s="53">
        <v>0</v>
      </c>
      <c r="BX893" s="53">
        <v>0</v>
      </c>
      <c r="BY893" s="53">
        <v>0</v>
      </c>
      <c r="BZ893" s="53">
        <v>0</v>
      </c>
      <c r="CA893" s="53">
        <v>0</v>
      </c>
      <c r="CB893" s="53"/>
      <c r="CC893" s="53"/>
      <c r="CD893" s="53"/>
      <c r="CE893" s="53"/>
      <c r="CF893" s="53"/>
      <c r="CG893" s="53"/>
      <c r="CH893" s="53"/>
      <c r="CI893" s="53"/>
      <c r="CJ893" s="53"/>
      <c r="CK893" s="53"/>
      <c r="CL893" s="53"/>
      <c r="CM893" s="53"/>
      <c r="CN893" s="53"/>
    </row>
    <row r="894" spans="1:92">
      <c r="A894" s="52" t="s">
        <v>1391</v>
      </c>
      <c r="B894" s="53"/>
      <c r="C894" s="53"/>
      <c r="D894" s="53"/>
      <c r="E894" s="53"/>
      <c r="F894" s="53"/>
      <c r="G894" s="53"/>
      <c r="H894" s="53"/>
      <c r="I894" s="53"/>
      <c r="J894" s="53"/>
      <c r="K894" s="53"/>
      <c r="L894" s="53"/>
      <c r="M894" s="53"/>
      <c r="N894" s="53"/>
      <c r="O894" s="53"/>
      <c r="P894" s="53"/>
      <c r="Q894" s="53"/>
      <c r="R894" s="53"/>
      <c r="S894" s="53"/>
      <c r="T894" s="53"/>
      <c r="U894" s="53"/>
      <c r="V894" s="53"/>
      <c r="W894" s="53"/>
      <c r="X894" s="53"/>
      <c r="Y894" s="53"/>
      <c r="Z894" s="53"/>
      <c r="AA894" s="53"/>
      <c r="AB894" s="53"/>
      <c r="AC894" s="53"/>
      <c r="AD894" s="53"/>
      <c r="AE894" s="53"/>
      <c r="AF894" s="53"/>
      <c r="AG894" s="53"/>
      <c r="AH894" s="53"/>
      <c r="AI894" s="53"/>
      <c r="AJ894" s="53"/>
      <c r="AK894" s="53"/>
      <c r="AL894" s="53"/>
      <c r="AM894" s="53"/>
      <c r="AN894" s="53"/>
      <c r="AO894" s="53"/>
      <c r="AP894" s="53"/>
      <c r="AQ894" s="53"/>
      <c r="AR894" s="53"/>
      <c r="AS894" s="53"/>
      <c r="AT894" s="53"/>
      <c r="AU894" s="53"/>
      <c r="AV894" s="53"/>
      <c r="AW894" s="53"/>
      <c r="AX894" s="53"/>
      <c r="AY894" s="53"/>
      <c r="AZ894" s="53"/>
      <c r="BA894" s="53"/>
      <c r="BB894" s="53"/>
      <c r="BC894" s="53"/>
      <c r="BD894" s="53"/>
      <c r="BE894" s="53"/>
      <c r="BF894" s="53"/>
      <c r="BG894" s="53"/>
      <c r="BH894" s="53"/>
      <c r="BI894" s="53"/>
      <c r="BJ894" s="53"/>
      <c r="BK894" s="53"/>
      <c r="BL894" s="53"/>
      <c r="BM894" s="53"/>
      <c r="BN894" s="53"/>
      <c r="BO894" s="53"/>
      <c r="BP894" s="53"/>
      <c r="BQ894" s="53"/>
      <c r="BR894" s="53"/>
      <c r="BS894" s="53"/>
      <c r="BT894" s="53"/>
      <c r="BU894" s="53"/>
      <c r="BV894" s="53"/>
      <c r="BW894" s="53"/>
      <c r="BX894" s="53"/>
      <c r="BY894" s="53"/>
      <c r="BZ894" s="53"/>
      <c r="CA894" s="53"/>
      <c r="CB894" s="53">
        <v>518624.23906051501</v>
      </c>
      <c r="CC894" s="53">
        <v>561994.08672168094</v>
      </c>
      <c r="CD894" s="53">
        <v>615188.61315262399</v>
      </c>
      <c r="CE894" s="53">
        <v>668655.51235847396</v>
      </c>
      <c r="CF894" s="53">
        <v>722397.76091332897</v>
      </c>
      <c r="CG894" s="53">
        <v>313037.03752726701</v>
      </c>
      <c r="CH894" s="53">
        <v>341867.39899945201</v>
      </c>
      <c r="CI894" s="53">
        <v>370845.37955105002</v>
      </c>
      <c r="CJ894" s="53">
        <v>399971.73504793498</v>
      </c>
      <c r="CK894" s="53">
        <v>429247.22522630601</v>
      </c>
      <c r="CL894" s="53">
        <v>458672.61371250101</v>
      </c>
      <c r="CM894" s="53">
        <v>557386.42451886297</v>
      </c>
      <c r="CN894" s="53">
        <v>5957888.0267899996</v>
      </c>
    </row>
    <row r="895" spans="1:92">
      <c r="A895" s="52" t="s">
        <v>1218</v>
      </c>
      <c r="B895" s="53">
        <v>18045810144.717999</v>
      </c>
      <c r="C895" s="53">
        <v>18088699533.66</v>
      </c>
      <c r="D895" s="53">
        <v>18167880918.269901</v>
      </c>
      <c r="E895" s="53">
        <v>18254336587.1199</v>
      </c>
      <c r="F895" s="53">
        <v>18344754935.23</v>
      </c>
      <c r="G895" s="53">
        <v>18467674926.799999</v>
      </c>
      <c r="H895" s="53">
        <v>18616876331.619999</v>
      </c>
      <c r="I895" s="53">
        <v>18696718784.059898</v>
      </c>
      <c r="J895" s="53">
        <v>18861173804.2299</v>
      </c>
      <c r="K895" s="53">
        <v>18999105088.439999</v>
      </c>
      <c r="L895" s="53">
        <v>19177931719.91</v>
      </c>
      <c r="M895" s="53">
        <v>19344352632.639999</v>
      </c>
      <c r="N895" s="53">
        <v>18045810144.717999</v>
      </c>
      <c r="O895" s="53">
        <v>19562901039.32</v>
      </c>
      <c r="P895" s="53">
        <v>19695609724.9119</v>
      </c>
      <c r="Q895" s="53">
        <v>19827155359.791302</v>
      </c>
      <c r="R895" s="53">
        <v>19983736053.721901</v>
      </c>
      <c r="S895" s="53">
        <v>20129736588.418098</v>
      </c>
      <c r="T895" s="53">
        <v>20295608193.752602</v>
      </c>
      <c r="U895" s="53">
        <v>20432729264.173199</v>
      </c>
      <c r="V895" s="53">
        <v>20551706868.216801</v>
      </c>
      <c r="W895" s="53">
        <v>20676547465.2719</v>
      </c>
      <c r="X895" s="53">
        <v>20807115109.684299</v>
      </c>
      <c r="Y895" s="53">
        <v>20962232988.088501</v>
      </c>
      <c r="Z895" s="53">
        <v>21084109990.0308</v>
      </c>
      <c r="AA895" s="53">
        <v>19562901039.32</v>
      </c>
      <c r="AB895" s="53">
        <v>21203267270.043701</v>
      </c>
      <c r="AC895" s="53">
        <v>21321889487.193401</v>
      </c>
      <c r="AD895" s="53">
        <v>21460700924.4175</v>
      </c>
      <c r="AE895" s="53">
        <v>21599529458.804001</v>
      </c>
      <c r="AF895" s="53">
        <v>21753837744.928501</v>
      </c>
      <c r="AG895" s="53">
        <v>21888323218.155602</v>
      </c>
      <c r="AH895" s="53">
        <v>22030707268.074699</v>
      </c>
      <c r="AI895" s="53">
        <v>22169084164.6656</v>
      </c>
      <c r="AJ895" s="53">
        <v>22319747282.061901</v>
      </c>
      <c r="AK895" s="53">
        <v>22459865023.568401</v>
      </c>
      <c r="AL895" s="53">
        <v>22584991556.5555</v>
      </c>
      <c r="AM895" s="53">
        <v>22710478195.603199</v>
      </c>
      <c r="AN895" s="53">
        <v>21203267270.043701</v>
      </c>
      <c r="AO895" s="53">
        <v>22844679115.597</v>
      </c>
      <c r="AP895" s="53">
        <v>22979028743.321201</v>
      </c>
      <c r="AQ895" s="53">
        <v>23129419699.3965</v>
      </c>
      <c r="AR895" s="53">
        <v>23285133764.866501</v>
      </c>
      <c r="AS895" s="53">
        <v>23434672378.6408</v>
      </c>
      <c r="AT895" s="53">
        <v>23588928507.526901</v>
      </c>
      <c r="AU895" s="53">
        <v>23747525656.022099</v>
      </c>
      <c r="AV895" s="53">
        <v>23903258943.847099</v>
      </c>
      <c r="AW895" s="53">
        <v>24071711577.152699</v>
      </c>
      <c r="AX895" s="53">
        <v>24221593183.110298</v>
      </c>
      <c r="AY895" s="53">
        <v>24379365812.370998</v>
      </c>
      <c r="AZ895" s="53">
        <v>24537766645.004601</v>
      </c>
      <c r="BA895" s="53">
        <v>22844679115.597</v>
      </c>
      <c r="BB895" s="53">
        <v>24692364493.691101</v>
      </c>
      <c r="BC895" s="53">
        <v>24813410793.988201</v>
      </c>
      <c r="BD895" s="53">
        <v>24935237914.500599</v>
      </c>
      <c r="BE895" s="53">
        <v>25070770460.791</v>
      </c>
      <c r="BF895" s="53">
        <v>25198442286.0546</v>
      </c>
      <c r="BG895" s="53">
        <v>25328789168.797699</v>
      </c>
      <c r="BH895" s="53">
        <v>25460505134.326401</v>
      </c>
      <c r="BI895" s="53">
        <v>25587770439.6689</v>
      </c>
      <c r="BJ895" s="53">
        <v>25748480033.512798</v>
      </c>
      <c r="BK895" s="53">
        <v>25894991813.1605</v>
      </c>
      <c r="BL895" s="53">
        <v>26036792653.187099</v>
      </c>
      <c r="BM895" s="53">
        <v>26176068127.4137</v>
      </c>
      <c r="BN895" s="53">
        <v>24692364493.691101</v>
      </c>
      <c r="BO895" s="53">
        <v>26312361453.1754</v>
      </c>
      <c r="BP895" s="53">
        <v>26420072092.836498</v>
      </c>
      <c r="BQ895" s="53">
        <v>26533538102.051601</v>
      </c>
      <c r="BR895" s="53">
        <v>26665357247.711498</v>
      </c>
      <c r="BS895" s="53">
        <v>26784307047.640598</v>
      </c>
      <c r="BT895" s="53">
        <v>26907356182.498798</v>
      </c>
      <c r="BU895" s="53">
        <v>27029531296.5588</v>
      </c>
      <c r="BV895" s="53">
        <v>27150468277.321201</v>
      </c>
      <c r="BW895" s="53">
        <v>27295146676.115601</v>
      </c>
      <c r="BX895" s="53">
        <v>27422861293.370701</v>
      </c>
      <c r="BY895" s="53">
        <v>27567685603.891102</v>
      </c>
      <c r="BZ895" s="53">
        <v>27706689215.451099</v>
      </c>
      <c r="CA895" s="53">
        <v>26312361453.1754</v>
      </c>
      <c r="CB895" s="53"/>
      <c r="CC895" s="53"/>
      <c r="CD895" s="53"/>
      <c r="CE895" s="53"/>
      <c r="CF895" s="53"/>
      <c r="CG895" s="53"/>
      <c r="CH895" s="53"/>
      <c r="CI895" s="53"/>
      <c r="CJ895" s="53"/>
      <c r="CK895" s="53"/>
      <c r="CL895" s="53"/>
      <c r="CM895" s="53"/>
      <c r="CN895" s="53"/>
    </row>
    <row r="896" spans="1:92" outlineLevel="1">
      <c r="A896" s="52" t="s">
        <v>699</v>
      </c>
      <c r="B896" s="53"/>
      <c r="C896" s="53"/>
      <c r="D896" s="53"/>
      <c r="E896" s="53"/>
      <c r="F896" s="53"/>
      <c r="G896" s="53"/>
      <c r="H896" s="53"/>
      <c r="I896" s="53"/>
      <c r="J896" s="53"/>
      <c r="K896" s="53"/>
      <c r="L896" s="53"/>
      <c r="M896" s="53"/>
      <c r="N896" s="53"/>
      <c r="O896" s="53"/>
      <c r="P896" s="53"/>
      <c r="Q896" s="53"/>
      <c r="R896" s="53"/>
      <c r="S896" s="53"/>
      <c r="T896" s="53"/>
      <c r="U896" s="53"/>
      <c r="V896" s="53"/>
      <c r="W896" s="53"/>
      <c r="X896" s="53"/>
      <c r="Y896" s="53"/>
      <c r="Z896" s="53"/>
      <c r="AA896" s="53"/>
      <c r="AB896" s="53"/>
      <c r="AC896" s="53"/>
      <c r="AD896" s="53"/>
      <c r="AE896" s="53"/>
      <c r="AF896" s="53"/>
      <c r="AG896" s="53"/>
      <c r="AH896" s="53"/>
      <c r="AI896" s="53"/>
      <c r="AJ896" s="53"/>
      <c r="AK896" s="53"/>
      <c r="AL896" s="53"/>
      <c r="AM896" s="53"/>
      <c r="AN896" s="53"/>
      <c r="AO896" s="53"/>
      <c r="AP896" s="53"/>
      <c r="AQ896" s="53"/>
      <c r="AR896" s="53"/>
      <c r="AS896" s="53"/>
      <c r="AT896" s="53"/>
      <c r="AU896" s="53"/>
      <c r="AV896" s="53"/>
      <c r="AW896" s="53"/>
      <c r="AX896" s="53"/>
      <c r="AY896" s="53"/>
      <c r="AZ896" s="53"/>
      <c r="BA896" s="53"/>
      <c r="BB896" s="53"/>
      <c r="BC896" s="53"/>
      <c r="BD896" s="53"/>
      <c r="BE896" s="53"/>
      <c r="BF896" s="53"/>
      <c r="BG896" s="53"/>
      <c r="BH896" s="53"/>
      <c r="BI896" s="53"/>
      <c r="BJ896" s="53"/>
      <c r="BK896" s="53"/>
      <c r="BL896" s="53"/>
      <c r="BM896" s="53"/>
      <c r="BN896" s="53"/>
      <c r="BO896" s="53"/>
      <c r="BP896" s="53"/>
      <c r="BQ896" s="53"/>
      <c r="BR896" s="53"/>
      <c r="BS896" s="53"/>
      <c r="BT896" s="53"/>
      <c r="BU896" s="53"/>
      <c r="BV896" s="53"/>
      <c r="BW896" s="53"/>
      <c r="BX896" s="53"/>
      <c r="BY896" s="53"/>
      <c r="BZ896" s="53"/>
      <c r="CA896" s="53"/>
      <c r="CB896" s="53">
        <v>1325982.3944912499</v>
      </c>
      <c r="CC896" s="53">
        <v>1436867.4054862</v>
      </c>
      <c r="CD896" s="53">
        <v>1572871.4720498901</v>
      </c>
      <c r="CE896" s="53">
        <v>1709571.9223863899</v>
      </c>
      <c r="CF896" s="53">
        <v>1846976.3667933799</v>
      </c>
      <c r="CG896" s="53">
        <v>800351.33208731702</v>
      </c>
      <c r="CH896" s="53">
        <v>874062.795724625</v>
      </c>
      <c r="CI896" s="53">
        <v>948151.68156022299</v>
      </c>
      <c r="CJ896" s="53">
        <v>1022619.9221394201</v>
      </c>
      <c r="CK896" s="53">
        <v>1097469.4599029101</v>
      </c>
      <c r="CL896" s="53">
        <v>1172702.2472374199</v>
      </c>
      <c r="CM896" s="53">
        <v>1425086.85513675</v>
      </c>
      <c r="CN896" s="53">
        <v>15232713.8549958</v>
      </c>
    </row>
    <row r="897" spans="1:92" outlineLevel="1">
      <c r="A897" s="52" t="s">
        <v>673</v>
      </c>
      <c r="B897" s="53"/>
      <c r="C897" s="53"/>
      <c r="D897" s="53"/>
      <c r="E897" s="53"/>
      <c r="F897" s="53"/>
      <c r="G897" s="53"/>
      <c r="H897" s="53"/>
      <c r="I897" s="53"/>
      <c r="J897" s="53"/>
      <c r="K897" s="53"/>
      <c r="L897" s="53"/>
      <c r="M897" s="53"/>
      <c r="N897" s="53"/>
      <c r="O897" s="53"/>
      <c r="P897" s="53"/>
      <c r="Q897" s="53"/>
      <c r="R897" s="53"/>
      <c r="S897" s="53"/>
      <c r="T897" s="53"/>
      <c r="U897" s="53"/>
      <c r="V897" s="53"/>
      <c r="W897" s="53"/>
      <c r="X897" s="53"/>
      <c r="Y897" s="53"/>
      <c r="Z897" s="53"/>
      <c r="AA897" s="53"/>
      <c r="AB897" s="53"/>
      <c r="AC897" s="53"/>
      <c r="AD897" s="53"/>
      <c r="AE897" s="53"/>
      <c r="AF897" s="53"/>
      <c r="AG897" s="53"/>
      <c r="AH897" s="53"/>
      <c r="AI897" s="53"/>
      <c r="AJ897" s="53"/>
      <c r="AK897" s="53"/>
      <c r="AL897" s="53"/>
      <c r="AM897" s="53"/>
      <c r="AN897" s="53"/>
      <c r="AO897" s="53"/>
      <c r="AP897" s="53"/>
      <c r="AQ897" s="53"/>
      <c r="AR897" s="53"/>
      <c r="AS897" s="53"/>
      <c r="AT897" s="53"/>
      <c r="AU897" s="53"/>
      <c r="AV897" s="53"/>
      <c r="AW897" s="53"/>
      <c r="AX897" s="53"/>
      <c r="AY897" s="53"/>
      <c r="AZ897" s="53"/>
      <c r="BA897" s="53"/>
      <c r="BB897" s="53"/>
      <c r="BC897" s="53"/>
      <c r="BD897" s="53"/>
      <c r="BE897" s="53"/>
      <c r="BF897" s="53"/>
      <c r="BG897" s="53"/>
      <c r="BH897" s="53"/>
      <c r="BI897" s="53"/>
      <c r="BJ897" s="53"/>
      <c r="BK897" s="53"/>
      <c r="BL897" s="53"/>
      <c r="BM897" s="53"/>
      <c r="BN897" s="53"/>
      <c r="BO897" s="53"/>
      <c r="BP897" s="53"/>
      <c r="BQ897" s="53"/>
      <c r="BR897" s="53"/>
      <c r="BS897" s="53"/>
      <c r="BT897" s="53"/>
      <c r="BU897" s="53"/>
      <c r="BV897" s="53"/>
      <c r="BW897" s="53"/>
      <c r="BX897" s="53"/>
      <c r="BY897" s="53"/>
      <c r="BZ897" s="53"/>
      <c r="CA897" s="53"/>
      <c r="CB897" s="53"/>
      <c r="CC897" s="53"/>
      <c r="CD897" s="53"/>
      <c r="CE897" s="53"/>
      <c r="CF897" s="53"/>
      <c r="CG897" s="53"/>
      <c r="CH897" s="53"/>
      <c r="CI897" s="53"/>
      <c r="CJ897" s="53"/>
      <c r="CK897" s="53"/>
      <c r="CL897" s="53"/>
      <c r="CM897" s="53"/>
      <c r="CN897" s="53"/>
    </row>
    <row r="898" spans="1:92" outlineLevel="1">
      <c r="A898" s="52" t="s">
        <v>1352</v>
      </c>
      <c r="B898" s="53"/>
      <c r="C898" s="53"/>
      <c r="D898" s="53"/>
      <c r="E898" s="53"/>
      <c r="F898" s="53"/>
      <c r="G898" s="53"/>
      <c r="H898" s="53"/>
      <c r="I898" s="53"/>
      <c r="J898" s="53"/>
      <c r="K898" s="53"/>
      <c r="L898" s="53"/>
      <c r="M898" s="53"/>
      <c r="N898" s="53"/>
      <c r="O898" s="53"/>
      <c r="P898" s="53"/>
      <c r="Q898" s="53"/>
      <c r="R898" s="53"/>
      <c r="S898" s="53"/>
      <c r="T898" s="53"/>
      <c r="U898" s="53"/>
      <c r="V898" s="53"/>
      <c r="W898" s="53"/>
      <c r="X898" s="53"/>
      <c r="Y898" s="53"/>
      <c r="Z898" s="53"/>
      <c r="AA898" s="53"/>
      <c r="AB898" s="53"/>
      <c r="AC898" s="53"/>
      <c r="AD898" s="53"/>
      <c r="AE898" s="53"/>
      <c r="AF898" s="53"/>
      <c r="AG898" s="53"/>
      <c r="AH898" s="53"/>
      <c r="AI898" s="53"/>
      <c r="AJ898" s="53"/>
      <c r="AK898" s="53"/>
      <c r="AL898" s="53"/>
      <c r="AM898" s="53"/>
      <c r="AN898" s="53"/>
      <c r="AO898" s="53"/>
      <c r="AP898" s="53"/>
      <c r="AQ898" s="53"/>
      <c r="AR898" s="53"/>
      <c r="AS898" s="53"/>
      <c r="AT898" s="53"/>
      <c r="AU898" s="53"/>
      <c r="AV898" s="53"/>
      <c r="AW898" s="53"/>
      <c r="AX898" s="53"/>
      <c r="AY898" s="53"/>
      <c r="AZ898" s="53"/>
      <c r="BA898" s="53"/>
      <c r="BB898" s="53"/>
      <c r="BC898" s="53"/>
      <c r="BD898" s="53"/>
      <c r="BE898" s="53"/>
      <c r="BF898" s="53"/>
      <c r="BG898" s="53"/>
      <c r="BH898" s="53"/>
      <c r="BI898" s="53"/>
      <c r="BJ898" s="53"/>
      <c r="BK898" s="53"/>
      <c r="BL898" s="53"/>
      <c r="BM898" s="53"/>
      <c r="BN898" s="53"/>
      <c r="BO898" s="53"/>
      <c r="BP898" s="53"/>
      <c r="BQ898" s="53"/>
      <c r="BR898" s="53"/>
      <c r="BS898" s="53"/>
      <c r="BT898" s="53"/>
      <c r="BU898" s="53"/>
      <c r="BV898" s="53"/>
      <c r="BW898" s="53"/>
      <c r="BX898" s="53"/>
      <c r="BY898" s="53"/>
      <c r="BZ898" s="53"/>
      <c r="CA898" s="53"/>
      <c r="CB898" s="53">
        <v>84849019.661116406</v>
      </c>
      <c r="CC898" s="53">
        <v>80638335.8186225</v>
      </c>
      <c r="CD898" s="53">
        <v>141855068.726616</v>
      </c>
      <c r="CE898" s="53">
        <v>65071067.381324001</v>
      </c>
      <c r="CF898" s="53">
        <v>64583708.528266102</v>
      </c>
      <c r="CG898" s="53">
        <v>533105490.71989799</v>
      </c>
      <c r="CH898" s="53">
        <v>84941868.224685207</v>
      </c>
      <c r="CI898" s="53">
        <v>81106711.098046094</v>
      </c>
      <c r="CJ898" s="53">
        <v>156861231.42036501</v>
      </c>
      <c r="CK898" s="53">
        <v>80791442.160578594</v>
      </c>
      <c r="CL898" s="53">
        <v>120740389.49302</v>
      </c>
      <c r="CM898" s="53">
        <v>659426696.48250401</v>
      </c>
      <c r="CN898" s="53">
        <v>2153971029.7150402</v>
      </c>
    </row>
    <row r="899" spans="1:92" outlineLevel="1">
      <c r="A899" s="52" t="s">
        <v>649</v>
      </c>
      <c r="B899" s="53">
        <v>103318560</v>
      </c>
      <c r="C899" s="53">
        <v>140744800</v>
      </c>
      <c r="D899" s="53">
        <v>167840800</v>
      </c>
      <c r="E899" s="53">
        <v>154284289.99999899</v>
      </c>
      <c r="F899" s="53">
        <v>258649349.99999899</v>
      </c>
      <c r="G899" s="53">
        <v>217434739.99999899</v>
      </c>
      <c r="H899" s="53">
        <v>159981630</v>
      </c>
      <c r="I899" s="53">
        <v>219280880</v>
      </c>
      <c r="J899" s="53">
        <v>207881169.99999899</v>
      </c>
      <c r="K899" s="53">
        <v>300386209.99999899</v>
      </c>
      <c r="L899" s="53">
        <v>221314649.99999899</v>
      </c>
      <c r="M899" s="53">
        <v>277317529.99999899</v>
      </c>
      <c r="N899" s="53">
        <v>2428434609.99999</v>
      </c>
      <c r="O899" s="53">
        <v>202182964.45534399</v>
      </c>
      <c r="P899" s="53">
        <v>200140742.50114399</v>
      </c>
      <c r="Q899" s="53">
        <v>224880906.00300401</v>
      </c>
      <c r="R899" s="53">
        <v>215662028.540364</v>
      </c>
      <c r="S899" s="53">
        <v>236964754.188384</v>
      </c>
      <c r="T899" s="53">
        <v>210502766.87760401</v>
      </c>
      <c r="U899" s="53">
        <v>192650990.52264401</v>
      </c>
      <c r="V899" s="53">
        <v>198396007.992064</v>
      </c>
      <c r="W899" s="53">
        <v>202106724.176404</v>
      </c>
      <c r="X899" s="53">
        <v>226400334.869784</v>
      </c>
      <c r="Y899" s="53">
        <v>193205210.20152399</v>
      </c>
      <c r="Z899" s="53">
        <v>191173151.02426401</v>
      </c>
      <c r="AA899" s="53">
        <v>2494266581.35253</v>
      </c>
      <c r="AB899" s="53">
        <v>192388974.96541899</v>
      </c>
      <c r="AC899" s="53">
        <v>214112456.02841899</v>
      </c>
      <c r="AD899" s="53">
        <v>213928053.10341901</v>
      </c>
      <c r="AE899" s="53">
        <v>229578835.82741901</v>
      </c>
      <c r="AF899" s="53">
        <v>209042806.501618</v>
      </c>
      <c r="AG899" s="53">
        <v>217084659.61661899</v>
      </c>
      <c r="AH899" s="53">
        <v>213660969.781719</v>
      </c>
      <c r="AI899" s="53">
        <v>225874169.684219</v>
      </c>
      <c r="AJ899" s="53">
        <v>215408911.337219</v>
      </c>
      <c r="AK899" s="53">
        <v>201256504.117118</v>
      </c>
      <c r="AL899" s="53">
        <v>201937395.66961801</v>
      </c>
      <c r="AM899" s="53">
        <v>211710386.04311901</v>
      </c>
      <c r="AN899" s="53">
        <v>2545984122.67592</v>
      </c>
      <c r="AO899" s="53">
        <v>214077903.15562001</v>
      </c>
      <c r="AP899" s="53">
        <v>230228065.455378</v>
      </c>
      <c r="AQ899" s="53">
        <v>235612805.31905299</v>
      </c>
      <c r="AR899" s="53">
        <v>230213062.99494401</v>
      </c>
      <c r="AS899" s="53">
        <v>235044967.080715</v>
      </c>
      <c r="AT899" s="53">
        <v>239547898.05966899</v>
      </c>
      <c r="AU899" s="53">
        <v>237150734.25046399</v>
      </c>
      <c r="AV899" s="53">
        <v>249960972.69338399</v>
      </c>
      <c r="AW899" s="53">
        <v>231465948.30120599</v>
      </c>
      <c r="AX899" s="53">
        <v>239814516.45315999</v>
      </c>
      <c r="AY899" s="53">
        <v>240531613.57706299</v>
      </c>
      <c r="AZ899" s="53">
        <v>237415825.78288001</v>
      </c>
      <c r="BA899" s="53">
        <v>2821064313.1235399</v>
      </c>
      <c r="BB899" s="53">
        <v>207362280.766691</v>
      </c>
      <c r="BC899" s="53">
        <v>208188989.72943401</v>
      </c>
      <c r="BD899" s="53">
        <v>221920911.534475</v>
      </c>
      <c r="BE899" s="53">
        <v>214308450.714614</v>
      </c>
      <c r="BF899" s="53">
        <v>217051179.10440999</v>
      </c>
      <c r="BG899" s="53">
        <v>218499721.95499</v>
      </c>
      <c r="BH899" s="53">
        <v>214827264.23712999</v>
      </c>
      <c r="BI899" s="53">
        <v>248586943.253598</v>
      </c>
      <c r="BJ899" s="53">
        <v>234522884.69373</v>
      </c>
      <c r="BK899" s="53">
        <v>230097223.01508799</v>
      </c>
      <c r="BL899" s="53">
        <v>227389398.61427501</v>
      </c>
      <c r="BM899" s="53">
        <v>223769915.66007099</v>
      </c>
      <c r="BN899" s="53">
        <v>2666525163.2785101</v>
      </c>
      <c r="BO899" s="53">
        <v>196823283.03911</v>
      </c>
      <c r="BP899" s="53">
        <v>202557655.77661699</v>
      </c>
      <c r="BQ899" s="53">
        <v>221557832.54507899</v>
      </c>
      <c r="BR899" s="53">
        <v>209186681.46915901</v>
      </c>
      <c r="BS899" s="53">
        <v>213231125.51449701</v>
      </c>
      <c r="BT899" s="53">
        <v>212223449.98424801</v>
      </c>
      <c r="BU899" s="53">
        <v>212294827.970319</v>
      </c>
      <c r="BV899" s="53">
        <v>236399547.18014899</v>
      </c>
      <c r="BW899" s="53">
        <v>219211910.374006</v>
      </c>
      <c r="BX899" s="53">
        <v>236643794.76525199</v>
      </c>
      <c r="BY899" s="53">
        <v>231045801.89569601</v>
      </c>
      <c r="BZ899" s="53">
        <v>223343033.79452601</v>
      </c>
      <c r="CA899" s="53">
        <v>2614518944.30866</v>
      </c>
      <c r="CB899" s="53"/>
      <c r="CC899" s="53"/>
      <c r="CD899" s="53"/>
      <c r="CE899" s="53"/>
      <c r="CF899" s="53"/>
      <c r="CG899" s="53"/>
      <c r="CH899" s="53"/>
      <c r="CI899" s="53"/>
      <c r="CJ899" s="53"/>
      <c r="CK899" s="53"/>
      <c r="CL899" s="53"/>
      <c r="CM899" s="53"/>
      <c r="CN899" s="53"/>
    </row>
    <row r="900" spans="1:92" outlineLevel="1">
      <c r="A900" s="52" t="s">
        <v>1384</v>
      </c>
      <c r="B900" s="53"/>
      <c r="C900" s="53"/>
      <c r="D900" s="53"/>
      <c r="E900" s="53"/>
      <c r="F900" s="53"/>
      <c r="G900" s="53"/>
      <c r="H900" s="53"/>
      <c r="I900" s="53"/>
      <c r="J900" s="53"/>
      <c r="K900" s="53"/>
      <c r="L900" s="53"/>
      <c r="M900" s="53"/>
      <c r="N900" s="53"/>
      <c r="O900" s="53"/>
      <c r="P900" s="53"/>
      <c r="Q900" s="53"/>
      <c r="R900" s="53"/>
      <c r="S900" s="53"/>
      <c r="T900" s="53"/>
      <c r="U900" s="53"/>
      <c r="V900" s="53"/>
      <c r="W900" s="53"/>
      <c r="X900" s="53"/>
      <c r="Y900" s="53"/>
      <c r="Z900" s="53"/>
      <c r="AA900" s="53"/>
      <c r="AB900" s="53"/>
      <c r="AC900" s="53"/>
      <c r="AD900" s="53"/>
      <c r="AE900" s="53"/>
      <c r="AF900" s="53"/>
      <c r="AG900" s="53"/>
      <c r="AH900" s="53"/>
      <c r="AI900" s="53"/>
      <c r="AJ900" s="53"/>
      <c r="AK900" s="53"/>
      <c r="AL900" s="53"/>
      <c r="AM900" s="53"/>
      <c r="AN900" s="53"/>
      <c r="AO900" s="53"/>
      <c r="AP900" s="53"/>
      <c r="AQ900" s="53"/>
      <c r="AR900" s="53"/>
      <c r="AS900" s="53"/>
      <c r="AT900" s="53"/>
      <c r="AU900" s="53"/>
      <c r="AV900" s="53"/>
      <c r="AW900" s="53"/>
      <c r="AX900" s="53"/>
      <c r="AY900" s="53"/>
      <c r="AZ900" s="53"/>
      <c r="BA900" s="53"/>
      <c r="BB900" s="53"/>
      <c r="BC900" s="53"/>
      <c r="BD900" s="53"/>
      <c r="BE900" s="53"/>
      <c r="BF900" s="53"/>
      <c r="BG900" s="53"/>
      <c r="BH900" s="53"/>
      <c r="BI900" s="53"/>
      <c r="BJ900" s="53"/>
      <c r="BK900" s="53"/>
      <c r="BL900" s="53"/>
      <c r="BM900" s="53"/>
      <c r="BN900" s="53"/>
      <c r="BO900" s="53"/>
      <c r="BP900" s="53"/>
      <c r="BQ900" s="53"/>
      <c r="BR900" s="53"/>
      <c r="BS900" s="53"/>
      <c r="BT900" s="53"/>
      <c r="BU900" s="53"/>
      <c r="BV900" s="53"/>
      <c r="BW900" s="53"/>
      <c r="BX900" s="53"/>
      <c r="BY900" s="53"/>
      <c r="BZ900" s="53"/>
      <c r="CA900" s="53"/>
      <c r="CB900" s="53"/>
      <c r="CC900" s="53"/>
      <c r="CD900" s="53"/>
      <c r="CE900" s="53"/>
      <c r="CF900" s="53"/>
      <c r="CG900" s="53"/>
      <c r="CH900" s="53"/>
      <c r="CI900" s="53"/>
      <c r="CJ900" s="53"/>
      <c r="CK900" s="53"/>
      <c r="CL900" s="53"/>
      <c r="CM900" s="53"/>
      <c r="CN900" s="53"/>
    </row>
    <row r="901" spans="1:92" outlineLevel="1">
      <c r="A901" s="52" t="s">
        <v>649</v>
      </c>
      <c r="B901" s="53">
        <v>-554610</v>
      </c>
      <c r="C901" s="53">
        <v>-39360</v>
      </c>
      <c r="D901" s="53">
        <v>-7627280</v>
      </c>
      <c r="E901" s="53">
        <v>-1365350</v>
      </c>
      <c r="F901" s="53">
        <v>-71813500</v>
      </c>
      <c r="G901" s="53">
        <v>-2731740</v>
      </c>
      <c r="H901" s="53">
        <v>-167029.99999999901</v>
      </c>
      <c r="I901" s="53">
        <v>-253980</v>
      </c>
      <c r="J901" s="53">
        <v>-608110</v>
      </c>
      <c r="K901" s="53">
        <v>-54719770</v>
      </c>
      <c r="L901" s="53">
        <v>-2525649.9999999902</v>
      </c>
      <c r="M901" s="53">
        <v>6910090</v>
      </c>
      <c r="N901" s="53">
        <v>-135496290</v>
      </c>
      <c r="O901" s="53"/>
      <c r="P901" s="53"/>
      <c r="Q901" s="53"/>
      <c r="R901" s="53"/>
      <c r="S901" s="53"/>
      <c r="T901" s="53"/>
      <c r="U901" s="53"/>
      <c r="V901" s="53"/>
      <c r="W901" s="53"/>
      <c r="X901" s="53"/>
      <c r="Y901" s="53"/>
      <c r="Z901" s="53"/>
      <c r="AA901" s="53"/>
      <c r="AB901" s="53"/>
      <c r="AC901" s="53"/>
      <c r="AD901" s="53"/>
      <c r="AE901" s="53"/>
      <c r="AF901" s="53"/>
      <c r="AG901" s="53"/>
      <c r="AH901" s="53"/>
      <c r="AI901" s="53"/>
      <c r="AJ901" s="53"/>
      <c r="AK901" s="53"/>
      <c r="AL901" s="53"/>
      <c r="AM901" s="53"/>
      <c r="AN901" s="53"/>
      <c r="AO901" s="53"/>
      <c r="AP901" s="53"/>
      <c r="AQ901" s="53"/>
      <c r="AR901" s="53"/>
      <c r="AS901" s="53"/>
      <c r="AT901" s="53"/>
      <c r="AU901" s="53"/>
      <c r="AV901" s="53"/>
      <c r="AW901" s="53"/>
      <c r="AX901" s="53"/>
      <c r="AY901" s="53"/>
      <c r="AZ901" s="53"/>
      <c r="BA901" s="53"/>
      <c r="BB901" s="53"/>
      <c r="BC901" s="53"/>
      <c r="BD901" s="53"/>
      <c r="BE901" s="53"/>
      <c r="BF901" s="53"/>
      <c r="BG901" s="53"/>
      <c r="BH901" s="53"/>
      <c r="BI901" s="53"/>
      <c r="BJ901" s="53"/>
      <c r="BK901" s="53"/>
      <c r="BL901" s="53"/>
      <c r="BM901" s="53"/>
      <c r="BN901" s="53"/>
      <c r="BO901" s="53"/>
      <c r="BP901" s="53"/>
      <c r="BQ901" s="53"/>
      <c r="BR901" s="53"/>
      <c r="BS901" s="53"/>
      <c r="BT901" s="53"/>
      <c r="BU901" s="53"/>
      <c r="BV901" s="53"/>
      <c r="BW901" s="53"/>
      <c r="BX901" s="53"/>
      <c r="BY901" s="53"/>
      <c r="BZ901" s="53"/>
      <c r="CA901" s="53"/>
      <c r="CB901" s="53">
        <v>84849019.661116302</v>
      </c>
      <c r="CC901" s="53">
        <v>80638335.818622395</v>
      </c>
      <c r="CD901" s="53">
        <v>141855068.726616</v>
      </c>
      <c r="CE901" s="53">
        <v>65071067.381324001</v>
      </c>
      <c r="CF901" s="53">
        <v>64583708.528266102</v>
      </c>
      <c r="CG901" s="53">
        <v>533105490.71989799</v>
      </c>
      <c r="CH901" s="53">
        <v>84941868.224685103</v>
      </c>
      <c r="CI901" s="53">
        <v>81106711.098046005</v>
      </c>
      <c r="CJ901" s="53">
        <v>156861231.42036501</v>
      </c>
      <c r="CK901" s="53">
        <v>80791442.160578504</v>
      </c>
      <c r="CL901" s="53">
        <v>120740389.49302</v>
      </c>
      <c r="CM901" s="53">
        <v>659426696.48250496</v>
      </c>
      <c r="CN901" s="53">
        <v>2153971029.7150402</v>
      </c>
    </row>
    <row r="902" spans="1:92" outlineLevel="1">
      <c r="A902" s="52" t="s">
        <v>674</v>
      </c>
      <c r="B902" s="53"/>
      <c r="C902" s="53"/>
      <c r="D902" s="53"/>
      <c r="E902" s="53"/>
      <c r="F902" s="53"/>
      <c r="G902" s="53"/>
      <c r="H902" s="53"/>
      <c r="I902" s="53"/>
      <c r="J902" s="53"/>
      <c r="K902" s="53"/>
      <c r="L902" s="53"/>
      <c r="M902" s="53"/>
      <c r="N902" s="53"/>
      <c r="O902" s="53"/>
      <c r="P902" s="53"/>
      <c r="Q902" s="53"/>
      <c r="R902" s="53"/>
      <c r="S902" s="53"/>
      <c r="T902" s="53"/>
      <c r="U902" s="53"/>
      <c r="V902" s="53"/>
      <c r="W902" s="53"/>
      <c r="X902" s="53"/>
      <c r="Y902" s="53"/>
      <c r="Z902" s="53"/>
      <c r="AA902" s="53"/>
      <c r="AB902" s="53"/>
      <c r="AC902" s="53"/>
      <c r="AD902" s="53"/>
      <c r="AE902" s="53"/>
      <c r="AF902" s="53"/>
      <c r="AG902" s="53"/>
      <c r="AH902" s="53"/>
      <c r="AI902" s="53"/>
      <c r="AJ902" s="53"/>
      <c r="AK902" s="53"/>
      <c r="AL902" s="53"/>
      <c r="AM902" s="53"/>
      <c r="AN902" s="53"/>
      <c r="AO902" s="53"/>
      <c r="AP902" s="53"/>
      <c r="AQ902" s="53"/>
      <c r="AR902" s="53"/>
      <c r="AS902" s="53"/>
      <c r="AT902" s="53"/>
      <c r="AU902" s="53"/>
      <c r="AV902" s="53"/>
      <c r="AW902" s="53"/>
      <c r="AX902" s="53"/>
      <c r="AY902" s="53"/>
      <c r="AZ902" s="53"/>
      <c r="BA902" s="53"/>
      <c r="BB902" s="53"/>
      <c r="BC902" s="53"/>
      <c r="BD902" s="53"/>
      <c r="BE902" s="53"/>
      <c r="BF902" s="53"/>
      <c r="BG902" s="53"/>
      <c r="BH902" s="53"/>
      <c r="BI902" s="53"/>
      <c r="BJ902" s="53"/>
      <c r="BK902" s="53"/>
      <c r="BL902" s="53"/>
      <c r="BM902" s="53"/>
      <c r="BN902" s="53"/>
      <c r="BO902" s="53"/>
      <c r="BP902" s="53"/>
      <c r="BQ902" s="53"/>
      <c r="BR902" s="53"/>
      <c r="BS902" s="53"/>
      <c r="BT902" s="53"/>
      <c r="BU902" s="53"/>
      <c r="BV902" s="53"/>
      <c r="BW902" s="53"/>
      <c r="BX902" s="53"/>
      <c r="BY902" s="53"/>
      <c r="BZ902" s="53"/>
      <c r="CA902" s="53"/>
      <c r="CB902" s="53"/>
      <c r="CC902" s="53"/>
      <c r="CD902" s="53"/>
      <c r="CE902" s="53"/>
      <c r="CF902" s="53"/>
      <c r="CG902" s="53"/>
      <c r="CH902" s="53"/>
      <c r="CI902" s="53"/>
      <c r="CJ902" s="53"/>
      <c r="CK902" s="53"/>
      <c r="CL902" s="53"/>
      <c r="CM902" s="53"/>
      <c r="CN902" s="53"/>
    </row>
    <row r="903" spans="1:92" outlineLevel="1">
      <c r="A903" s="52" t="s">
        <v>649</v>
      </c>
      <c r="B903" s="53">
        <v>659509.99999999895</v>
      </c>
      <c r="C903" s="53">
        <v>693460</v>
      </c>
      <c r="D903" s="53">
        <v>768239.99999999895</v>
      </c>
      <c r="E903" s="53">
        <v>769809.99999999895</v>
      </c>
      <c r="F903" s="53">
        <v>675849.99999999895</v>
      </c>
      <c r="G903" s="53">
        <v>649280</v>
      </c>
      <c r="H903" s="53">
        <v>480100</v>
      </c>
      <c r="I903" s="53">
        <v>406610</v>
      </c>
      <c r="J903" s="53">
        <v>359680</v>
      </c>
      <c r="K903" s="53">
        <v>351859.99999999901</v>
      </c>
      <c r="L903" s="53">
        <v>402550</v>
      </c>
      <c r="M903" s="53">
        <v>423819.99999999901</v>
      </c>
      <c r="N903" s="53">
        <v>6640769.9999999898</v>
      </c>
      <c r="O903" s="53">
        <v>469075.49381196802</v>
      </c>
      <c r="P903" s="53">
        <v>514533.18557887501</v>
      </c>
      <c r="Q903" s="53">
        <v>546684.14014808601</v>
      </c>
      <c r="R903" s="53">
        <v>571537.42212952406</v>
      </c>
      <c r="S903" s="53">
        <v>434018.48589882901</v>
      </c>
      <c r="T903" s="53">
        <v>461650.855758561</v>
      </c>
      <c r="U903" s="53">
        <v>485421.43484528299</v>
      </c>
      <c r="V903" s="53">
        <v>508300.62828345899</v>
      </c>
      <c r="W903" s="53">
        <v>530751.76839785499</v>
      </c>
      <c r="X903" s="53">
        <v>556818.50764614297</v>
      </c>
      <c r="Y903" s="53">
        <v>585975.158550789</v>
      </c>
      <c r="Z903" s="53">
        <v>612168.84344826604</v>
      </c>
      <c r="AA903" s="53">
        <v>6276935.9244976398</v>
      </c>
      <c r="AB903" s="53">
        <v>629646.84760394902</v>
      </c>
      <c r="AC903" s="53">
        <v>386002.92051833402</v>
      </c>
      <c r="AD903" s="53">
        <v>409161.31784538599</v>
      </c>
      <c r="AE903" s="53">
        <v>431669.12717703503</v>
      </c>
      <c r="AF903" s="53">
        <v>453970.72370911698</v>
      </c>
      <c r="AG903" s="53">
        <v>475548.87893423298</v>
      </c>
      <c r="AH903" s="53">
        <v>497348.59376690502</v>
      </c>
      <c r="AI903" s="53">
        <v>517766.12873328797</v>
      </c>
      <c r="AJ903" s="53">
        <v>539082.07158123597</v>
      </c>
      <c r="AK903" s="53">
        <v>367469.142248191</v>
      </c>
      <c r="AL903" s="53">
        <v>382530.85720435699</v>
      </c>
      <c r="AM903" s="53">
        <v>161548.96074721299</v>
      </c>
      <c r="AN903" s="53">
        <v>5251745.5700692497</v>
      </c>
      <c r="AO903" s="53">
        <v>165747.99787365401</v>
      </c>
      <c r="AP903" s="53">
        <v>171676.72019238601</v>
      </c>
      <c r="AQ903" s="53">
        <v>176681.904824992</v>
      </c>
      <c r="AR903" s="53">
        <v>181732.04937467899</v>
      </c>
      <c r="AS903" s="53">
        <v>186459.19055793001</v>
      </c>
      <c r="AT903" s="53">
        <v>191039.59711827699</v>
      </c>
      <c r="AU903" s="53">
        <v>196115.94614693301</v>
      </c>
      <c r="AV903" s="53">
        <v>201153.25668833099</v>
      </c>
      <c r="AW903" s="53">
        <v>206532.43743080701</v>
      </c>
      <c r="AX903" s="53">
        <v>211667.60756329601</v>
      </c>
      <c r="AY903" s="53">
        <v>215837.38486479199</v>
      </c>
      <c r="AZ903" s="53">
        <v>33643.239406726301</v>
      </c>
      <c r="BA903" s="53">
        <v>2138287.33204281</v>
      </c>
      <c r="BB903" s="53">
        <v>34123.487734871</v>
      </c>
      <c r="BC903" s="53">
        <v>40505.060553925403</v>
      </c>
      <c r="BD903" s="53">
        <v>52269.287573822803</v>
      </c>
      <c r="BE903" s="53">
        <v>64127.903262057</v>
      </c>
      <c r="BF903" s="53">
        <v>76081.928462397307</v>
      </c>
      <c r="BG903" s="53">
        <v>88132.397223583102</v>
      </c>
      <c r="BH903" s="53">
        <v>100280.356992029</v>
      </c>
      <c r="BI903" s="53">
        <v>112526.868807579</v>
      </c>
      <c r="BJ903" s="53">
        <v>124873.00750235999</v>
      </c>
      <c r="BK903" s="53">
        <v>137319.86190318799</v>
      </c>
      <c r="BL903" s="53">
        <v>149868.53503674999</v>
      </c>
      <c r="BM903" s="53">
        <v>162520.14433868899</v>
      </c>
      <c r="BN903" s="53">
        <v>1142628.8393912499</v>
      </c>
      <c r="BO903" s="53">
        <v>172296.31591302899</v>
      </c>
      <c r="BP903" s="53">
        <v>185313.97451285401</v>
      </c>
      <c r="BQ903" s="53">
        <v>32358.934880170302</v>
      </c>
      <c r="BR903" s="53">
        <v>38282.608624829998</v>
      </c>
      <c r="BS903" s="53">
        <v>44253.834543143799</v>
      </c>
      <c r="BT903" s="53">
        <v>50273.127764053403</v>
      </c>
      <c r="BU903" s="53">
        <v>56341.010090416399</v>
      </c>
      <c r="BV903" s="53">
        <v>62458.010096514503</v>
      </c>
      <c r="BW903" s="53">
        <v>68624.663227103694</v>
      </c>
      <c r="BX903" s="53">
        <v>74841.511898255107</v>
      </c>
      <c r="BY903" s="53">
        <v>81109.1055995426</v>
      </c>
      <c r="BZ903" s="53">
        <v>87428.000998212199</v>
      </c>
      <c r="CA903" s="53">
        <v>953581.09814812604</v>
      </c>
      <c r="CB903" s="53">
        <v>-15710272.7989663</v>
      </c>
      <c r="CC903" s="53">
        <v>-17399396.434068099</v>
      </c>
      <c r="CD903" s="53">
        <v>-21624700.480832901</v>
      </c>
      <c r="CE903" s="53">
        <v>-15896218.8440332</v>
      </c>
      <c r="CF903" s="53">
        <v>-15827346.7604503</v>
      </c>
      <c r="CG903" s="53">
        <v>-27659435.681952599</v>
      </c>
      <c r="CH903" s="53">
        <v>-16288409.9248577</v>
      </c>
      <c r="CI903" s="53">
        <v>-15840655.745694</v>
      </c>
      <c r="CJ903" s="53">
        <v>-21441702.350702502</v>
      </c>
      <c r="CK903" s="53">
        <v>-15825382.0499967</v>
      </c>
      <c r="CL903" s="53">
        <v>-19499496.825794902</v>
      </c>
      <c r="CM903" s="53">
        <v>-80831761.358135104</v>
      </c>
      <c r="CN903" s="53">
        <v>-283844779.25548398</v>
      </c>
    </row>
    <row r="904" spans="1:92" outlineLevel="1">
      <c r="A904" s="52" t="s">
        <v>1353</v>
      </c>
      <c r="B904" s="53"/>
      <c r="C904" s="53"/>
      <c r="D904" s="53"/>
      <c r="E904" s="53"/>
      <c r="F904" s="53"/>
      <c r="G904" s="53"/>
      <c r="H904" s="53"/>
      <c r="I904" s="53"/>
      <c r="J904" s="53"/>
      <c r="K904" s="53"/>
      <c r="L904" s="53"/>
      <c r="M904" s="53"/>
      <c r="N904" s="53"/>
      <c r="O904" s="53"/>
      <c r="P904" s="53"/>
      <c r="Q904" s="53"/>
      <c r="R904" s="53"/>
      <c r="S904" s="53"/>
      <c r="T904" s="53"/>
      <c r="U904" s="53"/>
      <c r="V904" s="53"/>
      <c r="W904" s="53"/>
      <c r="X904" s="53"/>
      <c r="Y904" s="53"/>
      <c r="Z904" s="53"/>
      <c r="AA904" s="53"/>
      <c r="AB904" s="53"/>
      <c r="AC904" s="53"/>
      <c r="AD904" s="53"/>
      <c r="AE904" s="53"/>
      <c r="AF904" s="53"/>
      <c r="AG904" s="53"/>
      <c r="AH904" s="53"/>
      <c r="AI904" s="53"/>
      <c r="AJ904" s="53"/>
      <c r="AK904" s="53"/>
      <c r="AL904" s="53"/>
      <c r="AM904" s="53"/>
      <c r="AN904" s="53"/>
      <c r="AO904" s="53"/>
      <c r="AP904" s="53"/>
      <c r="AQ904" s="53"/>
      <c r="AR904" s="53"/>
      <c r="AS904" s="53"/>
      <c r="AT904" s="53"/>
      <c r="AU904" s="53"/>
      <c r="AV904" s="53"/>
      <c r="AW904" s="53"/>
      <c r="AX904" s="53"/>
      <c r="AY904" s="53"/>
      <c r="AZ904" s="53"/>
      <c r="BA904" s="53"/>
      <c r="BB904" s="53"/>
      <c r="BC904" s="53"/>
      <c r="BD904" s="53"/>
      <c r="BE904" s="53"/>
      <c r="BF904" s="53"/>
      <c r="BG904" s="53"/>
      <c r="BH904" s="53"/>
      <c r="BI904" s="53"/>
      <c r="BJ904" s="53"/>
      <c r="BK904" s="53"/>
      <c r="BL904" s="53"/>
      <c r="BM904" s="53"/>
      <c r="BN904" s="53"/>
      <c r="BO904" s="53"/>
      <c r="BP904" s="53"/>
      <c r="BQ904" s="53"/>
      <c r="BR904" s="53"/>
      <c r="BS904" s="53"/>
      <c r="BT904" s="53"/>
      <c r="BU904" s="53"/>
      <c r="BV904" s="53"/>
      <c r="BW904" s="53"/>
      <c r="BX904" s="53"/>
      <c r="BY904" s="53"/>
      <c r="BZ904" s="53"/>
      <c r="CA904" s="53"/>
      <c r="CB904" s="53"/>
      <c r="CC904" s="53"/>
      <c r="CD904" s="53"/>
      <c r="CE904" s="53"/>
      <c r="CF904" s="53"/>
      <c r="CG904" s="53"/>
      <c r="CH904" s="53"/>
      <c r="CI904" s="53"/>
      <c r="CJ904" s="53"/>
      <c r="CK904" s="53"/>
      <c r="CL904" s="53"/>
      <c r="CM904" s="53"/>
      <c r="CN904" s="53"/>
    </row>
    <row r="905" spans="1:92" outlineLevel="1">
      <c r="A905" s="52" t="s">
        <v>649</v>
      </c>
      <c r="B905" s="53">
        <v>1622560</v>
      </c>
      <c r="C905" s="53">
        <v>1691760</v>
      </c>
      <c r="D905" s="53">
        <v>1904310</v>
      </c>
      <c r="E905" s="53">
        <v>1893910</v>
      </c>
      <c r="F905" s="53">
        <v>1662800</v>
      </c>
      <c r="G905" s="53">
        <v>1600369.99999999</v>
      </c>
      <c r="H905" s="53">
        <v>1181150</v>
      </c>
      <c r="I905" s="53">
        <v>1000329.99999999</v>
      </c>
      <c r="J905" s="53">
        <v>895980</v>
      </c>
      <c r="K905" s="53">
        <v>876529.99999999895</v>
      </c>
      <c r="L905" s="53">
        <v>1002770</v>
      </c>
      <c r="M905" s="53">
        <v>1055530</v>
      </c>
      <c r="N905" s="53">
        <v>16388000</v>
      </c>
      <c r="O905" s="53">
        <v>1213230.10722226</v>
      </c>
      <c r="P905" s="53">
        <v>1333817.43931296</v>
      </c>
      <c r="Q905" s="53">
        <v>1420371.8023036099</v>
      </c>
      <c r="R905" s="53">
        <v>1488307.9619535401</v>
      </c>
      <c r="S905" s="53">
        <v>1132762.6668505401</v>
      </c>
      <c r="T905" s="53">
        <v>1207610.5845894199</v>
      </c>
      <c r="U905" s="53">
        <v>1272666.9964364599</v>
      </c>
      <c r="V905" s="53">
        <v>1335669.6107872201</v>
      </c>
      <c r="W905" s="53">
        <v>1397823.74817533</v>
      </c>
      <c r="X905" s="53">
        <v>1469796.4463434899</v>
      </c>
      <c r="Y905" s="53">
        <v>1550262.7165203199</v>
      </c>
      <c r="Z905" s="53">
        <v>1623229.3466004401</v>
      </c>
      <c r="AA905" s="53">
        <v>16445549.427095599</v>
      </c>
      <c r="AB905" s="53">
        <v>1628536.39234651</v>
      </c>
      <c r="AC905" s="53">
        <v>1000630.1662231</v>
      </c>
      <c r="AD905" s="53">
        <v>1063065.7737821799</v>
      </c>
      <c r="AE905" s="53">
        <v>1124084.9225818799</v>
      </c>
      <c r="AF905" s="53">
        <v>1184836.8315369</v>
      </c>
      <c r="AG905" s="53">
        <v>1243965.76444549</v>
      </c>
      <c r="AH905" s="53">
        <v>1303937.35334939</v>
      </c>
      <c r="AI905" s="53">
        <v>1360542.25622231</v>
      </c>
      <c r="AJ905" s="53">
        <v>1419762.99795754</v>
      </c>
      <c r="AK905" s="53">
        <v>969983.63380643597</v>
      </c>
      <c r="AL905" s="53">
        <v>1012028.09912474</v>
      </c>
      <c r="AM905" s="53">
        <v>428363.86857025803</v>
      </c>
      <c r="AN905" s="53">
        <v>13739738.059946701</v>
      </c>
      <c r="AO905" s="53">
        <v>428695.30360231898</v>
      </c>
      <c r="AP905" s="53">
        <v>445035.24696670199</v>
      </c>
      <c r="AQ905" s="53">
        <v>459047.51420579402</v>
      </c>
      <c r="AR905" s="53">
        <v>473238.05153247598</v>
      </c>
      <c r="AS905" s="53">
        <v>486647.497324411</v>
      </c>
      <c r="AT905" s="53">
        <v>499731.424036148</v>
      </c>
      <c r="AU905" s="53">
        <v>514172.37521796598</v>
      </c>
      <c r="AV905" s="53">
        <v>528573.59822041704</v>
      </c>
      <c r="AW905" s="53">
        <v>543937.793520284</v>
      </c>
      <c r="AX905" s="53">
        <v>558724.77859566896</v>
      </c>
      <c r="AY905" s="53">
        <v>571021.90375214396</v>
      </c>
      <c r="AZ905" s="53">
        <v>89208.547779216897</v>
      </c>
      <c r="BA905" s="53">
        <v>5598034.0347535498</v>
      </c>
      <c r="BB905" s="53">
        <v>88257.952567376298</v>
      </c>
      <c r="BC905" s="53">
        <v>105000.722327504</v>
      </c>
      <c r="BD905" s="53">
        <v>135803.870542588</v>
      </c>
      <c r="BE905" s="53">
        <v>166991.81070715</v>
      </c>
      <c r="BF905" s="53">
        <v>198569.34896613299</v>
      </c>
      <c r="BG905" s="53">
        <v>230541.35913505199</v>
      </c>
      <c r="BH905" s="53">
        <v>262912.78376551101</v>
      </c>
      <c r="BI905" s="53">
        <v>295688.63522928703</v>
      </c>
      <c r="BJ905" s="53">
        <v>328873.99682111002</v>
      </c>
      <c r="BK905" s="53">
        <v>362474.02388059499</v>
      </c>
      <c r="BL905" s="53">
        <v>396493.94493376999</v>
      </c>
      <c r="BM905" s="53">
        <v>430939.06285446999</v>
      </c>
      <c r="BN905" s="53">
        <v>3002547.5117305499</v>
      </c>
      <c r="BO905" s="53">
        <v>445632.05835041997</v>
      </c>
      <c r="BP905" s="53">
        <v>480386.91746492498</v>
      </c>
      <c r="BQ905" s="53">
        <v>84073.627312331999</v>
      </c>
      <c r="BR905" s="53">
        <v>99689.554899825598</v>
      </c>
      <c r="BS905" s="53">
        <v>115499.899806432</v>
      </c>
      <c r="BT905" s="53">
        <v>131507.09123788201</v>
      </c>
      <c r="BU905" s="53">
        <v>147713.59264516199</v>
      </c>
      <c r="BV905" s="53">
        <v>164121.902264567</v>
      </c>
      <c r="BW905" s="53">
        <v>180734.553667042</v>
      </c>
      <c r="BX905" s="53">
        <v>197554.116317081</v>
      </c>
      <c r="BY905" s="53">
        <v>214583.19614138</v>
      </c>
      <c r="BZ905" s="53">
        <v>231824.43610739501</v>
      </c>
      <c r="CA905" s="53">
        <v>2493320.9462144398</v>
      </c>
      <c r="CB905" s="53"/>
      <c r="CC905" s="53"/>
      <c r="CD905" s="53"/>
      <c r="CE905" s="53"/>
      <c r="CF905" s="53"/>
      <c r="CG905" s="53"/>
      <c r="CH905" s="53"/>
      <c r="CI905" s="53"/>
      <c r="CJ905" s="53"/>
      <c r="CK905" s="53"/>
      <c r="CL905" s="53"/>
      <c r="CM905" s="53"/>
      <c r="CN905" s="53"/>
    </row>
    <row r="906" spans="1:92" outlineLevel="1">
      <c r="A906" s="52" t="s">
        <v>1354</v>
      </c>
      <c r="B906" s="53"/>
      <c r="C906" s="53"/>
      <c r="D906" s="53"/>
      <c r="E906" s="53"/>
      <c r="F906" s="53"/>
      <c r="G906" s="53"/>
      <c r="H906" s="53"/>
      <c r="I906" s="53"/>
      <c r="J906" s="53"/>
      <c r="K906" s="53"/>
      <c r="L906" s="53"/>
      <c r="M906" s="53"/>
      <c r="N906" s="53"/>
      <c r="O906" s="53"/>
      <c r="P906" s="53"/>
      <c r="Q906" s="53"/>
      <c r="R906" s="53"/>
      <c r="S906" s="53"/>
      <c r="T906" s="53"/>
      <c r="U906" s="53"/>
      <c r="V906" s="53"/>
      <c r="W906" s="53"/>
      <c r="X906" s="53"/>
      <c r="Y906" s="53"/>
      <c r="Z906" s="53"/>
      <c r="AA906" s="53"/>
      <c r="AB906" s="53"/>
      <c r="AC906" s="53"/>
      <c r="AD906" s="53"/>
      <c r="AE906" s="53"/>
      <c r="AF906" s="53"/>
      <c r="AG906" s="53"/>
      <c r="AH906" s="53"/>
      <c r="AI906" s="53"/>
      <c r="AJ906" s="53"/>
      <c r="AK906" s="53"/>
      <c r="AL906" s="53"/>
      <c r="AM906" s="53"/>
      <c r="AN906" s="53"/>
      <c r="AO906" s="53"/>
      <c r="AP906" s="53"/>
      <c r="AQ906" s="53"/>
      <c r="AR906" s="53"/>
      <c r="AS906" s="53"/>
      <c r="AT906" s="53"/>
      <c r="AU906" s="53"/>
      <c r="AV906" s="53"/>
      <c r="AW906" s="53"/>
      <c r="AX906" s="53"/>
      <c r="AY906" s="53"/>
      <c r="AZ906" s="53"/>
      <c r="BA906" s="53"/>
      <c r="BB906" s="53"/>
      <c r="BC906" s="53"/>
      <c r="BD906" s="53"/>
      <c r="BE906" s="53"/>
      <c r="BF906" s="53"/>
      <c r="BG906" s="53"/>
      <c r="BH906" s="53"/>
      <c r="BI906" s="53"/>
      <c r="BJ906" s="53"/>
      <c r="BK906" s="53"/>
      <c r="BL906" s="53"/>
      <c r="BM906" s="53"/>
      <c r="BN906" s="53"/>
      <c r="BO906" s="53"/>
      <c r="BP906" s="53"/>
      <c r="BQ906" s="53"/>
      <c r="BR906" s="53"/>
      <c r="BS906" s="53"/>
      <c r="BT906" s="53"/>
      <c r="BU906" s="53"/>
      <c r="BV906" s="53"/>
      <c r="BW906" s="53"/>
      <c r="BX906" s="53"/>
      <c r="BY906" s="53"/>
      <c r="BZ906" s="53"/>
      <c r="CA906" s="53"/>
      <c r="CB906" s="53">
        <v>3372083.3333333302</v>
      </c>
      <c r="CC906" s="53">
        <v>3372083.3333333302</v>
      </c>
      <c r="CD906" s="53">
        <v>3372083.3333333302</v>
      </c>
      <c r="CE906" s="53">
        <v>3372083.3333333302</v>
      </c>
      <c r="CF906" s="53">
        <v>3372083.3333333302</v>
      </c>
      <c r="CG906" s="53">
        <v>3372083.3333333302</v>
      </c>
      <c r="CH906" s="53">
        <v>3372083.3333333302</v>
      </c>
      <c r="CI906" s="53">
        <v>3372083.3333333302</v>
      </c>
      <c r="CJ906" s="53">
        <v>3372083.3333333302</v>
      </c>
      <c r="CK906" s="53">
        <v>3372083.3333333302</v>
      </c>
      <c r="CL906" s="53">
        <v>3372083.3333333302</v>
      </c>
      <c r="CM906" s="53">
        <v>3372083.3333333302</v>
      </c>
      <c r="CN906" s="53">
        <v>40465000</v>
      </c>
    </row>
    <row r="907" spans="1:92" outlineLevel="1">
      <c r="A907" s="52" t="s">
        <v>649</v>
      </c>
      <c r="B907" s="53">
        <v>108408590</v>
      </c>
      <c r="C907" s="53">
        <v>111452680</v>
      </c>
      <c r="D907" s="53">
        <v>108808290</v>
      </c>
      <c r="E907" s="53">
        <v>134312200</v>
      </c>
      <c r="F907" s="53">
        <v>174416479.99999899</v>
      </c>
      <c r="G907" s="53">
        <v>413112169.99999899</v>
      </c>
      <c r="H907" s="53">
        <v>117550719.999999</v>
      </c>
      <c r="I907" s="53">
        <v>227291620</v>
      </c>
      <c r="J907" s="53">
        <v>121978579.999999</v>
      </c>
      <c r="K907" s="53">
        <v>155036370</v>
      </c>
      <c r="L907" s="53">
        <v>139047400</v>
      </c>
      <c r="M907" s="53">
        <v>194937180</v>
      </c>
      <c r="N907" s="53">
        <v>2006352280</v>
      </c>
      <c r="O907" s="53">
        <v>121166551.26905499</v>
      </c>
      <c r="P907" s="53">
        <v>150508708.96385899</v>
      </c>
      <c r="Q907" s="53">
        <v>584839899.55322599</v>
      </c>
      <c r="R907" s="53">
        <v>162012601.07420599</v>
      </c>
      <c r="S907" s="53">
        <v>275921187.15354598</v>
      </c>
      <c r="T907" s="53">
        <v>179277684.60468599</v>
      </c>
      <c r="U907" s="53">
        <v>91157880.287887096</v>
      </c>
      <c r="V907" s="53">
        <v>60384097.543088503</v>
      </c>
      <c r="W907" s="53">
        <v>135313618.62082499</v>
      </c>
      <c r="X907" s="53">
        <v>69191707.508709207</v>
      </c>
      <c r="Y907" s="53">
        <v>112144689.447539</v>
      </c>
      <c r="Z907" s="53">
        <v>678172992.36010301</v>
      </c>
      <c r="AA907" s="53">
        <v>2620091618.3867302</v>
      </c>
      <c r="AB907" s="53">
        <v>266067655.00898799</v>
      </c>
      <c r="AC907" s="53">
        <v>238408943.78914601</v>
      </c>
      <c r="AD907" s="53">
        <v>175465646.61439699</v>
      </c>
      <c r="AE907" s="53">
        <v>57570782.029548503</v>
      </c>
      <c r="AF907" s="53">
        <v>73965135.707148105</v>
      </c>
      <c r="AG907" s="53">
        <v>373946571.15931898</v>
      </c>
      <c r="AH907" s="53">
        <v>60619101.111657202</v>
      </c>
      <c r="AI907" s="53">
        <v>91459210.294759095</v>
      </c>
      <c r="AJ907" s="53">
        <v>147675373.26558101</v>
      </c>
      <c r="AK907" s="53">
        <v>197326577.30836299</v>
      </c>
      <c r="AL907" s="53">
        <v>136112309.40782699</v>
      </c>
      <c r="AM907" s="53">
        <v>986562991.128142</v>
      </c>
      <c r="AN907" s="53">
        <v>2805180296.8248701</v>
      </c>
      <c r="AO907" s="53">
        <v>99330194.873363599</v>
      </c>
      <c r="AP907" s="53">
        <v>53607959.479258999</v>
      </c>
      <c r="AQ907" s="53">
        <v>348435671.40704</v>
      </c>
      <c r="AR907" s="53">
        <v>100822069.088377</v>
      </c>
      <c r="AS907" s="53">
        <v>77276734.745471194</v>
      </c>
      <c r="AT907" s="53">
        <v>229717657.94964299</v>
      </c>
      <c r="AU907" s="53">
        <v>67882062.571247905</v>
      </c>
      <c r="AV907" s="53">
        <v>85671038.329333007</v>
      </c>
      <c r="AW907" s="53">
        <v>305261101.91206098</v>
      </c>
      <c r="AX907" s="53">
        <v>64980692.080906101</v>
      </c>
      <c r="AY907" s="53">
        <v>69542646.300630406</v>
      </c>
      <c r="AZ907" s="53">
        <v>1667714670.14533</v>
      </c>
      <c r="BA907" s="53">
        <v>3170242498.8826699</v>
      </c>
      <c r="BB907" s="53">
        <v>77466925.638372093</v>
      </c>
      <c r="BC907" s="53">
        <v>58265475.404640198</v>
      </c>
      <c r="BD907" s="53">
        <v>139476285.88325199</v>
      </c>
      <c r="BE907" s="53">
        <v>62032188.568349697</v>
      </c>
      <c r="BF907" s="53">
        <v>114991245.84185401</v>
      </c>
      <c r="BG907" s="53">
        <v>539921293.44122601</v>
      </c>
      <c r="BH907" s="53">
        <v>209220037.63718501</v>
      </c>
      <c r="BI907" s="53">
        <v>108548715.048696</v>
      </c>
      <c r="BJ907" s="53">
        <v>162883292.006643</v>
      </c>
      <c r="BK907" s="53">
        <v>86681716.513938695</v>
      </c>
      <c r="BL907" s="53">
        <v>91679468.020124897</v>
      </c>
      <c r="BM907" s="53">
        <v>574199851.305035</v>
      </c>
      <c r="BN907" s="53">
        <v>2225366495.30932</v>
      </c>
      <c r="BO907" s="53">
        <v>50156018.192467302</v>
      </c>
      <c r="BP907" s="53">
        <v>54814052.482335098</v>
      </c>
      <c r="BQ907" s="53">
        <v>238750029.86870101</v>
      </c>
      <c r="BR907" s="53">
        <v>67595378.712641701</v>
      </c>
      <c r="BS907" s="53">
        <v>88739205.807381794</v>
      </c>
      <c r="BT907" s="53">
        <v>534196520.81503803</v>
      </c>
      <c r="BU907" s="53">
        <v>235302756.47542199</v>
      </c>
      <c r="BV907" s="53">
        <v>91558132.615362301</v>
      </c>
      <c r="BW907" s="53">
        <v>169523560.05052301</v>
      </c>
      <c r="BX907" s="53">
        <v>149244843.85922101</v>
      </c>
      <c r="BY907" s="53">
        <v>93476718.409495801</v>
      </c>
      <c r="BZ907" s="53">
        <v>457145515.01068503</v>
      </c>
      <c r="CA907" s="53">
        <v>2230502732.2992702</v>
      </c>
      <c r="CB907" s="53"/>
      <c r="CC907" s="53"/>
      <c r="CD907" s="53"/>
      <c r="CE907" s="53"/>
      <c r="CF907" s="53"/>
      <c r="CG907" s="53"/>
      <c r="CH907" s="53"/>
      <c r="CI907" s="53"/>
      <c r="CJ907" s="53"/>
      <c r="CK907" s="53"/>
      <c r="CL907" s="53"/>
      <c r="CM907" s="53"/>
      <c r="CN907" s="53"/>
    </row>
    <row r="908" spans="1:92" outlineLevel="1">
      <c r="A908" s="52" t="s">
        <v>750</v>
      </c>
      <c r="B908" s="53"/>
      <c r="C908" s="53"/>
      <c r="D908" s="53"/>
      <c r="E908" s="53"/>
      <c r="F908" s="53"/>
      <c r="G908" s="53"/>
      <c r="H908" s="53"/>
      <c r="I908" s="53"/>
      <c r="J908" s="53"/>
      <c r="K908" s="53"/>
      <c r="L908" s="53"/>
      <c r="M908" s="53"/>
      <c r="N908" s="53"/>
      <c r="O908" s="53"/>
      <c r="P908" s="53"/>
      <c r="Q908" s="53"/>
      <c r="R908" s="53"/>
      <c r="S908" s="53"/>
      <c r="T908" s="53"/>
      <c r="U908" s="53"/>
      <c r="V908" s="53"/>
      <c r="W908" s="53"/>
      <c r="X908" s="53"/>
      <c r="Y908" s="53"/>
      <c r="Z908" s="53"/>
      <c r="AA908" s="53"/>
      <c r="AB908" s="53"/>
      <c r="AC908" s="53"/>
      <c r="AD908" s="53"/>
      <c r="AE908" s="53"/>
      <c r="AF908" s="53"/>
      <c r="AG908" s="53"/>
      <c r="AH908" s="53"/>
      <c r="AI908" s="53"/>
      <c r="AJ908" s="53"/>
      <c r="AK908" s="53"/>
      <c r="AL908" s="53"/>
      <c r="AM908" s="53"/>
      <c r="AN908" s="53"/>
      <c r="AO908" s="53"/>
      <c r="AP908" s="53"/>
      <c r="AQ908" s="53"/>
      <c r="AR908" s="53"/>
      <c r="AS908" s="53"/>
      <c r="AT908" s="53"/>
      <c r="AU908" s="53"/>
      <c r="AV908" s="53"/>
      <c r="AW908" s="53"/>
      <c r="AX908" s="53"/>
      <c r="AY908" s="53"/>
      <c r="AZ908" s="53"/>
      <c r="BA908" s="53"/>
      <c r="BB908" s="53"/>
      <c r="BC908" s="53"/>
      <c r="BD908" s="53"/>
      <c r="BE908" s="53"/>
      <c r="BF908" s="53"/>
      <c r="BG908" s="53"/>
      <c r="BH908" s="53"/>
      <c r="BI908" s="53"/>
      <c r="BJ908" s="53"/>
      <c r="BK908" s="53"/>
      <c r="BL908" s="53"/>
      <c r="BM908" s="53"/>
      <c r="BN908" s="53"/>
      <c r="BO908" s="53"/>
      <c r="BP908" s="53"/>
      <c r="BQ908" s="53"/>
      <c r="BR908" s="53"/>
      <c r="BS908" s="53"/>
      <c r="BT908" s="53"/>
      <c r="BU908" s="53"/>
      <c r="BV908" s="53"/>
      <c r="BW908" s="53"/>
      <c r="BX908" s="53"/>
      <c r="BY908" s="53"/>
      <c r="BZ908" s="53"/>
      <c r="CA908" s="53"/>
      <c r="CB908" s="53"/>
      <c r="CC908" s="53"/>
      <c r="CD908" s="53"/>
      <c r="CE908" s="53"/>
      <c r="CF908" s="53"/>
      <c r="CG908" s="53"/>
      <c r="CH908" s="53"/>
      <c r="CI908" s="53"/>
      <c r="CJ908" s="53"/>
      <c r="CK908" s="53"/>
      <c r="CL908" s="53"/>
      <c r="CM908" s="53"/>
      <c r="CN908" s="53"/>
    </row>
    <row r="909" spans="1:92" outlineLevel="1">
      <c r="A909" s="52" t="s">
        <v>1356</v>
      </c>
      <c r="B909" s="53"/>
      <c r="C909" s="53"/>
      <c r="D909" s="53"/>
      <c r="E909" s="53"/>
      <c r="F909" s="53"/>
      <c r="G909" s="53"/>
      <c r="H909" s="53"/>
      <c r="I909" s="53"/>
      <c r="J909" s="53"/>
      <c r="K909" s="53"/>
      <c r="L909" s="53"/>
      <c r="M909" s="53"/>
      <c r="N909" s="53"/>
      <c r="O909" s="53"/>
      <c r="P909" s="53"/>
      <c r="Q909" s="53"/>
      <c r="R909" s="53"/>
      <c r="S909" s="53"/>
      <c r="T909" s="53"/>
      <c r="U909" s="53"/>
      <c r="V909" s="53"/>
      <c r="W909" s="53"/>
      <c r="X909" s="53"/>
      <c r="Y909" s="53"/>
      <c r="Z909" s="53"/>
      <c r="AA909" s="53"/>
      <c r="AB909" s="53"/>
      <c r="AC909" s="53"/>
      <c r="AD909" s="53"/>
      <c r="AE909" s="53"/>
      <c r="AF909" s="53"/>
      <c r="AG909" s="53"/>
      <c r="AH909" s="53"/>
      <c r="AI909" s="53"/>
      <c r="AJ909" s="53"/>
      <c r="AK909" s="53"/>
      <c r="AL909" s="53"/>
      <c r="AM909" s="53"/>
      <c r="AN909" s="53"/>
      <c r="AO909" s="53"/>
      <c r="AP909" s="53"/>
      <c r="AQ909" s="53"/>
      <c r="AR909" s="53"/>
      <c r="AS909" s="53"/>
      <c r="AT909" s="53"/>
      <c r="AU909" s="53"/>
      <c r="AV909" s="53"/>
      <c r="AW909" s="53"/>
      <c r="AX909" s="53"/>
      <c r="AY909" s="53"/>
      <c r="AZ909" s="53"/>
      <c r="BA909" s="53"/>
      <c r="BB909" s="53"/>
      <c r="BC909" s="53"/>
      <c r="BD909" s="53"/>
      <c r="BE909" s="53"/>
      <c r="BF909" s="53"/>
      <c r="BG909" s="53"/>
      <c r="BH909" s="53"/>
      <c r="BI909" s="53"/>
      <c r="BJ909" s="53"/>
      <c r="BK909" s="53"/>
      <c r="BL909" s="53"/>
      <c r="BM909" s="53"/>
      <c r="BN909" s="53"/>
      <c r="BO909" s="53"/>
      <c r="BP909" s="53"/>
      <c r="BQ909" s="53"/>
      <c r="BR909" s="53"/>
      <c r="BS909" s="53"/>
      <c r="BT909" s="53"/>
      <c r="BU909" s="53"/>
      <c r="BV909" s="53"/>
      <c r="BW909" s="53"/>
      <c r="BX909" s="53"/>
      <c r="BY909" s="53"/>
      <c r="BZ909" s="53"/>
      <c r="CA909" s="53"/>
      <c r="CB909" s="53"/>
      <c r="CC909" s="53"/>
      <c r="CD909" s="53"/>
      <c r="CE909" s="53"/>
      <c r="CF909" s="53"/>
      <c r="CG909" s="53"/>
      <c r="CH909" s="53"/>
      <c r="CI909" s="53"/>
      <c r="CJ909" s="53"/>
      <c r="CK909" s="53"/>
      <c r="CL909" s="53"/>
      <c r="CM909" s="53"/>
      <c r="CN909" s="53"/>
    </row>
    <row r="910" spans="1:92" outlineLevel="1">
      <c r="A910" s="52" t="s">
        <v>649</v>
      </c>
      <c r="B910" s="53">
        <v>112335659.999999</v>
      </c>
      <c r="C910" s="53">
        <v>114391130</v>
      </c>
      <c r="D910" s="53">
        <v>109109079.999999</v>
      </c>
      <c r="E910" s="53">
        <v>141991179.99999899</v>
      </c>
      <c r="F910" s="53">
        <v>176603059.99999899</v>
      </c>
      <c r="G910" s="53">
        <v>418199270</v>
      </c>
      <c r="H910" s="53">
        <v>120752020</v>
      </c>
      <c r="I910" s="53">
        <v>228894259.99999899</v>
      </c>
      <c r="J910" s="53">
        <v>119496750</v>
      </c>
      <c r="K910" s="53">
        <v>156348550</v>
      </c>
      <c r="L910" s="53">
        <v>154448009.99999899</v>
      </c>
      <c r="M910" s="53">
        <v>200049209.99999899</v>
      </c>
      <c r="N910" s="53">
        <v>2052618180</v>
      </c>
      <c r="O910" s="53">
        <v>121166551.26905499</v>
      </c>
      <c r="P910" s="53">
        <v>150508708.96385899</v>
      </c>
      <c r="Q910" s="53">
        <v>584839899.55322599</v>
      </c>
      <c r="R910" s="53">
        <v>162012601.07420599</v>
      </c>
      <c r="S910" s="53">
        <v>275921187.15354598</v>
      </c>
      <c r="T910" s="53">
        <v>179277684.60468599</v>
      </c>
      <c r="U910" s="53">
        <v>91157880.287887096</v>
      </c>
      <c r="V910" s="53">
        <v>60384097.543088503</v>
      </c>
      <c r="W910" s="53">
        <v>135313618.62082499</v>
      </c>
      <c r="X910" s="53">
        <v>69191707.508709207</v>
      </c>
      <c r="Y910" s="53">
        <v>112144689.447539</v>
      </c>
      <c r="Z910" s="53">
        <v>678172992.36010396</v>
      </c>
      <c r="AA910" s="53">
        <v>2620091618.3867302</v>
      </c>
      <c r="AB910" s="53">
        <v>266067655.00898799</v>
      </c>
      <c r="AC910" s="53">
        <v>238408943.78914601</v>
      </c>
      <c r="AD910" s="53">
        <v>175465646.61439601</v>
      </c>
      <c r="AE910" s="53">
        <v>57570782.029548503</v>
      </c>
      <c r="AF910" s="53">
        <v>73965135.707148105</v>
      </c>
      <c r="AG910" s="53">
        <v>373946571.15931797</v>
      </c>
      <c r="AH910" s="53">
        <v>60619101.111657202</v>
      </c>
      <c r="AI910" s="53">
        <v>91459210.294759095</v>
      </c>
      <c r="AJ910" s="53">
        <v>147675373.26558101</v>
      </c>
      <c r="AK910" s="53">
        <v>197326577.30836299</v>
      </c>
      <c r="AL910" s="53">
        <v>136112309.40782699</v>
      </c>
      <c r="AM910" s="53">
        <v>986562991.128142</v>
      </c>
      <c r="AN910" s="53">
        <v>2805180296.8248701</v>
      </c>
      <c r="AO910" s="53">
        <v>99330194.873363495</v>
      </c>
      <c r="AP910" s="53">
        <v>53607959.479258999</v>
      </c>
      <c r="AQ910" s="53">
        <v>348435671.40704</v>
      </c>
      <c r="AR910" s="53">
        <v>100822069.088377</v>
      </c>
      <c r="AS910" s="53">
        <v>77276734.745471194</v>
      </c>
      <c r="AT910" s="53">
        <v>229717657.94964299</v>
      </c>
      <c r="AU910" s="53">
        <v>67882062.571247905</v>
      </c>
      <c r="AV910" s="53">
        <v>85671038.329333007</v>
      </c>
      <c r="AW910" s="53">
        <v>305261101.91206098</v>
      </c>
      <c r="AX910" s="53">
        <v>64980692.080906101</v>
      </c>
      <c r="AY910" s="53">
        <v>69542646.300630406</v>
      </c>
      <c r="AZ910" s="53">
        <v>1667714670.14533</v>
      </c>
      <c r="BA910" s="53">
        <v>3170242498.8826699</v>
      </c>
      <c r="BB910" s="53">
        <v>77466925.638372004</v>
      </c>
      <c r="BC910" s="53">
        <v>58265475.404640198</v>
      </c>
      <c r="BD910" s="53">
        <v>139476285.88325199</v>
      </c>
      <c r="BE910" s="53">
        <v>62032188.568349801</v>
      </c>
      <c r="BF910" s="53">
        <v>114991245.84185401</v>
      </c>
      <c r="BG910" s="53">
        <v>539921293.44122601</v>
      </c>
      <c r="BH910" s="53">
        <v>209220037.63718501</v>
      </c>
      <c r="BI910" s="53">
        <v>108548715.048696</v>
      </c>
      <c r="BJ910" s="53">
        <v>162883292.006643</v>
      </c>
      <c r="BK910" s="53">
        <v>86681716.513938695</v>
      </c>
      <c r="BL910" s="53">
        <v>91679468.020124793</v>
      </c>
      <c r="BM910" s="53">
        <v>574199851.30503595</v>
      </c>
      <c r="BN910" s="53">
        <v>2225366495.30932</v>
      </c>
      <c r="BO910" s="53">
        <v>50156018.192467302</v>
      </c>
      <c r="BP910" s="53">
        <v>54814052.482335098</v>
      </c>
      <c r="BQ910" s="53">
        <v>238750029.86870101</v>
      </c>
      <c r="BR910" s="53">
        <v>67595378.712641701</v>
      </c>
      <c r="BS910" s="53">
        <v>88739205.807381794</v>
      </c>
      <c r="BT910" s="53">
        <v>534196520.81503803</v>
      </c>
      <c r="BU910" s="53">
        <v>235302756.47542199</v>
      </c>
      <c r="BV910" s="53">
        <v>91558132.615362301</v>
      </c>
      <c r="BW910" s="53">
        <v>169523560.05052301</v>
      </c>
      <c r="BX910" s="53">
        <v>149244843.85922101</v>
      </c>
      <c r="BY910" s="53">
        <v>93476718.409495801</v>
      </c>
      <c r="BZ910" s="53">
        <v>457145515.01068503</v>
      </c>
      <c r="CA910" s="53">
        <v>2230502732.2992702</v>
      </c>
      <c r="CB910" s="53"/>
      <c r="CC910" s="53"/>
      <c r="CD910" s="53"/>
      <c r="CE910" s="53"/>
      <c r="CF910" s="53"/>
      <c r="CG910" s="53"/>
      <c r="CH910" s="53"/>
      <c r="CI910" s="53"/>
      <c r="CJ910" s="53"/>
      <c r="CK910" s="53"/>
      <c r="CL910" s="53"/>
      <c r="CM910" s="53"/>
      <c r="CN910" s="53"/>
    </row>
    <row r="911" spans="1:92" outlineLevel="1">
      <c r="A911" s="52" t="s">
        <v>1364</v>
      </c>
      <c r="B911" s="53"/>
      <c r="C911" s="53"/>
      <c r="D911" s="53"/>
      <c r="E911" s="53"/>
      <c r="F911" s="53"/>
      <c r="G911" s="53"/>
      <c r="H911" s="53"/>
      <c r="I911" s="53"/>
      <c r="J911" s="53"/>
      <c r="K911" s="53"/>
      <c r="L911" s="53"/>
      <c r="M911" s="53"/>
      <c r="N911" s="53"/>
      <c r="O911" s="53"/>
      <c r="P911" s="53"/>
      <c r="Q911" s="53"/>
      <c r="R911" s="53"/>
      <c r="S911" s="53"/>
      <c r="T911" s="53"/>
      <c r="U911" s="53"/>
      <c r="V911" s="53"/>
      <c r="W911" s="53"/>
      <c r="X911" s="53"/>
      <c r="Y911" s="53"/>
      <c r="Z911" s="53"/>
      <c r="AA911" s="53"/>
      <c r="AB911" s="53"/>
      <c r="AC911" s="53"/>
      <c r="AD911" s="53"/>
      <c r="AE911" s="53"/>
      <c r="AF911" s="53"/>
      <c r="AG911" s="53"/>
      <c r="AH911" s="53"/>
      <c r="AI911" s="53"/>
      <c r="AJ911" s="53"/>
      <c r="AK911" s="53"/>
      <c r="AL911" s="53"/>
      <c r="AM911" s="53"/>
      <c r="AN911" s="53"/>
      <c r="AO911" s="53"/>
      <c r="AP911" s="53"/>
      <c r="AQ911" s="53"/>
      <c r="AR911" s="53"/>
      <c r="AS911" s="53"/>
      <c r="AT911" s="53"/>
      <c r="AU911" s="53"/>
      <c r="AV911" s="53"/>
      <c r="AW911" s="53"/>
      <c r="AX911" s="53"/>
      <c r="AY911" s="53"/>
      <c r="AZ911" s="53"/>
      <c r="BA911" s="53"/>
      <c r="BB911" s="53"/>
      <c r="BC911" s="53"/>
      <c r="BD911" s="53"/>
      <c r="BE911" s="53"/>
      <c r="BF911" s="53"/>
      <c r="BG911" s="53"/>
      <c r="BH911" s="53"/>
      <c r="BI911" s="53"/>
      <c r="BJ911" s="53"/>
      <c r="BK911" s="53"/>
      <c r="BL911" s="53"/>
      <c r="BM911" s="53"/>
      <c r="BN911" s="53"/>
      <c r="BO911" s="53"/>
      <c r="BP911" s="53"/>
      <c r="BQ911" s="53"/>
      <c r="BR911" s="53"/>
      <c r="BS911" s="53"/>
      <c r="BT911" s="53"/>
      <c r="BU911" s="53"/>
      <c r="BV911" s="53"/>
      <c r="BW911" s="53"/>
      <c r="BX911" s="53"/>
      <c r="BY911" s="53"/>
      <c r="BZ911" s="53"/>
      <c r="CA911" s="53"/>
      <c r="CB911" s="53"/>
      <c r="CC911" s="53"/>
      <c r="CD911" s="53"/>
      <c r="CE911" s="53"/>
      <c r="CF911" s="53"/>
      <c r="CG911" s="53"/>
      <c r="CH911" s="53"/>
      <c r="CI911" s="53"/>
      <c r="CJ911" s="53"/>
      <c r="CK911" s="53"/>
      <c r="CL911" s="53"/>
      <c r="CM911" s="53"/>
      <c r="CN911" s="53"/>
    </row>
    <row r="912" spans="1:92" outlineLevel="1">
      <c r="A912" s="52" t="s">
        <v>649</v>
      </c>
      <c r="B912" s="53">
        <v>11724299.999999899</v>
      </c>
      <c r="C912" s="53">
        <v>-15293730</v>
      </c>
      <c r="D912" s="53">
        <v>-18471560</v>
      </c>
      <c r="E912" s="53">
        <v>-30025709.999999899</v>
      </c>
      <c r="F912" s="53">
        <v>-35604920</v>
      </c>
      <c r="G912" s="53">
        <v>-111371799.999999</v>
      </c>
      <c r="H912" s="53">
        <v>-12083010</v>
      </c>
      <c r="I912" s="53">
        <v>-12919189.999999899</v>
      </c>
      <c r="J912" s="53">
        <v>-29178790</v>
      </c>
      <c r="K912" s="53">
        <v>-18488420</v>
      </c>
      <c r="L912" s="53">
        <v>-90157040</v>
      </c>
      <c r="M912" s="53">
        <v>-13787029.999999899</v>
      </c>
      <c r="N912" s="53">
        <v>-375656900</v>
      </c>
      <c r="O912" s="53">
        <v>-18630608.762699701</v>
      </c>
      <c r="P912" s="53">
        <v>-11644471.666861201</v>
      </c>
      <c r="Q912" s="53">
        <v>-38136010.500504203</v>
      </c>
      <c r="R912" s="53">
        <v>-11809477.270434599</v>
      </c>
      <c r="S912" s="53">
        <v>-30829563.118948098</v>
      </c>
      <c r="T912" s="53">
        <v>-22450466.065304399</v>
      </c>
      <c r="U912" s="53">
        <v>-15353247.470747</v>
      </c>
      <c r="V912" s="53">
        <v>-11986352.558493</v>
      </c>
      <c r="W912" s="53">
        <v>-18484666.543999702</v>
      </c>
      <c r="X912" s="53">
        <v>-13149357.848525699</v>
      </c>
      <c r="Y912" s="53">
        <v>-28547125.927893899</v>
      </c>
      <c r="Z912" s="53">
        <v>-87660484.289098606</v>
      </c>
      <c r="AA912" s="53">
        <v>-308681832.02350998</v>
      </c>
      <c r="AB912" s="53">
        <v>-10596414.9729676</v>
      </c>
      <c r="AC912" s="53">
        <v>-30096322.318457801</v>
      </c>
      <c r="AD912" s="53">
        <v>-20887062.870667599</v>
      </c>
      <c r="AE912" s="53">
        <v>-11871608.199958</v>
      </c>
      <c r="AF912" s="53">
        <v>-12139431.559313901</v>
      </c>
      <c r="AG912" s="53">
        <v>-28157839.432163399</v>
      </c>
      <c r="AH912" s="53">
        <v>-11674904.9651393</v>
      </c>
      <c r="AI912" s="53">
        <v>-41725664.132902697</v>
      </c>
      <c r="AJ912" s="53">
        <v>-21003287.172743902</v>
      </c>
      <c r="AK912" s="53">
        <v>-24678178.377350401</v>
      </c>
      <c r="AL912" s="53">
        <v>-26987594.900460798</v>
      </c>
      <c r="AM912" s="53">
        <v>-107255794.341772</v>
      </c>
      <c r="AN912" s="53">
        <v>-347074103.24389797</v>
      </c>
      <c r="AO912" s="53">
        <v>-16545434.0171047</v>
      </c>
      <c r="AP912" s="53">
        <v>-11863114.8857497</v>
      </c>
      <c r="AQ912" s="53">
        <v>-20445778.086150199</v>
      </c>
      <c r="AR912" s="53">
        <v>-15622481.564832401</v>
      </c>
      <c r="AS912" s="53">
        <v>-12818078.819703801</v>
      </c>
      <c r="AT912" s="53">
        <v>-29119040.257674899</v>
      </c>
      <c r="AU912" s="53">
        <v>-15136899.787366699</v>
      </c>
      <c r="AV912" s="53">
        <v>-12855054.6763999</v>
      </c>
      <c r="AW912" s="53">
        <v>-76562164.086696103</v>
      </c>
      <c r="AX912" s="53">
        <v>-12589822.537658799</v>
      </c>
      <c r="AY912" s="53">
        <v>-12014138.751245599</v>
      </c>
      <c r="AZ912" s="53">
        <v>-144616617.112827</v>
      </c>
      <c r="BA912" s="53">
        <v>-380188624.58341098</v>
      </c>
      <c r="BB912" s="53">
        <v>-14040984.3740936</v>
      </c>
      <c r="BC912" s="53">
        <v>-11704441.725047201</v>
      </c>
      <c r="BD912" s="53">
        <v>-19861557.2979341</v>
      </c>
      <c r="BE912" s="53">
        <v>-12503445.2072937</v>
      </c>
      <c r="BF912" s="53">
        <v>-17555870.6100756</v>
      </c>
      <c r="BG912" s="53">
        <v>-26398455.470432401</v>
      </c>
      <c r="BH912" s="53">
        <v>-27891736.471292499</v>
      </c>
      <c r="BI912" s="53">
        <v>-13327829.933021</v>
      </c>
      <c r="BJ912" s="53">
        <v>-20482340.104693901</v>
      </c>
      <c r="BK912" s="53">
        <v>-12951232.3157579</v>
      </c>
      <c r="BL912" s="53">
        <v>-12147264.046329999</v>
      </c>
      <c r="BM912" s="53">
        <v>-104458630.331223</v>
      </c>
      <c r="BN912" s="53">
        <v>-293323787.887196</v>
      </c>
      <c r="BO912" s="53">
        <v>-11346955.2564469</v>
      </c>
      <c r="BP912" s="53">
        <v>-11895926.435196601</v>
      </c>
      <c r="BQ912" s="53">
        <v>-18183264.408652101</v>
      </c>
      <c r="BR912" s="53">
        <v>-12661679.063060399</v>
      </c>
      <c r="BS912" s="53">
        <v>-14612170.272208501</v>
      </c>
      <c r="BT912" s="53">
        <v>-26360240.3230545</v>
      </c>
      <c r="BU912" s="53">
        <v>-26936336.692380499</v>
      </c>
      <c r="BV912" s="53">
        <v>-13332277.432735801</v>
      </c>
      <c r="BW912" s="53">
        <v>-20783190.8768133</v>
      </c>
      <c r="BX912" s="53">
        <v>-18308880.5901451</v>
      </c>
      <c r="BY912" s="53">
        <v>-12680223.1584695</v>
      </c>
      <c r="BZ912" s="53">
        <v>-26135030.599240799</v>
      </c>
      <c r="CA912" s="53">
        <v>-213236175.10840401</v>
      </c>
      <c r="CB912" s="53"/>
      <c r="CC912" s="53"/>
      <c r="CD912" s="53"/>
      <c r="CE912" s="53"/>
      <c r="CF912" s="53"/>
      <c r="CG912" s="53"/>
      <c r="CH912" s="53"/>
      <c r="CI912" s="53"/>
      <c r="CJ912" s="53"/>
      <c r="CK912" s="53"/>
      <c r="CL912" s="53"/>
      <c r="CM912" s="53"/>
      <c r="CN912" s="53"/>
    </row>
    <row r="913" spans="1:92" outlineLevel="1">
      <c r="A913" s="52" t="s">
        <v>1365</v>
      </c>
      <c r="B913" s="53"/>
      <c r="C913" s="53"/>
      <c r="D913" s="53"/>
      <c r="E913" s="53"/>
      <c r="F913" s="53"/>
      <c r="G913" s="53"/>
      <c r="H913" s="53"/>
      <c r="I913" s="53"/>
      <c r="J913" s="53"/>
      <c r="K913" s="53"/>
      <c r="L913" s="53"/>
      <c r="M913" s="53"/>
      <c r="N913" s="53"/>
      <c r="O913" s="53"/>
      <c r="P913" s="53"/>
      <c r="Q913" s="53"/>
      <c r="R913" s="53"/>
      <c r="S913" s="53"/>
      <c r="T913" s="53"/>
      <c r="U913" s="53"/>
      <c r="V913" s="53"/>
      <c r="W913" s="53"/>
      <c r="X913" s="53"/>
      <c r="Y913" s="53"/>
      <c r="Z913" s="53"/>
      <c r="AA913" s="53"/>
      <c r="AB913" s="53"/>
      <c r="AC913" s="53"/>
      <c r="AD913" s="53"/>
      <c r="AE913" s="53"/>
      <c r="AF913" s="53"/>
      <c r="AG913" s="53"/>
      <c r="AH913" s="53"/>
      <c r="AI913" s="53"/>
      <c r="AJ913" s="53"/>
      <c r="AK913" s="53"/>
      <c r="AL913" s="53"/>
      <c r="AM913" s="53"/>
      <c r="AN913" s="53"/>
      <c r="AO913" s="53"/>
      <c r="AP913" s="53"/>
      <c r="AQ913" s="53"/>
      <c r="AR913" s="53"/>
      <c r="AS913" s="53"/>
      <c r="AT913" s="53"/>
      <c r="AU913" s="53"/>
      <c r="AV913" s="53"/>
      <c r="AW913" s="53"/>
      <c r="AX913" s="53"/>
      <c r="AY913" s="53"/>
      <c r="AZ913" s="53"/>
      <c r="BA913" s="53"/>
      <c r="BB913" s="53"/>
      <c r="BC913" s="53"/>
      <c r="BD913" s="53"/>
      <c r="BE913" s="53"/>
      <c r="BF913" s="53"/>
      <c r="BG913" s="53"/>
      <c r="BH913" s="53"/>
      <c r="BI913" s="53"/>
      <c r="BJ913" s="53"/>
      <c r="BK913" s="53"/>
      <c r="BL913" s="53"/>
      <c r="BM913" s="53"/>
      <c r="BN913" s="53"/>
      <c r="BO913" s="53"/>
      <c r="BP913" s="53"/>
      <c r="BQ913" s="53"/>
      <c r="BR913" s="53"/>
      <c r="BS913" s="53"/>
      <c r="BT913" s="53"/>
      <c r="BU913" s="53"/>
      <c r="BV913" s="53"/>
      <c r="BW913" s="53"/>
      <c r="BX913" s="53"/>
      <c r="BY913" s="53"/>
      <c r="BZ913" s="53"/>
      <c r="CA913" s="53"/>
      <c r="CB913" s="53">
        <v>-84849019.661116406</v>
      </c>
      <c r="CC913" s="53">
        <v>-80638335.8186225</v>
      </c>
      <c r="CD913" s="53">
        <v>-141855068.726616</v>
      </c>
      <c r="CE913" s="53">
        <v>-65071067.381324001</v>
      </c>
      <c r="CF913" s="53">
        <v>-64583708.528266102</v>
      </c>
      <c r="CG913" s="53">
        <v>-533105490.71989799</v>
      </c>
      <c r="CH913" s="53">
        <v>-84941868.224685207</v>
      </c>
      <c r="CI913" s="53">
        <v>-81106711.098046094</v>
      </c>
      <c r="CJ913" s="53">
        <v>-156861231.42036501</v>
      </c>
      <c r="CK913" s="53">
        <v>-80791442.160578594</v>
      </c>
      <c r="CL913" s="53">
        <v>-120740389.49302</v>
      </c>
      <c r="CM913" s="53">
        <v>-659426696.48250401</v>
      </c>
      <c r="CN913" s="53">
        <v>-2153971029.7150402</v>
      </c>
    </row>
    <row r="914" spans="1:92" outlineLevel="1">
      <c r="A914" s="52" t="s">
        <v>1366</v>
      </c>
      <c r="B914" s="53"/>
      <c r="C914" s="53"/>
      <c r="D914" s="53"/>
      <c r="E914" s="53"/>
      <c r="F914" s="53"/>
      <c r="G914" s="53"/>
      <c r="H914" s="53"/>
      <c r="I914" s="53"/>
      <c r="J914" s="53"/>
      <c r="K914" s="53"/>
      <c r="L914" s="53"/>
      <c r="M914" s="53"/>
      <c r="N914" s="53"/>
      <c r="O914" s="53"/>
      <c r="P914" s="53"/>
      <c r="Q914" s="53"/>
      <c r="R914" s="53"/>
      <c r="S914" s="53"/>
      <c r="T914" s="53"/>
      <c r="U914" s="53"/>
      <c r="V914" s="53"/>
      <c r="W914" s="53"/>
      <c r="X914" s="53"/>
      <c r="Y914" s="53"/>
      <c r="Z914" s="53"/>
      <c r="AA914" s="53"/>
      <c r="AB914" s="53"/>
      <c r="AC914" s="53"/>
      <c r="AD914" s="53"/>
      <c r="AE914" s="53"/>
      <c r="AF914" s="53"/>
      <c r="AG914" s="53"/>
      <c r="AH914" s="53"/>
      <c r="AI914" s="53"/>
      <c r="AJ914" s="53"/>
      <c r="AK914" s="53"/>
      <c r="AL914" s="53"/>
      <c r="AM914" s="53"/>
      <c r="AN914" s="53"/>
      <c r="AO914" s="53"/>
      <c r="AP914" s="53"/>
      <c r="AQ914" s="53"/>
      <c r="AR914" s="53"/>
      <c r="AS914" s="53"/>
      <c r="AT914" s="53"/>
      <c r="AU914" s="53"/>
      <c r="AV914" s="53"/>
      <c r="AW914" s="53"/>
      <c r="AX914" s="53"/>
      <c r="AY914" s="53"/>
      <c r="AZ914" s="53"/>
      <c r="BA914" s="53"/>
      <c r="BB914" s="53"/>
      <c r="BC914" s="53"/>
      <c r="BD914" s="53"/>
      <c r="BE914" s="53"/>
      <c r="BF914" s="53"/>
      <c r="BG914" s="53"/>
      <c r="BH914" s="53"/>
      <c r="BI914" s="53"/>
      <c r="BJ914" s="53"/>
      <c r="BK914" s="53"/>
      <c r="BL914" s="53"/>
      <c r="BM914" s="53"/>
      <c r="BN914" s="53"/>
      <c r="BO914" s="53"/>
      <c r="BP914" s="53"/>
      <c r="BQ914" s="53"/>
      <c r="BR914" s="53"/>
      <c r="BS914" s="53"/>
      <c r="BT914" s="53"/>
      <c r="BU914" s="53"/>
      <c r="BV914" s="53"/>
      <c r="BW914" s="53"/>
      <c r="BX914" s="53"/>
      <c r="BY914" s="53"/>
      <c r="BZ914" s="53"/>
      <c r="CA914" s="53"/>
      <c r="CB914" s="53"/>
      <c r="CC914" s="53"/>
      <c r="CD914" s="53"/>
      <c r="CE914" s="53"/>
      <c r="CF914" s="53"/>
      <c r="CG914" s="53"/>
      <c r="CH914" s="53"/>
      <c r="CI914" s="53"/>
      <c r="CJ914" s="53"/>
      <c r="CK914" s="53"/>
      <c r="CL914" s="53"/>
      <c r="CM914" s="53"/>
      <c r="CN914" s="53"/>
    </row>
    <row r="915" spans="1:92" outlineLevel="1">
      <c r="A915" s="52" t="s">
        <v>649</v>
      </c>
      <c r="B915" s="53"/>
      <c r="C915" s="53"/>
      <c r="D915" s="53"/>
      <c r="E915" s="53"/>
      <c r="F915" s="53"/>
      <c r="G915" s="53"/>
      <c r="H915" s="53"/>
      <c r="I915" s="53"/>
      <c r="J915" s="53"/>
      <c r="K915" s="53"/>
      <c r="L915" s="53"/>
      <c r="M915" s="53"/>
      <c r="N915" s="53"/>
      <c r="O915" s="53"/>
      <c r="P915" s="53"/>
      <c r="Q915" s="53"/>
      <c r="R915" s="53"/>
      <c r="S915" s="53"/>
      <c r="T915" s="53"/>
      <c r="U915" s="53"/>
      <c r="V915" s="53"/>
      <c r="W915" s="53"/>
      <c r="X915" s="53"/>
      <c r="Y915" s="53"/>
      <c r="Z915" s="53">
        <v>2452678.4923239001</v>
      </c>
      <c r="AA915" s="53">
        <v>2452678.4923239001</v>
      </c>
      <c r="AB915" s="53"/>
      <c r="AC915" s="53"/>
      <c r="AD915" s="53"/>
      <c r="AE915" s="53"/>
      <c r="AF915" s="53"/>
      <c r="AG915" s="53"/>
      <c r="AH915" s="53"/>
      <c r="AI915" s="53"/>
      <c r="AJ915" s="53"/>
      <c r="AK915" s="53"/>
      <c r="AL915" s="53"/>
      <c r="AM915" s="53">
        <v>12211613.409646699</v>
      </c>
      <c r="AN915" s="53">
        <v>12211613.409646699</v>
      </c>
      <c r="AO915" s="53"/>
      <c r="AP915" s="53"/>
      <c r="AQ915" s="53"/>
      <c r="AR915" s="53"/>
      <c r="AS915" s="53"/>
      <c r="AT915" s="53"/>
      <c r="AU915" s="53"/>
      <c r="AV915" s="53"/>
      <c r="AW915" s="53"/>
      <c r="AX915" s="53"/>
      <c r="AY915" s="53"/>
      <c r="AZ915" s="53">
        <v>1032080.95795413</v>
      </c>
      <c r="BA915" s="53">
        <v>1032080.95795413</v>
      </c>
      <c r="BB915" s="53"/>
      <c r="BC915" s="53"/>
      <c r="BD915" s="53"/>
      <c r="BE915" s="53"/>
      <c r="BF915" s="53"/>
      <c r="BG915" s="53"/>
      <c r="BH915" s="53"/>
      <c r="BI915" s="53"/>
      <c r="BJ915" s="53"/>
      <c r="BK915" s="53"/>
      <c r="BL915" s="53"/>
      <c r="BM915" s="53"/>
      <c r="BN915" s="53"/>
      <c r="BO915" s="53"/>
      <c r="BP915" s="53"/>
      <c r="BQ915" s="53"/>
      <c r="BR915" s="53"/>
      <c r="BS915" s="53"/>
      <c r="BT915" s="53"/>
      <c r="BU915" s="53"/>
      <c r="BV915" s="53"/>
      <c r="BW915" s="53"/>
      <c r="BX915" s="53"/>
      <c r="BY915" s="53"/>
      <c r="BZ915" s="53">
        <v>55635372.030196197</v>
      </c>
      <c r="CA915" s="53">
        <v>55635372.030196197</v>
      </c>
      <c r="CB915" s="53"/>
      <c r="CC915" s="53"/>
      <c r="CD915" s="53"/>
      <c r="CE915" s="53"/>
      <c r="CF915" s="53"/>
      <c r="CG915" s="53"/>
      <c r="CH915" s="53"/>
      <c r="CI915" s="53"/>
      <c r="CJ915" s="53"/>
      <c r="CK915" s="53"/>
      <c r="CL915" s="53"/>
      <c r="CM915" s="53"/>
      <c r="CN915" s="53"/>
    </row>
    <row r="916" spans="1:92" outlineLevel="1">
      <c r="A916" s="52" t="s">
        <v>650</v>
      </c>
      <c r="B916" s="53"/>
      <c r="C916" s="53"/>
      <c r="D916" s="53"/>
      <c r="E916" s="53"/>
      <c r="F916" s="53"/>
      <c r="G916" s="53"/>
      <c r="H916" s="53"/>
      <c r="I916" s="53"/>
      <c r="J916" s="53"/>
      <c r="K916" s="53"/>
      <c r="L916" s="53"/>
      <c r="M916" s="53"/>
      <c r="N916" s="53"/>
      <c r="O916" s="53"/>
      <c r="P916" s="53"/>
      <c r="Q916" s="53"/>
      <c r="R916" s="53"/>
      <c r="S916" s="53"/>
      <c r="T916" s="53"/>
      <c r="U916" s="53"/>
      <c r="V916" s="53"/>
      <c r="W916" s="53"/>
      <c r="X916" s="53"/>
      <c r="Y916" s="53"/>
      <c r="Z916" s="53"/>
      <c r="AA916" s="53"/>
      <c r="AB916" s="53"/>
      <c r="AC916" s="53"/>
      <c r="AD916" s="53"/>
      <c r="AE916" s="53"/>
      <c r="AF916" s="53"/>
      <c r="AG916" s="53"/>
      <c r="AH916" s="53"/>
      <c r="AI916" s="53"/>
      <c r="AJ916" s="53"/>
      <c r="AK916" s="53"/>
      <c r="AL916" s="53"/>
      <c r="AM916" s="53"/>
      <c r="AN916" s="53"/>
      <c r="AO916" s="53"/>
      <c r="AP916" s="53"/>
      <c r="AQ916" s="53"/>
      <c r="AR916" s="53"/>
      <c r="AS916" s="53"/>
      <c r="AT916" s="53"/>
      <c r="AU916" s="53"/>
      <c r="AV916" s="53"/>
      <c r="AW916" s="53"/>
      <c r="AX916" s="53"/>
      <c r="AY916" s="53"/>
      <c r="AZ916" s="53"/>
      <c r="BA916" s="53"/>
      <c r="BB916" s="53"/>
      <c r="BC916" s="53"/>
      <c r="BD916" s="53"/>
      <c r="BE916" s="53"/>
      <c r="BF916" s="53"/>
      <c r="BG916" s="53"/>
      <c r="BH916" s="53"/>
      <c r="BI916" s="53"/>
      <c r="BJ916" s="53"/>
      <c r="BK916" s="53"/>
      <c r="BL916" s="53"/>
      <c r="BM916" s="53"/>
      <c r="BN916" s="53"/>
      <c r="BO916" s="53"/>
      <c r="BP916" s="53"/>
      <c r="BQ916" s="53"/>
      <c r="BR916" s="53"/>
      <c r="BS916" s="53"/>
      <c r="BT916" s="53"/>
      <c r="BU916" s="53"/>
      <c r="BV916" s="53"/>
      <c r="BW916" s="53"/>
      <c r="BX916" s="53"/>
      <c r="BY916" s="53"/>
      <c r="BZ916" s="53"/>
      <c r="CA916" s="53"/>
      <c r="CB916" s="53">
        <v>-84849019.661116302</v>
      </c>
      <c r="CC916" s="53">
        <v>-80638335.818622395</v>
      </c>
      <c r="CD916" s="53">
        <v>-141855068.726616</v>
      </c>
      <c r="CE916" s="53">
        <v>-65071067.381324001</v>
      </c>
      <c r="CF916" s="53">
        <v>-64583708.528266102</v>
      </c>
      <c r="CG916" s="53">
        <v>-533105490.71989799</v>
      </c>
      <c r="CH916" s="53">
        <v>-84941868.224685103</v>
      </c>
      <c r="CI916" s="53">
        <v>-81106711.098046005</v>
      </c>
      <c r="CJ916" s="53">
        <v>-156861231.42036501</v>
      </c>
      <c r="CK916" s="53">
        <v>-80791442.160578504</v>
      </c>
      <c r="CL916" s="53">
        <v>-120740389.49302</v>
      </c>
      <c r="CM916" s="53">
        <v>-659426696.48250496</v>
      </c>
      <c r="CN916" s="53">
        <v>-2153971029.7150402</v>
      </c>
    </row>
    <row r="917" spans="1:92" outlineLevel="1">
      <c r="A917" s="52" t="s">
        <v>1355</v>
      </c>
      <c r="B917" s="53"/>
      <c r="C917" s="53"/>
      <c r="D917" s="53"/>
      <c r="E917" s="53"/>
      <c r="F917" s="53"/>
      <c r="G917" s="53"/>
      <c r="H917" s="53"/>
      <c r="I917" s="53"/>
      <c r="J917" s="53"/>
      <c r="K917" s="53"/>
      <c r="L917" s="53"/>
      <c r="M917" s="53"/>
      <c r="N917" s="53"/>
      <c r="O917" s="53"/>
      <c r="P917" s="53"/>
      <c r="Q917" s="53"/>
      <c r="R917" s="53"/>
      <c r="S917" s="53"/>
      <c r="T917" s="53"/>
      <c r="U917" s="53"/>
      <c r="V917" s="53"/>
      <c r="W917" s="53"/>
      <c r="X917" s="53"/>
      <c r="Y917" s="53"/>
      <c r="Z917" s="53"/>
      <c r="AA917" s="53"/>
      <c r="AB917" s="53"/>
      <c r="AC917" s="53"/>
      <c r="AD917" s="53"/>
      <c r="AE917" s="53"/>
      <c r="AF917" s="53"/>
      <c r="AG917" s="53"/>
      <c r="AH917" s="53"/>
      <c r="AI917" s="53"/>
      <c r="AJ917" s="53"/>
      <c r="AK917" s="53"/>
      <c r="AL917" s="53"/>
      <c r="AM917" s="53"/>
      <c r="AN917" s="53"/>
      <c r="AO917" s="53"/>
      <c r="AP917" s="53"/>
      <c r="AQ917" s="53"/>
      <c r="AR917" s="53"/>
      <c r="AS917" s="53"/>
      <c r="AT917" s="53"/>
      <c r="AU917" s="53"/>
      <c r="AV917" s="53"/>
      <c r="AW917" s="53"/>
      <c r="AX917" s="53"/>
      <c r="AY917" s="53"/>
      <c r="AZ917" s="53"/>
      <c r="BA917" s="53"/>
      <c r="BB917" s="53"/>
      <c r="BC917" s="53"/>
      <c r="BD917" s="53"/>
      <c r="BE917" s="53"/>
      <c r="BF917" s="53"/>
      <c r="BG917" s="53"/>
      <c r="BH917" s="53"/>
      <c r="BI917" s="53"/>
      <c r="BJ917" s="53"/>
      <c r="BK917" s="53"/>
      <c r="BL917" s="53"/>
      <c r="BM917" s="53"/>
      <c r="BN917" s="53"/>
      <c r="BO917" s="53"/>
      <c r="BP917" s="53"/>
      <c r="BQ917" s="53"/>
      <c r="BR917" s="53"/>
      <c r="BS917" s="53"/>
      <c r="BT917" s="53"/>
      <c r="BU917" s="53"/>
      <c r="BV917" s="53"/>
      <c r="BW917" s="53"/>
      <c r="BX917" s="53"/>
      <c r="BY917" s="53"/>
      <c r="BZ917" s="53"/>
      <c r="CA917" s="53"/>
      <c r="CB917" s="53"/>
      <c r="CC917" s="53"/>
      <c r="CD917" s="53"/>
      <c r="CE917" s="53"/>
      <c r="CF917" s="53"/>
      <c r="CG917" s="53"/>
      <c r="CH917" s="53"/>
      <c r="CI917" s="53"/>
      <c r="CJ917" s="53"/>
      <c r="CK917" s="53"/>
      <c r="CL917" s="53"/>
      <c r="CM917" s="53"/>
      <c r="CN917" s="53"/>
    </row>
    <row r="918" spans="1:92" outlineLevel="1">
      <c r="A918" s="52" t="s">
        <v>649</v>
      </c>
      <c r="B918" s="53">
        <v>53905.799270000003</v>
      </c>
      <c r="C918" s="53">
        <v>53905.799270000003</v>
      </c>
      <c r="D918" s="53">
        <v>53905.799270000003</v>
      </c>
      <c r="E918" s="53">
        <v>53905.799270000003</v>
      </c>
      <c r="F918" s="53">
        <v>53905.799270000003</v>
      </c>
      <c r="G918" s="53">
        <v>53905.799270000003</v>
      </c>
      <c r="H918" s="53">
        <v>53905.799270000003</v>
      </c>
      <c r="I918" s="53">
        <v>53905.799270000003</v>
      </c>
      <c r="J918" s="53">
        <v>53905.799270000003</v>
      </c>
      <c r="K918" s="53">
        <v>53905.799270000003</v>
      </c>
      <c r="L918" s="53">
        <v>53905.799270000003</v>
      </c>
      <c r="M918" s="53">
        <v>53905.799270000003</v>
      </c>
      <c r="N918" s="53">
        <v>646869.59123999998</v>
      </c>
      <c r="O918" s="53">
        <v>53905.799270000003</v>
      </c>
      <c r="P918" s="53">
        <v>53905.799270000003</v>
      </c>
      <c r="Q918" s="53">
        <v>53905.799270000003</v>
      </c>
      <c r="R918" s="53">
        <v>53905.799270000003</v>
      </c>
      <c r="S918" s="53">
        <v>53905.799270000003</v>
      </c>
      <c r="T918" s="53">
        <v>53905.799270000003</v>
      </c>
      <c r="U918" s="53">
        <v>53905.799270000003</v>
      </c>
      <c r="V918" s="53">
        <v>53905.799270000003</v>
      </c>
      <c r="W918" s="53">
        <v>53905.799270000003</v>
      </c>
      <c r="X918" s="53">
        <v>53905.799270000003</v>
      </c>
      <c r="Y918" s="53">
        <v>53905.799270000003</v>
      </c>
      <c r="Z918" s="53">
        <v>53905.799270000003</v>
      </c>
      <c r="AA918" s="53">
        <v>646869.59123999998</v>
      </c>
      <c r="AB918" s="53">
        <v>53905.799270000003</v>
      </c>
      <c r="AC918" s="53">
        <v>53905.799270000003</v>
      </c>
      <c r="AD918" s="53">
        <v>53905.799270000003</v>
      </c>
      <c r="AE918" s="53">
        <v>53905.799270000003</v>
      </c>
      <c r="AF918" s="53">
        <v>53905.799270000003</v>
      </c>
      <c r="AG918" s="53"/>
      <c r="AH918" s="53"/>
      <c r="AI918" s="53"/>
      <c r="AJ918" s="53"/>
      <c r="AK918" s="53"/>
      <c r="AL918" s="53"/>
      <c r="AM918" s="53"/>
      <c r="AN918" s="53">
        <v>269528.99634999997</v>
      </c>
      <c r="AO918" s="53"/>
      <c r="AP918" s="53"/>
      <c r="AQ918" s="53"/>
      <c r="AR918" s="53"/>
      <c r="AS918" s="53"/>
      <c r="AT918" s="53"/>
      <c r="AU918" s="53"/>
      <c r="AV918" s="53"/>
      <c r="AW918" s="53"/>
      <c r="AX918" s="53"/>
      <c r="AY918" s="53"/>
      <c r="AZ918" s="53"/>
      <c r="BA918" s="53"/>
      <c r="BB918" s="53"/>
      <c r="BC918" s="53"/>
      <c r="BD918" s="53"/>
      <c r="BE918" s="53"/>
      <c r="BF918" s="53"/>
      <c r="BG918" s="53"/>
      <c r="BH918" s="53"/>
      <c r="BI918" s="53"/>
      <c r="BJ918" s="53"/>
      <c r="BK918" s="53"/>
      <c r="BL918" s="53"/>
      <c r="BM918" s="53"/>
      <c r="BN918" s="53"/>
      <c r="BO918" s="53"/>
      <c r="BP918" s="53"/>
      <c r="BQ918" s="53"/>
      <c r="BR918" s="53"/>
      <c r="BS918" s="53"/>
      <c r="BT918" s="53"/>
      <c r="BU918" s="53"/>
      <c r="BV918" s="53"/>
      <c r="BW918" s="53"/>
      <c r="BX918" s="53"/>
      <c r="BY918" s="53"/>
      <c r="BZ918" s="53"/>
      <c r="CA918" s="53"/>
      <c r="CB918" s="53">
        <v>15710272.7989663</v>
      </c>
      <c r="CC918" s="53">
        <v>17399396.434068099</v>
      </c>
      <c r="CD918" s="53">
        <v>21624700.480832901</v>
      </c>
      <c r="CE918" s="53">
        <v>15896218.8440332</v>
      </c>
      <c r="CF918" s="53">
        <v>15827346.7604503</v>
      </c>
      <c r="CG918" s="53">
        <v>27659435.681952599</v>
      </c>
      <c r="CH918" s="53">
        <v>16288409.9248577</v>
      </c>
      <c r="CI918" s="53">
        <v>15840655.745694</v>
      </c>
      <c r="CJ918" s="53">
        <v>21441702.350702502</v>
      </c>
      <c r="CK918" s="53">
        <v>15825382.0499967</v>
      </c>
      <c r="CL918" s="53">
        <v>19499496.825794902</v>
      </c>
      <c r="CM918" s="53">
        <v>80831761.358135104</v>
      </c>
      <c r="CN918" s="53">
        <v>283844779.25548398</v>
      </c>
    </row>
    <row r="919" spans="1:92" outlineLevel="1">
      <c r="A919" s="52" t="s">
        <v>672</v>
      </c>
      <c r="B919" s="53"/>
      <c r="C919" s="53"/>
      <c r="D919" s="53"/>
      <c r="E919" s="53"/>
      <c r="F919" s="53"/>
      <c r="G919" s="53"/>
      <c r="H919" s="53"/>
      <c r="I919" s="53"/>
      <c r="J919" s="53"/>
      <c r="K919" s="53"/>
      <c r="L919" s="53"/>
      <c r="M919" s="53"/>
      <c r="N919" s="53"/>
      <c r="O919" s="53"/>
      <c r="P919" s="53"/>
      <c r="Q919" s="53"/>
      <c r="R919" s="53"/>
      <c r="S919" s="53"/>
      <c r="T919" s="53"/>
      <c r="U919" s="53"/>
      <c r="V919" s="53"/>
      <c r="W919" s="53"/>
      <c r="X919" s="53"/>
      <c r="Y919" s="53"/>
      <c r="Z919" s="53"/>
      <c r="AA919" s="53"/>
      <c r="AB919" s="53"/>
      <c r="AC919" s="53"/>
      <c r="AD919" s="53"/>
      <c r="AE919" s="53"/>
      <c r="AF919" s="53"/>
      <c r="AG919" s="53"/>
      <c r="AH919" s="53"/>
      <c r="AI919" s="53"/>
      <c r="AJ919" s="53"/>
      <c r="AK919" s="53"/>
      <c r="AL919" s="53"/>
      <c r="AM919" s="53"/>
      <c r="AN919" s="53"/>
      <c r="AO919" s="53"/>
      <c r="AP919" s="53"/>
      <c r="AQ919" s="53"/>
      <c r="AR919" s="53"/>
      <c r="AS919" s="53"/>
      <c r="AT919" s="53"/>
      <c r="AU919" s="53"/>
      <c r="AV919" s="53"/>
      <c r="AW919" s="53"/>
      <c r="AX919" s="53"/>
      <c r="AY919" s="53"/>
      <c r="AZ919" s="53"/>
      <c r="BA919" s="53"/>
      <c r="BB919" s="53"/>
      <c r="BC919" s="53"/>
      <c r="BD919" s="53"/>
      <c r="BE919" s="53"/>
      <c r="BF919" s="53"/>
      <c r="BG919" s="53"/>
      <c r="BH919" s="53"/>
      <c r="BI919" s="53"/>
      <c r="BJ919" s="53"/>
      <c r="BK919" s="53"/>
      <c r="BL919" s="53"/>
      <c r="BM919" s="53"/>
      <c r="BN919" s="53"/>
      <c r="BO919" s="53"/>
      <c r="BP919" s="53"/>
      <c r="BQ919" s="53"/>
      <c r="BR919" s="53"/>
      <c r="BS919" s="53"/>
      <c r="BT919" s="53"/>
      <c r="BU919" s="53"/>
      <c r="BV919" s="53"/>
      <c r="BW919" s="53"/>
      <c r="BX919" s="53"/>
      <c r="BY919" s="53"/>
      <c r="BZ919" s="53"/>
      <c r="CA919" s="53"/>
      <c r="CB919" s="53"/>
      <c r="CC919" s="53"/>
      <c r="CD919" s="53"/>
      <c r="CE919" s="53"/>
      <c r="CF919" s="53"/>
      <c r="CG919" s="53"/>
      <c r="CH919" s="53"/>
      <c r="CI919" s="53"/>
      <c r="CJ919" s="53"/>
      <c r="CK919" s="53"/>
      <c r="CL919" s="53"/>
      <c r="CM919" s="53"/>
      <c r="CN919" s="53"/>
    </row>
    <row r="920" spans="1:92" outlineLevel="1">
      <c r="A920" s="52" t="s">
        <v>673</v>
      </c>
      <c r="B920" s="53"/>
      <c r="C920" s="53"/>
      <c r="D920" s="53"/>
      <c r="E920" s="53"/>
      <c r="F920" s="53"/>
      <c r="G920" s="53"/>
      <c r="H920" s="53"/>
      <c r="I920" s="53"/>
      <c r="J920" s="53"/>
      <c r="K920" s="53"/>
      <c r="L920" s="53"/>
      <c r="M920" s="53"/>
      <c r="N920" s="53"/>
      <c r="O920" s="53"/>
      <c r="P920" s="53"/>
      <c r="Q920" s="53"/>
      <c r="R920" s="53"/>
      <c r="S920" s="53"/>
      <c r="T920" s="53"/>
      <c r="U920" s="53"/>
      <c r="V920" s="53"/>
      <c r="W920" s="53"/>
      <c r="X920" s="53"/>
      <c r="Y920" s="53"/>
      <c r="Z920" s="53"/>
      <c r="AA920" s="53"/>
      <c r="AB920" s="53"/>
      <c r="AC920" s="53"/>
      <c r="AD920" s="53"/>
      <c r="AE920" s="53"/>
      <c r="AF920" s="53"/>
      <c r="AG920" s="53"/>
      <c r="AH920" s="53"/>
      <c r="AI920" s="53"/>
      <c r="AJ920" s="53"/>
      <c r="AK920" s="53"/>
      <c r="AL920" s="53"/>
      <c r="AM920" s="53"/>
      <c r="AN920" s="53"/>
      <c r="AO920" s="53"/>
      <c r="AP920" s="53"/>
      <c r="AQ920" s="53"/>
      <c r="AR920" s="53"/>
      <c r="AS920" s="53"/>
      <c r="AT920" s="53"/>
      <c r="AU920" s="53"/>
      <c r="AV920" s="53"/>
      <c r="AW920" s="53"/>
      <c r="AX920" s="53"/>
      <c r="AY920" s="53"/>
      <c r="AZ920" s="53"/>
      <c r="BA920" s="53"/>
      <c r="BB920" s="53"/>
      <c r="BC920" s="53"/>
      <c r="BD920" s="53"/>
      <c r="BE920" s="53"/>
      <c r="BF920" s="53"/>
      <c r="BG920" s="53"/>
      <c r="BH920" s="53"/>
      <c r="BI920" s="53"/>
      <c r="BJ920" s="53"/>
      <c r="BK920" s="53"/>
      <c r="BL920" s="53"/>
      <c r="BM920" s="53"/>
      <c r="BN920" s="53"/>
      <c r="BO920" s="53"/>
      <c r="BP920" s="53"/>
      <c r="BQ920" s="53"/>
      <c r="BR920" s="53"/>
      <c r="BS920" s="53"/>
      <c r="BT920" s="53"/>
      <c r="BU920" s="53"/>
      <c r="BV920" s="53"/>
      <c r="BW920" s="53"/>
      <c r="BX920" s="53"/>
      <c r="BY920" s="53"/>
      <c r="BZ920" s="53"/>
      <c r="CA920" s="53"/>
      <c r="CB920" s="53">
        <v>-80474443.410568699</v>
      </c>
      <c r="CC920" s="53">
        <v>-80623529.935607105</v>
      </c>
      <c r="CD920" s="53">
        <v>-80751735.382209599</v>
      </c>
      <c r="CE920" s="53">
        <v>-81027264.061864302</v>
      </c>
      <c r="CF920" s="53">
        <v>-81135965.937506199</v>
      </c>
      <c r="CG920" s="53">
        <v>-81262395.363006204</v>
      </c>
      <c r="CH920" s="53">
        <v>-82621150.410617307</v>
      </c>
      <c r="CI920" s="53">
        <v>-82736331.591046497</v>
      </c>
      <c r="CJ920" s="53">
        <v>-82890714.633642107</v>
      </c>
      <c r="CK920" s="53">
        <v>-83272056.878634393</v>
      </c>
      <c r="CL920" s="53">
        <v>-83448116.742368206</v>
      </c>
      <c r="CM920" s="53">
        <v>-83667274.896947399</v>
      </c>
      <c r="CN920" s="53">
        <v>-983910979.24401796</v>
      </c>
    </row>
    <row r="921" spans="1:92" outlineLevel="1">
      <c r="A921" s="52" t="s">
        <v>1354</v>
      </c>
      <c r="B921" s="53"/>
      <c r="C921" s="53"/>
      <c r="D921" s="53"/>
      <c r="E921" s="53"/>
      <c r="F921" s="53"/>
      <c r="G921" s="53"/>
      <c r="H921" s="53"/>
      <c r="I921" s="53"/>
      <c r="J921" s="53"/>
      <c r="K921" s="53"/>
      <c r="L921" s="53"/>
      <c r="M921" s="53"/>
      <c r="N921" s="53"/>
      <c r="O921" s="53"/>
      <c r="P921" s="53"/>
      <c r="Q921" s="53"/>
      <c r="R921" s="53"/>
      <c r="S921" s="53"/>
      <c r="T921" s="53"/>
      <c r="U921" s="53"/>
      <c r="V921" s="53"/>
      <c r="W921" s="53"/>
      <c r="X921" s="53"/>
      <c r="Y921" s="53"/>
      <c r="Z921" s="53"/>
      <c r="AA921" s="53"/>
      <c r="AB921" s="53"/>
      <c r="AC921" s="53"/>
      <c r="AD921" s="53"/>
      <c r="AE921" s="53"/>
      <c r="AF921" s="53"/>
      <c r="AG921" s="53"/>
      <c r="AH921" s="53"/>
      <c r="AI921" s="53"/>
      <c r="AJ921" s="53"/>
      <c r="AK921" s="53"/>
      <c r="AL921" s="53"/>
      <c r="AM921" s="53"/>
      <c r="AN921" s="53"/>
      <c r="AO921" s="53"/>
      <c r="AP921" s="53"/>
      <c r="AQ921" s="53"/>
      <c r="AR921" s="53"/>
      <c r="AS921" s="53"/>
      <c r="AT921" s="53"/>
      <c r="AU921" s="53"/>
      <c r="AV921" s="53"/>
      <c r="AW921" s="53"/>
      <c r="AX921" s="53"/>
      <c r="AY921" s="53"/>
      <c r="AZ921" s="53"/>
      <c r="BA921" s="53"/>
      <c r="BB921" s="53"/>
      <c r="BC921" s="53"/>
      <c r="BD921" s="53"/>
      <c r="BE921" s="53"/>
      <c r="BF921" s="53"/>
      <c r="BG921" s="53"/>
      <c r="BH921" s="53"/>
      <c r="BI921" s="53"/>
      <c r="BJ921" s="53"/>
      <c r="BK921" s="53"/>
      <c r="BL921" s="53"/>
      <c r="BM921" s="53"/>
      <c r="BN921" s="53"/>
      <c r="BO921" s="53"/>
      <c r="BP921" s="53"/>
      <c r="BQ921" s="53"/>
      <c r="BR921" s="53"/>
      <c r="BS921" s="53"/>
      <c r="BT921" s="53"/>
      <c r="BU921" s="53"/>
      <c r="BV921" s="53"/>
      <c r="BW921" s="53"/>
      <c r="BX921" s="53"/>
      <c r="BY921" s="53"/>
      <c r="BZ921" s="53"/>
      <c r="CA921" s="53"/>
      <c r="CB921" s="53"/>
      <c r="CC921" s="53"/>
      <c r="CD921" s="53"/>
      <c r="CE921" s="53"/>
      <c r="CF921" s="53"/>
      <c r="CG921" s="53"/>
      <c r="CH921" s="53"/>
      <c r="CI921" s="53"/>
      <c r="CJ921" s="53"/>
      <c r="CK921" s="53"/>
      <c r="CL921" s="53"/>
      <c r="CM921" s="53"/>
      <c r="CN921" s="53"/>
    </row>
    <row r="922" spans="1:92" outlineLevel="1">
      <c r="A922" s="52" t="s">
        <v>649</v>
      </c>
      <c r="B922" s="53">
        <v>-108408590</v>
      </c>
      <c r="C922" s="53">
        <v>-111452680</v>
      </c>
      <c r="D922" s="53">
        <v>-108808290</v>
      </c>
      <c r="E922" s="53">
        <v>-134312200</v>
      </c>
      <c r="F922" s="53">
        <v>-174416479.99999899</v>
      </c>
      <c r="G922" s="53">
        <v>-413112169.99999899</v>
      </c>
      <c r="H922" s="53">
        <v>-117550719.999999</v>
      </c>
      <c r="I922" s="53">
        <v>-227291620</v>
      </c>
      <c r="J922" s="53">
        <v>-121978579.999999</v>
      </c>
      <c r="K922" s="53">
        <v>-155036370</v>
      </c>
      <c r="L922" s="53">
        <v>-139047400</v>
      </c>
      <c r="M922" s="53">
        <v>-194937180</v>
      </c>
      <c r="N922" s="53">
        <v>-2006352280</v>
      </c>
      <c r="O922" s="53">
        <v>-121166551.26905499</v>
      </c>
      <c r="P922" s="53">
        <v>-150508708.96385899</v>
      </c>
      <c r="Q922" s="53">
        <v>-584839899.55322599</v>
      </c>
      <c r="R922" s="53">
        <v>-162012601.07420599</v>
      </c>
      <c r="S922" s="53">
        <v>-275921187.15354598</v>
      </c>
      <c r="T922" s="53">
        <v>-179277684.60468599</v>
      </c>
      <c r="U922" s="53">
        <v>-91157880.287887096</v>
      </c>
      <c r="V922" s="53">
        <v>-60384097.543088503</v>
      </c>
      <c r="W922" s="53">
        <v>-135313618.62082499</v>
      </c>
      <c r="X922" s="53">
        <v>-69191707.508709207</v>
      </c>
      <c r="Y922" s="53">
        <v>-112144689.447539</v>
      </c>
      <c r="Z922" s="53">
        <v>-678172992.36010301</v>
      </c>
      <c r="AA922" s="53">
        <v>-2620091618.3867302</v>
      </c>
      <c r="AB922" s="53">
        <v>-266067655.00898799</v>
      </c>
      <c r="AC922" s="53">
        <v>-238408943.78914601</v>
      </c>
      <c r="AD922" s="53">
        <v>-175465646.61439699</v>
      </c>
      <c r="AE922" s="53">
        <v>-57570782.029548503</v>
      </c>
      <c r="AF922" s="53">
        <v>-73965135.707148105</v>
      </c>
      <c r="AG922" s="53">
        <v>-373946571.15931898</v>
      </c>
      <c r="AH922" s="53">
        <v>-60619101.111657202</v>
      </c>
      <c r="AI922" s="53">
        <v>-91459210.294759095</v>
      </c>
      <c r="AJ922" s="53">
        <v>-147675373.26558101</v>
      </c>
      <c r="AK922" s="53">
        <v>-197326577.30836299</v>
      </c>
      <c r="AL922" s="53">
        <v>-136112309.40782699</v>
      </c>
      <c r="AM922" s="53">
        <v>-986562991.128142</v>
      </c>
      <c r="AN922" s="53">
        <v>-2805180296.8248701</v>
      </c>
      <c r="AO922" s="53">
        <v>-99330194.873363599</v>
      </c>
      <c r="AP922" s="53">
        <v>-53607959.479258999</v>
      </c>
      <c r="AQ922" s="53">
        <v>-348435671.40704</v>
      </c>
      <c r="AR922" s="53">
        <v>-100822069.088377</v>
      </c>
      <c r="AS922" s="53">
        <v>-77276734.745471194</v>
      </c>
      <c r="AT922" s="53">
        <v>-229717657.94964299</v>
      </c>
      <c r="AU922" s="53">
        <v>-67882062.571247905</v>
      </c>
      <c r="AV922" s="53">
        <v>-85671038.329333007</v>
      </c>
      <c r="AW922" s="53">
        <v>-305261101.91206098</v>
      </c>
      <c r="AX922" s="53">
        <v>-64980692.080906101</v>
      </c>
      <c r="AY922" s="53">
        <v>-69542646.300630406</v>
      </c>
      <c r="AZ922" s="53">
        <v>-1667714670.14533</v>
      </c>
      <c r="BA922" s="53">
        <v>-3170242498.8826699</v>
      </c>
      <c r="BB922" s="53">
        <v>-77466925.638372093</v>
      </c>
      <c r="BC922" s="53">
        <v>-58265475.404640198</v>
      </c>
      <c r="BD922" s="53">
        <v>-139476285.88325199</v>
      </c>
      <c r="BE922" s="53">
        <v>-62032188.568349697</v>
      </c>
      <c r="BF922" s="53">
        <v>-114991245.84185401</v>
      </c>
      <c r="BG922" s="53">
        <v>-539921293.44122601</v>
      </c>
      <c r="BH922" s="53">
        <v>-209220037.63718501</v>
      </c>
      <c r="BI922" s="53">
        <v>-108548715.048696</v>
      </c>
      <c r="BJ922" s="53">
        <v>-162883292.006643</v>
      </c>
      <c r="BK922" s="53">
        <v>-86681716.513938695</v>
      </c>
      <c r="BL922" s="53">
        <v>-91679468.020124897</v>
      </c>
      <c r="BM922" s="53">
        <v>-574199851.305035</v>
      </c>
      <c r="BN922" s="53">
        <v>-2225366495.30932</v>
      </c>
      <c r="BO922" s="53">
        <v>-50156018.192467302</v>
      </c>
      <c r="BP922" s="53">
        <v>-54814052.482335098</v>
      </c>
      <c r="BQ922" s="53">
        <v>-238750029.86870101</v>
      </c>
      <c r="BR922" s="53">
        <v>-67595378.712641701</v>
      </c>
      <c r="BS922" s="53">
        <v>-88739205.807381794</v>
      </c>
      <c r="BT922" s="53">
        <v>-534196520.81503803</v>
      </c>
      <c r="BU922" s="53">
        <v>-235302756.47542199</v>
      </c>
      <c r="BV922" s="53">
        <v>-91558132.615362301</v>
      </c>
      <c r="BW922" s="53">
        <v>-169523560.05052301</v>
      </c>
      <c r="BX922" s="53">
        <v>-149244843.85922101</v>
      </c>
      <c r="BY922" s="53">
        <v>-93476718.409495801</v>
      </c>
      <c r="BZ922" s="53">
        <v>-457145515.01068503</v>
      </c>
      <c r="CA922" s="53">
        <v>-2230502732.2992702</v>
      </c>
      <c r="CB922" s="53"/>
      <c r="CC922" s="53"/>
      <c r="CD922" s="53"/>
      <c r="CE922" s="53"/>
      <c r="CF922" s="53"/>
      <c r="CG922" s="53"/>
      <c r="CH922" s="53"/>
      <c r="CI922" s="53"/>
      <c r="CJ922" s="53"/>
      <c r="CK922" s="53"/>
      <c r="CL922" s="53"/>
      <c r="CM922" s="53"/>
      <c r="CN922" s="53"/>
    </row>
    <row r="923" spans="1:92" outlineLevel="1">
      <c r="A923" s="52" t="s">
        <v>750</v>
      </c>
      <c r="B923" s="53"/>
      <c r="C923" s="53"/>
      <c r="D923" s="53"/>
      <c r="E923" s="53"/>
      <c r="F923" s="53"/>
      <c r="G923" s="53"/>
      <c r="H923" s="53"/>
      <c r="I923" s="53"/>
      <c r="J923" s="53"/>
      <c r="K923" s="53"/>
      <c r="L923" s="53"/>
      <c r="M923" s="53"/>
      <c r="N923" s="53"/>
      <c r="O923" s="53"/>
      <c r="P923" s="53"/>
      <c r="Q923" s="53"/>
      <c r="R923" s="53"/>
      <c r="S923" s="53"/>
      <c r="T923" s="53"/>
      <c r="U923" s="53"/>
      <c r="V923" s="53"/>
      <c r="W923" s="53"/>
      <c r="X923" s="53"/>
      <c r="Y923" s="53"/>
      <c r="Z923" s="53"/>
      <c r="AA923" s="53"/>
      <c r="AB923" s="53"/>
      <c r="AC923" s="53"/>
      <c r="AD923" s="53"/>
      <c r="AE923" s="53"/>
      <c r="AF923" s="53"/>
      <c r="AG923" s="53"/>
      <c r="AH923" s="53"/>
      <c r="AI923" s="53"/>
      <c r="AJ923" s="53"/>
      <c r="AK923" s="53"/>
      <c r="AL923" s="53"/>
      <c r="AM923" s="53"/>
      <c r="AN923" s="53"/>
      <c r="AO923" s="53"/>
      <c r="AP923" s="53"/>
      <c r="AQ923" s="53"/>
      <c r="AR923" s="53"/>
      <c r="AS923" s="53"/>
      <c r="AT923" s="53"/>
      <c r="AU923" s="53"/>
      <c r="AV923" s="53"/>
      <c r="AW923" s="53"/>
      <c r="AX923" s="53"/>
      <c r="AY923" s="53"/>
      <c r="AZ923" s="53"/>
      <c r="BA923" s="53"/>
      <c r="BB923" s="53"/>
      <c r="BC923" s="53"/>
      <c r="BD923" s="53"/>
      <c r="BE923" s="53"/>
      <c r="BF923" s="53"/>
      <c r="BG923" s="53"/>
      <c r="BH923" s="53"/>
      <c r="BI923" s="53"/>
      <c r="BJ923" s="53"/>
      <c r="BK923" s="53"/>
      <c r="BL923" s="53"/>
      <c r="BM923" s="53"/>
      <c r="BN923" s="53"/>
      <c r="BO923" s="53"/>
      <c r="BP923" s="53"/>
      <c r="BQ923" s="53"/>
      <c r="BR923" s="53"/>
      <c r="BS923" s="53"/>
      <c r="BT923" s="53"/>
      <c r="BU923" s="53"/>
      <c r="BV923" s="53"/>
      <c r="BW923" s="53"/>
      <c r="BX923" s="53"/>
      <c r="BY923" s="53"/>
      <c r="BZ923" s="53"/>
      <c r="CA923" s="53"/>
      <c r="CB923" s="53"/>
      <c r="CC923" s="53"/>
      <c r="CD923" s="53"/>
      <c r="CE923" s="53"/>
      <c r="CF923" s="53"/>
      <c r="CG923" s="53"/>
      <c r="CH923" s="53"/>
      <c r="CI923" s="53"/>
      <c r="CJ923" s="53"/>
      <c r="CK923" s="53"/>
      <c r="CL923" s="53"/>
      <c r="CM923" s="53"/>
      <c r="CN923" s="53"/>
    </row>
    <row r="924" spans="1:92" outlineLevel="1">
      <c r="A924" s="52" t="s">
        <v>1356</v>
      </c>
      <c r="B924" s="53"/>
      <c r="C924" s="53"/>
      <c r="D924" s="53"/>
      <c r="E924" s="53"/>
      <c r="F924" s="53"/>
      <c r="G924" s="53"/>
      <c r="H924" s="53"/>
      <c r="I924" s="53"/>
      <c r="J924" s="53"/>
      <c r="K924" s="53"/>
      <c r="L924" s="53"/>
      <c r="M924" s="53"/>
      <c r="N924" s="53"/>
      <c r="O924" s="53"/>
      <c r="P924" s="53"/>
      <c r="Q924" s="53"/>
      <c r="R924" s="53"/>
      <c r="S924" s="53"/>
      <c r="T924" s="53"/>
      <c r="U924" s="53"/>
      <c r="V924" s="53"/>
      <c r="W924" s="53"/>
      <c r="X924" s="53"/>
      <c r="Y924" s="53"/>
      <c r="Z924" s="53"/>
      <c r="AA924" s="53"/>
      <c r="AB924" s="53"/>
      <c r="AC924" s="53"/>
      <c r="AD924" s="53"/>
      <c r="AE924" s="53"/>
      <c r="AF924" s="53"/>
      <c r="AG924" s="53"/>
      <c r="AH924" s="53"/>
      <c r="AI924" s="53"/>
      <c r="AJ924" s="53"/>
      <c r="AK924" s="53"/>
      <c r="AL924" s="53"/>
      <c r="AM924" s="53"/>
      <c r="AN924" s="53"/>
      <c r="AO924" s="53"/>
      <c r="AP924" s="53"/>
      <c r="AQ924" s="53"/>
      <c r="AR924" s="53"/>
      <c r="AS924" s="53"/>
      <c r="AT924" s="53"/>
      <c r="AU924" s="53"/>
      <c r="AV924" s="53"/>
      <c r="AW924" s="53"/>
      <c r="AX924" s="53"/>
      <c r="AY924" s="53"/>
      <c r="AZ924" s="53"/>
      <c r="BA924" s="53"/>
      <c r="BB924" s="53"/>
      <c r="BC924" s="53"/>
      <c r="BD924" s="53"/>
      <c r="BE924" s="53"/>
      <c r="BF924" s="53"/>
      <c r="BG924" s="53"/>
      <c r="BH924" s="53"/>
      <c r="BI924" s="53"/>
      <c r="BJ924" s="53"/>
      <c r="BK924" s="53"/>
      <c r="BL924" s="53"/>
      <c r="BM924" s="53"/>
      <c r="BN924" s="53"/>
      <c r="BO924" s="53"/>
      <c r="BP924" s="53"/>
      <c r="BQ924" s="53"/>
      <c r="BR924" s="53"/>
      <c r="BS924" s="53"/>
      <c r="BT924" s="53"/>
      <c r="BU924" s="53"/>
      <c r="BV924" s="53"/>
      <c r="BW924" s="53"/>
      <c r="BX924" s="53"/>
      <c r="BY924" s="53"/>
      <c r="BZ924" s="53"/>
      <c r="CA924" s="53"/>
      <c r="CB924" s="53">
        <v>-1160575.1815611499</v>
      </c>
      <c r="CC924" s="53">
        <v>-1071237.63054075</v>
      </c>
      <c r="CD924" s="53">
        <v>-1032839.43054074</v>
      </c>
      <c r="CE924" s="53">
        <v>-1017927.86191329</v>
      </c>
      <c r="CF924" s="53">
        <v>-973569.01575945201</v>
      </c>
      <c r="CG924" s="53">
        <v>-969717.69500473503</v>
      </c>
      <c r="CH924" s="53">
        <v>-935311.02833806805</v>
      </c>
      <c r="CI924" s="53">
        <v>-928751.02833806805</v>
      </c>
      <c r="CJ924" s="53">
        <v>-928751.02833806805</v>
      </c>
      <c r="CK924" s="53">
        <v>-926209.97570648906</v>
      </c>
      <c r="CL924" s="53">
        <v>-920191.69984441996</v>
      </c>
      <c r="CM924" s="53">
        <v>-900441.869335945</v>
      </c>
      <c r="CN924" s="53">
        <v>-11765523.445221201</v>
      </c>
    </row>
    <row r="925" spans="1:92" outlineLevel="1">
      <c r="A925" s="52" t="s">
        <v>649</v>
      </c>
      <c r="B925" s="53">
        <v>-112335659.999999</v>
      </c>
      <c r="C925" s="53">
        <v>-114391130</v>
      </c>
      <c r="D925" s="53">
        <v>-109109079.999999</v>
      </c>
      <c r="E925" s="53">
        <v>-141991179.99999899</v>
      </c>
      <c r="F925" s="53">
        <v>-176603059.99999899</v>
      </c>
      <c r="G925" s="53">
        <v>-418199270</v>
      </c>
      <c r="H925" s="53">
        <v>-120752020</v>
      </c>
      <c r="I925" s="53">
        <v>-228894259.99999899</v>
      </c>
      <c r="J925" s="53">
        <v>-119496750</v>
      </c>
      <c r="K925" s="53">
        <v>-156348550</v>
      </c>
      <c r="L925" s="53">
        <v>-154448009.99999899</v>
      </c>
      <c r="M925" s="53">
        <v>-200049209.99999899</v>
      </c>
      <c r="N925" s="53">
        <v>-2052618180</v>
      </c>
      <c r="O925" s="53">
        <v>-121166551.26905499</v>
      </c>
      <c r="P925" s="53">
        <v>-150508708.96385899</v>
      </c>
      <c r="Q925" s="53">
        <v>-584839899.55322599</v>
      </c>
      <c r="R925" s="53">
        <v>-162012601.07420599</v>
      </c>
      <c r="S925" s="53">
        <v>-275921187.15354598</v>
      </c>
      <c r="T925" s="53">
        <v>-179277684.60468599</v>
      </c>
      <c r="U925" s="53">
        <v>-91157880.287887096</v>
      </c>
      <c r="V925" s="53">
        <v>-60384097.543088503</v>
      </c>
      <c r="W925" s="53">
        <v>-135313618.62082499</v>
      </c>
      <c r="X925" s="53">
        <v>-69191707.508709207</v>
      </c>
      <c r="Y925" s="53">
        <v>-112144689.447539</v>
      </c>
      <c r="Z925" s="53">
        <v>-678172992.36010396</v>
      </c>
      <c r="AA925" s="53">
        <v>-2620091618.3867302</v>
      </c>
      <c r="AB925" s="53">
        <v>-266067655.00898799</v>
      </c>
      <c r="AC925" s="53">
        <v>-238408943.78914601</v>
      </c>
      <c r="AD925" s="53">
        <v>-175465646.61439601</v>
      </c>
      <c r="AE925" s="53">
        <v>-57570782.029548503</v>
      </c>
      <c r="AF925" s="53">
        <v>-73965135.707148105</v>
      </c>
      <c r="AG925" s="53">
        <v>-373946571.15931797</v>
      </c>
      <c r="AH925" s="53">
        <v>-60619101.111657202</v>
      </c>
      <c r="AI925" s="53">
        <v>-91459210.294759095</v>
      </c>
      <c r="AJ925" s="53">
        <v>-147675373.26558101</v>
      </c>
      <c r="AK925" s="53">
        <v>-197326577.30836299</v>
      </c>
      <c r="AL925" s="53">
        <v>-136112309.40782699</v>
      </c>
      <c r="AM925" s="53">
        <v>-986562991.128142</v>
      </c>
      <c r="AN925" s="53">
        <v>-2805180296.8248701</v>
      </c>
      <c r="AO925" s="53">
        <v>-99330194.873363495</v>
      </c>
      <c r="AP925" s="53">
        <v>-53607959.479258999</v>
      </c>
      <c r="AQ925" s="53">
        <v>-348435671.40704</v>
      </c>
      <c r="AR925" s="53">
        <v>-100822069.088377</v>
      </c>
      <c r="AS925" s="53">
        <v>-77276734.745471194</v>
      </c>
      <c r="AT925" s="53">
        <v>-229717657.94964299</v>
      </c>
      <c r="AU925" s="53">
        <v>-67882062.571247905</v>
      </c>
      <c r="AV925" s="53">
        <v>-85671038.329333007</v>
      </c>
      <c r="AW925" s="53">
        <v>-305261101.91206098</v>
      </c>
      <c r="AX925" s="53">
        <v>-64980692.080906101</v>
      </c>
      <c r="AY925" s="53">
        <v>-69542646.300630406</v>
      </c>
      <c r="AZ925" s="53">
        <v>-1667714670.14533</v>
      </c>
      <c r="BA925" s="53">
        <v>-3170242498.8826699</v>
      </c>
      <c r="BB925" s="53">
        <v>-77466925.638372004</v>
      </c>
      <c r="BC925" s="53">
        <v>-58265475.404640198</v>
      </c>
      <c r="BD925" s="53">
        <v>-139476285.88325199</v>
      </c>
      <c r="BE925" s="53">
        <v>-62032188.568349801</v>
      </c>
      <c r="BF925" s="53">
        <v>-114991245.84185401</v>
      </c>
      <c r="BG925" s="53">
        <v>-539921293.44122601</v>
      </c>
      <c r="BH925" s="53">
        <v>-209220037.63718501</v>
      </c>
      <c r="BI925" s="53">
        <v>-108548715.048696</v>
      </c>
      <c r="BJ925" s="53">
        <v>-162883292.006643</v>
      </c>
      <c r="BK925" s="53">
        <v>-86681716.513938695</v>
      </c>
      <c r="BL925" s="53">
        <v>-91679468.020124793</v>
      </c>
      <c r="BM925" s="53">
        <v>-574199851.30503595</v>
      </c>
      <c r="BN925" s="53">
        <v>-2225366495.30932</v>
      </c>
      <c r="BO925" s="53">
        <v>-50156018.192467302</v>
      </c>
      <c r="BP925" s="53">
        <v>-54814052.482335098</v>
      </c>
      <c r="BQ925" s="53">
        <v>-238750029.86870101</v>
      </c>
      <c r="BR925" s="53">
        <v>-67595378.712641701</v>
      </c>
      <c r="BS925" s="53">
        <v>-88739205.807381794</v>
      </c>
      <c r="BT925" s="53">
        <v>-534196520.81503803</v>
      </c>
      <c r="BU925" s="53">
        <v>-235302756.47542199</v>
      </c>
      <c r="BV925" s="53">
        <v>-91558132.615362301</v>
      </c>
      <c r="BW925" s="53">
        <v>-169523560.05052301</v>
      </c>
      <c r="BX925" s="53">
        <v>-149244843.85922101</v>
      </c>
      <c r="BY925" s="53">
        <v>-93476718.409495801</v>
      </c>
      <c r="BZ925" s="53">
        <v>-457145515.01068503</v>
      </c>
      <c r="CA925" s="53">
        <v>-2230502732.2992702</v>
      </c>
      <c r="CB925" s="53"/>
      <c r="CC925" s="53"/>
      <c r="CD925" s="53"/>
      <c r="CE925" s="53"/>
      <c r="CF925" s="53"/>
      <c r="CG925" s="53"/>
      <c r="CH925" s="53"/>
      <c r="CI925" s="53"/>
      <c r="CJ925" s="53"/>
      <c r="CK925" s="53"/>
      <c r="CL925" s="53"/>
      <c r="CM925" s="53"/>
      <c r="CN925" s="53"/>
    </row>
    <row r="926" spans="1:92" outlineLevel="1">
      <c r="A926" s="52" t="s">
        <v>1364</v>
      </c>
      <c r="B926" s="53"/>
      <c r="C926" s="53"/>
      <c r="D926" s="53"/>
      <c r="E926" s="53"/>
      <c r="F926" s="53"/>
      <c r="G926" s="53"/>
      <c r="H926" s="53"/>
      <c r="I926" s="53"/>
      <c r="J926" s="53"/>
      <c r="K926" s="53"/>
      <c r="L926" s="53"/>
      <c r="M926" s="53"/>
      <c r="N926" s="53"/>
      <c r="O926" s="53"/>
      <c r="P926" s="53"/>
      <c r="Q926" s="53"/>
      <c r="R926" s="53"/>
      <c r="S926" s="53"/>
      <c r="T926" s="53"/>
      <c r="U926" s="53"/>
      <c r="V926" s="53"/>
      <c r="W926" s="53"/>
      <c r="X926" s="53"/>
      <c r="Y926" s="53"/>
      <c r="Z926" s="53"/>
      <c r="AA926" s="53"/>
      <c r="AB926" s="53"/>
      <c r="AC926" s="53"/>
      <c r="AD926" s="53"/>
      <c r="AE926" s="53"/>
      <c r="AF926" s="53"/>
      <c r="AG926" s="53"/>
      <c r="AH926" s="53"/>
      <c r="AI926" s="53"/>
      <c r="AJ926" s="53"/>
      <c r="AK926" s="53"/>
      <c r="AL926" s="53"/>
      <c r="AM926" s="53"/>
      <c r="AN926" s="53"/>
      <c r="AO926" s="53"/>
      <c r="AP926" s="53"/>
      <c r="AQ926" s="53"/>
      <c r="AR926" s="53"/>
      <c r="AS926" s="53"/>
      <c r="AT926" s="53"/>
      <c r="AU926" s="53"/>
      <c r="AV926" s="53"/>
      <c r="AW926" s="53"/>
      <c r="AX926" s="53"/>
      <c r="AY926" s="53"/>
      <c r="AZ926" s="53"/>
      <c r="BA926" s="53"/>
      <c r="BB926" s="53"/>
      <c r="BC926" s="53"/>
      <c r="BD926" s="53"/>
      <c r="BE926" s="53"/>
      <c r="BF926" s="53"/>
      <c r="BG926" s="53"/>
      <c r="BH926" s="53"/>
      <c r="BI926" s="53"/>
      <c r="BJ926" s="53"/>
      <c r="BK926" s="53"/>
      <c r="BL926" s="53"/>
      <c r="BM926" s="53"/>
      <c r="BN926" s="53"/>
      <c r="BO926" s="53"/>
      <c r="BP926" s="53"/>
      <c r="BQ926" s="53"/>
      <c r="BR926" s="53"/>
      <c r="BS926" s="53"/>
      <c r="BT926" s="53"/>
      <c r="BU926" s="53"/>
      <c r="BV926" s="53"/>
      <c r="BW926" s="53"/>
      <c r="BX926" s="53"/>
      <c r="BY926" s="53"/>
      <c r="BZ926" s="53"/>
      <c r="CA926" s="53"/>
      <c r="CB926" s="53">
        <v>-99137.488866953703</v>
      </c>
      <c r="CC926" s="53">
        <v>-99137.488866953703</v>
      </c>
      <c r="CD926" s="53">
        <v>-99137.488866953703</v>
      </c>
      <c r="CE926" s="53">
        <v>-99137.488866953703</v>
      </c>
      <c r="CF926" s="53">
        <v>-99137.488866953703</v>
      </c>
      <c r="CG926" s="53">
        <v>-99137.488866953703</v>
      </c>
      <c r="CH926" s="53">
        <v>-99137.488866953703</v>
      </c>
      <c r="CI926" s="53">
        <v>-99137.488866953703</v>
      </c>
      <c r="CJ926" s="53">
        <v>-99137.488866953703</v>
      </c>
      <c r="CK926" s="53">
        <v>-99137.488866953703</v>
      </c>
      <c r="CL926" s="53">
        <v>-99137.488866953703</v>
      </c>
      <c r="CM926" s="53">
        <v>-99137.488866953703</v>
      </c>
      <c r="CN926" s="53">
        <v>-1189649.86640344</v>
      </c>
    </row>
    <row r="927" spans="1:92" outlineLevel="1">
      <c r="A927" s="52" t="s">
        <v>649</v>
      </c>
      <c r="B927" s="53">
        <v>-11724299.999999899</v>
      </c>
      <c r="C927" s="53">
        <v>15293730</v>
      </c>
      <c r="D927" s="53">
        <v>18471560</v>
      </c>
      <c r="E927" s="53">
        <v>30025709.999999899</v>
      </c>
      <c r="F927" s="53">
        <v>35604920</v>
      </c>
      <c r="G927" s="53">
        <v>111371799.999999</v>
      </c>
      <c r="H927" s="53">
        <v>12083010</v>
      </c>
      <c r="I927" s="53">
        <v>12919189.999999899</v>
      </c>
      <c r="J927" s="53">
        <v>29178790</v>
      </c>
      <c r="K927" s="53">
        <v>18488420</v>
      </c>
      <c r="L927" s="53">
        <v>90157040</v>
      </c>
      <c r="M927" s="53">
        <v>13787029.999999899</v>
      </c>
      <c r="N927" s="53">
        <v>375656900</v>
      </c>
      <c r="O927" s="53">
        <v>18630608.762699701</v>
      </c>
      <c r="P927" s="53">
        <v>11644471.666861201</v>
      </c>
      <c r="Q927" s="53">
        <v>38136010.500504203</v>
      </c>
      <c r="R927" s="53">
        <v>11809477.270434599</v>
      </c>
      <c r="S927" s="53">
        <v>30829563.118948098</v>
      </c>
      <c r="T927" s="53">
        <v>22450466.065304399</v>
      </c>
      <c r="U927" s="53">
        <v>15353247.470747</v>
      </c>
      <c r="V927" s="53">
        <v>11986352.558493</v>
      </c>
      <c r="W927" s="53">
        <v>18484666.543999702</v>
      </c>
      <c r="X927" s="53">
        <v>13149357.848525699</v>
      </c>
      <c r="Y927" s="53">
        <v>28547125.927893899</v>
      </c>
      <c r="Z927" s="53">
        <v>87660484.289098606</v>
      </c>
      <c r="AA927" s="53">
        <v>308681832.02350998</v>
      </c>
      <c r="AB927" s="53">
        <v>10596414.9729676</v>
      </c>
      <c r="AC927" s="53">
        <v>30096322.318457801</v>
      </c>
      <c r="AD927" s="53">
        <v>20887062.870667599</v>
      </c>
      <c r="AE927" s="53">
        <v>11871608.199958</v>
      </c>
      <c r="AF927" s="53">
        <v>12139431.559313901</v>
      </c>
      <c r="AG927" s="53">
        <v>28157839.432163399</v>
      </c>
      <c r="AH927" s="53">
        <v>11674904.9651393</v>
      </c>
      <c r="AI927" s="53">
        <v>41725664.132902697</v>
      </c>
      <c r="AJ927" s="53">
        <v>21003287.172743902</v>
      </c>
      <c r="AK927" s="53">
        <v>24678178.377350401</v>
      </c>
      <c r="AL927" s="53">
        <v>26987594.900460798</v>
      </c>
      <c r="AM927" s="53">
        <v>107255794.341772</v>
      </c>
      <c r="AN927" s="53">
        <v>347074103.24389797</v>
      </c>
      <c r="AO927" s="53">
        <v>16545434.0171047</v>
      </c>
      <c r="AP927" s="53">
        <v>11863114.8857497</v>
      </c>
      <c r="AQ927" s="53">
        <v>20445778.086150199</v>
      </c>
      <c r="AR927" s="53">
        <v>15622481.564832401</v>
      </c>
      <c r="AS927" s="53">
        <v>12818078.819703801</v>
      </c>
      <c r="AT927" s="53">
        <v>29119040.257674899</v>
      </c>
      <c r="AU927" s="53">
        <v>15136899.787366699</v>
      </c>
      <c r="AV927" s="53">
        <v>12855054.6763999</v>
      </c>
      <c r="AW927" s="53">
        <v>76562164.086696103</v>
      </c>
      <c r="AX927" s="53">
        <v>12589822.537658799</v>
      </c>
      <c r="AY927" s="53">
        <v>12014138.751245599</v>
      </c>
      <c r="AZ927" s="53">
        <v>144616617.112827</v>
      </c>
      <c r="BA927" s="53">
        <v>380188624.58341098</v>
      </c>
      <c r="BB927" s="53">
        <v>14040984.3740936</v>
      </c>
      <c r="BC927" s="53">
        <v>11704441.725047201</v>
      </c>
      <c r="BD927" s="53">
        <v>19861557.2979341</v>
      </c>
      <c r="BE927" s="53">
        <v>12503445.2072937</v>
      </c>
      <c r="BF927" s="53">
        <v>17555870.6100756</v>
      </c>
      <c r="BG927" s="53">
        <v>26398455.470432401</v>
      </c>
      <c r="BH927" s="53">
        <v>27891736.471292499</v>
      </c>
      <c r="BI927" s="53">
        <v>13327829.933021</v>
      </c>
      <c r="BJ927" s="53">
        <v>20482340.104693901</v>
      </c>
      <c r="BK927" s="53">
        <v>12951232.3157579</v>
      </c>
      <c r="BL927" s="53">
        <v>12147264.046329999</v>
      </c>
      <c r="BM927" s="53">
        <v>104458630.331223</v>
      </c>
      <c r="BN927" s="53">
        <v>293323787.887196</v>
      </c>
      <c r="BO927" s="53">
        <v>11346955.2564469</v>
      </c>
      <c r="BP927" s="53">
        <v>11895926.435196601</v>
      </c>
      <c r="BQ927" s="53">
        <v>18183264.408652101</v>
      </c>
      <c r="BR927" s="53">
        <v>12661679.063060399</v>
      </c>
      <c r="BS927" s="53">
        <v>14612170.272208501</v>
      </c>
      <c r="BT927" s="53">
        <v>26360240.3230545</v>
      </c>
      <c r="BU927" s="53">
        <v>26936336.692380499</v>
      </c>
      <c r="BV927" s="53">
        <v>13332277.432735801</v>
      </c>
      <c r="BW927" s="53">
        <v>20783190.8768133</v>
      </c>
      <c r="BX927" s="53">
        <v>18308880.5901451</v>
      </c>
      <c r="BY927" s="53">
        <v>12680223.1584695</v>
      </c>
      <c r="BZ927" s="53">
        <v>26135030.599240799</v>
      </c>
      <c r="CA927" s="53">
        <v>213236175.10840401</v>
      </c>
      <c r="CB927" s="53"/>
      <c r="CC927" s="53"/>
      <c r="CD927" s="53"/>
      <c r="CE927" s="53"/>
      <c r="CF927" s="53"/>
      <c r="CG927" s="53"/>
      <c r="CH927" s="53"/>
      <c r="CI927" s="53"/>
      <c r="CJ927" s="53"/>
      <c r="CK927" s="53"/>
      <c r="CL927" s="53"/>
      <c r="CM927" s="53"/>
      <c r="CN927" s="53"/>
    </row>
    <row r="928" spans="1:92" outlineLevel="1">
      <c r="A928" s="52" t="s">
        <v>751</v>
      </c>
      <c r="B928" s="53"/>
      <c r="C928" s="53"/>
      <c r="D928" s="53"/>
      <c r="E928" s="53"/>
      <c r="F928" s="53"/>
      <c r="G928" s="53"/>
      <c r="H928" s="53"/>
      <c r="I928" s="53"/>
      <c r="J928" s="53"/>
      <c r="K928" s="53"/>
      <c r="L928" s="53"/>
      <c r="M928" s="53"/>
      <c r="N928" s="53"/>
      <c r="O928" s="53"/>
      <c r="P928" s="53"/>
      <c r="Q928" s="53"/>
      <c r="R928" s="53"/>
      <c r="S928" s="53"/>
      <c r="T928" s="53"/>
      <c r="U928" s="53"/>
      <c r="V928" s="53"/>
      <c r="W928" s="53"/>
      <c r="X928" s="53"/>
      <c r="Y928" s="53"/>
      <c r="Z928" s="53"/>
      <c r="AA928" s="53"/>
      <c r="AB928" s="53"/>
      <c r="AC928" s="53"/>
      <c r="AD928" s="53"/>
      <c r="AE928" s="53"/>
      <c r="AF928" s="53"/>
      <c r="AG928" s="53"/>
      <c r="AH928" s="53"/>
      <c r="AI928" s="53"/>
      <c r="AJ928" s="53"/>
      <c r="AK928" s="53"/>
      <c r="AL928" s="53"/>
      <c r="AM928" s="53"/>
      <c r="AN928" s="53"/>
      <c r="AO928" s="53"/>
      <c r="AP928" s="53"/>
      <c r="AQ928" s="53"/>
      <c r="AR928" s="53"/>
      <c r="AS928" s="53"/>
      <c r="AT928" s="53"/>
      <c r="AU928" s="53"/>
      <c r="AV928" s="53"/>
      <c r="AW928" s="53"/>
      <c r="AX928" s="53"/>
      <c r="AY928" s="53"/>
      <c r="AZ928" s="53"/>
      <c r="BA928" s="53"/>
      <c r="BB928" s="53"/>
      <c r="BC928" s="53"/>
      <c r="BD928" s="53"/>
      <c r="BE928" s="53"/>
      <c r="BF928" s="53"/>
      <c r="BG928" s="53"/>
      <c r="BH928" s="53"/>
      <c r="BI928" s="53"/>
      <c r="BJ928" s="53"/>
      <c r="BK928" s="53"/>
      <c r="BL928" s="53"/>
      <c r="BM928" s="53"/>
      <c r="BN928" s="53"/>
      <c r="BO928" s="53"/>
      <c r="BP928" s="53"/>
      <c r="BQ928" s="53"/>
      <c r="BR928" s="53"/>
      <c r="BS928" s="53"/>
      <c r="BT928" s="53"/>
      <c r="BU928" s="53"/>
      <c r="BV928" s="53"/>
      <c r="BW928" s="53"/>
      <c r="BX928" s="53"/>
      <c r="BY928" s="53"/>
      <c r="BZ928" s="53"/>
      <c r="CA928" s="53"/>
      <c r="CB928" s="53"/>
      <c r="CC928" s="53"/>
      <c r="CD928" s="53"/>
      <c r="CE928" s="53"/>
      <c r="CF928" s="53"/>
      <c r="CG928" s="53"/>
      <c r="CH928" s="53"/>
      <c r="CI928" s="53"/>
      <c r="CJ928" s="53"/>
      <c r="CK928" s="53"/>
      <c r="CL928" s="53"/>
      <c r="CM928" s="53"/>
      <c r="CN928" s="53"/>
    </row>
    <row r="929" spans="1:92" outlineLevel="1">
      <c r="A929" s="52" t="s">
        <v>649</v>
      </c>
      <c r="B929" s="53">
        <v>-58367319.999999903</v>
      </c>
      <c r="C929" s="53">
        <v>-59153989.999999903</v>
      </c>
      <c r="D929" s="53">
        <v>-68632339.999999896</v>
      </c>
      <c r="E929" s="53">
        <v>-62736359.999999903</v>
      </c>
      <c r="F929" s="53">
        <v>-62028759.999999903</v>
      </c>
      <c r="G929" s="53">
        <v>-63361069.999999903</v>
      </c>
      <c r="H929" s="53">
        <v>-64251309.999999903</v>
      </c>
      <c r="I929" s="53">
        <v>-64049939.999999903</v>
      </c>
      <c r="J929" s="53">
        <v>-65057189.999999903</v>
      </c>
      <c r="K929" s="53">
        <v>-65079179.999999903</v>
      </c>
      <c r="L929" s="53">
        <v>-65304719.999999903</v>
      </c>
      <c r="M929" s="53">
        <v>-65801229.999999903</v>
      </c>
      <c r="N929" s="53">
        <v>-763823409.99999905</v>
      </c>
      <c r="O929" s="53">
        <v>-66032898.6790585</v>
      </c>
      <c r="P929" s="53">
        <v>-65350445.9423953</v>
      </c>
      <c r="Q929" s="53">
        <v>-65726706.020004198</v>
      </c>
      <c r="R929" s="53">
        <v>-67215938.864544198</v>
      </c>
      <c r="S929" s="53">
        <v>-67603670.633109495</v>
      </c>
      <c r="T929" s="53">
        <v>-68016026.818549201</v>
      </c>
      <c r="U929" s="53">
        <v>-68407194.806713894</v>
      </c>
      <c r="V929" s="53">
        <v>-68577333.132288396</v>
      </c>
      <c r="W929" s="53">
        <v>-68687668.903189301</v>
      </c>
      <c r="X929" s="53">
        <v>-68973520.953499794</v>
      </c>
      <c r="Y929" s="53">
        <v>-69121709.636789605</v>
      </c>
      <c r="Z929" s="53">
        <v>-69335895.333595499</v>
      </c>
      <c r="AA929" s="53">
        <v>-813049009.72373796</v>
      </c>
      <c r="AB929" s="53">
        <v>-71121803.046059698</v>
      </c>
      <c r="AC929" s="53">
        <v>-71816587.585545897</v>
      </c>
      <c r="AD929" s="53">
        <v>-72259742.769029394</v>
      </c>
      <c r="AE929" s="53">
        <v>-72661867.579559997</v>
      </c>
      <c r="AF929" s="53">
        <v>-72778365.115679801</v>
      </c>
      <c r="AG929" s="53">
        <v>-72946355.386302099</v>
      </c>
      <c r="AH929" s="53">
        <v>-73818277.804108694</v>
      </c>
      <c r="AI929" s="53">
        <v>-73934060.072679505</v>
      </c>
      <c r="AJ929" s="53">
        <v>-74092588.478156194</v>
      </c>
      <c r="AK929" s="53">
        <v>-74386600.617008805</v>
      </c>
      <c r="AL929" s="53">
        <v>-74765023.670708597</v>
      </c>
      <c r="AM929" s="53">
        <v>-75076597.280232906</v>
      </c>
      <c r="AN929" s="53">
        <v>-879657869.40507197</v>
      </c>
      <c r="AO929" s="53">
        <v>-77362629.038255095</v>
      </c>
      <c r="AP929" s="53">
        <v>-77529315.088143602</v>
      </c>
      <c r="AQ929" s="53">
        <v>-77626272.910991907</v>
      </c>
      <c r="AR929" s="53">
        <v>-78449971.487316594</v>
      </c>
      <c r="AS929" s="53">
        <v>-78661604.678121507</v>
      </c>
      <c r="AT929" s="53">
        <v>-78846172.027333498</v>
      </c>
      <c r="AU929" s="53">
        <v>-79346850.594246</v>
      </c>
      <c r="AV929" s="53">
        <v>-79469121.982446402</v>
      </c>
      <c r="AW929" s="53">
        <v>-79564698.344076097</v>
      </c>
      <c r="AX929" s="53">
        <v>-80051614.583723098</v>
      </c>
      <c r="AY929" s="53">
        <v>-80159285.762120202</v>
      </c>
      <c r="AZ929" s="53">
        <v>-80183206.696671799</v>
      </c>
      <c r="BA929" s="53">
        <v>-947250743.19344604</v>
      </c>
      <c r="BB929" s="53">
        <v>-83888346.130732998</v>
      </c>
      <c r="BC929" s="53">
        <v>-84023294.893333301</v>
      </c>
      <c r="BD929" s="53">
        <v>-84128385.065171093</v>
      </c>
      <c r="BE929" s="53">
        <v>-84435214.711812302</v>
      </c>
      <c r="BF929" s="53">
        <v>-84551394.817864701</v>
      </c>
      <c r="BG929" s="53">
        <v>-84676313.835262001</v>
      </c>
      <c r="BH929" s="53">
        <v>-85531012.653507397</v>
      </c>
      <c r="BI929" s="53">
        <v>-85895860.332089305</v>
      </c>
      <c r="BJ929" s="53">
        <v>-86072688.075579196</v>
      </c>
      <c r="BK929" s="53">
        <v>-86410105.191280007</v>
      </c>
      <c r="BL929" s="53">
        <v>-86284821.606348798</v>
      </c>
      <c r="BM929" s="53">
        <v>-85692100.295335993</v>
      </c>
      <c r="BN929" s="53">
        <v>-1021589537.60831</v>
      </c>
      <c r="BO929" s="53">
        <v>-87450145.780315205</v>
      </c>
      <c r="BP929" s="53">
        <v>-87517860.751162097</v>
      </c>
      <c r="BQ929" s="53">
        <v>-87624197.881319404</v>
      </c>
      <c r="BR929" s="53">
        <v>-88569806.6736366</v>
      </c>
      <c r="BS929" s="53">
        <v>-88558543.713697195</v>
      </c>
      <c r="BT929" s="53">
        <v>-88511763.390835702</v>
      </c>
      <c r="BU929" s="53">
        <v>-89879955.724908695</v>
      </c>
      <c r="BV929" s="53">
        <v>-90338630.757819593</v>
      </c>
      <c r="BW929" s="53">
        <v>-90550884.081206501</v>
      </c>
      <c r="BX929" s="53">
        <v>-90930869.513129994</v>
      </c>
      <c r="BY929" s="53">
        <v>-91212616.243148595</v>
      </c>
      <c r="BZ929" s="53">
        <v>-91339806.574828893</v>
      </c>
      <c r="CA929" s="53">
        <v>-1072485081.086</v>
      </c>
      <c r="CB929" s="53">
        <v>4.4720973724483297</v>
      </c>
      <c r="CC929" s="53">
        <v>4.5045461656332497</v>
      </c>
      <c r="CD929" s="53">
        <v>4.5372304018533898</v>
      </c>
      <c r="CE929" s="53">
        <v>4.5701517894441599</v>
      </c>
      <c r="CF929" s="53">
        <v>4.6033120491363997</v>
      </c>
      <c r="CG929" s="53">
        <v>4.6367129141462602</v>
      </c>
      <c r="CH929" s="53">
        <v>4.6703561302658096</v>
      </c>
      <c r="CI929" s="53">
        <v>4.7042434559543196</v>
      </c>
      <c r="CJ929" s="53">
        <v>4.7383766624301398</v>
      </c>
      <c r="CK929" s="53">
        <v>4.7727575337632802</v>
      </c>
      <c r="CL929" s="53">
        <v>4.8073878669686696</v>
      </c>
      <c r="CM929" s="53">
        <v>4.8422694721000799</v>
      </c>
      <c r="CN929" s="53">
        <v>55.859441814144098</v>
      </c>
    </row>
    <row r="930" spans="1:92" outlineLevel="1">
      <c r="A930" s="52" t="s">
        <v>752</v>
      </c>
      <c r="B930" s="53"/>
      <c r="C930" s="53"/>
      <c r="D930" s="53"/>
      <c r="E930" s="53"/>
      <c r="F930" s="53"/>
      <c r="G930" s="53"/>
      <c r="H930" s="53"/>
      <c r="I930" s="53"/>
      <c r="J930" s="53"/>
      <c r="K930" s="53"/>
      <c r="L930" s="53"/>
      <c r="M930" s="53"/>
      <c r="N930" s="53"/>
      <c r="O930" s="53"/>
      <c r="P930" s="53"/>
      <c r="Q930" s="53"/>
      <c r="R930" s="53"/>
      <c r="S930" s="53"/>
      <c r="T930" s="53"/>
      <c r="U930" s="53"/>
      <c r="V930" s="53"/>
      <c r="W930" s="53"/>
      <c r="X930" s="53"/>
      <c r="Y930" s="53"/>
      <c r="Z930" s="53"/>
      <c r="AA930" s="53"/>
      <c r="AB930" s="53"/>
      <c r="AC930" s="53"/>
      <c r="AD930" s="53"/>
      <c r="AE930" s="53"/>
      <c r="AF930" s="53"/>
      <c r="AG930" s="53"/>
      <c r="AH930" s="53"/>
      <c r="AI930" s="53"/>
      <c r="AJ930" s="53"/>
      <c r="AK930" s="53"/>
      <c r="AL930" s="53"/>
      <c r="AM930" s="53"/>
      <c r="AN930" s="53"/>
      <c r="AO930" s="53"/>
      <c r="AP930" s="53"/>
      <c r="AQ930" s="53"/>
      <c r="AR930" s="53"/>
      <c r="AS930" s="53"/>
      <c r="AT930" s="53"/>
      <c r="AU930" s="53"/>
      <c r="AV930" s="53"/>
      <c r="AW930" s="53"/>
      <c r="AX930" s="53"/>
      <c r="AY930" s="53"/>
      <c r="AZ930" s="53"/>
      <c r="BA930" s="53"/>
      <c r="BB930" s="53"/>
      <c r="BC930" s="53"/>
      <c r="BD930" s="53"/>
      <c r="BE930" s="53"/>
      <c r="BF930" s="53"/>
      <c r="BG930" s="53"/>
      <c r="BH930" s="53"/>
      <c r="BI930" s="53"/>
      <c r="BJ930" s="53"/>
      <c r="BK930" s="53"/>
      <c r="BL930" s="53"/>
      <c r="BM930" s="53"/>
      <c r="BN930" s="53"/>
      <c r="BO930" s="53"/>
      <c r="BP930" s="53"/>
      <c r="BQ930" s="53"/>
      <c r="BR930" s="53"/>
      <c r="BS930" s="53"/>
      <c r="BT930" s="53"/>
      <c r="BU930" s="53"/>
      <c r="BV930" s="53"/>
      <c r="BW930" s="53"/>
      <c r="BX930" s="53"/>
      <c r="BY930" s="53"/>
      <c r="BZ930" s="53"/>
      <c r="CA930" s="53"/>
      <c r="CB930" s="53">
        <v>-386932.316836135</v>
      </c>
      <c r="CC930" s="53">
        <v>-389289.379532861</v>
      </c>
      <c r="CD930" s="53">
        <v>-391660.80066984898</v>
      </c>
      <c r="CE930" s="53">
        <v>-394046.66771392903</v>
      </c>
      <c r="CF930" s="53">
        <v>-396447.06866475299</v>
      </c>
      <c r="CG930" s="53">
        <v>-398862.09205803502</v>
      </c>
      <c r="CH930" s="53">
        <v>-401291.82696882199</v>
      </c>
      <c r="CI930" s="53">
        <v>-403736.363014773</v>
      </c>
      <c r="CJ930" s="53">
        <v>-406195.79035947099</v>
      </c>
      <c r="CK930" s="53">
        <v>-408670.19971574302</v>
      </c>
      <c r="CL930" s="53">
        <v>-411159.68234901101</v>
      </c>
      <c r="CM930" s="53">
        <v>-413664.33008065203</v>
      </c>
      <c r="CN930" s="53">
        <v>-4801956.5179640297</v>
      </c>
    </row>
    <row r="931" spans="1:92" outlineLevel="1">
      <c r="A931" s="52" t="s">
        <v>649</v>
      </c>
      <c r="B931" s="53">
        <v>915930</v>
      </c>
      <c r="C931" s="53">
        <v>-4790.0000000011996</v>
      </c>
      <c r="D931" s="53">
        <v>-28100</v>
      </c>
      <c r="E931" s="53">
        <v>-6779.9999999995498</v>
      </c>
      <c r="F931" s="53">
        <v>-89.999999999804402</v>
      </c>
      <c r="G931" s="53">
        <v>-42429.999999999898</v>
      </c>
      <c r="H931" s="53"/>
      <c r="I931" s="53">
        <v>-458450</v>
      </c>
      <c r="J931" s="53">
        <v>2604490</v>
      </c>
      <c r="K931" s="53">
        <v>1699810</v>
      </c>
      <c r="L931" s="53">
        <v>24150</v>
      </c>
      <c r="M931" s="53"/>
      <c r="N931" s="53">
        <v>4703740</v>
      </c>
      <c r="O931" s="53"/>
      <c r="P931" s="53"/>
      <c r="Q931" s="53"/>
      <c r="R931" s="53"/>
      <c r="S931" s="53"/>
      <c r="T931" s="53"/>
      <c r="U931" s="53"/>
      <c r="V931" s="53"/>
      <c r="W931" s="53"/>
      <c r="X931" s="53"/>
      <c r="Y931" s="53"/>
      <c r="Z931" s="53"/>
      <c r="AA931" s="53"/>
      <c r="AB931" s="53"/>
      <c r="AC931" s="53"/>
      <c r="AD931" s="53"/>
      <c r="AE931" s="53"/>
      <c r="AF931" s="53"/>
      <c r="AG931" s="53"/>
      <c r="AH931" s="53"/>
      <c r="AI931" s="53"/>
      <c r="AJ931" s="53"/>
      <c r="AK931" s="53"/>
      <c r="AL931" s="53"/>
      <c r="AM931" s="53"/>
      <c r="AN931" s="53"/>
      <c r="AO931" s="53"/>
      <c r="AP931" s="53"/>
      <c r="AQ931" s="53"/>
      <c r="AR931" s="53"/>
      <c r="AS931" s="53"/>
      <c r="AT931" s="53"/>
      <c r="AU931" s="53"/>
      <c r="AV931" s="53"/>
      <c r="AW931" s="53"/>
      <c r="AX931" s="53"/>
      <c r="AY931" s="53"/>
      <c r="AZ931" s="53"/>
      <c r="BA931" s="53"/>
      <c r="BB931" s="53"/>
      <c r="BC931" s="53"/>
      <c r="BD931" s="53"/>
      <c r="BE931" s="53"/>
      <c r="BF931" s="53"/>
      <c r="BG931" s="53"/>
      <c r="BH931" s="53"/>
      <c r="BI931" s="53"/>
      <c r="BJ931" s="53"/>
      <c r="BK931" s="53"/>
      <c r="BL931" s="53"/>
      <c r="BM931" s="53"/>
      <c r="BN931" s="53"/>
      <c r="BO931" s="53"/>
      <c r="BP931" s="53"/>
      <c r="BQ931" s="53"/>
      <c r="BR931" s="53"/>
      <c r="BS931" s="53"/>
      <c r="BT931" s="53"/>
      <c r="BU931" s="53"/>
      <c r="BV931" s="53"/>
      <c r="BW931" s="53"/>
      <c r="BX931" s="53"/>
      <c r="BY931" s="53"/>
      <c r="BZ931" s="53"/>
      <c r="CA931" s="53"/>
      <c r="CB931" s="53"/>
      <c r="CC931" s="53"/>
      <c r="CD931" s="53"/>
      <c r="CE931" s="53"/>
      <c r="CF931" s="53"/>
      <c r="CG931" s="53"/>
      <c r="CH931" s="53"/>
      <c r="CI931" s="53"/>
      <c r="CJ931" s="53"/>
      <c r="CK931" s="53"/>
      <c r="CL931" s="53"/>
      <c r="CM931" s="53"/>
      <c r="CN931" s="53"/>
    </row>
    <row r="932" spans="1:92" outlineLevel="1">
      <c r="A932" s="52" t="s">
        <v>754</v>
      </c>
      <c r="B932" s="53"/>
      <c r="C932" s="53"/>
      <c r="D932" s="53"/>
      <c r="E932" s="53"/>
      <c r="F932" s="53"/>
      <c r="G932" s="53"/>
      <c r="H932" s="53"/>
      <c r="I932" s="53"/>
      <c r="J932" s="53"/>
      <c r="K932" s="53"/>
      <c r="L932" s="53"/>
      <c r="M932" s="53"/>
      <c r="N932" s="53"/>
      <c r="O932" s="53"/>
      <c r="P932" s="53"/>
      <c r="Q932" s="53"/>
      <c r="R932" s="53"/>
      <c r="S932" s="53"/>
      <c r="T932" s="53"/>
      <c r="U932" s="53"/>
      <c r="V932" s="53"/>
      <c r="W932" s="53"/>
      <c r="X932" s="53"/>
      <c r="Y932" s="53"/>
      <c r="Z932" s="53"/>
      <c r="AA932" s="53"/>
      <c r="AB932" s="53"/>
      <c r="AC932" s="53"/>
      <c r="AD932" s="53"/>
      <c r="AE932" s="53"/>
      <c r="AF932" s="53"/>
      <c r="AG932" s="53"/>
      <c r="AH932" s="53"/>
      <c r="AI932" s="53"/>
      <c r="AJ932" s="53"/>
      <c r="AK932" s="53"/>
      <c r="AL932" s="53"/>
      <c r="AM932" s="53"/>
      <c r="AN932" s="53"/>
      <c r="AO932" s="53"/>
      <c r="AP932" s="53"/>
      <c r="AQ932" s="53"/>
      <c r="AR932" s="53"/>
      <c r="AS932" s="53"/>
      <c r="AT932" s="53"/>
      <c r="AU932" s="53"/>
      <c r="AV932" s="53"/>
      <c r="AW932" s="53"/>
      <c r="AX932" s="53"/>
      <c r="AY932" s="53"/>
      <c r="AZ932" s="53"/>
      <c r="BA932" s="53"/>
      <c r="BB932" s="53"/>
      <c r="BC932" s="53"/>
      <c r="BD932" s="53"/>
      <c r="BE932" s="53"/>
      <c r="BF932" s="53"/>
      <c r="BG932" s="53"/>
      <c r="BH932" s="53"/>
      <c r="BI932" s="53"/>
      <c r="BJ932" s="53"/>
      <c r="BK932" s="53"/>
      <c r="BL932" s="53"/>
      <c r="BM932" s="53"/>
      <c r="BN932" s="53"/>
      <c r="BO932" s="53"/>
      <c r="BP932" s="53"/>
      <c r="BQ932" s="53"/>
      <c r="BR932" s="53"/>
      <c r="BS932" s="53"/>
      <c r="BT932" s="53"/>
      <c r="BU932" s="53"/>
      <c r="BV932" s="53"/>
      <c r="BW932" s="53"/>
      <c r="BX932" s="53"/>
      <c r="BY932" s="53"/>
      <c r="BZ932" s="53"/>
      <c r="CA932" s="53"/>
      <c r="CB932" s="53"/>
      <c r="CC932" s="53"/>
      <c r="CD932" s="53"/>
      <c r="CE932" s="53"/>
      <c r="CF932" s="53"/>
      <c r="CG932" s="53"/>
      <c r="CH932" s="53"/>
      <c r="CI932" s="53"/>
      <c r="CJ932" s="53"/>
      <c r="CK932" s="53"/>
      <c r="CL932" s="53"/>
      <c r="CM932" s="53"/>
      <c r="CN932" s="53"/>
    </row>
    <row r="933" spans="1:92" outlineLevel="1">
      <c r="A933" s="52" t="s">
        <v>649</v>
      </c>
      <c r="B933" s="53">
        <v>-3061469.9999999902</v>
      </c>
      <c r="C933" s="53">
        <v>-3111669.9999999902</v>
      </c>
      <c r="D933" s="53">
        <v>-3163509.9999999902</v>
      </c>
      <c r="E933" s="53">
        <v>-3169679.9999999902</v>
      </c>
      <c r="F933" s="53">
        <v>-3075309.9999999902</v>
      </c>
      <c r="G933" s="53">
        <v>-3062839.9999999902</v>
      </c>
      <c r="H933" s="53">
        <v>-3135329.9999999902</v>
      </c>
      <c r="I933" s="53">
        <v>-3165219.9999999902</v>
      </c>
      <c r="J933" s="53">
        <v>-3049589.9999999902</v>
      </c>
      <c r="K933" s="53">
        <v>-3079519.9999999902</v>
      </c>
      <c r="L933" s="53">
        <v>-3143969.9999999902</v>
      </c>
      <c r="M933" s="53">
        <v>-3175019.9999999902</v>
      </c>
      <c r="N933" s="53">
        <v>-37393129.999999903</v>
      </c>
      <c r="O933" s="53">
        <v>-3216442.2152608</v>
      </c>
      <c r="P933" s="53">
        <v>-3175132.2152608</v>
      </c>
      <c r="Q933" s="53">
        <v>-3173122.2152608</v>
      </c>
      <c r="R933" s="53">
        <v>-3173122.2152608</v>
      </c>
      <c r="S933" s="53">
        <v>-3173122.2152608</v>
      </c>
      <c r="T933" s="53">
        <v>-3173122.2152608</v>
      </c>
      <c r="U933" s="53">
        <v>-3137663.88192746</v>
      </c>
      <c r="V933" s="53">
        <v>-2910446.73907032</v>
      </c>
      <c r="W933" s="53">
        <v>-2909152.98907032</v>
      </c>
      <c r="X933" s="53">
        <v>-2901050.7668480999</v>
      </c>
      <c r="Y933" s="53">
        <v>-2901050.7668480999</v>
      </c>
      <c r="Z933" s="53">
        <v>-2863423.4941208302</v>
      </c>
      <c r="AA933" s="53">
        <v>-36706851.929449901</v>
      </c>
      <c r="AB933" s="53">
        <v>-2850516.82745416</v>
      </c>
      <c r="AC933" s="53">
        <v>-2806779.1351464698</v>
      </c>
      <c r="AD933" s="53">
        <v>-2797123.4208607501</v>
      </c>
      <c r="AE933" s="53">
        <v>-2683676.0875274199</v>
      </c>
      <c r="AF933" s="53">
        <v>-2683676.0875274199</v>
      </c>
      <c r="AG933" s="53">
        <v>-2683676.0875274199</v>
      </c>
      <c r="AH933" s="53">
        <v>-2474888.3097496401</v>
      </c>
      <c r="AI933" s="53">
        <v>-2360994.6255391198</v>
      </c>
      <c r="AJ933" s="53">
        <v>-2360994.62553911</v>
      </c>
      <c r="AK933" s="53">
        <v>-2282252.7207772098</v>
      </c>
      <c r="AL933" s="53">
        <v>-2279569.5389590301</v>
      </c>
      <c r="AM933" s="53">
        <v>-2219894.3215677198</v>
      </c>
      <c r="AN933" s="53">
        <v>-30484041.788175501</v>
      </c>
      <c r="AO933" s="53">
        <v>-2165177.6549010598</v>
      </c>
      <c r="AP933" s="53">
        <v>-2127402.85490106</v>
      </c>
      <c r="AQ933" s="53">
        <v>-2108888.2395164398</v>
      </c>
      <c r="AR933" s="53">
        <v>-2077921.5728497801</v>
      </c>
      <c r="AS933" s="53">
        <v>-1996582.28713549</v>
      </c>
      <c r="AT933" s="53">
        <v>-1989345.3905837699</v>
      </c>
      <c r="AU933" s="53">
        <v>-1972622.0572504301</v>
      </c>
      <c r="AV933" s="53">
        <v>-1958409.4766052701</v>
      </c>
      <c r="AW933" s="53">
        <v>-1957292.9141052701</v>
      </c>
      <c r="AX933" s="53">
        <v>-1945543.21713557</v>
      </c>
      <c r="AY933" s="53">
        <v>-1940918.21713557</v>
      </c>
      <c r="AZ933" s="53">
        <v>-1937857.35999272</v>
      </c>
      <c r="BA933" s="53">
        <v>-24177961.242112398</v>
      </c>
      <c r="BB933" s="53">
        <v>-1727908.1933260499</v>
      </c>
      <c r="BC933" s="53">
        <v>-1659615.49062335</v>
      </c>
      <c r="BD933" s="53">
        <v>-1621217.3327286099</v>
      </c>
      <c r="BE933" s="53">
        <v>-1603308.61477989</v>
      </c>
      <c r="BF933" s="53">
        <v>-1595930.61477989</v>
      </c>
      <c r="BG933" s="53">
        <v>-1592079.1513652599</v>
      </c>
      <c r="BH933" s="53">
        <v>-1557672.4846985899</v>
      </c>
      <c r="BI933" s="53">
        <v>-1550793.1823730101</v>
      </c>
      <c r="BJ933" s="53">
        <v>-1550793.1823730101</v>
      </c>
      <c r="BK933" s="53">
        <v>-1542226.5157063401</v>
      </c>
      <c r="BL933" s="53">
        <v>-1529130.64614113</v>
      </c>
      <c r="BM933" s="53">
        <v>-1529109.5823113399</v>
      </c>
      <c r="BN933" s="53">
        <v>-19059784.991206501</v>
      </c>
      <c r="BO933" s="53">
        <v>-1429066.8739780099</v>
      </c>
      <c r="BP933" s="53">
        <v>-1385592.3841820899</v>
      </c>
      <c r="BQ933" s="53">
        <v>-1374476.5841820899</v>
      </c>
      <c r="BR933" s="53">
        <v>-1369872.2704566</v>
      </c>
      <c r="BS933" s="53">
        <v>-1348020.92430275</v>
      </c>
      <c r="BT933" s="53">
        <v>-1283172.99977445</v>
      </c>
      <c r="BU933" s="53">
        <v>-1246766.33310778</v>
      </c>
      <c r="BV933" s="53">
        <v>-1173917.7876532399</v>
      </c>
      <c r="BW933" s="53">
        <v>-760588.50193895504</v>
      </c>
      <c r="BX933" s="53">
        <v>-725830.60720211302</v>
      </c>
      <c r="BY933" s="53">
        <v>-690086.64168487198</v>
      </c>
      <c r="BZ933" s="53">
        <v>-681579.86202385498</v>
      </c>
      <c r="CA933" s="53">
        <v>-13468971.7704868</v>
      </c>
      <c r="CB933" s="53">
        <v>-3372083.3333333302</v>
      </c>
      <c r="CC933" s="53">
        <v>-3372083.3333333302</v>
      </c>
      <c r="CD933" s="53">
        <v>-3372083.3333333302</v>
      </c>
      <c r="CE933" s="53">
        <v>-3372083.3333333302</v>
      </c>
      <c r="CF933" s="53">
        <v>-3372083.3333333302</v>
      </c>
      <c r="CG933" s="53">
        <v>-3372083.3333333302</v>
      </c>
      <c r="CH933" s="53">
        <v>-3372083.3333333302</v>
      </c>
      <c r="CI933" s="53">
        <v>-3372083.3333333302</v>
      </c>
      <c r="CJ933" s="53">
        <v>-3372083.3333333302</v>
      </c>
      <c r="CK933" s="53">
        <v>-3372083.3333333302</v>
      </c>
      <c r="CL933" s="53">
        <v>-3372083.3333333302</v>
      </c>
      <c r="CM933" s="53">
        <v>-3372083.3333333302</v>
      </c>
      <c r="CN933" s="53">
        <v>-40465000</v>
      </c>
    </row>
    <row r="934" spans="1:92" outlineLevel="1">
      <c r="A934" s="52" t="s">
        <v>1385</v>
      </c>
      <c r="B934" s="53"/>
      <c r="C934" s="53"/>
      <c r="D934" s="53"/>
      <c r="E934" s="53"/>
      <c r="F934" s="53"/>
      <c r="G934" s="53"/>
      <c r="H934" s="53"/>
      <c r="I934" s="53"/>
      <c r="J934" s="53"/>
      <c r="K934" s="53"/>
      <c r="L934" s="53"/>
      <c r="M934" s="53"/>
      <c r="N934" s="53"/>
      <c r="O934" s="53"/>
      <c r="P934" s="53"/>
      <c r="Q934" s="53"/>
      <c r="R934" s="53"/>
      <c r="S934" s="53"/>
      <c r="T934" s="53"/>
      <c r="U934" s="53"/>
      <c r="V934" s="53"/>
      <c r="W934" s="53"/>
      <c r="X934" s="53"/>
      <c r="Y934" s="53"/>
      <c r="Z934" s="53"/>
      <c r="AA934" s="53"/>
      <c r="AB934" s="53"/>
      <c r="AC934" s="53"/>
      <c r="AD934" s="53"/>
      <c r="AE934" s="53"/>
      <c r="AF934" s="53"/>
      <c r="AG934" s="53"/>
      <c r="AH934" s="53"/>
      <c r="AI934" s="53"/>
      <c r="AJ934" s="53"/>
      <c r="AK934" s="53"/>
      <c r="AL934" s="53"/>
      <c r="AM934" s="53"/>
      <c r="AN934" s="53"/>
      <c r="AO934" s="53"/>
      <c r="AP934" s="53"/>
      <c r="AQ934" s="53"/>
      <c r="AR934" s="53"/>
      <c r="AS934" s="53"/>
      <c r="AT934" s="53"/>
      <c r="AU934" s="53"/>
      <c r="AV934" s="53"/>
      <c r="AW934" s="53"/>
      <c r="AX934" s="53"/>
      <c r="AY934" s="53"/>
      <c r="AZ934" s="53"/>
      <c r="BA934" s="53"/>
      <c r="BB934" s="53"/>
      <c r="BC934" s="53"/>
      <c r="BD934" s="53"/>
      <c r="BE934" s="53"/>
      <c r="BF934" s="53"/>
      <c r="BG934" s="53"/>
      <c r="BH934" s="53"/>
      <c r="BI934" s="53"/>
      <c r="BJ934" s="53"/>
      <c r="BK934" s="53"/>
      <c r="BL934" s="53"/>
      <c r="BM934" s="53"/>
      <c r="BN934" s="53"/>
      <c r="BO934" s="53"/>
      <c r="BP934" s="53"/>
      <c r="BQ934" s="53"/>
      <c r="BR934" s="53"/>
      <c r="BS934" s="53"/>
      <c r="BT934" s="53"/>
      <c r="BU934" s="53"/>
      <c r="BV934" s="53"/>
      <c r="BW934" s="53"/>
      <c r="BX934" s="53"/>
      <c r="BY934" s="53"/>
      <c r="BZ934" s="53"/>
      <c r="CA934" s="53"/>
      <c r="CB934" s="53"/>
      <c r="CC934" s="53"/>
      <c r="CD934" s="53"/>
      <c r="CE934" s="53"/>
      <c r="CF934" s="53"/>
      <c r="CG934" s="53"/>
      <c r="CH934" s="53"/>
      <c r="CI934" s="53"/>
      <c r="CJ934" s="53"/>
      <c r="CK934" s="53"/>
      <c r="CL934" s="53"/>
      <c r="CM934" s="53"/>
      <c r="CN934" s="53"/>
    </row>
    <row r="935" spans="1:92" outlineLevel="1">
      <c r="A935" s="52" t="s">
        <v>649</v>
      </c>
      <c r="B935" s="53">
        <v>-109280</v>
      </c>
      <c r="C935" s="53">
        <v>-109280</v>
      </c>
      <c r="D935" s="53">
        <v>-109280</v>
      </c>
      <c r="E935" s="53">
        <v>-109280</v>
      </c>
      <c r="F935" s="53">
        <v>-109280</v>
      </c>
      <c r="G935" s="53">
        <v>-109280</v>
      </c>
      <c r="H935" s="53">
        <v>-109280</v>
      </c>
      <c r="I935" s="53">
        <v>-109280</v>
      </c>
      <c r="J935" s="53">
        <v>-109280</v>
      </c>
      <c r="K935" s="53">
        <v>-89940</v>
      </c>
      <c r="L935" s="53">
        <v>-89940</v>
      </c>
      <c r="M935" s="53">
        <v>-89940</v>
      </c>
      <c r="N935" s="53">
        <v>-1253340</v>
      </c>
      <c r="O935" s="53">
        <v>-89948.085988144201</v>
      </c>
      <c r="P935" s="53">
        <v>-89948.085988144201</v>
      </c>
      <c r="Q935" s="53">
        <v>-89948.085988144201</v>
      </c>
      <c r="R935" s="53">
        <v>-89948.085988144201</v>
      </c>
      <c r="S935" s="53">
        <v>-89948.085988144201</v>
      </c>
      <c r="T935" s="53">
        <v>-89948.085988144201</v>
      </c>
      <c r="U935" s="53">
        <v>-89948.085988144201</v>
      </c>
      <c r="V935" s="53">
        <v>-89948.085988144201</v>
      </c>
      <c r="W935" s="53">
        <v>-89948.085988144201</v>
      </c>
      <c r="X935" s="53">
        <v>-89948.085988144201</v>
      </c>
      <c r="Y935" s="53">
        <v>-89948.085988144201</v>
      </c>
      <c r="Z935" s="53">
        <v>-89948.085988144303</v>
      </c>
      <c r="AA935" s="53">
        <v>-1079377.0318577299</v>
      </c>
      <c r="AB935" s="53">
        <v>-89948.085988144201</v>
      </c>
      <c r="AC935" s="53">
        <v>-89948.085988144201</v>
      </c>
      <c r="AD935" s="53">
        <v>-89948.085988144201</v>
      </c>
      <c r="AE935" s="53">
        <v>-89948.085988144303</v>
      </c>
      <c r="AF935" s="53">
        <v>-89948.085988144303</v>
      </c>
      <c r="AG935" s="53">
        <v>-89948.085988144303</v>
      </c>
      <c r="AH935" s="53">
        <v>-89948.085988144303</v>
      </c>
      <c r="AI935" s="53">
        <v>-89948.085988144303</v>
      </c>
      <c r="AJ935" s="53">
        <v>-89948.085988144303</v>
      </c>
      <c r="AK935" s="53">
        <v>-89948.085988144201</v>
      </c>
      <c r="AL935" s="53">
        <v>-89948.085988144201</v>
      </c>
      <c r="AM935" s="53">
        <v>-89948.085988144099</v>
      </c>
      <c r="AN935" s="53">
        <v>-1079377.0318577299</v>
      </c>
      <c r="AO935" s="53">
        <v>-79794.752654810902</v>
      </c>
      <c r="AP935" s="53">
        <v>-79794.752654810902</v>
      </c>
      <c r="AQ935" s="53">
        <v>-79794.752654810902</v>
      </c>
      <c r="AR935" s="53">
        <v>-79794.752654810902</v>
      </c>
      <c r="AS935" s="53">
        <v>-79794.752654810902</v>
      </c>
      <c r="AT935" s="53">
        <v>-79794.752654810902</v>
      </c>
      <c r="AU935" s="53">
        <v>-79794.752654810902</v>
      </c>
      <c r="AV935" s="53">
        <v>-79794.752654810902</v>
      </c>
      <c r="AW935" s="53">
        <v>-79794.752654810902</v>
      </c>
      <c r="AX935" s="53">
        <v>-79794.752654810902</v>
      </c>
      <c r="AY935" s="53">
        <v>-79794.752654810902</v>
      </c>
      <c r="AZ935" s="53">
        <v>-79794.752654810902</v>
      </c>
      <c r="BA935" s="53">
        <v>-957537.03185773105</v>
      </c>
      <c r="BB935" s="53">
        <v>-79794.752654810902</v>
      </c>
      <c r="BC935" s="53">
        <v>-79794.752654810902</v>
      </c>
      <c r="BD935" s="53">
        <v>-79794.752654810902</v>
      </c>
      <c r="BE935" s="53">
        <v>-79794.752654810902</v>
      </c>
      <c r="BF935" s="53">
        <v>-79794.752654810902</v>
      </c>
      <c r="BG935" s="53">
        <v>-79794.752654810902</v>
      </c>
      <c r="BH935" s="53">
        <v>-79794.752654810902</v>
      </c>
      <c r="BI935" s="53">
        <v>-79794.752654810902</v>
      </c>
      <c r="BJ935" s="53">
        <v>-79794.752654810902</v>
      </c>
      <c r="BK935" s="53">
        <v>-79794.752654810902</v>
      </c>
      <c r="BL935" s="53">
        <v>-79794.752654810902</v>
      </c>
      <c r="BM935" s="53">
        <v>-79794.752654810902</v>
      </c>
      <c r="BN935" s="53">
        <v>-957537.03185773105</v>
      </c>
      <c r="BO935" s="53">
        <v>-79794.752654810902</v>
      </c>
      <c r="BP935" s="53">
        <v>-79794.752654810902</v>
      </c>
      <c r="BQ935" s="53">
        <v>-79794.752654810902</v>
      </c>
      <c r="BR935" s="53">
        <v>-79794.752654810902</v>
      </c>
      <c r="BS935" s="53">
        <v>-79794.752654810902</v>
      </c>
      <c r="BT935" s="53">
        <v>-79794.752654810902</v>
      </c>
      <c r="BU935" s="53">
        <v>-79794.752654810902</v>
      </c>
      <c r="BV935" s="53">
        <v>-79794.752654810902</v>
      </c>
      <c r="BW935" s="53">
        <v>-79794.752654810902</v>
      </c>
      <c r="BX935" s="53">
        <v>-79794.752654810902</v>
      </c>
      <c r="BY935" s="53">
        <v>-79794.752654810902</v>
      </c>
      <c r="BZ935" s="53">
        <v>-79794.752654810902</v>
      </c>
      <c r="CA935" s="53">
        <v>-957537.03185773105</v>
      </c>
      <c r="CB935" s="53"/>
      <c r="CC935" s="53"/>
      <c r="CD935" s="53"/>
      <c r="CE935" s="53"/>
      <c r="CF935" s="53"/>
      <c r="CG935" s="53"/>
      <c r="CH935" s="53"/>
      <c r="CI935" s="53"/>
      <c r="CJ935" s="53"/>
      <c r="CK935" s="53"/>
      <c r="CL935" s="53"/>
      <c r="CM935" s="53"/>
      <c r="CN935" s="53"/>
    </row>
    <row r="936" spans="1:92" outlineLevel="1">
      <c r="A936" s="52" t="s">
        <v>1376</v>
      </c>
      <c r="B936" s="53"/>
      <c r="C936" s="53"/>
      <c r="D936" s="53"/>
      <c r="E936" s="53"/>
      <c r="F936" s="53"/>
      <c r="G936" s="53"/>
      <c r="H936" s="53"/>
      <c r="I936" s="53"/>
      <c r="J936" s="53"/>
      <c r="K936" s="53"/>
      <c r="L936" s="53"/>
      <c r="M936" s="53"/>
      <c r="N936" s="53"/>
      <c r="O936" s="53"/>
      <c r="P936" s="53"/>
      <c r="Q936" s="53"/>
      <c r="R936" s="53"/>
      <c r="S936" s="53"/>
      <c r="T936" s="53"/>
      <c r="U936" s="53"/>
      <c r="V936" s="53"/>
      <c r="W936" s="53"/>
      <c r="X936" s="53"/>
      <c r="Y936" s="53"/>
      <c r="Z936" s="53"/>
      <c r="AA936" s="53"/>
      <c r="AB936" s="53"/>
      <c r="AC936" s="53"/>
      <c r="AD936" s="53"/>
      <c r="AE936" s="53"/>
      <c r="AF936" s="53"/>
      <c r="AG936" s="53"/>
      <c r="AH936" s="53"/>
      <c r="AI936" s="53"/>
      <c r="AJ936" s="53"/>
      <c r="AK936" s="53"/>
      <c r="AL936" s="53"/>
      <c r="AM936" s="53"/>
      <c r="AN936" s="53"/>
      <c r="AO936" s="53"/>
      <c r="AP936" s="53"/>
      <c r="AQ936" s="53"/>
      <c r="AR936" s="53"/>
      <c r="AS936" s="53"/>
      <c r="AT936" s="53"/>
      <c r="AU936" s="53"/>
      <c r="AV936" s="53"/>
      <c r="AW936" s="53"/>
      <c r="AX936" s="53"/>
      <c r="AY936" s="53"/>
      <c r="AZ936" s="53"/>
      <c r="BA936" s="53"/>
      <c r="BB936" s="53"/>
      <c r="BC936" s="53"/>
      <c r="BD936" s="53"/>
      <c r="BE936" s="53"/>
      <c r="BF936" s="53"/>
      <c r="BG936" s="53"/>
      <c r="BH936" s="53"/>
      <c r="BI936" s="53"/>
      <c r="BJ936" s="53"/>
      <c r="BK936" s="53"/>
      <c r="BL936" s="53"/>
      <c r="BM936" s="53"/>
      <c r="BN936" s="53"/>
      <c r="BO936" s="53"/>
      <c r="BP936" s="53"/>
      <c r="BQ936" s="53"/>
      <c r="BR936" s="53"/>
      <c r="BS936" s="53"/>
      <c r="BT936" s="53"/>
      <c r="BU936" s="53"/>
      <c r="BV936" s="53"/>
      <c r="BW936" s="53"/>
      <c r="BX936" s="53"/>
      <c r="BY936" s="53"/>
      <c r="BZ936" s="53"/>
      <c r="CA936" s="53"/>
      <c r="CB936" s="53">
        <v>-355385</v>
      </c>
      <c r="CC936" s="53">
        <v>-355385</v>
      </c>
      <c r="CD936" s="53">
        <v>-355385</v>
      </c>
      <c r="CE936" s="53">
        <v>-355385</v>
      </c>
      <c r="CF936" s="53">
        <v>-355385</v>
      </c>
      <c r="CG936" s="53">
        <v>-355385</v>
      </c>
      <c r="CH936" s="53">
        <v>-355385</v>
      </c>
      <c r="CI936" s="53">
        <v>-355385</v>
      </c>
      <c r="CJ936" s="53">
        <v>-355385</v>
      </c>
      <c r="CK936" s="53">
        <v>-355385</v>
      </c>
      <c r="CL936" s="53">
        <v>-355385</v>
      </c>
      <c r="CM936" s="53">
        <v>-355385</v>
      </c>
      <c r="CN936" s="53">
        <v>-4264620</v>
      </c>
    </row>
    <row r="937" spans="1:92" outlineLevel="1">
      <c r="A937" s="52" t="s">
        <v>1377</v>
      </c>
      <c r="B937" s="53"/>
      <c r="C937" s="53"/>
      <c r="D937" s="53"/>
      <c r="E937" s="53"/>
      <c r="F937" s="53"/>
      <c r="G937" s="53"/>
      <c r="H937" s="53"/>
      <c r="I937" s="53"/>
      <c r="J937" s="53"/>
      <c r="K937" s="53"/>
      <c r="L937" s="53"/>
      <c r="M937" s="53"/>
      <c r="N937" s="53"/>
      <c r="O937" s="53"/>
      <c r="P937" s="53"/>
      <c r="Q937" s="53"/>
      <c r="R937" s="53"/>
      <c r="S937" s="53"/>
      <c r="T937" s="53"/>
      <c r="U937" s="53"/>
      <c r="V937" s="53"/>
      <c r="W937" s="53"/>
      <c r="X937" s="53"/>
      <c r="Y937" s="53"/>
      <c r="Z937" s="53"/>
      <c r="AA937" s="53"/>
      <c r="AB937" s="53"/>
      <c r="AC937" s="53"/>
      <c r="AD937" s="53"/>
      <c r="AE937" s="53"/>
      <c r="AF937" s="53"/>
      <c r="AG937" s="53"/>
      <c r="AH937" s="53"/>
      <c r="AI937" s="53"/>
      <c r="AJ937" s="53"/>
      <c r="AK937" s="53"/>
      <c r="AL937" s="53"/>
      <c r="AM937" s="53"/>
      <c r="AN937" s="53"/>
      <c r="AO937" s="53"/>
      <c r="AP937" s="53"/>
      <c r="AQ937" s="53"/>
      <c r="AR937" s="53"/>
      <c r="AS937" s="53"/>
      <c r="AT937" s="53"/>
      <c r="AU937" s="53"/>
      <c r="AV937" s="53"/>
      <c r="AW937" s="53"/>
      <c r="AX937" s="53"/>
      <c r="AY937" s="53"/>
      <c r="AZ937" s="53"/>
      <c r="BA937" s="53"/>
      <c r="BB937" s="53"/>
      <c r="BC937" s="53"/>
      <c r="BD937" s="53"/>
      <c r="BE937" s="53"/>
      <c r="BF937" s="53"/>
      <c r="BG937" s="53"/>
      <c r="BH937" s="53"/>
      <c r="BI937" s="53"/>
      <c r="BJ937" s="53"/>
      <c r="BK937" s="53"/>
      <c r="BL937" s="53"/>
      <c r="BM937" s="53"/>
      <c r="BN937" s="53"/>
      <c r="BO937" s="53"/>
      <c r="BP937" s="53"/>
      <c r="BQ937" s="53"/>
      <c r="BR937" s="53"/>
      <c r="BS937" s="53"/>
      <c r="BT937" s="53"/>
      <c r="BU937" s="53"/>
      <c r="BV937" s="53"/>
      <c r="BW937" s="53"/>
      <c r="BX937" s="53"/>
      <c r="BY937" s="53"/>
      <c r="BZ937" s="53"/>
      <c r="CA937" s="53"/>
      <c r="CB937" s="53"/>
      <c r="CC937" s="53"/>
      <c r="CD937" s="53"/>
      <c r="CE937" s="53"/>
      <c r="CF937" s="53"/>
      <c r="CG937" s="53"/>
      <c r="CH937" s="53"/>
      <c r="CI937" s="53"/>
      <c r="CJ937" s="53"/>
      <c r="CK937" s="53"/>
      <c r="CL937" s="53"/>
      <c r="CM937" s="53"/>
      <c r="CN937" s="53"/>
    </row>
    <row r="938" spans="1:92" outlineLevel="1">
      <c r="A938" s="52" t="s">
        <v>1378</v>
      </c>
      <c r="B938" s="53">
        <v>-1092858.8531758301</v>
      </c>
      <c r="C938" s="53">
        <v>-1100788.4559366601</v>
      </c>
      <c r="D938" s="53">
        <v>-547623.79020000005</v>
      </c>
      <c r="E938" s="53">
        <v>-509720.25867333298</v>
      </c>
      <c r="F938" s="53">
        <v>-1057819.7020399999</v>
      </c>
      <c r="G938" s="53">
        <v>-3033714.06765666</v>
      </c>
      <c r="H938" s="53">
        <v>-3055726.1908216602</v>
      </c>
      <c r="I938" s="53">
        <v>-3077898.0293899998</v>
      </c>
      <c r="J938" s="53">
        <v>-1034298.744295</v>
      </c>
      <c r="K938" s="53">
        <v>-595115.44545583299</v>
      </c>
      <c r="L938" s="53">
        <v>-599433.50796583295</v>
      </c>
      <c r="M938" s="53">
        <v>-1206811.6939083301</v>
      </c>
      <c r="N938" s="53">
        <v>-16911808.739519101</v>
      </c>
      <c r="O938" s="53">
        <v>-1204871.6006449901</v>
      </c>
      <c r="P938" s="53">
        <v>-1213613.9481673399</v>
      </c>
      <c r="Q938" s="53">
        <v>-661267.92870625702</v>
      </c>
      <c r="R938" s="53">
        <v>-624188.97858562798</v>
      </c>
      <c r="S938" s="53">
        <v>-1173118.9897827399</v>
      </c>
      <c r="T938" s="53">
        <v>-3149849.9456527801</v>
      </c>
      <c r="U938" s="53">
        <v>-3172704.7318834402</v>
      </c>
      <c r="V938" s="53">
        <v>-3195725.34863387</v>
      </c>
      <c r="W938" s="53">
        <v>-1152980.9991426601</v>
      </c>
      <c r="X938" s="53">
        <v>-714658.83710894606</v>
      </c>
      <c r="Y938" s="53">
        <v>-719844.28252120304</v>
      </c>
      <c r="Z938" s="53">
        <v>-1328096.1526611301</v>
      </c>
      <c r="AA938" s="53">
        <v>-18310921.743491001</v>
      </c>
      <c r="AB938" s="53">
        <v>-1326741.92699548</v>
      </c>
      <c r="AC938" s="53">
        <v>-1336368.5452941</v>
      </c>
      <c r="AD938" s="53">
        <v>-784913.21273066802</v>
      </c>
      <c r="AE938" s="53">
        <v>-748731.412183373</v>
      </c>
      <c r="AF938" s="53">
        <v>3.8769374325073702</v>
      </c>
      <c r="AG938" s="53">
        <v>3.9050678443614002</v>
      </c>
      <c r="AH938" s="53">
        <v>3.93340236579545</v>
      </c>
      <c r="AI938" s="53">
        <v>3.9619424777946</v>
      </c>
      <c r="AJ938" s="53">
        <v>3.9906896720897298</v>
      </c>
      <c r="AK938" s="53">
        <v>4.0196454512354602</v>
      </c>
      <c r="AL938" s="53">
        <v>4.0488113286887204</v>
      </c>
      <c r="AM938" s="53">
        <v>4.0781888288877903</v>
      </c>
      <c r="AN938" s="53">
        <v>-4196723.2825182201</v>
      </c>
      <c r="AO938" s="53">
        <v>4.1077794873320599</v>
      </c>
      <c r="AP938" s="53">
        <v>4.1375848506622299</v>
      </c>
      <c r="AQ938" s="53">
        <v>4.1676064767411498</v>
      </c>
      <c r="AR938" s="53">
        <v>4.1978459347353096</v>
      </c>
      <c r="AS938" s="53">
        <v>4.2283048051967498</v>
      </c>
      <c r="AT938" s="53">
        <v>4.2589846801457902</v>
      </c>
      <c r="AU938" s="53">
        <v>4.28988716315415</v>
      </c>
      <c r="AV938" s="53">
        <v>4.3210138694287998</v>
      </c>
      <c r="AW938" s="53">
        <v>4.3523664258963901</v>
      </c>
      <c r="AX938" s="53">
        <v>4.3839464712882901</v>
      </c>
      <c r="AY938" s="53">
        <v>4.4157556562262101</v>
      </c>
      <c r="AZ938" s="53">
        <v>4.4477956433085</v>
      </c>
      <c r="BA938" s="53">
        <v>51.308871464115597</v>
      </c>
      <c r="BB938" s="53">
        <v>4.48006810719707</v>
      </c>
      <c r="BC938" s="53">
        <v>4.5125747347048701</v>
      </c>
      <c r="BD938" s="53">
        <v>4.5453172248840996</v>
      </c>
      <c r="BE938" s="53">
        <v>4.57829728911498</v>
      </c>
      <c r="BF938" s="53">
        <v>4.6115166511952497</v>
      </c>
      <c r="BG938" s="53">
        <v>4.6449770474302099</v>
      </c>
      <c r="BH938" s="53">
        <v>4.6786802267235101</v>
      </c>
      <c r="BI938" s="53">
        <v>4.71262795066857</v>
      </c>
      <c r="BJ938" s="53">
        <v>4.7468219936406202</v>
      </c>
      <c r="BK938" s="53">
        <v>4.7812641428894702</v>
      </c>
      <c r="BL938" s="53">
        <v>4.81595619863291</v>
      </c>
      <c r="BM938" s="53">
        <v>4.8508999741508196</v>
      </c>
      <c r="BN938" s="53">
        <v>55.959001541232396</v>
      </c>
      <c r="BO938" s="53">
        <v>4.8860972958799103</v>
      </c>
      <c r="BP938" s="53">
        <v>4.9215500035092301</v>
      </c>
      <c r="BQ938" s="53">
        <v>4.9572599500763399</v>
      </c>
      <c r="BR938" s="53">
        <v>4.9932290020640604</v>
      </c>
      <c r="BS938" s="53"/>
      <c r="BT938" s="53"/>
      <c r="BU938" s="53"/>
      <c r="BV938" s="53"/>
      <c r="BW938" s="53"/>
      <c r="BX938" s="53"/>
      <c r="BY938" s="53"/>
      <c r="BZ938" s="53"/>
      <c r="CA938" s="53">
        <v>19.7581362515295</v>
      </c>
      <c r="CB938" s="53"/>
      <c r="CC938" s="53"/>
      <c r="CD938" s="53"/>
      <c r="CE938" s="53"/>
      <c r="CF938" s="53"/>
      <c r="CG938" s="53"/>
      <c r="CH938" s="53"/>
      <c r="CI938" s="53"/>
      <c r="CJ938" s="53"/>
      <c r="CK938" s="53"/>
      <c r="CL938" s="53"/>
      <c r="CM938" s="53"/>
      <c r="CN938" s="53"/>
    </row>
    <row r="939" spans="1:92" outlineLevel="1">
      <c r="A939" s="52" t="s">
        <v>1379</v>
      </c>
      <c r="B939" s="53">
        <v>-289089.632509007</v>
      </c>
      <c r="C939" s="53">
        <v>-290850.66529097001</v>
      </c>
      <c r="D939" s="53">
        <v>-292622.43963176099</v>
      </c>
      <c r="E939" s="53">
        <v>-294404.99022865598</v>
      </c>
      <c r="F939" s="53">
        <v>-296198.40715600102</v>
      </c>
      <c r="G939" s="53">
        <v>-298002.75499340898</v>
      </c>
      <c r="H939" s="53">
        <v>-299818.08483441698</v>
      </c>
      <c r="I939" s="53">
        <v>-301644.47794360301</v>
      </c>
      <c r="J939" s="53">
        <v>-303482.00289655698</v>
      </c>
      <c r="K939" s="53">
        <v>-305330.71414299699</v>
      </c>
      <c r="L939" s="53">
        <v>-307190.68249075598</v>
      </c>
      <c r="M939" s="53">
        <v>-309061.98052333301</v>
      </c>
      <c r="N939" s="53">
        <v>-3587696.8326414698</v>
      </c>
      <c r="O939" s="53">
        <v>-310944.68276122899</v>
      </c>
      <c r="P939" s="53">
        <v>-312838.85412038199</v>
      </c>
      <c r="Q939" s="53">
        <v>-314744.56414006598</v>
      </c>
      <c r="R939" s="53">
        <v>-316661.88310995197</v>
      </c>
      <c r="S939" s="53">
        <v>-318590.88174789702</v>
      </c>
      <c r="T939" s="53">
        <v>-320531.63120254403</v>
      </c>
      <c r="U939" s="53">
        <v>-322484.20305595302</v>
      </c>
      <c r="V939" s="53">
        <v>-324448.66932623601</v>
      </c>
      <c r="W939" s="53">
        <v>-326425.10247021401</v>
      </c>
      <c r="X939" s="53">
        <v>-328413.57538609498</v>
      </c>
      <c r="Y939" s="53">
        <v>-330414.16141615598</v>
      </c>
      <c r="Z939" s="53">
        <v>-332426.934349449</v>
      </c>
      <c r="AA939" s="53">
        <v>-3858925.1430861698</v>
      </c>
      <c r="AB939" s="53">
        <v>-334451.96842452802</v>
      </c>
      <c r="AC939" s="53">
        <v>-336489.33833217999</v>
      </c>
      <c r="AD939" s="53">
        <v>-338539.119218187</v>
      </c>
      <c r="AE939" s="53">
        <v>-340601.38668609102</v>
      </c>
      <c r="AF939" s="53">
        <v>-342676.21679998701</v>
      </c>
      <c r="AG939" s="53">
        <v>-344763.68608732702</v>
      </c>
      <c r="AH939" s="53">
        <v>-346863.871541742</v>
      </c>
      <c r="AI939" s="53">
        <v>-348976.85062588402</v>
      </c>
      <c r="AJ939" s="53">
        <v>-351102.70127428003</v>
      </c>
      <c r="AK939" s="53">
        <v>-353241.50189620903</v>
      </c>
      <c r="AL939" s="53">
        <v>-355393.33137859299</v>
      </c>
      <c r="AM939" s="53">
        <v>-357558.26908890699</v>
      </c>
      <c r="AN939" s="53">
        <v>-4150658.24135391</v>
      </c>
      <c r="AO939" s="53">
        <v>-359736.39487810701</v>
      </c>
      <c r="AP939" s="53">
        <v>-361927.78908357298</v>
      </c>
      <c r="AQ939" s="53">
        <v>-364132.53253207402</v>
      </c>
      <c r="AR939" s="53">
        <v>-366350.70654274803</v>
      </c>
      <c r="AS939" s="53">
        <v>-368582.39293010399</v>
      </c>
      <c r="AT939" s="53">
        <v>-370827.67400703701</v>
      </c>
      <c r="AU939" s="53">
        <v>-373086.63258786203</v>
      </c>
      <c r="AV939" s="53">
        <v>-375359.35199137701</v>
      </c>
      <c r="AW939" s="53">
        <v>-377645.91604392399</v>
      </c>
      <c r="AX939" s="53">
        <v>-379946.40908249101</v>
      </c>
      <c r="AY939" s="53">
        <v>-382260.91595781897</v>
      </c>
      <c r="AZ939" s="53">
        <v>-384589.52203752799</v>
      </c>
      <c r="BA939" s="53">
        <v>-4464446.2376746396</v>
      </c>
      <c r="BB939" s="53">
        <v>-386932.31320927298</v>
      </c>
      <c r="BC939" s="53">
        <v>-389289.37588390597</v>
      </c>
      <c r="BD939" s="53">
        <v>-391660.79699866503</v>
      </c>
      <c r="BE939" s="53">
        <v>-394046.66402038198</v>
      </c>
      <c r="BF939" s="53">
        <v>-396447.06494870601</v>
      </c>
      <c r="BG939" s="53">
        <v>-398862.08831935102</v>
      </c>
      <c r="BH939" s="53">
        <v>-401291.82320736302</v>
      </c>
      <c r="BI939" s="53">
        <v>-403736.3592304</v>
      </c>
      <c r="BJ939" s="53">
        <v>-406195.78655204503</v>
      </c>
      <c r="BK939" s="53">
        <v>-408670.19588512398</v>
      </c>
      <c r="BL939" s="53">
        <v>-411159.67849505699</v>
      </c>
      <c r="BM939" s="53">
        <v>-413664.32620322099</v>
      </c>
      <c r="BN939" s="53">
        <v>-4801956.47295349</v>
      </c>
      <c r="BO939" s="53">
        <v>-416184.23139034002</v>
      </c>
      <c r="BP939" s="53">
        <v>-418719.48699989298</v>
      </c>
      <c r="BQ939" s="53">
        <v>-421270.186541526</v>
      </c>
      <c r="BR939" s="53"/>
      <c r="BS939" s="53"/>
      <c r="BT939" s="53"/>
      <c r="BU939" s="53"/>
      <c r="BV939" s="53"/>
      <c r="BW939" s="53"/>
      <c r="BX939" s="53"/>
      <c r="BY939" s="53"/>
      <c r="BZ939" s="53"/>
      <c r="CA939" s="53">
        <v>-1256173.9049317599</v>
      </c>
      <c r="CB939" s="53">
        <v>24426786691.300598</v>
      </c>
      <c r="CC939" s="53">
        <v>24531735614.565899</v>
      </c>
      <c r="CD939" s="53">
        <v>24645760731.983398</v>
      </c>
      <c r="CE939" s="53">
        <v>24758640338.614498</v>
      </c>
      <c r="CF939" s="53">
        <v>24865308735.242001</v>
      </c>
      <c r="CG939" s="53">
        <v>24968648521.496101</v>
      </c>
      <c r="CH939" s="53">
        <v>25071868903.691399</v>
      </c>
      <c r="CI939" s="53">
        <v>25168513849.486</v>
      </c>
      <c r="CJ939" s="53">
        <v>25264672308.3615</v>
      </c>
      <c r="CK939" s="53">
        <v>25370099820.4744</v>
      </c>
      <c r="CL939" s="53">
        <v>25470580606.885899</v>
      </c>
      <c r="CM939" s="53">
        <v>25567911664.053299</v>
      </c>
      <c r="CN939" s="53">
        <v>25567911664.053299</v>
      </c>
    </row>
    <row r="940" spans="1:92" outlineLevel="1">
      <c r="A940" s="52" t="s">
        <v>1365</v>
      </c>
      <c r="B940" s="53"/>
      <c r="C940" s="53"/>
      <c r="D940" s="53"/>
      <c r="E940" s="53"/>
      <c r="F940" s="53"/>
      <c r="G940" s="53"/>
      <c r="H940" s="53"/>
      <c r="I940" s="53"/>
      <c r="J940" s="53"/>
      <c r="K940" s="53"/>
      <c r="L940" s="53"/>
      <c r="M940" s="53"/>
      <c r="N940" s="53"/>
      <c r="O940" s="53"/>
      <c r="P940" s="53"/>
      <c r="Q940" s="53"/>
      <c r="R940" s="53"/>
      <c r="S940" s="53"/>
      <c r="T940" s="53"/>
      <c r="U940" s="53"/>
      <c r="V940" s="53"/>
      <c r="W940" s="53"/>
      <c r="X940" s="53"/>
      <c r="Y940" s="53"/>
      <c r="Z940" s="53"/>
      <c r="AA940" s="53"/>
      <c r="AB940" s="53"/>
      <c r="AC940" s="53"/>
      <c r="AD940" s="53"/>
      <c r="AE940" s="53"/>
      <c r="AF940" s="53"/>
      <c r="AG940" s="53"/>
      <c r="AH940" s="53"/>
      <c r="AI940" s="53"/>
      <c r="AJ940" s="53"/>
      <c r="AK940" s="53"/>
      <c r="AL940" s="53"/>
      <c r="AM940" s="53"/>
      <c r="AN940" s="53"/>
      <c r="AO940" s="53"/>
      <c r="AP940" s="53"/>
      <c r="AQ940" s="53"/>
      <c r="AR940" s="53"/>
      <c r="AS940" s="53"/>
      <c r="AT940" s="53"/>
      <c r="AU940" s="53"/>
      <c r="AV940" s="53"/>
      <c r="AW940" s="53"/>
      <c r="AX940" s="53"/>
      <c r="AY940" s="53"/>
      <c r="AZ940" s="53"/>
      <c r="BA940" s="53"/>
      <c r="BB940" s="53"/>
      <c r="BC940" s="53"/>
      <c r="BD940" s="53"/>
      <c r="BE940" s="53"/>
      <c r="BF940" s="53"/>
      <c r="BG940" s="53"/>
      <c r="BH940" s="53"/>
      <c r="BI940" s="53"/>
      <c r="BJ940" s="53"/>
      <c r="BK940" s="53"/>
      <c r="BL940" s="53"/>
      <c r="BM940" s="53"/>
      <c r="BN940" s="53"/>
      <c r="BO940" s="53"/>
      <c r="BP940" s="53"/>
      <c r="BQ940" s="53"/>
      <c r="BR940" s="53"/>
      <c r="BS940" s="53"/>
      <c r="BT940" s="53"/>
      <c r="BU940" s="53"/>
      <c r="BV940" s="53"/>
      <c r="BW940" s="53"/>
      <c r="BX940" s="53"/>
      <c r="BY940" s="53"/>
      <c r="BZ940" s="53"/>
      <c r="CA940" s="53"/>
      <c r="CB940" s="53"/>
      <c r="CC940" s="53"/>
      <c r="CD940" s="53"/>
      <c r="CE940" s="53"/>
      <c r="CF940" s="53"/>
      <c r="CG940" s="53"/>
      <c r="CH940" s="53"/>
      <c r="CI940" s="53"/>
      <c r="CJ940" s="53"/>
      <c r="CK940" s="53"/>
      <c r="CL940" s="53"/>
      <c r="CM940" s="53"/>
      <c r="CN940" s="53"/>
    </row>
    <row r="941" spans="1:92" outlineLevel="1">
      <c r="A941" s="52" t="s">
        <v>1367</v>
      </c>
      <c r="B941" s="53"/>
      <c r="C941" s="53"/>
      <c r="D941" s="53"/>
      <c r="E941" s="53"/>
      <c r="F941" s="53"/>
      <c r="G941" s="53"/>
      <c r="H941" s="53"/>
      <c r="I941" s="53"/>
      <c r="J941" s="53"/>
      <c r="K941" s="53"/>
      <c r="L941" s="53"/>
      <c r="M941" s="53"/>
      <c r="N941" s="53"/>
      <c r="O941" s="53"/>
      <c r="P941" s="53"/>
      <c r="Q941" s="53"/>
      <c r="R941" s="53"/>
      <c r="S941" s="53"/>
      <c r="T941" s="53"/>
      <c r="U941" s="53"/>
      <c r="V941" s="53"/>
      <c r="W941" s="53"/>
      <c r="X941" s="53"/>
      <c r="Y941" s="53"/>
      <c r="Z941" s="53"/>
      <c r="AA941" s="53"/>
      <c r="AB941" s="53"/>
      <c r="AC941" s="53"/>
      <c r="AD941" s="53"/>
      <c r="AE941" s="53"/>
      <c r="AF941" s="53"/>
      <c r="AG941" s="53"/>
      <c r="AH941" s="53"/>
      <c r="AI941" s="53"/>
      <c r="AJ941" s="53"/>
      <c r="AK941" s="53"/>
      <c r="AL941" s="53"/>
      <c r="AM941" s="53"/>
      <c r="AN941" s="53"/>
      <c r="AO941" s="53"/>
      <c r="AP941" s="53"/>
      <c r="AQ941" s="53"/>
      <c r="AR941" s="53"/>
      <c r="AS941" s="53"/>
      <c r="AT941" s="53"/>
      <c r="AU941" s="53"/>
      <c r="AV941" s="53"/>
      <c r="AW941" s="53"/>
      <c r="AX941" s="53"/>
      <c r="AY941" s="53"/>
      <c r="AZ941" s="53"/>
      <c r="BA941" s="53"/>
      <c r="BB941" s="53"/>
      <c r="BC941" s="53"/>
      <c r="BD941" s="53"/>
      <c r="BE941" s="53"/>
      <c r="BF941" s="53"/>
      <c r="BG941" s="53"/>
      <c r="BH941" s="53"/>
      <c r="BI941" s="53"/>
      <c r="BJ941" s="53"/>
      <c r="BK941" s="53"/>
      <c r="BL941" s="53"/>
      <c r="BM941" s="53"/>
      <c r="BN941" s="53"/>
      <c r="BO941" s="53"/>
      <c r="BP941" s="53"/>
      <c r="BQ941" s="53"/>
      <c r="BR941" s="53"/>
      <c r="BS941" s="53"/>
      <c r="BT941" s="53"/>
      <c r="BU941" s="53"/>
      <c r="BV941" s="53"/>
      <c r="BW941" s="53"/>
      <c r="BX941" s="53"/>
      <c r="BY941" s="53"/>
      <c r="BZ941" s="53"/>
      <c r="CA941" s="53"/>
      <c r="CB941" s="53"/>
      <c r="CC941" s="53"/>
      <c r="CD941" s="53"/>
      <c r="CE941" s="53"/>
      <c r="CF941" s="53"/>
      <c r="CG941" s="53"/>
      <c r="CH941" s="53"/>
      <c r="CI941" s="53"/>
      <c r="CJ941" s="53"/>
      <c r="CK941" s="53"/>
      <c r="CL941" s="53"/>
      <c r="CM941" s="53"/>
      <c r="CN941" s="53"/>
    </row>
    <row r="942" spans="1:92" outlineLevel="1">
      <c r="A942" s="52" t="s">
        <v>649</v>
      </c>
      <c r="B942" s="53"/>
      <c r="C942" s="53"/>
      <c r="D942" s="53"/>
      <c r="E942" s="53"/>
      <c r="F942" s="53"/>
      <c r="G942" s="53"/>
      <c r="H942" s="53"/>
      <c r="I942" s="53"/>
      <c r="J942" s="53"/>
      <c r="K942" s="53"/>
      <c r="L942" s="53"/>
      <c r="M942" s="53"/>
      <c r="N942" s="53"/>
      <c r="O942" s="53"/>
      <c r="P942" s="53"/>
      <c r="Q942" s="53"/>
      <c r="R942" s="53"/>
      <c r="S942" s="53"/>
      <c r="T942" s="53"/>
      <c r="U942" s="53"/>
      <c r="V942" s="53"/>
      <c r="W942" s="53"/>
      <c r="X942" s="53"/>
      <c r="Y942" s="53"/>
      <c r="Z942" s="53">
        <v>-2452678.4923239001</v>
      </c>
      <c r="AA942" s="53">
        <v>-2452678.4923239001</v>
      </c>
      <c r="AB942" s="53"/>
      <c r="AC942" s="53"/>
      <c r="AD942" s="53"/>
      <c r="AE942" s="53"/>
      <c r="AF942" s="53"/>
      <c r="AG942" s="53"/>
      <c r="AH942" s="53"/>
      <c r="AI942" s="53"/>
      <c r="AJ942" s="53"/>
      <c r="AK942" s="53"/>
      <c r="AL942" s="53"/>
      <c r="AM942" s="53">
        <v>-12211613.409646699</v>
      </c>
      <c r="AN942" s="53">
        <v>-12211613.409646699</v>
      </c>
      <c r="AO942" s="53"/>
      <c r="AP942" s="53"/>
      <c r="AQ942" s="53"/>
      <c r="AR942" s="53"/>
      <c r="AS942" s="53"/>
      <c r="AT942" s="53"/>
      <c r="AU942" s="53"/>
      <c r="AV942" s="53"/>
      <c r="AW942" s="53"/>
      <c r="AX942" s="53"/>
      <c r="AY942" s="53"/>
      <c r="AZ942" s="53">
        <v>-1032080.95795413</v>
      </c>
      <c r="BA942" s="53">
        <v>-1032080.95795413</v>
      </c>
      <c r="BB942" s="53"/>
      <c r="BC942" s="53"/>
      <c r="BD942" s="53"/>
      <c r="BE942" s="53"/>
      <c r="BF942" s="53"/>
      <c r="BG942" s="53"/>
      <c r="BH942" s="53"/>
      <c r="BI942" s="53"/>
      <c r="BJ942" s="53"/>
      <c r="BK942" s="53"/>
      <c r="BL942" s="53"/>
      <c r="BM942" s="53"/>
      <c r="BN942" s="53"/>
      <c r="BO942" s="53"/>
      <c r="BP942" s="53"/>
      <c r="BQ942" s="53"/>
      <c r="BR942" s="53"/>
      <c r="BS942" s="53"/>
      <c r="BT942" s="53"/>
      <c r="BU942" s="53"/>
      <c r="BV942" s="53"/>
      <c r="BW942" s="53"/>
      <c r="BX942" s="53"/>
      <c r="BY942" s="53"/>
      <c r="BZ942" s="53">
        <v>-55635372.030196197</v>
      </c>
      <c r="CA942" s="53">
        <v>-55635372.030196197</v>
      </c>
      <c r="CB942" s="53">
        <v>301740557.95999998</v>
      </c>
      <c r="CC942" s="53">
        <v>301740557.95999998</v>
      </c>
      <c r="CD942" s="53">
        <v>301740557.95999998</v>
      </c>
      <c r="CE942" s="53">
        <v>301740557.95999998</v>
      </c>
      <c r="CF942" s="53">
        <v>301740557.95999998</v>
      </c>
      <c r="CG942" s="53">
        <v>301740557.95999998</v>
      </c>
      <c r="CH942" s="53">
        <v>301740557.95999998</v>
      </c>
      <c r="CI942" s="53">
        <v>301740557.95999998</v>
      </c>
      <c r="CJ942" s="53">
        <v>301740557.95999998</v>
      </c>
      <c r="CK942" s="53">
        <v>301740557.95999998</v>
      </c>
      <c r="CL942" s="53">
        <v>301740557.95999998</v>
      </c>
      <c r="CM942" s="53">
        <v>301740557.95999998</v>
      </c>
      <c r="CN942" s="53">
        <v>301740557.95999998</v>
      </c>
    </row>
    <row r="943" spans="1:92" outlineLevel="1">
      <c r="A943" s="52" t="s">
        <v>650</v>
      </c>
      <c r="B943" s="53"/>
      <c r="C943" s="53"/>
      <c r="D943" s="53"/>
      <c r="E943" s="53"/>
      <c r="F943" s="53"/>
      <c r="G943" s="53"/>
      <c r="H943" s="53"/>
      <c r="I943" s="53"/>
      <c r="J943" s="53"/>
      <c r="K943" s="53"/>
      <c r="L943" s="53"/>
      <c r="M943" s="53"/>
      <c r="N943" s="53"/>
      <c r="O943" s="53"/>
      <c r="P943" s="53"/>
      <c r="Q943" s="53"/>
      <c r="R943" s="53"/>
      <c r="S943" s="53"/>
      <c r="T943" s="53"/>
      <c r="U943" s="53"/>
      <c r="V943" s="53"/>
      <c r="W943" s="53"/>
      <c r="X943" s="53"/>
      <c r="Y943" s="53"/>
      <c r="Z943" s="53"/>
      <c r="AA943" s="53"/>
      <c r="AB943" s="53"/>
      <c r="AC943" s="53"/>
      <c r="AD943" s="53"/>
      <c r="AE943" s="53"/>
      <c r="AF943" s="53"/>
      <c r="AG943" s="53"/>
      <c r="AH943" s="53"/>
      <c r="AI943" s="53"/>
      <c r="AJ943" s="53"/>
      <c r="AK943" s="53"/>
      <c r="AL943" s="53"/>
      <c r="AM943" s="53"/>
      <c r="AN943" s="53"/>
      <c r="AO943" s="53"/>
      <c r="AP943" s="53"/>
      <c r="AQ943" s="53"/>
      <c r="AR943" s="53"/>
      <c r="AS943" s="53"/>
      <c r="AT943" s="53"/>
      <c r="AU943" s="53"/>
      <c r="AV943" s="53"/>
      <c r="AW943" s="53"/>
      <c r="AX943" s="53"/>
      <c r="AY943" s="53"/>
      <c r="AZ943" s="53"/>
      <c r="BA943" s="53"/>
      <c r="BB943" s="53"/>
      <c r="BC943" s="53"/>
      <c r="BD943" s="53"/>
      <c r="BE943" s="53"/>
      <c r="BF943" s="53"/>
      <c r="BG943" s="53"/>
      <c r="BH943" s="53"/>
      <c r="BI943" s="53"/>
      <c r="BJ943" s="53"/>
      <c r="BK943" s="53"/>
      <c r="BL943" s="53"/>
      <c r="BM943" s="53"/>
      <c r="BN943" s="53"/>
      <c r="BO943" s="53"/>
      <c r="BP943" s="53"/>
      <c r="BQ943" s="53"/>
      <c r="BR943" s="53"/>
      <c r="BS943" s="53"/>
      <c r="BT943" s="53"/>
      <c r="BU943" s="53"/>
      <c r="BV943" s="53"/>
      <c r="BW943" s="53"/>
      <c r="BX943" s="53"/>
      <c r="BY943" s="53"/>
      <c r="BZ943" s="53"/>
      <c r="CA943" s="53"/>
      <c r="CB943" s="53">
        <v>301740557.95999998</v>
      </c>
      <c r="CC943" s="53">
        <v>301740557.95999998</v>
      </c>
      <c r="CD943" s="53">
        <v>301740557.95999998</v>
      </c>
      <c r="CE943" s="53">
        <v>301740557.95999998</v>
      </c>
      <c r="CF943" s="53">
        <v>301740557.95999998</v>
      </c>
      <c r="CG943" s="53">
        <v>301740557.95999998</v>
      </c>
      <c r="CH943" s="53">
        <v>301740557.95999998</v>
      </c>
      <c r="CI943" s="53">
        <v>301740557.95999998</v>
      </c>
      <c r="CJ943" s="53">
        <v>301740557.95999998</v>
      </c>
      <c r="CK943" s="53">
        <v>301740557.95999998</v>
      </c>
      <c r="CL943" s="53">
        <v>301740557.95999998</v>
      </c>
      <c r="CM943" s="53">
        <v>301740557.95999998</v>
      </c>
      <c r="CN943" s="53">
        <v>301740557.95999998</v>
      </c>
    </row>
    <row r="944" spans="1:92" outlineLevel="1">
      <c r="A944" s="52" t="s">
        <v>1358</v>
      </c>
      <c r="B944" s="53"/>
      <c r="C944" s="53"/>
      <c r="D944" s="53"/>
      <c r="E944" s="53"/>
      <c r="F944" s="53"/>
      <c r="G944" s="53"/>
      <c r="H944" s="53"/>
      <c r="I944" s="53"/>
      <c r="J944" s="53"/>
      <c r="K944" s="53"/>
      <c r="L944" s="53"/>
      <c r="M944" s="53"/>
      <c r="N944" s="53"/>
      <c r="O944" s="53"/>
      <c r="P944" s="53"/>
      <c r="Q944" s="53"/>
      <c r="R944" s="53"/>
      <c r="S944" s="53"/>
      <c r="T944" s="53"/>
      <c r="U944" s="53"/>
      <c r="V944" s="53"/>
      <c r="W944" s="53"/>
      <c r="X944" s="53"/>
      <c r="Y944" s="53"/>
      <c r="Z944" s="53"/>
      <c r="AA944" s="53"/>
      <c r="AB944" s="53"/>
      <c r="AC944" s="53"/>
      <c r="AD944" s="53"/>
      <c r="AE944" s="53"/>
      <c r="AF944" s="53"/>
      <c r="AG944" s="53"/>
      <c r="AH944" s="53"/>
      <c r="AI944" s="53"/>
      <c r="AJ944" s="53"/>
      <c r="AK944" s="53"/>
      <c r="AL944" s="53"/>
      <c r="AM944" s="53"/>
      <c r="AN944" s="53"/>
      <c r="AO944" s="53"/>
      <c r="AP944" s="53"/>
      <c r="AQ944" s="53"/>
      <c r="AR944" s="53"/>
      <c r="AS944" s="53"/>
      <c r="AT944" s="53"/>
      <c r="AU944" s="53"/>
      <c r="AV944" s="53"/>
      <c r="AW944" s="53"/>
      <c r="AX944" s="53"/>
      <c r="AY944" s="53"/>
      <c r="AZ944" s="53"/>
      <c r="BA944" s="53"/>
      <c r="BB944" s="53"/>
      <c r="BC944" s="53"/>
      <c r="BD944" s="53"/>
      <c r="BE944" s="53"/>
      <c r="BF944" s="53"/>
      <c r="BG944" s="53"/>
      <c r="BH944" s="53"/>
      <c r="BI944" s="53"/>
      <c r="BJ944" s="53"/>
      <c r="BK944" s="53"/>
      <c r="BL944" s="53"/>
      <c r="BM944" s="53"/>
      <c r="BN944" s="53"/>
      <c r="BO944" s="53"/>
      <c r="BP944" s="53"/>
      <c r="BQ944" s="53"/>
      <c r="BR944" s="53"/>
      <c r="BS944" s="53"/>
      <c r="BT944" s="53"/>
      <c r="BU944" s="53"/>
      <c r="BV944" s="53"/>
      <c r="BW944" s="53"/>
      <c r="BX944" s="53"/>
      <c r="BY944" s="53"/>
      <c r="BZ944" s="53"/>
      <c r="CA944" s="53"/>
      <c r="CB944" s="53"/>
      <c r="CC944" s="53"/>
      <c r="CD944" s="53"/>
      <c r="CE944" s="53"/>
      <c r="CF944" s="53"/>
      <c r="CG944" s="53"/>
      <c r="CH944" s="53"/>
      <c r="CI944" s="53"/>
      <c r="CJ944" s="53"/>
      <c r="CK944" s="53"/>
      <c r="CL944" s="53"/>
      <c r="CM944" s="53"/>
      <c r="CN944" s="53"/>
    </row>
    <row r="945" spans="1:92" outlineLevel="1">
      <c r="A945" s="52" t="s">
        <v>649</v>
      </c>
      <c r="B945" s="53">
        <v>-355385</v>
      </c>
      <c r="C945" s="53">
        <v>-355385</v>
      </c>
      <c r="D945" s="53">
        <v>-355385</v>
      </c>
      <c r="E945" s="53">
        <v>-355385</v>
      </c>
      <c r="F945" s="53">
        <v>-355385</v>
      </c>
      <c r="G945" s="53">
        <v>-355385</v>
      </c>
      <c r="H945" s="53">
        <v>-355385</v>
      </c>
      <c r="I945" s="53">
        <v>-355385</v>
      </c>
      <c r="J945" s="53">
        <v>-355385</v>
      </c>
      <c r="K945" s="53">
        <v>-355385</v>
      </c>
      <c r="L945" s="53">
        <v>-355385</v>
      </c>
      <c r="M945" s="53">
        <v>-355385</v>
      </c>
      <c r="N945" s="53">
        <v>-4264620</v>
      </c>
      <c r="O945" s="53">
        <v>-355385</v>
      </c>
      <c r="P945" s="53">
        <v>-355385</v>
      </c>
      <c r="Q945" s="53">
        <v>-355385</v>
      </c>
      <c r="R945" s="53">
        <v>-355385</v>
      </c>
      <c r="S945" s="53">
        <v>-355385</v>
      </c>
      <c r="T945" s="53">
        <v>-355385</v>
      </c>
      <c r="U945" s="53">
        <v>-355385</v>
      </c>
      <c r="V945" s="53">
        <v>-355385</v>
      </c>
      <c r="W945" s="53">
        <v>-355385</v>
      </c>
      <c r="X945" s="53">
        <v>-355385</v>
      </c>
      <c r="Y945" s="53">
        <v>-355385</v>
      </c>
      <c r="Z945" s="53">
        <v>-355385</v>
      </c>
      <c r="AA945" s="53">
        <v>-4264620</v>
      </c>
      <c r="AB945" s="53">
        <v>-355385</v>
      </c>
      <c r="AC945" s="53">
        <v>-355385</v>
      </c>
      <c r="AD945" s="53">
        <v>-355385</v>
      </c>
      <c r="AE945" s="53">
        <v>-355385</v>
      </c>
      <c r="AF945" s="53">
        <v>-355385</v>
      </c>
      <c r="AG945" s="53">
        <v>-355385</v>
      </c>
      <c r="AH945" s="53">
        <v>-355385</v>
      </c>
      <c r="AI945" s="53">
        <v>-355385</v>
      </c>
      <c r="AJ945" s="53">
        <v>-355385</v>
      </c>
      <c r="AK945" s="53">
        <v>-355385</v>
      </c>
      <c r="AL945" s="53">
        <v>-355385</v>
      </c>
      <c r="AM945" s="53">
        <v>-355385</v>
      </c>
      <c r="AN945" s="53">
        <v>-4264620</v>
      </c>
      <c r="AO945" s="53">
        <v>-355385</v>
      </c>
      <c r="AP945" s="53">
        <v>-355385</v>
      </c>
      <c r="AQ945" s="53">
        <v>-355385</v>
      </c>
      <c r="AR945" s="53">
        <v>-355385</v>
      </c>
      <c r="AS945" s="53">
        <v>-355385</v>
      </c>
      <c r="AT945" s="53">
        <v>-355385</v>
      </c>
      <c r="AU945" s="53">
        <v>-355385</v>
      </c>
      <c r="AV945" s="53">
        <v>-355385</v>
      </c>
      <c r="AW945" s="53">
        <v>-355385</v>
      </c>
      <c r="AX945" s="53">
        <v>-355385</v>
      </c>
      <c r="AY945" s="53">
        <v>-355385</v>
      </c>
      <c r="AZ945" s="53">
        <v>-355385</v>
      </c>
      <c r="BA945" s="53">
        <v>-4264620</v>
      </c>
      <c r="BB945" s="53">
        <v>-355385</v>
      </c>
      <c r="BC945" s="53">
        <v>-355385</v>
      </c>
      <c r="BD945" s="53">
        <v>-355385</v>
      </c>
      <c r="BE945" s="53">
        <v>-355385</v>
      </c>
      <c r="BF945" s="53">
        <v>-355385</v>
      </c>
      <c r="BG945" s="53">
        <v>-355385</v>
      </c>
      <c r="BH945" s="53">
        <v>-355385</v>
      </c>
      <c r="BI945" s="53">
        <v>-355385</v>
      </c>
      <c r="BJ945" s="53">
        <v>-355385</v>
      </c>
      <c r="BK945" s="53">
        <v>-355385</v>
      </c>
      <c r="BL945" s="53">
        <v>-355385</v>
      </c>
      <c r="BM945" s="53">
        <v>-355385</v>
      </c>
      <c r="BN945" s="53">
        <v>-4264620</v>
      </c>
      <c r="BO945" s="53">
        <v>-355385</v>
      </c>
      <c r="BP945" s="53">
        <v>-355385</v>
      </c>
      <c r="BQ945" s="53">
        <v>-355385</v>
      </c>
      <c r="BR945" s="53">
        <v>-355385</v>
      </c>
      <c r="BS945" s="53">
        <v>-355385</v>
      </c>
      <c r="BT945" s="53">
        <v>-355385</v>
      </c>
      <c r="BU945" s="53">
        <v>-355385</v>
      </c>
      <c r="BV945" s="53">
        <v>-355385</v>
      </c>
      <c r="BW945" s="53">
        <v>-355385</v>
      </c>
      <c r="BX945" s="53">
        <v>-355385</v>
      </c>
      <c r="BY945" s="53">
        <v>-355385</v>
      </c>
      <c r="BZ945" s="53">
        <v>-355385</v>
      </c>
      <c r="CA945" s="53">
        <v>-4264620</v>
      </c>
      <c r="CB945" s="53">
        <v>0</v>
      </c>
      <c r="CC945" s="53">
        <v>0</v>
      </c>
      <c r="CD945" s="53">
        <v>0</v>
      </c>
      <c r="CE945" s="53">
        <v>0</v>
      </c>
      <c r="CF945" s="53">
        <v>0</v>
      </c>
      <c r="CG945" s="53">
        <v>0</v>
      </c>
      <c r="CH945" s="53">
        <v>0</v>
      </c>
      <c r="CI945" s="53">
        <v>0</v>
      </c>
      <c r="CJ945" s="53">
        <v>0</v>
      </c>
      <c r="CK945" s="53">
        <v>0</v>
      </c>
      <c r="CL945" s="53">
        <v>0</v>
      </c>
      <c r="CM945" s="53">
        <v>0</v>
      </c>
      <c r="CN945" s="53">
        <v>0</v>
      </c>
    </row>
    <row r="946" spans="1:92" outlineLevel="1">
      <c r="A946" s="57" t="s">
        <v>1392</v>
      </c>
      <c r="B946" s="53">
        <v>18088699533.66</v>
      </c>
      <c r="C946" s="53">
        <v>18167880918.269901</v>
      </c>
      <c r="D946" s="53">
        <v>18254336587.1199</v>
      </c>
      <c r="E946" s="53">
        <v>18344754935.23</v>
      </c>
      <c r="F946" s="53">
        <v>18467674926.799999</v>
      </c>
      <c r="G946" s="53">
        <v>18616876331.619999</v>
      </c>
      <c r="H946" s="53">
        <v>18696718784.059898</v>
      </c>
      <c r="I946" s="53">
        <v>18861173804.2299</v>
      </c>
      <c r="J946" s="53">
        <v>18999105088.439999</v>
      </c>
      <c r="K946" s="53">
        <v>19177931719.91</v>
      </c>
      <c r="L946" s="53">
        <v>19344352632.639999</v>
      </c>
      <c r="M946" s="53">
        <v>19562901039.32</v>
      </c>
      <c r="N946" s="53">
        <v>19562901039.32</v>
      </c>
      <c r="O946" s="53">
        <v>19695609724.9119</v>
      </c>
      <c r="P946" s="53">
        <v>19827155359.791302</v>
      </c>
      <c r="Q946" s="53">
        <v>19983736053.721901</v>
      </c>
      <c r="R946" s="53">
        <v>20129736588.418098</v>
      </c>
      <c r="S946" s="53">
        <v>20295608193.752602</v>
      </c>
      <c r="T946" s="53">
        <v>20432729264.173199</v>
      </c>
      <c r="U946" s="53">
        <v>20551706868.216801</v>
      </c>
      <c r="V946" s="53">
        <v>20676547465.2719</v>
      </c>
      <c r="W946" s="53">
        <v>20807115109.684299</v>
      </c>
      <c r="X946" s="53">
        <v>20962232988.088501</v>
      </c>
      <c r="Y946" s="53">
        <v>21084109990.0308</v>
      </c>
      <c r="Z946" s="53">
        <v>21203267270.043701</v>
      </c>
      <c r="AA946" s="53">
        <v>21203267270.043701</v>
      </c>
      <c r="AB946" s="53">
        <v>21321889487.193401</v>
      </c>
      <c r="AC946" s="53">
        <v>21460700924.4175</v>
      </c>
      <c r="AD946" s="53">
        <v>21599529458.804001</v>
      </c>
      <c r="AE946" s="53">
        <v>21753837744.928501</v>
      </c>
      <c r="AF946" s="53">
        <v>21888323218.155602</v>
      </c>
      <c r="AG946" s="53">
        <v>22030707268.074699</v>
      </c>
      <c r="AH946" s="53">
        <v>22169084164.6656</v>
      </c>
      <c r="AI946" s="53">
        <v>22319747282.061901</v>
      </c>
      <c r="AJ946" s="53">
        <v>22459865023.568401</v>
      </c>
      <c r="AK946" s="53">
        <v>22584991556.5555</v>
      </c>
      <c r="AL946" s="53">
        <v>22710478195.603199</v>
      </c>
      <c r="AM946" s="53">
        <v>22844679115.597</v>
      </c>
      <c r="AN946" s="53">
        <v>22844679115.597</v>
      </c>
      <c r="AO946" s="53">
        <v>22979028743.321201</v>
      </c>
      <c r="AP946" s="53">
        <v>23129419699.3965</v>
      </c>
      <c r="AQ946" s="53">
        <v>23285133764.866501</v>
      </c>
      <c r="AR946" s="53">
        <v>23434672378.6408</v>
      </c>
      <c r="AS946" s="53">
        <v>23588928507.526901</v>
      </c>
      <c r="AT946" s="53">
        <v>23747525656.022099</v>
      </c>
      <c r="AU946" s="53">
        <v>23903258943.847099</v>
      </c>
      <c r="AV946" s="53">
        <v>24071711577.152699</v>
      </c>
      <c r="AW946" s="53">
        <v>24221593183.110298</v>
      </c>
      <c r="AX946" s="53">
        <v>24379365812.370998</v>
      </c>
      <c r="AY946" s="53">
        <v>24537766645.004601</v>
      </c>
      <c r="AZ946" s="53">
        <v>24692364493.691101</v>
      </c>
      <c r="BA946" s="53">
        <v>24692364493.691101</v>
      </c>
      <c r="BB946" s="53">
        <v>24813410793.988201</v>
      </c>
      <c r="BC946" s="53">
        <v>24935237914.500599</v>
      </c>
      <c r="BD946" s="53">
        <v>25070770460.791</v>
      </c>
      <c r="BE946" s="53">
        <v>25198442286.0546</v>
      </c>
      <c r="BF946" s="53">
        <v>25328789168.797699</v>
      </c>
      <c r="BG946" s="53">
        <v>25460505134.326401</v>
      </c>
      <c r="BH946" s="53">
        <v>25587770439.6689</v>
      </c>
      <c r="BI946" s="53">
        <v>25748480033.512798</v>
      </c>
      <c r="BJ946" s="53">
        <v>25894991813.1605</v>
      </c>
      <c r="BK946" s="53">
        <v>26036792653.187099</v>
      </c>
      <c r="BL946" s="53">
        <v>26176068127.4137</v>
      </c>
      <c r="BM946" s="53">
        <v>26312361453.1754</v>
      </c>
      <c r="BN946" s="53">
        <v>26312361453.1754</v>
      </c>
      <c r="BO946" s="53">
        <v>26420072092.836498</v>
      </c>
      <c r="BP946" s="53">
        <v>26533538102.051601</v>
      </c>
      <c r="BQ946" s="53">
        <v>26665357247.711498</v>
      </c>
      <c r="BR946" s="53">
        <v>26784307047.640598</v>
      </c>
      <c r="BS946" s="53">
        <v>26907356182.498798</v>
      </c>
      <c r="BT946" s="53">
        <v>27029531296.5588</v>
      </c>
      <c r="BU946" s="53">
        <v>27150468277.321201</v>
      </c>
      <c r="BV946" s="53">
        <v>27295146676.115601</v>
      </c>
      <c r="BW946" s="53">
        <v>27422861293.370701</v>
      </c>
      <c r="BX946" s="53">
        <v>27567685603.891102</v>
      </c>
      <c r="BY946" s="53">
        <v>27706689215.451099</v>
      </c>
      <c r="BZ946" s="53">
        <v>27837894935.493198</v>
      </c>
      <c r="CA946" s="53">
        <v>27837894935.493198</v>
      </c>
      <c r="CB946" s="53">
        <v>0</v>
      </c>
      <c r="CC946" s="53">
        <v>0</v>
      </c>
      <c r="CD946" s="53">
        <v>0</v>
      </c>
      <c r="CE946" s="53">
        <v>0</v>
      </c>
      <c r="CF946" s="53">
        <v>0</v>
      </c>
      <c r="CG946" s="53">
        <v>0</v>
      </c>
      <c r="CH946" s="53">
        <v>0</v>
      </c>
      <c r="CI946" s="53">
        <v>0</v>
      </c>
      <c r="CJ946" s="53">
        <v>0</v>
      </c>
      <c r="CK946" s="53">
        <v>0</v>
      </c>
      <c r="CL946" s="53">
        <v>0</v>
      </c>
      <c r="CM946" s="53">
        <v>0</v>
      </c>
      <c r="CN946" s="53">
        <v>0</v>
      </c>
    </row>
    <row r="947" spans="1:92" outlineLevel="1">
      <c r="A947" s="52" t="s">
        <v>1393</v>
      </c>
      <c r="B947" s="53"/>
      <c r="C947" s="53"/>
      <c r="D947" s="53"/>
      <c r="E947" s="53"/>
      <c r="F947" s="53"/>
      <c r="G947" s="53"/>
      <c r="H947" s="53"/>
      <c r="I947" s="53"/>
      <c r="J947" s="53"/>
      <c r="K947" s="53"/>
      <c r="L947" s="53"/>
      <c r="M947" s="53"/>
      <c r="N947" s="53"/>
      <c r="O947" s="53"/>
      <c r="P947" s="53"/>
      <c r="Q947" s="53"/>
      <c r="R947" s="53"/>
      <c r="S947" s="53"/>
      <c r="T947" s="53"/>
      <c r="U947" s="53"/>
      <c r="V947" s="53"/>
      <c r="W947" s="53"/>
      <c r="X947" s="53"/>
      <c r="Y947" s="53"/>
      <c r="Z947" s="53"/>
      <c r="AA947" s="53"/>
      <c r="AB947" s="53"/>
      <c r="AC947" s="53"/>
      <c r="AD947" s="53"/>
      <c r="AE947" s="53"/>
      <c r="AF947" s="53"/>
      <c r="AG947" s="53"/>
      <c r="AH947" s="53"/>
      <c r="AI947" s="53"/>
      <c r="AJ947" s="53"/>
      <c r="AK947" s="53"/>
      <c r="AL947" s="53"/>
      <c r="AM947" s="53"/>
      <c r="AN947" s="53"/>
      <c r="AO947" s="53"/>
      <c r="AP947" s="53"/>
      <c r="AQ947" s="53"/>
      <c r="AR947" s="53"/>
      <c r="AS947" s="53"/>
      <c r="AT947" s="53"/>
      <c r="AU947" s="53"/>
      <c r="AV947" s="53"/>
      <c r="AW947" s="53"/>
      <c r="AX947" s="53"/>
      <c r="AY947" s="53"/>
      <c r="AZ947" s="53"/>
      <c r="BA947" s="53"/>
      <c r="BB947" s="53"/>
      <c r="BC947" s="53"/>
      <c r="BD947" s="53"/>
      <c r="BE947" s="53"/>
      <c r="BF947" s="53"/>
      <c r="BG947" s="53"/>
      <c r="BH947" s="53"/>
      <c r="BI947" s="53"/>
      <c r="BJ947" s="53"/>
      <c r="BK947" s="53"/>
      <c r="BL947" s="53"/>
      <c r="BM947" s="53"/>
      <c r="BN947" s="53"/>
      <c r="BO947" s="53"/>
      <c r="BP947" s="53"/>
      <c r="BQ947" s="53"/>
      <c r="BR947" s="53"/>
      <c r="BS947" s="53"/>
      <c r="BT947" s="53"/>
      <c r="BU947" s="53"/>
      <c r="BV947" s="53"/>
      <c r="BW947" s="53"/>
      <c r="BX947" s="53"/>
      <c r="BY947" s="53"/>
      <c r="BZ947" s="53"/>
      <c r="CA947" s="53"/>
      <c r="CB947" s="53"/>
      <c r="CC947" s="53"/>
      <c r="CD947" s="53"/>
      <c r="CE947" s="53"/>
      <c r="CF947" s="53"/>
      <c r="CG947" s="53"/>
      <c r="CH947" s="53"/>
      <c r="CI947" s="53"/>
      <c r="CJ947" s="53"/>
      <c r="CK947" s="53"/>
      <c r="CL947" s="53"/>
      <c r="CM947" s="53"/>
      <c r="CN947" s="53"/>
    </row>
    <row r="948" spans="1:92" outlineLevel="1">
      <c r="A948" s="52" t="s">
        <v>1394</v>
      </c>
      <c r="B948" s="53"/>
      <c r="C948" s="53"/>
      <c r="D948" s="53"/>
      <c r="E948" s="53"/>
      <c r="F948" s="53"/>
      <c r="G948" s="53"/>
      <c r="H948" s="53"/>
      <c r="I948" s="53"/>
      <c r="J948" s="53"/>
      <c r="K948" s="53"/>
      <c r="L948" s="53"/>
      <c r="M948" s="53"/>
      <c r="N948" s="53"/>
      <c r="O948" s="53"/>
      <c r="P948" s="53"/>
      <c r="Q948" s="53"/>
      <c r="R948" s="53"/>
      <c r="S948" s="53"/>
      <c r="T948" s="53"/>
      <c r="U948" s="53"/>
      <c r="V948" s="53"/>
      <c r="W948" s="53"/>
      <c r="X948" s="53"/>
      <c r="Y948" s="53"/>
      <c r="Z948" s="53"/>
      <c r="AA948" s="53"/>
      <c r="AB948" s="53"/>
      <c r="AC948" s="53"/>
      <c r="AD948" s="53"/>
      <c r="AE948" s="53"/>
      <c r="AF948" s="53"/>
      <c r="AG948" s="53"/>
      <c r="AH948" s="53"/>
      <c r="AI948" s="53"/>
      <c r="AJ948" s="53"/>
      <c r="AK948" s="53"/>
      <c r="AL948" s="53"/>
      <c r="AM948" s="53"/>
      <c r="AN948" s="53"/>
      <c r="AO948" s="53"/>
      <c r="AP948" s="53"/>
      <c r="AQ948" s="53"/>
      <c r="AR948" s="53"/>
      <c r="AS948" s="53"/>
      <c r="AT948" s="53"/>
      <c r="AU948" s="53"/>
      <c r="AV948" s="53"/>
      <c r="AW948" s="53"/>
      <c r="AX948" s="53"/>
      <c r="AY948" s="53"/>
      <c r="AZ948" s="53"/>
      <c r="BA948" s="53"/>
      <c r="BB948" s="53"/>
      <c r="BC948" s="53"/>
      <c r="BD948" s="53"/>
      <c r="BE948" s="53"/>
      <c r="BF948" s="53"/>
      <c r="BG948" s="53"/>
      <c r="BH948" s="53"/>
      <c r="BI948" s="53"/>
      <c r="BJ948" s="53"/>
      <c r="BK948" s="53"/>
      <c r="BL948" s="53"/>
      <c r="BM948" s="53"/>
      <c r="BN948" s="53"/>
      <c r="BO948" s="53"/>
      <c r="BP948" s="53"/>
      <c r="BQ948" s="53"/>
      <c r="BR948" s="53"/>
      <c r="BS948" s="53"/>
      <c r="BT948" s="53"/>
      <c r="BU948" s="53"/>
      <c r="BV948" s="53"/>
      <c r="BW948" s="53"/>
      <c r="BX948" s="53"/>
      <c r="BY948" s="53"/>
      <c r="BZ948" s="53"/>
      <c r="CA948" s="53"/>
      <c r="CB948" s="53">
        <v>-119728863.686931</v>
      </c>
      <c r="CC948" s="53">
        <v>-113775271.013073</v>
      </c>
      <c r="CD948" s="53">
        <v>-108177332.41731299</v>
      </c>
      <c r="CE948" s="53">
        <v>-106466044.730542</v>
      </c>
      <c r="CF948" s="53">
        <v>-111242779.31103</v>
      </c>
      <c r="CG948" s="53">
        <v>-118258195.223961</v>
      </c>
      <c r="CH948" s="53">
        <v>-128247256.07315201</v>
      </c>
      <c r="CI948" s="53">
        <v>-136009598.57893199</v>
      </c>
      <c r="CJ948" s="53">
        <v>-142732164.32234299</v>
      </c>
      <c r="CK948" s="53">
        <v>-149364452.89043999</v>
      </c>
      <c r="CL948" s="53">
        <v>-153566880.66165301</v>
      </c>
      <c r="CM948" s="53">
        <v>-151911580.076103</v>
      </c>
      <c r="CN948" s="53">
        <v>-119728863.686931</v>
      </c>
    </row>
    <row r="949" spans="1:92" outlineLevel="1">
      <c r="A949" s="52" t="s">
        <v>1395</v>
      </c>
      <c r="B949" s="53">
        <v>298172714.37999898</v>
      </c>
      <c r="C949" s="53">
        <v>294607591.33999997</v>
      </c>
      <c r="D949" s="53">
        <v>291032346.74999899</v>
      </c>
      <c r="E949" s="53">
        <v>287449778.46999902</v>
      </c>
      <c r="F949" s="53">
        <v>283859934.81999999</v>
      </c>
      <c r="G949" s="53">
        <v>280260192.06</v>
      </c>
      <c r="H949" s="53">
        <v>276641228.64999998</v>
      </c>
      <c r="I949" s="53">
        <v>273003039.38</v>
      </c>
      <c r="J949" s="53">
        <v>269345708.27999997</v>
      </c>
      <c r="K949" s="53">
        <v>265678478.36999899</v>
      </c>
      <c r="L949" s="53">
        <v>262003826.389999</v>
      </c>
      <c r="M949" s="53">
        <v>258321592.41999999</v>
      </c>
      <c r="N949" s="53">
        <v>258321592.41999999</v>
      </c>
      <c r="O949" s="53">
        <v>258321592.41999999</v>
      </c>
      <c r="P949" s="53">
        <v>258321592.41999999</v>
      </c>
      <c r="Q949" s="53">
        <v>258321592.41999999</v>
      </c>
      <c r="R949" s="53">
        <v>258321592.41999999</v>
      </c>
      <c r="S949" s="53">
        <v>258321592.41999999</v>
      </c>
      <c r="T949" s="53">
        <v>258321592.41999999</v>
      </c>
      <c r="U949" s="53">
        <v>258321592.41999999</v>
      </c>
      <c r="V949" s="53">
        <v>258321592.41999999</v>
      </c>
      <c r="W949" s="53">
        <v>258321592.41999999</v>
      </c>
      <c r="X949" s="53">
        <v>258321592.41999999</v>
      </c>
      <c r="Y949" s="53">
        <v>258321592.41999999</v>
      </c>
      <c r="Z949" s="53">
        <v>258321592.41999999</v>
      </c>
      <c r="AA949" s="53">
        <v>258321592.41999999</v>
      </c>
      <c r="AB949" s="53">
        <v>258321592.41999999</v>
      </c>
      <c r="AC949" s="53">
        <v>258321592.41999999</v>
      </c>
      <c r="AD949" s="53">
        <v>258321592.41999999</v>
      </c>
      <c r="AE949" s="53">
        <v>258321592.41999999</v>
      </c>
      <c r="AF949" s="53">
        <v>258321592.41999999</v>
      </c>
      <c r="AG949" s="53">
        <v>258321592.41999999</v>
      </c>
      <c r="AH949" s="53">
        <v>258321592.41999999</v>
      </c>
      <c r="AI949" s="53">
        <v>258321592.41999999</v>
      </c>
      <c r="AJ949" s="53">
        <v>258321592.41999999</v>
      </c>
      <c r="AK949" s="53">
        <v>258321592.41999999</v>
      </c>
      <c r="AL949" s="53">
        <v>258321592.41999999</v>
      </c>
      <c r="AM949" s="53">
        <v>258321592.41999999</v>
      </c>
      <c r="AN949" s="53">
        <v>258321592.41999999</v>
      </c>
      <c r="AO949" s="53">
        <v>258321592.41999999</v>
      </c>
      <c r="AP949" s="53">
        <v>258321592.41999999</v>
      </c>
      <c r="AQ949" s="53">
        <v>258321592.41999999</v>
      </c>
      <c r="AR949" s="53">
        <v>258321592.41999999</v>
      </c>
      <c r="AS949" s="53">
        <v>258321592.41999999</v>
      </c>
      <c r="AT949" s="53">
        <v>258321592.41999999</v>
      </c>
      <c r="AU949" s="53">
        <v>258321592.41999999</v>
      </c>
      <c r="AV949" s="53">
        <v>258321592.41999999</v>
      </c>
      <c r="AW949" s="53">
        <v>258321592.41999999</v>
      </c>
      <c r="AX949" s="53">
        <v>258321592.41999999</v>
      </c>
      <c r="AY949" s="53">
        <v>258321592.41999999</v>
      </c>
      <c r="AZ949" s="53">
        <v>258321592.41999999</v>
      </c>
      <c r="BA949" s="53">
        <v>258321592.41999999</v>
      </c>
      <c r="BB949" s="53">
        <v>258321592.41999999</v>
      </c>
      <c r="BC949" s="53">
        <v>258321592.41999999</v>
      </c>
      <c r="BD949" s="53">
        <v>258321592.41999999</v>
      </c>
      <c r="BE949" s="53">
        <v>258321592.41999999</v>
      </c>
      <c r="BF949" s="53">
        <v>258321592.41999999</v>
      </c>
      <c r="BG949" s="53">
        <v>258321592.41999999</v>
      </c>
      <c r="BH949" s="53">
        <v>258321592.41999999</v>
      </c>
      <c r="BI949" s="53">
        <v>258321592.41999999</v>
      </c>
      <c r="BJ949" s="53">
        <v>258321592.41999999</v>
      </c>
      <c r="BK949" s="53">
        <v>258321592.41999999</v>
      </c>
      <c r="BL949" s="53">
        <v>258321592.41999999</v>
      </c>
      <c r="BM949" s="53">
        <v>258321592.41999999</v>
      </c>
      <c r="BN949" s="53">
        <v>258321592.41999999</v>
      </c>
      <c r="BO949" s="53">
        <v>258321592.41999999</v>
      </c>
      <c r="BP949" s="53">
        <v>258321592.41999999</v>
      </c>
      <c r="BQ949" s="53">
        <v>258321592.41999999</v>
      </c>
      <c r="BR949" s="53">
        <v>258321592.41999999</v>
      </c>
      <c r="BS949" s="53">
        <v>258321592.41999999</v>
      </c>
      <c r="BT949" s="53">
        <v>258321592.41999999</v>
      </c>
      <c r="BU949" s="53">
        <v>258321592.41999999</v>
      </c>
      <c r="BV949" s="53">
        <v>258321592.41999999</v>
      </c>
      <c r="BW949" s="53">
        <v>258321592.41999999</v>
      </c>
      <c r="BX949" s="53">
        <v>258321592.41999999</v>
      </c>
      <c r="BY949" s="53">
        <v>258321592.41999999</v>
      </c>
      <c r="BZ949" s="53">
        <v>258321592.41999999</v>
      </c>
      <c r="CA949" s="53">
        <v>258321592.41999999</v>
      </c>
      <c r="CB949" s="53"/>
      <c r="CC949" s="53"/>
      <c r="CD949" s="53"/>
      <c r="CE949" s="53"/>
      <c r="CF949" s="53"/>
      <c r="CG949" s="53"/>
      <c r="CH949" s="53"/>
      <c r="CI949" s="53"/>
      <c r="CJ949" s="53"/>
      <c r="CK949" s="53"/>
      <c r="CL949" s="53"/>
      <c r="CM949" s="53"/>
      <c r="CN949" s="53"/>
    </row>
    <row r="950" spans="1:92" outlineLevel="1">
      <c r="A950" s="57" t="s">
        <v>1396</v>
      </c>
      <c r="B950" s="53">
        <v>298172714.37999898</v>
      </c>
      <c r="C950" s="53">
        <v>294607591.33999997</v>
      </c>
      <c r="D950" s="53">
        <v>291032346.74999899</v>
      </c>
      <c r="E950" s="53">
        <v>287449778.46999902</v>
      </c>
      <c r="F950" s="53">
        <v>283859934.81999999</v>
      </c>
      <c r="G950" s="53">
        <v>280260192.06</v>
      </c>
      <c r="H950" s="53">
        <v>276641228.64999998</v>
      </c>
      <c r="I950" s="53">
        <v>273003039.38</v>
      </c>
      <c r="J950" s="53">
        <v>269345708.27999997</v>
      </c>
      <c r="K950" s="53">
        <v>265678478.36999899</v>
      </c>
      <c r="L950" s="53">
        <v>262003826.389999</v>
      </c>
      <c r="M950" s="53">
        <v>258321592.41999999</v>
      </c>
      <c r="N950" s="53">
        <v>258321592.41999999</v>
      </c>
      <c r="O950" s="53">
        <v>258321592.41999999</v>
      </c>
      <c r="P950" s="53">
        <v>258321592.41999999</v>
      </c>
      <c r="Q950" s="53">
        <v>258321592.41999999</v>
      </c>
      <c r="R950" s="53">
        <v>258321592.41999999</v>
      </c>
      <c r="S950" s="53">
        <v>258321592.41999999</v>
      </c>
      <c r="T950" s="53">
        <v>258321592.41999999</v>
      </c>
      <c r="U950" s="53">
        <v>258321592.41999999</v>
      </c>
      <c r="V950" s="53">
        <v>258321592.41999999</v>
      </c>
      <c r="W950" s="53">
        <v>258321592.41999999</v>
      </c>
      <c r="X950" s="53">
        <v>258321592.41999999</v>
      </c>
      <c r="Y950" s="53">
        <v>258321592.41999999</v>
      </c>
      <c r="Z950" s="53">
        <v>258321592.41999999</v>
      </c>
      <c r="AA950" s="53">
        <v>258321592.41999999</v>
      </c>
      <c r="AB950" s="53">
        <v>258321592.41999999</v>
      </c>
      <c r="AC950" s="53">
        <v>258321592.41999999</v>
      </c>
      <c r="AD950" s="53">
        <v>258321592.41999999</v>
      </c>
      <c r="AE950" s="53">
        <v>258321592.41999999</v>
      </c>
      <c r="AF950" s="53">
        <v>258321592.41999999</v>
      </c>
      <c r="AG950" s="53">
        <v>258321592.41999999</v>
      </c>
      <c r="AH950" s="53">
        <v>258321592.41999999</v>
      </c>
      <c r="AI950" s="53">
        <v>258321592.41999999</v>
      </c>
      <c r="AJ950" s="53">
        <v>258321592.41999999</v>
      </c>
      <c r="AK950" s="53">
        <v>258321592.41999999</v>
      </c>
      <c r="AL950" s="53">
        <v>258321592.41999999</v>
      </c>
      <c r="AM950" s="53">
        <v>258321592.41999999</v>
      </c>
      <c r="AN950" s="53">
        <v>258321592.41999999</v>
      </c>
      <c r="AO950" s="53">
        <v>258321592.41999999</v>
      </c>
      <c r="AP950" s="53">
        <v>258321592.41999999</v>
      </c>
      <c r="AQ950" s="53">
        <v>258321592.41999999</v>
      </c>
      <c r="AR950" s="53">
        <v>258321592.41999999</v>
      </c>
      <c r="AS950" s="53">
        <v>258321592.41999999</v>
      </c>
      <c r="AT950" s="53">
        <v>258321592.41999999</v>
      </c>
      <c r="AU950" s="53">
        <v>258321592.41999999</v>
      </c>
      <c r="AV950" s="53">
        <v>258321592.41999999</v>
      </c>
      <c r="AW950" s="53">
        <v>258321592.41999999</v>
      </c>
      <c r="AX950" s="53">
        <v>258321592.41999999</v>
      </c>
      <c r="AY950" s="53">
        <v>258321592.41999999</v>
      </c>
      <c r="AZ950" s="53">
        <v>258321592.41999999</v>
      </c>
      <c r="BA950" s="53">
        <v>258321592.41999999</v>
      </c>
      <c r="BB950" s="53">
        <v>258321592.41999999</v>
      </c>
      <c r="BC950" s="53">
        <v>258321592.41999999</v>
      </c>
      <c r="BD950" s="53">
        <v>258321592.41999999</v>
      </c>
      <c r="BE950" s="53">
        <v>258321592.41999999</v>
      </c>
      <c r="BF950" s="53">
        <v>258321592.41999999</v>
      </c>
      <c r="BG950" s="53">
        <v>258321592.41999999</v>
      </c>
      <c r="BH950" s="53">
        <v>258321592.41999999</v>
      </c>
      <c r="BI950" s="53">
        <v>258321592.41999999</v>
      </c>
      <c r="BJ950" s="53">
        <v>258321592.41999999</v>
      </c>
      <c r="BK950" s="53">
        <v>258321592.41999999</v>
      </c>
      <c r="BL950" s="53">
        <v>258321592.41999999</v>
      </c>
      <c r="BM950" s="53">
        <v>258321592.41999999</v>
      </c>
      <c r="BN950" s="53">
        <v>258321592.41999999</v>
      </c>
      <c r="BO950" s="53">
        <v>258321592.41999999</v>
      </c>
      <c r="BP950" s="53">
        <v>258321592.41999999</v>
      </c>
      <c r="BQ950" s="53">
        <v>258321592.41999999</v>
      </c>
      <c r="BR950" s="53">
        <v>258321592.41999999</v>
      </c>
      <c r="BS950" s="53">
        <v>258321592.41999999</v>
      </c>
      <c r="BT950" s="53">
        <v>258321592.41999999</v>
      </c>
      <c r="BU950" s="53">
        <v>258321592.41999999</v>
      </c>
      <c r="BV950" s="53">
        <v>258321592.41999999</v>
      </c>
      <c r="BW950" s="53">
        <v>258321592.41999999</v>
      </c>
      <c r="BX950" s="53">
        <v>258321592.41999999</v>
      </c>
      <c r="BY950" s="53">
        <v>258321592.41999999</v>
      </c>
      <c r="BZ950" s="53">
        <v>258321592.41999999</v>
      </c>
      <c r="CA950" s="53">
        <v>258321592.41999999</v>
      </c>
      <c r="CB950" s="53"/>
      <c r="CC950" s="53"/>
      <c r="CD950" s="53"/>
      <c r="CE950" s="53"/>
      <c r="CF950" s="53"/>
      <c r="CG950" s="53"/>
      <c r="CH950" s="53"/>
      <c r="CI950" s="53"/>
      <c r="CJ950" s="53"/>
      <c r="CK950" s="53"/>
      <c r="CL950" s="53"/>
      <c r="CM950" s="53"/>
      <c r="CN950" s="53"/>
    </row>
    <row r="951" spans="1:92" outlineLevel="1">
      <c r="A951" s="52" t="s">
        <v>1397</v>
      </c>
      <c r="B951" s="53"/>
      <c r="C951" s="53"/>
      <c r="D951" s="53"/>
      <c r="E951" s="53"/>
      <c r="F951" s="53"/>
      <c r="G951" s="53"/>
      <c r="H951" s="53"/>
      <c r="I951" s="53"/>
      <c r="J951" s="53"/>
      <c r="K951" s="53"/>
      <c r="L951" s="53"/>
      <c r="M951" s="53"/>
      <c r="N951" s="53"/>
      <c r="O951" s="53"/>
      <c r="P951" s="53"/>
      <c r="Q951" s="53"/>
      <c r="R951" s="53"/>
      <c r="S951" s="53"/>
      <c r="T951" s="53"/>
      <c r="U951" s="53"/>
      <c r="V951" s="53"/>
      <c r="W951" s="53"/>
      <c r="X951" s="53"/>
      <c r="Y951" s="53"/>
      <c r="Z951" s="53"/>
      <c r="AA951" s="53"/>
      <c r="AB951" s="53"/>
      <c r="AC951" s="53"/>
      <c r="AD951" s="53"/>
      <c r="AE951" s="53"/>
      <c r="AF951" s="53"/>
      <c r="AG951" s="53"/>
      <c r="AH951" s="53"/>
      <c r="AI951" s="53"/>
      <c r="AJ951" s="53"/>
      <c r="AK951" s="53"/>
      <c r="AL951" s="53"/>
      <c r="AM951" s="53"/>
      <c r="AN951" s="53"/>
      <c r="AO951" s="53"/>
      <c r="AP951" s="53"/>
      <c r="AQ951" s="53"/>
      <c r="AR951" s="53"/>
      <c r="AS951" s="53"/>
      <c r="AT951" s="53"/>
      <c r="AU951" s="53"/>
      <c r="AV951" s="53"/>
      <c r="AW951" s="53"/>
      <c r="AX951" s="53"/>
      <c r="AY951" s="53"/>
      <c r="AZ951" s="53"/>
      <c r="BA951" s="53"/>
      <c r="BB951" s="53"/>
      <c r="BC951" s="53"/>
      <c r="BD951" s="53"/>
      <c r="BE951" s="53"/>
      <c r="BF951" s="53"/>
      <c r="BG951" s="53"/>
      <c r="BH951" s="53"/>
      <c r="BI951" s="53"/>
      <c r="BJ951" s="53"/>
      <c r="BK951" s="53"/>
      <c r="BL951" s="53"/>
      <c r="BM951" s="53"/>
      <c r="BN951" s="53"/>
      <c r="BO951" s="53"/>
      <c r="BP951" s="53"/>
      <c r="BQ951" s="53"/>
      <c r="BR951" s="53"/>
      <c r="BS951" s="53"/>
      <c r="BT951" s="53"/>
      <c r="BU951" s="53"/>
      <c r="BV951" s="53"/>
      <c r="BW951" s="53"/>
      <c r="BX951" s="53"/>
      <c r="BY951" s="53"/>
      <c r="BZ951" s="53"/>
      <c r="CA951" s="53"/>
      <c r="CB951" s="53"/>
      <c r="CC951" s="53"/>
      <c r="CD951" s="53"/>
      <c r="CE951" s="53"/>
      <c r="CF951" s="53"/>
      <c r="CG951" s="53"/>
      <c r="CH951" s="53"/>
      <c r="CI951" s="53"/>
      <c r="CJ951" s="53"/>
      <c r="CK951" s="53"/>
      <c r="CL951" s="53"/>
      <c r="CM951" s="53"/>
      <c r="CN951" s="53"/>
    </row>
    <row r="952" spans="1:92" outlineLevel="1">
      <c r="A952" s="52" t="s">
        <v>1398</v>
      </c>
      <c r="B952" s="53">
        <v>0</v>
      </c>
      <c r="C952" s="53">
        <v>0</v>
      </c>
      <c r="D952" s="53">
        <v>0</v>
      </c>
      <c r="E952" s="53">
        <v>0</v>
      </c>
      <c r="F952" s="53">
        <v>0</v>
      </c>
      <c r="G952" s="53">
        <v>0</v>
      </c>
      <c r="H952" s="53">
        <v>0</v>
      </c>
      <c r="I952" s="53">
        <v>0</v>
      </c>
      <c r="J952" s="53">
        <v>0</v>
      </c>
      <c r="K952" s="53">
        <v>0</v>
      </c>
      <c r="L952" s="53">
        <v>0</v>
      </c>
      <c r="M952" s="53">
        <v>0</v>
      </c>
      <c r="N952" s="53">
        <v>0</v>
      </c>
      <c r="O952" s="53">
        <v>0</v>
      </c>
      <c r="P952" s="53">
        <v>0</v>
      </c>
      <c r="Q952" s="53">
        <v>0</v>
      </c>
      <c r="R952" s="53">
        <v>0</v>
      </c>
      <c r="S952" s="53">
        <v>0</v>
      </c>
      <c r="T952" s="53">
        <v>0</v>
      </c>
      <c r="U952" s="53">
        <v>0</v>
      </c>
      <c r="V952" s="53">
        <v>0</v>
      </c>
      <c r="W952" s="53">
        <v>0</v>
      </c>
      <c r="X952" s="53">
        <v>0</v>
      </c>
      <c r="Y952" s="53">
        <v>0</v>
      </c>
      <c r="Z952" s="53">
        <v>0</v>
      </c>
      <c r="AA952" s="53">
        <v>0</v>
      </c>
      <c r="AB952" s="53">
        <v>0</v>
      </c>
      <c r="AC952" s="53">
        <v>0</v>
      </c>
      <c r="AD952" s="53">
        <v>0</v>
      </c>
      <c r="AE952" s="53">
        <v>0</v>
      </c>
      <c r="AF952" s="53">
        <v>0</v>
      </c>
      <c r="AG952" s="53">
        <v>0</v>
      </c>
      <c r="AH952" s="53">
        <v>0</v>
      </c>
      <c r="AI952" s="53">
        <v>0</v>
      </c>
      <c r="AJ952" s="53">
        <v>0</v>
      </c>
      <c r="AK952" s="53">
        <v>0</v>
      </c>
      <c r="AL952" s="53">
        <v>0</v>
      </c>
      <c r="AM952" s="53">
        <v>0</v>
      </c>
      <c r="AN952" s="53">
        <v>0</v>
      </c>
      <c r="AO952" s="53">
        <v>0</v>
      </c>
      <c r="AP952" s="53">
        <v>0</v>
      </c>
      <c r="AQ952" s="53">
        <v>0</v>
      </c>
      <c r="AR952" s="53">
        <v>0</v>
      </c>
      <c r="AS952" s="53">
        <v>0</v>
      </c>
      <c r="AT952" s="53">
        <v>0</v>
      </c>
      <c r="AU952" s="53">
        <v>0</v>
      </c>
      <c r="AV952" s="53">
        <v>0</v>
      </c>
      <c r="AW952" s="53">
        <v>0</v>
      </c>
      <c r="AX952" s="53">
        <v>0</v>
      </c>
      <c r="AY952" s="53">
        <v>0</v>
      </c>
      <c r="AZ952" s="53">
        <v>0</v>
      </c>
      <c r="BA952" s="53">
        <v>0</v>
      </c>
      <c r="BB952" s="53">
        <v>0</v>
      </c>
      <c r="BC952" s="53">
        <v>0</v>
      </c>
      <c r="BD952" s="53">
        <v>0</v>
      </c>
      <c r="BE952" s="53">
        <v>0</v>
      </c>
      <c r="BF952" s="53">
        <v>0</v>
      </c>
      <c r="BG952" s="53">
        <v>0</v>
      </c>
      <c r="BH952" s="53">
        <v>0</v>
      </c>
      <c r="BI952" s="53">
        <v>0</v>
      </c>
      <c r="BJ952" s="53">
        <v>0</v>
      </c>
      <c r="BK952" s="53">
        <v>0</v>
      </c>
      <c r="BL952" s="53">
        <v>0</v>
      </c>
      <c r="BM952" s="53">
        <v>0</v>
      </c>
      <c r="BN952" s="53">
        <v>0</v>
      </c>
      <c r="BO952" s="53">
        <v>0</v>
      </c>
      <c r="BP952" s="53">
        <v>0</v>
      </c>
      <c r="BQ952" s="53">
        <v>0</v>
      </c>
      <c r="BR952" s="53">
        <v>0</v>
      </c>
      <c r="BS952" s="53">
        <v>0</v>
      </c>
      <c r="BT952" s="53">
        <v>0</v>
      </c>
      <c r="BU952" s="53">
        <v>0</v>
      </c>
      <c r="BV952" s="53">
        <v>0</v>
      </c>
      <c r="BW952" s="53">
        <v>0</v>
      </c>
      <c r="BX952" s="53">
        <v>0</v>
      </c>
      <c r="BY952" s="53">
        <v>0</v>
      </c>
      <c r="BZ952" s="53">
        <v>0</v>
      </c>
      <c r="CA952" s="53">
        <v>0</v>
      </c>
      <c r="CB952" s="53">
        <v>8035507.1787361503</v>
      </c>
      <c r="CC952" s="53">
        <v>7687498.1006373698</v>
      </c>
      <c r="CD952" s="53">
        <v>5375585.0116486195</v>
      </c>
      <c r="CE952" s="53">
        <v>-2680035.0756096998</v>
      </c>
      <c r="CF952" s="53">
        <v>-4913791.4080533599</v>
      </c>
      <c r="CG952" s="53">
        <v>-6310706.5243134703</v>
      </c>
      <c r="CH952" s="53">
        <v>-5650954.0009020399</v>
      </c>
      <c r="CI952" s="53">
        <v>-4611177.23853298</v>
      </c>
      <c r="CJ952" s="53">
        <v>-2950561.2432193798</v>
      </c>
      <c r="CK952" s="53">
        <v>-2091039.2663350999</v>
      </c>
      <c r="CL952" s="53">
        <v>3766689.0904278499</v>
      </c>
      <c r="CM952" s="53">
        <v>5041281.7608413901</v>
      </c>
      <c r="CN952" s="53">
        <v>698296.38532533101</v>
      </c>
    </row>
    <row r="953" spans="1:92" outlineLevel="1">
      <c r="A953" s="59" t="s">
        <v>1399</v>
      </c>
      <c r="B953" s="53">
        <v>0</v>
      </c>
      <c r="C953" s="53">
        <v>0</v>
      </c>
      <c r="D953" s="53">
        <v>0</v>
      </c>
      <c r="E953" s="53">
        <v>0</v>
      </c>
      <c r="F953" s="53">
        <v>0</v>
      </c>
      <c r="G953" s="53">
        <v>0</v>
      </c>
      <c r="H953" s="53">
        <v>0</v>
      </c>
      <c r="I953" s="53">
        <v>0</v>
      </c>
      <c r="J953" s="53">
        <v>0</v>
      </c>
      <c r="K953" s="53">
        <v>0</v>
      </c>
      <c r="L953" s="53">
        <v>0</v>
      </c>
      <c r="M953" s="53">
        <v>0</v>
      </c>
      <c r="N953" s="53">
        <v>0</v>
      </c>
      <c r="O953" s="53">
        <v>0</v>
      </c>
      <c r="P953" s="53">
        <v>0</v>
      </c>
      <c r="Q953" s="53">
        <v>0</v>
      </c>
      <c r="R953" s="53">
        <v>0</v>
      </c>
      <c r="S953" s="53">
        <v>0</v>
      </c>
      <c r="T953" s="53">
        <v>0</v>
      </c>
      <c r="U953" s="53">
        <v>0</v>
      </c>
      <c r="V953" s="53">
        <v>0</v>
      </c>
      <c r="W953" s="53">
        <v>0</v>
      </c>
      <c r="X953" s="53">
        <v>0</v>
      </c>
      <c r="Y953" s="53">
        <v>0</v>
      </c>
      <c r="Z953" s="53">
        <v>0</v>
      </c>
      <c r="AA953" s="53">
        <v>0</v>
      </c>
      <c r="AB953" s="53">
        <v>0</v>
      </c>
      <c r="AC953" s="53">
        <v>0</v>
      </c>
      <c r="AD953" s="53">
        <v>0</v>
      </c>
      <c r="AE953" s="53">
        <v>0</v>
      </c>
      <c r="AF953" s="53">
        <v>0</v>
      </c>
      <c r="AG953" s="53">
        <v>0</v>
      </c>
      <c r="AH953" s="53">
        <v>0</v>
      </c>
      <c r="AI953" s="53">
        <v>0</v>
      </c>
      <c r="AJ953" s="53">
        <v>0</v>
      </c>
      <c r="AK953" s="53">
        <v>0</v>
      </c>
      <c r="AL953" s="53">
        <v>0</v>
      </c>
      <c r="AM953" s="53">
        <v>0</v>
      </c>
      <c r="AN953" s="53">
        <v>0</v>
      </c>
      <c r="AO953" s="53">
        <v>0</v>
      </c>
      <c r="AP953" s="53">
        <v>0</v>
      </c>
      <c r="AQ953" s="53">
        <v>0</v>
      </c>
      <c r="AR953" s="53">
        <v>0</v>
      </c>
      <c r="AS953" s="53">
        <v>0</v>
      </c>
      <c r="AT953" s="53">
        <v>0</v>
      </c>
      <c r="AU953" s="53">
        <v>0</v>
      </c>
      <c r="AV953" s="53">
        <v>0</v>
      </c>
      <c r="AW953" s="53">
        <v>0</v>
      </c>
      <c r="AX953" s="53">
        <v>0</v>
      </c>
      <c r="AY953" s="53">
        <v>0</v>
      </c>
      <c r="AZ953" s="53">
        <v>0</v>
      </c>
      <c r="BA953" s="53">
        <v>0</v>
      </c>
      <c r="BB953" s="53">
        <v>0</v>
      </c>
      <c r="BC953" s="53">
        <v>0</v>
      </c>
      <c r="BD953" s="53">
        <v>0</v>
      </c>
      <c r="BE953" s="53">
        <v>0</v>
      </c>
      <c r="BF953" s="53">
        <v>0</v>
      </c>
      <c r="BG953" s="53">
        <v>0</v>
      </c>
      <c r="BH953" s="53">
        <v>0</v>
      </c>
      <c r="BI953" s="53">
        <v>0</v>
      </c>
      <c r="BJ953" s="53">
        <v>0</v>
      </c>
      <c r="BK953" s="53">
        <v>0</v>
      </c>
      <c r="BL953" s="53">
        <v>0</v>
      </c>
      <c r="BM953" s="53">
        <v>0</v>
      </c>
      <c r="BN953" s="53">
        <v>0</v>
      </c>
      <c r="BO953" s="53">
        <v>0</v>
      </c>
      <c r="BP953" s="53">
        <v>0</v>
      </c>
      <c r="BQ953" s="53">
        <v>0</v>
      </c>
      <c r="BR953" s="53">
        <v>0</v>
      </c>
      <c r="BS953" s="53">
        <v>0</v>
      </c>
      <c r="BT953" s="53">
        <v>0</v>
      </c>
      <c r="BU953" s="53">
        <v>0</v>
      </c>
      <c r="BV953" s="53">
        <v>0</v>
      </c>
      <c r="BW953" s="53">
        <v>0</v>
      </c>
      <c r="BX953" s="53">
        <v>0</v>
      </c>
      <c r="BY953" s="53">
        <v>0</v>
      </c>
      <c r="BZ953" s="53">
        <v>0</v>
      </c>
      <c r="CA953" s="53">
        <v>0</v>
      </c>
      <c r="CB953" s="53"/>
      <c r="CC953" s="53"/>
      <c r="CD953" s="53"/>
      <c r="CE953" s="53"/>
      <c r="CF953" s="53"/>
      <c r="CG953" s="53"/>
      <c r="CH953" s="53"/>
      <c r="CI953" s="53"/>
      <c r="CJ953" s="53"/>
      <c r="CK953" s="53"/>
      <c r="CL953" s="53"/>
      <c r="CM953" s="53"/>
      <c r="CN953" s="53"/>
    </row>
    <row r="954" spans="1:92" outlineLevel="1">
      <c r="A954" s="52" t="s">
        <v>1400</v>
      </c>
      <c r="B954" s="53"/>
      <c r="C954" s="53"/>
      <c r="D954" s="53"/>
      <c r="E954" s="53"/>
      <c r="F954" s="53"/>
      <c r="G954" s="53"/>
      <c r="H954" s="53"/>
      <c r="I954" s="53"/>
      <c r="J954" s="53"/>
      <c r="K954" s="53"/>
      <c r="L954" s="53"/>
      <c r="M954" s="53"/>
      <c r="N954" s="53"/>
      <c r="O954" s="53"/>
      <c r="P954" s="53"/>
      <c r="Q954" s="53"/>
      <c r="R954" s="53"/>
      <c r="S954" s="53"/>
      <c r="T954" s="53"/>
      <c r="U954" s="53"/>
      <c r="V954" s="53"/>
      <c r="W954" s="53"/>
      <c r="X954" s="53"/>
      <c r="Y954" s="53"/>
      <c r="Z954" s="53"/>
      <c r="AA954" s="53"/>
      <c r="AB954" s="53"/>
      <c r="AC954" s="53"/>
      <c r="AD954" s="53"/>
      <c r="AE954" s="53"/>
      <c r="AF954" s="53"/>
      <c r="AG954" s="53"/>
      <c r="AH954" s="53"/>
      <c r="AI954" s="53"/>
      <c r="AJ954" s="53"/>
      <c r="AK954" s="53"/>
      <c r="AL954" s="53"/>
      <c r="AM954" s="53"/>
      <c r="AN954" s="53"/>
      <c r="AO954" s="53"/>
      <c r="AP954" s="53"/>
      <c r="AQ954" s="53"/>
      <c r="AR954" s="53"/>
      <c r="AS954" s="53"/>
      <c r="AT954" s="53"/>
      <c r="AU954" s="53"/>
      <c r="AV954" s="53"/>
      <c r="AW954" s="53"/>
      <c r="AX954" s="53"/>
      <c r="AY954" s="53"/>
      <c r="AZ954" s="53"/>
      <c r="BA954" s="53"/>
      <c r="BB954" s="53"/>
      <c r="BC954" s="53"/>
      <c r="BD954" s="53"/>
      <c r="BE954" s="53"/>
      <c r="BF954" s="53"/>
      <c r="BG954" s="53"/>
      <c r="BH954" s="53"/>
      <c r="BI954" s="53"/>
      <c r="BJ954" s="53"/>
      <c r="BK954" s="53"/>
      <c r="BL954" s="53"/>
      <c r="BM954" s="53"/>
      <c r="BN954" s="53"/>
      <c r="BO954" s="53"/>
      <c r="BP954" s="53"/>
      <c r="BQ954" s="53"/>
      <c r="BR954" s="53"/>
      <c r="BS954" s="53"/>
      <c r="BT954" s="53"/>
      <c r="BU954" s="53"/>
      <c r="BV954" s="53"/>
      <c r="BW954" s="53"/>
      <c r="BX954" s="53"/>
      <c r="BY954" s="53"/>
      <c r="BZ954" s="53"/>
      <c r="CA954" s="53"/>
      <c r="CB954" s="53">
        <v>-57660.843879716398</v>
      </c>
      <c r="CC954" s="53">
        <v>-57660.843879716398</v>
      </c>
      <c r="CD954" s="53">
        <v>-57660.843879716398</v>
      </c>
      <c r="CE954" s="53">
        <v>-57660.843879716398</v>
      </c>
      <c r="CF954" s="53">
        <v>-57660.843879716398</v>
      </c>
      <c r="CG954" s="53">
        <v>-57660.843879716398</v>
      </c>
      <c r="CH954" s="53">
        <v>-57660.843879716398</v>
      </c>
      <c r="CI954" s="53">
        <v>-57660.843879716398</v>
      </c>
      <c r="CJ954" s="53">
        <v>-57660.843879716398</v>
      </c>
      <c r="CK954" s="53">
        <v>-57660.843879716398</v>
      </c>
      <c r="CL954" s="53">
        <v>-57660.843879716398</v>
      </c>
      <c r="CM954" s="53">
        <v>-57660.843879716398</v>
      </c>
      <c r="CN954" s="53">
        <v>-691930.12655659695</v>
      </c>
    </row>
    <row r="955" spans="1:92" outlineLevel="1">
      <c r="A955" s="52" t="s">
        <v>1218</v>
      </c>
      <c r="B955" s="53">
        <v>472868562.67000002</v>
      </c>
      <c r="C955" s="53">
        <v>624927417.32000005</v>
      </c>
      <c r="D955" s="53">
        <v>589579361.54999995</v>
      </c>
      <c r="E955" s="53">
        <v>592845083.47000003</v>
      </c>
      <c r="F955" s="53">
        <v>580735732.21000004</v>
      </c>
      <c r="G955" s="53">
        <v>571693422.58000004</v>
      </c>
      <c r="H955" s="53">
        <v>628622223.95000005</v>
      </c>
      <c r="I955" s="53">
        <v>633828150.25</v>
      </c>
      <c r="J955" s="53">
        <v>623620938.97000003</v>
      </c>
      <c r="K955" s="53">
        <v>765932750.23000002</v>
      </c>
      <c r="L955" s="53">
        <v>909785810.48000002</v>
      </c>
      <c r="M955" s="53">
        <v>958126491.21000004</v>
      </c>
      <c r="N955" s="53">
        <v>472868562.67000002</v>
      </c>
      <c r="O955" s="53">
        <v>1188473310.3099999</v>
      </c>
      <c r="P955" s="53">
        <v>1186329715.9033201</v>
      </c>
      <c r="Q955" s="53">
        <v>1184189389.34373</v>
      </c>
      <c r="R955" s="53">
        <v>1180482926.6716499</v>
      </c>
      <c r="S955" s="53">
        <v>1141699043.14959</v>
      </c>
      <c r="T955" s="53">
        <v>1102803425.16486</v>
      </c>
      <c r="U955" s="53">
        <v>1062209755.3522201</v>
      </c>
      <c r="V955" s="53">
        <v>1023739067.87771</v>
      </c>
      <c r="W955" s="53">
        <v>985109125.36430597</v>
      </c>
      <c r="X955" s="53">
        <v>944751981.62971199</v>
      </c>
      <c r="Y955" s="53">
        <v>905818344.31617296</v>
      </c>
      <c r="Z955" s="53">
        <v>866753544.38179195</v>
      </c>
      <c r="AA955" s="53">
        <v>1188473310.3099999</v>
      </c>
      <c r="AB955" s="53">
        <v>826146874.49279702</v>
      </c>
      <c r="AC955" s="53">
        <v>786817711.81880105</v>
      </c>
      <c r="AD955" s="53">
        <v>747486898.14480603</v>
      </c>
      <c r="AE955" s="53">
        <v>706586980.65081096</v>
      </c>
      <c r="AF955" s="53">
        <v>704971249.97681499</v>
      </c>
      <c r="AG955" s="53">
        <v>703362473.30281997</v>
      </c>
      <c r="AH955" s="53">
        <v>700187986.80882394</v>
      </c>
      <c r="AI955" s="53">
        <v>698587294.13482904</v>
      </c>
      <c r="AJ955" s="53">
        <v>696989125.46083295</v>
      </c>
      <c r="AK955" s="53">
        <v>693818364.966838</v>
      </c>
      <c r="AL955" s="53">
        <v>692221492.29284203</v>
      </c>
      <c r="AM955" s="53">
        <v>690630687.61884701</v>
      </c>
      <c r="AN955" s="53">
        <v>826146874.49279702</v>
      </c>
      <c r="AO955" s="53">
        <v>687471687.12485099</v>
      </c>
      <c r="AP955" s="53">
        <v>685466676.03418899</v>
      </c>
      <c r="AQ955" s="53">
        <v>683461664.94352698</v>
      </c>
      <c r="AR955" s="53">
        <v>679886315.03286505</v>
      </c>
      <c r="AS955" s="53">
        <v>677881303.94220304</v>
      </c>
      <c r="AT955" s="53">
        <v>675876292.85154104</v>
      </c>
      <c r="AU955" s="53">
        <v>672300942.94087899</v>
      </c>
      <c r="AV955" s="53">
        <v>670295931.85021698</v>
      </c>
      <c r="AW955" s="53">
        <v>668290920.75955498</v>
      </c>
      <c r="AX955" s="53">
        <v>664784553.19614196</v>
      </c>
      <c r="AY955" s="53">
        <v>662992829.45272994</v>
      </c>
      <c r="AZ955" s="53">
        <v>661201105.70931804</v>
      </c>
      <c r="BA955" s="53">
        <v>687471687.12485099</v>
      </c>
      <c r="BB955" s="53">
        <v>657839043.14590597</v>
      </c>
      <c r="BC955" s="53">
        <v>656060360.471452</v>
      </c>
      <c r="BD955" s="53">
        <v>654281677.79699802</v>
      </c>
      <c r="BE955" s="53">
        <v>650932656.302544</v>
      </c>
      <c r="BF955" s="53">
        <v>649153973.62809098</v>
      </c>
      <c r="BG955" s="53">
        <v>647375290.953637</v>
      </c>
      <c r="BH955" s="53">
        <v>644026269.45918298</v>
      </c>
      <c r="BI955" s="53">
        <v>642247586.784729</v>
      </c>
      <c r="BJ955" s="53">
        <v>640468904.11027503</v>
      </c>
      <c r="BK955" s="53">
        <v>637119882.61582196</v>
      </c>
      <c r="BL955" s="53">
        <v>635341199.94136798</v>
      </c>
      <c r="BM955" s="53">
        <v>633562517.26691401</v>
      </c>
      <c r="BN955" s="53">
        <v>657839043.14590597</v>
      </c>
      <c r="BO955" s="53">
        <v>630213495.77245998</v>
      </c>
      <c r="BP955" s="53">
        <v>628383399.01467299</v>
      </c>
      <c r="BQ955" s="53">
        <v>626553302.25688601</v>
      </c>
      <c r="BR955" s="53">
        <v>623152866.67909896</v>
      </c>
      <c r="BS955" s="53">
        <v>621322769.92131197</v>
      </c>
      <c r="BT955" s="53">
        <v>619492673.16352403</v>
      </c>
      <c r="BU955" s="53">
        <v>616092237.58573699</v>
      </c>
      <c r="BV955" s="53">
        <v>614253733.88810098</v>
      </c>
      <c r="BW955" s="53">
        <v>612406823.25061405</v>
      </c>
      <c r="BX955" s="53">
        <v>609698546.61312795</v>
      </c>
      <c r="BY955" s="53">
        <v>607851635.97564101</v>
      </c>
      <c r="BZ955" s="53">
        <v>606004725.33815503</v>
      </c>
      <c r="CA955" s="53">
        <v>630213495.77245998</v>
      </c>
      <c r="CB955" s="53"/>
      <c r="CC955" s="53"/>
      <c r="CD955" s="53"/>
      <c r="CE955" s="53"/>
      <c r="CF955" s="53"/>
      <c r="CG955" s="53"/>
      <c r="CH955" s="53"/>
      <c r="CI955" s="53"/>
      <c r="CJ955" s="53"/>
      <c r="CK955" s="53"/>
      <c r="CL955" s="53"/>
      <c r="CM955" s="53"/>
      <c r="CN955" s="53"/>
    </row>
    <row r="956" spans="1:92" outlineLevel="1">
      <c r="A956" s="52" t="s">
        <v>699</v>
      </c>
      <c r="B956" s="53"/>
      <c r="C956" s="53"/>
      <c r="D956" s="53"/>
      <c r="E956" s="53"/>
      <c r="F956" s="53"/>
      <c r="G956" s="53"/>
      <c r="H956" s="53"/>
      <c r="I956" s="53"/>
      <c r="J956" s="53"/>
      <c r="K956" s="53"/>
      <c r="L956" s="53"/>
      <c r="M956" s="53"/>
      <c r="N956" s="53"/>
      <c r="O956" s="53"/>
      <c r="P956" s="53"/>
      <c r="Q956" s="53"/>
      <c r="R956" s="53"/>
      <c r="S956" s="53"/>
      <c r="T956" s="53"/>
      <c r="U956" s="53"/>
      <c r="V956" s="53"/>
      <c r="W956" s="53"/>
      <c r="X956" s="53"/>
      <c r="Y956" s="53"/>
      <c r="Z956" s="53"/>
      <c r="AA956" s="53"/>
      <c r="AB956" s="53"/>
      <c r="AC956" s="53"/>
      <c r="AD956" s="53"/>
      <c r="AE956" s="53"/>
      <c r="AF956" s="53"/>
      <c r="AG956" s="53"/>
      <c r="AH956" s="53"/>
      <c r="AI956" s="53"/>
      <c r="AJ956" s="53"/>
      <c r="AK956" s="53"/>
      <c r="AL956" s="53"/>
      <c r="AM956" s="53"/>
      <c r="AN956" s="53"/>
      <c r="AO956" s="53"/>
      <c r="AP956" s="53"/>
      <c r="AQ956" s="53"/>
      <c r="AR956" s="53"/>
      <c r="AS956" s="53"/>
      <c r="AT956" s="53"/>
      <c r="AU956" s="53"/>
      <c r="AV956" s="53"/>
      <c r="AW956" s="53"/>
      <c r="AX956" s="53"/>
      <c r="AY956" s="53"/>
      <c r="AZ956" s="53"/>
      <c r="BA956" s="53"/>
      <c r="BB956" s="53"/>
      <c r="BC956" s="53"/>
      <c r="BD956" s="53"/>
      <c r="BE956" s="53"/>
      <c r="BF956" s="53"/>
      <c r="BG956" s="53"/>
      <c r="BH956" s="53"/>
      <c r="BI956" s="53"/>
      <c r="BJ956" s="53"/>
      <c r="BK956" s="53"/>
      <c r="BL956" s="53"/>
      <c r="BM956" s="53"/>
      <c r="BN956" s="53"/>
      <c r="BO956" s="53"/>
      <c r="BP956" s="53"/>
      <c r="BQ956" s="53"/>
      <c r="BR956" s="53"/>
      <c r="BS956" s="53"/>
      <c r="BT956" s="53"/>
      <c r="BU956" s="53"/>
      <c r="BV956" s="53"/>
      <c r="BW956" s="53"/>
      <c r="BX956" s="53"/>
      <c r="BY956" s="53"/>
      <c r="BZ956" s="53"/>
      <c r="CA956" s="53"/>
      <c r="CB956" s="53"/>
      <c r="CC956" s="53"/>
      <c r="CD956" s="53"/>
      <c r="CE956" s="53"/>
      <c r="CF956" s="53"/>
      <c r="CG956" s="53"/>
      <c r="CH956" s="53"/>
      <c r="CI956" s="53"/>
      <c r="CJ956" s="53"/>
      <c r="CK956" s="53"/>
      <c r="CL956" s="53"/>
      <c r="CM956" s="53"/>
      <c r="CN956" s="53"/>
    </row>
    <row r="957" spans="1:92" outlineLevel="1">
      <c r="A957" s="52" t="s">
        <v>650</v>
      </c>
      <c r="B957" s="53"/>
      <c r="C957" s="53"/>
      <c r="D957" s="53"/>
      <c r="E957" s="53"/>
      <c r="F957" s="53"/>
      <c r="G957" s="53"/>
      <c r="H957" s="53"/>
      <c r="I957" s="53"/>
      <c r="J957" s="53"/>
      <c r="K957" s="53"/>
      <c r="L957" s="53"/>
      <c r="M957" s="53"/>
      <c r="N957" s="53"/>
      <c r="O957" s="53"/>
      <c r="P957" s="53"/>
      <c r="Q957" s="53"/>
      <c r="R957" s="53"/>
      <c r="S957" s="53"/>
      <c r="T957" s="53"/>
      <c r="U957" s="53"/>
      <c r="V957" s="53"/>
      <c r="W957" s="53"/>
      <c r="X957" s="53"/>
      <c r="Y957" s="53"/>
      <c r="Z957" s="53"/>
      <c r="AA957" s="53"/>
      <c r="AB957" s="53"/>
      <c r="AC957" s="53"/>
      <c r="AD957" s="53"/>
      <c r="AE957" s="53"/>
      <c r="AF957" s="53"/>
      <c r="AG957" s="53"/>
      <c r="AH957" s="53"/>
      <c r="AI957" s="53"/>
      <c r="AJ957" s="53"/>
      <c r="AK957" s="53"/>
      <c r="AL957" s="53"/>
      <c r="AM957" s="53"/>
      <c r="AN957" s="53"/>
      <c r="AO957" s="53"/>
      <c r="AP957" s="53"/>
      <c r="AQ957" s="53"/>
      <c r="AR957" s="53"/>
      <c r="AS957" s="53"/>
      <c r="AT957" s="53"/>
      <c r="AU957" s="53"/>
      <c r="AV957" s="53"/>
      <c r="AW957" s="53"/>
      <c r="AX957" s="53"/>
      <c r="AY957" s="53"/>
      <c r="AZ957" s="53"/>
      <c r="BA957" s="53"/>
      <c r="BB957" s="53"/>
      <c r="BC957" s="53"/>
      <c r="BD957" s="53"/>
      <c r="BE957" s="53"/>
      <c r="BF957" s="53"/>
      <c r="BG957" s="53"/>
      <c r="BH957" s="53"/>
      <c r="BI957" s="53"/>
      <c r="BJ957" s="53"/>
      <c r="BK957" s="53"/>
      <c r="BL957" s="53"/>
      <c r="BM957" s="53"/>
      <c r="BN957" s="53"/>
      <c r="BO957" s="53"/>
      <c r="BP957" s="53"/>
      <c r="BQ957" s="53"/>
      <c r="BR957" s="53"/>
      <c r="BS957" s="53"/>
      <c r="BT957" s="53"/>
      <c r="BU957" s="53"/>
      <c r="BV957" s="53"/>
      <c r="BW957" s="53"/>
      <c r="BX957" s="53"/>
      <c r="BY957" s="53"/>
      <c r="BZ957" s="53"/>
      <c r="CA957" s="53"/>
      <c r="CB957" s="53"/>
      <c r="CC957" s="53"/>
      <c r="CD957" s="53"/>
      <c r="CE957" s="53"/>
      <c r="CF957" s="53"/>
      <c r="CG957" s="53"/>
      <c r="CH957" s="53"/>
      <c r="CI957" s="53"/>
      <c r="CJ957" s="53"/>
      <c r="CK957" s="53"/>
      <c r="CL957" s="53"/>
      <c r="CM957" s="53"/>
      <c r="CN957" s="53"/>
    </row>
    <row r="958" spans="1:92" outlineLevel="1">
      <c r="A958" s="52" t="s">
        <v>1401</v>
      </c>
      <c r="B958" s="53"/>
      <c r="C958" s="53"/>
      <c r="D958" s="53"/>
      <c r="E958" s="53"/>
      <c r="F958" s="53"/>
      <c r="G958" s="53"/>
      <c r="H958" s="53"/>
      <c r="I958" s="53"/>
      <c r="J958" s="53"/>
      <c r="K958" s="53"/>
      <c r="L958" s="53"/>
      <c r="M958" s="53"/>
      <c r="N958" s="53"/>
      <c r="O958" s="53"/>
      <c r="P958" s="53"/>
      <c r="Q958" s="53"/>
      <c r="R958" s="53"/>
      <c r="S958" s="53"/>
      <c r="T958" s="53"/>
      <c r="U958" s="53"/>
      <c r="V958" s="53"/>
      <c r="W958" s="53"/>
      <c r="X958" s="53"/>
      <c r="Y958" s="53"/>
      <c r="Z958" s="53"/>
      <c r="AA958" s="53"/>
      <c r="AB958" s="53"/>
      <c r="AC958" s="53"/>
      <c r="AD958" s="53"/>
      <c r="AE958" s="53"/>
      <c r="AF958" s="53"/>
      <c r="AG958" s="53"/>
      <c r="AH958" s="53"/>
      <c r="AI958" s="53"/>
      <c r="AJ958" s="53"/>
      <c r="AK958" s="53"/>
      <c r="AL958" s="53"/>
      <c r="AM958" s="53"/>
      <c r="AN958" s="53"/>
      <c r="AO958" s="53"/>
      <c r="AP958" s="53"/>
      <c r="AQ958" s="53"/>
      <c r="AR958" s="53"/>
      <c r="AS958" s="53"/>
      <c r="AT958" s="53"/>
      <c r="AU958" s="53"/>
      <c r="AV958" s="53"/>
      <c r="AW958" s="53"/>
      <c r="AX958" s="53"/>
      <c r="AY958" s="53"/>
      <c r="AZ958" s="53"/>
      <c r="BA958" s="53"/>
      <c r="BB958" s="53"/>
      <c r="BC958" s="53"/>
      <c r="BD958" s="53"/>
      <c r="BE958" s="53"/>
      <c r="BF958" s="53"/>
      <c r="BG958" s="53"/>
      <c r="BH958" s="53"/>
      <c r="BI958" s="53"/>
      <c r="BJ958" s="53"/>
      <c r="BK958" s="53"/>
      <c r="BL958" s="53"/>
      <c r="BM958" s="53"/>
      <c r="BN958" s="53"/>
      <c r="BO958" s="53"/>
      <c r="BP958" s="53"/>
      <c r="BQ958" s="53"/>
      <c r="BR958" s="53"/>
      <c r="BS958" s="53"/>
      <c r="BT958" s="53"/>
      <c r="BU958" s="53"/>
      <c r="BV958" s="53"/>
      <c r="BW958" s="53"/>
      <c r="BX958" s="53"/>
      <c r="BY958" s="53"/>
      <c r="BZ958" s="53"/>
      <c r="CA958" s="53"/>
      <c r="CB958" s="53"/>
      <c r="CC958" s="53"/>
      <c r="CD958" s="53"/>
      <c r="CE958" s="53"/>
      <c r="CF958" s="53"/>
      <c r="CG958" s="53"/>
      <c r="CH958" s="53"/>
      <c r="CI958" s="53"/>
      <c r="CJ958" s="53"/>
      <c r="CK958" s="53"/>
      <c r="CL958" s="53"/>
      <c r="CM958" s="53"/>
      <c r="CN958" s="53"/>
    </row>
    <row r="959" spans="1:92" outlineLevel="1">
      <c r="A959" s="52" t="s">
        <v>649</v>
      </c>
      <c r="B959" s="53">
        <v>221439.91666666599</v>
      </c>
      <c r="C959" s="53">
        <v>221439.91666666599</v>
      </c>
      <c r="D959" s="53">
        <v>221439.91666666599</v>
      </c>
      <c r="E959" s="53">
        <v>221439.91666666599</v>
      </c>
      <c r="F959" s="53">
        <v>221439.91666666599</v>
      </c>
      <c r="G959" s="53">
        <v>221439.91666666599</v>
      </c>
      <c r="H959" s="53">
        <v>221439.91666666599</v>
      </c>
      <c r="I959" s="53">
        <v>221439.91666666599</v>
      </c>
      <c r="J959" s="53">
        <v>221439.91666666599</v>
      </c>
      <c r="K959" s="53">
        <v>221439.91666666599</v>
      </c>
      <c r="L959" s="53">
        <v>221439.91666666599</v>
      </c>
      <c r="M959" s="53">
        <v>221439.91666666599</v>
      </c>
      <c r="N959" s="53">
        <v>2657279</v>
      </c>
      <c r="O959" s="53"/>
      <c r="P959" s="53"/>
      <c r="Q959" s="53"/>
      <c r="R959" s="53"/>
      <c r="S959" s="53"/>
      <c r="T959" s="53"/>
      <c r="U959" s="53"/>
      <c r="V959" s="53"/>
      <c r="W959" s="53"/>
      <c r="X959" s="53"/>
      <c r="Y959" s="53"/>
      <c r="Z959" s="53"/>
      <c r="AA959" s="53"/>
      <c r="AB959" s="53"/>
      <c r="AC959" s="53"/>
      <c r="AD959" s="53"/>
      <c r="AE959" s="53"/>
      <c r="AF959" s="53"/>
      <c r="AG959" s="53"/>
      <c r="AH959" s="53"/>
      <c r="AI959" s="53"/>
      <c r="AJ959" s="53"/>
      <c r="AK959" s="53"/>
      <c r="AL959" s="53"/>
      <c r="AM959" s="53"/>
      <c r="AN959" s="53"/>
      <c r="AO959" s="53"/>
      <c r="AP959" s="53"/>
      <c r="AQ959" s="53"/>
      <c r="AR959" s="53"/>
      <c r="AS959" s="53"/>
      <c r="AT959" s="53"/>
      <c r="AU959" s="53"/>
      <c r="AV959" s="53"/>
      <c r="AW959" s="53"/>
      <c r="AX959" s="53"/>
      <c r="AY959" s="53"/>
      <c r="AZ959" s="53"/>
      <c r="BA959" s="53"/>
      <c r="BB959" s="53"/>
      <c r="BC959" s="53"/>
      <c r="BD959" s="53"/>
      <c r="BE959" s="53"/>
      <c r="BF959" s="53"/>
      <c r="BG959" s="53"/>
      <c r="BH959" s="53"/>
      <c r="BI959" s="53"/>
      <c r="BJ959" s="53"/>
      <c r="BK959" s="53"/>
      <c r="BL959" s="53"/>
      <c r="BM959" s="53"/>
      <c r="BN959" s="53"/>
      <c r="BO959" s="53"/>
      <c r="BP959" s="53"/>
      <c r="BQ959" s="53"/>
      <c r="BR959" s="53"/>
      <c r="BS959" s="53"/>
      <c r="BT959" s="53"/>
      <c r="BU959" s="53"/>
      <c r="BV959" s="53"/>
      <c r="BW959" s="53"/>
      <c r="BX959" s="53"/>
      <c r="BY959" s="53"/>
      <c r="BZ959" s="53"/>
      <c r="CA959" s="53"/>
      <c r="CB959" s="53"/>
      <c r="CC959" s="53"/>
      <c r="CD959" s="53"/>
      <c r="CE959" s="53"/>
      <c r="CF959" s="53"/>
      <c r="CG959" s="53"/>
      <c r="CH959" s="53"/>
      <c r="CI959" s="53"/>
      <c r="CJ959" s="53"/>
      <c r="CK959" s="53"/>
      <c r="CL959" s="53"/>
      <c r="CM959" s="53"/>
      <c r="CN959" s="53"/>
    </row>
    <row r="960" spans="1:92" outlineLevel="1">
      <c r="A960" s="52" t="s">
        <v>1402</v>
      </c>
      <c r="B960" s="53"/>
      <c r="C960" s="53"/>
      <c r="D960" s="53"/>
      <c r="E960" s="53"/>
      <c r="F960" s="53"/>
      <c r="G960" s="53"/>
      <c r="H960" s="53"/>
      <c r="I960" s="53"/>
      <c r="J960" s="53"/>
      <c r="K960" s="53"/>
      <c r="L960" s="53"/>
      <c r="M960" s="53"/>
      <c r="N960" s="53"/>
      <c r="O960" s="53"/>
      <c r="P960" s="53"/>
      <c r="Q960" s="53"/>
      <c r="R960" s="53"/>
      <c r="S960" s="53"/>
      <c r="T960" s="53"/>
      <c r="U960" s="53"/>
      <c r="V960" s="53"/>
      <c r="W960" s="53"/>
      <c r="X960" s="53"/>
      <c r="Y960" s="53"/>
      <c r="Z960" s="53"/>
      <c r="AA960" s="53"/>
      <c r="AB960" s="53"/>
      <c r="AC960" s="53"/>
      <c r="AD960" s="53"/>
      <c r="AE960" s="53"/>
      <c r="AF960" s="53"/>
      <c r="AG960" s="53"/>
      <c r="AH960" s="53"/>
      <c r="AI960" s="53"/>
      <c r="AJ960" s="53"/>
      <c r="AK960" s="53"/>
      <c r="AL960" s="53"/>
      <c r="AM960" s="53"/>
      <c r="AN960" s="53"/>
      <c r="AO960" s="53"/>
      <c r="AP960" s="53"/>
      <c r="AQ960" s="53"/>
      <c r="AR960" s="53"/>
      <c r="AS960" s="53"/>
      <c r="AT960" s="53"/>
      <c r="AU960" s="53"/>
      <c r="AV960" s="53"/>
      <c r="AW960" s="53"/>
      <c r="AX960" s="53"/>
      <c r="AY960" s="53"/>
      <c r="AZ960" s="53"/>
      <c r="BA960" s="53"/>
      <c r="BB960" s="53"/>
      <c r="BC960" s="53"/>
      <c r="BD960" s="53"/>
      <c r="BE960" s="53"/>
      <c r="BF960" s="53"/>
      <c r="BG960" s="53"/>
      <c r="BH960" s="53"/>
      <c r="BI960" s="53"/>
      <c r="BJ960" s="53"/>
      <c r="BK960" s="53"/>
      <c r="BL960" s="53"/>
      <c r="BM960" s="53"/>
      <c r="BN960" s="53"/>
      <c r="BO960" s="53"/>
      <c r="BP960" s="53"/>
      <c r="BQ960" s="53"/>
      <c r="BR960" s="53"/>
      <c r="BS960" s="53"/>
      <c r="BT960" s="53"/>
      <c r="BU960" s="53"/>
      <c r="BV960" s="53"/>
      <c r="BW960" s="53"/>
      <c r="BX960" s="53"/>
      <c r="BY960" s="53"/>
      <c r="BZ960" s="53"/>
      <c r="CA960" s="53"/>
      <c r="CB960" s="53"/>
      <c r="CC960" s="53"/>
      <c r="CD960" s="53"/>
      <c r="CE960" s="53"/>
      <c r="CF960" s="53"/>
      <c r="CG960" s="53"/>
      <c r="CH960" s="53"/>
      <c r="CI960" s="53"/>
      <c r="CJ960" s="53"/>
      <c r="CK960" s="53"/>
      <c r="CL960" s="53"/>
      <c r="CM960" s="53"/>
      <c r="CN960" s="53"/>
    </row>
    <row r="961" spans="1:92" outlineLevel="1">
      <c r="A961" s="52" t="s">
        <v>649</v>
      </c>
      <c r="B961" s="53"/>
      <c r="C961" s="53"/>
      <c r="D961" s="53"/>
      <c r="E961" s="53"/>
      <c r="F961" s="53"/>
      <c r="G961" s="53"/>
      <c r="H961" s="53"/>
      <c r="I961" s="53"/>
      <c r="J961" s="53"/>
      <c r="K961" s="53"/>
      <c r="L961" s="53"/>
      <c r="M961" s="53">
        <v>-12916000</v>
      </c>
      <c r="N961" s="53">
        <v>-12916000</v>
      </c>
      <c r="O961" s="53"/>
      <c r="P961" s="53"/>
      <c r="Q961" s="53"/>
      <c r="R961" s="53"/>
      <c r="S961" s="53"/>
      <c r="T961" s="53"/>
      <c r="U961" s="53"/>
      <c r="V961" s="53"/>
      <c r="W961" s="53"/>
      <c r="X961" s="53"/>
      <c r="Y961" s="53"/>
      <c r="Z961" s="53"/>
      <c r="AA961" s="53"/>
      <c r="AB961" s="53"/>
      <c r="AC961" s="53"/>
      <c r="AD961" s="53"/>
      <c r="AE961" s="53"/>
      <c r="AF961" s="53"/>
      <c r="AG961" s="53"/>
      <c r="AH961" s="53"/>
      <c r="AI961" s="53"/>
      <c r="AJ961" s="53"/>
      <c r="AK961" s="53"/>
      <c r="AL961" s="53"/>
      <c r="AM961" s="53"/>
      <c r="AN961" s="53"/>
      <c r="AO961" s="53"/>
      <c r="AP961" s="53"/>
      <c r="AQ961" s="53"/>
      <c r="AR961" s="53"/>
      <c r="AS961" s="53"/>
      <c r="AT961" s="53"/>
      <c r="AU961" s="53"/>
      <c r="AV961" s="53"/>
      <c r="AW961" s="53"/>
      <c r="AX961" s="53"/>
      <c r="AY961" s="53"/>
      <c r="AZ961" s="53"/>
      <c r="BA961" s="53"/>
      <c r="BB961" s="53"/>
      <c r="BC961" s="53"/>
      <c r="BD961" s="53"/>
      <c r="BE961" s="53"/>
      <c r="BF961" s="53"/>
      <c r="BG961" s="53"/>
      <c r="BH961" s="53"/>
      <c r="BI961" s="53"/>
      <c r="BJ961" s="53"/>
      <c r="BK961" s="53"/>
      <c r="BL961" s="53"/>
      <c r="BM961" s="53"/>
      <c r="BN961" s="53"/>
      <c r="BO961" s="53"/>
      <c r="BP961" s="53"/>
      <c r="BQ961" s="53"/>
      <c r="BR961" s="53"/>
      <c r="BS961" s="53"/>
      <c r="BT961" s="53"/>
      <c r="BU961" s="53"/>
      <c r="BV961" s="53"/>
      <c r="BW961" s="53"/>
      <c r="BX961" s="53"/>
      <c r="BY961" s="53"/>
      <c r="BZ961" s="53"/>
      <c r="CA961" s="53"/>
      <c r="CB961" s="53"/>
      <c r="CC961" s="53"/>
      <c r="CD961" s="53"/>
      <c r="CE961" s="53"/>
      <c r="CF961" s="53"/>
      <c r="CG961" s="53"/>
      <c r="CH961" s="53"/>
      <c r="CI961" s="53"/>
      <c r="CJ961" s="53"/>
      <c r="CK961" s="53"/>
      <c r="CL961" s="53"/>
      <c r="CM961" s="53"/>
      <c r="CN961" s="53"/>
    </row>
    <row r="962" spans="1:92" outlineLevel="1">
      <c r="A962" s="52" t="s">
        <v>672</v>
      </c>
      <c r="B962" s="53"/>
      <c r="C962" s="53"/>
      <c r="D962" s="53"/>
      <c r="E962" s="53"/>
      <c r="F962" s="53"/>
      <c r="G962" s="53"/>
      <c r="H962" s="53"/>
      <c r="I962" s="53"/>
      <c r="J962" s="53"/>
      <c r="K962" s="53"/>
      <c r="L962" s="53"/>
      <c r="M962" s="53"/>
      <c r="N962" s="53"/>
      <c r="O962" s="53"/>
      <c r="P962" s="53"/>
      <c r="Q962" s="53"/>
      <c r="R962" s="53"/>
      <c r="S962" s="53"/>
      <c r="T962" s="53"/>
      <c r="U962" s="53"/>
      <c r="V962" s="53"/>
      <c r="W962" s="53"/>
      <c r="X962" s="53"/>
      <c r="Y962" s="53"/>
      <c r="Z962" s="53"/>
      <c r="AA962" s="53"/>
      <c r="AB962" s="53"/>
      <c r="AC962" s="53"/>
      <c r="AD962" s="53"/>
      <c r="AE962" s="53"/>
      <c r="AF962" s="53"/>
      <c r="AG962" s="53"/>
      <c r="AH962" s="53"/>
      <c r="AI962" s="53"/>
      <c r="AJ962" s="53"/>
      <c r="AK962" s="53"/>
      <c r="AL962" s="53"/>
      <c r="AM962" s="53"/>
      <c r="AN962" s="53"/>
      <c r="AO962" s="53"/>
      <c r="AP962" s="53"/>
      <c r="AQ962" s="53"/>
      <c r="AR962" s="53"/>
      <c r="AS962" s="53"/>
      <c r="AT962" s="53"/>
      <c r="AU962" s="53"/>
      <c r="AV962" s="53"/>
      <c r="AW962" s="53"/>
      <c r="AX962" s="53"/>
      <c r="AY962" s="53"/>
      <c r="AZ962" s="53"/>
      <c r="BA962" s="53"/>
      <c r="BB962" s="53"/>
      <c r="BC962" s="53"/>
      <c r="BD962" s="53"/>
      <c r="BE962" s="53"/>
      <c r="BF962" s="53"/>
      <c r="BG962" s="53"/>
      <c r="BH962" s="53"/>
      <c r="BI962" s="53"/>
      <c r="BJ962" s="53"/>
      <c r="BK962" s="53"/>
      <c r="BL962" s="53"/>
      <c r="BM962" s="53"/>
      <c r="BN962" s="53"/>
      <c r="BO962" s="53"/>
      <c r="BP962" s="53"/>
      <c r="BQ962" s="53"/>
      <c r="BR962" s="53"/>
      <c r="BS962" s="53"/>
      <c r="BT962" s="53"/>
      <c r="BU962" s="53"/>
      <c r="BV962" s="53"/>
      <c r="BW962" s="53"/>
      <c r="BX962" s="53"/>
      <c r="BY962" s="53"/>
      <c r="BZ962" s="53"/>
      <c r="CA962" s="53"/>
      <c r="CB962" s="53"/>
      <c r="CC962" s="53"/>
      <c r="CD962" s="53"/>
      <c r="CE962" s="53"/>
      <c r="CF962" s="53"/>
      <c r="CG962" s="53"/>
      <c r="CH962" s="53"/>
      <c r="CI962" s="53"/>
      <c r="CJ962" s="53"/>
      <c r="CK962" s="53"/>
      <c r="CL962" s="53"/>
      <c r="CM962" s="53"/>
      <c r="CN962" s="53"/>
    </row>
    <row r="963" spans="1:92" outlineLevel="1">
      <c r="A963" s="52" t="s">
        <v>758</v>
      </c>
      <c r="B963" s="53"/>
      <c r="C963" s="53"/>
      <c r="D963" s="53"/>
      <c r="E963" s="53"/>
      <c r="F963" s="53"/>
      <c r="G963" s="53"/>
      <c r="H963" s="53"/>
      <c r="I963" s="53"/>
      <c r="J963" s="53"/>
      <c r="K963" s="53"/>
      <c r="L963" s="53"/>
      <c r="M963" s="53"/>
      <c r="N963" s="53"/>
      <c r="O963" s="53"/>
      <c r="P963" s="53"/>
      <c r="Q963" s="53"/>
      <c r="R963" s="53"/>
      <c r="S963" s="53"/>
      <c r="T963" s="53"/>
      <c r="U963" s="53"/>
      <c r="V963" s="53"/>
      <c r="W963" s="53"/>
      <c r="X963" s="53"/>
      <c r="Y963" s="53"/>
      <c r="Z963" s="53"/>
      <c r="AA963" s="53"/>
      <c r="AB963" s="53"/>
      <c r="AC963" s="53"/>
      <c r="AD963" s="53"/>
      <c r="AE963" s="53"/>
      <c r="AF963" s="53"/>
      <c r="AG963" s="53"/>
      <c r="AH963" s="53"/>
      <c r="AI963" s="53"/>
      <c r="AJ963" s="53"/>
      <c r="AK963" s="53"/>
      <c r="AL963" s="53"/>
      <c r="AM963" s="53"/>
      <c r="AN963" s="53"/>
      <c r="AO963" s="53"/>
      <c r="AP963" s="53"/>
      <c r="AQ963" s="53"/>
      <c r="AR963" s="53"/>
      <c r="AS963" s="53"/>
      <c r="AT963" s="53"/>
      <c r="AU963" s="53"/>
      <c r="AV963" s="53"/>
      <c r="AW963" s="53"/>
      <c r="AX963" s="53"/>
      <c r="AY963" s="53"/>
      <c r="AZ963" s="53"/>
      <c r="BA963" s="53"/>
      <c r="BB963" s="53"/>
      <c r="BC963" s="53"/>
      <c r="BD963" s="53"/>
      <c r="BE963" s="53"/>
      <c r="BF963" s="53"/>
      <c r="BG963" s="53"/>
      <c r="BH963" s="53"/>
      <c r="BI963" s="53"/>
      <c r="BJ963" s="53"/>
      <c r="BK963" s="53"/>
      <c r="BL963" s="53"/>
      <c r="BM963" s="53"/>
      <c r="BN963" s="53"/>
      <c r="BO963" s="53"/>
      <c r="BP963" s="53"/>
      <c r="BQ963" s="53"/>
      <c r="BR963" s="53"/>
      <c r="BS963" s="53"/>
      <c r="BT963" s="53"/>
      <c r="BU963" s="53"/>
      <c r="BV963" s="53"/>
      <c r="BW963" s="53"/>
      <c r="BX963" s="53"/>
      <c r="BY963" s="53"/>
      <c r="BZ963" s="53"/>
      <c r="CA963" s="53"/>
      <c r="CB963" s="53"/>
      <c r="CC963" s="53"/>
      <c r="CD963" s="53"/>
      <c r="CE963" s="53"/>
      <c r="CF963" s="53"/>
      <c r="CG963" s="53"/>
      <c r="CH963" s="53"/>
      <c r="CI963" s="53"/>
      <c r="CJ963" s="53"/>
      <c r="CK963" s="53"/>
      <c r="CL963" s="53"/>
      <c r="CM963" s="53"/>
      <c r="CN963" s="53"/>
    </row>
    <row r="964" spans="1:92" outlineLevel="1">
      <c r="A964" s="52" t="s">
        <v>759</v>
      </c>
      <c r="B964" s="53"/>
      <c r="C964" s="53"/>
      <c r="D964" s="53"/>
      <c r="E964" s="53"/>
      <c r="F964" s="53"/>
      <c r="G964" s="53"/>
      <c r="H964" s="53"/>
      <c r="I964" s="53"/>
      <c r="J964" s="53"/>
      <c r="K964" s="53"/>
      <c r="L964" s="53"/>
      <c r="M964" s="53"/>
      <c r="N964" s="53"/>
      <c r="O964" s="53"/>
      <c r="P964" s="53"/>
      <c r="Q964" s="53"/>
      <c r="R964" s="53"/>
      <c r="S964" s="53"/>
      <c r="T964" s="53"/>
      <c r="U964" s="53"/>
      <c r="V964" s="53"/>
      <c r="W964" s="53"/>
      <c r="X964" s="53"/>
      <c r="Y964" s="53"/>
      <c r="Z964" s="53"/>
      <c r="AA964" s="53"/>
      <c r="AB964" s="53"/>
      <c r="AC964" s="53"/>
      <c r="AD964" s="53"/>
      <c r="AE964" s="53"/>
      <c r="AF964" s="53"/>
      <c r="AG964" s="53"/>
      <c r="AH964" s="53"/>
      <c r="AI964" s="53"/>
      <c r="AJ964" s="53"/>
      <c r="AK964" s="53"/>
      <c r="AL964" s="53"/>
      <c r="AM964" s="53"/>
      <c r="AN964" s="53"/>
      <c r="AO964" s="53"/>
      <c r="AP964" s="53"/>
      <c r="AQ964" s="53"/>
      <c r="AR964" s="53"/>
      <c r="AS964" s="53"/>
      <c r="AT964" s="53"/>
      <c r="AU964" s="53"/>
      <c r="AV964" s="53"/>
      <c r="AW964" s="53"/>
      <c r="AX964" s="53"/>
      <c r="AY964" s="53"/>
      <c r="AZ964" s="53"/>
      <c r="BA964" s="53"/>
      <c r="BB964" s="53"/>
      <c r="BC964" s="53"/>
      <c r="BD964" s="53"/>
      <c r="BE964" s="53"/>
      <c r="BF964" s="53"/>
      <c r="BG964" s="53"/>
      <c r="BH964" s="53"/>
      <c r="BI964" s="53"/>
      <c r="BJ964" s="53"/>
      <c r="BK964" s="53"/>
      <c r="BL964" s="53"/>
      <c r="BM964" s="53"/>
      <c r="BN964" s="53"/>
      <c r="BO964" s="53"/>
      <c r="BP964" s="53"/>
      <c r="BQ964" s="53"/>
      <c r="BR964" s="53"/>
      <c r="BS964" s="53"/>
      <c r="BT964" s="53"/>
      <c r="BU964" s="53"/>
      <c r="BV964" s="53"/>
      <c r="BW964" s="53"/>
      <c r="BX964" s="53"/>
      <c r="BY964" s="53"/>
      <c r="BZ964" s="53"/>
      <c r="CA964" s="53"/>
      <c r="CB964" s="53"/>
      <c r="CC964" s="53"/>
      <c r="CD964" s="53"/>
      <c r="CE964" s="53"/>
      <c r="CF964" s="53"/>
      <c r="CG964" s="53"/>
      <c r="CH964" s="53"/>
      <c r="CI964" s="53"/>
      <c r="CJ964" s="53"/>
      <c r="CK964" s="53"/>
      <c r="CL964" s="53"/>
      <c r="CM964" s="53"/>
      <c r="CN964" s="53"/>
    </row>
    <row r="965" spans="1:92" outlineLevel="1">
      <c r="A965" s="52" t="s">
        <v>649</v>
      </c>
      <c r="B965" s="53">
        <v>-547443.16240302799</v>
      </c>
      <c r="C965" s="53">
        <v>-547521.15582030395</v>
      </c>
      <c r="D965" s="53">
        <v>-547600.06559509097</v>
      </c>
      <c r="E965" s="53">
        <v>-547679.90797247598</v>
      </c>
      <c r="F965" s="53">
        <v>-547760.69958381797</v>
      </c>
      <c r="G965" s="53">
        <v>-547842.45745829202</v>
      </c>
      <c r="H965" s="53">
        <v>-547925.19903486304</v>
      </c>
      <c r="I965" s="53">
        <v>-548008.94217468204</v>
      </c>
      <c r="J965" s="53">
        <v>-548093.70517394098</v>
      </c>
      <c r="K965" s="53">
        <v>-548179.50677719899</v>
      </c>
      <c r="L965" s="53">
        <v>-548266.36619120499</v>
      </c>
      <c r="M965" s="53">
        <v>-548354.30309922795</v>
      </c>
      <c r="N965" s="53">
        <v>-6574675.4712841203</v>
      </c>
      <c r="O965" s="53">
        <v>-548443.33767592395</v>
      </c>
      <c r="P965" s="53">
        <v>-548533.49060277699</v>
      </c>
      <c r="Q965" s="53">
        <v>-548624.78308410302</v>
      </c>
      <c r="R965" s="53">
        <v>-548717.23686368705</v>
      </c>
      <c r="S965" s="53">
        <v>-548810.87424204196</v>
      </c>
      <c r="T965" s="53">
        <v>-548905.718094346</v>
      </c>
      <c r="U965" s="53">
        <v>-549001.79188906995</v>
      </c>
      <c r="V965" s="53">
        <v>-549099.11970733898</v>
      </c>
      <c r="W965" s="53">
        <v>-549197.72626305802</v>
      </c>
      <c r="X965" s="53">
        <v>-549297.63692382805</v>
      </c>
      <c r="Y965" s="53">
        <v>-549398.87773270998</v>
      </c>
      <c r="Z965" s="53">
        <v>-479667</v>
      </c>
      <c r="AA965" s="53">
        <v>-6517697.5930788796</v>
      </c>
      <c r="AB965" s="53"/>
      <c r="AC965" s="53"/>
      <c r="AD965" s="53"/>
      <c r="AE965" s="53"/>
      <c r="AF965" s="53"/>
      <c r="AG965" s="53"/>
      <c r="AH965" s="53"/>
      <c r="AI965" s="53"/>
      <c r="AJ965" s="53"/>
      <c r="AK965" s="53"/>
      <c r="AL965" s="53"/>
      <c r="AM965" s="53"/>
      <c r="AN965" s="53"/>
      <c r="AO965" s="53"/>
      <c r="AP965" s="53"/>
      <c r="AQ965" s="53"/>
      <c r="AR965" s="53"/>
      <c r="AS965" s="53"/>
      <c r="AT965" s="53"/>
      <c r="AU965" s="53"/>
      <c r="AV965" s="53"/>
      <c r="AW965" s="53"/>
      <c r="AX965" s="53"/>
      <c r="AY965" s="53"/>
      <c r="AZ965" s="53"/>
      <c r="BA965" s="53"/>
      <c r="BB965" s="53"/>
      <c r="BC965" s="53"/>
      <c r="BD965" s="53"/>
      <c r="BE965" s="53"/>
      <c r="BF965" s="53"/>
      <c r="BG965" s="53"/>
      <c r="BH965" s="53"/>
      <c r="BI965" s="53"/>
      <c r="BJ965" s="53"/>
      <c r="BK965" s="53"/>
      <c r="BL965" s="53"/>
      <c r="BM965" s="53"/>
      <c r="BN965" s="53"/>
      <c r="BO965" s="53"/>
      <c r="BP965" s="53"/>
      <c r="BQ965" s="53"/>
      <c r="BR965" s="53"/>
      <c r="BS965" s="53"/>
      <c r="BT965" s="53"/>
      <c r="BU965" s="53"/>
      <c r="BV965" s="53"/>
      <c r="BW965" s="53"/>
      <c r="BX965" s="53"/>
      <c r="BY965" s="53"/>
      <c r="BZ965" s="53"/>
      <c r="CA965" s="53"/>
      <c r="CB965" s="53"/>
      <c r="CC965" s="53"/>
      <c r="CD965" s="53"/>
      <c r="CE965" s="53"/>
      <c r="CF965" s="53"/>
      <c r="CG965" s="53"/>
      <c r="CH965" s="53"/>
      <c r="CI965" s="53"/>
      <c r="CJ965" s="53"/>
      <c r="CK965" s="53"/>
      <c r="CL965" s="53"/>
      <c r="CM965" s="53"/>
      <c r="CN965" s="53"/>
    </row>
    <row r="966" spans="1:92" outlineLevel="1">
      <c r="A966" s="52" t="s">
        <v>1403</v>
      </c>
      <c r="B966" s="53"/>
      <c r="C966" s="53"/>
      <c r="D966" s="53"/>
      <c r="E966" s="53"/>
      <c r="F966" s="53"/>
      <c r="G966" s="53"/>
      <c r="H966" s="53"/>
      <c r="I966" s="53"/>
      <c r="J966" s="53"/>
      <c r="K966" s="53"/>
      <c r="L966" s="53"/>
      <c r="M966" s="53"/>
      <c r="N966" s="53"/>
      <c r="O966" s="53"/>
      <c r="P966" s="53"/>
      <c r="Q966" s="53"/>
      <c r="R966" s="53"/>
      <c r="S966" s="53"/>
      <c r="T966" s="53"/>
      <c r="U966" s="53"/>
      <c r="V966" s="53"/>
      <c r="W966" s="53"/>
      <c r="X966" s="53"/>
      <c r="Y966" s="53"/>
      <c r="Z966" s="53"/>
      <c r="AA966" s="53"/>
      <c r="AB966" s="53"/>
      <c r="AC966" s="53"/>
      <c r="AD966" s="53"/>
      <c r="AE966" s="53"/>
      <c r="AF966" s="53"/>
      <c r="AG966" s="53"/>
      <c r="AH966" s="53"/>
      <c r="AI966" s="53"/>
      <c r="AJ966" s="53"/>
      <c r="AK966" s="53"/>
      <c r="AL966" s="53"/>
      <c r="AM966" s="53"/>
      <c r="AN966" s="53"/>
      <c r="AO966" s="53"/>
      <c r="AP966" s="53"/>
      <c r="AQ966" s="53"/>
      <c r="AR966" s="53"/>
      <c r="AS966" s="53"/>
      <c r="AT966" s="53"/>
      <c r="AU966" s="53"/>
      <c r="AV966" s="53"/>
      <c r="AW966" s="53"/>
      <c r="AX966" s="53"/>
      <c r="AY966" s="53"/>
      <c r="AZ966" s="53"/>
      <c r="BA966" s="53"/>
      <c r="BB966" s="53"/>
      <c r="BC966" s="53"/>
      <c r="BD966" s="53"/>
      <c r="BE966" s="53"/>
      <c r="BF966" s="53"/>
      <c r="BG966" s="53"/>
      <c r="BH966" s="53"/>
      <c r="BI966" s="53"/>
      <c r="BJ966" s="53"/>
      <c r="BK966" s="53"/>
      <c r="BL966" s="53"/>
      <c r="BM966" s="53"/>
      <c r="BN966" s="53"/>
      <c r="BO966" s="53"/>
      <c r="BP966" s="53"/>
      <c r="BQ966" s="53"/>
      <c r="BR966" s="53"/>
      <c r="BS966" s="53"/>
      <c r="BT966" s="53"/>
      <c r="BU966" s="53"/>
      <c r="BV966" s="53"/>
      <c r="BW966" s="53"/>
      <c r="BX966" s="53"/>
      <c r="BY966" s="53"/>
      <c r="BZ966" s="53"/>
      <c r="CA966" s="53"/>
      <c r="CB966" s="53"/>
      <c r="CC966" s="53"/>
      <c r="CD966" s="53"/>
      <c r="CE966" s="53"/>
      <c r="CF966" s="53"/>
      <c r="CG966" s="53"/>
      <c r="CH966" s="53"/>
      <c r="CI966" s="53"/>
      <c r="CJ966" s="53"/>
      <c r="CK966" s="53"/>
      <c r="CL966" s="53"/>
      <c r="CM966" s="53"/>
      <c r="CN966" s="53"/>
    </row>
    <row r="967" spans="1:92" outlineLevel="1">
      <c r="A967" s="52" t="s">
        <v>649</v>
      </c>
      <c r="B967" s="53">
        <v>463732.38999999902</v>
      </c>
      <c r="C967" s="53">
        <v>463732.38999999902</v>
      </c>
      <c r="D967" s="53">
        <v>463732.38999999902</v>
      </c>
      <c r="E967" s="53">
        <v>463732.38999999902</v>
      </c>
      <c r="F967" s="53">
        <v>463732.38999999902</v>
      </c>
      <c r="G967" s="53">
        <v>463732.38999999902</v>
      </c>
      <c r="H967" s="53">
        <v>463732.38999999902</v>
      </c>
      <c r="I967" s="53">
        <v>463732.38999999902</v>
      </c>
      <c r="J967" s="53">
        <v>463732.38999999902</v>
      </c>
      <c r="K967" s="53">
        <v>463732.38999999902</v>
      </c>
      <c r="L967" s="53">
        <v>463732.38999999902</v>
      </c>
      <c r="M967" s="53">
        <v>463732.38999999902</v>
      </c>
      <c r="N967" s="53">
        <v>5564788.6799999997</v>
      </c>
      <c r="O967" s="53">
        <v>770478.27166666603</v>
      </c>
      <c r="P967" s="53">
        <v>770478.27166666603</v>
      </c>
      <c r="Q967" s="53">
        <v>770478.27166666603</v>
      </c>
      <c r="R967" s="53">
        <v>770478.27166666603</v>
      </c>
      <c r="S967" s="53">
        <v>770478.27166666603</v>
      </c>
      <c r="T967" s="53">
        <v>770478.27166666603</v>
      </c>
      <c r="U967" s="53">
        <v>770478.27166666603</v>
      </c>
      <c r="V967" s="53">
        <v>770478.27166666603</v>
      </c>
      <c r="W967" s="53">
        <v>770478.27166666603</v>
      </c>
      <c r="X967" s="53">
        <v>770478.27166666603</v>
      </c>
      <c r="Y967" s="53">
        <v>770478.27166666603</v>
      </c>
      <c r="Z967" s="53">
        <v>770478.27166666603</v>
      </c>
      <c r="AA967" s="53">
        <v>9245739.2599999998</v>
      </c>
      <c r="AB967" s="53">
        <v>6.8306841664404301E-9</v>
      </c>
      <c r="AC967" s="53">
        <v>6.8306841664404301E-9</v>
      </c>
      <c r="AD967" s="53">
        <v>6.8306841664404301E-9</v>
      </c>
      <c r="AE967" s="53">
        <v>6.8306841664404301E-9</v>
      </c>
      <c r="AF967" s="53">
        <v>6.8306841664404301E-9</v>
      </c>
      <c r="AG967" s="53">
        <v>6.8306841664404301E-9</v>
      </c>
      <c r="AH967" s="53">
        <v>6.8306841664404301E-9</v>
      </c>
      <c r="AI967" s="53">
        <v>6.8306841664404301E-9</v>
      </c>
      <c r="AJ967" s="53">
        <v>6.8306841664404301E-9</v>
      </c>
      <c r="AK967" s="53">
        <v>6.8306841664404301E-9</v>
      </c>
      <c r="AL967" s="53">
        <v>6.8306841664404301E-9</v>
      </c>
      <c r="AM967" s="53">
        <v>6.8306841664404301E-9</v>
      </c>
      <c r="AN967" s="53">
        <v>8.1968209997285105E-8</v>
      </c>
      <c r="AO967" s="53">
        <v>4.9635357552486098E-9</v>
      </c>
      <c r="AP967" s="53">
        <v>4.9635357552486098E-9</v>
      </c>
      <c r="AQ967" s="53">
        <v>4.9635357552486098E-9</v>
      </c>
      <c r="AR967" s="53">
        <v>4.9635357552486098E-9</v>
      </c>
      <c r="AS967" s="53">
        <v>4.9635357552486098E-9</v>
      </c>
      <c r="AT967" s="53">
        <v>4.9635357552486098E-9</v>
      </c>
      <c r="AU967" s="53">
        <v>4.9635357552486098E-9</v>
      </c>
      <c r="AV967" s="53">
        <v>4.9635357552486098E-9</v>
      </c>
      <c r="AW967" s="53">
        <v>4.9635357552486098E-9</v>
      </c>
      <c r="AX967" s="53">
        <v>4.9635357552486098E-9</v>
      </c>
      <c r="AY967" s="53">
        <v>4.9635357552486098E-9</v>
      </c>
      <c r="AZ967" s="53">
        <v>4.9635357552486098E-9</v>
      </c>
      <c r="BA967" s="53">
        <v>5.9562429062983301E-8</v>
      </c>
      <c r="BB967" s="53">
        <v>-6.4100165504728298E-10</v>
      </c>
      <c r="BC967" s="53">
        <v>-6.4100165504728298E-10</v>
      </c>
      <c r="BD967" s="53">
        <v>-6.4100165504728298E-10</v>
      </c>
      <c r="BE967" s="53">
        <v>-6.4100165504728298E-10</v>
      </c>
      <c r="BF967" s="53">
        <v>-6.4100165504728298E-10</v>
      </c>
      <c r="BG967" s="53">
        <v>-6.4100165504728298E-10</v>
      </c>
      <c r="BH967" s="53">
        <v>-6.4100165504728298E-10</v>
      </c>
      <c r="BI967" s="53">
        <v>-6.4100165504728298E-10</v>
      </c>
      <c r="BJ967" s="53">
        <v>-6.4100165504728298E-10</v>
      </c>
      <c r="BK967" s="53">
        <v>-6.4100165504728298E-10</v>
      </c>
      <c r="BL967" s="53">
        <v>-6.4100165504728298E-10</v>
      </c>
      <c r="BM967" s="53">
        <v>-6.4100165504728298E-10</v>
      </c>
      <c r="BN967" s="53">
        <v>-7.6920198605673903E-9</v>
      </c>
      <c r="BO967" s="53">
        <v>1.05523271876347E-10</v>
      </c>
      <c r="BP967" s="53">
        <v>1.05523271876347E-10</v>
      </c>
      <c r="BQ967" s="53">
        <v>1.05523271876347E-10</v>
      </c>
      <c r="BR967" s="53">
        <v>1.05523271876347E-10</v>
      </c>
      <c r="BS967" s="53">
        <v>1.05523271876347E-10</v>
      </c>
      <c r="BT967" s="53">
        <v>1.05523271876347E-10</v>
      </c>
      <c r="BU967" s="53">
        <v>1.05523271876347E-10</v>
      </c>
      <c r="BV967" s="53">
        <v>1.05523271876347E-10</v>
      </c>
      <c r="BW967" s="53">
        <v>1.05523271876347E-10</v>
      </c>
      <c r="BX967" s="53">
        <v>1.05523271876347E-10</v>
      </c>
      <c r="BY967" s="53">
        <v>1.05523271876347E-10</v>
      </c>
      <c r="BZ967" s="53">
        <v>1.05523271876347E-10</v>
      </c>
      <c r="CA967" s="53">
        <v>1.26627926251617E-9</v>
      </c>
      <c r="CB967" s="53"/>
      <c r="CC967" s="53"/>
      <c r="CD967" s="53"/>
      <c r="CE967" s="53"/>
      <c r="CF967" s="53"/>
      <c r="CG967" s="53"/>
      <c r="CH967" s="53"/>
      <c r="CI967" s="53"/>
      <c r="CJ967" s="53"/>
      <c r="CK967" s="53"/>
      <c r="CL967" s="53"/>
      <c r="CM967" s="53"/>
      <c r="CN967" s="53"/>
    </row>
    <row r="968" spans="1:92" outlineLevel="1">
      <c r="A968" s="52" t="s">
        <v>675</v>
      </c>
      <c r="B968" s="53"/>
      <c r="C968" s="53"/>
      <c r="D968" s="53"/>
      <c r="E968" s="53"/>
      <c r="F968" s="53"/>
      <c r="G968" s="53"/>
      <c r="H968" s="53"/>
      <c r="I968" s="53"/>
      <c r="J968" s="53"/>
      <c r="K968" s="53"/>
      <c r="L968" s="53"/>
      <c r="M968" s="53"/>
      <c r="N968" s="53"/>
      <c r="O968" s="53"/>
      <c r="P968" s="53"/>
      <c r="Q968" s="53"/>
      <c r="R968" s="53"/>
      <c r="S968" s="53"/>
      <c r="T968" s="53"/>
      <c r="U968" s="53"/>
      <c r="V968" s="53"/>
      <c r="W968" s="53"/>
      <c r="X968" s="53"/>
      <c r="Y968" s="53"/>
      <c r="Z968" s="53"/>
      <c r="AA968" s="53"/>
      <c r="AB968" s="53"/>
      <c r="AC968" s="53"/>
      <c r="AD968" s="53"/>
      <c r="AE968" s="53"/>
      <c r="AF968" s="53"/>
      <c r="AG968" s="53"/>
      <c r="AH968" s="53"/>
      <c r="AI968" s="53"/>
      <c r="AJ968" s="53"/>
      <c r="AK968" s="53"/>
      <c r="AL968" s="53"/>
      <c r="AM968" s="53"/>
      <c r="AN968" s="53"/>
      <c r="AO968" s="53"/>
      <c r="AP968" s="53"/>
      <c r="AQ968" s="53"/>
      <c r="AR968" s="53"/>
      <c r="AS968" s="53"/>
      <c r="AT968" s="53"/>
      <c r="AU968" s="53"/>
      <c r="AV968" s="53"/>
      <c r="AW968" s="53"/>
      <c r="AX968" s="53"/>
      <c r="AY968" s="53"/>
      <c r="AZ968" s="53"/>
      <c r="BA968" s="53"/>
      <c r="BB968" s="53"/>
      <c r="BC968" s="53"/>
      <c r="BD968" s="53"/>
      <c r="BE968" s="53"/>
      <c r="BF968" s="53"/>
      <c r="BG968" s="53"/>
      <c r="BH968" s="53"/>
      <c r="BI968" s="53"/>
      <c r="BJ968" s="53"/>
      <c r="BK968" s="53"/>
      <c r="BL968" s="53"/>
      <c r="BM968" s="53"/>
      <c r="BN968" s="53"/>
      <c r="BO968" s="53"/>
      <c r="BP968" s="53"/>
      <c r="BQ968" s="53"/>
      <c r="BR968" s="53"/>
      <c r="BS968" s="53"/>
      <c r="BT968" s="53"/>
      <c r="BU968" s="53"/>
      <c r="BV968" s="53"/>
      <c r="BW968" s="53"/>
      <c r="BX968" s="53"/>
      <c r="BY968" s="53"/>
      <c r="BZ968" s="53"/>
      <c r="CA968" s="53"/>
      <c r="CB968" s="53"/>
      <c r="CC968" s="53"/>
      <c r="CD968" s="53"/>
      <c r="CE968" s="53"/>
      <c r="CF968" s="53"/>
      <c r="CG968" s="53"/>
      <c r="CH968" s="53"/>
      <c r="CI968" s="53"/>
      <c r="CJ968" s="53"/>
      <c r="CK968" s="53"/>
      <c r="CL968" s="53"/>
      <c r="CM968" s="53"/>
      <c r="CN968" s="53"/>
    </row>
    <row r="969" spans="1:92" outlineLevel="1">
      <c r="A969" s="52" t="s">
        <v>788</v>
      </c>
      <c r="B969" s="53"/>
      <c r="C969" s="53"/>
      <c r="D969" s="53"/>
      <c r="E969" s="53"/>
      <c r="F969" s="53"/>
      <c r="G969" s="53"/>
      <c r="H969" s="53"/>
      <c r="I969" s="53"/>
      <c r="J969" s="53"/>
      <c r="K969" s="53"/>
      <c r="L969" s="53"/>
      <c r="M969" s="53"/>
      <c r="N969" s="53"/>
      <c r="O969" s="53"/>
      <c r="P969" s="53"/>
      <c r="Q969" s="53"/>
      <c r="R969" s="53"/>
      <c r="S969" s="53"/>
      <c r="T969" s="53"/>
      <c r="U969" s="53"/>
      <c r="V969" s="53"/>
      <c r="W969" s="53"/>
      <c r="X969" s="53"/>
      <c r="Y969" s="53"/>
      <c r="Z969" s="53"/>
      <c r="AA969" s="53"/>
      <c r="AB969" s="53"/>
      <c r="AC969" s="53"/>
      <c r="AD969" s="53"/>
      <c r="AE969" s="53"/>
      <c r="AF969" s="53"/>
      <c r="AG969" s="53"/>
      <c r="AH969" s="53"/>
      <c r="AI969" s="53"/>
      <c r="AJ969" s="53"/>
      <c r="AK969" s="53"/>
      <c r="AL969" s="53"/>
      <c r="AM969" s="53"/>
      <c r="AN969" s="53"/>
      <c r="AO969" s="53"/>
      <c r="AP969" s="53"/>
      <c r="AQ969" s="53"/>
      <c r="AR969" s="53"/>
      <c r="AS969" s="53"/>
      <c r="AT969" s="53"/>
      <c r="AU969" s="53"/>
      <c r="AV969" s="53"/>
      <c r="AW969" s="53"/>
      <c r="AX969" s="53"/>
      <c r="AY969" s="53"/>
      <c r="AZ969" s="53"/>
      <c r="BA969" s="53"/>
      <c r="BB969" s="53"/>
      <c r="BC969" s="53"/>
      <c r="BD969" s="53"/>
      <c r="BE969" s="53"/>
      <c r="BF969" s="53"/>
      <c r="BG969" s="53"/>
      <c r="BH969" s="53"/>
      <c r="BI969" s="53"/>
      <c r="BJ969" s="53"/>
      <c r="BK969" s="53"/>
      <c r="BL969" s="53"/>
      <c r="BM969" s="53"/>
      <c r="BN969" s="53"/>
      <c r="BO969" s="53"/>
      <c r="BP969" s="53"/>
      <c r="BQ969" s="53"/>
      <c r="BR969" s="53"/>
      <c r="BS969" s="53"/>
      <c r="BT969" s="53"/>
      <c r="BU969" s="53"/>
      <c r="BV969" s="53"/>
      <c r="BW969" s="53"/>
      <c r="BX969" s="53"/>
      <c r="BY969" s="53"/>
      <c r="BZ969" s="53"/>
      <c r="CA969" s="53"/>
      <c r="CB969" s="53"/>
      <c r="CC969" s="53"/>
      <c r="CD969" s="53"/>
      <c r="CE969" s="53"/>
      <c r="CF969" s="53"/>
      <c r="CG969" s="53"/>
      <c r="CH969" s="53"/>
      <c r="CI969" s="53"/>
      <c r="CJ969" s="53"/>
      <c r="CK969" s="53"/>
      <c r="CL969" s="53"/>
      <c r="CM969" s="53"/>
      <c r="CN969" s="53"/>
    </row>
    <row r="970" spans="1:92" outlineLevel="1">
      <c r="A970" s="52" t="s">
        <v>649</v>
      </c>
      <c r="B970" s="53">
        <v>-221439.91666666599</v>
      </c>
      <c r="C970" s="53">
        <v>-221439.91666666599</v>
      </c>
      <c r="D970" s="53">
        <v>-221439.91666666599</v>
      </c>
      <c r="E970" s="53">
        <v>-221439.91666666599</v>
      </c>
      <c r="F970" s="53">
        <v>-221439.91666666599</v>
      </c>
      <c r="G970" s="53">
        <v>-221439.91666666599</v>
      </c>
      <c r="H970" s="53">
        <v>-221439.91666666599</v>
      </c>
      <c r="I970" s="53">
        <v>-221439.91666666599</v>
      </c>
      <c r="J970" s="53">
        <v>-221439.91666666599</v>
      </c>
      <c r="K970" s="53">
        <v>-221439.91666666599</v>
      </c>
      <c r="L970" s="53">
        <v>-221439.91666666599</v>
      </c>
      <c r="M970" s="53">
        <v>-221439.91666666599</v>
      </c>
      <c r="N970" s="53">
        <v>-2657279</v>
      </c>
      <c r="O970" s="53"/>
      <c r="P970" s="53"/>
      <c r="Q970" s="53"/>
      <c r="R970" s="53"/>
      <c r="S970" s="53"/>
      <c r="T970" s="53"/>
      <c r="U970" s="53"/>
      <c r="V970" s="53"/>
      <c r="W970" s="53"/>
      <c r="X970" s="53"/>
      <c r="Y970" s="53"/>
      <c r="Z970" s="53"/>
      <c r="AA970" s="53"/>
      <c r="AB970" s="53"/>
      <c r="AC970" s="53"/>
      <c r="AD970" s="53"/>
      <c r="AE970" s="53"/>
      <c r="AF970" s="53"/>
      <c r="AG970" s="53"/>
      <c r="AH970" s="53"/>
      <c r="AI970" s="53"/>
      <c r="AJ970" s="53"/>
      <c r="AK970" s="53"/>
      <c r="AL970" s="53"/>
      <c r="AM970" s="53"/>
      <c r="AN970" s="53"/>
      <c r="AO970" s="53"/>
      <c r="AP970" s="53"/>
      <c r="AQ970" s="53"/>
      <c r="AR970" s="53"/>
      <c r="AS970" s="53"/>
      <c r="AT970" s="53"/>
      <c r="AU970" s="53"/>
      <c r="AV970" s="53"/>
      <c r="AW970" s="53"/>
      <c r="AX970" s="53"/>
      <c r="AY970" s="53"/>
      <c r="AZ970" s="53"/>
      <c r="BA970" s="53"/>
      <c r="BB970" s="53"/>
      <c r="BC970" s="53"/>
      <c r="BD970" s="53"/>
      <c r="BE970" s="53"/>
      <c r="BF970" s="53"/>
      <c r="BG970" s="53"/>
      <c r="BH970" s="53"/>
      <c r="BI970" s="53"/>
      <c r="BJ970" s="53"/>
      <c r="BK970" s="53"/>
      <c r="BL970" s="53"/>
      <c r="BM970" s="53"/>
      <c r="BN970" s="53"/>
      <c r="BO970" s="53"/>
      <c r="BP970" s="53"/>
      <c r="BQ970" s="53"/>
      <c r="BR970" s="53"/>
      <c r="BS970" s="53"/>
      <c r="BT970" s="53"/>
      <c r="BU970" s="53"/>
      <c r="BV970" s="53"/>
      <c r="BW970" s="53"/>
      <c r="BX970" s="53"/>
      <c r="BY970" s="53"/>
      <c r="BZ970" s="53"/>
      <c r="CA970" s="53"/>
      <c r="CB970" s="53"/>
      <c r="CC970" s="53"/>
      <c r="CD970" s="53"/>
      <c r="CE970" s="53"/>
      <c r="CF970" s="53"/>
      <c r="CG970" s="53"/>
      <c r="CH970" s="53"/>
      <c r="CI970" s="53"/>
      <c r="CJ970" s="53"/>
      <c r="CK970" s="53"/>
      <c r="CL970" s="53"/>
      <c r="CM970" s="53"/>
      <c r="CN970" s="53"/>
    </row>
    <row r="971" spans="1:92" outlineLevel="1">
      <c r="A971" s="52" t="s">
        <v>709</v>
      </c>
      <c r="B971" s="53"/>
      <c r="C971" s="53"/>
      <c r="D971" s="53"/>
      <c r="E971" s="53"/>
      <c r="F971" s="53"/>
      <c r="G971" s="53"/>
      <c r="H971" s="53"/>
      <c r="I971" s="53"/>
      <c r="J971" s="53"/>
      <c r="K971" s="53"/>
      <c r="L971" s="53"/>
      <c r="M971" s="53"/>
      <c r="N971" s="53"/>
      <c r="O971" s="53"/>
      <c r="P971" s="53"/>
      <c r="Q971" s="53"/>
      <c r="R971" s="53"/>
      <c r="S971" s="53"/>
      <c r="T971" s="53"/>
      <c r="U971" s="53"/>
      <c r="V971" s="53"/>
      <c r="W971" s="53"/>
      <c r="X971" s="53"/>
      <c r="Y971" s="53"/>
      <c r="Z971" s="53"/>
      <c r="AA971" s="53"/>
      <c r="AB971" s="53"/>
      <c r="AC971" s="53"/>
      <c r="AD971" s="53"/>
      <c r="AE971" s="53"/>
      <c r="AF971" s="53"/>
      <c r="AG971" s="53"/>
      <c r="AH971" s="53"/>
      <c r="AI971" s="53"/>
      <c r="AJ971" s="53"/>
      <c r="AK971" s="53"/>
      <c r="AL971" s="53"/>
      <c r="AM971" s="53"/>
      <c r="AN971" s="53"/>
      <c r="AO971" s="53"/>
      <c r="AP971" s="53"/>
      <c r="AQ971" s="53"/>
      <c r="AR971" s="53"/>
      <c r="AS971" s="53"/>
      <c r="AT971" s="53"/>
      <c r="AU971" s="53"/>
      <c r="AV971" s="53"/>
      <c r="AW971" s="53"/>
      <c r="AX971" s="53"/>
      <c r="AY971" s="53"/>
      <c r="AZ971" s="53"/>
      <c r="BA971" s="53"/>
      <c r="BB971" s="53"/>
      <c r="BC971" s="53"/>
      <c r="BD971" s="53"/>
      <c r="BE971" s="53"/>
      <c r="BF971" s="53"/>
      <c r="BG971" s="53"/>
      <c r="BH971" s="53"/>
      <c r="BI971" s="53"/>
      <c r="BJ971" s="53"/>
      <c r="BK971" s="53"/>
      <c r="BL971" s="53"/>
      <c r="BM971" s="53"/>
      <c r="BN971" s="53"/>
      <c r="BO971" s="53"/>
      <c r="BP971" s="53"/>
      <c r="BQ971" s="53"/>
      <c r="BR971" s="53"/>
      <c r="BS971" s="53"/>
      <c r="BT971" s="53"/>
      <c r="BU971" s="53"/>
      <c r="BV971" s="53"/>
      <c r="BW971" s="53"/>
      <c r="BX971" s="53"/>
      <c r="BY971" s="53"/>
      <c r="BZ971" s="53"/>
      <c r="CA971" s="53"/>
      <c r="CB971" s="53"/>
      <c r="CC971" s="53"/>
      <c r="CD971" s="53"/>
      <c r="CE971" s="53"/>
      <c r="CF971" s="53"/>
      <c r="CG971" s="53"/>
      <c r="CH971" s="53"/>
      <c r="CI971" s="53"/>
      <c r="CJ971" s="53"/>
      <c r="CK971" s="53"/>
      <c r="CL971" s="53"/>
      <c r="CM971" s="53"/>
      <c r="CN971" s="53"/>
    </row>
    <row r="972" spans="1:92" outlineLevel="1">
      <c r="A972" s="52" t="s">
        <v>1301</v>
      </c>
      <c r="B972" s="53"/>
      <c r="C972" s="53"/>
      <c r="D972" s="53"/>
      <c r="E972" s="53"/>
      <c r="F972" s="53"/>
      <c r="G972" s="53"/>
      <c r="H972" s="53"/>
      <c r="I972" s="53"/>
      <c r="J972" s="53"/>
      <c r="K972" s="53"/>
      <c r="L972" s="53"/>
      <c r="M972" s="53"/>
      <c r="N972" s="53"/>
      <c r="O972" s="53"/>
      <c r="P972" s="53"/>
      <c r="Q972" s="53"/>
      <c r="R972" s="53"/>
      <c r="S972" s="53"/>
      <c r="T972" s="53"/>
      <c r="U972" s="53"/>
      <c r="V972" s="53"/>
      <c r="W972" s="53"/>
      <c r="X972" s="53"/>
      <c r="Y972" s="53"/>
      <c r="Z972" s="53"/>
      <c r="AA972" s="53"/>
      <c r="AB972" s="53"/>
      <c r="AC972" s="53"/>
      <c r="AD972" s="53"/>
      <c r="AE972" s="53"/>
      <c r="AF972" s="53"/>
      <c r="AG972" s="53"/>
      <c r="AH972" s="53"/>
      <c r="AI972" s="53"/>
      <c r="AJ972" s="53"/>
      <c r="AK972" s="53"/>
      <c r="AL972" s="53"/>
      <c r="AM972" s="53"/>
      <c r="AN972" s="53"/>
      <c r="AO972" s="53"/>
      <c r="AP972" s="53"/>
      <c r="AQ972" s="53"/>
      <c r="AR972" s="53"/>
      <c r="AS972" s="53"/>
      <c r="AT972" s="53"/>
      <c r="AU972" s="53"/>
      <c r="AV972" s="53"/>
      <c r="AW972" s="53"/>
      <c r="AX972" s="53"/>
      <c r="AY972" s="53"/>
      <c r="AZ972" s="53"/>
      <c r="BA972" s="53"/>
      <c r="BB972" s="53"/>
      <c r="BC972" s="53"/>
      <c r="BD972" s="53"/>
      <c r="BE972" s="53"/>
      <c r="BF972" s="53"/>
      <c r="BG972" s="53"/>
      <c r="BH972" s="53"/>
      <c r="BI972" s="53"/>
      <c r="BJ972" s="53"/>
      <c r="BK972" s="53"/>
      <c r="BL972" s="53"/>
      <c r="BM972" s="53"/>
      <c r="BN972" s="53"/>
      <c r="BO972" s="53"/>
      <c r="BP972" s="53"/>
      <c r="BQ972" s="53"/>
      <c r="BR972" s="53"/>
      <c r="BS972" s="53"/>
      <c r="BT972" s="53"/>
      <c r="BU972" s="53"/>
      <c r="BV972" s="53"/>
      <c r="BW972" s="53"/>
      <c r="BX972" s="53"/>
      <c r="BY972" s="53"/>
      <c r="BZ972" s="53"/>
      <c r="CA972" s="53"/>
      <c r="CB972" s="53"/>
      <c r="CC972" s="53"/>
      <c r="CD972" s="53"/>
      <c r="CE972" s="53"/>
      <c r="CF972" s="53"/>
      <c r="CG972" s="53"/>
      <c r="CH972" s="53"/>
      <c r="CI972" s="53"/>
      <c r="CJ972" s="53"/>
      <c r="CK972" s="53"/>
      <c r="CL972" s="53"/>
      <c r="CM972" s="53"/>
      <c r="CN972" s="53"/>
    </row>
    <row r="973" spans="1:92" outlineLevel="1">
      <c r="A973" s="52" t="s">
        <v>713</v>
      </c>
      <c r="B973" s="53">
        <v>-26552.407932011301</v>
      </c>
      <c r="C973" s="53">
        <v>-26552.407932011301</v>
      </c>
      <c r="D973" s="53">
        <v>-26552.407932011301</v>
      </c>
      <c r="E973" s="53">
        <v>-26552.407932011301</v>
      </c>
      <c r="F973" s="53">
        <v>-26552.407932011301</v>
      </c>
      <c r="G973" s="53">
        <v>-26552.407932011301</v>
      </c>
      <c r="H973" s="53">
        <v>-26552.407932011301</v>
      </c>
      <c r="I973" s="53">
        <v>-26552.407932011301</v>
      </c>
      <c r="J973" s="53">
        <v>-26552.407932011301</v>
      </c>
      <c r="K973" s="53">
        <v>-26552.407932011301</v>
      </c>
      <c r="L973" s="53">
        <v>-26552.407932011301</v>
      </c>
      <c r="M973" s="53">
        <v>-26552.407932011301</v>
      </c>
      <c r="N973" s="53">
        <v>-318628.895184136</v>
      </c>
      <c r="O973" s="53">
        <v>-26552.407932011301</v>
      </c>
      <c r="P973" s="53">
        <v>-26552.407932011301</v>
      </c>
      <c r="Q973" s="53">
        <v>-26552.407932011301</v>
      </c>
      <c r="R973" s="53">
        <v>-26552.407932011301</v>
      </c>
      <c r="S973" s="53">
        <v>-26552.407932011301</v>
      </c>
      <c r="T973" s="53">
        <v>-26552.407932011301</v>
      </c>
      <c r="U973" s="53">
        <v>-26552.407932011301</v>
      </c>
      <c r="V973" s="53">
        <v>-26552.407932011301</v>
      </c>
      <c r="W973" s="53">
        <v>-26552.407932011301</v>
      </c>
      <c r="X973" s="53">
        <v>-26552.407932011301</v>
      </c>
      <c r="Y973" s="53">
        <v>-26552.407932011301</v>
      </c>
      <c r="Z973" s="53">
        <v>-26552.407932011301</v>
      </c>
      <c r="AA973" s="53">
        <v>-318628.895184136</v>
      </c>
      <c r="AB973" s="53">
        <v>-26552.407932011301</v>
      </c>
      <c r="AC973" s="53">
        <v>-26552.407932011301</v>
      </c>
      <c r="AD973" s="53">
        <v>-26552.407932011301</v>
      </c>
      <c r="AE973" s="53">
        <v>-26552.407932011301</v>
      </c>
      <c r="AF973" s="53">
        <v>-26552.407932011301</v>
      </c>
      <c r="AG973" s="53">
        <v>-26552.407932011301</v>
      </c>
      <c r="AH973" s="53">
        <v>-26552.407932011301</v>
      </c>
      <c r="AI973" s="53">
        <v>-26552.407932011301</v>
      </c>
      <c r="AJ973" s="53">
        <v>-26552.407932011301</v>
      </c>
      <c r="AK973" s="53">
        <v>-26552.407932011301</v>
      </c>
      <c r="AL973" s="53">
        <v>-26552.407932011301</v>
      </c>
      <c r="AM973" s="53">
        <v>-26552.407932011301</v>
      </c>
      <c r="AN973" s="53">
        <v>-318628.895184136</v>
      </c>
      <c r="AO973" s="53">
        <v>-26552.407932011301</v>
      </c>
      <c r="AP973" s="53">
        <v>-26552.407932011301</v>
      </c>
      <c r="AQ973" s="53">
        <v>-26552.407932011301</v>
      </c>
      <c r="AR973" s="53">
        <v>-26552.407932011301</v>
      </c>
      <c r="AS973" s="53">
        <v>-26552.407932011301</v>
      </c>
      <c r="AT973" s="53">
        <v>-26552.407932011301</v>
      </c>
      <c r="AU973" s="53">
        <v>-26552.407932011301</v>
      </c>
      <c r="AV973" s="53">
        <v>-26552.407932011301</v>
      </c>
      <c r="AW973" s="53">
        <v>-26552.407932011301</v>
      </c>
      <c r="AX973" s="53">
        <v>-26552.407932011301</v>
      </c>
      <c r="AY973" s="53">
        <v>-26552.407932011301</v>
      </c>
      <c r="AZ973" s="53">
        <v>-26552.407932011301</v>
      </c>
      <c r="BA973" s="53">
        <v>-318628.895184136</v>
      </c>
      <c r="BB973" s="53">
        <v>-26552.407932011301</v>
      </c>
      <c r="BC973" s="53">
        <v>-26552.407932011301</v>
      </c>
      <c r="BD973" s="53">
        <v>-26552.407932011301</v>
      </c>
      <c r="BE973" s="53">
        <v>-26552.407932011301</v>
      </c>
      <c r="BF973" s="53">
        <v>-26552.407932011301</v>
      </c>
      <c r="BG973" s="53">
        <v>-26552.407932011301</v>
      </c>
      <c r="BH973" s="53">
        <v>-26552.407932011301</v>
      </c>
      <c r="BI973" s="53">
        <v>-26552.4079320114</v>
      </c>
      <c r="BJ973" s="53">
        <v>-26552.407932011301</v>
      </c>
      <c r="BK973" s="53">
        <v>-26552.407932011301</v>
      </c>
      <c r="BL973" s="53">
        <v>-26552.4079320114</v>
      </c>
      <c r="BM973" s="53">
        <v>-26552.4079320114</v>
      </c>
      <c r="BN973" s="53">
        <v>-318628.895184136</v>
      </c>
      <c r="BO973" s="53">
        <v>-26552.4079320114</v>
      </c>
      <c r="BP973" s="53">
        <v>-26552.4079320114</v>
      </c>
      <c r="BQ973" s="53">
        <v>-26552.4079320114</v>
      </c>
      <c r="BR973" s="53">
        <v>-26552.4079320114</v>
      </c>
      <c r="BS973" s="53">
        <v>-26552.4079320114</v>
      </c>
      <c r="BT973" s="53">
        <v>-26552.4079320114</v>
      </c>
      <c r="BU973" s="53">
        <v>-26552.4079320114</v>
      </c>
      <c r="BV973" s="53">
        <v>-26552.4079320114</v>
      </c>
      <c r="BW973" s="53">
        <v>-26552.4079320114</v>
      </c>
      <c r="BX973" s="53">
        <v>-26552.4079320114</v>
      </c>
      <c r="BY973" s="53">
        <v>-26552.4079320114</v>
      </c>
      <c r="BZ973" s="53">
        <v>-26552.4079320114</v>
      </c>
      <c r="CA973" s="53">
        <v>-318628.89518413699</v>
      </c>
      <c r="CB973" s="53"/>
      <c r="CC973" s="53"/>
      <c r="CD973" s="53"/>
      <c r="CE973" s="53"/>
      <c r="CF973" s="53"/>
      <c r="CG973" s="53"/>
      <c r="CH973" s="53"/>
      <c r="CI973" s="53"/>
      <c r="CJ973" s="53"/>
      <c r="CK973" s="53"/>
      <c r="CL973" s="53"/>
      <c r="CM973" s="53"/>
      <c r="CN973" s="53"/>
    </row>
    <row r="974" spans="1:92">
      <c r="A974" s="52" t="s">
        <v>716</v>
      </c>
      <c r="B974" s="53">
        <v>24171.148247978399</v>
      </c>
      <c r="C974" s="53">
        <v>24171.148247978399</v>
      </c>
      <c r="D974" s="53">
        <v>24171.148247978399</v>
      </c>
      <c r="E974" s="53">
        <v>24171.148247978399</v>
      </c>
      <c r="F974" s="53">
        <v>24171.148247978399</v>
      </c>
      <c r="G974" s="53">
        <v>24171.148247978399</v>
      </c>
      <c r="H974" s="53">
        <v>24171.148247978399</v>
      </c>
      <c r="I974" s="53">
        <v>24171.148247978399</v>
      </c>
      <c r="J974" s="53">
        <v>24171.148247978399</v>
      </c>
      <c r="K974" s="53">
        <v>24171.148247978399</v>
      </c>
      <c r="L974" s="53">
        <v>24171.148247978399</v>
      </c>
      <c r="M974" s="53">
        <v>24171.148247978399</v>
      </c>
      <c r="N974" s="53">
        <v>290053.77897574101</v>
      </c>
      <c r="O974" s="53">
        <v>24171.148247978399</v>
      </c>
      <c r="P974" s="53">
        <v>24171.148247978399</v>
      </c>
      <c r="Q974" s="53">
        <v>24171.148247978399</v>
      </c>
      <c r="R974" s="53">
        <v>24171.148247978399</v>
      </c>
      <c r="S974" s="53">
        <v>24171.148247978399</v>
      </c>
      <c r="T974" s="53">
        <v>24171.148247978399</v>
      </c>
      <c r="U974" s="53">
        <v>24171.148247978399</v>
      </c>
      <c r="V974" s="53">
        <v>24171.148247978399</v>
      </c>
      <c r="W974" s="53">
        <v>24171.148247978399</v>
      </c>
      <c r="X974" s="53">
        <v>24171.148247978399</v>
      </c>
      <c r="Y974" s="53">
        <v>24171.148247978399</v>
      </c>
      <c r="Z974" s="53">
        <v>24171.148247978399</v>
      </c>
      <c r="AA974" s="53">
        <v>290053.77897574002</v>
      </c>
      <c r="AB974" s="53">
        <v>24171.148247978399</v>
      </c>
      <c r="AC974" s="53">
        <v>24171.148247978399</v>
      </c>
      <c r="AD974" s="53">
        <v>24171.148247978399</v>
      </c>
      <c r="AE974" s="53">
        <v>24171.148247978399</v>
      </c>
      <c r="AF974" s="53">
        <v>24171.148247978399</v>
      </c>
      <c r="AG974" s="53">
        <v>24171.148247978399</v>
      </c>
      <c r="AH974" s="53">
        <v>24171.148247978399</v>
      </c>
      <c r="AI974" s="53">
        <v>24171.148247978399</v>
      </c>
      <c r="AJ974" s="53">
        <v>24171.148247978399</v>
      </c>
      <c r="AK974" s="53">
        <v>24171.148247978399</v>
      </c>
      <c r="AL974" s="53">
        <v>24171.148247978399</v>
      </c>
      <c r="AM974" s="53">
        <v>24171.148247978399</v>
      </c>
      <c r="AN974" s="53">
        <v>290053.77897574002</v>
      </c>
      <c r="AO974" s="53">
        <v>24171.148247978399</v>
      </c>
      <c r="AP974" s="53">
        <v>24171.148247978399</v>
      </c>
      <c r="AQ974" s="53">
        <v>24171.148247978399</v>
      </c>
      <c r="AR974" s="53">
        <v>24171.148247978399</v>
      </c>
      <c r="AS974" s="53">
        <v>24171.148247978399</v>
      </c>
      <c r="AT974" s="53">
        <v>24171.148247978399</v>
      </c>
      <c r="AU974" s="53">
        <v>24171.148247978399</v>
      </c>
      <c r="AV974" s="53">
        <v>24171.148247978399</v>
      </c>
      <c r="AW974" s="53">
        <v>24171.148247978399</v>
      </c>
      <c r="AX974" s="53">
        <v>24171.148247978399</v>
      </c>
      <c r="AY974" s="53">
        <v>24171.148247978399</v>
      </c>
      <c r="AZ974" s="53">
        <v>24171.148247978399</v>
      </c>
      <c r="BA974" s="53">
        <v>290053.77897574002</v>
      </c>
      <c r="BB974" s="53">
        <v>24171.148247978399</v>
      </c>
      <c r="BC974" s="53">
        <v>24171.148247978399</v>
      </c>
      <c r="BD974" s="53">
        <v>24171.148247978399</v>
      </c>
      <c r="BE974" s="53">
        <v>24171.148247978399</v>
      </c>
      <c r="BF974" s="53">
        <v>24171.148247978399</v>
      </c>
      <c r="BG974" s="53">
        <v>24171.148247978399</v>
      </c>
      <c r="BH974" s="53">
        <v>24171.148247978399</v>
      </c>
      <c r="BI974" s="53">
        <v>24171.148247978399</v>
      </c>
      <c r="BJ974" s="53">
        <v>24171.148247978399</v>
      </c>
      <c r="BK974" s="53">
        <v>24171.148247978399</v>
      </c>
      <c r="BL974" s="53">
        <v>24171.148247978399</v>
      </c>
      <c r="BM974" s="53">
        <v>24171.148247978399</v>
      </c>
      <c r="BN974" s="53">
        <v>290053.77897574002</v>
      </c>
      <c r="BO974" s="53">
        <v>24171.148247978399</v>
      </c>
      <c r="BP974" s="53">
        <v>24171.148247978399</v>
      </c>
      <c r="BQ974" s="53">
        <v>24171.148247978399</v>
      </c>
      <c r="BR974" s="53">
        <v>24171.148247978399</v>
      </c>
      <c r="BS974" s="53">
        <v>24171.148247978399</v>
      </c>
      <c r="BT974" s="53">
        <v>24171.148247978399</v>
      </c>
      <c r="BU974" s="53">
        <v>24171.148247978399</v>
      </c>
      <c r="BV974" s="53">
        <v>24171.148247978399</v>
      </c>
      <c r="BW974" s="53">
        <v>24171.148247978399</v>
      </c>
      <c r="BX974" s="53">
        <v>24171.148247978399</v>
      </c>
      <c r="BY974" s="53">
        <v>24171.148247978399</v>
      </c>
      <c r="BZ974" s="53">
        <v>24171.148247978399</v>
      </c>
      <c r="CA974" s="53">
        <v>290053.77897574002</v>
      </c>
      <c r="CB974" s="53"/>
      <c r="CC974" s="53"/>
      <c r="CD974" s="53"/>
      <c r="CE974" s="53"/>
      <c r="CF974" s="53"/>
      <c r="CG974" s="53"/>
      <c r="CH974" s="53"/>
      <c r="CI974" s="53"/>
      <c r="CJ974" s="53"/>
      <c r="CK974" s="53"/>
      <c r="CL974" s="53"/>
      <c r="CM974" s="53"/>
      <c r="CN974" s="53"/>
    </row>
    <row r="975" spans="1:92">
      <c r="A975" s="52" t="s">
        <v>725</v>
      </c>
      <c r="B975" s="53">
        <v>16813.8796992481</v>
      </c>
      <c r="C975" s="53">
        <v>16813.8796992481</v>
      </c>
      <c r="D975" s="53">
        <v>16813.8796992481</v>
      </c>
      <c r="E975" s="53">
        <v>16813.8796992481</v>
      </c>
      <c r="F975" s="53">
        <v>16813.8796992481</v>
      </c>
      <c r="G975" s="53">
        <v>16813.8796992481</v>
      </c>
      <c r="H975" s="53">
        <v>16813.8796992481</v>
      </c>
      <c r="I975" s="53">
        <v>16813.8796992481</v>
      </c>
      <c r="J975" s="53">
        <v>16813.8796992481</v>
      </c>
      <c r="K975" s="53">
        <v>16813.8796992481</v>
      </c>
      <c r="L975" s="53">
        <v>16813.8796992481</v>
      </c>
      <c r="M975" s="53">
        <v>16813.8796992481</v>
      </c>
      <c r="N975" s="53">
        <v>201766.556390977</v>
      </c>
      <c r="O975" s="53">
        <v>16813.8796992481</v>
      </c>
      <c r="P975" s="53">
        <v>16813.8796992481</v>
      </c>
      <c r="Q975" s="53">
        <v>16813.8796992481</v>
      </c>
      <c r="R975" s="53">
        <v>16813.8796992481</v>
      </c>
      <c r="S975" s="53">
        <v>16813.8796992481</v>
      </c>
      <c r="T975" s="53">
        <v>16813.8796992481</v>
      </c>
      <c r="U975" s="53">
        <v>16813.8796992481</v>
      </c>
      <c r="V975" s="53">
        <v>16813.8796992481</v>
      </c>
      <c r="W975" s="53">
        <v>16813.8796992481</v>
      </c>
      <c r="X975" s="53">
        <v>16813.8796992481</v>
      </c>
      <c r="Y975" s="53">
        <v>16813.8796992481</v>
      </c>
      <c r="Z975" s="53">
        <v>16813.8796992481</v>
      </c>
      <c r="AA975" s="53">
        <v>201766.556390977</v>
      </c>
      <c r="AB975" s="53">
        <v>16813.8796992481</v>
      </c>
      <c r="AC975" s="53">
        <v>16813.8796992481</v>
      </c>
      <c r="AD975" s="53">
        <v>16813.8796992481</v>
      </c>
      <c r="AE975" s="53">
        <v>16813.8796992481</v>
      </c>
      <c r="AF975" s="53">
        <v>16813.8796992481</v>
      </c>
      <c r="AG975" s="53">
        <v>16813.8796992481</v>
      </c>
      <c r="AH975" s="53">
        <v>16813.8796992481</v>
      </c>
      <c r="AI975" s="53">
        <v>16813.8796992481</v>
      </c>
      <c r="AJ975" s="53">
        <v>16813.8796992481</v>
      </c>
      <c r="AK975" s="53">
        <v>16813.8796992481</v>
      </c>
      <c r="AL975" s="53">
        <v>16813.8796992481</v>
      </c>
      <c r="AM975" s="53">
        <v>16813.8796992481</v>
      </c>
      <c r="AN975" s="53">
        <v>201766.556390977</v>
      </c>
      <c r="AO975" s="53">
        <v>16813.8796992481</v>
      </c>
      <c r="AP975" s="53">
        <v>16813.8796992481</v>
      </c>
      <c r="AQ975" s="53">
        <v>16813.8796992481</v>
      </c>
      <c r="AR975" s="53">
        <v>16813.8796992481</v>
      </c>
      <c r="AS975" s="53">
        <v>16813.8796992481</v>
      </c>
      <c r="AT975" s="53">
        <v>16813.8796992481</v>
      </c>
      <c r="AU975" s="53">
        <v>16813.8796992481</v>
      </c>
      <c r="AV975" s="53">
        <v>16813.8796992481</v>
      </c>
      <c r="AW975" s="53">
        <v>16813.8796992481</v>
      </c>
      <c r="AX975" s="53">
        <v>16813.8796992481</v>
      </c>
      <c r="AY975" s="53">
        <v>16813.8796992481</v>
      </c>
      <c r="AZ975" s="53">
        <v>16813.8796992481</v>
      </c>
      <c r="BA975" s="53">
        <v>201766.556390977</v>
      </c>
      <c r="BB975" s="53">
        <v>16813.8796992481</v>
      </c>
      <c r="BC975" s="53">
        <v>16813.8796992481</v>
      </c>
      <c r="BD975" s="53">
        <v>16813.8796992481</v>
      </c>
      <c r="BE975" s="53">
        <v>16813.8796992481</v>
      </c>
      <c r="BF975" s="53">
        <v>16813.8796992481</v>
      </c>
      <c r="BG975" s="53">
        <v>16813.8796992481</v>
      </c>
      <c r="BH975" s="53">
        <v>16813.8796992481</v>
      </c>
      <c r="BI975" s="53">
        <v>16813.8796992481</v>
      </c>
      <c r="BJ975" s="53">
        <v>16813.8796992481</v>
      </c>
      <c r="BK975" s="53">
        <v>16813.8796992481</v>
      </c>
      <c r="BL975" s="53">
        <v>16813.8796992481</v>
      </c>
      <c r="BM975" s="53">
        <v>16813.8796992481</v>
      </c>
      <c r="BN975" s="53">
        <v>201766.556390977</v>
      </c>
      <c r="BO975" s="53">
        <v>16813.8796992481</v>
      </c>
      <c r="BP975" s="53">
        <v>16813.8796992481</v>
      </c>
      <c r="BQ975" s="53">
        <v>16813.8796992481</v>
      </c>
      <c r="BR975" s="53">
        <v>16813.8796992481</v>
      </c>
      <c r="BS975" s="53">
        <v>16813.8796992481</v>
      </c>
      <c r="BT975" s="53">
        <v>16813.8796992481</v>
      </c>
      <c r="BU975" s="53">
        <v>8406.9398496240701</v>
      </c>
      <c r="BV975" s="53"/>
      <c r="BW975" s="53"/>
      <c r="BX975" s="53"/>
      <c r="BY975" s="53"/>
      <c r="BZ975" s="53"/>
      <c r="CA975" s="53">
        <v>109290.21804511199</v>
      </c>
      <c r="CB975" s="53"/>
      <c r="CC975" s="53"/>
      <c r="CD975" s="53"/>
      <c r="CE975" s="53"/>
      <c r="CF975" s="53"/>
      <c r="CG975" s="53"/>
      <c r="CH975" s="53"/>
      <c r="CI975" s="53"/>
      <c r="CJ975" s="53"/>
      <c r="CK975" s="53"/>
      <c r="CL975" s="53"/>
      <c r="CM975" s="53"/>
      <c r="CN975" s="53"/>
    </row>
    <row r="976" spans="1:92">
      <c r="A976" s="52" t="s">
        <v>726</v>
      </c>
      <c r="B976" s="53">
        <v>-308004.32530120399</v>
      </c>
      <c r="C976" s="53">
        <v>-308004.32530120399</v>
      </c>
      <c r="D976" s="53">
        <v>-308004.32530120399</v>
      </c>
      <c r="E976" s="53">
        <v>-308004.32530120399</v>
      </c>
      <c r="F976" s="53">
        <v>-308004.32530120399</v>
      </c>
      <c r="G976" s="53">
        <v>-308004.32530120399</v>
      </c>
      <c r="H976" s="53">
        <v>-308004.32530120399</v>
      </c>
      <c r="I976" s="53">
        <v>-308004.32530120399</v>
      </c>
      <c r="J976" s="53">
        <v>-308004.32530120399</v>
      </c>
      <c r="K976" s="53">
        <v>-308004.32530120399</v>
      </c>
      <c r="L976" s="53">
        <v>-308004.32530120399</v>
      </c>
      <c r="M976" s="53">
        <v>-308004.32530120399</v>
      </c>
      <c r="N976" s="53">
        <v>-3696051.9036144498</v>
      </c>
      <c r="O976" s="53">
        <v>-308004.32530120399</v>
      </c>
      <c r="P976" s="53">
        <v>-308004.32530120399</v>
      </c>
      <c r="Q976" s="53">
        <v>-308004.32530120399</v>
      </c>
      <c r="R976" s="53">
        <v>-308004.32530120399</v>
      </c>
      <c r="S976" s="53">
        <v>-308004.32530120399</v>
      </c>
      <c r="T976" s="53">
        <v>-308004.32530120399</v>
      </c>
      <c r="U976" s="53">
        <v>-308004.32530120399</v>
      </c>
      <c r="V976" s="53">
        <v>-308004.32530120399</v>
      </c>
      <c r="W976" s="53">
        <v>-308004.32530120399</v>
      </c>
      <c r="X976" s="53">
        <v>-308004.32530120399</v>
      </c>
      <c r="Y976" s="53">
        <v>-308004.32530120498</v>
      </c>
      <c r="Z976" s="53">
        <v>-308004.32530120399</v>
      </c>
      <c r="AA976" s="53">
        <v>-3696051.9036144498</v>
      </c>
      <c r="AB976" s="53">
        <v>-308004.32530120498</v>
      </c>
      <c r="AC976" s="53">
        <v>-308004.32530120498</v>
      </c>
      <c r="AD976" s="53">
        <v>-308004.32530120498</v>
      </c>
      <c r="AE976" s="53">
        <v>-308004.32530120498</v>
      </c>
      <c r="AF976" s="53">
        <v>-308004.32530120498</v>
      </c>
      <c r="AG976" s="53">
        <v>-308004.32530120498</v>
      </c>
      <c r="AH976" s="53">
        <v>-308004.32530120498</v>
      </c>
      <c r="AI976" s="53">
        <v>-308004.32530120498</v>
      </c>
      <c r="AJ976" s="53">
        <v>-308004.32530120498</v>
      </c>
      <c r="AK976" s="53">
        <v>-308004.32530120498</v>
      </c>
      <c r="AL976" s="53">
        <v>-308004.32530120498</v>
      </c>
      <c r="AM976" s="53">
        <v>-308004.32530120498</v>
      </c>
      <c r="AN976" s="53">
        <v>-3696051.9036144498</v>
      </c>
      <c r="AO976" s="53">
        <v>-308004.32530120498</v>
      </c>
      <c r="AP976" s="53">
        <v>-308004.32530120498</v>
      </c>
      <c r="AQ976" s="53">
        <v>-308004.32530120498</v>
      </c>
      <c r="AR976" s="53">
        <v>-308004.32530120498</v>
      </c>
      <c r="AS976" s="53">
        <v>-308004.32530120498</v>
      </c>
      <c r="AT976" s="53">
        <v>-308004.32530120498</v>
      </c>
      <c r="AU976" s="53">
        <v>-308004.32530120498</v>
      </c>
      <c r="AV976" s="53">
        <v>-308004.32530120498</v>
      </c>
      <c r="AW976" s="53">
        <v>-308004.32530120498</v>
      </c>
      <c r="AX976" s="53">
        <v>-308004.32530120498</v>
      </c>
      <c r="AY976" s="53">
        <v>-308004.32530120498</v>
      </c>
      <c r="AZ976" s="53">
        <v>-308004.32530120498</v>
      </c>
      <c r="BA976" s="53">
        <v>-3696051.90361446</v>
      </c>
      <c r="BB976" s="53">
        <v>-308004.32530120498</v>
      </c>
      <c r="BC976" s="53">
        <v>-308004.32530120498</v>
      </c>
      <c r="BD976" s="53">
        <v>-308004.32530120498</v>
      </c>
      <c r="BE976" s="53">
        <v>-308004.32530120498</v>
      </c>
      <c r="BF976" s="53">
        <v>-308004.32530120498</v>
      </c>
      <c r="BG976" s="53">
        <v>-308004.32530120498</v>
      </c>
      <c r="BH976" s="53">
        <v>-308004.32530120498</v>
      </c>
      <c r="BI976" s="53">
        <v>-308004.32530120498</v>
      </c>
      <c r="BJ976" s="53">
        <v>-308004.32530120498</v>
      </c>
      <c r="BK976" s="53">
        <v>-308004.32530120498</v>
      </c>
      <c r="BL976" s="53">
        <v>-308004.32530120498</v>
      </c>
      <c r="BM976" s="53">
        <v>-308004.32530120498</v>
      </c>
      <c r="BN976" s="53">
        <v>-3696051.90361446</v>
      </c>
      <c r="BO976" s="53">
        <v>-308004.32530120498</v>
      </c>
      <c r="BP976" s="53">
        <v>-308004.32530120498</v>
      </c>
      <c r="BQ976" s="53">
        <v>-308004.32530120498</v>
      </c>
      <c r="BR976" s="53">
        <v>-308004.32530120498</v>
      </c>
      <c r="BS976" s="53">
        <v>-308004.32530120498</v>
      </c>
      <c r="BT976" s="53">
        <v>-308004.32530120498</v>
      </c>
      <c r="BU976" s="53">
        <v>-308004.32530120498</v>
      </c>
      <c r="BV976" s="53">
        <v>-308004.32530120498</v>
      </c>
      <c r="BW976" s="53">
        <v>-308004.32530120498</v>
      </c>
      <c r="BX976" s="53">
        <v>-308004.32530120498</v>
      </c>
      <c r="BY976" s="53">
        <v>-308004.32530120498</v>
      </c>
      <c r="BZ976" s="53">
        <v>-308004.32530120498</v>
      </c>
      <c r="CA976" s="53">
        <v>-3696051.90361446</v>
      </c>
      <c r="CB976" s="53"/>
      <c r="CC976" s="53"/>
      <c r="CD976" s="53"/>
      <c r="CE976" s="53"/>
      <c r="CF976" s="53"/>
      <c r="CG976" s="53"/>
      <c r="CH976" s="53"/>
      <c r="CI976" s="53"/>
      <c r="CJ976" s="53"/>
      <c r="CK976" s="53"/>
      <c r="CL976" s="53"/>
      <c r="CM976" s="53"/>
      <c r="CN976" s="53"/>
    </row>
    <row r="977" spans="1:92">
      <c r="A977" s="52" t="s">
        <v>728</v>
      </c>
      <c r="B977" s="53">
        <v>-199670.97206703899</v>
      </c>
      <c r="C977" s="53">
        <v>-199670.97206703899</v>
      </c>
      <c r="D977" s="53">
        <v>-199670.97206703899</v>
      </c>
      <c r="E977" s="53">
        <v>-199670.97206703899</v>
      </c>
      <c r="F977" s="53">
        <v>-199670.97206703899</v>
      </c>
      <c r="G977" s="53">
        <v>-199670.97206703899</v>
      </c>
      <c r="H977" s="53">
        <v>-199670.97206703899</v>
      </c>
      <c r="I977" s="53">
        <v>-199670.972067038</v>
      </c>
      <c r="J977" s="53">
        <v>-199670.972067038</v>
      </c>
      <c r="K977" s="53">
        <v>-199670.972067038</v>
      </c>
      <c r="L977" s="53">
        <v>-199670.97206703899</v>
      </c>
      <c r="M977" s="53">
        <v>-199670.97206703899</v>
      </c>
      <c r="N977" s="53">
        <v>-2396051.66480446</v>
      </c>
      <c r="O977" s="53">
        <v>-199670.97206703899</v>
      </c>
      <c r="P977" s="53">
        <v>-199670.97206703899</v>
      </c>
      <c r="Q977" s="53">
        <v>-199670.97206703899</v>
      </c>
      <c r="R977" s="53">
        <v>-199670.97206703899</v>
      </c>
      <c r="S977" s="53">
        <v>-199670.97206703899</v>
      </c>
      <c r="T977" s="53">
        <v>-199670.97206703899</v>
      </c>
      <c r="U977" s="53">
        <v>-199670.97206703899</v>
      </c>
      <c r="V977" s="53">
        <v>-199670.97206703899</v>
      </c>
      <c r="W977" s="53">
        <v>-199670.97206703899</v>
      </c>
      <c r="X977" s="53">
        <v>-199670.97206703899</v>
      </c>
      <c r="Y977" s="53">
        <v>-199670.97206703899</v>
      </c>
      <c r="Z977" s="53">
        <v>-199670.97206703899</v>
      </c>
      <c r="AA977" s="53">
        <v>-2396051.66480446</v>
      </c>
      <c r="AB977" s="53">
        <v>-199670.97206703899</v>
      </c>
      <c r="AC977" s="53">
        <v>-199670.97206703899</v>
      </c>
      <c r="AD977" s="53">
        <v>-199670.97206703899</v>
      </c>
      <c r="AE977" s="53">
        <v>-199670.97206703899</v>
      </c>
      <c r="AF977" s="53">
        <v>-199670.97206703899</v>
      </c>
      <c r="AG977" s="53">
        <v>-199670.97206703899</v>
      </c>
      <c r="AH977" s="53">
        <v>-199670.97206703899</v>
      </c>
      <c r="AI977" s="53">
        <v>-199670.97206703899</v>
      </c>
      <c r="AJ977" s="53">
        <v>-199670.97206703899</v>
      </c>
      <c r="AK977" s="53">
        <v>-199670.97206703899</v>
      </c>
      <c r="AL977" s="53">
        <v>-199670.97206703899</v>
      </c>
      <c r="AM977" s="53">
        <v>-199670.97206703899</v>
      </c>
      <c r="AN977" s="53">
        <v>-2396051.66480446</v>
      </c>
      <c r="AO977" s="53">
        <v>-199670.97206703899</v>
      </c>
      <c r="AP977" s="53">
        <v>-199670.97206703899</v>
      </c>
      <c r="AQ977" s="53">
        <v>-199670.97206703899</v>
      </c>
      <c r="AR977" s="53">
        <v>-199670.97206703899</v>
      </c>
      <c r="AS977" s="53">
        <v>-199670.97206703899</v>
      </c>
      <c r="AT977" s="53">
        <v>-199670.97206703899</v>
      </c>
      <c r="AU977" s="53">
        <v>-199670.97206703899</v>
      </c>
      <c r="AV977" s="53">
        <v>-199670.97206703899</v>
      </c>
      <c r="AW977" s="53">
        <v>-199670.97206703899</v>
      </c>
      <c r="AX977" s="53">
        <v>-199670.97206703899</v>
      </c>
      <c r="AY977" s="53">
        <v>-199670.97206703899</v>
      </c>
      <c r="AZ977" s="53">
        <v>-199670.97206703899</v>
      </c>
      <c r="BA977" s="53">
        <v>-2396051.6648044698</v>
      </c>
      <c r="BB977" s="53">
        <v>-199670.97206703899</v>
      </c>
      <c r="BC977" s="53">
        <v>-199670.97206703899</v>
      </c>
      <c r="BD977" s="53">
        <v>-199670.97206703899</v>
      </c>
      <c r="BE977" s="53">
        <v>-199670.97206703899</v>
      </c>
      <c r="BF977" s="53">
        <v>-199670.97206703899</v>
      </c>
      <c r="BG977" s="53">
        <v>-199670.97206703899</v>
      </c>
      <c r="BH977" s="53">
        <v>-199670.97206703899</v>
      </c>
      <c r="BI977" s="53">
        <v>-199670.97206703899</v>
      </c>
      <c r="BJ977" s="53">
        <v>-199670.97206703899</v>
      </c>
      <c r="BK977" s="53">
        <v>-199670.97206703899</v>
      </c>
      <c r="BL977" s="53">
        <v>-199670.97206703899</v>
      </c>
      <c r="BM977" s="53">
        <v>-199670.97206703899</v>
      </c>
      <c r="BN977" s="53">
        <v>-2396051.6648044698</v>
      </c>
      <c r="BO977" s="53">
        <v>-199670.97206703899</v>
      </c>
      <c r="BP977" s="53">
        <v>-199670.97206703899</v>
      </c>
      <c r="BQ977" s="53">
        <v>-199670.97206703899</v>
      </c>
      <c r="BR977" s="53">
        <v>-199670.97206703899</v>
      </c>
      <c r="BS977" s="53">
        <v>-199670.97206703899</v>
      </c>
      <c r="BT977" s="53">
        <v>-199670.97206703899</v>
      </c>
      <c r="BU977" s="53">
        <v>-199670.97206703899</v>
      </c>
      <c r="BV977" s="53">
        <v>-199670.97206703899</v>
      </c>
      <c r="BW977" s="53">
        <v>-199670.97206703899</v>
      </c>
      <c r="BX977" s="53">
        <v>-199670.97206703899</v>
      </c>
      <c r="BY977" s="53">
        <v>-199670.97206703899</v>
      </c>
      <c r="BZ977" s="53">
        <v>-199670.97206703899</v>
      </c>
      <c r="CA977" s="53">
        <v>-2396051.6648044698</v>
      </c>
      <c r="CB977" s="53"/>
      <c r="CC977" s="53"/>
      <c r="CD977" s="53"/>
      <c r="CE977" s="53"/>
      <c r="CF977" s="53"/>
      <c r="CG977" s="53"/>
      <c r="CH977" s="53"/>
      <c r="CI977" s="53"/>
      <c r="CJ977" s="53"/>
      <c r="CK977" s="53"/>
      <c r="CL977" s="53"/>
      <c r="CM977" s="53"/>
      <c r="CN977" s="53"/>
    </row>
    <row r="978" spans="1:92">
      <c r="A978" s="52" t="s">
        <v>729</v>
      </c>
      <c r="B978" s="53">
        <v>-115069.469767441</v>
      </c>
      <c r="C978" s="53">
        <v>-115069.469767441</v>
      </c>
      <c r="D978" s="53">
        <v>-115069.469767441</v>
      </c>
      <c r="E978" s="53">
        <v>-115069.469767441</v>
      </c>
      <c r="F978" s="53">
        <v>-115069.469767441</v>
      </c>
      <c r="G978" s="53">
        <v>-115069.469767441</v>
      </c>
      <c r="H978" s="53">
        <v>-115069.469767441</v>
      </c>
      <c r="I978" s="53">
        <v>-115069.469767441</v>
      </c>
      <c r="J978" s="53">
        <v>-115069.469767441</v>
      </c>
      <c r="K978" s="53">
        <v>-115069.469767441</v>
      </c>
      <c r="L978" s="53">
        <v>-115069.469767441</v>
      </c>
      <c r="M978" s="53">
        <v>-115069.469767441</v>
      </c>
      <c r="N978" s="53">
        <v>-1380833.6372093</v>
      </c>
      <c r="O978" s="53">
        <v>-115069.469767441</v>
      </c>
      <c r="P978" s="53">
        <v>-115069.469767441</v>
      </c>
      <c r="Q978" s="53">
        <v>-115069.469767441</v>
      </c>
      <c r="R978" s="53">
        <v>-115069.469767441</v>
      </c>
      <c r="S978" s="53">
        <v>-115069.469767441</v>
      </c>
      <c r="T978" s="53">
        <v>-115069.469767441</v>
      </c>
      <c r="U978" s="53">
        <v>-115069.469767441</v>
      </c>
      <c r="V978" s="53">
        <v>-115069.469767441</v>
      </c>
      <c r="W978" s="53">
        <v>-115069.469767441</v>
      </c>
      <c r="X978" s="53">
        <v>-115069.469767441</v>
      </c>
      <c r="Y978" s="53">
        <v>-115069.469767441</v>
      </c>
      <c r="Z978" s="53">
        <v>-115069.469767441</v>
      </c>
      <c r="AA978" s="53">
        <v>-1380833.6372093</v>
      </c>
      <c r="AB978" s="53">
        <v>-115069.469767441</v>
      </c>
      <c r="AC978" s="53">
        <v>-115069.469767441</v>
      </c>
      <c r="AD978" s="53">
        <v>-115069.469767441</v>
      </c>
      <c r="AE978" s="53">
        <v>-115069.469767441</v>
      </c>
      <c r="AF978" s="53">
        <v>-115069.469767441</v>
      </c>
      <c r="AG978" s="53">
        <v>-115069.469767441</v>
      </c>
      <c r="AH978" s="53">
        <v>-115069.469767441</v>
      </c>
      <c r="AI978" s="53">
        <v>-115069.469767441</v>
      </c>
      <c r="AJ978" s="53">
        <v>-115069.469767441</v>
      </c>
      <c r="AK978" s="53">
        <v>-115069.469767441</v>
      </c>
      <c r="AL978" s="53">
        <v>-115069.469767441</v>
      </c>
      <c r="AM978" s="53">
        <v>-115069.469767441</v>
      </c>
      <c r="AN978" s="53">
        <v>-1380833.6372093</v>
      </c>
      <c r="AO978" s="53">
        <v>-115069.469767441</v>
      </c>
      <c r="AP978" s="53">
        <v>-115069.469767441</v>
      </c>
      <c r="AQ978" s="53">
        <v>-115069.469767441</v>
      </c>
      <c r="AR978" s="53">
        <v>-115069.469767441</v>
      </c>
      <c r="AS978" s="53">
        <v>-115069.469767441</v>
      </c>
      <c r="AT978" s="53">
        <v>-115069.469767441</v>
      </c>
      <c r="AU978" s="53">
        <v>-115069.469767441</v>
      </c>
      <c r="AV978" s="53">
        <v>-115069.469767441</v>
      </c>
      <c r="AW978" s="53">
        <v>-115069.469767441</v>
      </c>
      <c r="AX978" s="53">
        <v>-115069.469767441</v>
      </c>
      <c r="AY978" s="53">
        <v>-115069.469767441</v>
      </c>
      <c r="AZ978" s="53">
        <v>-115069.469767441</v>
      </c>
      <c r="BA978" s="53">
        <v>-1380833.6372093</v>
      </c>
      <c r="BB978" s="53">
        <v>-115069.469767441</v>
      </c>
      <c r="BC978" s="53">
        <v>-115069.469767441</v>
      </c>
      <c r="BD978" s="53">
        <v>-115069.469767441</v>
      </c>
      <c r="BE978" s="53">
        <v>-115069.469767441</v>
      </c>
      <c r="BF978" s="53">
        <v>-115069.469767441</v>
      </c>
      <c r="BG978" s="53">
        <v>-115069.469767441</v>
      </c>
      <c r="BH978" s="53">
        <v>-115069.469767441</v>
      </c>
      <c r="BI978" s="53">
        <v>-115069.469767441</v>
      </c>
      <c r="BJ978" s="53">
        <v>-115069.469767441</v>
      </c>
      <c r="BK978" s="53">
        <v>-115069.469767441</v>
      </c>
      <c r="BL978" s="53">
        <v>-115069.469767441</v>
      </c>
      <c r="BM978" s="53">
        <v>-115069.469767441</v>
      </c>
      <c r="BN978" s="53">
        <v>-1380833.6372093</v>
      </c>
      <c r="BO978" s="53">
        <v>-115069.469767441</v>
      </c>
      <c r="BP978" s="53">
        <v>-115069.469767441</v>
      </c>
      <c r="BQ978" s="53">
        <v>-115069.469767441</v>
      </c>
      <c r="BR978" s="53">
        <v>-115069.469767441</v>
      </c>
      <c r="BS978" s="53">
        <v>-115069.469767441</v>
      </c>
      <c r="BT978" s="53">
        <v>-115069.469767441</v>
      </c>
      <c r="BU978" s="53">
        <v>-115069.469767441</v>
      </c>
      <c r="BV978" s="53">
        <v>-115069.469767441</v>
      </c>
      <c r="BW978" s="53">
        <v>-115069.469767441</v>
      </c>
      <c r="BX978" s="53">
        <v>-115069.469767441</v>
      </c>
      <c r="BY978" s="53">
        <v>-115069.469767441</v>
      </c>
      <c r="BZ978" s="53">
        <v>-115069.469767441</v>
      </c>
      <c r="CA978" s="53">
        <v>-1380833.6372093</v>
      </c>
      <c r="CB978" s="53"/>
      <c r="CC978" s="53"/>
      <c r="CD978" s="53"/>
      <c r="CE978" s="53"/>
      <c r="CF978" s="53"/>
      <c r="CG978" s="53"/>
      <c r="CH978" s="53"/>
      <c r="CI978" s="53"/>
      <c r="CJ978" s="53"/>
      <c r="CK978" s="53"/>
      <c r="CL978" s="53"/>
      <c r="CM978" s="53"/>
      <c r="CN978" s="53"/>
    </row>
    <row r="979" spans="1:92">
      <c r="A979" s="52" t="s">
        <v>650</v>
      </c>
      <c r="B979" s="53"/>
      <c r="C979" s="53"/>
      <c r="D979" s="53"/>
      <c r="E979" s="53"/>
      <c r="F979" s="53"/>
      <c r="G979" s="53"/>
      <c r="H979" s="53"/>
      <c r="I979" s="53"/>
      <c r="J979" s="53"/>
      <c r="K979" s="53"/>
      <c r="L979" s="53"/>
      <c r="M979" s="53"/>
      <c r="N979" s="53"/>
      <c r="O979" s="53"/>
      <c r="P979" s="53"/>
      <c r="Q979" s="53"/>
      <c r="R979" s="53"/>
      <c r="S979" s="53"/>
      <c r="T979" s="53"/>
      <c r="U979" s="53"/>
      <c r="V979" s="53"/>
      <c r="W979" s="53"/>
      <c r="X979" s="53"/>
      <c r="Y979" s="53"/>
      <c r="Z979" s="53"/>
      <c r="AA979" s="53"/>
      <c r="AB979" s="53"/>
      <c r="AC979" s="53"/>
      <c r="AD979" s="53"/>
      <c r="AE979" s="53"/>
      <c r="AF979" s="53"/>
      <c r="AG979" s="53"/>
      <c r="AH979" s="53"/>
      <c r="AI979" s="53"/>
      <c r="AJ979" s="53"/>
      <c r="AK979" s="53"/>
      <c r="AL979" s="53"/>
      <c r="AM979" s="53"/>
      <c r="AN979" s="53"/>
      <c r="AO979" s="53"/>
      <c r="AP979" s="53"/>
      <c r="AQ979" s="53"/>
      <c r="AR979" s="53"/>
      <c r="AS979" s="53"/>
      <c r="AT979" s="53"/>
      <c r="AU979" s="53"/>
      <c r="AV979" s="53"/>
      <c r="AW979" s="53"/>
      <c r="AX979" s="53"/>
      <c r="AY979" s="53"/>
      <c r="AZ979" s="53"/>
      <c r="BA979" s="53"/>
      <c r="BB979" s="53"/>
      <c r="BC979" s="53"/>
      <c r="BD979" s="53"/>
      <c r="BE979" s="53"/>
      <c r="BF979" s="53"/>
      <c r="BG979" s="53"/>
      <c r="BH979" s="53"/>
      <c r="BI979" s="53"/>
      <c r="BJ979" s="53"/>
      <c r="BK979" s="53"/>
      <c r="BL979" s="53"/>
      <c r="BM979" s="53"/>
      <c r="BN979" s="53"/>
      <c r="BO979" s="53"/>
      <c r="BP979" s="53"/>
      <c r="BQ979" s="53"/>
      <c r="BR979" s="53"/>
      <c r="BS979" s="53"/>
      <c r="BT979" s="53"/>
      <c r="BU979" s="53"/>
      <c r="BV979" s="53"/>
      <c r="BW979" s="53"/>
      <c r="BX979" s="53"/>
      <c r="BY979" s="53"/>
      <c r="BZ979" s="53"/>
      <c r="CA979" s="53"/>
      <c r="CB979" s="53"/>
      <c r="CC979" s="53"/>
      <c r="CD979" s="53"/>
      <c r="CE979" s="53"/>
      <c r="CF979" s="53"/>
      <c r="CG979" s="53"/>
      <c r="CH979" s="53"/>
      <c r="CI979" s="53"/>
      <c r="CJ979" s="53"/>
      <c r="CK979" s="53"/>
      <c r="CL979" s="53"/>
      <c r="CM979" s="53"/>
      <c r="CN979" s="53"/>
    </row>
    <row r="980" spans="1:92">
      <c r="A980" s="52" t="s">
        <v>1404</v>
      </c>
      <c r="B980" s="53"/>
      <c r="C980" s="53"/>
      <c r="D980" s="53"/>
      <c r="E980" s="53"/>
      <c r="F980" s="53"/>
      <c r="G980" s="53"/>
      <c r="H980" s="53"/>
      <c r="I980" s="53"/>
      <c r="J980" s="53"/>
      <c r="K980" s="53"/>
      <c r="L980" s="53"/>
      <c r="M980" s="53"/>
      <c r="N980" s="53"/>
      <c r="O980" s="53"/>
      <c r="P980" s="53"/>
      <c r="Q980" s="53"/>
      <c r="R980" s="53"/>
      <c r="S980" s="53"/>
      <c r="T980" s="53"/>
      <c r="U980" s="53"/>
      <c r="V980" s="53"/>
      <c r="W980" s="53"/>
      <c r="X980" s="53"/>
      <c r="Y980" s="53"/>
      <c r="Z980" s="53"/>
      <c r="AA980" s="53"/>
      <c r="AB980" s="53"/>
      <c r="AC980" s="53"/>
      <c r="AD980" s="53"/>
      <c r="AE980" s="53"/>
      <c r="AF980" s="53"/>
      <c r="AG980" s="53"/>
      <c r="AH980" s="53"/>
      <c r="AI980" s="53"/>
      <c r="AJ980" s="53"/>
      <c r="AK980" s="53"/>
      <c r="AL980" s="53"/>
      <c r="AM980" s="53"/>
      <c r="AN980" s="53"/>
      <c r="AO980" s="53"/>
      <c r="AP980" s="53"/>
      <c r="AQ980" s="53"/>
      <c r="AR980" s="53"/>
      <c r="AS980" s="53"/>
      <c r="AT980" s="53"/>
      <c r="AU980" s="53"/>
      <c r="AV980" s="53"/>
      <c r="AW980" s="53"/>
      <c r="AX980" s="53"/>
      <c r="AY980" s="53"/>
      <c r="AZ980" s="53"/>
      <c r="BA980" s="53"/>
      <c r="BB980" s="53"/>
      <c r="BC980" s="53"/>
      <c r="BD980" s="53"/>
      <c r="BE980" s="53"/>
      <c r="BF980" s="53"/>
      <c r="BG980" s="53"/>
      <c r="BH980" s="53"/>
      <c r="BI980" s="53"/>
      <c r="BJ980" s="53"/>
      <c r="BK980" s="53"/>
      <c r="BL980" s="53"/>
      <c r="BM980" s="53"/>
      <c r="BN980" s="53"/>
      <c r="BO980" s="53"/>
      <c r="BP980" s="53"/>
      <c r="BQ980" s="53"/>
      <c r="BR980" s="53"/>
      <c r="BS980" s="53"/>
      <c r="BT980" s="53"/>
      <c r="BU980" s="53"/>
      <c r="BV980" s="53"/>
      <c r="BW980" s="53"/>
      <c r="BX980" s="53"/>
      <c r="BY980" s="53"/>
      <c r="BZ980" s="53"/>
      <c r="CA980" s="53"/>
      <c r="CB980" s="53"/>
      <c r="CC980" s="53"/>
      <c r="CD980" s="53"/>
      <c r="CE980" s="53"/>
      <c r="CF980" s="53"/>
      <c r="CG980" s="53"/>
      <c r="CH980" s="53"/>
      <c r="CI980" s="53"/>
      <c r="CJ980" s="53"/>
      <c r="CK980" s="53"/>
      <c r="CL980" s="53"/>
      <c r="CM980" s="53"/>
      <c r="CN980" s="53"/>
    </row>
    <row r="981" spans="1:92">
      <c r="A981" s="52" t="s">
        <v>649</v>
      </c>
      <c r="B981" s="53"/>
      <c r="C981" s="53"/>
      <c r="D981" s="53"/>
      <c r="E981" s="53"/>
      <c r="F981" s="53"/>
      <c r="G981" s="53"/>
      <c r="H981" s="53"/>
      <c r="I981" s="53"/>
      <c r="J981" s="53"/>
      <c r="K981" s="53"/>
      <c r="L981" s="53"/>
      <c r="M981" s="53"/>
      <c r="N981" s="53"/>
      <c r="O981" s="53"/>
      <c r="P981" s="53"/>
      <c r="Q981" s="53"/>
      <c r="R981" s="53">
        <v>1056106.7838025701</v>
      </c>
      <c r="S981" s="53">
        <v>939504.95851226896</v>
      </c>
      <c r="T981" s="53">
        <v>806225.79444331594</v>
      </c>
      <c r="U981" s="53">
        <v>655766.38637625903</v>
      </c>
      <c r="V981" s="53">
        <v>494810.67529495398</v>
      </c>
      <c r="W981" s="53">
        <v>331686.88066475</v>
      </c>
      <c r="X981" s="53">
        <v>177165.39238004401</v>
      </c>
      <c r="Y981" s="53">
        <v>42049.012347483302</v>
      </c>
      <c r="Z981" s="53"/>
      <c r="AA981" s="53">
        <v>4503315.8838216504</v>
      </c>
      <c r="AB981" s="53"/>
      <c r="AC981" s="53"/>
      <c r="AD981" s="53"/>
      <c r="AE981" s="53"/>
      <c r="AF981" s="53"/>
      <c r="AG981" s="53"/>
      <c r="AH981" s="53"/>
      <c r="AI981" s="53"/>
      <c r="AJ981" s="53"/>
      <c r="AK981" s="53"/>
      <c r="AL981" s="53"/>
      <c r="AM981" s="53"/>
      <c r="AN981" s="53"/>
      <c r="AO981" s="53"/>
      <c r="AP981" s="53"/>
      <c r="AQ981" s="53"/>
      <c r="AR981" s="53"/>
      <c r="AS981" s="53"/>
      <c r="AT981" s="53"/>
      <c r="AU981" s="53"/>
      <c r="AV981" s="53"/>
      <c r="AW981" s="53"/>
      <c r="AX981" s="53"/>
      <c r="AY981" s="53"/>
      <c r="AZ981" s="53"/>
      <c r="BA981" s="53"/>
      <c r="BB981" s="53"/>
      <c r="BC981" s="53"/>
      <c r="BD981" s="53"/>
      <c r="BE981" s="53"/>
      <c r="BF981" s="53"/>
      <c r="BG981" s="53"/>
      <c r="BH981" s="53"/>
      <c r="BI981" s="53"/>
      <c r="BJ981" s="53"/>
      <c r="BK981" s="53"/>
      <c r="BL981" s="53"/>
      <c r="BM981" s="53"/>
      <c r="BN981" s="53"/>
      <c r="BO981" s="53"/>
      <c r="BP981" s="53"/>
      <c r="BQ981" s="53"/>
      <c r="BR981" s="53"/>
      <c r="BS981" s="53"/>
      <c r="BT981" s="53"/>
      <c r="BU981" s="53"/>
      <c r="BV981" s="53"/>
      <c r="BW981" s="53"/>
      <c r="BX981" s="53"/>
      <c r="BY981" s="53"/>
      <c r="BZ981" s="53"/>
      <c r="CA981" s="53"/>
      <c r="CB981" s="53">
        <v>1.2358975297212999E-9</v>
      </c>
      <c r="CC981" s="53">
        <v>1.2358975297212999E-9</v>
      </c>
      <c r="CD981" s="53">
        <v>1.2358975297212999E-9</v>
      </c>
      <c r="CE981" s="53">
        <v>1.2358975297212999E-9</v>
      </c>
      <c r="CF981" s="53">
        <v>1.2358975297212999E-9</v>
      </c>
      <c r="CG981" s="53">
        <v>1.2358975297212999E-9</v>
      </c>
      <c r="CH981" s="53">
        <v>1.2358975297212999E-9</v>
      </c>
      <c r="CI981" s="53">
        <v>1.2358975297212999E-9</v>
      </c>
      <c r="CJ981" s="53">
        <v>1.2358975297212999E-9</v>
      </c>
      <c r="CK981" s="53">
        <v>1.2358975297212999E-9</v>
      </c>
      <c r="CL981" s="53">
        <v>1.2358975297212999E-9</v>
      </c>
      <c r="CM981" s="53">
        <v>1.2358975297212999E-9</v>
      </c>
      <c r="CN981" s="53">
        <v>1.48307703566556E-8</v>
      </c>
    </row>
    <row r="982" spans="1:92" outlineLevel="1">
      <c r="A982" s="52" t="s">
        <v>1405</v>
      </c>
      <c r="B982" s="53"/>
      <c r="C982" s="53"/>
      <c r="D982" s="53"/>
      <c r="E982" s="53"/>
      <c r="F982" s="53"/>
      <c r="G982" s="53"/>
      <c r="H982" s="53"/>
      <c r="I982" s="53"/>
      <c r="J982" s="53"/>
      <c r="K982" s="53"/>
      <c r="L982" s="53"/>
      <c r="M982" s="53"/>
      <c r="N982" s="53"/>
      <c r="O982" s="53"/>
      <c r="P982" s="53"/>
      <c r="Q982" s="53"/>
      <c r="R982" s="53"/>
      <c r="S982" s="53"/>
      <c r="T982" s="53"/>
      <c r="U982" s="53"/>
      <c r="V982" s="53"/>
      <c r="W982" s="53"/>
      <c r="X982" s="53"/>
      <c r="Y982" s="53"/>
      <c r="Z982" s="53"/>
      <c r="AA982" s="53"/>
      <c r="AB982" s="53"/>
      <c r="AC982" s="53"/>
      <c r="AD982" s="53"/>
      <c r="AE982" s="53"/>
      <c r="AF982" s="53"/>
      <c r="AG982" s="53"/>
      <c r="AH982" s="53"/>
      <c r="AI982" s="53"/>
      <c r="AJ982" s="53"/>
      <c r="AK982" s="53"/>
      <c r="AL982" s="53"/>
      <c r="AM982" s="53"/>
      <c r="AN982" s="53"/>
      <c r="AO982" s="53"/>
      <c r="AP982" s="53"/>
      <c r="AQ982" s="53"/>
      <c r="AR982" s="53"/>
      <c r="AS982" s="53"/>
      <c r="AT982" s="53"/>
      <c r="AU982" s="53"/>
      <c r="AV982" s="53"/>
      <c r="AW982" s="53"/>
      <c r="AX982" s="53"/>
      <c r="AY982" s="53"/>
      <c r="AZ982" s="53"/>
      <c r="BA982" s="53"/>
      <c r="BB982" s="53"/>
      <c r="BC982" s="53"/>
      <c r="BD982" s="53"/>
      <c r="BE982" s="53"/>
      <c r="BF982" s="53"/>
      <c r="BG982" s="53"/>
      <c r="BH982" s="53"/>
      <c r="BI982" s="53"/>
      <c r="BJ982" s="53"/>
      <c r="BK982" s="53"/>
      <c r="BL982" s="53"/>
      <c r="BM982" s="53"/>
      <c r="BN982" s="53"/>
      <c r="BO982" s="53"/>
      <c r="BP982" s="53"/>
      <c r="BQ982" s="53"/>
      <c r="BR982" s="53"/>
      <c r="BS982" s="53"/>
      <c r="BT982" s="53"/>
      <c r="BU982" s="53"/>
      <c r="BV982" s="53"/>
      <c r="BW982" s="53"/>
      <c r="BX982" s="53"/>
      <c r="BY982" s="53"/>
      <c r="BZ982" s="53"/>
      <c r="CA982" s="53"/>
      <c r="CB982" s="53"/>
      <c r="CC982" s="53"/>
      <c r="CD982" s="53"/>
      <c r="CE982" s="53"/>
      <c r="CF982" s="53"/>
      <c r="CG982" s="53"/>
      <c r="CH982" s="53"/>
      <c r="CI982" s="53"/>
      <c r="CJ982" s="53"/>
      <c r="CK982" s="53"/>
      <c r="CL982" s="53"/>
      <c r="CM982" s="53"/>
      <c r="CN982" s="53"/>
    </row>
    <row r="983" spans="1:92" outlineLevel="1">
      <c r="A983" s="52" t="s">
        <v>649</v>
      </c>
      <c r="B983" s="53"/>
      <c r="C983" s="53"/>
      <c r="D983" s="53"/>
      <c r="E983" s="53"/>
      <c r="F983" s="53"/>
      <c r="G983" s="53"/>
      <c r="H983" s="53"/>
      <c r="I983" s="53"/>
      <c r="J983" s="53"/>
      <c r="K983" s="53"/>
      <c r="L983" s="53"/>
      <c r="M983" s="53"/>
      <c r="N983" s="53"/>
      <c r="O983" s="53">
        <v>-459444.44399999903</v>
      </c>
      <c r="P983" s="53">
        <v>-459444.44399999903</v>
      </c>
      <c r="Q983" s="53">
        <v>-459444.44399999903</v>
      </c>
      <c r="R983" s="53">
        <v>-459444.44399999903</v>
      </c>
      <c r="S983" s="53">
        <v>-459444.44399999903</v>
      </c>
      <c r="T983" s="53">
        <v>-459444.44399999903</v>
      </c>
      <c r="U983" s="53">
        <v>-459444.44399999903</v>
      </c>
      <c r="V983" s="53">
        <v>-459444.44399999903</v>
      </c>
      <c r="W983" s="53">
        <v>-459444.44399999903</v>
      </c>
      <c r="X983" s="53">
        <v>-459444.44399999903</v>
      </c>
      <c r="Y983" s="53">
        <v>-459444.44399999903</v>
      </c>
      <c r="Z983" s="53">
        <v>-459444.44399999903</v>
      </c>
      <c r="AA983" s="53">
        <v>-5513333.3279999904</v>
      </c>
      <c r="AB983" s="53">
        <v>-459444.44399999903</v>
      </c>
      <c r="AC983" s="53">
        <v>-459444.44399999903</v>
      </c>
      <c r="AD983" s="53">
        <v>-459444.44399999903</v>
      </c>
      <c r="AE983" s="53">
        <v>-459444.44399999903</v>
      </c>
      <c r="AF983" s="53">
        <v>-459444.44399999903</v>
      </c>
      <c r="AG983" s="53">
        <v>-459444.44399999903</v>
      </c>
      <c r="AH983" s="53">
        <v>-459444.44399999903</v>
      </c>
      <c r="AI983" s="53">
        <v>-459444.44399999903</v>
      </c>
      <c r="AJ983" s="53">
        <v>-459444.44399999903</v>
      </c>
      <c r="AK983" s="53">
        <v>-459444.44399999903</v>
      </c>
      <c r="AL983" s="53">
        <v>-459444.44399999903</v>
      </c>
      <c r="AM983" s="53">
        <v>-459444.44399999903</v>
      </c>
      <c r="AN983" s="53">
        <v>-5513333.3279999904</v>
      </c>
      <c r="AO983" s="53">
        <v>-459444.44399999903</v>
      </c>
      <c r="AP983" s="53">
        <v>-459444.44399999903</v>
      </c>
      <c r="AQ983" s="53">
        <v>-459444.44399999903</v>
      </c>
      <c r="AR983" s="53">
        <v>-459444.44399999903</v>
      </c>
      <c r="AS983" s="53">
        <v>-459444.44399999903</v>
      </c>
      <c r="AT983" s="53">
        <v>-459444.44399999903</v>
      </c>
      <c r="AU983" s="53">
        <v>-459444.44399999903</v>
      </c>
      <c r="AV983" s="53">
        <v>-459444.44399999903</v>
      </c>
      <c r="AW983" s="53">
        <v>-459444.44399999903</v>
      </c>
      <c r="AX983" s="53">
        <v>-459444.44399999903</v>
      </c>
      <c r="AY983" s="53">
        <v>-459444.44399999903</v>
      </c>
      <c r="AZ983" s="53">
        <v>-459444.44399999903</v>
      </c>
      <c r="BA983" s="53">
        <v>-5513333.3279999904</v>
      </c>
      <c r="BB983" s="53">
        <v>-459444.44399999903</v>
      </c>
      <c r="BC983" s="53">
        <v>-459444.44399999903</v>
      </c>
      <c r="BD983" s="53">
        <v>-459444.44399999903</v>
      </c>
      <c r="BE983" s="53">
        <v>-459444.44399999903</v>
      </c>
      <c r="BF983" s="53">
        <v>-459444.44399999903</v>
      </c>
      <c r="BG983" s="53">
        <v>-459444.44399999903</v>
      </c>
      <c r="BH983" s="53">
        <v>-459444.44399999903</v>
      </c>
      <c r="BI983" s="53">
        <v>-459444.44399999903</v>
      </c>
      <c r="BJ983" s="53">
        <v>-459444.44399999903</v>
      </c>
      <c r="BK983" s="53">
        <v>-459444.44399999903</v>
      </c>
      <c r="BL983" s="53">
        <v>-459444.44399999903</v>
      </c>
      <c r="BM983" s="53">
        <v>-459444.44399999903</v>
      </c>
      <c r="BN983" s="53">
        <v>-5513333.3279999904</v>
      </c>
      <c r="BO983" s="53">
        <v>-459444.44399999903</v>
      </c>
      <c r="BP983" s="53">
        <v>-459444.44399999903</v>
      </c>
      <c r="BQ983" s="53">
        <v>-459444.44399999903</v>
      </c>
      <c r="BR983" s="53">
        <v>-459444.44399999903</v>
      </c>
      <c r="BS983" s="53">
        <v>-459444.44399999903</v>
      </c>
      <c r="BT983" s="53">
        <v>-459444.44399999903</v>
      </c>
      <c r="BU983" s="53">
        <v>-459444.44399999903</v>
      </c>
      <c r="BV983" s="53">
        <v>-459444.44399999903</v>
      </c>
      <c r="BW983" s="53">
        <v>-459444.44399999903</v>
      </c>
      <c r="BX983" s="53">
        <v>-459444.44399999903</v>
      </c>
      <c r="BY983" s="53">
        <v>-459444.44399999903</v>
      </c>
      <c r="BZ983" s="53">
        <v>-459444.44399999903</v>
      </c>
      <c r="CA983" s="53">
        <v>-5513333.3279999904</v>
      </c>
      <c r="CB983" s="53"/>
      <c r="CC983" s="53"/>
      <c r="CD983" s="53"/>
      <c r="CE983" s="53"/>
      <c r="CF983" s="53"/>
      <c r="CG983" s="53"/>
      <c r="CH983" s="53"/>
      <c r="CI983" s="53"/>
      <c r="CJ983" s="53"/>
      <c r="CK983" s="53"/>
      <c r="CL983" s="53"/>
      <c r="CM983" s="53"/>
      <c r="CN983" s="53"/>
    </row>
    <row r="984" spans="1:92" outlineLevel="1">
      <c r="A984" s="52" t="s">
        <v>1406</v>
      </c>
      <c r="B984" s="53"/>
      <c r="C984" s="53"/>
      <c r="D984" s="53"/>
      <c r="E984" s="53"/>
      <c r="F984" s="53"/>
      <c r="G984" s="53"/>
      <c r="H984" s="53"/>
      <c r="I984" s="53"/>
      <c r="J984" s="53"/>
      <c r="K984" s="53"/>
      <c r="L984" s="53"/>
      <c r="M984" s="53"/>
      <c r="N984" s="53"/>
      <c r="O984" s="53"/>
      <c r="P984" s="53"/>
      <c r="Q984" s="53"/>
      <c r="R984" s="53"/>
      <c r="S984" s="53"/>
      <c r="T984" s="53"/>
      <c r="U984" s="53"/>
      <c r="V984" s="53"/>
      <c r="W984" s="53"/>
      <c r="X984" s="53"/>
      <c r="Y984" s="53"/>
      <c r="Z984" s="53"/>
      <c r="AA984" s="53"/>
      <c r="AB984" s="53"/>
      <c r="AC984" s="53"/>
      <c r="AD984" s="53"/>
      <c r="AE984" s="53"/>
      <c r="AF984" s="53"/>
      <c r="AG984" s="53"/>
      <c r="AH984" s="53"/>
      <c r="AI984" s="53"/>
      <c r="AJ984" s="53"/>
      <c r="AK984" s="53"/>
      <c r="AL984" s="53"/>
      <c r="AM984" s="53"/>
      <c r="AN984" s="53"/>
      <c r="AO984" s="53"/>
      <c r="AP984" s="53"/>
      <c r="AQ984" s="53"/>
      <c r="AR984" s="53"/>
      <c r="AS984" s="53"/>
      <c r="AT984" s="53"/>
      <c r="AU984" s="53"/>
      <c r="AV984" s="53"/>
      <c r="AW984" s="53"/>
      <c r="AX984" s="53"/>
      <c r="AY984" s="53"/>
      <c r="AZ984" s="53"/>
      <c r="BA984" s="53"/>
      <c r="BB984" s="53"/>
      <c r="BC984" s="53"/>
      <c r="BD984" s="53"/>
      <c r="BE984" s="53"/>
      <c r="BF984" s="53"/>
      <c r="BG984" s="53"/>
      <c r="BH984" s="53"/>
      <c r="BI984" s="53"/>
      <c r="BJ984" s="53"/>
      <c r="BK984" s="53"/>
      <c r="BL984" s="53"/>
      <c r="BM984" s="53"/>
      <c r="BN984" s="53"/>
      <c r="BO984" s="53"/>
      <c r="BP984" s="53"/>
      <c r="BQ984" s="53"/>
      <c r="BR984" s="53"/>
      <c r="BS984" s="53"/>
      <c r="BT984" s="53"/>
      <c r="BU984" s="53"/>
      <c r="BV984" s="53"/>
      <c r="BW984" s="53"/>
      <c r="BX984" s="53"/>
      <c r="BY984" s="53"/>
      <c r="BZ984" s="53"/>
      <c r="CA984" s="53"/>
      <c r="CB984" s="53"/>
      <c r="CC984" s="53"/>
      <c r="CD984" s="53"/>
      <c r="CE984" s="53"/>
      <c r="CF984" s="53"/>
      <c r="CG984" s="53"/>
      <c r="CH984" s="53"/>
      <c r="CI984" s="53"/>
      <c r="CJ984" s="53"/>
      <c r="CK984" s="53"/>
      <c r="CL984" s="53"/>
      <c r="CM984" s="53"/>
      <c r="CN984" s="53"/>
    </row>
    <row r="985" spans="1:92" outlineLevel="1">
      <c r="A985" s="52" t="s">
        <v>649</v>
      </c>
      <c r="B985" s="53"/>
      <c r="C985" s="53"/>
      <c r="D985" s="53"/>
      <c r="E985" s="53"/>
      <c r="F985" s="53"/>
      <c r="G985" s="53"/>
      <c r="H985" s="53"/>
      <c r="I985" s="53"/>
      <c r="J985" s="53"/>
      <c r="K985" s="53"/>
      <c r="L985" s="53"/>
      <c r="M985" s="53"/>
      <c r="N985" s="53"/>
      <c r="O985" s="53"/>
      <c r="P985" s="53"/>
      <c r="Q985" s="53">
        <v>-1570338.8199999901</v>
      </c>
      <c r="R985" s="53"/>
      <c r="S985" s="53"/>
      <c r="T985" s="53">
        <v>-1570338.8199999901</v>
      </c>
      <c r="U985" s="53"/>
      <c r="V985" s="53"/>
      <c r="W985" s="53">
        <v>-1570338.8199999901</v>
      </c>
      <c r="X985" s="53"/>
      <c r="Y985" s="53"/>
      <c r="Z985" s="53">
        <v>-1570338.8199999901</v>
      </c>
      <c r="AA985" s="53">
        <v>-6281355.27999999</v>
      </c>
      <c r="AB985" s="53"/>
      <c r="AC985" s="53"/>
      <c r="AD985" s="53">
        <v>-1570338.8199999901</v>
      </c>
      <c r="AE985" s="53"/>
      <c r="AF985" s="53"/>
      <c r="AG985" s="53">
        <v>-1570338.8199999901</v>
      </c>
      <c r="AH985" s="53"/>
      <c r="AI985" s="53"/>
      <c r="AJ985" s="53">
        <v>-1570338.8199999901</v>
      </c>
      <c r="AK985" s="53"/>
      <c r="AL985" s="53"/>
      <c r="AM985" s="53">
        <v>-1570338.8199999901</v>
      </c>
      <c r="AN985" s="53">
        <v>-6281355.27999999</v>
      </c>
      <c r="AO985" s="53"/>
      <c r="AP985" s="53"/>
      <c r="AQ985" s="53">
        <v>-1570338.8199999901</v>
      </c>
      <c r="AR985" s="53"/>
      <c r="AS985" s="53"/>
      <c r="AT985" s="53">
        <v>-1570338.8199999901</v>
      </c>
      <c r="AU985" s="53"/>
      <c r="AV985" s="53"/>
      <c r="AW985" s="53">
        <v>-1570338.8199999901</v>
      </c>
      <c r="AX985" s="53"/>
      <c r="AY985" s="53"/>
      <c r="AZ985" s="53">
        <v>-1570338.8199999901</v>
      </c>
      <c r="BA985" s="53">
        <v>-6281355.27999999</v>
      </c>
      <c r="BB985" s="53"/>
      <c r="BC985" s="53"/>
      <c r="BD985" s="53">
        <v>-1570338.8199999901</v>
      </c>
      <c r="BE985" s="53"/>
      <c r="BF985" s="53"/>
      <c r="BG985" s="53">
        <v>-1570338.8199999901</v>
      </c>
      <c r="BH985" s="53"/>
      <c r="BI985" s="53"/>
      <c r="BJ985" s="53">
        <v>-1570338.8199999901</v>
      </c>
      <c r="BK985" s="53"/>
      <c r="BL985" s="53"/>
      <c r="BM985" s="53">
        <v>-1570338.8199999901</v>
      </c>
      <c r="BN985" s="53">
        <v>-6281355.27999999</v>
      </c>
      <c r="BO985" s="53"/>
      <c r="BP985" s="53"/>
      <c r="BQ985" s="53">
        <v>-1570338.8199999901</v>
      </c>
      <c r="BR985" s="53"/>
      <c r="BS985" s="53"/>
      <c r="BT985" s="53">
        <v>-1570338.8199999901</v>
      </c>
      <c r="BU985" s="53"/>
      <c r="BV985" s="53"/>
      <c r="BW985" s="53">
        <v>-861366</v>
      </c>
      <c r="BX985" s="53"/>
      <c r="BY985" s="53"/>
      <c r="BZ985" s="53"/>
      <c r="CA985" s="53">
        <v>-4002043.6399999899</v>
      </c>
      <c r="CB985" s="53"/>
      <c r="CC985" s="53"/>
      <c r="CD985" s="53"/>
      <c r="CE985" s="53"/>
      <c r="CF985" s="53"/>
      <c r="CG985" s="53"/>
      <c r="CH985" s="53"/>
      <c r="CI985" s="53"/>
      <c r="CJ985" s="53"/>
      <c r="CK985" s="53"/>
      <c r="CL985" s="53"/>
      <c r="CM985" s="53"/>
      <c r="CN985" s="53"/>
    </row>
    <row r="986" spans="1:92" outlineLevel="1">
      <c r="A986" s="52" t="s">
        <v>1407</v>
      </c>
      <c r="B986" s="53"/>
      <c r="C986" s="53"/>
      <c r="D986" s="53"/>
      <c r="E986" s="53"/>
      <c r="F986" s="53"/>
      <c r="G986" s="53"/>
      <c r="H986" s="53"/>
      <c r="I986" s="53"/>
      <c r="J986" s="53"/>
      <c r="K986" s="53"/>
      <c r="L986" s="53"/>
      <c r="M986" s="53"/>
      <c r="N986" s="53"/>
      <c r="O986" s="53"/>
      <c r="P986" s="53"/>
      <c r="Q986" s="53"/>
      <c r="R986" s="53"/>
      <c r="S986" s="53"/>
      <c r="T986" s="53"/>
      <c r="U986" s="53"/>
      <c r="V986" s="53"/>
      <c r="W986" s="53"/>
      <c r="X986" s="53"/>
      <c r="Y986" s="53"/>
      <c r="Z986" s="53"/>
      <c r="AA986" s="53"/>
      <c r="AB986" s="53"/>
      <c r="AC986" s="53"/>
      <c r="AD986" s="53"/>
      <c r="AE986" s="53"/>
      <c r="AF986" s="53"/>
      <c r="AG986" s="53"/>
      <c r="AH986" s="53"/>
      <c r="AI986" s="53"/>
      <c r="AJ986" s="53"/>
      <c r="AK986" s="53"/>
      <c r="AL986" s="53"/>
      <c r="AM986" s="53"/>
      <c r="AN986" s="53"/>
      <c r="AO986" s="53"/>
      <c r="AP986" s="53"/>
      <c r="AQ986" s="53"/>
      <c r="AR986" s="53"/>
      <c r="AS986" s="53"/>
      <c r="AT986" s="53"/>
      <c r="AU986" s="53"/>
      <c r="AV986" s="53"/>
      <c r="AW986" s="53"/>
      <c r="AX986" s="53"/>
      <c r="AY986" s="53"/>
      <c r="AZ986" s="53"/>
      <c r="BA986" s="53"/>
      <c r="BB986" s="53"/>
      <c r="BC986" s="53"/>
      <c r="BD986" s="53"/>
      <c r="BE986" s="53"/>
      <c r="BF986" s="53"/>
      <c r="BG986" s="53"/>
      <c r="BH986" s="53"/>
      <c r="BI986" s="53"/>
      <c r="BJ986" s="53"/>
      <c r="BK986" s="53"/>
      <c r="BL986" s="53"/>
      <c r="BM986" s="53"/>
      <c r="BN986" s="53"/>
      <c r="BO986" s="53"/>
      <c r="BP986" s="53"/>
      <c r="BQ986" s="53"/>
      <c r="BR986" s="53"/>
      <c r="BS986" s="53"/>
      <c r="BT986" s="53"/>
      <c r="BU986" s="53"/>
      <c r="BV986" s="53"/>
      <c r="BW986" s="53"/>
      <c r="BX986" s="53"/>
      <c r="BY986" s="53"/>
      <c r="BZ986" s="53"/>
      <c r="CA986" s="53"/>
      <c r="CB986" s="53"/>
      <c r="CC986" s="53"/>
      <c r="CD986" s="53"/>
      <c r="CE986" s="53"/>
      <c r="CF986" s="53"/>
      <c r="CG986" s="53"/>
      <c r="CH986" s="53"/>
      <c r="CI986" s="53"/>
      <c r="CJ986" s="53"/>
      <c r="CK986" s="53"/>
      <c r="CL986" s="53"/>
      <c r="CM986" s="53"/>
      <c r="CN986" s="53"/>
    </row>
    <row r="987" spans="1:92" outlineLevel="1">
      <c r="A987" s="52" t="s">
        <v>649</v>
      </c>
      <c r="B987" s="53">
        <v>-48418.384375000001</v>
      </c>
      <c r="C987" s="53">
        <v>-48418.384375000001</v>
      </c>
      <c r="D987" s="53">
        <v>-48418.384375000001</v>
      </c>
      <c r="E987" s="53">
        <v>-48418.384375000001</v>
      </c>
      <c r="F987" s="53">
        <v>-48418.384375000001</v>
      </c>
      <c r="G987" s="53">
        <v>-48418.384375000001</v>
      </c>
      <c r="H987" s="53">
        <v>-48418.384375000001</v>
      </c>
      <c r="I987" s="53">
        <v>-48418.384375000001</v>
      </c>
      <c r="J987" s="53">
        <v>-48418.384375000001</v>
      </c>
      <c r="K987" s="53">
        <v>-48418.384375000001</v>
      </c>
      <c r="L987" s="53">
        <v>-48418.384375000001</v>
      </c>
      <c r="M987" s="53">
        <v>-48418.384375000001</v>
      </c>
      <c r="N987" s="53">
        <v>-581020.61250000005</v>
      </c>
      <c r="O987" s="53">
        <v>-48418.384375000001</v>
      </c>
      <c r="P987" s="53">
        <v>-48418.384375000001</v>
      </c>
      <c r="Q987" s="53">
        <v>-48418.384375000001</v>
      </c>
      <c r="R987" s="53">
        <v>-48418.384375000001</v>
      </c>
      <c r="S987" s="53">
        <v>-48418.384375000001</v>
      </c>
      <c r="T987" s="53">
        <v>-48418.384375000001</v>
      </c>
      <c r="U987" s="53">
        <v>-48418.384375000001</v>
      </c>
      <c r="V987" s="53">
        <v>-48418.384375000001</v>
      </c>
      <c r="W987" s="53">
        <v>-48418.384375000001</v>
      </c>
      <c r="X987" s="53">
        <v>-48418.384375000001</v>
      </c>
      <c r="Y987" s="53">
        <v>-48418.384375000001</v>
      </c>
      <c r="Z987" s="53">
        <v>-48418.384375000001</v>
      </c>
      <c r="AA987" s="53">
        <v>-581020.61250000005</v>
      </c>
      <c r="AB987" s="53">
        <v>-48418.384375000001</v>
      </c>
      <c r="AC987" s="53">
        <v>-48418.384375000001</v>
      </c>
      <c r="AD987" s="53">
        <v>-48418.384375000001</v>
      </c>
      <c r="AE987" s="53">
        <v>-48418.384375000001</v>
      </c>
      <c r="AF987" s="53">
        <v>-48418.384375000001</v>
      </c>
      <c r="AG987" s="53">
        <v>-48418.384375000001</v>
      </c>
      <c r="AH987" s="53">
        <v>-48418.384375000001</v>
      </c>
      <c r="AI987" s="53">
        <v>-48418.384375000001</v>
      </c>
      <c r="AJ987" s="53">
        <v>-48418.384375000001</v>
      </c>
      <c r="AK987" s="53">
        <v>-48418.384375000001</v>
      </c>
      <c r="AL987" s="53">
        <v>-48418.384375000001</v>
      </c>
      <c r="AM987" s="53">
        <v>-48418.384375000001</v>
      </c>
      <c r="AN987" s="53">
        <v>-581020.61250000005</v>
      </c>
      <c r="AO987" s="53">
        <v>-48418.384375000001</v>
      </c>
      <c r="AP987" s="53">
        <v>-48418.384375000001</v>
      </c>
      <c r="AQ987" s="53">
        <v>-48418.384375000001</v>
      </c>
      <c r="AR987" s="53">
        <v>-48418.384375000001</v>
      </c>
      <c r="AS987" s="53">
        <v>-48418.384375000001</v>
      </c>
      <c r="AT987" s="53">
        <v>-48418.384375000001</v>
      </c>
      <c r="AU987" s="53">
        <v>-48418.384375000001</v>
      </c>
      <c r="AV987" s="53">
        <v>-48418.384375000001</v>
      </c>
      <c r="AW987" s="53">
        <v>-48418.384375000001</v>
      </c>
      <c r="AX987" s="53">
        <v>-48418.384375000001</v>
      </c>
      <c r="AY987" s="53">
        <v>-48418.384375000001</v>
      </c>
      <c r="AZ987" s="53">
        <v>-48418.384375000001</v>
      </c>
      <c r="BA987" s="53">
        <v>-581020.61250000005</v>
      </c>
      <c r="BB987" s="53"/>
      <c r="BC987" s="53"/>
      <c r="BD987" s="53"/>
      <c r="BE987" s="53"/>
      <c r="BF987" s="53"/>
      <c r="BG987" s="53"/>
      <c r="BH987" s="53"/>
      <c r="BI987" s="53"/>
      <c r="BJ987" s="53"/>
      <c r="BK987" s="53"/>
      <c r="BL987" s="53"/>
      <c r="BM987" s="53"/>
      <c r="BN987" s="53"/>
      <c r="BO987" s="53"/>
      <c r="BP987" s="53"/>
      <c r="BQ987" s="53"/>
      <c r="BR987" s="53"/>
      <c r="BS987" s="53"/>
      <c r="BT987" s="53"/>
      <c r="BU987" s="53"/>
      <c r="BV987" s="53"/>
      <c r="BW987" s="53"/>
      <c r="BX987" s="53"/>
      <c r="BY987" s="53"/>
      <c r="BZ987" s="53"/>
      <c r="CA987" s="53"/>
      <c r="CB987" s="53"/>
      <c r="CC987" s="53"/>
      <c r="CD987" s="53"/>
      <c r="CE987" s="53"/>
      <c r="CF987" s="53"/>
      <c r="CG987" s="53"/>
      <c r="CH987" s="53"/>
      <c r="CI987" s="53"/>
      <c r="CJ987" s="53"/>
      <c r="CK987" s="53"/>
      <c r="CL987" s="53"/>
      <c r="CM987" s="53"/>
      <c r="CN987" s="53"/>
    </row>
    <row r="988" spans="1:92">
      <c r="A988" s="52" t="s">
        <v>1408</v>
      </c>
      <c r="B988" s="53"/>
      <c r="C988" s="53"/>
      <c r="D988" s="53"/>
      <c r="E988" s="53"/>
      <c r="F988" s="53"/>
      <c r="G988" s="53"/>
      <c r="H988" s="53"/>
      <c r="I988" s="53"/>
      <c r="J988" s="53"/>
      <c r="K988" s="53"/>
      <c r="L988" s="53"/>
      <c r="M988" s="53"/>
      <c r="N988" s="53"/>
      <c r="O988" s="53"/>
      <c r="P988" s="53"/>
      <c r="Q988" s="53"/>
      <c r="R988" s="53"/>
      <c r="S988" s="53"/>
      <c r="T988" s="53"/>
      <c r="U988" s="53"/>
      <c r="V988" s="53"/>
      <c r="W988" s="53"/>
      <c r="X988" s="53"/>
      <c r="Y988" s="53"/>
      <c r="Z988" s="53"/>
      <c r="AA988" s="53"/>
      <c r="AB988" s="53"/>
      <c r="AC988" s="53"/>
      <c r="AD988" s="53"/>
      <c r="AE988" s="53"/>
      <c r="AF988" s="53"/>
      <c r="AG988" s="53"/>
      <c r="AH988" s="53"/>
      <c r="AI988" s="53"/>
      <c r="AJ988" s="53"/>
      <c r="AK988" s="53"/>
      <c r="AL988" s="53"/>
      <c r="AM988" s="53"/>
      <c r="AN988" s="53"/>
      <c r="AO988" s="53"/>
      <c r="AP988" s="53"/>
      <c r="AQ988" s="53"/>
      <c r="AR988" s="53"/>
      <c r="AS988" s="53"/>
      <c r="AT988" s="53"/>
      <c r="AU988" s="53"/>
      <c r="AV988" s="53"/>
      <c r="AW988" s="53"/>
      <c r="AX988" s="53"/>
      <c r="AY988" s="53"/>
      <c r="AZ988" s="53"/>
      <c r="BA988" s="53"/>
      <c r="BB988" s="53"/>
      <c r="BC988" s="53"/>
      <c r="BD988" s="53"/>
      <c r="BE988" s="53"/>
      <c r="BF988" s="53"/>
      <c r="BG988" s="53"/>
      <c r="BH988" s="53"/>
      <c r="BI988" s="53"/>
      <c r="BJ988" s="53"/>
      <c r="BK988" s="53"/>
      <c r="BL988" s="53"/>
      <c r="BM988" s="53"/>
      <c r="BN988" s="53"/>
      <c r="BO988" s="53"/>
      <c r="BP988" s="53"/>
      <c r="BQ988" s="53"/>
      <c r="BR988" s="53"/>
      <c r="BS988" s="53"/>
      <c r="BT988" s="53"/>
      <c r="BU988" s="53"/>
      <c r="BV988" s="53"/>
      <c r="BW988" s="53"/>
      <c r="BX988" s="53"/>
      <c r="BY988" s="53"/>
      <c r="BZ988" s="53"/>
      <c r="CA988" s="53"/>
      <c r="CB988" s="53"/>
      <c r="CC988" s="53"/>
      <c r="CD988" s="53"/>
      <c r="CE988" s="53"/>
      <c r="CF988" s="53"/>
      <c r="CG988" s="53"/>
      <c r="CH988" s="53"/>
      <c r="CI988" s="53"/>
      <c r="CJ988" s="53"/>
      <c r="CK988" s="53"/>
      <c r="CL988" s="53"/>
      <c r="CM988" s="53"/>
      <c r="CN988" s="53"/>
    </row>
    <row r="989" spans="1:92" outlineLevel="1">
      <c r="A989" s="52" t="s">
        <v>649</v>
      </c>
      <c r="B989" s="53">
        <v>-19475.434583333299</v>
      </c>
      <c r="C989" s="53">
        <v>-19475.434583333299</v>
      </c>
      <c r="D989" s="53">
        <v>-19475.434583333299</v>
      </c>
      <c r="E989" s="53">
        <v>-19475.434583333299</v>
      </c>
      <c r="F989" s="53">
        <v>-19475.434583333299</v>
      </c>
      <c r="G989" s="53">
        <v>-19475.434583333299</v>
      </c>
      <c r="H989" s="53">
        <v>-19475.434583333299</v>
      </c>
      <c r="I989" s="53">
        <v>-19475.434583333299</v>
      </c>
      <c r="J989" s="53">
        <v>-19475.434583333299</v>
      </c>
      <c r="K989" s="53">
        <v>-19475.434583333299</v>
      </c>
      <c r="L989" s="53">
        <v>-19475.434583333299</v>
      </c>
      <c r="M989" s="53">
        <v>-19475.434583333299</v>
      </c>
      <c r="N989" s="53">
        <v>-233705.21499999901</v>
      </c>
      <c r="O989" s="53">
        <v>-19475.434583333299</v>
      </c>
      <c r="P989" s="53">
        <v>-19475.434583333299</v>
      </c>
      <c r="Q989" s="53">
        <v>-19475.434583333299</v>
      </c>
      <c r="R989" s="53">
        <v>-19475.434583333299</v>
      </c>
      <c r="S989" s="53">
        <v>-19475.434583333299</v>
      </c>
      <c r="T989" s="53">
        <v>-19475.434583333299</v>
      </c>
      <c r="U989" s="53">
        <v>-19475.434583333299</v>
      </c>
      <c r="V989" s="53">
        <v>-19475.434583333299</v>
      </c>
      <c r="W989" s="53">
        <v>-19475.434583333299</v>
      </c>
      <c r="X989" s="53">
        <v>-19475.434583333299</v>
      </c>
      <c r="Y989" s="53">
        <v>-19475.434583333299</v>
      </c>
      <c r="Z989" s="53">
        <v>-19475.434583333299</v>
      </c>
      <c r="AA989" s="53">
        <v>-233705.21499999901</v>
      </c>
      <c r="AB989" s="53">
        <v>-19475.434583333299</v>
      </c>
      <c r="AC989" s="53">
        <v>-19475.434583333299</v>
      </c>
      <c r="AD989" s="53">
        <v>-19475.434583333299</v>
      </c>
      <c r="AE989" s="53">
        <v>-19475.434583333299</v>
      </c>
      <c r="AF989" s="53">
        <v>-19475.434583333299</v>
      </c>
      <c r="AG989" s="53">
        <v>-19475.434583333299</v>
      </c>
      <c r="AH989" s="53">
        <v>-19475.434583333299</v>
      </c>
      <c r="AI989" s="53">
        <v>-19475.434583333299</v>
      </c>
      <c r="AJ989" s="53">
        <v>-19475.434583333299</v>
      </c>
      <c r="AK989" s="53">
        <v>-19475.434583333299</v>
      </c>
      <c r="AL989" s="53">
        <v>-19475.434583333299</v>
      </c>
      <c r="AM989" s="53">
        <v>-19475.434583333299</v>
      </c>
      <c r="AN989" s="53">
        <v>-233705.21499999901</v>
      </c>
      <c r="AO989" s="53">
        <v>-19475.434583333299</v>
      </c>
      <c r="AP989" s="53">
        <v>-19475.434583333299</v>
      </c>
      <c r="AQ989" s="53">
        <v>-19475.434583333299</v>
      </c>
      <c r="AR989" s="53">
        <v>-19475.434583333299</v>
      </c>
      <c r="AS989" s="53">
        <v>-19475.434583333299</v>
      </c>
      <c r="AT989" s="53">
        <v>-19475.434583333299</v>
      </c>
      <c r="AU989" s="53">
        <v>-19475.434583333299</v>
      </c>
      <c r="AV989" s="53">
        <v>-19475.434583333299</v>
      </c>
      <c r="AW989" s="53">
        <v>-19475.434583333299</v>
      </c>
      <c r="AX989" s="53">
        <v>-19475.434583333299</v>
      </c>
      <c r="AY989" s="53">
        <v>-19475.434583333299</v>
      </c>
      <c r="AZ989" s="53">
        <v>-19475.434583333299</v>
      </c>
      <c r="BA989" s="53">
        <v>-233705.21499999901</v>
      </c>
      <c r="BB989" s="53"/>
      <c r="BC989" s="53"/>
      <c r="BD989" s="53"/>
      <c r="BE989" s="53"/>
      <c r="BF989" s="53"/>
      <c r="BG989" s="53"/>
      <c r="BH989" s="53"/>
      <c r="BI989" s="53"/>
      <c r="BJ989" s="53"/>
      <c r="BK989" s="53"/>
      <c r="BL989" s="53"/>
      <c r="BM989" s="53"/>
      <c r="BN989" s="53"/>
      <c r="BO989" s="53"/>
      <c r="BP989" s="53"/>
      <c r="BQ989" s="53"/>
      <c r="BR989" s="53"/>
      <c r="BS989" s="53"/>
      <c r="BT989" s="53"/>
      <c r="BU989" s="53"/>
      <c r="BV989" s="53"/>
      <c r="BW989" s="53"/>
      <c r="BX989" s="53"/>
      <c r="BY989" s="53"/>
      <c r="BZ989" s="53"/>
      <c r="CA989" s="53"/>
      <c r="CB989" s="53"/>
      <c r="CC989" s="53"/>
      <c r="CD989" s="53"/>
      <c r="CE989" s="53"/>
      <c r="CF989" s="53"/>
      <c r="CG989" s="53"/>
      <c r="CH989" s="53"/>
      <c r="CI989" s="53"/>
      <c r="CJ989" s="53"/>
      <c r="CK989" s="53"/>
      <c r="CL989" s="53"/>
      <c r="CM989" s="53"/>
      <c r="CN989" s="53"/>
    </row>
    <row r="990" spans="1:92" outlineLevel="1">
      <c r="A990" s="52" t="s">
        <v>1409</v>
      </c>
      <c r="B990" s="53"/>
      <c r="C990" s="53"/>
      <c r="D990" s="53"/>
      <c r="E990" s="53"/>
      <c r="F990" s="53"/>
      <c r="G990" s="53"/>
      <c r="H990" s="53"/>
      <c r="I990" s="53"/>
      <c r="J990" s="53"/>
      <c r="K990" s="53"/>
      <c r="L990" s="53"/>
      <c r="M990" s="53"/>
      <c r="N990" s="53"/>
      <c r="O990" s="53"/>
      <c r="P990" s="53"/>
      <c r="Q990" s="53"/>
      <c r="R990" s="53"/>
      <c r="S990" s="53"/>
      <c r="T990" s="53"/>
      <c r="U990" s="53"/>
      <c r="V990" s="53"/>
      <c r="W990" s="53"/>
      <c r="X990" s="53"/>
      <c r="Y990" s="53"/>
      <c r="Z990" s="53"/>
      <c r="AA990" s="53"/>
      <c r="AB990" s="53"/>
      <c r="AC990" s="53"/>
      <c r="AD990" s="53"/>
      <c r="AE990" s="53"/>
      <c r="AF990" s="53"/>
      <c r="AG990" s="53"/>
      <c r="AH990" s="53"/>
      <c r="AI990" s="53"/>
      <c r="AJ990" s="53"/>
      <c r="AK990" s="53"/>
      <c r="AL990" s="53"/>
      <c r="AM990" s="53"/>
      <c r="AN990" s="53"/>
      <c r="AO990" s="53"/>
      <c r="AP990" s="53"/>
      <c r="AQ990" s="53"/>
      <c r="AR990" s="53"/>
      <c r="AS990" s="53"/>
      <c r="AT990" s="53"/>
      <c r="AU990" s="53"/>
      <c r="AV990" s="53"/>
      <c r="AW990" s="53"/>
      <c r="AX990" s="53"/>
      <c r="AY990" s="53"/>
      <c r="AZ990" s="53"/>
      <c r="BA990" s="53"/>
      <c r="BB990" s="53"/>
      <c r="BC990" s="53"/>
      <c r="BD990" s="53"/>
      <c r="BE990" s="53"/>
      <c r="BF990" s="53"/>
      <c r="BG990" s="53"/>
      <c r="BH990" s="53"/>
      <c r="BI990" s="53"/>
      <c r="BJ990" s="53"/>
      <c r="BK990" s="53"/>
      <c r="BL990" s="53"/>
      <c r="BM990" s="53"/>
      <c r="BN990" s="53"/>
      <c r="BO990" s="53"/>
      <c r="BP990" s="53"/>
      <c r="BQ990" s="53"/>
      <c r="BR990" s="53"/>
      <c r="BS990" s="53"/>
      <c r="BT990" s="53"/>
      <c r="BU990" s="53"/>
      <c r="BV990" s="53"/>
      <c r="BW990" s="53"/>
      <c r="BX990" s="53"/>
      <c r="BY990" s="53"/>
      <c r="BZ990" s="53"/>
      <c r="CA990" s="53"/>
      <c r="CB990" s="53">
        <v>-26552.408488063698</v>
      </c>
      <c r="CC990" s="53">
        <v>-26552.408488063698</v>
      </c>
      <c r="CD990" s="53">
        <v>-26552.408488063698</v>
      </c>
      <c r="CE990" s="53">
        <v>-26552.408488063698</v>
      </c>
      <c r="CF990" s="53">
        <v>-26552.408488063698</v>
      </c>
      <c r="CG990" s="53">
        <v>-26552.408488063698</v>
      </c>
      <c r="CH990" s="53">
        <v>-26552.408488063698</v>
      </c>
      <c r="CI990" s="53">
        <v>-26552.408488063698</v>
      </c>
      <c r="CJ990" s="53">
        <v>-26552.408488063698</v>
      </c>
      <c r="CK990" s="53">
        <v>-26552.408488063698</v>
      </c>
      <c r="CL990" s="53">
        <v>-26552.408488063698</v>
      </c>
      <c r="CM990" s="53">
        <v>-26552.408488063698</v>
      </c>
      <c r="CN990" s="53">
        <v>-318628.90185676399</v>
      </c>
    </row>
    <row r="991" spans="1:92" outlineLevel="1">
      <c r="A991" s="52" t="s">
        <v>649</v>
      </c>
      <c r="B991" s="53"/>
      <c r="C991" s="53"/>
      <c r="D991" s="53"/>
      <c r="E991" s="53"/>
      <c r="F991" s="53"/>
      <c r="G991" s="53"/>
      <c r="H991" s="53"/>
      <c r="I991" s="53"/>
      <c r="J991" s="53"/>
      <c r="K991" s="53"/>
      <c r="L991" s="53"/>
      <c r="M991" s="53"/>
      <c r="N991" s="53"/>
      <c r="O991" s="53">
        <v>111279.41666666701</v>
      </c>
      <c r="P991" s="53">
        <v>111279.41666666701</v>
      </c>
      <c r="Q991" s="53">
        <v>111279.41666666701</v>
      </c>
      <c r="R991" s="53">
        <v>111279.41666666701</v>
      </c>
      <c r="S991" s="53">
        <v>111279.41666666701</v>
      </c>
      <c r="T991" s="53">
        <v>111279.41666666701</v>
      </c>
      <c r="U991" s="53">
        <v>111279.41666666701</v>
      </c>
      <c r="V991" s="53">
        <v>111279.41666666701</v>
      </c>
      <c r="W991" s="53">
        <v>111279.41666666701</v>
      </c>
      <c r="X991" s="53">
        <v>111279.41666666701</v>
      </c>
      <c r="Y991" s="53">
        <v>111279.41666666701</v>
      </c>
      <c r="Z991" s="53">
        <v>111279.41666666701</v>
      </c>
      <c r="AA991" s="53">
        <v>1335353</v>
      </c>
      <c r="AB991" s="53">
        <v>110447.08333333299</v>
      </c>
      <c r="AC991" s="53">
        <v>110447.08333333299</v>
      </c>
      <c r="AD991" s="53">
        <v>110447.08333333299</v>
      </c>
      <c r="AE991" s="53">
        <v>110447.08333333299</v>
      </c>
      <c r="AF991" s="53">
        <v>110447.08333333299</v>
      </c>
      <c r="AG991" s="53">
        <v>110447.08333333299</v>
      </c>
      <c r="AH991" s="53">
        <v>110447.08333333299</v>
      </c>
      <c r="AI991" s="53">
        <v>110447.08333333299</v>
      </c>
      <c r="AJ991" s="53">
        <v>110447.08333333299</v>
      </c>
      <c r="AK991" s="53">
        <v>110447.08333333299</v>
      </c>
      <c r="AL991" s="53">
        <v>110447.08333333299</v>
      </c>
      <c r="AM991" s="53">
        <v>110447.08333333299</v>
      </c>
      <c r="AN991" s="53">
        <v>1325364.99999999</v>
      </c>
      <c r="AO991" s="53">
        <v>110280.66666666701</v>
      </c>
      <c r="AP991" s="53">
        <v>110280.66666666701</v>
      </c>
      <c r="AQ991" s="53">
        <v>110280.66666666701</v>
      </c>
      <c r="AR991" s="53">
        <v>110280.66666666701</v>
      </c>
      <c r="AS991" s="53">
        <v>110280.66666666701</v>
      </c>
      <c r="AT991" s="53">
        <v>110280.66666666701</v>
      </c>
      <c r="AU991" s="53">
        <v>110280.66666666701</v>
      </c>
      <c r="AV991" s="53">
        <v>110280.66666666701</v>
      </c>
      <c r="AW991" s="53">
        <v>110280.66666666701</v>
      </c>
      <c r="AX991" s="53">
        <v>110280.66666666701</v>
      </c>
      <c r="AY991" s="53">
        <v>110280.66666666701</v>
      </c>
      <c r="AZ991" s="53">
        <v>110280.66666666701</v>
      </c>
      <c r="BA991" s="53">
        <v>1323368</v>
      </c>
      <c r="BB991" s="53">
        <v>94724.916666666701</v>
      </c>
      <c r="BC991" s="53">
        <v>94724.916666666701</v>
      </c>
      <c r="BD991" s="53">
        <v>94724.916666666701</v>
      </c>
      <c r="BE991" s="53">
        <v>94724.916666666701</v>
      </c>
      <c r="BF991" s="53">
        <v>94724.916666666701</v>
      </c>
      <c r="BG991" s="53">
        <v>94724.916666666701</v>
      </c>
      <c r="BH991" s="53">
        <v>94724.916666666701</v>
      </c>
      <c r="BI991" s="53">
        <v>94724.916666666701</v>
      </c>
      <c r="BJ991" s="53">
        <v>94724.916666666701</v>
      </c>
      <c r="BK991" s="53">
        <v>94724.916666666701</v>
      </c>
      <c r="BL991" s="53">
        <v>94724.916666666701</v>
      </c>
      <c r="BM991" s="53">
        <v>94724.916666666701</v>
      </c>
      <c r="BN991" s="53">
        <v>1136699</v>
      </c>
      <c r="BO991" s="53">
        <v>81829.833333333299</v>
      </c>
      <c r="BP991" s="53">
        <v>81829.833333333299</v>
      </c>
      <c r="BQ991" s="53">
        <v>81829.833333333299</v>
      </c>
      <c r="BR991" s="53">
        <v>81829.833333333299</v>
      </c>
      <c r="BS991" s="53">
        <v>81829.833333333299</v>
      </c>
      <c r="BT991" s="53">
        <v>81829.833333333299</v>
      </c>
      <c r="BU991" s="53">
        <v>81829.833333333299</v>
      </c>
      <c r="BV991" s="53">
        <v>81829.833333333299</v>
      </c>
      <c r="BW991" s="53">
        <v>81829.833333333299</v>
      </c>
      <c r="BX991" s="53">
        <v>81829.833333333299</v>
      </c>
      <c r="BY991" s="53">
        <v>81829.833333333299</v>
      </c>
      <c r="BZ991" s="53">
        <v>81829.833333333299</v>
      </c>
      <c r="CA991" s="53">
        <v>981957.99999999895</v>
      </c>
      <c r="CB991" s="53"/>
      <c r="CC991" s="53"/>
      <c r="CD991" s="53"/>
      <c r="CE991" s="53"/>
      <c r="CF991" s="53"/>
      <c r="CG991" s="53"/>
      <c r="CH991" s="53"/>
      <c r="CI991" s="53"/>
      <c r="CJ991" s="53"/>
      <c r="CK991" s="53"/>
      <c r="CL991" s="53"/>
      <c r="CM991" s="53"/>
      <c r="CN991" s="53"/>
    </row>
    <row r="992" spans="1:92" outlineLevel="1">
      <c r="A992" s="52" t="s">
        <v>1410</v>
      </c>
      <c r="B992" s="53"/>
      <c r="C992" s="53"/>
      <c r="D992" s="53"/>
      <c r="E992" s="53"/>
      <c r="F992" s="53"/>
      <c r="G992" s="53"/>
      <c r="H992" s="53"/>
      <c r="I992" s="53"/>
      <c r="J992" s="53"/>
      <c r="K992" s="53"/>
      <c r="L992" s="53"/>
      <c r="M992" s="53"/>
      <c r="N992" s="53"/>
      <c r="O992" s="53"/>
      <c r="P992" s="53"/>
      <c r="Q992" s="53"/>
      <c r="R992" s="53"/>
      <c r="S992" s="53"/>
      <c r="T992" s="53"/>
      <c r="U992" s="53"/>
      <c r="V992" s="53"/>
      <c r="W992" s="53"/>
      <c r="X992" s="53"/>
      <c r="Y992" s="53"/>
      <c r="Z992" s="53"/>
      <c r="AA992" s="53"/>
      <c r="AB992" s="53"/>
      <c r="AC992" s="53"/>
      <c r="AD992" s="53"/>
      <c r="AE992" s="53"/>
      <c r="AF992" s="53"/>
      <c r="AG992" s="53"/>
      <c r="AH992" s="53"/>
      <c r="AI992" s="53"/>
      <c r="AJ992" s="53"/>
      <c r="AK992" s="53"/>
      <c r="AL992" s="53"/>
      <c r="AM992" s="53"/>
      <c r="AN992" s="53"/>
      <c r="AO992" s="53"/>
      <c r="AP992" s="53"/>
      <c r="AQ992" s="53"/>
      <c r="AR992" s="53"/>
      <c r="AS992" s="53"/>
      <c r="AT992" s="53"/>
      <c r="AU992" s="53"/>
      <c r="AV992" s="53"/>
      <c r="AW992" s="53"/>
      <c r="AX992" s="53"/>
      <c r="AY992" s="53"/>
      <c r="AZ992" s="53"/>
      <c r="BA992" s="53"/>
      <c r="BB992" s="53"/>
      <c r="BC992" s="53"/>
      <c r="BD992" s="53"/>
      <c r="BE992" s="53"/>
      <c r="BF992" s="53"/>
      <c r="BG992" s="53"/>
      <c r="BH992" s="53"/>
      <c r="BI992" s="53"/>
      <c r="BJ992" s="53"/>
      <c r="BK992" s="53"/>
      <c r="BL992" s="53"/>
      <c r="BM992" s="53"/>
      <c r="BN992" s="53"/>
      <c r="BO992" s="53"/>
      <c r="BP992" s="53"/>
      <c r="BQ992" s="53"/>
      <c r="BR992" s="53"/>
      <c r="BS992" s="53"/>
      <c r="BT992" s="53"/>
      <c r="BU992" s="53"/>
      <c r="BV992" s="53"/>
      <c r="BW992" s="53"/>
      <c r="BX992" s="53"/>
      <c r="BY992" s="53"/>
      <c r="BZ992" s="53"/>
      <c r="CA992" s="53"/>
      <c r="CB992" s="53">
        <v>24171.149367088601</v>
      </c>
      <c r="CC992" s="53">
        <v>24171.149367088601</v>
      </c>
      <c r="CD992" s="53">
        <v>24171.149367088601</v>
      </c>
      <c r="CE992" s="53">
        <v>24171.149367088601</v>
      </c>
      <c r="CF992" s="53">
        <v>24171.149367088601</v>
      </c>
      <c r="CG992" s="53">
        <v>24171.149367088601</v>
      </c>
      <c r="CH992" s="53">
        <v>24171.149367088601</v>
      </c>
      <c r="CI992" s="53">
        <v>24171.149367088601</v>
      </c>
      <c r="CJ992" s="53">
        <v>24171.149367088601</v>
      </c>
      <c r="CK992" s="53">
        <v>24171.149367088601</v>
      </c>
      <c r="CL992" s="53">
        <v>24171.149367088601</v>
      </c>
      <c r="CM992" s="53">
        <v>24171.149367088601</v>
      </c>
      <c r="CN992" s="53">
        <v>290053.79240506398</v>
      </c>
    </row>
    <row r="993" spans="1:92" outlineLevel="1">
      <c r="A993" s="52" t="s">
        <v>649</v>
      </c>
      <c r="B993" s="53">
        <v>-189562.24873547599</v>
      </c>
      <c r="C993" s="53">
        <v>-189562.24873547599</v>
      </c>
      <c r="D993" s="53">
        <v>-189562.24873547599</v>
      </c>
      <c r="E993" s="53">
        <v>-189562.24873547599</v>
      </c>
      <c r="F993" s="53">
        <v>-189562.24873547599</v>
      </c>
      <c r="G993" s="53">
        <v>-189562.24873547599</v>
      </c>
      <c r="H993" s="53">
        <v>-189562.24873547599</v>
      </c>
      <c r="I993" s="53">
        <v>-189562.24873547599</v>
      </c>
      <c r="J993" s="53">
        <v>-189562.24873547599</v>
      </c>
      <c r="K993" s="53">
        <v>-189562.24873547599</v>
      </c>
      <c r="L993" s="53">
        <v>-189562.24873547599</v>
      </c>
      <c r="M993" s="53">
        <v>-189562.24873547599</v>
      </c>
      <c r="N993" s="53">
        <v>-2274746.9848257098</v>
      </c>
      <c r="O993" s="53">
        <v>-213287.34724999999</v>
      </c>
      <c r="P993" s="53">
        <v>-213287.34724999999</v>
      </c>
      <c r="Q993" s="53">
        <v>-213287.34724999999</v>
      </c>
      <c r="R993" s="53">
        <v>-213287.34724999999</v>
      </c>
      <c r="S993" s="53">
        <v>-213287.34724999999</v>
      </c>
      <c r="T993" s="53">
        <v>-213287.34724999999</v>
      </c>
      <c r="U993" s="53">
        <v>-213287.34724999999</v>
      </c>
      <c r="V993" s="53">
        <v>-213287.34724999999</v>
      </c>
      <c r="W993" s="53">
        <v>-213287.34724999999</v>
      </c>
      <c r="X993" s="53">
        <v>-213287.34724999999</v>
      </c>
      <c r="Y993" s="53">
        <v>-213287.34724999999</v>
      </c>
      <c r="Z993" s="53">
        <v>-213287.34724999999</v>
      </c>
      <c r="AA993" s="53">
        <v>-2559448.1669999999</v>
      </c>
      <c r="AB993" s="53">
        <v>-213287.34724999999</v>
      </c>
      <c r="AC993" s="53">
        <v>-213287.34724999999</v>
      </c>
      <c r="AD993" s="53">
        <v>-213287.34724999999</v>
      </c>
      <c r="AE993" s="53">
        <v>-213287.34724999999</v>
      </c>
      <c r="AF993" s="53">
        <v>-213287.34724999999</v>
      </c>
      <c r="AG993" s="53">
        <v>-213287.34724999999</v>
      </c>
      <c r="AH993" s="53">
        <v>-213287.34724999999</v>
      </c>
      <c r="AI993" s="53">
        <v>-213287.34724999999</v>
      </c>
      <c r="AJ993" s="53">
        <v>-213287.34724999999</v>
      </c>
      <c r="AK993" s="53">
        <v>-213287.34724999999</v>
      </c>
      <c r="AL993" s="53">
        <v>-213287.34724999999</v>
      </c>
      <c r="AM993" s="53">
        <v>-213287.34724999999</v>
      </c>
      <c r="AN993" s="53">
        <v>-2559448.1669999999</v>
      </c>
      <c r="AO993" s="53">
        <v>-213287.34724999999</v>
      </c>
      <c r="AP993" s="53">
        <v>-213287.34724999999</v>
      </c>
      <c r="AQ993" s="53">
        <v>-213287.34724999999</v>
      </c>
      <c r="AR993" s="53">
        <v>-213287.34724999999</v>
      </c>
      <c r="AS993" s="53">
        <v>-213287.34724999999</v>
      </c>
      <c r="AT993" s="53">
        <v>-213287.34724999999</v>
      </c>
      <c r="AU993" s="53">
        <v>-213287.34724999999</v>
      </c>
      <c r="AV993" s="53">
        <v>-213287.34724999999</v>
      </c>
      <c r="AW993" s="53">
        <v>-144305</v>
      </c>
      <c r="AX993" s="53"/>
      <c r="AY993" s="53"/>
      <c r="AZ993" s="53"/>
      <c r="BA993" s="53">
        <v>-1850603.7779999999</v>
      </c>
      <c r="BB993" s="53"/>
      <c r="BC993" s="53"/>
      <c r="BD993" s="53"/>
      <c r="BE993" s="53"/>
      <c r="BF993" s="53"/>
      <c r="BG993" s="53"/>
      <c r="BH993" s="53"/>
      <c r="BI993" s="53"/>
      <c r="BJ993" s="53"/>
      <c r="BK993" s="53"/>
      <c r="BL993" s="53"/>
      <c r="BM993" s="53"/>
      <c r="BN993" s="53"/>
      <c r="BO993" s="53"/>
      <c r="BP993" s="53"/>
      <c r="BQ993" s="53"/>
      <c r="BR993" s="53"/>
      <c r="BS993" s="53"/>
      <c r="BT993" s="53"/>
      <c r="BU993" s="53"/>
      <c r="BV993" s="53"/>
      <c r="BW993" s="53"/>
      <c r="BX993" s="53"/>
      <c r="BY993" s="53"/>
      <c r="BZ993" s="53"/>
      <c r="CA993" s="53"/>
      <c r="CB993" s="53"/>
      <c r="CC993" s="53"/>
      <c r="CD993" s="53"/>
      <c r="CE993" s="53"/>
      <c r="CF993" s="53"/>
      <c r="CG993" s="53"/>
      <c r="CH993" s="53"/>
      <c r="CI993" s="53"/>
      <c r="CJ993" s="53"/>
      <c r="CK993" s="53"/>
      <c r="CL993" s="53"/>
      <c r="CM993" s="53"/>
      <c r="CN993" s="53"/>
    </row>
    <row r="994" spans="1:92" outlineLevel="1">
      <c r="A994" s="52" t="s">
        <v>1411</v>
      </c>
      <c r="B994" s="53"/>
      <c r="C994" s="53"/>
      <c r="D994" s="53"/>
      <c r="E994" s="53"/>
      <c r="F994" s="53"/>
      <c r="G994" s="53"/>
      <c r="H994" s="53"/>
      <c r="I994" s="53"/>
      <c r="J994" s="53"/>
      <c r="K994" s="53"/>
      <c r="L994" s="53"/>
      <c r="M994" s="53"/>
      <c r="N994" s="53"/>
      <c r="O994" s="53"/>
      <c r="P994" s="53"/>
      <c r="Q994" s="53"/>
      <c r="R994" s="53"/>
      <c r="S994" s="53"/>
      <c r="T994" s="53"/>
      <c r="U994" s="53"/>
      <c r="V994" s="53"/>
      <c r="W994" s="53"/>
      <c r="X994" s="53"/>
      <c r="Y994" s="53"/>
      <c r="Z994" s="53"/>
      <c r="AA994" s="53"/>
      <c r="AB994" s="53"/>
      <c r="AC994" s="53"/>
      <c r="AD994" s="53"/>
      <c r="AE994" s="53"/>
      <c r="AF994" s="53"/>
      <c r="AG994" s="53"/>
      <c r="AH994" s="53"/>
      <c r="AI994" s="53"/>
      <c r="AJ994" s="53"/>
      <c r="AK994" s="53"/>
      <c r="AL994" s="53"/>
      <c r="AM994" s="53"/>
      <c r="AN994" s="53"/>
      <c r="AO994" s="53"/>
      <c r="AP994" s="53"/>
      <c r="AQ994" s="53"/>
      <c r="AR994" s="53"/>
      <c r="AS994" s="53"/>
      <c r="AT994" s="53"/>
      <c r="AU994" s="53"/>
      <c r="AV994" s="53"/>
      <c r="AW994" s="53"/>
      <c r="AX994" s="53"/>
      <c r="AY994" s="53"/>
      <c r="AZ994" s="53"/>
      <c r="BA994" s="53"/>
      <c r="BB994" s="53"/>
      <c r="BC994" s="53"/>
      <c r="BD994" s="53"/>
      <c r="BE994" s="53"/>
      <c r="BF994" s="53"/>
      <c r="BG994" s="53"/>
      <c r="BH994" s="53"/>
      <c r="BI994" s="53"/>
      <c r="BJ994" s="53"/>
      <c r="BK994" s="53"/>
      <c r="BL994" s="53"/>
      <c r="BM994" s="53"/>
      <c r="BN994" s="53"/>
      <c r="BO994" s="53"/>
      <c r="BP994" s="53"/>
      <c r="BQ994" s="53"/>
      <c r="BR994" s="53"/>
      <c r="BS994" s="53"/>
      <c r="BT994" s="53"/>
      <c r="BU994" s="53"/>
      <c r="BV994" s="53"/>
      <c r="BW994" s="53"/>
      <c r="BX994" s="53"/>
      <c r="BY994" s="53"/>
      <c r="BZ994" s="53"/>
      <c r="CA994" s="53"/>
      <c r="CB994" s="53">
        <v>16813.8726114649</v>
      </c>
      <c r="CC994" s="53">
        <v>16813.8726114649</v>
      </c>
      <c r="CD994" s="53">
        <v>16813.8726114649</v>
      </c>
      <c r="CE994" s="53">
        <v>16813.8726114649</v>
      </c>
      <c r="CF994" s="53">
        <v>16813.8726114649</v>
      </c>
      <c r="CG994" s="53">
        <v>16813.8726114649</v>
      </c>
      <c r="CH994" s="53">
        <v>16813.8726114649</v>
      </c>
      <c r="CI994" s="53">
        <v>16813.8726114649</v>
      </c>
      <c r="CJ994" s="53">
        <v>16813.8726114649</v>
      </c>
      <c r="CK994" s="53">
        <v>16813.8726114649</v>
      </c>
      <c r="CL994" s="53">
        <v>16813.8726114649</v>
      </c>
      <c r="CM994" s="53">
        <v>16813.8726114649</v>
      </c>
      <c r="CN994" s="53">
        <v>201766.47133757899</v>
      </c>
    </row>
    <row r="995" spans="1:92" outlineLevel="1">
      <c r="A995" s="52" t="s">
        <v>649</v>
      </c>
      <c r="B995" s="53"/>
      <c r="C995" s="53"/>
      <c r="D995" s="53"/>
      <c r="E995" s="53"/>
      <c r="F995" s="53"/>
      <c r="G995" s="53"/>
      <c r="H995" s="53"/>
      <c r="I995" s="53"/>
      <c r="J995" s="53"/>
      <c r="K995" s="53"/>
      <c r="L995" s="53"/>
      <c r="M995" s="53">
        <v>6822100</v>
      </c>
      <c r="N995" s="53">
        <v>6822100</v>
      </c>
      <c r="O995" s="53"/>
      <c r="P995" s="53"/>
      <c r="Q995" s="53"/>
      <c r="R995" s="53"/>
      <c r="S995" s="53"/>
      <c r="T995" s="53"/>
      <c r="U995" s="53"/>
      <c r="V995" s="53"/>
      <c r="W995" s="53"/>
      <c r="X995" s="53"/>
      <c r="Y995" s="53"/>
      <c r="Z995" s="53"/>
      <c r="AA995" s="53"/>
      <c r="AB995" s="53"/>
      <c r="AC995" s="53"/>
      <c r="AD995" s="53"/>
      <c r="AE995" s="53"/>
      <c r="AF995" s="53"/>
      <c r="AG995" s="53"/>
      <c r="AH995" s="53"/>
      <c r="AI995" s="53"/>
      <c r="AJ995" s="53"/>
      <c r="AK995" s="53"/>
      <c r="AL995" s="53"/>
      <c r="AM995" s="53"/>
      <c r="AN995" s="53"/>
      <c r="AO995" s="53"/>
      <c r="AP995" s="53"/>
      <c r="AQ995" s="53"/>
      <c r="AR995" s="53"/>
      <c r="AS995" s="53"/>
      <c r="AT995" s="53"/>
      <c r="AU995" s="53"/>
      <c r="AV995" s="53"/>
      <c r="AW995" s="53"/>
      <c r="AX995" s="53"/>
      <c r="AY995" s="53"/>
      <c r="AZ995" s="53"/>
      <c r="BA995" s="53"/>
      <c r="BB995" s="53"/>
      <c r="BC995" s="53"/>
      <c r="BD995" s="53"/>
      <c r="BE995" s="53"/>
      <c r="BF995" s="53"/>
      <c r="BG995" s="53"/>
      <c r="BH995" s="53"/>
      <c r="BI995" s="53"/>
      <c r="BJ995" s="53"/>
      <c r="BK995" s="53"/>
      <c r="BL995" s="53"/>
      <c r="BM995" s="53"/>
      <c r="BN995" s="53"/>
      <c r="BO995" s="53"/>
      <c r="BP995" s="53"/>
      <c r="BQ995" s="53"/>
      <c r="BR995" s="53"/>
      <c r="BS995" s="53"/>
      <c r="BT995" s="53"/>
      <c r="BU995" s="53"/>
      <c r="BV995" s="53"/>
      <c r="BW995" s="53"/>
      <c r="BX995" s="53"/>
      <c r="BY995" s="53"/>
      <c r="BZ995" s="53"/>
      <c r="CA995" s="53"/>
      <c r="CB995" s="53">
        <v>-308004.32631578902</v>
      </c>
      <c r="CC995" s="53">
        <v>-308004.32631578902</v>
      </c>
      <c r="CD995" s="53">
        <v>-308004.32631578902</v>
      </c>
      <c r="CE995" s="53">
        <v>-308004.32631578902</v>
      </c>
      <c r="CF995" s="53">
        <v>-308004.32631578902</v>
      </c>
      <c r="CG995" s="53">
        <v>-308004.32631578902</v>
      </c>
      <c r="CH995" s="53">
        <v>-308004.32631578902</v>
      </c>
      <c r="CI995" s="53">
        <v>-308004.32631578902</v>
      </c>
      <c r="CJ995" s="53">
        <v>-308004.32631578902</v>
      </c>
      <c r="CK995" s="53">
        <v>-308004.32631578902</v>
      </c>
      <c r="CL995" s="53">
        <v>-308004.32631578902</v>
      </c>
      <c r="CM995" s="53">
        <v>-308004.32631578902</v>
      </c>
      <c r="CN995" s="53">
        <v>-3696051.9157894701</v>
      </c>
    </row>
    <row r="996" spans="1:92" outlineLevel="1">
      <c r="A996" s="52" t="s">
        <v>1412</v>
      </c>
      <c r="B996" s="53"/>
      <c r="C996" s="53"/>
      <c r="D996" s="53"/>
      <c r="E996" s="53"/>
      <c r="F996" s="53"/>
      <c r="G996" s="53"/>
      <c r="H996" s="53"/>
      <c r="I996" s="53"/>
      <c r="J996" s="53"/>
      <c r="K996" s="53"/>
      <c r="L996" s="53"/>
      <c r="M996" s="53"/>
      <c r="N996" s="53"/>
      <c r="O996" s="53"/>
      <c r="P996" s="53"/>
      <c r="Q996" s="53"/>
      <c r="R996" s="53"/>
      <c r="S996" s="53"/>
      <c r="T996" s="53"/>
      <c r="U996" s="53"/>
      <c r="V996" s="53"/>
      <c r="W996" s="53"/>
      <c r="X996" s="53"/>
      <c r="Y996" s="53"/>
      <c r="Z996" s="53"/>
      <c r="AA996" s="53"/>
      <c r="AB996" s="53"/>
      <c r="AC996" s="53"/>
      <c r="AD996" s="53"/>
      <c r="AE996" s="53"/>
      <c r="AF996" s="53"/>
      <c r="AG996" s="53"/>
      <c r="AH996" s="53"/>
      <c r="AI996" s="53"/>
      <c r="AJ996" s="53"/>
      <c r="AK996" s="53"/>
      <c r="AL996" s="53"/>
      <c r="AM996" s="53"/>
      <c r="AN996" s="53"/>
      <c r="AO996" s="53"/>
      <c r="AP996" s="53"/>
      <c r="AQ996" s="53"/>
      <c r="AR996" s="53"/>
      <c r="AS996" s="53"/>
      <c r="AT996" s="53"/>
      <c r="AU996" s="53"/>
      <c r="AV996" s="53"/>
      <c r="AW996" s="53"/>
      <c r="AX996" s="53"/>
      <c r="AY996" s="53"/>
      <c r="AZ996" s="53"/>
      <c r="BA996" s="53"/>
      <c r="BB996" s="53"/>
      <c r="BC996" s="53"/>
      <c r="BD996" s="53"/>
      <c r="BE996" s="53"/>
      <c r="BF996" s="53"/>
      <c r="BG996" s="53"/>
      <c r="BH996" s="53"/>
      <c r="BI996" s="53"/>
      <c r="BJ996" s="53"/>
      <c r="BK996" s="53"/>
      <c r="BL996" s="53"/>
      <c r="BM996" s="53"/>
      <c r="BN996" s="53"/>
      <c r="BO996" s="53"/>
      <c r="BP996" s="53"/>
      <c r="BQ996" s="53"/>
      <c r="BR996" s="53"/>
      <c r="BS996" s="53"/>
      <c r="BT996" s="53"/>
      <c r="BU996" s="53"/>
      <c r="BV996" s="53"/>
      <c r="BW996" s="53"/>
      <c r="BX996" s="53"/>
      <c r="BY996" s="53"/>
      <c r="BZ996" s="53"/>
      <c r="CA996" s="53"/>
      <c r="CB996" s="53">
        <v>-199670.97536945701</v>
      </c>
      <c r="CC996" s="53">
        <v>-199670.97536945701</v>
      </c>
      <c r="CD996" s="53">
        <v>-199670.97536945701</v>
      </c>
      <c r="CE996" s="53">
        <v>-199670.97536945701</v>
      </c>
      <c r="CF996" s="53">
        <v>-199670.975369458</v>
      </c>
      <c r="CG996" s="53">
        <v>-199670.97536945701</v>
      </c>
      <c r="CH996" s="53">
        <v>-199670.975369458</v>
      </c>
      <c r="CI996" s="53">
        <v>-199670.975369458</v>
      </c>
      <c r="CJ996" s="53">
        <v>-199670.975369458</v>
      </c>
      <c r="CK996" s="53">
        <v>-199670.975369458</v>
      </c>
      <c r="CL996" s="53">
        <v>-199670.975369458</v>
      </c>
      <c r="CM996" s="53">
        <v>-199670.975369458</v>
      </c>
      <c r="CN996" s="53">
        <v>-2396051.7044334901</v>
      </c>
    </row>
    <row r="997" spans="1:92" outlineLevel="1">
      <c r="A997" s="52" t="s">
        <v>649</v>
      </c>
      <c r="B997" s="53"/>
      <c r="C997" s="53"/>
      <c r="D997" s="53"/>
      <c r="E997" s="53"/>
      <c r="F997" s="53"/>
      <c r="G997" s="53"/>
      <c r="H997" s="53"/>
      <c r="I997" s="53"/>
      <c r="J997" s="53"/>
      <c r="K997" s="53"/>
      <c r="L997" s="53"/>
      <c r="M997" s="53">
        <v>6094000</v>
      </c>
      <c r="N997" s="53">
        <v>6094000</v>
      </c>
      <c r="O997" s="53"/>
      <c r="P997" s="53"/>
      <c r="Q997" s="53"/>
      <c r="R997" s="53"/>
      <c r="S997" s="53"/>
      <c r="T997" s="53"/>
      <c r="U997" s="53"/>
      <c r="V997" s="53"/>
      <c r="W997" s="53"/>
      <c r="X997" s="53"/>
      <c r="Y997" s="53"/>
      <c r="Z997" s="53"/>
      <c r="AA997" s="53"/>
      <c r="AB997" s="53"/>
      <c r="AC997" s="53"/>
      <c r="AD997" s="53"/>
      <c r="AE997" s="53"/>
      <c r="AF997" s="53"/>
      <c r="AG997" s="53"/>
      <c r="AH997" s="53"/>
      <c r="AI997" s="53"/>
      <c r="AJ997" s="53"/>
      <c r="AK997" s="53"/>
      <c r="AL997" s="53"/>
      <c r="AM997" s="53"/>
      <c r="AN997" s="53"/>
      <c r="AO997" s="53"/>
      <c r="AP997" s="53"/>
      <c r="AQ997" s="53"/>
      <c r="AR997" s="53"/>
      <c r="AS997" s="53"/>
      <c r="AT997" s="53"/>
      <c r="AU997" s="53"/>
      <c r="AV997" s="53"/>
      <c r="AW997" s="53"/>
      <c r="AX997" s="53"/>
      <c r="AY997" s="53"/>
      <c r="AZ997" s="53"/>
      <c r="BA997" s="53"/>
      <c r="BB997" s="53"/>
      <c r="BC997" s="53"/>
      <c r="BD997" s="53"/>
      <c r="BE997" s="53"/>
      <c r="BF997" s="53"/>
      <c r="BG997" s="53"/>
      <c r="BH997" s="53"/>
      <c r="BI997" s="53"/>
      <c r="BJ997" s="53"/>
      <c r="BK997" s="53"/>
      <c r="BL997" s="53"/>
      <c r="BM997" s="53"/>
      <c r="BN997" s="53"/>
      <c r="BO997" s="53"/>
      <c r="BP997" s="53"/>
      <c r="BQ997" s="53"/>
      <c r="BR997" s="53"/>
      <c r="BS997" s="53"/>
      <c r="BT997" s="53"/>
      <c r="BU997" s="53"/>
      <c r="BV997" s="53"/>
      <c r="BW997" s="53"/>
      <c r="BX997" s="53"/>
      <c r="BY997" s="53"/>
      <c r="BZ997" s="53"/>
      <c r="CA997" s="53"/>
      <c r="CB997" s="53">
        <v>-115069.472803347</v>
      </c>
      <c r="CC997" s="53">
        <v>-115069.472803347</v>
      </c>
      <c r="CD997" s="53">
        <v>-115069.472803347</v>
      </c>
      <c r="CE997" s="53">
        <v>-115069.472803347</v>
      </c>
      <c r="CF997" s="53">
        <v>-115069.472803347</v>
      </c>
      <c r="CG997" s="53">
        <v>-115069.472803347</v>
      </c>
      <c r="CH997" s="53">
        <v>-115069.472803347</v>
      </c>
      <c r="CI997" s="53">
        <v>-115069.472803347</v>
      </c>
      <c r="CJ997" s="53">
        <v>-115069.472803347</v>
      </c>
      <c r="CK997" s="53">
        <v>-115069.472803347</v>
      </c>
      <c r="CL997" s="53">
        <v>-115069.472803347</v>
      </c>
      <c r="CM997" s="53">
        <v>-115069.472803347</v>
      </c>
      <c r="CN997" s="53">
        <v>-1380833.6736401699</v>
      </c>
    </row>
    <row r="998" spans="1:92" outlineLevel="1">
      <c r="A998" s="52" t="s">
        <v>1413</v>
      </c>
      <c r="B998" s="53"/>
      <c r="C998" s="53"/>
      <c r="D998" s="53"/>
      <c r="E998" s="53"/>
      <c r="F998" s="53"/>
      <c r="G998" s="53"/>
      <c r="H998" s="53"/>
      <c r="I998" s="53"/>
      <c r="J998" s="53"/>
      <c r="K998" s="53"/>
      <c r="L998" s="53"/>
      <c r="M998" s="53"/>
      <c r="N998" s="53"/>
      <c r="O998" s="53"/>
      <c r="P998" s="53"/>
      <c r="Q998" s="53"/>
      <c r="R998" s="53"/>
      <c r="S998" s="53"/>
      <c r="T998" s="53"/>
      <c r="U998" s="53"/>
      <c r="V998" s="53"/>
      <c r="W998" s="53"/>
      <c r="X998" s="53"/>
      <c r="Y998" s="53"/>
      <c r="Z998" s="53"/>
      <c r="AA998" s="53"/>
      <c r="AB998" s="53"/>
      <c r="AC998" s="53"/>
      <c r="AD998" s="53"/>
      <c r="AE998" s="53"/>
      <c r="AF998" s="53"/>
      <c r="AG998" s="53"/>
      <c r="AH998" s="53"/>
      <c r="AI998" s="53"/>
      <c r="AJ998" s="53"/>
      <c r="AK998" s="53"/>
      <c r="AL998" s="53"/>
      <c r="AM998" s="53"/>
      <c r="AN998" s="53"/>
      <c r="AO998" s="53"/>
      <c r="AP998" s="53"/>
      <c r="AQ998" s="53"/>
      <c r="AR998" s="53"/>
      <c r="AS998" s="53"/>
      <c r="AT998" s="53"/>
      <c r="AU998" s="53"/>
      <c r="AV998" s="53"/>
      <c r="AW998" s="53"/>
      <c r="AX998" s="53"/>
      <c r="AY998" s="53"/>
      <c r="AZ998" s="53"/>
      <c r="BA998" s="53"/>
      <c r="BB998" s="53"/>
      <c r="BC998" s="53"/>
      <c r="BD998" s="53"/>
      <c r="BE998" s="53"/>
      <c r="BF998" s="53"/>
      <c r="BG998" s="53"/>
      <c r="BH998" s="53"/>
      <c r="BI998" s="53"/>
      <c r="BJ998" s="53"/>
      <c r="BK998" s="53"/>
      <c r="BL998" s="53"/>
      <c r="BM998" s="53"/>
      <c r="BN998" s="53"/>
      <c r="BO998" s="53"/>
      <c r="BP998" s="53"/>
      <c r="BQ998" s="53"/>
      <c r="BR998" s="53"/>
      <c r="BS998" s="53"/>
      <c r="BT998" s="53"/>
      <c r="BU998" s="53"/>
      <c r="BV998" s="53"/>
      <c r="BW998" s="53"/>
      <c r="BX998" s="53"/>
      <c r="BY998" s="53"/>
      <c r="BZ998" s="53"/>
      <c r="CA998" s="53"/>
      <c r="CB998" s="53"/>
      <c r="CC998" s="53"/>
      <c r="CD998" s="53"/>
      <c r="CE998" s="53"/>
      <c r="CF998" s="53"/>
      <c r="CG998" s="53"/>
      <c r="CH998" s="53"/>
      <c r="CI998" s="53"/>
      <c r="CJ998" s="53"/>
      <c r="CK998" s="53"/>
      <c r="CL998" s="53"/>
      <c r="CM998" s="53"/>
      <c r="CN998" s="53"/>
    </row>
    <row r="999" spans="1:92" outlineLevel="1">
      <c r="A999" s="52" t="s">
        <v>649</v>
      </c>
      <c r="B999" s="53"/>
      <c r="C999" s="53"/>
      <c r="D999" s="53"/>
      <c r="E999" s="53"/>
      <c r="F999" s="53"/>
      <c r="G999" s="53"/>
      <c r="H999" s="53"/>
      <c r="I999" s="53"/>
      <c r="J999" s="53"/>
      <c r="K999" s="53"/>
      <c r="L999" s="53"/>
      <c r="M999" s="53"/>
      <c r="N999" s="53"/>
      <c r="O999" s="53"/>
      <c r="P999" s="53"/>
      <c r="Q999" s="53"/>
      <c r="R999" s="53"/>
      <c r="S999" s="53"/>
      <c r="T999" s="53"/>
      <c r="U999" s="53"/>
      <c r="V999" s="53"/>
      <c r="W999" s="53"/>
      <c r="X999" s="53"/>
      <c r="Y999" s="53"/>
      <c r="Z999" s="53"/>
      <c r="AA999" s="53"/>
      <c r="AB999" s="53"/>
      <c r="AC999" s="53"/>
      <c r="AD999" s="53"/>
      <c r="AE999" s="53"/>
      <c r="AF999" s="53"/>
      <c r="AG999" s="53"/>
      <c r="AH999" s="53"/>
      <c r="AI999" s="53"/>
      <c r="AJ999" s="53"/>
      <c r="AK999" s="53"/>
      <c r="AL999" s="53"/>
      <c r="AM999" s="53"/>
      <c r="AN999" s="53"/>
      <c r="AO999" s="53">
        <v>-401760</v>
      </c>
      <c r="AP999" s="53">
        <v>-401760</v>
      </c>
      <c r="AQ999" s="53">
        <v>-401760</v>
      </c>
      <c r="AR999" s="53">
        <v>-401760</v>
      </c>
      <c r="AS999" s="53">
        <v>-401760</v>
      </c>
      <c r="AT999" s="53">
        <v>-401760</v>
      </c>
      <c r="AU999" s="53">
        <v>-401760</v>
      </c>
      <c r="AV999" s="53">
        <v>-401760</v>
      </c>
      <c r="AW999" s="53">
        <v>-401760</v>
      </c>
      <c r="AX999" s="53">
        <v>-401760</v>
      </c>
      <c r="AY999" s="53">
        <v>-401760</v>
      </c>
      <c r="AZ999" s="53">
        <v>-401760</v>
      </c>
      <c r="BA999" s="53">
        <v>-4821120</v>
      </c>
      <c r="BB999" s="53">
        <v>-401760</v>
      </c>
      <c r="BC999" s="53">
        <v>-401760</v>
      </c>
      <c r="BD999" s="53">
        <v>-401760</v>
      </c>
      <c r="BE999" s="53">
        <v>-401760</v>
      </c>
      <c r="BF999" s="53">
        <v>-401760</v>
      </c>
      <c r="BG999" s="53">
        <v>-401760</v>
      </c>
      <c r="BH999" s="53">
        <v>-401760</v>
      </c>
      <c r="BI999" s="53">
        <v>-401760</v>
      </c>
      <c r="BJ999" s="53">
        <v>-401760</v>
      </c>
      <c r="BK999" s="53">
        <v>-401760</v>
      </c>
      <c r="BL999" s="53">
        <v>-401760</v>
      </c>
      <c r="BM999" s="53">
        <v>-401760</v>
      </c>
      <c r="BN999" s="53">
        <v>-4821120</v>
      </c>
      <c r="BO999" s="53">
        <v>-401760</v>
      </c>
      <c r="BP999" s="53">
        <v>-401760</v>
      </c>
      <c r="BQ999" s="53">
        <v>-401760</v>
      </c>
      <c r="BR999" s="53">
        <v>-401760</v>
      </c>
      <c r="BS999" s="53">
        <v>-401760</v>
      </c>
      <c r="BT999" s="53">
        <v>-401760</v>
      </c>
      <c r="BU999" s="53">
        <v>-401760</v>
      </c>
      <c r="BV999" s="53">
        <v>-401760</v>
      </c>
      <c r="BW999" s="53">
        <v>-401760</v>
      </c>
      <c r="BX999" s="53">
        <v>-401760</v>
      </c>
      <c r="BY999" s="53">
        <v>-401760</v>
      </c>
      <c r="BZ999" s="53">
        <v>-401760</v>
      </c>
      <c r="CA999" s="53">
        <v>-4821120</v>
      </c>
      <c r="CB999" s="53"/>
      <c r="CC999" s="53"/>
      <c r="CD999" s="53"/>
      <c r="CE999" s="53"/>
      <c r="CF999" s="53"/>
      <c r="CG999" s="53"/>
      <c r="CH999" s="53"/>
      <c r="CI999" s="53"/>
      <c r="CJ999" s="53"/>
      <c r="CK999" s="53"/>
      <c r="CL999" s="53"/>
      <c r="CM999" s="53"/>
      <c r="CN999" s="53"/>
    </row>
    <row r="1000" spans="1:92" outlineLevel="1">
      <c r="A1000" s="52" t="s">
        <v>1414</v>
      </c>
      <c r="B1000" s="53"/>
      <c r="C1000" s="53"/>
      <c r="D1000" s="53"/>
      <c r="E1000" s="53"/>
      <c r="F1000" s="53"/>
      <c r="G1000" s="53"/>
      <c r="H1000" s="53"/>
      <c r="I1000" s="53"/>
      <c r="J1000" s="53"/>
      <c r="K1000" s="53"/>
      <c r="L1000" s="53"/>
      <c r="M1000" s="53"/>
      <c r="N1000" s="53"/>
      <c r="O1000" s="53"/>
      <c r="P1000" s="53"/>
      <c r="Q1000" s="53"/>
      <c r="R1000" s="53"/>
      <c r="S1000" s="53"/>
      <c r="T1000" s="53"/>
      <c r="U1000" s="53"/>
      <c r="V1000" s="53"/>
      <c r="W1000" s="53"/>
      <c r="X1000" s="53"/>
      <c r="Y1000" s="53"/>
      <c r="Z1000" s="53"/>
      <c r="AA1000" s="53"/>
      <c r="AB1000" s="53"/>
      <c r="AC1000" s="53"/>
      <c r="AD1000" s="53"/>
      <c r="AE1000" s="53"/>
      <c r="AF1000" s="53"/>
      <c r="AG1000" s="53"/>
      <c r="AH1000" s="53"/>
      <c r="AI1000" s="53"/>
      <c r="AJ1000" s="53"/>
      <c r="AK1000" s="53"/>
      <c r="AL1000" s="53"/>
      <c r="AM1000" s="53"/>
      <c r="AN1000" s="53"/>
      <c r="AO1000" s="53"/>
      <c r="AP1000" s="53"/>
      <c r="AQ1000" s="53"/>
      <c r="AR1000" s="53"/>
      <c r="AS1000" s="53"/>
      <c r="AT1000" s="53"/>
      <c r="AU1000" s="53"/>
      <c r="AV1000" s="53"/>
      <c r="AW1000" s="53"/>
      <c r="AX1000" s="53"/>
      <c r="AY1000" s="53"/>
      <c r="AZ1000" s="53"/>
      <c r="BA1000" s="53"/>
      <c r="BB1000" s="53"/>
      <c r="BC1000" s="53"/>
      <c r="BD1000" s="53"/>
      <c r="BE1000" s="53"/>
      <c r="BF1000" s="53"/>
      <c r="BG1000" s="53"/>
      <c r="BH1000" s="53"/>
      <c r="BI1000" s="53"/>
      <c r="BJ1000" s="53"/>
      <c r="BK1000" s="53"/>
      <c r="BL1000" s="53"/>
      <c r="BM1000" s="53"/>
      <c r="BN1000" s="53"/>
      <c r="BO1000" s="53"/>
      <c r="BP1000" s="53"/>
      <c r="BQ1000" s="53"/>
      <c r="BR1000" s="53"/>
      <c r="BS1000" s="53"/>
      <c r="BT1000" s="53"/>
      <c r="BU1000" s="53"/>
      <c r="BV1000" s="53"/>
      <c r="BW1000" s="53"/>
      <c r="BX1000" s="53"/>
      <c r="BY1000" s="53"/>
      <c r="BZ1000" s="53"/>
      <c r="CA1000" s="53"/>
      <c r="CB1000" s="53">
        <v>-452777.5</v>
      </c>
      <c r="CC1000" s="53">
        <v>-452777.5</v>
      </c>
      <c r="CD1000" s="53">
        <v>-452777.5</v>
      </c>
      <c r="CE1000" s="53">
        <v>-452777.5</v>
      </c>
      <c r="CF1000" s="53">
        <v>-452777.5</v>
      </c>
      <c r="CG1000" s="53">
        <v>-452777.5</v>
      </c>
      <c r="CH1000" s="53">
        <v>-452777.5</v>
      </c>
      <c r="CI1000" s="53">
        <v>-452777.5</v>
      </c>
      <c r="CJ1000" s="53">
        <v>-452777.5</v>
      </c>
      <c r="CK1000" s="53">
        <v>-452777.5</v>
      </c>
      <c r="CL1000" s="53">
        <v>-452777.5</v>
      </c>
      <c r="CM1000" s="53">
        <v>-452777.5</v>
      </c>
      <c r="CN1000" s="53">
        <v>-5433330</v>
      </c>
    </row>
    <row r="1001" spans="1:92" outlineLevel="1">
      <c r="A1001" s="52" t="s">
        <v>1415</v>
      </c>
      <c r="B1001" s="53"/>
      <c r="C1001" s="53"/>
      <c r="D1001" s="53"/>
      <c r="E1001" s="53"/>
      <c r="F1001" s="53"/>
      <c r="G1001" s="53"/>
      <c r="H1001" s="53"/>
      <c r="I1001" s="53"/>
      <c r="J1001" s="53"/>
      <c r="K1001" s="53"/>
      <c r="L1001" s="53"/>
      <c r="M1001" s="53"/>
      <c r="N1001" s="53"/>
      <c r="O1001" s="53"/>
      <c r="P1001" s="53"/>
      <c r="Q1001" s="53"/>
      <c r="R1001" s="53"/>
      <c r="S1001" s="53"/>
      <c r="T1001" s="53"/>
      <c r="U1001" s="53"/>
      <c r="V1001" s="53"/>
      <c r="W1001" s="53"/>
      <c r="X1001" s="53"/>
      <c r="Y1001" s="53"/>
      <c r="Z1001" s="53"/>
      <c r="AA1001" s="53"/>
      <c r="AB1001" s="53"/>
      <c r="AC1001" s="53"/>
      <c r="AD1001" s="53"/>
      <c r="AE1001" s="53"/>
      <c r="AF1001" s="53"/>
      <c r="AG1001" s="53"/>
      <c r="AH1001" s="53"/>
      <c r="AI1001" s="53"/>
      <c r="AJ1001" s="53"/>
      <c r="AK1001" s="53"/>
      <c r="AL1001" s="53"/>
      <c r="AM1001" s="53"/>
      <c r="AN1001" s="53"/>
      <c r="AO1001" s="53"/>
      <c r="AP1001" s="53"/>
      <c r="AQ1001" s="53"/>
      <c r="AR1001" s="53"/>
      <c r="AS1001" s="53"/>
      <c r="AT1001" s="53"/>
      <c r="AU1001" s="53"/>
      <c r="AV1001" s="53"/>
      <c r="AW1001" s="53"/>
      <c r="AX1001" s="53"/>
      <c r="AY1001" s="53"/>
      <c r="AZ1001" s="53"/>
      <c r="BA1001" s="53"/>
      <c r="BB1001" s="53"/>
      <c r="BC1001" s="53"/>
      <c r="BD1001" s="53"/>
      <c r="BE1001" s="53"/>
      <c r="BF1001" s="53"/>
      <c r="BG1001" s="53"/>
      <c r="BH1001" s="53"/>
      <c r="BI1001" s="53"/>
      <c r="BJ1001" s="53"/>
      <c r="BK1001" s="53"/>
      <c r="BL1001" s="53"/>
      <c r="BM1001" s="53"/>
      <c r="BN1001" s="53"/>
      <c r="BO1001" s="53"/>
      <c r="BP1001" s="53"/>
      <c r="BQ1001" s="53"/>
      <c r="BR1001" s="53"/>
      <c r="BS1001" s="53"/>
      <c r="BT1001" s="53"/>
      <c r="BU1001" s="53"/>
      <c r="BV1001" s="53"/>
      <c r="BW1001" s="53"/>
      <c r="BX1001" s="53"/>
      <c r="BY1001" s="53"/>
      <c r="BZ1001" s="53"/>
      <c r="CA1001" s="53"/>
      <c r="CB1001" s="53"/>
      <c r="CC1001" s="53"/>
      <c r="CD1001" s="53"/>
      <c r="CE1001" s="53"/>
      <c r="CF1001" s="53"/>
      <c r="CG1001" s="53"/>
      <c r="CH1001" s="53"/>
      <c r="CI1001" s="53"/>
      <c r="CJ1001" s="53"/>
      <c r="CK1001" s="53"/>
      <c r="CL1001" s="53"/>
      <c r="CM1001" s="53"/>
      <c r="CN1001" s="53"/>
    </row>
    <row r="1002" spans="1:92" outlineLevel="1">
      <c r="A1002" s="52" t="s">
        <v>649</v>
      </c>
      <c r="B1002" s="53"/>
      <c r="C1002" s="53"/>
      <c r="D1002" s="53"/>
      <c r="E1002" s="53"/>
      <c r="F1002" s="53"/>
      <c r="G1002" s="53"/>
      <c r="H1002" s="53"/>
      <c r="I1002" s="53"/>
      <c r="J1002" s="53"/>
      <c r="K1002" s="53"/>
      <c r="L1002" s="53"/>
      <c r="M1002" s="53"/>
      <c r="N1002" s="53"/>
      <c r="O1002" s="53">
        <v>-427971</v>
      </c>
      <c r="P1002" s="53">
        <v>-424613</v>
      </c>
      <c r="Q1002" s="53">
        <v>-420319</v>
      </c>
      <c r="R1002" s="53">
        <v>-412927</v>
      </c>
      <c r="S1002" s="53">
        <v>-407966</v>
      </c>
      <c r="T1002" s="53">
        <v>-402305</v>
      </c>
      <c r="U1002" s="53">
        <v>-399106</v>
      </c>
      <c r="V1002" s="53">
        <v>-397308</v>
      </c>
      <c r="W1002" s="53">
        <v>-390948</v>
      </c>
      <c r="X1002" s="53">
        <v>-383159</v>
      </c>
      <c r="Y1002" s="53">
        <v>-379104</v>
      </c>
      <c r="Z1002" s="53">
        <v>-378318</v>
      </c>
      <c r="AA1002" s="53">
        <v>-4824044</v>
      </c>
      <c r="AB1002" s="53">
        <v>-379506</v>
      </c>
      <c r="AC1002" s="53">
        <v>-381157</v>
      </c>
      <c r="AD1002" s="53">
        <v>-379922</v>
      </c>
      <c r="AE1002" s="53">
        <v>-377240</v>
      </c>
      <c r="AF1002" s="53">
        <v>-370286</v>
      </c>
      <c r="AG1002" s="53">
        <v>-365657</v>
      </c>
      <c r="AH1002" s="53">
        <v>-362202</v>
      </c>
      <c r="AI1002" s="53">
        <v>-359678</v>
      </c>
      <c r="AJ1002" s="53">
        <v>-361931</v>
      </c>
      <c r="AK1002" s="53">
        <v>-358382</v>
      </c>
      <c r="AL1002" s="53">
        <v>-352314</v>
      </c>
      <c r="AM1002" s="53">
        <v>-350171</v>
      </c>
      <c r="AN1002" s="53">
        <v>-4398446</v>
      </c>
      <c r="AO1002" s="53">
        <v>-364594</v>
      </c>
      <c r="AP1002" s="53">
        <v>-364594</v>
      </c>
      <c r="AQ1002" s="53">
        <v>-364594</v>
      </c>
      <c r="AR1002" s="53">
        <v>-364594</v>
      </c>
      <c r="AS1002" s="53">
        <v>-364594</v>
      </c>
      <c r="AT1002" s="53">
        <v>-364594</v>
      </c>
      <c r="AU1002" s="53">
        <v>-364594</v>
      </c>
      <c r="AV1002" s="53">
        <v>-364594</v>
      </c>
      <c r="AW1002" s="53">
        <v>-364594</v>
      </c>
      <c r="AX1002" s="53">
        <v>-364594</v>
      </c>
      <c r="AY1002" s="53">
        <v>-364594</v>
      </c>
      <c r="AZ1002" s="53">
        <v>-364594</v>
      </c>
      <c r="BA1002" s="53">
        <v>-4375128</v>
      </c>
      <c r="BB1002" s="53">
        <v>-403891</v>
      </c>
      <c r="BC1002" s="53">
        <v>-403891</v>
      </c>
      <c r="BD1002" s="53">
        <v>-403891</v>
      </c>
      <c r="BE1002" s="53">
        <v>-403891</v>
      </c>
      <c r="BF1002" s="53">
        <v>-403891</v>
      </c>
      <c r="BG1002" s="53">
        <v>-403891</v>
      </c>
      <c r="BH1002" s="53">
        <v>-403891</v>
      </c>
      <c r="BI1002" s="53">
        <v>-403891</v>
      </c>
      <c r="BJ1002" s="53">
        <v>-403891</v>
      </c>
      <c r="BK1002" s="53">
        <v>-403891</v>
      </c>
      <c r="BL1002" s="53">
        <v>-403891</v>
      </c>
      <c r="BM1002" s="53">
        <v>-403891</v>
      </c>
      <c r="BN1002" s="53">
        <v>-4846692</v>
      </c>
      <c r="BO1002" s="53">
        <v>-442410</v>
      </c>
      <c r="BP1002" s="53">
        <v>-442410</v>
      </c>
      <c r="BQ1002" s="53">
        <v>-442410</v>
      </c>
      <c r="BR1002" s="53">
        <v>-442410</v>
      </c>
      <c r="BS1002" s="53">
        <v>-442410</v>
      </c>
      <c r="BT1002" s="53">
        <v>-442410</v>
      </c>
      <c r="BU1002" s="53">
        <v>-442410</v>
      </c>
      <c r="BV1002" s="53">
        <v>-442410</v>
      </c>
      <c r="BW1002" s="53">
        <v>-442410</v>
      </c>
      <c r="BX1002" s="53">
        <v>-442410</v>
      </c>
      <c r="BY1002" s="53">
        <v>-442410</v>
      </c>
      <c r="BZ1002" s="53">
        <v>-442410</v>
      </c>
      <c r="CA1002" s="53">
        <v>-5308919.9999999898</v>
      </c>
      <c r="CB1002" s="53"/>
      <c r="CC1002" s="53"/>
      <c r="CD1002" s="53">
        <v>-1570338.8199999901</v>
      </c>
      <c r="CE1002" s="53"/>
      <c r="CF1002" s="53"/>
      <c r="CG1002" s="53">
        <v>-1570338.8199999901</v>
      </c>
      <c r="CH1002" s="53"/>
      <c r="CI1002" s="53"/>
      <c r="CJ1002" s="53">
        <v>-1570338.8199999901</v>
      </c>
      <c r="CK1002" s="53"/>
      <c r="CL1002" s="53"/>
      <c r="CM1002" s="53">
        <v>-1570338.8199999901</v>
      </c>
      <c r="CN1002" s="53">
        <v>-6281355.27999999</v>
      </c>
    </row>
    <row r="1003" spans="1:92" outlineLevel="1">
      <c r="A1003" s="52" t="s">
        <v>1416</v>
      </c>
      <c r="B1003" s="53"/>
      <c r="C1003" s="53"/>
      <c r="D1003" s="53"/>
      <c r="E1003" s="53"/>
      <c r="F1003" s="53"/>
      <c r="G1003" s="53"/>
      <c r="H1003" s="53"/>
      <c r="I1003" s="53"/>
      <c r="J1003" s="53"/>
      <c r="K1003" s="53"/>
      <c r="L1003" s="53"/>
      <c r="M1003" s="53"/>
      <c r="N1003" s="53"/>
      <c r="O1003" s="53"/>
      <c r="P1003" s="53"/>
      <c r="Q1003" s="53"/>
      <c r="R1003" s="53"/>
      <c r="S1003" s="53"/>
      <c r="T1003" s="53"/>
      <c r="U1003" s="53"/>
      <c r="V1003" s="53"/>
      <c r="W1003" s="53"/>
      <c r="X1003" s="53"/>
      <c r="Y1003" s="53"/>
      <c r="Z1003" s="53"/>
      <c r="AA1003" s="53"/>
      <c r="AB1003" s="53"/>
      <c r="AC1003" s="53"/>
      <c r="AD1003" s="53"/>
      <c r="AE1003" s="53"/>
      <c r="AF1003" s="53"/>
      <c r="AG1003" s="53"/>
      <c r="AH1003" s="53"/>
      <c r="AI1003" s="53"/>
      <c r="AJ1003" s="53"/>
      <c r="AK1003" s="53"/>
      <c r="AL1003" s="53"/>
      <c r="AM1003" s="53"/>
      <c r="AN1003" s="53"/>
      <c r="AO1003" s="53"/>
      <c r="AP1003" s="53"/>
      <c r="AQ1003" s="53"/>
      <c r="AR1003" s="53"/>
      <c r="AS1003" s="53"/>
      <c r="AT1003" s="53"/>
      <c r="AU1003" s="53"/>
      <c r="AV1003" s="53"/>
      <c r="AW1003" s="53"/>
      <c r="AX1003" s="53"/>
      <c r="AY1003" s="53"/>
      <c r="AZ1003" s="53"/>
      <c r="BA1003" s="53"/>
      <c r="BB1003" s="53"/>
      <c r="BC1003" s="53"/>
      <c r="BD1003" s="53"/>
      <c r="BE1003" s="53"/>
      <c r="BF1003" s="53"/>
      <c r="BG1003" s="53"/>
      <c r="BH1003" s="53"/>
      <c r="BI1003" s="53"/>
      <c r="BJ1003" s="53"/>
      <c r="BK1003" s="53"/>
      <c r="BL1003" s="53"/>
      <c r="BM1003" s="53"/>
      <c r="BN1003" s="53"/>
      <c r="BO1003" s="53"/>
      <c r="BP1003" s="53"/>
      <c r="BQ1003" s="53"/>
      <c r="BR1003" s="53"/>
      <c r="BS1003" s="53"/>
      <c r="BT1003" s="53"/>
      <c r="BU1003" s="53"/>
      <c r="BV1003" s="53"/>
      <c r="BW1003" s="53"/>
      <c r="BX1003" s="53"/>
      <c r="BY1003" s="53"/>
      <c r="BZ1003" s="53"/>
      <c r="CA1003" s="53"/>
      <c r="CB1003" s="53"/>
      <c r="CC1003" s="53"/>
      <c r="CD1003" s="53"/>
      <c r="CE1003" s="53"/>
      <c r="CF1003" s="53"/>
      <c r="CG1003" s="53"/>
      <c r="CH1003" s="53"/>
      <c r="CI1003" s="53"/>
      <c r="CJ1003" s="53"/>
      <c r="CK1003" s="53"/>
      <c r="CL1003" s="53"/>
      <c r="CM1003" s="53"/>
      <c r="CN1003" s="53"/>
    </row>
    <row r="1004" spans="1:92" outlineLevel="1">
      <c r="A1004" s="52" t="s">
        <v>649</v>
      </c>
      <c r="B1004" s="53"/>
      <c r="C1004" s="53"/>
      <c r="D1004" s="53"/>
      <c r="E1004" s="53"/>
      <c r="F1004" s="53"/>
      <c r="G1004" s="53"/>
      <c r="H1004" s="53"/>
      <c r="I1004" s="53"/>
      <c r="J1004" s="53"/>
      <c r="K1004" s="53"/>
      <c r="L1004" s="53"/>
      <c r="M1004" s="53"/>
      <c r="N1004" s="53"/>
      <c r="O1004" s="53"/>
      <c r="P1004" s="53"/>
      <c r="Q1004" s="53"/>
      <c r="R1004" s="53">
        <v>-37711166</v>
      </c>
      <c r="S1004" s="53">
        <v>-37711166</v>
      </c>
      <c r="T1004" s="53">
        <v>-37711166</v>
      </c>
      <c r="U1004" s="53">
        <v>-37711166</v>
      </c>
      <c r="V1004" s="53">
        <v>-37711166</v>
      </c>
      <c r="W1004" s="53">
        <v>-37711166</v>
      </c>
      <c r="X1004" s="53">
        <v>-37711166</v>
      </c>
      <c r="Y1004" s="53">
        <v>-37711166</v>
      </c>
      <c r="Z1004" s="53">
        <v>-37711166</v>
      </c>
      <c r="AA1004" s="53">
        <v>-339400493.99999899</v>
      </c>
      <c r="AB1004" s="53">
        <v>-37711166</v>
      </c>
      <c r="AC1004" s="53">
        <v>-37711166</v>
      </c>
      <c r="AD1004" s="53">
        <v>-37711166</v>
      </c>
      <c r="AE1004" s="53"/>
      <c r="AF1004" s="53"/>
      <c r="AG1004" s="53"/>
      <c r="AH1004" s="53"/>
      <c r="AI1004" s="53"/>
      <c r="AJ1004" s="53"/>
      <c r="AK1004" s="53"/>
      <c r="AL1004" s="53"/>
      <c r="AM1004" s="53"/>
      <c r="AN1004" s="53">
        <v>-113133497.999999</v>
      </c>
      <c r="AO1004" s="53"/>
      <c r="AP1004" s="53"/>
      <c r="AQ1004" s="53"/>
      <c r="AR1004" s="53"/>
      <c r="AS1004" s="53"/>
      <c r="AT1004" s="53"/>
      <c r="AU1004" s="53"/>
      <c r="AV1004" s="53"/>
      <c r="AW1004" s="53"/>
      <c r="AX1004" s="53"/>
      <c r="AY1004" s="53"/>
      <c r="AZ1004" s="53"/>
      <c r="BA1004" s="53"/>
      <c r="BB1004" s="53"/>
      <c r="BC1004" s="53"/>
      <c r="BD1004" s="53"/>
      <c r="BE1004" s="53"/>
      <c r="BF1004" s="53"/>
      <c r="BG1004" s="53"/>
      <c r="BH1004" s="53"/>
      <c r="BI1004" s="53"/>
      <c r="BJ1004" s="53"/>
      <c r="BK1004" s="53"/>
      <c r="BL1004" s="53"/>
      <c r="BM1004" s="53"/>
      <c r="BN1004" s="53"/>
      <c r="BO1004" s="53"/>
      <c r="BP1004" s="53"/>
      <c r="BQ1004" s="53"/>
      <c r="BR1004" s="53"/>
      <c r="BS1004" s="53"/>
      <c r="BT1004" s="53"/>
      <c r="BU1004" s="53"/>
      <c r="BV1004" s="53"/>
      <c r="BW1004" s="53"/>
      <c r="BX1004" s="53"/>
      <c r="BY1004" s="53"/>
      <c r="BZ1004" s="53"/>
      <c r="CA1004" s="53"/>
      <c r="CB1004" s="53"/>
      <c r="CC1004" s="53"/>
      <c r="CD1004" s="53"/>
      <c r="CE1004" s="53"/>
      <c r="CF1004" s="53"/>
      <c r="CG1004" s="53"/>
      <c r="CH1004" s="53"/>
      <c r="CI1004" s="53"/>
      <c r="CJ1004" s="53"/>
      <c r="CK1004" s="53"/>
      <c r="CL1004" s="53"/>
      <c r="CM1004" s="53"/>
      <c r="CN1004" s="53"/>
    </row>
    <row r="1005" spans="1:92" outlineLevel="1">
      <c r="A1005" s="52" t="s">
        <v>1417</v>
      </c>
      <c r="B1005" s="53"/>
      <c r="C1005" s="53"/>
      <c r="D1005" s="53"/>
      <c r="E1005" s="53"/>
      <c r="F1005" s="53"/>
      <c r="G1005" s="53"/>
      <c r="H1005" s="53"/>
      <c r="I1005" s="53"/>
      <c r="J1005" s="53"/>
      <c r="K1005" s="53"/>
      <c r="L1005" s="53"/>
      <c r="M1005" s="53"/>
      <c r="N1005" s="53"/>
      <c r="O1005" s="53"/>
      <c r="P1005" s="53"/>
      <c r="Q1005" s="53"/>
      <c r="R1005" s="53"/>
      <c r="S1005" s="53"/>
      <c r="T1005" s="53"/>
      <c r="U1005" s="53"/>
      <c r="V1005" s="53"/>
      <c r="W1005" s="53"/>
      <c r="X1005" s="53"/>
      <c r="Y1005" s="53"/>
      <c r="Z1005" s="53"/>
      <c r="AA1005" s="53"/>
      <c r="AB1005" s="53"/>
      <c r="AC1005" s="53"/>
      <c r="AD1005" s="53"/>
      <c r="AE1005" s="53"/>
      <c r="AF1005" s="53"/>
      <c r="AG1005" s="53"/>
      <c r="AH1005" s="53"/>
      <c r="AI1005" s="53"/>
      <c r="AJ1005" s="53"/>
      <c r="AK1005" s="53"/>
      <c r="AL1005" s="53"/>
      <c r="AM1005" s="53"/>
      <c r="AN1005" s="53"/>
      <c r="AO1005" s="53"/>
      <c r="AP1005" s="53"/>
      <c r="AQ1005" s="53"/>
      <c r="AR1005" s="53"/>
      <c r="AS1005" s="53"/>
      <c r="AT1005" s="53"/>
      <c r="AU1005" s="53"/>
      <c r="AV1005" s="53"/>
      <c r="AW1005" s="53"/>
      <c r="AX1005" s="53"/>
      <c r="AY1005" s="53"/>
      <c r="AZ1005" s="53"/>
      <c r="BA1005" s="53"/>
      <c r="BB1005" s="53"/>
      <c r="BC1005" s="53"/>
      <c r="BD1005" s="53"/>
      <c r="BE1005" s="53"/>
      <c r="BF1005" s="53"/>
      <c r="BG1005" s="53"/>
      <c r="BH1005" s="53"/>
      <c r="BI1005" s="53"/>
      <c r="BJ1005" s="53"/>
      <c r="BK1005" s="53"/>
      <c r="BL1005" s="53"/>
      <c r="BM1005" s="53"/>
      <c r="BN1005" s="53"/>
      <c r="BO1005" s="53"/>
      <c r="BP1005" s="53"/>
      <c r="BQ1005" s="53"/>
      <c r="BR1005" s="53"/>
      <c r="BS1005" s="53"/>
      <c r="BT1005" s="53"/>
      <c r="BU1005" s="53"/>
      <c r="BV1005" s="53"/>
      <c r="BW1005" s="53"/>
      <c r="BX1005" s="53"/>
      <c r="BY1005" s="53"/>
      <c r="BZ1005" s="53"/>
      <c r="CA1005" s="53"/>
      <c r="CB1005" s="53"/>
      <c r="CC1005" s="53"/>
      <c r="CD1005" s="53"/>
      <c r="CE1005" s="53"/>
      <c r="CF1005" s="53"/>
      <c r="CG1005" s="53"/>
      <c r="CH1005" s="53"/>
      <c r="CI1005" s="53"/>
      <c r="CJ1005" s="53"/>
      <c r="CK1005" s="53"/>
      <c r="CL1005" s="53"/>
      <c r="CM1005" s="53"/>
      <c r="CN1005" s="53"/>
    </row>
    <row r="1006" spans="1:92" outlineLevel="1">
      <c r="A1006" s="52" t="s">
        <v>649</v>
      </c>
      <c r="B1006" s="53"/>
      <c r="C1006" s="53"/>
      <c r="D1006" s="53"/>
      <c r="E1006" s="53"/>
      <c r="F1006" s="53"/>
      <c r="G1006" s="53"/>
      <c r="H1006" s="53"/>
      <c r="I1006" s="53"/>
      <c r="J1006" s="53"/>
      <c r="K1006" s="53"/>
      <c r="L1006" s="53"/>
      <c r="M1006" s="53"/>
      <c r="N1006" s="53"/>
      <c r="O1006" s="53">
        <v>-700000</v>
      </c>
      <c r="P1006" s="53">
        <v>-700000</v>
      </c>
      <c r="Q1006" s="53">
        <v>-700000</v>
      </c>
      <c r="R1006" s="53">
        <v>-700000</v>
      </c>
      <c r="S1006" s="53">
        <v>-700000</v>
      </c>
      <c r="T1006" s="53">
        <v>-700000</v>
      </c>
      <c r="U1006" s="53"/>
      <c r="V1006" s="53"/>
      <c r="W1006" s="53"/>
      <c r="X1006" s="53"/>
      <c r="Y1006" s="53"/>
      <c r="Z1006" s="53"/>
      <c r="AA1006" s="53">
        <v>-4200000</v>
      </c>
      <c r="AB1006" s="53"/>
      <c r="AC1006" s="53"/>
      <c r="AD1006" s="53"/>
      <c r="AE1006" s="53"/>
      <c r="AF1006" s="53"/>
      <c r="AG1006" s="53"/>
      <c r="AH1006" s="53"/>
      <c r="AI1006" s="53"/>
      <c r="AJ1006" s="53"/>
      <c r="AK1006" s="53"/>
      <c r="AL1006" s="53"/>
      <c r="AM1006" s="53"/>
      <c r="AN1006" s="53"/>
      <c r="AO1006" s="53"/>
      <c r="AP1006" s="53"/>
      <c r="AQ1006" s="53"/>
      <c r="AR1006" s="53"/>
      <c r="AS1006" s="53"/>
      <c r="AT1006" s="53"/>
      <c r="AU1006" s="53"/>
      <c r="AV1006" s="53"/>
      <c r="AW1006" s="53"/>
      <c r="AX1006" s="53"/>
      <c r="AY1006" s="53"/>
      <c r="AZ1006" s="53"/>
      <c r="BA1006" s="53"/>
      <c r="BB1006" s="53"/>
      <c r="BC1006" s="53"/>
      <c r="BD1006" s="53"/>
      <c r="BE1006" s="53"/>
      <c r="BF1006" s="53"/>
      <c r="BG1006" s="53"/>
      <c r="BH1006" s="53"/>
      <c r="BI1006" s="53"/>
      <c r="BJ1006" s="53"/>
      <c r="BK1006" s="53"/>
      <c r="BL1006" s="53"/>
      <c r="BM1006" s="53"/>
      <c r="BN1006" s="53"/>
      <c r="BO1006" s="53"/>
      <c r="BP1006" s="53"/>
      <c r="BQ1006" s="53"/>
      <c r="BR1006" s="53"/>
      <c r="BS1006" s="53"/>
      <c r="BT1006" s="53"/>
      <c r="BU1006" s="53"/>
      <c r="BV1006" s="53"/>
      <c r="BW1006" s="53"/>
      <c r="BX1006" s="53"/>
      <c r="BY1006" s="53"/>
      <c r="BZ1006" s="53"/>
      <c r="CA1006" s="53"/>
      <c r="CB1006" s="53"/>
      <c r="CC1006" s="53"/>
      <c r="CD1006" s="53"/>
      <c r="CE1006" s="53"/>
      <c r="CF1006" s="53"/>
      <c r="CG1006" s="53"/>
      <c r="CH1006" s="53"/>
      <c r="CI1006" s="53"/>
      <c r="CJ1006" s="53"/>
      <c r="CK1006" s="53"/>
      <c r="CL1006" s="53"/>
      <c r="CM1006" s="53"/>
      <c r="CN1006" s="53"/>
    </row>
    <row r="1007" spans="1:92" outlineLevel="1">
      <c r="A1007" s="52" t="s">
        <v>1418</v>
      </c>
      <c r="B1007" s="53">
        <v>624927417.32000005</v>
      </c>
      <c r="C1007" s="53">
        <v>589579361.54999995</v>
      </c>
      <c r="D1007" s="53">
        <v>592845083.47000003</v>
      </c>
      <c r="E1007" s="53">
        <v>580735732.21000004</v>
      </c>
      <c r="F1007" s="53">
        <v>571693422.58000004</v>
      </c>
      <c r="G1007" s="53">
        <v>628622223.95000005</v>
      </c>
      <c r="H1007" s="53">
        <v>633828150.25</v>
      </c>
      <c r="I1007" s="53">
        <v>623620938.97000003</v>
      </c>
      <c r="J1007" s="53">
        <v>765932750.23000002</v>
      </c>
      <c r="K1007" s="53">
        <v>909785810.48000002</v>
      </c>
      <c r="L1007" s="53">
        <v>958126491.21000004</v>
      </c>
      <c r="M1007" s="53">
        <v>1188473310.3099999</v>
      </c>
      <c r="N1007" s="53">
        <v>1188473310.3099999</v>
      </c>
      <c r="O1007" s="53">
        <v>1186329715.9033201</v>
      </c>
      <c r="P1007" s="53">
        <v>1184189389.34373</v>
      </c>
      <c r="Q1007" s="53">
        <v>1180482926.6716499</v>
      </c>
      <c r="R1007" s="53">
        <v>1141699043.14959</v>
      </c>
      <c r="S1007" s="53">
        <v>1102803425.16486</v>
      </c>
      <c r="T1007" s="53">
        <v>1062209755.3522201</v>
      </c>
      <c r="U1007" s="53">
        <v>1023739067.87771</v>
      </c>
      <c r="V1007" s="53">
        <v>985109125.36430597</v>
      </c>
      <c r="W1007" s="53">
        <v>944751981.62971199</v>
      </c>
      <c r="X1007" s="53">
        <v>905818344.31617296</v>
      </c>
      <c r="Y1007" s="53">
        <v>866753544.38179195</v>
      </c>
      <c r="Z1007" s="53">
        <v>826146874.49279702</v>
      </c>
      <c r="AA1007" s="53">
        <v>826146874.49279702</v>
      </c>
      <c r="AB1007" s="53">
        <v>786817711.81880105</v>
      </c>
      <c r="AC1007" s="53">
        <v>747486898.14480603</v>
      </c>
      <c r="AD1007" s="53">
        <v>706586980.65081096</v>
      </c>
      <c r="AE1007" s="53">
        <v>704971249.97681499</v>
      </c>
      <c r="AF1007" s="53">
        <v>703362473.30281997</v>
      </c>
      <c r="AG1007" s="53">
        <v>700187986.80882394</v>
      </c>
      <c r="AH1007" s="53">
        <v>698587294.13482904</v>
      </c>
      <c r="AI1007" s="53">
        <v>696989125.46083295</v>
      </c>
      <c r="AJ1007" s="53">
        <v>693818364.966838</v>
      </c>
      <c r="AK1007" s="53">
        <v>692221492.29284203</v>
      </c>
      <c r="AL1007" s="53">
        <v>690630687.61884701</v>
      </c>
      <c r="AM1007" s="53">
        <v>687471687.12485099</v>
      </c>
      <c r="AN1007" s="53">
        <v>687471687.12485099</v>
      </c>
      <c r="AO1007" s="53">
        <v>685466676.03418899</v>
      </c>
      <c r="AP1007" s="53">
        <v>683461664.94352698</v>
      </c>
      <c r="AQ1007" s="53">
        <v>679886315.03286505</v>
      </c>
      <c r="AR1007" s="53">
        <v>677881303.94220304</v>
      </c>
      <c r="AS1007" s="53">
        <v>675876292.85154104</v>
      </c>
      <c r="AT1007" s="53">
        <v>672300942.94087899</v>
      </c>
      <c r="AU1007" s="53">
        <v>670295931.85021698</v>
      </c>
      <c r="AV1007" s="53">
        <v>668290920.75955498</v>
      </c>
      <c r="AW1007" s="53">
        <v>664784553.19614196</v>
      </c>
      <c r="AX1007" s="53">
        <v>662992829.45272994</v>
      </c>
      <c r="AY1007" s="53">
        <v>661201105.70931804</v>
      </c>
      <c r="AZ1007" s="53">
        <v>657839043.14590597</v>
      </c>
      <c r="BA1007" s="53">
        <v>657839043.14590597</v>
      </c>
      <c r="BB1007" s="53">
        <v>656060360.471452</v>
      </c>
      <c r="BC1007" s="53">
        <v>654281677.79699802</v>
      </c>
      <c r="BD1007" s="53">
        <v>650932656.302544</v>
      </c>
      <c r="BE1007" s="53">
        <v>649153973.62809098</v>
      </c>
      <c r="BF1007" s="53">
        <v>647375290.953637</v>
      </c>
      <c r="BG1007" s="53">
        <v>644026269.45918298</v>
      </c>
      <c r="BH1007" s="53">
        <v>642247586.784729</v>
      </c>
      <c r="BI1007" s="53">
        <v>640468904.11027503</v>
      </c>
      <c r="BJ1007" s="53">
        <v>637119882.61582196</v>
      </c>
      <c r="BK1007" s="53">
        <v>635341199.94136798</v>
      </c>
      <c r="BL1007" s="53">
        <v>633562517.26691401</v>
      </c>
      <c r="BM1007" s="53">
        <v>630213495.77245998</v>
      </c>
      <c r="BN1007" s="53">
        <v>630213495.77245998</v>
      </c>
      <c r="BO1007" s="53">
        <v>628383399.01467299</v>
      </c>
      <c r="BP1007" s="53">
        <v>626553302.25688601</v>
      </c>
      <c r="BQ1007" s="53">
        <v>623152866.67909896</v>
      </c>
      <c r="BR1007" s="53">
        <v>621322769.92131197</v>
      </c>
      <c r="BS1007" s="53">
        <v>619492673.16352403</v>
      </c>
      <c r="BT1007" s="53">
        <v>616092237.58573699</v>
      </c>
      <c r="BU1007" s="53">
        <v>614253733.88810098</v>
      </c>
      <c r="BV1007" s="53">
        <v>612406823.25061405</v>
      </c>
      <c r="BW1007" s="53">
        <v>609698546.61312795</v>
      </c>
      <c r="BX1007" s="53">
        <v>607851635.97564101</v>
      </c>
      <c r="BY1007" s="53">
        <v>606004725.33815503</v>
      </c>
      <c r="BZ1007" s="53">
        <v>604157814.70066905</v>
      </c>
      <c r="CA1007" s="53">
        <v>604157814.70066905</v>
      </c>
      <c r="CB1007" s="53"/>
      <c r="CC1007" s="53"/>
      <c r="CD1007" s="53"/>
      <c r="CE1007" s="53"/>
      <c r="CF1007" s="53"/>
      <c r="CG1007" s="53"/>
      <c r="CH1007" s="53"/>
      <c r="CI1007" s="53"/>
      <c r="CJ1007" s="53"/>
      <c r="CK1007" s="53"/>
      <c r="CL1007" s="53"/>
      <c r="CM1007" s="53"/>
      <c r="CN1007" s="53"/>
    </row>
    <row r="1008" spans="1:92">
      <c r="A1008" s="52" t="s">
        <v>1419</v>
      </c>
      <c r="B1008" s="53">
        <v>0</v>
      </c>
      <c r="C1008" s="53">
        <v>0</v>
      </c>
      <c r="D1008" s="53">
        <v>0</v>
      </c>
      <c r="E1008" s="53">
        <v>0</v>
      </c>
      <c r="F1008" s="53">
        <v>0</v>
      </c>
      <c r="G1008" s="53">
        <v>0</v>
      </c>
      <c r="H1008" s="53">
        <v>0</v>
      </c>
      <c r="I1008" s="53">
        <v>0</v>
      </c>
      <c r="J1008" s="53">
        <v>0</v>
      </c>
      <c r="K1008" s="53">
        <v>0</v>
      </c>
      <c r="L1008" s="53">
        <v>0</v>
      </c>
      <c r="M1008" s="53">
        <v>0</v>
      </c>
      <c r="N1008" s="53">
        <v>0</v>
      </c>
      <c r="O1008" s="53">
        <v>0</v>
      </c>
      <c r="P1008" s="53">
        <v>0</v>
      </c>
      <c r="Q1008" s="53">
        <v>0</v>
      </c>
      <c r="R1008" s="53">
        <v>0</v>
      </c>
      <c r="S1008" s="53">
        <v>0</v>
      </c>
      <c r="T1008" s="53">
        <v>0</v>
      </c>
      <c r="U1008" s="53">
        <v>0</v>
      </c>
      <c r="V1008" s="53">
        <v>0</v>
      </c>
      <c r="W1008" s="53">
        <v>0</v>
      </c>
      <c r="X1008" s="53">
        <v>0</v>
      </c>
      <c r="Y1008" s="53">
        <v>0</v>
      </c>
      <c r="Z1008" s="53">
        <v>0</v>
      </c>
      <c r="AA1008" s="53">
        <v>0</v>
      </c>
      <c r="AB1008" s="53">
        <v>0</v>
      </c>
      <c r="AC1008" s="53">
        <v>0</v>
      </c>
      <c r="AD1008" s="53">
        <v>0</v>
      </c>
      <c r="AE1008" s="53">
        <v>0</v>
      </c>
      <c r="AF1008" s="53">
        <v>0</v>
      </c>
      <c r="AG1008" s="53">
        <v>0</v>
      </c>
      <c r="AH1008" s="53">
        <v>0</v>
      </c>
      <c r="AI1008" s="53">
        <v>0</v>
      </c>
      <c r="AJ1008" s="53">
        <v>0</v>
      </c>
      <c r="AK1008" s="53">
        <v>0</v>
      </c>
      <c r="AL1008" s="53">
        <v>0</v>
      </c>
      <c r="AM1008" s="53">
        <v>0</v>
      </c>
      <c r="AN1008" s="53">
        <v>0</v>
      </c>
      <c r="AO1008" s="53">
        <v>0</v>
      </c>
      <c r="AP1008" s="53">
        <v>0</v>
      </c>
      <c r="AQ1008" s="53">
        <v>0</v>
      </c>
      <c r="AR1008" s="53">
        <v>0</v>
      </c>
      <c r="AS1008" s="53">
        <v>0</v>
      </c>
      <c r="AT1008" s="53">
        <v>0</v>
      </c>
      <c r="AU1008" s="53">
        <v>0</v>
      </c>
      <c r="AV1008" s="53">
        <v>0</v>
      </c>
      <c r="AW1008" s="53">
        <v>0</v>
      </c>
      <c r="AX1008" s="53">
        <v>0</v>
      </c>
      <c r="AY1008" s="53">
        <v>0</v>
      </c>
      <c r="AZ1008" s="53">
        <v>0</v>
      </c>
      <c r="BA1008" s="53">
        <v>0</v>
      </c>
      <c r="BB1008" s="53">
        <v>0</v>
      </c>
      <c r="BC1008" s="53">
        <v>0</v>
      </c>
      <c r="BD1008" s="53">
        <v>0</v>
      </c>
      <c r="BE1008" s="53">
        <v>0</v>
      </c>
      <c r="BF1008" s="53">
        <v>0</v>
      </c>
      <c r="BG1008" s="53">
        <v>0</v>
      </c>
      <c r="BH1008" s="53">
        <v>0</v>
      </c>
      <c r="BI1008" s="53">
        <v>0</v>
      </c>
      <c r="BJ1008" s="53">
        <v>0</v>
      </c>
      <c r="BK1008" s="53">
        <v>0</v>
      </c>
      <c r="BL1008" s="53">
        <v>0</v>
      </c>
      <c r="BM1008" s="53">
        <v>0</v>
      </c>
      <c r="BN1008" s="53">
        <v>0</v>
      </c>
      <c r="BO1008" s="53">
        <v>0</v>
      </c>
      <c r="BP1008" s="53">
        <v>0</v>
      </c>
      <c r="BQ1008" s="53">
        <v>0</v>
      </c>
      <c r="BR1008" s="53">
        <v>0</v>
      </c>
      <c r="BS1008" s="53">
        <v>0</v>
      </c>
      <c r="BT1008" s="53">
        <v>0</v>
      </c>
      <c r="BU1008" s="53">
        <v>0</v>
      </c>
      <c r="BV1008" s="53">
        <v>0</v>
      </c>
      <c r="BW1008" s="53">
        <v>0</v>
      </c>
      <c r="BX1008" s="53">
        <v>0</v>
      </c>
      <c r="BY1008" s="53">
        <v>0</v>
      </c>
      <c r="BZ1008" s="53">
        <v>0</v>
      </c>
      <c r="CA1008" s="53">
        <v>0</v>
      </c>
      <c r="CB1008" s="53"/>
      <c r="CC1008" s="53"/>
      <c r="CD1008" s="53"/>
      <c r="CE1008" s="53"/>
      <c r="CF1008" s="53"/>
      <c r="CG1008" s="53"/>
      <c r="CH1008" s="53"/>
      <c r="CI1008" s="53"/>
      <c r="CJ1008" s="53"/>
      <c r="CK1008" s="53"/>
      <c r="CL1008" s="53"/>
      <c r="CM1008" s="53"/>
      <c r="CN1008" s="53"/>
    </row>
    <row r="1009" spans="1:92">
      <c r="A1009" s="52" t="s">
        <v>1420</v>
      </c>
      <c r="B1009" s="53">
        <v>18658212.66</v>
      </c>
      <c r="C1009" s="53">
        <v>20523003.559999902</v>
      </c>
      <c r="D1009" s="53">
        <v>20960285.309999902</v>
      </c>
      <c r="E1009" s="53">
        <v>22226145.989999998</v>
      </c>
      <c r="F1009" s="53">
        <v>23265718.879999999</v>
      </c>
      <c r="G1009" s="53">
        <v>23064688.59</v>
      </c>
      <c r="H1009" s="53">
        <v>24189684.649999999</v>
      </c>
      <c r="I1009" s="53">
        <v>25336508.419999901</v>
      </c>
      <c r="J1009" s="53">
        <v>25012074.8699999</v>
      </c>
      <c r="K1009" s="53">
        <v>26115347.329999998</v>
      </c>
      <c r="L1009" s="53">
        <v>27046003.739999998</v>
      </c>
      <c r="M1009" s="53">
        <v>26038783.609999899</v>
      </c>
      <c r="N1009" s="53">
        <v>26038783.609999899</v>
      </c>
      <c r="O1009" s="53">
        <v>26038783.609999899</v>
      </c>
      <c r="P1009" s="53">
        <v>26038783.609999899</v>
      </c>
      <c r="Q1009" s="53">
        <v>26038783.609999899</v>
      </c>
      <c r="R1009" s="53">
        <v>26038783.609999899</v>
      </c>
      <c r="S1009" s="53">
        <v>26038783.609999899</v>
      </c>
      <c r="T1009" s="53">
        <v>26038783.609999899</v>
      </c>
      <c r="U1009" s="53">
        <v>26038783.609999899</v>
      </c>
      <c r="V1009" s="53">
        <v>26038783.609999899</v>
      </c>
      <c r="W1009" s="53">
        <v>26038783.609999899</v>
      </c>
      <c r="X1009" s="53">
        <v>26038783.609999899</v>
      </c>
      <c r="Y1009" s="53">
        <v>26038783.609999899</v>
      </c>
      <c r="Z1009" s="53">
        <v>26038783.609999899</v>
      </c>
      <c r="AA1009" s="53">
        <v>26038783.609999899</v>
      </c>
      <c r="AB1009" s="53">
        <v>26038783.609999899</v>
      </c>
      <c r="AC1009" s="53">
        <v>26038783.609999899</v>
      </c>
      <c r="AD1009" s="53">
        <v>26038783.609999899</v>
      </c>
      <c r="AE1009" s="53">
        <v>26038783.609999899</v>
      </c>
      <c r="AF1009" s="53">
        <v>26038783.609999899</v>
      </c>
      <c r="AG1009" s="53">
        <v>26038783.609999899</v>
      </c>
      <c r="AH1009" s="53">
        <v>26038783.609999899</v>
      </c>
      <c r="AI1009" s="53">
        <v>26038783.609999899</v>
      </c>
      <c r="AJ1009" s="53">
        <v>26038783.609999899</v>
      </c>
      <c r="AK1009" s="53">
        <v>26038783.609999899</v>
      </c>
      <c r="AL1009" s="53">
        <v>26038783.609999899</v>
      </c>
      <c r="AM1009" s="53">
        <v>26038783.609999899</v>
      </c>
      <c r="AN1009" s="53">
        <v>26038783.609999899</v>
      </c>
      <c r="AO1009" s="53">
        <v>26038783.609999899</v>
      </c>
      <c r="AP1009" s="53">
        <v>26038783.609999899</v>
      </c>
      <c r="AQ1009" s="53">
        <v>26038783.609999899</v>
      </c>
      <c r="AR1009" s="53">
        <v>26038783.609999899</v>
      </c>
      <c r="AS1009" s="53">
        <v>26038783.609999899</v>
      </c>
      <c r="AT1009" s="53">
        <v>26038783.609999899</v>
      </c>
      <c r="AU1009" s="53">
        <v>26038783.609999899</v>
      </c>
      <c r="AV1009" s="53">
        <v>26038783.609999899</v>
      </c>
      <c r="AW1009" s="53">
        <v>26038783.609999899</v>
      </c>
      <c r="AX1009" s="53">
        <v>26038783.609999899</v>
      </c>
      <c r="AY1009" s="53">
        <v>26038783.609999899</v>
      </c>
      <c r="AZ1009" s="53">
        <v>26038783.609999899</v>
      </c>
      <c r="BA1009" s="53">
        <v>26038783.609999899</v>
      </c>
      <c r="BB1009" s="53">
        <v>26038783.609999899</v>
      </c>
      <c r="BC1009" s="53">
        <v>26038783.609999899</v>
      </c>
      <c r="BD1009" s="53">
        <v>26038783.609999899</v>
      </c>
      <c r="BE1009" s="53">
        <v>26038783.609999899</v>
      </c>
      <c r="BF1009" s="53">
        <v>26038783.609999899</v>
      </c>
      <c r="BG1009" s="53">
        <v>26038783.609999899</v>
      </c>
      <c r="BH1009" s="53">
        <v>26038783.609999899</v>
      </c>
      <c r="BI1009" s="53">
        <v>26038783.609999899</v>
      </c>
      <c r="BJ1009" s="53">
        <v>26038783.609999899</v>
      </c>
      <c r="BK1009" s="53">
        <v>26038783.609999899</v>
      </c>
      <c r="BL1009" s="53">
        <v>26038783.609999899</v>
      </c>
      <c r="BM1009" s="53">
        <v>26038783.609999899</v>
      </c>
      <c r="BN1009" s="53">
        <v>26038783.609999899</v>
      </c>
      <c r="BO1009" s="53">
        <v>26038783.609999899</v>
      </c>
      <c r="BP1009" s="53">
        <v>26038783.609999899</v>
      </c>
      <c r="BQ1009" s="53">
        <v>26038783.609999899</v>
      </c>
      <c r="BR1009" s="53">
        <v>26038783.609999899</v>
      </c>
      <c r="BS1009" s="53">
        <v>26038783.609999899</v>
      </c>
      <c r="BT1009" s="53">
        <v>26038783.609999899</v>
      </c>
      <c r="BU1009" s="53">
        <v>26038783.609999899</v>
      </c>
      <c r="BV1009" s="53">
        <v>26038783.609999899</v>
      </c>
      <c r="BW1009" s="53">
        <v>26038783.609999899</v>
      </c>
      <c r="BX1009" s="53">
        <v>26038783.609999899</v>
      </c>
      <c r="BY1009" s="53">
        <v>26038783.609999899</v>
      </c>
      <c r="BZ1009" s="53">
        <v>26038783.609999899</v>
      </c>
      <c r="CA1009" s="53">
        <v>26038783.609999899</v>
      </c>
      <c r="CB1009" s="53"/>
      <c r="CC1009" s="53"/>
      <c r="CD1009" s="53"/>
      <c r="CE1009" s="53"/>
      <c r="CF1009" s="53"/>
      <c r="CG1009" s="53"/>
      <c r="CH1009" s="53"/>
      <c r="CI1009" s="53"/>
      <c r="CJ1009" s="53"/>
      <c r="CK1009" s="53"/>
      <c r="CL1009" s="53"/>
      <c r="CM1009" s="53"/>
      <c r="CN1009" s="53"/>
    </row>
    <row r="1010" spans="1:92">
      <c r="A1010" s="52" t="s">
        <v>1421</v>
      </c>
      <c r="B1010" s="53">
        <v>0</v>
      </c>
      <c r="C1010" s="53">
        <v>0</v>
      </c>
      <c r="D1010" s="53">
        <v>0</v>
      </c>
      <c r="E1010" s="53">
        <v>0</v>
      </c>
      <c r="F1010" s="53">
        <v>0</v>
      </c>
      <c r="G1010" s="53">
        <v>0</v>
      </c>
      <c r="H1010" s="53">
        <v>0</v>
      </c>
      <c r="I1010" s="53">
        <v>0</v>
      </c>
      <c r="J1010" s="53">
        <v>0</v>
      </c>
      <c r="K1010" s="53">
        <v>0</v>
      </c>
      <c r="L1010" s="53">
        <v>0</v>
      </c>
      <c r="M1010" s="53">
        <v>0</v>
      </c>
      <c r="N1010" s="53">
        <v>0</v>
      </c>
      <c r="O1010" s="53">
        <v>0</v>
      </c>
      <c r="P1010" s="53">
        <v>0</v>
      </c>
      <c r="Q1010" s="53">
        <v>0</v>
      </c>
      <c r="R1010" s="53">
        <v>0</v>
      </c>
      <c r="S1010" s="53">
        <v>0</v>
      </c>
      <c r="T1010" s="53">
        <v>0</v>
      </c>
      <c r="U1010" s="53">
        <v>0</v>
      </c>
      <c r="V1010" s="53">
        <v>0</v>
      </c>
      <c r="W1010" s="53">
        <v>0</v>
      </c>
      <c r="X1010" s="53">
        <v>0</v>
      </c>
      <c r="Y1010" s="53">
        <v>0</v>
      </c>
      <c r="Z1010" s="53">
        <v>0</v>
      </c>
      <c r="AA1010" s="53">
        <v>0</v>
      </c>
      <c r="AB1010" s="53">
        <v>0</v>
      </c>
      <c r="AC1010" s="53">
        <v>0</v>
      </c>
      <c r="AD1010" s="53">
        <v>0</v>
      </c>
      <c r="AE1010" s="53">
        <v>0</v>
      </c>
      <c r="AF1010" s="53">
        <v>0</v>
      </c>
      <c r="AG1010" s="53">
        <v>0</v>
      </c>
      <c r="AH1010" s="53">
        <v>0</v>
      </c>
      <c r="AI1010" s="53">
        <v>0</v>
      </c>
      <c r="AJ1010" s="53">
        <v>0</v>
      </c>
      <c r="AK1010" s="53">
        <v>0</v>
      </c>
      <c r="AL1010" s="53">
        <v>0</v>
      </c>
      <c r="AM1010" s="53">
        <v>0</v>
      </c>
      <c r="AN1010" s="53">
        <v>0</v>
      </c>
      <c r="AO1010" s="53">
        <v>0</v>
      </c>
      <c r="AP1010" s="53">
        <v>0</v>
      </c>
      <c r="AQ1010" s="53">
        <v>0</v>
      </c>
      <c r="AR1010" s="53">
        <v>0</v>
      </c>
      <c r="AS1010" s="53">
        <v>0</v>
      </c>
      <c r="AT1010" s="53">
        <v>0</v>
      </c>
      <c r="AU1010" s="53">
        <v>0</v>
      </c>
      <c r="AV1010" s="53">
        <v>0</v>
      </c>
      <c r="AW1010" s="53">
        <v>0</v>
      </c>
      <c r="AX1010" s="53">
        <v>0</v>
      </c>
      <c r="AY1010" s="53">
        <v>0</v>
      </c>
      <c r="AZ1010" s="53">
        <v>0</v>
      </c>
      <c r="BA1010" s="53">
        <v>0</v>
      </c>
      <c r="BB1010" s="53">
        <v>0</v>
      </c>
      <c r="BC1010" s="53">
        <v>0</v>
      </c>
      <c r="BD1010" s="53">
        <v>0</v>
      </c>
      <c r="BE1010" s="53">
        <v>0</v>
      </c>
      <c r="BF1010" s="53">
        <v>0</v>
      </c>
      <c r="BG1010" s="53">
        <v>0</v>
      </c>
      <c r="BH1010" s="53">
        <v>0</v>
      </c>
      <c r="BI1010" s="53">
        <v>0</v>
      </c>
      <c r="BJ1010" s="53">
        <v>0</v>
      </c>
      <c r="BK1010" s="53">
        <v>0</v>
      </c>
      <c r="BL1010" s="53">
        <v>0</v>
      </c>
      <c r="BM1010" s="53">
        <v>0</v>
      </c>
      <c r="BN1010" s="53">
        <v>0</v>
      </c>
      <c r="BO1010" s="53">
        <v>0</v>
      </c>
      <c r="BP1010" s="53">
        <v>0</v>
      </c>
      <c r="BQ1010" s="53">
        <v>0</v>
      </c>
      <c r="BR1010" s="53">
        <v>0</v>
      </c>
      <c r="BS1010" s="53">
        <v>0</v>
      </c>
      <c r="BT1010" s="53">
        <v>0</v>
      </c>
      <c r="BU1010" s="53">
        <v>0</v>
      </c>
      <c r="BV1010" s="53">
        <v>0</v>
      </c>
      <c r="BW1010" s="53">
        <v>0</v>
      </c>
      <c r="BX1010" s="53">
        <v>0</v>
      </c>
      <c r="BY1010" s="53">
        <v>0</v>
      </c>
      <c r="BZ1010" s="53">
        <v>0</v>
      </c>
      <c r="CA1010" s="53">
        <v>0</v>
      </c>
      <c r="CB1010" s="53"/>
      <c r="CC1010" s="53"/>
      <c r="CD1010" s="53"/>
      <c r="CE1010" s="53"/>
      <c r="CF1010" s="53"/>
      <c r="CG1010" s="53"/>
      <c r="CH1010" s="53"/>
      <c r="CI1010" s="53"/>
      <c r="CJ1010" s="53"/>
      <c r="CK1010" s="53"/>
      <c r="CL1010" s="53"/>
      <c r="CM1010" s="53"/>
      <c r="CN1010" s="53"/>
    </row>
    <row r="1011" spans="1:92">
      <c r="A1011" s="52" t="s">
        <v>1422</v>
      </c>
      <c r="B1011" s="53">
        <v>0</v>
      </c>
      <c r="C1011" s="53">
        <v>0</v>
      </c>
      <c r="D1011" s="53">
        <v>0</v>
      </c>
      <c r="E1011" s="53">
        <v>0</v>
      </c>
      <c r="F1011" s="53">
        <v>0</v>
      </c>
      <c r="G1011" s="53">
        <v>0</v>
      </c>
      <c r="H1011" s="53">
        <v>0</v>
      </c>
      <c r="I1011" s="53">
        <v>0</v>
      </c>
      <c r="J1011" s="53">
        <v>0</v>
      </c>
      <c r="K1011" s="53">
        <v>0</v>
      </c>
      <c r="L1011" s="53">
        <v>0</v>
      </c>
      <c r="M1011" s="53">
        <v>0</v>
      </c>
      <c r="N1011" s="53">
        <v>0</v>
      </c>
      <c r="O1011" s="53">
        <v>0</v>
      </c>
      <c r="P1011" s="53">
        <v>0</v>
      </c>
      <c r="Q1011" s="53">
        <v>0</v>
      </c>
      <c r="R1011" s="53">
        <v>0</v>
      </c>
      <c r="S1011" s="53">
        <v>0</v>
      </c>
      <c r="T1011" s="53">
        <v>0</v>
      </c>
      <c r="U1011" s="53">
        <v>0</v>
      </c>
      <c r="V1011" s="53">
        <v>0</v>
      </c>
      <c r="W1011" s="53">
        <v>0</v>
      </c>
      <c r="X1011" s="53">
        <v>0</v>
      </c>
      <c r="Y1011" s="53">
        <v>0</v>
      </c>
      <c r="Z1011" s="53">
        <v>0</v>
      </c>
      <c r="AA1011" s="53">
        <v>0</v>
      </c>
      <c r="AB1011" s="53">
        <v>0</v>
      </c>
      <c r="AC1011" s="53">
        <v>0</v>
      </c>
      <c r="AD1011" s="53">
        <v>0</v>
      </c>
      <c r="AE1011" s="53">
        <v>0</v>
      </c>
      <c r="AF1011" s="53">
        <v>0</v>
      </c>
      <c r="AG1011" s="53">
        <v>0</v>
      </c>
      <c r="AH1011" s="53">
        <v>0</v>
      </c>
      <c r="AI1011" s="53">
        <v>0</v>
      </c>
      <c r="AJ1011" s="53">
        <v>0</v>
      </c>
      <c r="AK1011" s="53">
        <v>0</v>
      </c>
      <c r="AL1011" s="53">
        <v>0</v>
      </c>
      <c r="AM1011" s="53">
        <v>0</v>
      </c>
      <c r="AN1011" s="53">
        <v>0</v>
      </c>
      <c r="AO1011" s="53">
        <v>0</v>
      </c>
      <c r="AP1011" s="53">
        <v>0</v>
      </c>
      <c r="AQ1011" s="53">
        <v>0</v>
      </c>
      <c r="AR1011" s="53">
        <v>0</v>
      </c>
      <c r="AS1011" s="53">
        <v>0</v>
      </c>
      <c r="AT1011" s="53">
        <v>0</v>
      </c>
      <c r="AU1011" s="53">
        <v>0</v>
      </c>
      <c r="AV1011" s="53">
        <v>0</v>
      </c>
      <c r="AW1011" s="53">
        <v>0</v>
      </c>
      <c r="AX1011" s="53">
        <v>0</v>
      </c>
      <c r="AY1011" s="53">
        <v>0</v>
      </c>
      <c r="AZ1011" s="53">
        <v>0</v>
      </c>
      <c r="BA1011" s="53">
        <v>0</v>
      </c>
      <c r="BB1011" s="53">
        <v>0</v>
      </c>
      <c r="BC1011" s="53">
        <v>0</v>
      </c>
      <c r="BD1011" s="53">
        <v>0</v>
      </c>
      <c r="BE1011" s="53">
        <v>0</v>
      </c>
      <c r="BF1011" s="53">
        <v>0</v>
      </c>
      <c r="BG1011" s="53">
        <v>0</v>
      </c>
      <c r="BH1011" s="53">
        <v>0</v>
      </c>
      <c r="BI1011" s="53">
        <v>0</v>
      </c>
      <c r="BJ1011" s="53">
        <v>0</v>
      </c>
      <c r="BK1011" s="53">
        <v>0</v>
      </c>
      <c r="BL1011" s="53">
        <v>0</v>
      </c>
      <c r="BM1011" s="53">
        <v>0</v>
      </c>
      <c r="BN1011" s="53">
        <v>0</v>
      </c>
      <c r="BO1011" s="53">
        <v>0</v>
      </c>
      <c r="BP1011" s="53">
        <v>0</v>
      </c>
      <c r="BQ1011" s="53">
        <v>0</v>
      </c>
      <c r="BR1011" s="53">
        <v>0</v>
      </c>
      <c r="BS1011" s="53">
        <v>0</v>
      </c>
      <c r="BT1011" s="53">
        <v>0</v>
      </c>
      <c r="BU1011" s="53">
        <v>0</v>
      </c>
      <c r="BV1011" s="53">
        <v>0</v>
      </c>
      <c r="BW1011" s="53">
        <v>0</v>
      </c>
      <c r="BX1011" s="53">
        <v>0</v>
      </c>
      <c r="BY1011" s="53">
        <v>0</v>
      </c>
      <c r="BZ1011" s="53">
        <v>0</v>
      </c>
      <c r="CA1011" s="53">
        <v>0</v>
      </c>
      <c r="CB1011" s="53"/>
      <c r="CC1011" s="53"/>
      <c r="CD1011" s="53"/>
      <c r="CE1011" s="53"/>
      <c r="CF1011" s="53"/>
      <c r="CG1011" s="53"/>
      <c r="CH1011" s="53"/>
      <c r="CI1011" s="53"/>
      <c r="CJ1011" s="53"/>
      <c r="CK1011" s="53"/>
      <c r="CL1011" s="53"/>
      <c r="CM1011" s="53"/>
      <c r="CN1011" s="53"/>
    </row>
    <row r="1012" spans="1:92" outlineLevel="1">
      <c r="A1012" s="52" t="s">
        <v>1423</v>
      </c>
      <c r="B1012" s="53">
        <v>0</v>
      </c>
      <c r="C1012" s="53">
        <v>0</v>
      </c>
      <c r="D1012" s="53">
        <v>0</v>
      </c>
      <c r="E1012" s="53">
        <v>0</v>
      </c>
      <c r="F1012" s="53">
        <v>0</v>
      </c>
      <c r="G1012" s="53">
        <v>0</v>
      </c>
      <c r="H1012" s="53">
        <v>0</v>
      </c>
      <c r="I1012" s="53">
        <v>0</v>
      </c>
      <c r="J1012" s="53">
        <v>0</v>
      </c>
      <c r="K1012" s="53">
        <v>0</v>
      </c>
      <c r="L1012" s="53">
        <v>0</v>
      </c>
      <c r="M1012" s="53">
        <v>0</v>
      </c>
      <c r="N1012" s="53">
        <v>0</v>
      </c>
      <c r="O1012" s="53">
        <v>0</v>
      </c>
      <c r="P1012" s="53">
        <v>0</v>
      </c>
      <c r="Q1012" s="53">
        <v>0</v>
      </c>
      <c r="R1012" s="53">
        <v>0</v>
      </c>
      <c r="S1012" s="53">
        <v>0</v>
      </c>
      <c r="T1012" s="53">
        <v>0</v>
      </c>
      <c r="U1012" s="53">
        <v>0</v>
      </c>
      <c r="V1012" s="53">
        <v>0</v>
      </c>
      <c r="W1012" s="53">
        <v>0</v>
      </c>
      <c r="X1012" s="53">
        <v>0</v>
      </c>
      <c r="Y1012" s="53">
        <v>0</v>
      </c>
      <c r="Z1012" s="53">
        <v>0</v>
      </c>
      <c r="AA1012" s="53">
        <v>0</v>
      </c>
      <c r="AB1012" s="53">
        <v>0</v>
      </c>
      <c r="AC1012" s="53">
        <v>0</v>
      </c>
      <c r="AD1012" s="53">
        <v>0</v>
      </c>
      <c r="AE1012" s="53">
        <v>0</v>
      </c>
      <c r="AF1012" s="53">
        <v>0</v>
      </c>
      <c r="AG1012" s="53">
        <v>0</v>
      </c>
      <c r="AH1012" s="53">
        <v>0</v>
      </c>
      <c r="AI1012" s="53">
        <v>0</v>
      </c>
      <c r="AJ1012" s="53">
        <v>0</v>
      </c>
      <c r="AK1012" s="53">
        <v>0</v>
      </c>
      <c r="AL1012" s="53">
        <v>0</v>
      </c>
      <c r="AM1012" s="53">
        <v>0</v>
      </c>
      <c r="AN1012" s="53">
        <v>0</v>
      </c>
      <c r="AO1012" s="53">
        <v>0</v>
      </c>
      <c r="AP1012" s="53">
        <v>0</v>
      </c>
      <c r="AQ1012" s="53">
        <v>0</v>
      </c>
      <c r="AR1012" s="53">
        <v>0</v>
      </c>
      <c r="AS1012" s="53">
        <v>0</v>
      </c>
      <c r="AT1012" s="53">
        <v>0</v>
      </c>
      <c r="AU1012" s="53">
        <v>0</v>
      </c>
      <c r="AV1012" s="53">
        <v>0</v>
      </c>
      <c r="AW1012" s="53">
        <v>0</v>
      </c>
      <c r="AX1012" s="53">
        <v>0</v>
      </c>
      <c r="AY1012" s="53">
        <v>0</v>
      </c>
      <c r="AZ1012" s="53">
        <v>0</v>
      </c>
      <c r="BA1012" s="53">
        <v>0</v>
      </c>
      <c r="BB1012" s="53">
        <v>0</v>
      </c>
      <c r="BC1012" s="53">
        <v>0</v>
      </c>
      <c r="BD1012" s="53">
        <v>0</v>
      </c>
      <c r="BE1012" s="53">
        <v>0</v>
      </c>
      <c r="BF1012" s="53">
        <v>0</v>
      </c>
      <c r="BG1012" s="53">
        <v>0</v>
      </c>
      <c r="BH1012" s="53">
        <v>0</v>
      </c>
      <c r="BI1012" s="53">
        <v>0</v>
      </c>
      <c r="BJ1012" s="53">
        <v>0</v>
      </c>
      <c r="BK1012" s="53">
        <v>0</v>
      </c>
      <c r="BL1012" s="53">
        <v>0</v>
      </c>
      <c r="BM1012" s="53">
        <v>0</v>
      </c>
      <c r="BN1012" s="53">
        <v>0</v>
      </c>
      <c r="BO1012" s="53">
        <v>0</v>
      </c>
      <c r="BP1012" s="53">
        <v>0</v>
      </c>
      <c r="BQ1012" s="53">
        <v>0</v>
      </c>
      <c r="BR1012" s="53">
        <v>0</v>
      </c>
      <c r="BS1012" s="53">
        <v>0</v>
      </c>
      <c r="BT1012" s="53">
        <v>0</v>
      </c>
      <c r="BU1012" s="53">
        <v>0</v>
      </c>
      <c r="BV1012" s="53">
        <v>0</v>
      </c>
      <c r="BW1012" s="53">
        <v>0</v>
      </c>
      <c r="BX1012" s="53">
        <v>0</v>
      </c>
      <c r="BY1012" s="53">
        <v>0</v>
      </c>
      <c r="BZ1012" s="53">
        <v>0</v>
      </c>
      <c r="CA1012" s="53">
        <v>0</v>
      </c>
      <c r="CB1012" s="53"/>
      <c r="CC1012" s="53"/>
      <c r="CD1012" s="53"/>
      <c r="CE1012" s="53"/>
      <c r="CF1012" s="53"/>
      <c r="CG1012" s="53"/>
      <c r="CH1012" s="53"/>
      <c r="CI1012" s="53"/>
      <c r="CJ1012" s="53"/>
      <c r="CK1012" s="53"/>
      <c r="CL1012" s="53"/>
      <c r="CM1012" s="53"/>
      <c r="CN1012" s="53"/>
    </row>
    <row r="1013" spans="1:92" outlineLevel="1">
      <c r="A1013" s="52" t="s">
        <v>1424</v>
      </c>
      <c r="B1013" s="53">
        <v>373674411.609999</v>
      </c>
      <c r="C1013" s="53">
        <v>371405017.609999</v>
      </c>
      <c r="D1013" s="53">
        <v>370270320.61000001</v>
      </c>
      <c r="E1013" s="53">
        <v>369135623.609999</v>
      </c>
      <c r="F1013" s="53">
        <v>368000926.609999</v>
      </c>
      <c r="G1013" s="53">
        <v>366866229.609999</v>
      </c>
      <c r="H1013" s="53">
        <v>365731532.61000001</v>
      </c>
      <c r="I1013" s="53">
        <v>364596835.609999</v>
      </c>
      <c r="J1013" s="53">
        <v>366227230.73000002</v>
      </c>
      <c r="K1013" s="53">
        <v>365395155.73000002</v>
      </c>
      <c r="L1013" s="53">
        <v>364563080.72999901</v>
      </c>
      <c r="M1013" s="53">
        <v>341986586.549999</v>
      </c>
      <c r="N1013" s="53">
        <v>341986586.549999</v>
      </c>
      <c r="O1013" s="53">
        <v>341986586.549999</v>
      </c>
      <c r="P1013" s="53">
        <v>341986586.549999</v>
      </c>
      <c r="Q1013" s="53">
        <v>341986586.549999</v>
      </c>
      <c r="R1013" s="53">
        <v>341986586.549999</v>
      </c>
      <c r="S1013" s="53">
        <v>341986586.549999</v>
      </c>
      <c r="T1013" s="53">
        <v>341986586.549999</v>
      </c>
      <c r="U1013" s="53">
        <v>341986586.549999</v>
      </c>
      <c r="V1013" s="53">
        <v>341986586.549999</v>
      </c>
      <c r="W1013" s="53">
        <v>341986586.549999</v>
      </c>
      <c r="X1013" s="53">
        <v>341986586.549999</v>
      </c>
      <c r="Y1013" s="53">
        <v>341986586.549999</v>
      </c>
      <c r="Z1013" s="53">
        <v>341986586.549999</v>
      </c>
      <c r="AA1013" s="53">
        <v>341986586.549999</v>
      </c>
      <c r="AB1013" s="53">
        <v>341986586.549999</v>
      </c>
      <c r="AC1013" s="53">
        <v>341986586.549999</v>
      </c>
      <c r="AD1013" s="53">
        <v>341986586.549999</v>
      </c>
      <c r="AE1013" s="53">
        <v>341986586.549999</v>
      </c>
      <c r="AF1013" s="53">
        <v>341986586.549999</v>
      </c>
      <c r="AG1013" s="53">
        <v>341986586.549999</v>
      </c>
      <c r="AH1013" s="53">
        <v>341986586.549999</v>
      </c>
      <c r="AI1013" s="53">
        <v>341986586.549999</v>
      </c>
      <c r="AJ1013" s="53">
        <v>341986586.549999</v>
      </c>
      <c r="AK1013" s="53">
        <v>341986586.549999</v>
      </c>
      <c r="AL1013" s="53">
        <v>341986586.549999</v>
      </c>
      <c r="AM1013" s="53">
        <v>341986586.549999</v>
      </c>
      <c r="AN1013" s="53">
        <v>341986586.549999</v>
      </c>
      <c r="AO1013" s="53">
        <v>341986586.549999</v>
      </c>
      <c r="AP1013" s="53">
        <v>341986586.549999</v>
      </c>
      <c r="AQ1013" s="53">
        <v>341986586.549999</v>
      </c>
      <c r="AR1013" s="53">
        <v>341986586.549999</v>
      </c>
      <c r="AS1013" s="53">
        <v>341986586.549999</v>
      </c>
      <c r="AT1013" s="53">
        <v>341986586.549999</v>
      </c>
      <c r="AU1013" s="53">
        <v>341986586.549999</v>
      </c>
      <c r="AV1013" s="53">
        <v>341986586.549999</v>
      </c>
      <c r="AW1013" s="53">
        <v>341986586.549999</v>
      </c>
      <c r="AX1013" s="53">
        <v>341986586.549999</v>
      </c>
      <c r="AY1013" s="53">
        <v>341986586.549999</v>
      </c>
      <c r="AZ1013" s="53">
        <v>341986586.549999</v>
      </c>
      <c r="BA1013" s="53">
        <v>341986586.549999</v>
      </c>
      <c r="BB1013" s="53">
        <v>341986586.549999</v>
      </c>
      <c r="BC1013" s="53">
        <v>341986586.549999</v>
      </c>
      <c r="BD1013" s="53">
        <v>341986586.549999</v>
      </c>
      <c r="BE1013" s="53">
        <v>341986586.549999</v>
      </c>
      <c r="BF1013" s="53">
        <v>341986586.549999</v>
      </c>
      <c r="BG1013" s="53">
        <v>341986586.549999</v>
      </c>
      <c r="BH1013" s="53">
        <v>341986586.549999</v>
      </c>
      <c r="BI1013" s="53">
        <v>341986586.549999</v>
      </c>
      <c r="BJ1013" s="53">
        <v>341986586.549999</v>
      </c>
      <c r="BK1013" s="53">
        <v>341986586.549999</v>
      </c>
      <c r="BL1013" s="53">
        <v>341986586.549999</v>
      </c>
      <c r="BM1013" s="53">
        <v>341986586.549999</v>
      </c>
      <c r="BN1013" s="53">
        <v>341986586.549999</v>
      </c>
      <c r="BO1013" s="53">
        <v>341986586.549999</v>
      </c>
      <c r="BP1013" s="53">
        <v>341986586.549999</v>
      </c>
      <c r="BQ1013" s="53">
        <v>341986586.549999</v>
      </c>
      <c r="BR1013" s="53">
        <v>341986586.549999</v>
      </c>
      <c r="BS1013" s="53">
        <v>341986586.549999</v>
      </c>
      <c r="BT1013" s="53">
        <v>341986586.549999</v>
      </c>
      <c r="BU1013" s="53">
        <v>341986586.549999</v>
      </c>
      <c r="BV1013" s="53">
        <v>341986586.549999</v>
      </c>
      <c r="BW1013" s="53">
        <v>341986586.549999</v>
      </c>
      <c r="BX1013" s="53">
        <v>341986586.549999</v>
      </c>
      <c r="BY1013" s="53">
        <v>341986586.549999</v>
      </c>
      <c r="BZ1013" s="53">
        <v>341986586.549999</v>
      </c>
      <c r="CA1013" s="53">
        <v>341986586.549999</v>
      </c>
      <c r="CB1013" s="53"/>
      <c r="CC1013" s="53"/>
      <c r="CD1013" s="53"/>
      <c r="CE1013" s="53"/>
      <c r="CF1013" s="53"/>
      <c r="CG1013" s="53"/>
      <c r="CH1013" s="53"/>
      <c r="CI1013" s="53"/>
      <c r="CJ1013" s="53"/>
      <c r="CK1013" s="53"/>
      <c r="CL1013" s="53"/>
      <c r="CM1013" s="53"/>
      <c r="CN1013" s="53"/>
    </row>
    <row r="1014" spans="1:92" outlineLevel="1">
      <c r="A1014" s="52" t="s">
        <v>1425</v>
      </c>
      <c r="B1014" s="53">
        <v>0</v>
      </c>
      <c r="C1014" s="53">
        <v>0</v>
      </c>
      <c r="D1014" s="53">
        <v>0</v>
      </c>
      <c r="E1014" s="53">
        <v>0</v>
      </c>
      <c r="F1014" s="53">
        <v>0</v>
      </c>
      <c r="G1014" s="53">
        <v>0</v>
      </c>
      <c r="H1014" s="53">
        <v>0</v>
      </c>
      <c r="I1014" s="53">
        <v>0</v>
      </c>
      <c r="J1014" s="53">
        <v>0</v>
      </c>
      <c r="K1014" s="53">
        <v>0</v>
      </c>
      <c r="L1014" s="53">
        <v>0</v>
      </c>
      <c r="M1014" s="53">
        <v>0</v>
      </c>
      <c r="N1014" s="53">
        <v>0</v>
      </c>
      <c r="O1014" s="53">
        <v>0</v>
      </c>
      <c r="P1014" s="53">
        <v>0</v>
      </c>
      <c r="Q1014" s="53">
        <v>0</v>
      </c>
      <c r="R1014" s="53">
        <v>0</v>
      </c>
      <c r="S1014" s="53">
        <v>0</v>
      </c>
      <c r="T1014" s="53">
        <v>0</v>
      </c>
      <c r="U1014" s="53">
        <v>0</v>
      </c>
      <c r="V1014" s="53">
        <v>0</v>
      </c>
      <c r="W1014" s="53">
        <v>0</v>
      </c>
      <c r="X1014" s="53">
        <v>0</v>
      </c>
      <c r="Y1014" s="53">
        <v>0</v>
      </c>
      <c r="Z1014" s="53">
        <v>0</v>
      </c>
      <c r="AA1014" s="53">
        <v>0</v>
      </c>
      <c r="AB1014" s="53">
        <v>0</v>
      </c>
      <c r="AC1014" s="53">
        <v>0</v>
      </c>
      <c r="AD1014" s="53">
        <v>0</v>
      </c>
      <c r="AE1014" s="53">
        <v>0</v>
      </c>
      <c r="AF1014" s="53">
        <v>0</v>
      </c>
      <c r="AG1014" s="53">
        <v>0</v>
      </c>
      <c r="AH1014" s="53">
        <v>0</v>
      </c>
      <c r="AI1014" s="53">
        <v>0</v>
      </c>
      <c r="AJ1014" s="53">
        <v>0</v>
      </c>
      <c r="AK1014" s="53">
        <v>0</v>
      </c>
      <c r="AL1014" s="53">
        <v>0</v>
      </c>
      <c r="AM1014" s="53">
        <v>0</v>
      </c>
      <c r="AN1014" s="53">
        <v>0</v>
      </c>
      <c r="AO1014" s="53">
        <v>0</v>
      </c>
      <c r="AP1014" s="53">
        <v>0</v>
      </c>
      <c r="AQ1014" s="53">
        <v>0</v>
      </c>
      <c r="AR1014" s="53">
        <v>0</v>
      </c>
      <c r="AS1014" s="53">
        <v>0</v>
      </c>
      <c r="AT1014" s="53">
        <v>0</v>
      </c>
      <c r="AU1014" s="53">
        <v>0</v>
      </c>
      <c r="AV1014" s="53">
        <v>0</v>
      </c>
      <c r="AW1014" s="53">
        <v>0</v>
      </c>
      <c r="AX1014" s="53">
        <v>0</v>
      </c>
      <c r="AY1014" s="53">
        <v>0</v>
      </c>
      <c r="AZ1014" s="53">
        <v>0</v>
      </c>
      <c r="BA1014" s="53">
        <v>0</v>
      </c>
      <c r="BB1014" s="53">
        <v>0</v>
      </c>
      <c r="BC1014" s="53">
        <v>0</v>
      </c>
      <c r="BD1014" s="53">
        <v>0</v>
      </c>
      <c r="BE1014" s="53">
        <v>0</v>
      </c>
      <c r="BF1014" s="53">
        <v>0</v>
      </c>
      <c r="BG1014" s="53">
        <v>0</v>
      </c>
      <c r="BH1014" s="53">
        <v>0</v>
      </c>
      <c r="BI1014" s="53">
        <v>0</v>
      </c>
      <c r="BJ1014" s="53">
        <v>0</v>
      </c>
      <c r="BK1014" s="53">
        <v>0</v>
      </c>
      <c r="BL1014" s="53">
        <v>0</v>
      </c>
      <c r="BM1014" s="53">
        <v>0</v>
      </c>
      <c r="BN1014" s="53">
        <v>0</v>
      </c>
      <c r="BO1014" s="53">
        <v>0</v>
      </c>
      <c r="BP1014" s="53">
        <v>0</v>
      </c>
      <c r="BQ1014" s="53">
        <v>0</v>
      </c>
      <c r="BR1014" s="53">
        <v>0</v>
      </c>
      <c r="BS1014" s="53">
        <v>0</v>
      </c>
      <c r="BT1014" s="53">
        <v>0</v>
      </c>
      <c r="BU1014" s="53">
        <v>0</v>
      </c>
      <c r="BV1014" s="53">
        <v>0</v>
      </c>
      <c r="BW1014" s="53">
        <v>0</v>
      </c>
      <c r="BX1014" s="53">
        <v>0</v>
      </c>
      <c r="BY1014" s="53">
        <v>0</v>
      </c>
      <c r="BZ1014" s="53">
        <v>0</v>
      </c>
      <c r="CA1014" s="53">
        <v>0</v>
      </c>
      <c r="CB1014" s="53">
        <v>-401760</v>
      </c>
      <c r="CC1014" s="53">
        <v>-401760</v>
      </c>
      <c r="CD1014" s="53">
        <v>-401760</v>
      </c>
      <c r="CE1014" s="53">
        <v>-401760</v>
      </c>
      <c r="CF1014" s="53">
        <v>-401760</v>
      </c>
      <c r="CG1014" s="53">
        <v>-401760</v>
      </c>
      <c r="CH1014" s="53">
        <v>-401760</v>
      </c>
      <c r="CI1014" s="53">
        <v>-401760</v>
      </c>
      <c r="CJ1014" s="53">
        <v>-401760</v>
      </c>
      <c r="CK1014" s="53">
        <v>-401760</v>
      </c>
      <c r="CL1014" s="53">
        <v>-401760</v>
      </c>
      <c r="CM1014" s="53">
        <v>-401760</v>
      </c>
      <c r="CN1014" s="53">
        <v>-4821120</v>
      </c>
    </row>
    <row r="1015" spans="1:92" outlineLevel="1">
      <c r="A1015" s="52" t="s">
        <v>1218</v>
      </c>
      <c r="B1015" s="53">
        <v>5935257.21</v>
      </c>
      <c r="C1015" s="53">
        <v>5935257.21</v>
      </c>
      <c r="D1015" s="53">
        <v>5935257.21</v>
      </c>
      <c r="E1015" s="53">
        <v>5725392.25</v>
      </c>
      <c r="F1015" s="53">
        <v>5655437.2599999998</v>
      </c>
      <c r="G1015" s="53">
        <v>5585482.2699999996</v>
      </c>
      <c r="H1015" s="53">
        <v>5515527.2800000003</v>
      </c>
      <c r="I1015" s="53">
        <v>5445572.29</v>
      </c>
      <c r="J1015" s="53">
        <v>5375617.2999999998</v>
      </c>
      <c r="K1015" s="53">
        <v>5305662.3099999996</v>
      </c>
      <c r="L1015" s="53">
        <v>5235707.32</v>
      </c>
      <c r="M1015" s="53">
        <v>5165752.33</v>
      </c>
      <c r="N1015" s="53">
        <v>5935257.21</v>
      </c>
      <c r="O1015" s="53">
        <v>5095797.34</v>
      </c>
      <c r="P1015" s="53">
        <v>5086895.0483333301</v>
      </c>
      <c r="Q1015" s="53">
        <v>5077992.7566666603</v>
      </c>
      <c r="R1015" s="53">
        <v>5069090.4649999999</v>
      </c>
      <c r="S1015" s="53">
        <v>5060188.1733333301</v>
      </c>
      <c r="T1015" s="53">
        <v>5051285.8816666603</v>
      </c>
      <c r="U1015" s="53">
        <v>5042383.59</v>
      </c>
      <c r="V1015" s="53">
        <v>5033481.2983333301</v>
      </c>
      <c r="W1015" s="53">
        <v>5024579.0066666696</v>
      </c>
      <c r="X1015" s="53">
        <v>5015676.7149999999</v>
      </c>
      <c r="Y1015" s="53">
        <v>5006774.4233333301</v>
      </c>
      <c r="Z1015" s="53">
        <v>4997872.1316666696</v>
      </c>
      <c r="AA1015" s="53">
        <v>5095797.34</v>
      </c>
      <c r="AB1015" s="53">
        <v>4988969.84</v>
      </c>
      <c r="AC1015" s="53">
        <v>4980067.5483333301</v>
      </c>
      <c r="AD1015" s="53">
        <v>4971165.2566666696</v>
      </c>
      <c r="AE1015" s="53">
        <v>4962262.9649999999</v>
      </c>
      <c r="AF1015" s="53">
        <v>4953360.6733333301</v>
      </c>
      <c r="AG1015" s="53">
        <v>4944458.3816666696</v>
      </c>
      <c r="AH1015" s="53">
        <v>4935556.09</v>
      </c>
      <c r="AI1015" s="53">
        <v>4926653.7983333403</v>
      </c>
      <c r="AJ1015" s="53">
        <v>4917751.5066666696</v>
      </c>
      <c r="AK1015" s="53">
        <v>4908849.2149999999</v>
      </c>
      <c r="AL1015" s="53">
        <v>4899946.9233333403</v>
      </c>
      <c r="AM1015" s="53">
        <v>4891044.6316666696</v>
      </c>
      <c r="AN1015" s="53">
        <v>4988969.84</v>
      </c>
      <c r="AO1015" s="53">
        <v>4882142.34</v>
      </c>
      <c r="AP1015" s="53">
        <v>4873240.0483333403</v>
      </c>
      <c r="AQ1015" s="53">
        <v>4864337.7566666696</v>
      </c>
      <c r="AR1015" s="53">
        <v>4855435.4649999999</v>
      </c>
      <c r="AS1015" s="53">
        <v>4846533.1733333403</v>
      </c>
      <c r="AT1015" s="53">
        <v>4837630.8816666696</v>
      </c>
      <c r="AU1015" s="53">
        <v>4828728.5900000101</v>
      </c>
      <c r="AV1015" s="53">
        <v>4819826.2983333403</v>
      </c>
      <c r="AW1015" s="53">
        <v>4810924.0066666696</v>
      </c>
      <c r="AX1015" s="53">
        <v>4802021.7150000101</v>
      </c>
      <c r="AY1015" s="53">
        <v>4793119.4233333403</v>
      </c>
      <c r="AZ1015" s="53">
        <v>4784217.1316666696</v>
      </c>
      <c r="BA1015" s="53">
        <v>4882142.34</v>
      </c>
      <c r="BB1015" s="53">
        <v>4775314.8400000101</v>
      </c>
      <c r="BC1015" s="53">
        <v>4766412.5483333403</v>
      </c>
      <c r="BD1015" s="53">
        <v>4757510.2566666799</v>
      </c>
      <c r="BE1015" s="53">
        <v>4748607.9650000101</v>
      </c>
      <c r="BF1015" s="53">
        <v>4739705.6733333403</v>
      </c>
      <c r="BG1015" s="53">
        <v>4730803.3816666799</v>
      </c>
      <c r="BH1015" s="53">
        <v>4721901.0900000101</v>
      </c>
      <c r="BI1015" s="53">
        <v>4712998.7983333403</v>
      </c>
      <c r="BJ1015" s="53">
        <v>4704096.5066666799</v>
      </c>
      <c r="BK1015" s="53">
        <v>4695194.2150000101</v>
      </c>
      <c r="BL1015" s="53">
        <v>4686291.9233333496</v>
      </c>
      <c r="BM1015" s="53">
        <v>4677389.6316666799</v>
      </c>
      <c r="BN1015" s="53">
        <v>4775314.8400000101</v>
      </c>
      <c r="BO1015" s="53">
        <v>4668487.3400000101</v>
      </c>
      <c r="BP1015" s="53">
        <v>4668487.3400000101</v>
      </c>
      <c r="BQ1015" s="53">
        <v>4668487.3400000101</v>
      </c>
      <c r="BR1015" s="53">
        <v>4668487.3400000101</v>
      </c>
      <c r="BS1015" s="53">
        <v>4668487.3400000101</v>
      </c>
      <c r="BT1015" s="53">
        <v>4668487.3400000101</v>
      </c>
      <c r="BU1015" s="53">
        <v>4668487.3400000101</v>
      </c>
      <c r="BV1015" s="53">
        <v>4668487.3400000101</v>
      </c>
      <c r="BW1015" s="53">
        <v>4668487.3400000101</v>
      </c>
      <c r="BX1015" s="53">
        <v>4668487.3400000101</v>
      </c>
      <c r="BY1015" s="53">
        <v>4668487.3400000101</v>
      </c>
      <c r="BZ1015" s="53">
        <v>4668487.3400000101</v>
      </c>
      <c r="CA1015" s="53">
        <v>4668487.3400000101</v>
      </c>
      <c r="CB1015" s="53"/>
      <c r="CC1015" s="53"/>
      <c r="CD1015" s="53"/>
      <c r="CE1015" s="53"/>
      <c r="CF1015" s="53"/>
      <c r="CG1015" s="53"/>
      <c r="CH1015" s="53"/>
      <c r="CI1015" s="53"/>
      <c r="CJ1015" s="53"/>
      <c r="CK1015" s="53"/>
      <c r="CL1015" s="53"/>
      <c r="CM1015" s="53"/>
      <c r="CN1015" s="53"/>
    </row>
    <row r="1016" spans="1:92" outlineLevel="1">
      <c r="A1016" s="52" t="s">
        <v>672</v>
      </c>
      <c r="B1016" s="53"/>
      <c r="C1016" s="53"/>
      <c r="D1016" s="53"/>
      <c r="E1016" s="53"/>
      <c r="F1016" s="53"/>
      <c r="G1016" s="53"/>
      <c r="H1016" s="53"/>
      <c r="I1016" s="53"/>
      <c r="J1016" s="53"/>
      <c r="K1016" s="53"/>
      <c r="L1016" s="53"/>
      <c r="M1016" s="53"/>
      <c r="N1016" s="53"/>
      <c r="O1016" s="53"/>
      <c r="P1016" s="53"/>
      <c r="Q1016" s="53"/>
      <c r="R1016" s="53"/>
      <c r="S1016" s="53"/>
      <c r="T1016" s="53"/>
      <c r="U1016" s="53"/>
      <c r="V1016" s="53"/>
      <c r="W1016" s="53"/>
      <c r="X1016" s="53"/>
      <c r="Y1016" s="53"/>
      <c r="Z1016" s="53"/>
      <c r="AA1016" s="53"/>
      <c r="AB1016" s="53"/>
      <c r="AC1016" s="53"/>
      <c r="AD1016" s="53"/>
      <c r="AE1016" s="53"/>
      <c r="AF1016" s="53"/>
      <c r="AG1016" s="53"/>
      <c r="AH1016" s="53"/>
      <c r="AI1016" s="53"/>
      <c r="AJ1016" s="53"/>
      <c r="AK1016" s="53"/>
      <c r="AL1016" s="53"/>
      <c r="AM1016" s="53"/>
      <c r="AN1016" s="53"/>
      <c r="AO1016" s="53"/>
      <c r="AP1016" s="53"/>
      <c r="AQ1016" s="53"/>
      <c r="AR1016" s="53"/>
      <c r="AS1016" s="53"/>
      <c r="AT1016" s="53"/>
      <c r="AU1016" s="53"/>
      <c r="AV1016" s="53"/>
      <c r="AW1016" s="53"/>
      <c r="AX1016" s="53"/>
      <c r="AY1016" s="53"/>
      <c r="AZ1016" s="53"/>
      <c r="BA1016" s="53"/>
      <c r="BB1016" s="53"/>
      <c r="BC1016" s="53"/>
      <c r="BD1016" s="53"/>
      <c r="BE1016" s="53"/>
      <c r="BF1016" s="53"/>
      <c r="BG1016" s="53"/>
      <c r="BH1016" s="53"/>
      <c r="BI1016" s="53"/>
      <c r="BJ1016" s="53"/>
      <c r="BK1016" s="53"/>
      <c r="BL1016" s="53"/>
      <c r="BM1016" s="53"/>
      <c r="BN1016" s="53"/>
      <c r="BO1016" s="53"/>
      <c r="BP1016" s="53"/>
      <c r="BQ1016" s="53"/>
      <c r="BR1016" s="53"/>
      <c r="BS1016" s="53"/>
      <c r="BT1016" s="53"/>
      <c r="BU1016" s="53"/>
      <c r="BV1016" s="53"/>
      <c r="BW1016" s="53"/>
      <c r="BX1016" s="53"/>
      <c r="BY1016" s="53"/>
      <c r="BZ1016" s="53"/>
      <c r="CA1016" s="53"/>
      <c r="CB1016" s="53"/>
      <c r="CC1016" s="53"/>
      <c r="CD1016" s="53"/>
      <c r="CE1016" s="53"/>
      <c r="CF1016" s="53"/>
      <c r="CG1016" s="53"/>
      <c r="CH1016" s="53"/>
      <c r="CI1016" s="53"/>
      <c r="CJ1016" s="53"/>
      <c r="CK1016" s="53"/>
      <c r="CL1016" s="53"/>
      <c r="CM1016" s="53"/>
      <c r="CN1016" s="53"/>
    </row>
    <row r="1017" spans="1:92" outlineLevel="1">
      <c r="A1017" s="52" t="s">
        <v>735</v>
      </c>
      <c r="B1017" s="53"/>
      <c r="C1017" s="53"/>
      <c r="D1017" s="53"/>
      <c r="E1017" s="53"/>
      <c r="F1017" s="53"/>
      <c r="G1017" s="53"/>
      <c r="H1017" s="53"/>
      <c r="I1017" s="53"/>
      <c r="J1017" s="53"/>
      <c r="K1017" s="53"/>
      <c r="L1017" s="53"/>
      <c r="M1017" s="53"/>
      <c r="N1017" s="53"/>
      <c r="O1017" s="53"/>
      <c r="P1017" s="53"/>
      <c r="Q1017" s="53"/>
      <c r="R1017" s="53"/>
      <c r="S1017" s="53"/>
      <c r="T1017" s="53"/>
      <c r="U1017" s="53"/>
      <c r="V1017" s="53"/>
      <c r="W1017" s="53"/>
      <c r="X1017" s="53"/>
      <c r="Y1017" s="53"/>
      <c r="Z1017" s="53"/>
      <c r="AA1017" s="53"/>
      <c r="AB1017" s="53"/>
      <c r="AC1017" s="53"/>
      <c r="AD1017" s="53"/>
      <c r="AE1017" s="53"/>
      <c r="AF1017" s="53"/>
      <c r="AG1017" s="53"/>
      <c r="AH1017" s="53"/>
      <c r="AI1017" s="53"/>
      <c r="AJ1017" s="53"/>
      <c r="AK1017" s="53"/>
      <c r="AL1017" s="53"/>
      <c r="AM1017" s="53"/>
      <c r="AN1017" s="53"/>
      <c r="AO1017" s="53"/>
      <c r="AP1017" s="53"/>
      <c r="AQ1017" s="53"/>
      <c r="AR1017" s="53"/>
      <c r="AS1017" s="53"/>
      <c r="AT1017" s="53"/>
      <c r="AU1017" s="53"/>
      <c r="AV1017" s="53"/>
      <c r="AW1017" s="53"/>
      <c r="AX1017" s="53"/>
      <c r="AY1017" s="53"/>
      <c r="AZ1017" s="53"/>
      <c r="BA1017" s="53"/>
      <c r="BB1017" s="53"/>
      <c r="BC1017" s="53"/>
      <c r="BD1017" s="53"/>
      <c r="BE1017" s="53"/>
      <c r="BF1017" s="53"/>
      <c r="BG1017" s="53"/>
      <c r="BH1017" s="53"/>
      <c r="BI1017" s="53"/>
      <c r="BJ1017" s="53"/>
      <c r="BK1017" s="53"/>
      <c r="BL1017" s="53"/>
      <c r="BM1017" s="53"/>
      <c r="BN1017" s="53"/>
      <c r="BO1017" s="53"/>
      <c r="BP1017" s="53"/>
      <c r="BQ1017" s="53"/>
      <c r="BR1017" s="53"/>
      <c r="BS1017" s="53"/>
      <c r="BT1017" s="53"/>
      <c r="BU1017" s="53"/>
      <c r="BV1017" s="53"/>
      <c r="BW1017" s="53"/>
      <c r="BX1017" s="53"/>
      <c r="BY1017" s="53"/>
      <c r="BZ1017" s="53"/>
      <c r="CA1017" s="53"/>
      <c r="CB1017" s="53"/>
      <c r="CC1017" s="53"/>
      <c r="CD1017" s="53"/>
      <c r="CE1017" s="53"/>
      <c r="CF1017" s="53"/>
      <c r="CG1017" s="53"/>
      <c r="CH1017" s="53"/>
      <c r="CI1017" s="53"/>
      <c r="CJ1017" s="53"/>
      <c r="CK1017" s="53"/>
      <c r="CL1017" s="53"/>
      <c r="CM1017" s="53"/>
      <c r="CN1017" s="53"/>
    </row>
    <row r="1018" spans="1:92" outlineLevel="1">
      <c r="A1018" s="52" t="s">
        <v>736</v>
      </c>
      <c r="B1018" s="53"/>
      <c r="C1018" s="53"/>
      <c r="D1018" s="53"/>
      <c r="E1018" s="53"/>
      <c r="F1018" s="53"/>
      <c r="G1018" s="53"/>
      <c r="H1018" s="53"/>
      <c r="I1018" s="53"/>
      <c r="J1018" s="53"/>
      <c r="K1018" s="53"/>
      <c r="L1018" s="53"/>
      <c r="M1018" s="53"/>
      <c r="N1018" s="53"/>
      <c r="O1018" s="53"/>
      <c r="P1018" s="53"/>
      <c r="Q1018" s="53"/>
      <c r="R1018" s="53"/>
      <c r="S1018" s="53"/>
      <c r="T1018" s="53"/>
      <c r="U1018" s="53"/>
      <c r="V1018" s="53"/>
      <c r="W1018" s="53"/>
      <c r="X1018" s="53"/>
      <c r="Y1018" s="53"/>
      <c r="Z1018" s="53"/>
      <c r="AA1018" s="53"/>
      <c r="AB1018" s="53"/>
      <c r="AC1018" s="53"/>
      <c r="AD1018" s="53"/>
      <c r="AE1018" s="53"/>
      <c r="AF1018" s="53"/>
      <c r="AG1018" s="53"/>
      <c r="AH1018" s="53"/>
      <c r="AI1018" s="53"/>
      <c r="AJ1018" s="53"/>
      <c r="AK1018" s="53"/>
      <c r="AL1018" s="53"/>
      <c r="AM1018" s="53"/>
      <c r="AN1018" s="53"/>
      <c r="AO1018" s="53"/>
      <c r="AP1018" s="53"/>
      <c r="AQ1018" s="53"/>
      <c r="AR1018" s="53"/>
      <c r="AS1018" s="53"/>
      <c r="AT1018" s="53"/>
      <c r="AU1018" s="53"/>
      <c r="AV1018" s="53"/>
      <c r="AW1018" s="53"/>
      <c r="AX1018" s="53"/>
      <c r="AY1018" s="53"/>
      <c r="AZ1018" s="53"/>
      <c r="BA1018" s="53"/>
      <c r="BB1018" s="53"/>
      <c r="BC1018" s="53"/>
      <c r="BD1018" s="53"/>
      <c r="BE1018" s="53"/>
      <c r="BF1018" s="53"/>
      <c r="BG1018" s="53"/>
      <c r="BH1018" s="53"/>
      <c r="BI1018" s="53"/>
      <c r="BJ1018" s="53"/>
      <c r="BK1018" s="53"/>
      <c r="BL1018" s="53"/>
      <c r="BM1018" s="53"/>
      <c r="BN1018" s="53"/>
      <c r="BO1018" s="53"/>
      <c r="BP1018" s="53"/>
      <c r="BQ1018" s="53"/>
      <c r="BR1018" s="53"/>
      <c r="BS1018" s="53"/>
      <c r="BT1018" s="53"/>
      <c r="BU1018" s="53"/>
      <c r="BV1018" s="53"/>
      <c r="BW1018" s="53"/>
      <c r="BX1018" s="53"/>
      <c r="BY1018" s="53"/>
      <c r="BZ1018" s="53"/>
      <c r="CA1018" s="53"/>
      <c r="CB1018" s="53"/>
      <c r="CC1018" s="53"/>
      <c r="CD1018" s="53"/>
      <c r="CE1018" s="53"/>
      <c r="CF1018" s="53"/>
      <c r="CG1018" s="53"/>
      <c r="CH1018" s="53"/>
      <c r="CI1018" s="53"/>
      <c r="CJ1018" s="53"/>
      <c r="CK1018" s="53"/>
      <c r="CL1018" s="53"/>
      <c r="CM1018" s="53"/>
      <c r="CN1018" s="53"/>
    </row>
    <row r="1019" spans="1:92" outlineLevel="1">
      <c r="A1019" s="52" t="s">
        <v>737</v>
      </c>
      <c r="B1019" s="53">
        <v>-8902.2999999999993</v>
      </c>
      <c r="C1019" s="53">
        <v>-8902.3050847457598</v>
      </c>
      <c r="D1019" s="53">
        <v>-8902.2931034482699</v>
      </c>
      <c r="E1019" s="53">
        <v>-8902.2982456140307</v>
      </c>
      <c r="F1019" s="53">
        <v>-8902.3035714285706</v>
      </c>
      <c r="G1019" s="53">
        <v>-8902.3090909090897</v>
      </c>
      <c r="H1019" s="53">
        <v>-8902.2962962962902</v>
      </c>
      <c r="I1019" s="53">
        <v>-8902.3018867924493</v>
      </c>
      <c r="J1019" s="53">
        <v>-8902.3076923076896</v>
      </c>
      <c r="K1019" s="53">
        <v>-8902.2941176470504</v>
      </c>
      <c r="L1019" s="53">
        <v>-8902.2999999999993</v>
      </c>
      <c r="M1019" s="53">
        <v>-8902.3061224489793</v>
      </c>
      <c r="N1019" s="53">
        <v>-106827.615211638</v>
      </c>
      <c r="O1019" s="53">
        <v>-8902.2916666666606</v>
      </c>
      <c r="P1019" s="53">
        <v>-8902.2916666666606</v>
      </c>
      <c r="Q1019" s="53">
        <v>-8902.2916666666606</v>
      </c>
      <c r="R1019" s="53">
        <v>-8902.2916666666606</v>
      </c>
      <c r="S1019" s="53">
        <v>-8902.2916666666606</v>
      </c>
      <c r="T1019" s="53">
        <v>-8902.2916666666606</v>
      </c>
      <c r="U1019" s="53">
        <v>-8902.2916666666606</v>
      </c>
      <c r="V1019" s="53">
        <v>-8902.2916666666606</v>
      </c>
      <c r="W1019" s="53">
        <v>-8902.2916666666606</v>
      </c>
      <c r="X1019" s="53">
        <v>-8902.2916666666606</v>
      </c>
      <c r="Y1019" s="53">
        <v>-8902.2916666666606</v>
      </c>
      <c r="Z1019" s="53">
        <v>-8902.2916666666697</v>
      </c>
      <c r="AA1019" s="53">
        <v>-106827.5</v>
      </c>
      <c r="AB1019" s="53">
        <v>-8902.2916666666697</v>
      </c>
      <c r="AC1019" s="53">
        <v>-8902.2916666666697</v>
      </c>
      <c r="AD1019" s="53">
        <v>-8902.2916666666697</v>
      </c>
      <c r="AE1019" s="53">
        <v>-8902.2916666666697</v>
      </c>
      <c r="AF1019" s="53">
        <v>-8902.2916666666697</v>
      </c>
      <c r="AG1019" s="53">
        <v>-8902.2916666666697</v>
      </c>
      <c r="AH1019" s="53">
        <v>-8902.2916666666697</v>
      </c>
      <c r="AI1019" s="53">
        <v>-8902.2916666666697</v>
      </c>
      <c r="AJ1019" s="53">
        <v>-8902.2916666666697</v>
      </c>
      <c r="AK1019" s="53">
        <v>-8902.2916666666697</v>
      </c>
      <c r="AL1019" s="53">
        <v>-8902.2916666666697</v>
      </c>
      <c r="AM1019" s="53">
        <v>-8902.2916666666697</v>
      </c>
      <c r="AN1019" s="53">
        <v>-106827.5</v>
      </c>
      <c r="AO1019" s="53">
        <v>-8902.2916666666697</v>
      </c>
      <c r="AP1019" s="53">
        <v>-8902.2916666666697</v>
      </c>
      <c r="AQ1019" s="53">
        <v>-8902.2916666666697</v>
      </c>
      <c r="AR1019" s="53">
        <v>-8902.2916666666697</v>
      </c>
      <c r="AS1019" s="53">
        <v>-8902.2916666666697</v>
      </c>
      <c r="AT1019" s="53">
        <v>-8902.2916666666697</v>
      </c>
      <c r="AU1019" s="53">
        <v>-8902.2916666666697</v>
      </c>
      <c r="AV1019" s="53">
        <v>-8902.2916666666697</v>
      </c>
      <c r="AW1019" s="53">
        <v>-8902.2916666666697</v>
      </c>
      <c r="AX1019" s="53">
        <v>-8902.2916666666697</v>
      </c>
      <c r="AY1019" s="53">
        <v>-8902.2916666666697</v>
      </c>
      <c r="AZ1019" s="53">
        <v>-8902.2916666666697</v>
      </c>
      <c r="BA1019" s="53">
        <v>-106827.5</v>
      </c>
      <c r="BB1019" s="53">
        <v>-8902.2916666666697</v>
      </c>
      <c r="BC1019" s="53">
        <v>-8902.2916666666697</v>
      </c>
      <c r="BD1019" s="53">
        <v>-8902.2916666666697</v>
      </c>
      <c r="BE1019" s="53">
        <v>-8902.2916666666697</v>
      </c>
      <c r="BF1019" s="53">
        <v>-8902.2916666666697</v>
      </c>
      <c r="BG1019" s="53">
        <v>-8902.2916666666697</v>
      </c>
      <c r="BH1019" s="53">
        <v>-8902.2916666666697</v>
      </c>
      <c r="BI1019" s="53">
        <v>-8902.2916666666697</v>
      </c>
      <c r="BJ1019" s="53">
        <v>-8902.2916666666697</v>
      </c>
      <c r="BK1019" s="53">
        <v>-8902.2916666666697</v>
      </c>
      <c r="BL1019" s="53">
        <v>-8902.2916666666697</v>
      </c>
      <c r="BM1019" s="53">
        <v>-8902.2916666666697</v>
      </c>
      <c r="BN1019" s="53">
        <v>-106827.5</v>
      </c>
      <c r="BO1019" s="53"/>
      <c r="BP1019" s="53"/>
      <c r="BQ1019" s="53"/>
      <c r="BR1019" s="53"/>
      <c r="BS1019" s="53"/>
      <c r="BT1019" s="53"/>
      <c r="BU1019" s="53"/>
      <c r="BV1019" s="53"/>
      <c r="BW1019" s="53"/>
      <c r="BX1019" s="53"/>
      <c r="BY1019" s="53"/>
      <c r="BZ1019" s="53"/>
      <c r="CA1019" s="53"/>
      <c r="CB1019" s="53">
        <v>-561404</v>
      </c>
      <c r="CC1019" s="53">
        <v>-569049</v>
      </c>
      <c r="CD1019" s="53">
        <v>-573448</v>
      </c>
      <c r="CE1019" s="53">
        <v>-576189</v>
      </c>
      <c r="CF1019" s="53">
        <v>-581114</v>
      </c>
      <c r="CG1019" s="53">
        <v>-587505</v>
      </c>
      <c r="CH1019" s="53">
        <v>-590878</v>
      </c>
      <c r="CI1019" s="53">
        <v>-590878</v>
      </c>
      <c r="CJ1019" s="53">
        <v>-590878</v>
      </c>
      <c r="CK1019" s="53">
        <v>-590878</v>
      </c>
      <c r="CL1019" s="53">
        <v>-590878</v>
      </c>
      <c r="CM1019" s="53">
        <v>-590878</v>
      </c>
      <c r="CN1019" s="53">
        <v>-6993976.9999999898</v>
      </c>
    </row>
    <row r="1020" spans="1:92" outlineLevel="1">
      <c r="A1020" s="52" t="s">
        <v>1426</v>
      </c>
      <c r="B1020" s="53">
        <v>5935257.21</v>
      </c>
      <c r="C1020" s="53">
        <v>5935257.21</v>
      </c>
      <c r="D1020" s="53">
        <v>5725392.25</v>
      </c>
      <c r="E1020" s="53">
        <v>5655437.2599999998</v>
      </c>
      <c r="F1020" s="53">
        <v>5585482.2699999996</v>
      </c>
      <c r="G1020" s="53">
        <v>5515527.2800000003</v>
      </c>
      <c r="H1020" s="53">
        <v>5445572.29</v>
      </c>
      <c r="I1020" s="53">
        <v>5375617.2999999998</v>
      </c>
      <c r="J1020" s="53">
        <v>5305662.3099999996</v>
      </c>
      <c r="K1020" s="53">
        <v>5235707.32</v>
      </c>
      <c r="L1020" s="53">
        <v>5165752.33</v>
      </c>
      <c r="M1020" s="53">
        <v>5095797.34</v>
      </c>
      <c r="N1020" s="53">
        <v>5095797.34</v>
      </c>
      <c r="O1020" s="53">
        <v>5086895.0483333301</v>
      </c>
      <c r="P1020" s="53">
        <v>5077992.7566666603</v>
      </c>
      <c r="Q1020" s="53">
        <v>5069090.4649999999</v>
      </c>
      <c r="R1020" s="53">
        <v>5060188.1733333301</v>
      </c>
      <c r="S1020" s="53">
        <v>5051285.8816666603</v>
      </c>
      <c r="T1020" s="53">
        <v>5042383.59</v>
      </c>
      <c r="U1020" s="53">
        <v>5033481.2983333301</v>
      </c>
      <c r="V1020" s="53">
        <v>5024579.0066666696</v>
      </c>
      <c r="W1020" s="53">
        <v>5015676.7149999999</v>
      </c>
      <c r="X1020" s="53">
        <v>5006774.4233333301</v>
      </c>
      <c r="Y1020" s="53">
        <v>4997872.1316666696</v>
      </c>
      <c r="Z1020" s="53">
        <v>4988969.84</v>
      </c>
      <c r="AA1020" s="53">
        <v>4988969.84</v>
      </c>
      <c r="AB1020" s="53">
        <v>4980067.5483333301</v>
      </c>
      <c r="AC1020" s="53">
        <v>4971165.2566666696</v>
      </c>
      <c r="AD1020" s="53">
        <v>4962262.9649999999</v>
      </c>
      <c r="AE1020" s="53">
        <v>4953360.6733333301</v>
      </c>
      <c r="AF1020" s="53">
        <v>4944458.3816666696</v>
      </c>
      <c r="AG1020" s="53">
        <v>4935556.09</v>
      </c>
      <c r="AH1020" s="53">
        <v>4926653.7983333403</v>
      </c>
      <c r="AI1020" s="53">
        <v>4917751.5066666696</v>
      </c>
      <c r="AJ1020" s="53">
        <v>4908849.2149999999</v>
      </c>
      <c r="AK1020" s="53">
        <v>4899946.9233333403</v>
      </c>
      <c r="AL1020" s="53">
        <v>4891044.6316666696</v>
      </c>
      <c r="AM1020" s="53">
        <v>4882142.34</v>
      </c>
      <c r="AN1020" s="53">
        <v>4882142.34</v>
      </c>
      <c r="AO1020" s="53">
        <v>4873240.0483333403</v>
      </c>
      <c r="AP1020" s="53">
        <v>4864337.7566666696</v>
      </c>
      <c r="AQ1020" s="53">
        <v>4855435.4649999999</v>
      </c>
      <c r="AR1020" s="53">
        <v>4846533.1733333403</v>
      </c>
      <c r="AS1020" s="53">
        <v>4837630.8816666696</v>
      </c>
      <c r="AT1020" s="53">
        <v>4828728.5900000101</v>
      </c>
      <c r="AU1020" s="53">
        <v>4819826.2983333403</v>
      </c>
      <c r="AV1020" s="53">
        <v>4810924.0066666696</v>
      </c>
      <c r="AW1020" s="53">
        <v>4802021.7150000101</v>
      </c>
      <c r="AX1020" s="53">
        <v>4793119.4233333403</v>
      </c>
      <c r="AY1020" s="53">
        <v>4784217.1316666696</v>
      </c>
      <c r="AZ1020" s="53">
        <v>4775314.8400000101</v>
      </c>
      <c r="BA1020" s="53">
        <v>4775314.8400000101</v>
      </c>
      <c r="BB1020" s="53">
        <v>4766412.5483333403</v>
      </c>
      <c r="BC1020" s="53">
        <v>4757510.2566666799</v>
      </c>
      <c r="BD1020" s="53">
        <v>4748607.9650000101</v>
      </c>
      <c r="BE1020" s="53">
        <v>4739705.6733333403</v>
      </c>
      <c r="BF1020" s="53">
        <v>4730803.3816666799</v>
      </c>
      <c r="BG1020" s="53">
        <v>4721901.0900000101</v>
      </c>
      <c r="BH1020" s="53">
        <v>4712998.7983333403</v>
      </c>
      <c r="BI1020" s="53">
        <v>4704096.5066666799</v>
      </c>
      <c r="BJ1020" s="53">
        <v>4695194.2150000101</v>
      </c>
      <c r="BK1020" s="53">
        <v>4686291.9233333496</v>
      </c>
      <c r="BL1020" s="53">
        <v>4677389.6316666799</v>
      </c>
      <c r="BM1020" s="53">
        <v>4668487.3400000101</v>
      </c>
      <c r="BN1020" s="53">
        <v>4668487.3400000101</v>
      </c>
      <c r="BO1020" s="53">
        <v>4668487.3400000101</v>
      </c>
      <c r="BP1020" s="53">
        <v>4668487.3400000101</v>
      </c>
      <c r="BQ1020" s="53">
        <v>4668487.3400000101</v>
      </c>
      <c r="BR1020" s="53">
        <v>4668487.3400000101</v>
      </c>
      <c r="BS1020" s="53">
        <v>4668487.3400000101</v>
      </c>
      <c r="BT1020" s="53">
        <v>4668487.3400000101</v>
      </c>
      <c r="BU1020" s="53">
        <v>4668487.3400000101</v>
      </c>
      <c r="BV1020" s="53">
        <v>4668487.3400000101</v>
      </c>
      <c r="BW1020" s="53">
        <v>4668487.3400000101</v>
      </c>
      <c r="BX1020" s="53">
        <v>4668487.3400000101</v>
      </c>
      <c r="BY1020" s="53">
        <v>4668487.3400000101</v>
      </c>
      <c r="BZ1020" s="53">
        <v>4668487.3400000101</v>
      </c>
      <c r="CA1020" s="53">
        <v>4668487.3400000101</v>
      </c>
      <c r="CB1020" s="53"/>
      <c r="CC1020" s="53"/>
      <c r="CD1020" s="53"/>
      <c r="CE1020" s="53"/>
      <c r="CF1020" s="53"/>
      <c r="CG1020" s="53"/>
      <c r="CH1020" s="53"/>
      <c r="CI1020" s="53"/>
      <c r="CJ1020" s="53"/>
      <c r="CK1020" s="53"/>
      <c r="CL1020" s="53"/>
      <c r="CM1020" s="53"/>
      <c r="CN1020" s="53"/>
    </row>
    <row r="1021" spans="1:92" outlineLevel="1">
      <c r="A1021" s="52" t="s">
        <v>1218</v>
      </c>
      <c r="B1021" s="53"/>
      <c r="C1021" s="53"/>
      <c r="D1021" s="53"/>
      <c r="E1021" s="53"/>
      <c r="F1021" s="53"/>
      <c r="G1021" s="53"/>
      <c r="H1021" s="53"/>
      <c r="I1021" s="53"/>
      <c r="J1021" s="53"/>
      <c r="K1021" s="53"/>
      <c r="L1021" s="53"/>
      <c r="M1021" s="53"/>
      <c r="N1021" s="53"/>
      <c r="O1021" s="53"/>
      <c r="P1021" s="53">
        <v>1462802.44833333</v>
      </c>
      <c r="Q1021" s="53">
        <v>2925604.89666666</v>
      </c>
      <c r="R1021" s="53">
        <v>4388407.3449999997</v>
      </c>
      <c r="S1021" s="53">
        <v>5851209.7933333302</v>
      </c>
      <c r="T1021" s="53">
        <v>7314012.2416666597</v>
      </c>
      <c r="U1021" s="53">
        <v>8776814.6899999995</v>
      </c>
      <c r="V1021" s="53">
        <v>10239617.1383333</v>
      </c>
      <c r="W1021" s="53">
        <v>11702419.586666601</v>
      </c>
      <c r="X1021" s="53">
        <v>13165222.035</v>
      </c>
      <c r="Y1021" s="53">
        <v>14628024.483333301</v>
      </c>
      <c r="Z1021" s="53">
        <v>16090826.9316666</v>
      </c>
      <c r="AA1021" s="53"/>
      <c r="AB1021" s="53">
        <v>17553629.379999999</v>
      </c>
      <c r="AC1021" s="53">
        <v>19084624.61555</v>
      </c>
      <c r="AD1021" s="53">
        <v>20615619.851100001</v>
      </c>
      <c r="AE1021" s="53">
        <v>22146615.086649999</v>
      </c>
      <c r="AF1021" s="53">
        <v>23677610.3221999</v>
      </c>
      <c r="AG1021" s="53">
        <v>25208605.557749901</v>
      </c>
      <c r="AH1021" s="53">
        <v>26739600.793299899</v>
      </c>
      <c r="AI1021" s="53">
        <v>28270596.0288499</v>
      </c>
      <c r="AJ1021" s="53">
        <v>29801591.264399901</v>
      </c>
      <c r="AK1021" s="53">
        <v>31332586.499949899</v>
      </c>
      <c r="AL1021" s="53">
        <v>32863581.7354999</v>
      </c>
      <c r="AM1021" s="53">
        <v>34394576.971049897</v>
      </c>
      <c r="AN1021" s="53">
        <v>17553629.379999999</v>
      </c>
      <c r="AO1021" s="53">
        <v>35925572.206599899</v>
      </c>
      <c r="AP1021" s="53">
        <v>6617690.4308233196</v>
      </c>
      <c r="AQ1021" s="53">
        <v>6309808.6550466502</v>
      </c>
      <c r="AR1021" s="53">
        <v>6001926.8792699799</v>
      </c>
      <c r="AS1021" s="53">
        <v>5694045.1034933096</v>
      </c>
      <c r="AT1021" s="53">
        <v>5386163.3277166504</v>
      </c>
      <c r="AU1021" s="53">
        <v>5078281.5519399801</v>
      </c>
      <c r="AV1021" s="53">
        <v>4770399.7761633098</v>
      </c>
      <c r="AW1021" s="53">
        <v>4462518.0003866404</v>
      </c>
      <c r="AX1021" s="53">
        <v>4154636.2246099799</v>
      </c>
      <c r="AY1021" s="53">
        <v>3846754.44883331</v>
      </c>
      <c r="AZ1021" s="53">
        <v>3538872.6730566402</v>
      </c>
      <c r="BA1021" s="53">
        <v>35925572.206599899</v>
      </c>
      <c r="BB1021" s="53">
        <v>3230990.8972799699</v>
      </c>
      <c r="BC1021" s="53">
        <v>2925573.3102789898</v>
      </c>
      <c r="BD1021" s="53">
        <v>2620155.7232780098</v>
      </c>
      <c r="BE1021" s="53">
        <v>2314738.1362770302</v>
      </c>
      <c r="BF1021" s="53">
        <v>2009320.5492760399</v>
      </c>
      <c r="BG1021" s="53">
        <v>1703902.9622750599</v>
      </c>
      <c r="BH1021" s="53">
        <v>1398485.3752740801</v>
      </c>
      <c r="BI1021" s="53">
        <v>1093067.7882731</v>
      </c>
      <c r="BJ1021" s="53">
        <v>787650.20127211802</v>
      </c>
      <c r="BK1021" s="53">
        <v>482232.61427113501</v>
      </c>
      <c r="BL1021" s="53">
        <v>176815.02727015299</v>
      </c>
      <c r="BM1021" s="53">
        <v>-128602.559730829</v>
      </c>
      <c r="BN1021" s="53">
        <v>3230990.8972799699</v>
      </c>
      <c r="BO1021" s="53">
        <v>-434020.14673181198</v>
      </c>
      <c r="BP1021" s="53">
        <v>-739437.73373279395</v>
      </c>
      <c r="BQ1021" s="53">
        <v>-1044855.32073377</v>
      </c>
      <c r="BR1021" s="53">
        <v>-1350272.9077347501</v>
      </c>
      <c r="BS1021" s="53">
        <v>-1655690.4947357399</v>
      </c>
      <c r="BT1021" s="53">
        <v>-1961108.0817367199</v>
      </c>
      <c r="BU1021" s="53">
        <v>-2266525.6687377002</v>
      </c>
      <c r="BV1021" s="53">
        <v>-2571943.25573869</v>
      </c>
      <c r="BW1021" s="53">
        <v>-2877360.8427396701</v>
      </c>
      <c r="BX1021" s="53">
        <v>-3182778.4297406501</v>
      </c>
      <c r="BY1021" s="53">
        <v>-3488196.0167416302</v>
      </c>
      <c r="BZ1021" s="53">
        <v>-3793613.60374262</v>
      </c>
      <c r="CA1021" s="53">
        <v>-434020.14673181198</v>
      </c>
      <c r="CB1021" s="53"/>
      <c r="CC1021" s="53"/>
      <c r="CD1021" s="53"/>
      <c r="CE1021" s="53"/>
      <c r="CF1021" s="53"/>
      <c r="CG1021" s="53"/>
      <c r="CH1021" s="53"/>
      <c r="CI1021" s="53"/>
      <c r="CJ1021" s="53"/>
      <c r="CK1021" s="53"/>
      <c r="CL1021" s="53"/>
      <c r="CM1021" s="53"/>
      <c r="CN1021" s="53"/>
    </row>
    <row r="1022" spans="1:92" outlineLevel="1">
      <c r="A1022" s="52" t="s">
        <v>699</v>
      </c>
      <c r="B1022" s="53"/>
      <c r="C1022" s="53"/>
      <c r="D1022" s="53"/>
      <c r="E1022" s="53"/>
      <c r="F1022" s="53"/>
      <c r="G1022" s="53"/>
      <c r="H1022" s="53"/>
      <c r="I1022" s="53"/>
      <c r="J1022" s="53"/>
      <c r="K1022" s="53"/>
      <c r="L1022" s="53"/>
      <c r="M1022" s="53"/>
      <c r="N1022" s="53"/>
      <c r="O1022" s="53"/>
      <c r="P1022" s="53"/>
      <c r="Q1022" s="53"/>
      <c r="R1022" s="53"/>
      <c r="S1022" s="53"/>
      <c r="T1022" s="53"/>
      <c r="U1022" s="53"/>
      <c r="V1022" s="53"/>
      <c r="W1022" s="53"/>
      <c r="X1022" s="53"/>
      <c r="Y1022" s="53"/>
      <c r="Z1022" s="53"/>
      <c r="AA1022" s="53"/>
      <c r="AB1022" s="53"/>
      <c r="AC1022" s="53"/>
      <c r="AD1022" s="53"/>
      <c r="AE1022" s="53"/>
      <c r="AF1022" s="53"/>
      <c r="AG1022" s="53"/>
      <c r="AH1022" s="53"/>
      <c r="AI1022" s="53"/>
      <c r="AJ1022" s="53"/>
      <c r="AK1022" s="53"/>
      <c r="AL1022" s="53"/>
      <c r="AM1022" s="53"/>
      <c r="AN1022" s="53"/>
      <c r="AO1022" s="53"/>
      <c r="AP1022" s="53"/>
      <c r="AQ1022" s="53"/>
      <c r="AR1022" s="53"/>
      <c r="AS1022" s="53"/>
      <c r="AT1022" s="53"/>
      <c r="AU1022" s="53"/>
      <c r="AV1022" s="53"/>
      <c r="AW1022" s="53"/>
      <c r="AX1022" s="53"/>
      <c r="AY1022" s="53"/>
      <c r="AZ1022" s="53"/>
      <c r="BA1022" s="53"/>
      <c r="BB1022" s="53"/>
      <c r="BC1022" s="53"/>
      <c r="BD1022" s="53"/>
      <c r="BE1022" s="53"/>
      <c r="BF1022" s="53"/>
      <c r="BG1022" s="53"/>
      <c r="BH1022" s="53"/>
      <c r="BI1022" s="53"/>
      <c r="BJ1022" s="53"/>
      <c r="BK1022" s="53"/>
      <c r="BL1022" s="53"/>
      <c r="BM1022" s="53"/>
      <c r="BN1022" s="53"/>
      <c r="BO1022" s="53"/>
      <c r="BP1022" s="53"/>
      <c r="BQ1022" s="53"/>
      <c r="BR1022" s="53"/>
      <c r="BS1022" s="53"/>
      <c r="BT1022" s="53"/>
      <c r="BU1022" s="53"/>
      <c r="BV1022" s="53"/>
      <c r="BW1022" s="53"/>
      <c r="BX1022" s="53"/>
      <c r="BY1022" s="53"/>
      <c r="BZ1022" s="53"/>
      <c r="CA1022" s="53"/>
      <c r="CB1022" s="53"/>
      <c r="CC1022" s="53"/>
      <c r="CD1022" s="53"/>
      <c r="CE1022" s="53"/>
      <c r="CF1022" s="53"/>
      <c r="CG1022" s="53"/>
      <c r="CH1022" s="53"/>
      <c r="CI1022" s="53"/>
      <c r="CJ1022" s="53"/>
      <c r="CK1022" s="53"/>
      <c r="CL1022" s="53"/>
      <c r="CM1022" s="53"/>
      <c r="CN1022" s="53"/>
    </row>
    <row r="1023" spans="1:92" outlineLevel="1">
      <c r="A1023" s="52" t="s">
        <v>650</v>
      </c>
      <c r="B1023" s="53"/>
      <c r="C1023" s="53"/>
      <c r="D1023" s="53"/>
      <c r="E1023" s="53"/>
      <c r="F1023" s="53"/>
      <c r="G1023" s="53"/>
      <c r="H1023" s="53"/>
      <c r="I1023" s="53"/>
      <c r="J1023" s="53"/>
      <c r="K1023" s="53"/>
      <c r="L1023" s="53"/>
      <c r="M1023" s="53"/>
      <c r="N1023" s="53"/>
      <c r="O1023" s="53"/>
      <c r="P1023" s="53"/>
      <c r="Q1023" s="53"/>
      <c r="R1023" s="53"/>
      <c r="S1023" s="53"/>
      <c r="T1023" s="53"/>
      <c r="U1023" s="53"/>
      <c r="V1023" s="53"/>
      <c r="W1023" s="53"/>
      <c r="X1023" s="53"/>
      <c r="Y1023" s="53"/>
      <c r="Z1023" s="53"/>
      <c r="AA1023" s="53"/>
      <c r="AB1023" s="53"/>
      <c r="AC1023" s="53"/>
      <c r="AD1023" s="53"/>
      <c r="AE1023" s="53"/>
      <c r="AF1023" s="53"/>
      <c r="AG1023" s="53"/>
      <c r="AH1023" s="53"/>
      <c r="AI1023" s="53"/>
      <c r="AJ1023" s="53"/>
      <c r="AK1023" s="53"/>
      <c r="AL1023" s="53"/>
      <c r="AM1023" s="53"/>
      <c r="AN1023" s="53"/>
      <c r="AO1023" s="53"/>
      <c r="AP1023" s="53"/>
      <c r="AQ1023" s="53"/>
      <c r="AR1023" s="53"/>
      <c r="AS1023" s="53"/>
      <c r="AT1023" s="53"/>
      <c r="AU1023" s="53"/>
      <c r="AV1023" s="53"/>
      <c r="AW1023" s="53"/>
      <c r="AX1023" s="53"/>
      <c r="AY1023" s="53"/>
      <c r="AZ1023" s="53"/>
      <c r="BA1023" s="53"/>
      <c r="BB1023" s="53"/>
      <c r="BC1023" s="53"/>
      <c r="BD1023" s="53"/>
      <c r="BE1023" s="53"/>
      <c r="BF1023" s="53"/>
      <c r="BG1023" s="53"/>
      <c r="BH1023" s="53"/>
      <c r="BI1023" s="53"/>
      <c r="BJ1023" s="53"/>
      <c r="BK1023" s="53"/>
      <c r="BL1023" s="53"/>
      <c r="BM1023" s="53"/>
      <c r="BN1023" s="53"/>
      <c r="BO1023" s="53"/>
      <c r="BP1023" s="53"/>
      <c r="BQ1023" s="53"/>
      <c r="BR1023" s="53"/>
      <c r="BS1023" s="53"/>
      <c r="BT1023" s="53"/>
      <c r="BU1023" s="53"/>
      <c r="BV1023" s="53"/>
      <c r="BW1023" s="53"/>
      <c r="BX1023" s="53"/>
      <c r="BY1023" s="53"/>
      <c r="BZ1023" s="53"/>
      <c r="CA1023" s="53"/>
      <c r="CB1023" s="53"/>
      <c r="CC1023" s="53"/>
      <c r="CD1023" s="53"/>
      <c r="CE1023" s="53"/>
      <c r="CF1023" s="53"/>
      <c r="CG1023" s="53"/>
      <c r="CH1023" s="53"/>
      <c r="CI1023" s="53"/>
      <c r="CJ1023" s="53"/>
      <c r="CK1023" s="53"/>
      <c r="CL1023" s="53"/>
      <c r="CM1023" s="53"/>
      <c r="CN1023" s="53"/>
    </row>
    <row r="1024" spans="1:92" outlineLevel="1">
      <c r="A1024" s="52" t="s">
        <v>1427</v>
      </c>
      <c r="B1024" s="53"/>
      <c r="C1024" s="53"/>
      <c r="D1024" s="53"/>
      <c r="E1024" s="53"/>
      <c r="F1024" s="53"/>
      <c r="G1024" s="53"/>
      <c r="H1024" s="53"/>
      <c r="I1024" s="53"/>
      <c r="J1024" s="53"/>
      <c r="K1024" s="53"/>
      <c r="L1024" s="53"/>
      <c r="M1024" s="53"/>
      <c r="N1024" s="53"/>
      <c r="O1024" s="53"/>
      <c r="P1024" s="53"/>
      <c r="Q1024" s="53"/>
      <c r="R1024" s="53"/>
      <c r="S1024" s="53"/>
      <c r="T1024" s="53"/>
      <c r="U1024" s="53"/>
      <c r="V1024" s="53"/>
      <c r="W1024" s="53"/>
      <c r="X1024" s="53"/>
      <c r="Y1024" s="53"/>
      <c r="Z1024" s="53"/>
      <c r="AA1024" s="53"/>
      <c r="AB1024" s="53"/>
      <c r="AC1024" s="53"/>
      <c r="AD1024" s="53"/>
      <c r="AE1024" s="53"/>
      <c r="AF1024" s="53"/>
      <c r="AG1024" s="53"/>
      <c r="AH1024" s="53"/>
      <c r="AI1024" s="53"/>
      <c r="AJ1024" s="53"/>
      <c r="AK1024" s="53"/>
      <c r="AL1024" s="53"/>
      <c r="AM1024" s="53"/>
      <c r="AN1024" s="53"/>
      <c r="AO1024" s="53"/>
      <c r="AP1024" s="53"/>
      <c r="AQ1024" s="53"/>
      <c r="AR1024" s="53"/>
      <c r="AS1024" s="53"/>
      <c r="AT1024" s="53"/>
      <c r="AU1024" s="53"/>
      <c r="AV1024" s="53"/>
      <c r="AW1024" s="53"/>
      <c r="AX1024" s="53"/>
      <c r="AY1024" s="53"/>
      <c r="AZ1024" s="53"/>
      <c r="BA1024" s="53"/>
      <c r="BB1024" s="53"/>
      <c r="BC1024" s="53"/>
      <c r="BD1024" s="53"/>
      <c r="BE1024" s="53"/>
      <c r="BF1024" s="53"/>
      <c r="BG1024" s="53"/>
      <c r="BH1024" s="53"/>
      <c r="BI1024" s="53"/>
      <c r="BJ1024" s="53"/>
      <c r="BK1024" s="53"/>
      <c r="BL1024" s="53"/>
      <c r="BM1024" s="53"/>
      <c r="BN1024" s="53"/>
      <c r="BO1024" s="53"/>
      <c r="BP1024" s="53"/>
      <c r="BQ1024" s="53"/>
      <c r="BR1024" s="53"/>
      <c r="BS1024" s="53"/>
      <c r="BT1024" s="53"/>
      <c r="BU1024" s="53"/>
      <c r="BV1024" s="53"/>
      <c r="BW1024" s="53"/>
      <c r="BX1024" s="53"/>
      <c r="BY1024" s="53"/>
      <c r="BZ1024" s="53"/>
      <c r="CA1024" s="53"/>
      <c r="CB1024" s="53">
        <v>-113775271.013073</v>
      </c>
      <c r="CC1024" s="53">
        <v>-108177332.41731299</v>
      </c>
      <c r="CD1024" s="53">
        <v>-106466044.730542</v>
      </c>
      <c r="CE1024" s="53">
        <v>-111242779.31103</v>
      </c>
      <c r="CF1024" s="53">
        <v>-118258195.223961</v>
      </c>
      <c r="CG1024" s="53">
        <v>-128247256.07315201</v>
      </c>
      <c r="CH1024" s="53">
        <v>-136009598.57893199</v>
      </c>
      <c r="CI1024" s="53">
        <v>-142732164.32234299</v>
      </c>
      <c r="CJ1024" s="53">
        <v>-149364452.89043999</v>
      </c>
      <c r="CK1024" s="53">
        <v>-153566880.66165301</v>
      </c>
      <c r="CL1024" s="53">
        <v>-151911580.076103</v>
      </c>
      <c r="CM1024" s="53">
        <v>-150552025.64014</v>
      </c>
      <c r="CN1024" s="53">
        <v>-150552025.64014</v>
      </c>
    </row>
    <row r="1025" spans="1:92" outlineLevel="1">
      <c r="A1025" s="52" t="s">
        <v>649</v>
      </c>
      <c r="B1025" s="53">
        <v>252166.66666666701</v>
      </c>
      <c r="C1025" s="53">
        <v>252166.66666666701</v>
      </c>
      <c r="D1025" s="53">
        <v>252166.66666666701</v>
      </c>
      <c r="E1025" s="53">
        <v>252166.66666666701</v>
      </c>
      <c r="F1025" s="53">
        <v>252166.66666666701</v>
      </c>
      <c r="G1025" s="53">
        <v>252166.66666666701</v>
      </c>
      <c r="H1025" s="53">
        <v>252166.66666666701</v>
      </c>
      <c r="I1025" s="53">
        <v>252166.66666666701</v>
      </c>
      <c r="J1025" s="53">
        <v>252166.66666666701</v>
      </c>
      <c r="K1025" s="53">
        <v>252166.66666666701</v>
      </c>
      <c r="L1025" s="53">
        <v>252166.66666666701</v>
      </c>
      <c r="M1025" s="53">
        <v>252166.66666666701</v>
      </c>
      <c r="N1025" s="53">
        <v>3026000</v>
      </c>
      <c r="O1025" s="53">
        <v>48833.333333333299</v>
      </c>
      <c r="P1025" s="53">
        <v>48833.333333333299</v>
      </c>
      <c r="Q1025" s="53">
        <v>48833.333333333299</v>
      </c>
      <c r="R1025" s="53">
        <v>48833.333333333299</v>
      </c>
      <c r="S1025" s="53">
        <v>48833.333333333299</v>
      </c>
      <c r="T1025" s="53">
        <v>48833.333333333299</v>
      </c>
      <c r="U1025" s="53">
        <v>48833.333333333299</v>
      </c>
      <c r="V1025" s="53">
        <v>48833.333333333299</v>
      </c>
      <c r="W1025" s="53">
        <v>48833.333333333299</v>
      </c>
      <c r="X1025" s="53">
        <v>48833.333333333299</v>
      </c>
      <c r="Y1025" s="53">
        <v>48833.333333333299</v>
      </c>
      <c r="Z1025" s="53">
        <v>48833.333333333299</v>
      </c>
      <c r="AA1025" s="53">
        <v>585999.99999999895</v>
      </c>
      <c r="AB1025" s="53">
        <v>44750</v>
      </c>
      <c r="AC1025" s="53">
        <v>44750</v>
      </c>
      <c r="AD1025" s="53">
        <v>44750</v>
      </c>
      <c r="AE1025" s="53">
        <v>44750</v>
      </c>
      <c r="AF1025" s="53">
        <v>44750</v>
      </c>
      <c r="AG1025" s="53">
        <v>44750</v>
      </c>
      <c r="AH1025" s="53">
        <v>44750</v>
      </c>
      <c r="AI1025" s="53">
        <v>44750</v>
      </c>
      <c r="AJ1025" s="53">
        <v>44750</v>
      </c>
      <c r="AK1025" s="53">
        <v>44750</v>
      </c>
      <c r="AL1025" s="53">
        <v>44750</v>
      </c>
      <c r="AM1025" s="53">
        <v>44750</v>
      </c>
      <c r="AN1025" s="53">
        <v>537000</v>
      </c>
      <c r="AO1025" s="53"/>
      <c r="AP1025" s="53"/>
      <c r="AQ1025" s="53"/>
      <c r="AR1025" s="53"/>
      <c r="AS1025" s="53"/>
      <c r="AT1025" s="53"/>
      <c r="AU1025" s="53"/>
      <c r="AV1025" s="53"/>
      <c r="AW1025" s="53"/>
      <c r="AX1025" s="53"/>
      <c r="AY1025" s="53"/>
      <c r="AZ1025" s="53"/>
      <c r="BA1025" s="53"/>
      <c r="BB1025" s="53"/>
      <c r="BC1025" s="53"/>
      <c r="BD1025" s="53"/>
      <c r="BE1025" s="53"/>
      <c r="BF1025" s="53"/>
      <c r="BG1025" s="53"/>
      <c r="BH1025" s="53"/>
      <c r="BI1025" s="53"/>
      <c r="BJ1025" s="53"/>
      <c r="BK1025" s="53"/>
      <c r="BL1025" s="53"/>
      <c r="BM1025" s="53"/>
      <c r="BN1025" s="53"/>
      <c r="BO1025" s="53"/>
      <c r="BP1025" s="53"/>
      <c r="BQ1025" s="53"/>
      <c r="BR1025" s="53"/>
      <c r="BS1025" s="53"/>
      <c r="BT1025" s="53"/>
      <c r="BU1025" s="53"/>
      <c r="BV1025" s="53"/>
      <c r="BW1025" s="53"/>
      <c r="BX1025" s="53"/>
      <c r="BY1025" s="53"/>
      <c r="BZ1025" s="53"/>
      <c r="CA1025" s="53"/>
      <c r="CB1025" s="53">
        <v>0</v>
      </c>
      <c r="CC1025" s="53">
        <v>0</v>
      </c>
      <c r="CD1025" s="53">
        <v>0</v>
      </c>
      <c r="CE1025" s="53">
        <v>0</v>
      </c>
      <c r="CF1025" s="53">
        <v>0</v>
      </c>
      <c r="CG1025" s="53">
        <v>0</v>
      </c>
      <c r="CH1025" s="53">
        <v>0</v>
      </c>
      <c r="CI1025" s="53">
        <v>0</v>
      </c>
      <c r="CJ1025" s="53">
        <v>0</v>
      </c>
      <c r="CK1025" s="53">
        <v>0</v>
      </c>
      <c r="CL1025" s="53">
        <v>0</v>
      </c>
      <c r="CM1025" s="53">
        <v>0</v>
      </c>
      <c r="CN1025" s="53">
        <v>0</v>
      </c>
    </row>
    <row r="1026" spans="1:92" outlineLevel="1">
      <c r="A1026" s="52" t="s">
        <v>1428</v>
      </c>
      <c r="B1026" s="53"/>
      <c r="C1026" s="53"/>
      <c r="D1026" s="53"/>
      <c r="E1026" s="53"/>
      <c r="F1026" s="53"/>
      <c r="G1026" s="53"/>
      <c r="H1026" s="53"/>
      <c r="I1026" s="53"/>
      <c r="J1026" s="53"/>
      <c r="K1026" s="53"/>
      <c r="L1026" s="53"/>
      <c r="M1026" s="53"/>
      <c r="N1026" s="53"/>
      <c r="O1026" s="53"/>
      <c r="P1026" s="53"/>
      <c r="Q1026" s="53"/>
      <c r="R1026" s="53"/>
      <c r="S1026" s="53"/>
      <c r="T1026" s="53"/>
      <c r="U1026" s="53"/>
      <c r="V1026" s="53"/>
      <c r="W1026" s="53"/>
      <c r="X1026" s="53"/>
      <c r="Y1026" s="53"/>
      <c r="Z1026" s="53"/>
      <c r="AA1026" s="53"/>
      <c r="AB1026" s="53"/>
      <c r="AC1026" s="53"/>
      <c r="AD1026" s="53"/>
      <c r="AE1026" s="53"/>
      <c r="AF1026" s="53"/>
      <c r="AG1026" s="53"/>
      <c r="AH1026" s="53"/>
      <c r="AI1026" s="53"/>
      <c r="AJ1026" s="53"/>
      <c r="AK1026" s="53"/>
      <c r="AL1026" s="53"/>
      <c r="AM1026" s="53"/>
      <c r="AN1026" s="53"/>
      <c r="AO1026" s="53"/>
      <c r="AP1026" s="53"/>
      <c r="AQ1026" s="53"/>
      <c r="AR1026" s="53"/>
      <c r="AS1026" s="53"/>
      <c r="AT1026" s="53"/>
      <c r="AU1026" s="53"/>
      <c r="AV1026" s="53"/>
      <c r="AW1026" s="53"/>
      <c r="AX1026" s="53"/>
      <c r="AY1026" s="53"/>
      <c r="AZ1026" s="53"/>
      <c r="BA1026" s="53"/>
      <c r="BB1026" s="53"/>
      <c r="BC1026" s="53"/>
      <c r="BD1026" s="53"/>
      <c r="BE1026" s="53"/>
      <c r="BF1026" s="53"/>
      <c r="BG1026" s="53"/>
      <c r="BH1026" s="53"/>
      <c r="BI1026" s="53"/>
      <c r="BJ1026" s="53"/>
      <c r="BK1026" s="53"/>
      <c r="BL1026" s="53"/>
      <c r="BM1026" s="53"/>
      <c r="BN1026" s="53"/>
      <c r="BO1026" s="53"/>
      <c r="BP1026" s="53"/>
      <c r="BQ1026" s="53"/>
      <c r="BR1026" s="53"/>
      <c r="BS1026" s="53"/>
      <c r="BT1026" s="53"/>
      <c r="BU1026" s="53"/>
      <c r="BV1026" s="53"/>
      <c r="BW1026" s="53"/>
      <c r="BX1026" s="53"/>
      <c r="BY1026" s="53"/>
      <c r="BZ1026" s="53"/>
      <c r="CA1026" s="53"/>
      <c r="CB1026" s="53">
        <v>17303709.779999901</v>
      </c>
      <c r="CC1026" s="53">
        <v>17303709.779999901</v>
      </c>
      <c r="CD1026" s="53">
        <v>17303709.779999901</v>
      </c>
      <c r="CE1026" s="53">
        <v>17303709.779999901</v>
      </c>
      <c r="CF1026" s="53">
        <v>17303709.779999901</v>
      </c>
      <c r="CG1026" s="53">
        <v>17303709.779999901</v>
      </c>
      <c r="CH1026" s="53">
        <v>17303709.779999901</v>
      </c>
      <c r="CI1026" s="53">
        <v>17303709.779999901</v>
      </c>
      <c r="CJ1026" s="53">
        <v>17303709.779999901</v>
      </c>
      <c r="CK1026" s="53">
        <v>17303709.779999901</v>
      </c>
      <c r="CL1026" s="53">
        <v>17303709.779999901</v>
      </c>
      <c r="CM1026" s="53">
        <v>17303709.779999901</v>
      </c>
      <c r="CN1026" s="53">
        <v>17303709.779999901</v>
      </c>
    </row>
    <row r="1027" spans="1:92" outlineLevel="1">
      <c r="A1027" s="52" t="s">
        <v>649</v>
      </c>
      <c r="B1027" s="53">
        <v>3648</v>
      </c>
      <c r="C1027" s="53">
        <v>3648</v>
      </c>
      <c r="D1027" s="53">
        <v>3648</v>
      </c>
      <c r="E1027" s="53">
        <v>3648</v>
      </c>
      <c r="F1027" s="53">
        <v>3648</v>
      </c>
      <c r="G1027" s="53">
        <v>3648</v>
      </c>
      <c r="H1027" s="53">
        <v>3648</v>
      </c>
      <c r="I1027" s="53">
        <v>3648</v>
      </c>
      <c r="J1027" s="53">
        <v>3648</v>
      </c>
      <c r="K1027" s="53">
        <v>3648</v>
      </c>
      <c r="L1027" s="53">
        <v>3648</v>
      </c>
      <c r="M1027" s="53">
        <v>3648</v>
      </c>
      <c r="N1027" s="53">
        <v>43776</v>
      </c>
      <c r="O1027" s="53"/>
      <c r="P1027" s="53"/>
      <c r="Q1027" s="53"/>
      <c r="R1027" s="53"/>
      <c r="S1027" s="53"/>
      <c r="T1027" s="53"/>
      <c r="U1027" s="53"/>
      <c r="V1027" s="53"/>
      <c r="W1027" s="53"/>
      <c r="X1027" s="53"/>
      <c r="Y1027" s="53"/>
      <c r="Z1027" s="53"/>
      <c r="AA1027" s="53"/>
      <c r="AB1027" s="53">
        <v>36893.25</v>
      </c>
      <c r="AC1027" s="53">
        <v>36893.25</v>
      </c>
      <c r="AD1027" s="53">
        <v>36893.25</v>
      </c>
      <c r="AE1027" s="53">
        <v>36893.25</v>
      </c>
      <c r="AF1027" s="53">
        <v>36893.25</v>
      </c>
      <c r="AG1027" s="53">
        <v>36893.25</v>
      </c>
      <c r="AH1027" s="53">
        <v>36893.25</v>
      </c>
      <c r="AI1027" s="53">
        <v>36893.25</v>
      </c>
      <c r="AJ1027" s="53">
        <v>36893.25</v>
      </c>
      <c r="AK1027" s="53">
        <v>36893.25</v>
      </c>
      <c r="AL1027" s="53">
        <v>36893.25</v>
      </c>
      <c r="AM1027" s="53">
        <v>36893.25</v>
      </c>
      <c r="AN1027" s="53">
        <v>442719</v>
      </c>
      <c r="AO1027" s="53"/>
      <c r="AP1027" s="53"/>
      <c r="AQ1027" s="53"/>
      <c r="AR1027" s="53"/>
      <c r="AS1027" s="53"/>
      <c r="AT1027" s="53"/>
      <c r="AU1027" s="53"/>
      <c r="AV1027" s="53"/>
      <c r="AW1027" s="53"/>
      <c r="AX1027" s="53"/>
      <c r="AY1027" s="53"/>
      <c r="AZ1027" s="53"/>
      <c r="BA1027" s="53"/>
      <c r="BB1027" s="53"/>
      <c r="BC1027" s="53"/>
      <c r="BD1027" s="53"/>
      <c r="BE1027" s="53"/>
      <c r="BF1027" s="53"/>
      <c r="BG1027" s="53"/>
      <c r="BH1027" s="53"/>
      <c r="BI1027" s="53"/>
      <c r="BJ1027" s="53"/>
      <c r="BK1027" s="53"/>
      <c r="BL1027" s="53"/>
      <c r="BM1027" s="53"/>
      <c r="BN1027" s="53"/>
      <c r="BO1027" s="53"/>
      <c r="BP1027" s="53"/>
      <c r="BQ1027" s="53"/>
      <c r="BR1027" s="53"/>
      <c r="BS1027" s="53"/>
      <c r="BT1027" s="53"/>
      <c r="BU1027" s="53"/>
      <c r="BV1027" s="53"/>
      <c r="BW1027" s="53"/>
      <c r="BX1027" s="53"/>
      <c r="BY1027" s="53"/>
      <c r="BZ1027" s="53"/>
      <c r="CA1027" s="53"/>
      <c r="CB1027" s="53">
        <v>0</v>
      </c>
      <c r="CC1027" s="53">
        <v>0</v>
      </c>
      <c r="CD1027" s="53">
        <v>0</v>
      </c>
      <c r="CE1027" s="53">
        <v>0</v>
      </c>
      <c r="CF1027" s="53">
        <v>0</v>
      </c>
      <c r="CG1027" s="53">
        <v>0</v>
      </c>
      <c r="CH1027" s="53">
        <v>0</v>
      </c>
      <c r="CI1027" s="53">
        <v>0</v>
      </c>
      <c r="CJ1027" s="53">
        <v>0</v>
      </c>
      <c r="CK1027" s="53">
        <v>0</v>
      </c>
      <c r="CL1027" s="53">
        <v>0</v>
      </c>
      <c r="CM1027" s="53">
        <v>0</v>
      </c>
      <c r="CN1027" s="53">
        <v>0</v>
      </c>
    </row>
    <row r="1028" spans="1:92" outlineLevel="1">
      <c r="A1028" s="52" t="s">
        <v>1429</v>
      </c>
      <c r="B1028" s="53"/>
      <c r="C1028" s="53"/>
      <c r="D1028" s="53"/>
      <c r="E1028" s="53"/>
      <c r="F1028" s="53"/>
      <c r="G1028" s="53"/>
      <c r="H1028" s="53"/>
      <c r="I1028" s="53"/>
      <c r="J1028" s="53"/>
      <c r="K1028" s="53"/>
      <c r="L1028" s="53"/>
      <c r="M1028" s="53"/>
      <c r="N1028" s="53"/>
      <c r="O1028" s="53"/>
      <c r="P1028" s="53"/>
      <c r="Q1028" s="53"/>
      <c r="R1028" s="53"/>
      <c r="S1028" s="53"/>
      <c r="T1028" s="53"/>
      <c r="U1028" s="53"/>
      <c r="V1028" s="53"/>
      <c r="W1028" s="53"/>
      <c r="X1028" s="53"/>
      <c r="Y1028" s="53"/>
      <c r="Z1028" s="53"/>
      <c r="AA1028" s="53"/>
      <c r="AB1028" s="53"/>
      <c r="AC1028" s="53"/>
      <c r="AD1028" s="53"/>
      <c r="AE1028" s="53"/>
      <c r="AF1028" s="53"/>
      <c r="AG1028" s="53"/>
      <c r="AH1028" s="53"/>
      <c r="AI1028" s="53"/>
      <c r="AJ1028" s="53"/>
      <c r="AK1028" s="53"/>
      <c r="AL1028" s="53"/>
      <c r="AM1028" s="53"/>
      <c r="AN1028" s="53"/>
      <c r="AO1028" s="53"/>
      <c r="AP1028" s="53"/>
      <c r="AQ1028" s="53"/>
      <c r="AR1028" s="53"/>
      <c r="AS1028" s="53"/>
      <c r="AT1028" s="53"/>
      <c r="AU1028" s="53"/>
      <c r="AV1028" s="53"/>
      <c r="AW1028" s="53"/>
      <c r="AX1028" s="53"/>
      <c r="AY1028" s="53"/>
      <c r="AZ1028" s="53"/>
      <c r="BA1028" s="53"/>
      <c r="BB1028" s="53"/>
      <c r="BC1028" s="53"/>
      <c r="BD1028" s="53"/>
      <c r="BE1028" s="53"/>
      <c r="BF1028" s="53"/>
      <c r="BG1028" s="53"/>
      <c r="BH1028" s="53"/>
      <c r="BI1028" s="53"/>
      <c r="BJ1028" s="53"/>
      <c r="BK1028" s="53"/>
      <c r="BL1028" s="53"/>
      <c r="BM1028" s="53"/>
      <c r="BN1028" s="53"/>
      <c r="BO1028" s="53"/>
      <c r="BP1028" s="53"/>
      <c r="BQ1028" s="53"/>
      <c r="BR1028" s="53"/>
      <c r="BS1028" s="53"/>
      <c r="BT1028" s="53"/>
      <c r="BU1028" s="53"/>
      <c r="BV1028" s="53"/>
      <c r="BW1028" s="53"/>
      <c r="BX1028" s="53"/>
      <c r="BY1028" s="53"/>
      <c r="BZ1028" s="53"/>
      <c r="CA1028" s="53"/>
      <c r="CB1028" s="53">
        <v>0</v>
      </c>
      <c r="CC1028" s="53">
        <v>0</v>
      </c>
      <c r="CD1028" s="53">
        <v>0</v>
      </c>
      <c r="CE1028" s="53">
        <v>0</v>
      </c>
      <c r="CF1028" s="53">
        <v>0</v>
      </c>
      <c r="CG1028" s="53">
        <v>0</v>
      </c>
      <c r="CH1028" s="53">
        <v>0</v>
      </c>
      <c r="CI1028" s="53">
        <v>0</v>
      </c>
      <c r="CJ1028" s="53">
        <v>0</v>
      </c>
      <c r="CK1028" s="53">
        <v>0</v>
      </c>
      <c r="CL1028" s="53">
        <v>0</v>
      </c>
      <c r="CM1028" s="53">
        <v>0</v>
      </c>
      <c r="CN1028" s="53">
        <v>0</v>
      </c>
    </row>
    <row r="1029" spans="1:92" outlineLevel="1">
      <c r="A1029" s="52" t="s">
        <v>649</v>
      </c>
      <c r="B1029" s="53"/>
      <c r="C1029" s="53"/>
      <c r="D1029" s="53"/>
      <c r="E1029" s="53"/>
      <c r="F1029" s="53"/>
      <c r="G1029" s="53"/>
      <c r="H1029" s="53"/>
      <c r="I1029" s="53"/>
      <c r="J1029" s="53"/>
      <c r="K1029" s="53"/>
      <c r="L1029" s="53"/>
      <c r="M1029" s="53"/>
      <c r="N1029" s="53"/>
      <c r="O1029" s="53"/>
      <c r="P1029" s="53"/>
      <c r="Q1029" s="53"/>
      <c r="R1029" s="53"/>
      <c r="S1029" s="53"/>
      <c r="T1029" s="53"/>
      <c r="U1029" s="53"/>
      <c r="V1029" s="53"/>
      <c r="W1029" s="53"/>
      <c r="X1029" s="53"/>
      <c r="Y1029" s="53"/>
      <c r="Z1029" s="53"/>
      <c r="AA1029" s="53"/>
      <c r="AB1029" s="53">
        <v>35382.87055</v>
      </c>
      <c r="AC1029" s="53">
        <v>35382.87055</v>
      </c>
      <c r="AD1029" s="53">
        <v>35382.87055</v>
      </c>
      <c r="AE1029" s="53">
        <v>35382.87055</v>
      </c>
      <c r="AF1029" s="53">
        <v>35382.87055</v>
      </c>
      <c r="AG1029" s="53">
        <v>35382.87055</v>
      </c>
      <c r="AH1029" s="53">
        <v>35382.87055</v>
      </c>
      <c r="AI1029" s="53">
        <v>35382.87055</v>
      </c>
      <c r="AJ1029" s="53">
        <v>35382.87055</v>
      </c>
      <c r="AK1029" s="53">
        <v>35382.87055</v>
      </c>
      <c r="AL1029" s="53">
        <v>35382.87055</v>
      </c>
      <c r="AM1029" s="53">
        <v>35382.87055</v>
      </c>
      <c r="AN1029" s="53">
        <v>424594.44660000002</v>
      </c>
      <c r="AO1029" s="53"/>
      <c r="AP1029" s="53"/>
      <c r="AQ1029" s="53"/>
      <c r="AR1029" s="53"/>
      <c r="AS1029" s="53"/>
      <c r="AT1029" s="53"/>
      <c r="AU1029" s="53"/>
      <c r="AV1029" s="53"/>
      <c r="AW1029" s="53"/>
      <c r="AX1029" s="53"/>
      <c r="AY1029" s="53"/>
      <c r="AZ1029" s="53"/>
      <c r="BA1029" s="53"/>
      <c r="BB1029" s="53"/>
      <c r="BC1029" s="53"/>
      <c r="BD1029" s="53"/>
      <c r="BE1029" s="53"/>
      <c r="BF1029" s="53"/>
      <c r="BG1029" s="53"/>
      <c r="BH1029" s="53"/>
      <c r="BI1029" s="53"/>
      <c r="BJ1029" s="53"/>
      <c r="BK1029" s="53"/>
      <c r="BL1029" s="53"/>
      <c r="BM1029" s="53"/>
      <c r="BN1029" s="53"/>
      <c r="BO1029" s="53"/>
      <c r="BP1029" s="53"/>
      <c r="BQ1029" s="53"/>
      <c r="BR1029" s="53"/>
      <c r="BS1029" s="53"/>
      <c r="BT1029" s="53"/>
      <c r="BU1029" s="53"/>
      <c r="BV1029" s="53"/>
      <c r="BW1029" s="53"/>
      <c r="BX1029" s="53"/>
      <c r="BY1029" s="53"/>
      <c r="BZ1029" s="53"/>
      <c r="CA1029" s="53"/>
      <c r="CB1029" s="53">
        <v>0</v>
      </c>
      <c r="CC1029" s="53">
        <v>0</v>
      </c>
      <c r="CD1029" s="53">
        <v>0</v>
      </c>
      <c r="CE1029" s="53">
        <v>0</v>
      </c>
      <c r="CF1029" s="53">
        <v>0</v>
      </c>
      <c r="CG1029" s="53">
        <v>0</v>
      </c>
      <c r="CH1029" s="53">
        <v>0</v>
      </c>
      <c r="CI1029" s="53">
        <v>0</v>
      </c>
      <c r="CJ1029" s="53">
        <v>0</v>
      </c>
      <c r="CK1029" s="53">
        <v>0</v>
      </c>
      <c r="CL1029" s="53">
        <v>0</v>
      </c>
      <c r="CM1029" s="53">
        <v>0</v>
      </c>
      <c r="CN1029" s="53">
        <v>0</v>
      </c>
    </row>
    <row r="1030" spans="1:92" outlineLevel="1">
      <c r="A1030" s="52" t="s">
        <v>1430</v>
      </c>
      <c r="B1030" s="53"/>
      <c r="C1030" s="53"/>
      <c r="D1030" s="53"/>
      <c r="E1030" s="53"/>
      <c r="F1030" s="53"/>
      <c r="G1030" s="53"/>
      <c r="H1030" s="53"/>
      <c r="I1030" s="53"/>
      <c r="J1030" s="53"/>
      <c r="K1030" s="53"/>
      <c r="L1030" s="53"/>
      <c r="M1030" s="53"/>
      <c r="N1030" s="53"/>
      <c r="O1030" s="53"/>
      <c r="P1030" s="53"/>
      <c r="Q1030" s="53"/>
      <c r="R1030" s="53"/>
      <c r="S1030" s="53"/>
      <c r="T1030" s="53"/>
      <c r="U1030" s="53"/>
      <c r="V1030" s="53"/>
      <c r="W1030" s="53"/>
      <c r="X1030" s="53"/>
      <c r="Y1030" s="53"/>
      <c r="Z1030" s="53"/>
      <c r="AA1030" s="53"/>
      <c r="AB1030" s="53"/>
      <c r="AC1030" s="53"/>
      <c r="AD1030" s="53"/>
      <c r="AE1030" s="53"/>
      <c r="AF1030" s="53"/>
      <c r="AG1030" s="53"/>
      <c r="AH1030" s="53"/>
      <c r="AI1030" s="53"/>
      <c r="AJ1030" s="53"/>
      <c r="AK1030" s="53"/>
      <c r="AL1030" s="53"/>
      <c r="AM1030" s="53"/>
      <c r="AN1030" s="53"/>
      <c r="AO1030" s="53"/>
      <c r="AP1030" s="53"/>
      <c r="AQ1030" s="53"/>
      <c r="AR1030" s="53"/>
      <c r="AS1030" s="53"/>
      <c r="AT1030" s="53"/>
      <c r="AU1030" s="53"/>
      <c r="AV1030" s="53"/>
      <c r="AW1030" s="53"/>
      <c r="AX1030" s="53"/>
      <c r="AY1030" s="53"/>
      <c r="AZ1030" s="53"/>
      <c r="BA1030" s="53"/>
      <c r="BB1030" s="53"/>
      <c r="BC1030" s="53"/>
      <c r="BD1030" s="53"/>
      <c r="BE1030" s="53"/>
      <c r="BF1030" s="53"/>
      <c r="BG1030" s="53"/>
      <c r="BH1030" s="53"/>
      <c r="BI1030" s="53"/>
      <c r="BJ1030" s="53"/>
      <c r="BK1030" s="53"/>
      <c r="BL1030" s="53"/>
      <c r="BM1030" s="53"/>
      <c r="BN1030" s="53"/>
      <c r="BO1030" s="53"/>
      <c r="BP1030" s="53"/>
      <c r="BQ1030" s="53"/>
      <c r="BR1030" s="53"/>
      <c r="BS1030" s="53"/>
      <c r="BT1030" s="53"/>
      <c r="BU1030" s="53"/>
      <c r="BV1030" s="53"/>
      <c r="BW1030" s="53"/>
      <c r="BX1030" s="53"/>
      <c r="BY1030" s="53"/>
      <c r="BZ1030" s="53"/>
      <c r="CA1030" s="53"/>
      <c r="CB1030" s="53">
        <v>373674411.609999</v>
      </c>
      <c r="CC1030" s="53">
        <v>373674411.609999</v>
      </c>
      <c r="CD1030" s="53">
        <v>373674411.609999</v>
      </c>
      <c r="CE1030" s="53">
        <v>373674411.609999</v>
      </c>
      <c r="CF1030" s="53">
        <v>373674411.609999</v>
      </c>
      <c r="CG1030" s="53">
        <v>373674411.609999</v>
      </c>
      <c r="CH1030" s="53">
        <v>373674411.609999</v>
      </c>
      <c r="CI1030" s="53">
        <v>373674411.609999</v>
      </c>
      <c r="CJ1030" s="53">
        <v>373674411.609999</v>
      </c>
      <c r="CK1030" s="53">
        <v>373674411.609999</v>
      </c>
      <c r="CL1030" s="53">
        <v>373674411.609999</v>
      </c>
      <c r="CM1030" s="53">
        <v>373674411.609999</v>
      </c>
      <c r="CN1030" s="53">
        <v>373674411.609999</v>
      </c>
    </row>
    <row r="1031" spans="1:92" outlineLevel="1">
      <c r="A1031" s="52" t="s">
        <v>649</v>
      </c>
      <c r="B1031" s="53">
        <v>1293389.1000000001</v>
      </c>
      <c r="C1031" s="53">
        <v>1293389.1000000001</v>
      </c>
      <c r="D1031" s="53">
        <v>1293389.1000000001</v>
      </c>
      <c r="E1031" s="53">
        <v>1293389.1000000001</v>
      </c>
      <c r="F1031" s="53">
        <v>1293389.1000000001</v>
      </c>
      <c r="G1031" s="53">
        <v>1293389.1000000001</v>
      </c>
      <c r="H1031" s="53">
        <v>1293389.1000000001</v>
      </c>
      <c r="I1031" s="53">
        <v>1293389.1000000001</v>
      </c>
      <c r="J1031" s="53">
        <v>1293389.1000000001</v>
      </c>
      <c r="K1031" s="53">
        <v>1293389.1000000001</v>
      </c>
      <c r="L1031" s="53">
        <v>1293389.1000000001</v>
      </c>
      <c r="M1031" s="53">
        <v>1293389.1000000001</v>
      </c>
      <c r="N1031" s="53">
        <v>15520669.199999999</v>
      </c>
      <c r="O1031" s="53">
        <v>1356596.1</v>
      </c>
      <c r="P1031" s="53">
        <v>1356596.1</v>
      </c>
      <c r="Q1031" s="53">
        <v>1356596.1</v>
      </c>
      <c r="R1031" s="53">
        <v>1356596.1</v>
      </c>
      <c r="S1031" s="53">
        <v>1356596.1</v>
      </c>
      <c r="T1031" s="53">
        <v>1356596.1</v>
      </c>
      <c r="U1031" s="53">
        <v>1356596.1</v>
      </c>
      <c r="V1031" s="53">
        <v>1356596.1</v>
      </c>
      <c r="W1031" s="53">
        <v>1356596.1</v>
      </c>
      <c r="X1031" s="53">
        <v>1356596.1</v>
      </c>
      <c r="Y1031" s="53">
        <v>1356596.1</v>
      </c>
      <c r="Z1031" s="53">
        <v>1356596.1</v>
      </c>
      <c r="AA1031" s="53">
        <v>16279153.199999999</v>
      </c>
      <c r="AB1031" s="53">
        <v>1356596.1</v>
      </c>
      <c r="AC1031" s="53">
        <v>1356596.1</v>
      </c>
      <c r="AD1031" s="53">
        <v>1356596.1</v>
      </c>
      <c r="AE1031" s="53">
        <v>1356596.1</v>
      </c>
      <c r="AF1031" s="53">
        <v>1356596.1</v>
      </c>
      <c r="AG1031" s="53">
        <v>1356596.1</v>
      </c>
      <c r="AH1031" s="53">
        <v>1356596.1</v>
      </c>
      <c r="AI1031" s="53">
        <v>1356596.1</v>
      </c>
      <c r="AJ1031" s="53">
        <v>1356596.1</v>
      </c>
      <c r="AK1031" s="53">
        <v>1356596.1</v>
      </c>
      <c r="AL1031" s="53">
        <v>1356596.1</v>
      </c>
      <c r="AM1031" s="53">
        <v>1356596.1</v>
      </c>
      <c r="AN1031" s="53">
        <v>16279153.199999999</v>
      </c>
      <c r="AO1031" s="53"/>
      <c r="AP1031" s="53"/>
      <c r="AQ1031" s="53"/>
      <c r="AR1031" s="53"/>
      <c r="AS1031" s="53"/>
      <c r="AT1031" s="53"/>
      <c r="AU1031" s="53"/>
      <c r="AV1031" s="53"/>
      <c r="AW1031" s="53"/>
      <c r="AX1031" s="53"/>
      <c r="AY1031" s="53"/>
      <c r="AZ1031" s="53"/>
      <c r="BA1031" s="53"/>
      <c r="BB1031" s="53"/>
      <c r="BC1031" s="53"/>
      <c r="BD1031" s="53"/>
      <c r="BE1031" s="53"/>
      <c r="BF1031" s="53"/>
      <c r="BG1031" s="53"/>
      <c r="BH1031" s="53"/>
      <c r="BI1031" s="53"/>
      <c r="BJ1031" s="53"/>
      <c r="BK1031" s="53"/>
      <c r="BL1031" s="53"/>
      <c r="BM1031" s="53"/>
      <c r="BN1031" s="53"/>
      <c r="BO1031" s="53"/>
      <c r="BP1031" s="53"/>
      <c r="BQ1031" s="53"/>
      <c r="BR1031" s="53"/>
      <c r="BS1031" s="53"/>
      <c r="BT1031" s="53"/>
      <c r="BU1031" s="53"/>
      <c r="BV1031" s="53"/>
      <c r="BW1031" s="53"/>
      <c r="BX1031" s="53"/>
      <c r="BY1031" s="53"/>
      <c r="BZ1031" s="53"/>
      <c r="CA1031" s="53"/>
      <c r="CB1031" s="53">
        <v>0</v>
      </c>
      <c r="CC1031" s="53">
        <v>0</v>
      </c>
      <c r="CD1031" s="53">
        <v>0</v>
      </c>
      <c r="CE1031" s="53">
        <v>0</v>
      </c>
      <c r="CF1031" s="53">
        <v>0</v>
      </c>
      <c r="CG1031" s="53">
        <v>0</v>
      </c>
      <c r="CH1031" s="53">
        <v>0</v>
      </c>
      <c r="CI1031" s="53">
        <v>0</v>
      </c>
      <c r="CJ1031" s="53">
        <v>0</v>
      </c>
      <c r="CK1031" s="53">
        <v>0</v>
      </c>
      <c r="CL1031" s="53">
        <v>0</v>
      </c>
      <c r="CM1031" s="53">
        <v>0</v>
      </c>
      <c r="CN1031" s="53">
        <v>0</v>
      </c>
    </row>
    <row r="1032" spans="1:92" outlineLevel="1">
      <c r="A1032" s="52" t="s">
        <v>1431</v>
      </c>
      <c r="B1032" s="53"/>
      <c r="C1032" s="53"/>
      <c r="D1032" s="53"/>
      <c r="E1032" s="53"/>
      <c r="F1032" s="53"/>
      <c r="G1032" s="53"/>
      <c r="H1032" s="53"/>
      <c r="I1032" s="53"/>
      <c r="J1032" s="53"/>
      <c r="K1032" s="53"/>
      <c r="L1032" s="53"/>
      <c r="M1032" s="53"/>
      <c r="N1032" s="53"/>
      <c r="O1032" s="53"/>
      <c r="P1032" s="53"/>
      <c r="Q1032" s="53"/>
      <c r="R1032" s="53"/>
      <c r="S1032" s="53"/>
      <c r="T1032" s="53"/>
      <c r="U1032" s="53"/>
      <c r="V1032" s="53"/>
      <c r="W1032" s="53"/>
      <c r="X1032" s="53"/>
      <c r="Y1032" s="53"/>
      <c r="Z1032" s="53"/>
      <c r="AA1032" s="53"/>
      <c r="AB1032" s="53"/>
      <c r="AC1032" s="53"/>
      <c r="AD1032" s="53"/>
      <c r="AE1032" s="53"/>
      <c r="AF1032" s="53"/>
      <c r="AG1032" s="53"/>
      <c r="AH1032" s="53"/>
      <c r="AI1032" s="53"/>
      <c r="AJ1032" s="53"/>
      <c r="AK1032" s="53"/>
      <c r="AL1032" s="53"/>
      <c r="AM1032" s="53"/>
      <c r="AN1032" s="53"/>
      <c r="AO1032" s="53"/>
      <c r="AP1032" s="53"/>
      <c r="AQ1032" s="53"/>
      <c r="AR1032" s="53"/>
      <c r="AS1032" s="53"/>
      <c r="AT1032" s="53"/>
      <c r="AU1032" s="53"/>
      <c r="AV1032" s="53"/>
      <c r="AW1032" s="53"/>
      <c r="AX1032" s="53"/>
      <c r="AY1032" s="53"/>
      <c r="AZ1032" s="53"/>
      <c r="BA1032" s="53"/>
      <c r="BB1032" s="53"/>
      <c r="BC1032" s="53"/>
      <c r="BD1032" s="53"/>
      <c r="BE1032" s="53"/>
      <c r="BF1032" s="53"/>
      <c r="BG1032" s="53"/>
      <c r="BH1032" s="53"/>
      <c r="BI1032" s="53"/>
      <c r="BJ1032" s="53"/>
      <c r="BK1032" s="53"/>
      <c r="BL1032" s="53"/>
      <c r="BM1032" s="53"/>
      <c r="BN1032" s="53"/>
      <c r="BO1032" s="53"/>
      <c r="BP1032" s="53"/>
      <c r="BQ1032" s="53"/>
      <c r="BR1032" s="53"/>
      <c r="BS1032" s="53"/>
      <c r="BT1032" s="53"/>
      <c r="BU1032" s="53"/>
      <c r="BV1032" s="53"/>
      <c r="BW1032" s="53"/>
      <c r="BX1032" s="53"/>
      <c r="BY1032" s="53"/>
      <c r="BZ1032" s="53"/>
      <c r="CA1032" s="53"/>
      <c r="CB1032" s="53">
        <v>5507946.8100000098</v>
      </c>
      <c r="CC1032" s="53">
        <v>5499044.51000001</v>
      </c>
      <c r="CD1032" s="53">
        <v>5490142.2100000102</v>
      </c>
      <c r="CE1032" s="53">
        <v>5481239.9100000104</v>
      </c>
      <c r="CF1032" s="53">
        <v>5472337.6100000096</v>
      </c>
      <c r="CG1032" s="53">
        <v>5463435.3100000098</v>
      </c>
      <c r="CH1032" s="53">
        <v>5454533.01000001</v>
      </c>
      <c r="CI1032" s="53">
        <v>5445630.7100000102</v>
      </c>
      <c r="CJ1032" s="53">
        <v>5436728.4100000104</v>
      </c>
      <c r="CK1032" s="53">
        <v>5427826.1100000096</v>
      </c>
      <c r="CL1032" s="53">
        <v>5418923.8100000098</v>
      </c>
      <c r="CM1032" s="53">
        <v>5410021.51000001</v>
      </c>
      <c r="CN1032" s="53">
        <v>5507946.8100000098</v>
      </c>
    </row>
    <row r="1033" spans="1:92" outlineLevel="1">
      <c r="A1033" s="52" t="s">
        <v>649</v>
      </c>
      <c r="B1033" s="53">
        <v>29000000</v>
      </c>
      <c r="C1033" s="53"/>
      <c r="D1033" s="53"/>
      <c r="E1033" s="53"/>
      <c r="F1033" s="53"/>
      <c r="G1033" s="53"/>
      <c r="H1033" s="53"/>
      <c r="I1033" s="53"/>
      <c r="J1033" s="53"/>
      <c r="K1033" s="53"/>
      <c r="L1033" s="53"/>
      <c r="M1033" s="53"/>
      <c r="N1033" s="53">
        <v>29000000</v>
      </c>
      <c r="O1033" s="53"/>
      <c r="P1033" s="53"/>
      <c r="Q1033" s="53"/>
      <c r="R1033" s="53"/>
      <c r="S1033" s="53"/>
      <c r="T1033" s="53"/>
      <c r="U1033" s="53"/>
      <c r="V1033" s="53"/>
      <c r="W1033" s="53"/>
      <c r="X1033" s="53"/>
      <c r="Y1033" s="53"/>
      <c r="Z1033" s="53"/>
      <c r="AA1033" s="53"/>
      <c r="AB1033" s="53"/>
      <c r="AC1033" s="53"/>
      <c r="AD1033" s="53"/>
      <c r="AE1033" s="53"/>
      <c r="AF1033" s="53"/>
      <c r="AG1033" s="53"/>
      <c r="AH1033" s="53"/>
      <c r="AI1033" s="53"/>
      <c r="AJ1033" s="53"/>
      <c r="AK1033" s="53"/>
      <c r="AL1033" s="53"/>
      <c r="AM1033" s="53"/>
      <c r="AN1033" s="53"/>
      <c r="AO1033" s="53"/>
      <c r="AP1033" s="53"/>
      <c r="AQ1033" s="53"/>
      <c r="AR1033" s="53"/>
      <c r="AS1033" s="53"/>
      <c r="AT1033" s="53"/>
      <c r="AU1033" s="53"/>
      <c r="AV1033" s="53"/>
      <c r="AW1033" s="53"/>
      <c r="AX1033" s="53"/>
      <c r="AY1033" s="53"/>
      <c r="AZ1033" s="53"/>
      <c r="BA1033" s="53"/>
      <c r="BB1033" s="53"/>
      <c r="BC1033" s="53"/>
      <c r="BD1033" s="53"/>
      <c r="BE1033" s="53"/>
      <c r="BF1033" s="53"/>
      <c r="BG1033" s="53"/>
      <c r="BH1033" s="53"/>
      <c r="BI1033" s="53"/>
      <c r="BJ1033" s="53"/>
      <c r="BK1033" s="53"/>
      <c r="BL1033" s="53"/>
      <c r="BM1033" s="53"/>
      <c r="BN1033" s="53"/>
      <c r="BO1033" s="53"/>
      <c r="BP1033" s="53"/>
      <c r="BQ1033" s="53"/>
      <c r="BR1033" s="53"/>
      <c r="BS1033" s="53"/>
      <c r="BT1033" s="53"/>
      <c r="BU1033" s="53"/>
      <c r="BV1033" s="53"/>
      <c r="BW1033" s="53"/>
      <c r="BX1033" s="53"/>
      <c r="BY1033" s="53"/>
      <c r="BZ1033" s="53"/>
      <c r="CA1033" s="53"/>
      <c r="CB1033" s="53"/>
      <c r="CC1033" s="53"/>
      <c r="CD1033" s="53"/>
      <c r="CE1033" s="53"/>
      <c r="CF1033" s="53"/>
      <c r="CG1033" s="53"/>
      <c r="CH1033" s="53"/>
      <c r="CI1033" s="53"/>
      <c r="CJ1033" s="53"/>
      <c r="CK1033" s="53"/>
      <c r="CL1033" s="53"/>
      <c r="CM1033" s="53"/>
      <c r="CN1033" s="53"/>
    </row>
    <row r="1034" spans="1:92" outlineLevel="1">
      <c r="A1034" s="52" t="s">
        <v>1432</v>
      </c>
      <c r="B1034" s="53"/>
      <c r="C1034" s="53"/>
      <c r="D1034" s="53"/>
      <c r="E1034" s="53"/>
      <c r="F1034" s="53"/>
      <c r="G1034" s="53"/>
      <c r="H1034" s="53"/>
      <c r="I1034" s="53"/>
      <c r="J1034" s="53"/>
      <c r="K1034" s="53"/>
      <c r="L1034" s="53"/>
      <c r="M1034" s="53"/>
      <c r="N1034" s="53"/>
      <c r="O1034" s="53"/>
      <c r="P1034" s="53"/>
      <c r="Q1034" s="53"/>
      <c r="R1034" s="53"/>
      <c r="S1034" s="53"/>
      <c r="T1034" s="53"/>
      <c r="U1034" s="53"/>
      <c r="V1034" s="53"/>
      <c r="W1034" s="53"/>
      <c r="X1034" s="53"/>
      <c r="Y1034" s="53"/>
      <c r="Z1034" s="53"/>
      <c r="AA1034" s="53"/>
      <c r="AB1034" s="53"/>
      <c r="AC1034" s="53"/>
      <c r="AD1034" s="53"/>
      <c r="AE1034" s="53"/>
      <c r="AF1034" s="53"/>
      <c r="AG1034" s="53"/>
      <c r="AH1034" s="53"/>
      <c r="AI1034" s="53"/>
      <c r="AJ1034" s="53"/>
      <c r="AK1034" s="53"/>
      <c r="AL1034" s="53"/>
      <c r="AM1034" s="53"/>
      <c r="AN1034" s="53"/>
      <c r="AO1034" s="53"/>
      <c r="AP1034" s="53"/>
      <c r="AQ1034" s="53"/>
      <c r="AR1034" s="53"/>
      <c r="AS1034" s="53"/>
      <c r="AT1034" s="53"/>
      <c r="AU1034" s="53"/>
      <c r="AV1034" s="53"/>
      <c r="AW1034" s="53"/>
      <c r="AX1034" s="53"/>
      <c r="AY1034" s="53"/>
      <c r="AZ1034" s="53"/>
      <c r="BA1034" s="53"/>
      <c r="BB1034" s="53"/>
      <c r="BC1034" s="53"/>
      <c r="BD1034" s="53"/>
      <c r="BE1034" s="53"/>
      <c r="BF1034" s="53"/>
      <c r="BG1034" s="53"/>
      <c r="BH1034" s="53"/>
      <c r="BI1034" s="53"/>
      <c r="BJ1034" s="53"/>
      <c r="BK1034" s="53"/>
      <c r="BL1034" s="53"/>
      <c r="BM1034" s="53"/>
      <c r="BN1034" s="53"/>
      <c r="BO1034" s="53"/>
      <c r="BP1034" s="53"/>
      <c r="BQ1034" s="53"/>
      <c r="BR1034" s="53"/>
      <c r="BS1034" s="53"/>
      <c r="BT1034" s="53"/>
      <c r="BU1034" s="53"/>
      <c r="BV1034" s="53"/>
      <c r="BW1034" s="53"/>
      <c r="BX1034" s="53"/>
      <c r="BY1034" s="53"/>
      <c r="BZ1034" s="53"/>
      <c r="CA1034" s="53"/>
      <c r="CB1034" s="53"/>
      <c r="CC1034" s="53"/>
      <c r="CD1034" s="53"/>
      <c r="CE1034" s="53"/>
      <c r="CF1034" s="53"/>
      <c r="CG1034" s="53"/>
      <c r="CH1034" s="53"/>
      <c r="CI1034" s="53"/>
      <c r="CJ1034" s="53"/>
      <c r="CK1034" s="53"/>
      <c r="CL1034" s="53"/>
      <c r="CM1034" s="53"/>
      <c r="CN1034" s="53"/>
    </row>
    <row r="1035" spans="1:92" outlineLevel="1">
      <c r="A1035" s="52" t="s">
        <v>649</v>
      </c>
      <c r="B1035" s="53"/>
      <c r="C1035" s="53"/>
      <c r="D1035" s="53"/>
      <c r="E1035" s="53"/>
      <c r="F1035" s="53"/>
      <c r="G1035" s="53"/>
      <c r="H1035" s="53"/>
      <c r="I1035" s="53"/>
      <c r="J1035" s="53"/>
      <c r="K1035" s="53"/>
      <c r="L1035" s="53"/>
      <c r="M1035" s="53"/>
      <c r="N1035" s="53"/>
      <c r="O1035" s="53">
        <v>216833.99999999901</v>
      </c>
      <c r="P1035" s="53">
        <v>216833.99999999901</v>
      </c>
      <c r="Q1035" s="53">
        <v>216833.99999999901</v>
      </c>
      <c r="R1035" s="53">
        <v>216833.99999999901</v>
      </c>
      <c r="S1035" s="53">
        <v>216833.99999999901</v>
      </c>
      <c r="T1035" s="53">
        <v>216833.99999999901</v>
      </c>
      <c r="U1035" s="53">
        <v>216833.99999999901</v>
      </c>
      <c r="V1035" s="53">
        <v>216833.99999999901</v>
      </c>
      <c r="W1035" s="53">
        <v>216833.99999999901</v>
      </c>
      <c r="X1035" s="53">
        <v>216833.99999999901</v>
      </c>
      <c r="Y1035" s="53">
        <v>216833.99999999901</v>
      </c>
      <c r="Z1035" s="53">
        <v>216833.99999999901</v>
      </c>
      <c r="AA1035" s="53">
        <v>2602008</v>
      </c>
      <c r="AB1035" s="53">
        <v>216833.99999999901</v>
      </c>
      <c r="AC1035" s="53">
        <v>216833.99999999901</v>
      </c>
      <c r="AD1035" s="53">
        <v>216833.99999999901</v>
      </c>
      <c r="AE1035" s="53">
        <v>216833.99999999901</v>
      </c>
      <c r="AF1035" s="53">
        <v>216833.99999999901</v>
      </c>
      <c r="AG1035" s="53">
        <v>216833.99999999901</v>
      </c>
      <c r="AH1035" s="53">
        <v>216833.99999999901</v>
      </c>
      <c r="AI1035" s="53">
        <v>216833.99999999901</v>
      </c>
      <c r="AJ1035" s="53">
        <v>216833.99999999901</v>
      </c>
      <c r="AK1035" s="53">
        <v>216833.99999999901</v>
      </c>
      <c r="AL1035" s="53">
        <v>216833.99999999901</v>
      </c>
      <c r="AM1035" s="53">
        <v>216833.99999999901</v>
      </c>
      <c r="AN1035" s="53">
        <v>2602007.99999998</v>
      </c>
      <c r="AO1035" s="53">
        <v>216833.99999999901</v>
      </c>
      <c r="AP1035" s="53">
        <v>216833.99999999901</v>
      </c>
      <c r="AQ1035" s="53">
        <v>216833.99999999901</v>
      </c>
      <c r="AR1035" s="53">
        <v>216833.99999999901</v>
      </c>
      <c r="AS1035" s="53">
        <v>216833.99999999901</v>
      </c>
      <c r="AT1035" s="53">
        <v>216833.99999999901</v>
      </c>
      <c r="AU1035" s="53">
        <v>216833.99999999901</v>
      </c>
      <c r="AV1035" s="53">
        <v>216833.99999999901</v>
      </c>
      <c r="AW1035" s="53">
        <v>216833.99999999901</v>
      </c>
      <c r="AX1035" s="53">
        <v>216833.99999999901</v>
      </c>
      <c r="AY1035" s="53">
        <v>216833.99999999901</v>
      </c>
      <c r="AZ1035" s="53">
        <v>216833.99999999901</v>
      </c>
      <c r="BA1035" s="53">
        <v>2602007.99999998</v>
      </c>
      <c r="BB1035" s="53">
        <v>216833.99999999901</v>
      </c>
      <c r="BC1035" s="53">
        <v>216833.99999999901</v>
      </c>
      <c r="BD1035" s="53">
        <v>216833.99999999901</v>
      </c>
      <c r="BE1035" s="53">
        <v>216833.99999999901</v>
      </c>
      <c r="BF1035" s="53">
        <v>216833.99999999901</v>
      </c>
      <c r="BG1035" s="53">
        <v>216833.99999999901</v>
      </c>
      <c r="BH1035" s="53">
        <v>216833.99999999901</v>
      </c>
      <c r="BI1035" s="53">
        <v>216833.99999999901</v>
      </c>
      <c r="BJ1035" s="53">
        <v>216833.99999999901</v>
      </c>
      <c r="BK1035" s="53">
        <v>216833.99999999901</v>
      </c>
      <c r="BL1035" s="53">
        <v>216833.99999999901</v>
      </c>
      <c r="BM1035" s="53">
        <v>216833.99999999901</v>
      </c>
      <c r="BN1035" s="53">
        <v>2602007.99999998</v>
      </c>
      <c r="BO1035" s="53">
        <v>216833.99999999901</v>
      </c>
      <c r="BP1035" s="53">
        <v>216833.99999999901</v>
      </c>
      <c r="BQ1035" s="53">
        <v>216833.99999999901</v>
      </c>
      <c r="BR1035" s="53">
        <v>216833.99999999901</v>
      </c>
      <c r="BS1035" s="53">
        <v>216833.99999999901</v>
      </c>
      <c r="BT1035" s="53">
        <v>216833.99999999901</v>
      </c>
      <c r="BU1035" s="53">
        <v>216833.99999999901</v>
      </c>
      <c r="BV1035" s="53">
        <v>216833.99999999901</v>
      </c>
      <c r="BW1035" s="53">
        <v>216833.99999999901</v>
      </c>
      <c r="BX1035" s="53">
        <v>216833.99999999901</v>
      </c>
      <c r="BY1035" s="53">
        <v>216833.99999999901</v>
      </c>
      <c r="BZ1035" s="53">
        <v>216833.99999999901</v>
      </c>
      <c r="CA1035" s="53">
        <v>2602007.99999998</v>
      </c>
      <c r="CB1035" s="53"/>
      <c r="CC1035" s="53"/>
      <c r="CD1035" s="53"/>
      <c r="CE1035" s="53"/>
      <c r="CF1035" s="53"/>
      <c r="CG1035" s="53"/>
      <c r="CH1035" s="53"/>
      <c r="CI1035" s="53"/>
      <c r="CJ1035" s="53"/>
      <c r="CK1035" s="53"/>
      <c r="CL1035" s="53"/>
      <c r="CM1035" s="53"/>
      <c r="CN1035" s="53"/>
    </row>
    <row r="1036" spans="1:92" outlineLevel="1">
      <c r="A1036" s="52" t="s">
        <v>672</v>
      </c>
      <c r="B1036" s="53"/>
      <c r="C1036" s="53"/>
      <c r="D1036" s="53"/>
      <c r="E1036" s="53"/>
      <c r="F1036" s="53"/>
      <c r="G1036" s="53"/>
      <c r="H1036" s="53"/>
      <c r="I1036" s="53"/>
      <c r="J1036" s="53"/>
      <c r="K1036" s="53"/>
      <c r="L1036" s="53"/>
      <c r="M1036" s="53"/>
      <c r="N1036" s="53"/>
      <c r="O1036" s="53"/>
      <c r="P1036" s="53"/>
      <c r="Q1036" s="53"/>
      <c r="R1036" s="53"/>
      <c r="S1036" s="53"/>
      <c r="T1036" s="53"/>
      <c r="U1036" s="53"/>
      <c r="V1036" s="53"/>
      <c r="W1036" s="53"/>
      <c r="X1036" s="53"/>
      <c r="Y1036" s="53"/>
      <c r="Z1036" s="53"/>
      <c r="AA1036" s="53"/>
      <c r="AB1036" s="53"/>
      <c r="AC1036" s="53"/>
      <c r="AD1036" s="53"/>
      <c r="AE1036" s="53"/>
      <c r="AF1036" s="53"/>
      <c r="AG1036" s="53"/>
      <c r="AH1036" s="53"/>
      <c r="AI1036" s="53"/>
      <c r="AJ1036" s="53"/>
      <c r="AK1036" s="53"/>
      <c r="AL1036" s="53"/>
      <c r="AM1036" s="53"/>
      <c r="AN1036" s="53"/>
      <c r="AO1036" s="53"/>
      <c r="AP1036" s="53"/>
      <c r="AQ1036" s="53"/>
      <c r="AR1036" s="53"/>
      <c r="AS1036" s="53"/>
      <c r="AT1036" s="53"/>
      <c r="AU1036" s="53"/>
      <c r="AV1036" s="53"/>
      <c r="AW1036" s="53"/>
      <c r="AX1036" s="53"/>
      <c r="AY1036" s="53"/>
      <c r="AZ1036" s="53"/>
      <c r="BA1036" s="53"/>
      <c r="BB1036" s="53"/>
      <c r="BC1036" s="53"/>
      <c r="BD1036" s="53"/>
      <c r="BE1036" s="53"/>
      <c r="BF1036" s="53"/>
      <c r="BG1036" s="53"/>
      <c r="BH1036" s="53"/>
      <c r="BI1036" s="53"/>
      <c r="BJ1036" s="53"/>
      <c r="BK1036" s="53"/>
      <c r="BL1036" s="53"/>
      <c r="BM1036" s="53"/>
      <c r="BN1036" s="53"/>
      <c r="BO1036" s="53"/>
      <c r="BP1036" s="53"/>
      <c r="BQ1036" s="53"/>
      <c r="BR1036" s="53"/>
      <c r="BS1036" s="53"/>
      <c r="BT1036" s="53"/>
      <c r="BU1036" s="53"/>
      <c r="BV1036" s="53"/>
      <c r="BW1036" s="53"/>
      <c r="BX1036" s="53"/>
      <c r="BY1036" s="53"/>
      <c r="BZ1036" s="53"/>
      <c r="CA1036" s="53"/>
      <c r="CB1036" s="53">
        <v>-8902.2999999999993</v>
      </c>
      <c r="CC1036" s="53">
        <v>-8902.2999999999993</v>
      </c>
      <c r="CD1036" s="53">
        <v>-8902.2999999999993</v>
      </c>
      <c r="CE1036" s="53">
        <v>-8902.2999999999993</v>
      </c>
      <c r="CF1036" s="53">
        <v>-8902.2999999999993</v>
      </c>
      <c r="CG1036" s="53">
        <v>-8902.2999999999993</v>
      </c>
      <c r="CH1036" s="53">
        <v>-8902.2999999999993</v>
      </c>
      <c r="CI1036" s="53">
        <v>-8902.2999999999993</v>
      </c>
      <c r="CJ1036" s="53">
        <v>-8902.2999999999993</v>
      </c>
      <c r="CK1036" s="53">
        <v>-8902.2999999999993</v>
      </c>
      <c r="CL1036" s="53">
        <v>-8902.2999999999993</v>
      </c>
      <c r="CM1036" s="53">
        <v>-8902.2999999999993</v>
      </c>
      <c r="CN1036" s="53">
        <v>-106827.599999999</v>
      </c>
    </row>
    <row r="1037" spans="1:92" outlineLevel="1">
      <c r="A1037" s="52" t="s">
        <v>650</v>
      </c>
      <c r="B1037" s="53"/>
      <c r="C1037" s="53"/>
      <c r="D1037" s="53"/>
      <c r="E1037" s="53"/>
      <c r="F1037" s="53"/>
      <c r="G1037" s="53"/>
      <c r="H1037" s="53"/>
      <c r="I1037" s="53"/>
      <c r="J1037" s="53"/>
      <c r="K1037" s="53"/>
      <c r="L1037" s="53"/>
      <c r="M1037" s="53"/>
      <c r="N1037" s="53"/>
      <c r="O1037" s="53"/>
      <c r="P1037" s="53"/>
      <c r="Q1037" s="53"/>
      <c r="R1037" s="53"/>
      <c r="S1037" s="53"/>
      <c r="T1037" s="53"/>
      <c r="U1037" s="53"/>
      <c r="V1037" s="53"/>
      <c r="W1037" s="53"/>
      <c r="X1037" s="53"/>
      <c r="Y1037" s="53"/>
      <c r="Z1037" s="53"/>
      <c r="AA1037" s="53"/>
      <c r="AB1037" s="53"/>
      <c r="AC1037" s="53"/>
      <c r="AD1037" s="53"/>
      <c r="AE1037" s="53"/>
      <c r="AF1037" s="53"/>
      <c r="AG1037" s="53"/>
      <c r="AH1037" s="53"/>
      <c r="AI1037" s="53"/>
      <c r="AJ1037" s="53"/>
      <c r="AK1037" s="53"/>
      <c r="AL1037" s="53"/>
      <c r="AM1037" s="53"/>
      <c r="AN1037" s="53"/>
      <c r="AO1037" s="53"/>
      <c r="AP1037" s="53"/>
      <c r="AQ1037" s="53"/>
      <c r="AR1037" s="53"/>
      <c r="AS1037" s="53"/>
      <c r="AT1037" s="53"/>
      <c r="AU1037" s="53"/>
      <c r="AV1037" s="53"/>
      <c r="AW1037" s="53"/>
      <c r="AX1037" s="53"/>
      <c r="AY1037" s="53"/>
      <c r="AZ1037" s="53"/>
      <c r="BA1037" s="53"/>
      <c r="BB1037" s="53"/>
      <c r="BC1037" s="53"/>
      <c r="BD1037" s="53"/>
      <c r="BE1037" s="53"/>
      <c r="BF1037" s="53"/>
      <c r="BG1037" s="53"/>
      <c r="BH1037" s="53"/>
      <c r="BI1037" s="53"/>
      <c r="BJ1037" s="53"/>
      <c r="BK1037" s="53"/>
      <c r="BL1037" s="53"/>
      <c r="BM1037" s="53"/>
      <c r="BN1037" s="53"/>
      <c r="BO1037" s="53"/>
      <c r="BP1037" s="53"/>
      <c r="BQ1037" s="53"/>
      <c r="BR1037" s="53"/>
      <c r="BS1037" s="53"/>
      <c r="BT1037" s="53"/>
      <c r="BU1037" s="53"/>
      <c r="BV1037" s="53"/>
      <c r="BW1037" s="53"/>
      <c r="BX1037" s="53"/>
      <c r="BY1037" s="53"/>
      <c r="BZ1037" s="53"/>
      <c r="CA1037" s="53"/>
      <c r="CB1037" s="53"/>
      <c r="CC1037" s="53"/>
      <c r="CD1037" s="53"/>
      <c r="CE1037" s="53"/>
      <c r="CF1037" s="53"/>
      <c r="CG1037" s="53"/>
      <c r="CH1037" s="53"/>
      <c r="CI1037" s="53"/>
      <c r="CJ1037" s="53"/>
      <c r="CK1037" s="53"/>
      <c r="CL1037" s="53"/>
      <c r="CM1037" s="53"/>
      <c r="CN1037" s="53"/>
    </row>
    <row r="1038" spans="1:92" outlineLevel="1">
      <c r="A1038" s="52" t="s">
        <v>1433</v>
      </c>
      <c r="B1038" s="53"/>
      <c r="C1038" s="53"/>
      <c r="D1038" s="53"/>
      <c r="E1038" s="53"/>
      <c r="F1038" s="53"/>
      <c r="G1038" s="53"/>
      <c r="H1038" s="53"/>
      <c r="I1038" s="53"/>
      <c r="J1038" s="53"/>
      <c r="K1038" s="53"/>
      <c r="L1038" s="53"/>
      <c r="M1038" s="53"/>
      <c r="N1038" s="53"/>
      <c r="O1038" s="53"/>
      <c r="P1038" s="53"/>
      <c r="Q1038" s="53"/>
      <c r="R1038" s="53"/>
      <c r="S1038" s="53"/>
      <c r="T1038" s="53"/>
      <c r="U1038" s="53"/>
      <c r="V1038" s="53"/>
      <c r="W1038" s="53"/>
      <c r="X1038" s="53"/>
      <c r="Y1038" s="53"/>
      <c r="Z1038" s="53"/>
      <c r="AA1038" s="53"/>
      <c r="AB1038" s="53"/>
      <c r="AC1038" s="53"/>
      <c r="AD1038" s="53"/>
      <c r="AE1038" s="53"/>
      <c r="AF1038" s="53"/>
      <c r="AG1038" s="53"/>
      <c r="AH1038" s="53"/>
      <c r="AI1038" s="53"/>
      <c r="AJ1038" s="53"/>
      <c r="AK1038" s="53"/>
      <c r="AL1038" s="53"/>
      <c r="AM1038" s="53"/>
      <c r="AN1038" s="53"/>
      <c r="AO1038" s="53"/>
      <c r="AP1038" s="53"/>
      <c r="AQ1038" s="53"/>
      <c r="AR1038" s="53"/>
      <c r="AS1038" s="53"/>
      <c r="AT1038" s="53"/>
      <c r="AU1038" s="53"/>
      <c r="AV1038" s="53"/>
      <c r="AW1038" s="53"/>
      <c r="AX1038" s="53"/>
      <c r="AY1038" s="53"/>
      <c r="AZ1038" s="53"/>
      <c r="BA1038" s="53"/>
      <c r="BB1038" s="53"/>
      <c r="BC1038" s="53"/>
      <c r="BD1038" s="53"/>
      <c r="BE1038" s="53"/>
      <c r="BF1038" s="53"/>
      <c r="BG1038" s="53"/>
      <c r="BH1038" s="53"/>
      <c r="BI1038" s="53"/>
      <c r="BJ1038" s="53"/>
      <c r="BK1038" s="53"/>
      <c r="BL1038" s="53"/>
      <c r="BM1038" s="53"/>
      <c r="BN1038" s="53"/>
      <c r="BO1038" s="53"/>
      <c r="BP1038" s="53"/>
      <c r="BQ1038" s="53"/>
      <c r="BR1038" s="53"/>
      <c r="BS1038" s="53"/>
      <c r="BT1038" s="53"/>
      <c r="BU1038" s="53"/>
      <c r="BV1038" s="53"/>
      <c r="BW1038" s="53"/>
      <c r="BX1038" s="53"/>
      <c r="BY1038" s="53"/>
      <c r="BZ1038" s="53"/>
      <c r="CA1038" s="53"/>
      <c r="CB1038" s="53">
        <v>5499044.51000001</v>
      </c>
      <c r="CC1038" s="53">
        <v>5490142.2100000102</v>
      </c>
      <c r="CD1038" s="53">
        <v>5481239.9100000104</v>
      </c>
      <c r="CE1038" s="53">
        <v>5472337.6100000096</v>
      </c>
      <c r="CF1038" s="53">
        <v>5463435.3100000098</v>
      </c>
      <c r="CG1038" s="53">
        <v>5454533.01000001</v>
      </c>
      <c r="CH1038" s="53">
        <v>5445630.7100000102</v>
      </c>
      <c r="CI1038" s="53">
        <v>5436728.4100000104</v>
      </c>
      <c r="CJ1038" s="53">
        <v>5427826.1100000096</v>
      </c>
      <c r="CK1038" s="53">
        <v>5418923.8100000098</v>
      </c>
      <c r="CL1038" s="53">
        <v>5410021.51000001</v>
      </c>
      <c r="CM1038" s="53">
        <v>5401119.2100000102</v>
      </c>
      <c r="CN1038" s="53">
        <v>5401119.2100000102</v>
      </c>
    </row>
    <row r="1039" spans="1:92" outlineLevel="1">
      <c r="A1039" s="52" t="s">
        <v>649</v>
      </c>
      <c r="B1039" s="53"/>
      <c r="C1039" s="53"/>
      <c r="D1039" s="53"/>
      <c r="E1039" s="53"/>
      <c r="F1039" s="53"/>
      <c r="G1039" s="53"/>
      <c r="H1039" s="53"/>
      <c r="I1039" s="53"/>
      <c r="J1039" s="53"/>
      <c r="K1039" s="53"/>
      <c r="L1039" s="53"/>
      <c r="M1039" s="53"/>
      <c r="N1039" s="53"/>
      <c r="O1039" s="53">
        <v>-69954.984999999899</v>
      </c>
      <c r="P1039" s="53">
        <v>-69954.984999999899</v>
      </c>
      <c r="Q1039" s="53">
        <v>-69954.984999999899</v>
      </c>
      <c r="R1039" s="53">
        <v>-69954.984999999899</v>
      </c>
      <c r="S1039" s="53">
        <v>-69954.984999999899</v>
      </c>
      <c r="T1039" s="53">
        <v>-69954.984999999899</v>
      </c>
      <c r="U1039" s="53">
        <v>-69954.984999999899</v>
      </c>
      <c r="V1039" s="53">
        <v>-69954.984999999899</v>
      </c>
      <c r="W1039" s="53">
        <v>-69954.984999999899</v>
      </c>
      <c r="X1039" s="53">
        <v>-69954.984999999899</v>
      </c>
      <c r="Y1039" s="53">
        <v>-69954.984999999899</v>
      </c>
      <c r="Z1039" s="53">
        <v>-69954.984999999899</v>
      </c>
      <c r="AA1039" s="53">
        <v>-839459.81999999797</v>
      </c>
      <c r="AB1039" s="53">
        <v>-69954.984999999899</v>
      </c>
      <c r="AC1039" s="53">
        <v>-69954.984999999899</v>
      </c>
      <c r="AD1039" s="53">
        <v>-69954.984999999899</v>
      </c>
      <c r="AE1039" s="53">
        <v>-69954.984999999899</v>
      </c>
      <c r="AF1039" s="53">
        <v>-69954.984999999899</v>
      </c>
      <c r="AG1039" s="53">
        <v>-69954.984999999899</v>
      </c>
      <c r="AH1039" s="53">
        <v>-69954.984999999899</v>
      </c>
      <c r="AI1039" s="53">
        <v>-69954.984999999899</v>
      </c>
      <c r="AJ1039" s="53">
        <v>-69954.984999999899</v>
      </c>
      <c r="AK1039" s="53">
        <v>-69954.984999999899</v>
      </c>
      <c r="AL1039" s="53">
        <v>-69954.984999999899</v>
      </c>
      <c r="AM1039" s="53">
        <v>-69954.984999999899</v>
      </c>
      <c r="AN1039" s="53">
        <v>-839459.81999999797</v>
      </c>
      <c r="AO1039" s="53">
        <v>-69954.984999999899</v>
      </c>
      <c r="AP1039" s="53">
        <v>-69954.984999999899</v>
      </c>
      <c r="AQ1039" s="53">
        <v>-69954.984999999899</v>
      </c>
      <c r="AR1039" s="53">
        <v>-69954.984999999899</v>
      </c>
      <c r="AS1039" s="53">
        <v>-69954.984999999899</v>
      </c>
      <c r="AT1039" s="53">
        <v>-69954.984999999899</v>
      </c>
      <c r="AU1039" s="53">
        <v>-69954.984999999899</v>
      </c>
      <c r="AV1039" s="53">
        <v>-69954.984999999899</v>
      </c>
      <c r="AW1039" s="53">
        <v>-69954.984999999899</v>
      </c>
      <c r="AX1039" s="53">
        <v>-69954.984999999899</v>
      </c>
      <c r="AY1039" s="53">
        <v>-69954.984999999899</v>
      </c>
      <c r="AZ1039" s="53">
        <v>-69954.984999999899</v>
      </c>
      <c r="BA1039" s="53">
        <v>-839459.81999999797</v>
      </c>
      <c r="BB1039" s="53">
        <v>-67490.796224314996</v>
      </c>
      <c r="BC1039" s="53">
        <v>-67490.796224314996</v>
      </c>
      <c r="BD1039" s="53">
        <v>-67490.796224314996</v>
      </c>
      <c r="BE1039" s="53">
        <v>-67490.796224314996</v>
      </c>
      <c r="BF1039" s="53">
        <v>-67490.796224314996</v>
      </c>
      <c r="BG1039" s="53">
        <v>-67490.796224314996</v>
      </c>
      <c r="BH1039" s="53">
        <v>-67490.796224314996</v>
      </c>
      <c r="BI1039" s="53">
        <v>-67490.796224314996</v>
      </c>
      <c r="BJ1039" s="53">
        <v>-67490.796224314996</v>
      </c>
      <c r="BK1039" s="53">
        <v>-67490.796224314996</v>
      </c>
      <c r="BL1039" s="53">
        <v>-67490.796224314996</v>
      </c>
      <c r="BM1039" s="53">
        <v>-67490.796224314996</v>
      </c>
      <c r="BN1039" s="53">
        <v>-809889.55469177896</v>
      </c>
      <c r="BO1039" s="53">
        <v>-67490.796224314996</v>
      </c>
      <c r="BP1039" s="53">
        <v>-67490.796224314996</v>
      </c>
      <c r="BQ1039" s="53">
        <v>-67490.796224314996</v>
      </c>
      <c r="BR1039" s="53">
        <v>-67490.796224314996</v>
      </c>
      <c r="BS1039" s="53">
        <v>-67490.796224314996</v>
      </c>
      <c r="BT1039" s="53">
        <v>-67490.796224314996</v>
      </c>
      <c r="BU1039" s="53">
        <v>-67490.796224314996</v>
      </c>
      <c r="BV1039" s="53">
        <v>-67490.796224314996</v>
      </c>
      <c r="BW1039" s="53">
        <v>-67490.796224314996</v>
      </c>
      <c r="BX1039" s="53">
        <v>-67490.796224314996</v>
      </c>
      <c r="BY1039" s="53">
        <v>-67490.796224314996</v>
      </c>
      <c r="BZ1039" s="53">
        <v>-67490.796224314996</v>
      </c>
      <c r="CA1039" s="53">
        <v>-809889.55469177896</v>
      </c>
      <c r="CB1039" s="53">
        <v>83161958.278400004</v>
      </c>
      <c r="CC1039" s="53">
        <v>82133044.399709001</v>
      </c>
      <c r="CD1039" s="53">
        <v>81104130.521018103</v>
      </c>
      <c r="CE1039" s="53">
        <v>80075216.6423271</v>
      </c>
      <c r="CF1039" s="53">
        <v>79046302.763636097</v>
      </c>
      <c r="CG1039" s="53">
        <v>78017388.884945095</v>
      </c>
      <c r="CH1039" s="53">
        <v>76988475.006254107</v>
      </c>
      <c r="CI1039" s="53">
        <v>75959561.127563104</v>
      </c>
      <c r="CJ1039" s="53">
        <v>74930647.248872101</v>
      </c>
      <c r="CK1039" s="53">
        <v>73901733.370181099</v>
      </c>
      <c r="CL1039" s="53">
        <v>72872819.491490096</v>
      </c>
      <c r="CM1039" s="53">
        <v>71843905.612799197</v>
      </c>
      <c r="CN1039" s="53">
        <v>83161958.278400004</v>
      </c>
    </row>
    <row r="1040" spans="1:92" outlineLevel="1">
      <c r="A1040" s="52" t="s">
        <v>1434</v>
      </c>
      <c r="B1040" s="53"/>
      <c r="C1040" s="53"/>
      <c r="D1040" s="53"/>
      <c r="E1040" s="53"/>
      <c r="F1040" s="53"/>
      <c r="G1040" s="53"/>
      <c r="H1040" s="53"/>
      <c r="I1040" s="53"/>
      <c r="J1040" s="53"/>
      <c r="K1040" s="53"/>
      <c r="L1040" s="53"/>
      <c r="M1040" s="53"/>
      <c r="N1040" s="53"/>
      <c r="O1040" s="53"/>
      <c r="P1040" s="53"/>
      <c r="Q1040" s="53"/>
      <c r="R1040" s="53"/>
      <c r="S1040" s="53"/>
      <c r="T1040" s="53"/>
      <c r="U1040" s="53"/>
      <c r="V1040" s="53"/>
      <c r="W1040" s="53"/>
      <c r="X1040" s="53"/>
      <c r="Y1040" s="53"/>
      <c r="Z1040" s="53"/>
      <c r="AA1040" s="53"/>
      <c r="AB1040" s="53"/>
      <c r="AC1040" s="53"/>
      <c r="AD1040" s="53"/>
      <c r="AE1040" s="53"/>
      <c r="AF1040" s="53"/>
      <c r="AG1040" s="53"/>
      <c r="AH1040" s="53"/>
      <c r="AI1040" s="53"/>
      <c r="AJ1040" s="53"/>
      <c r="AK1040" s="53"/>
      <c r="AL1040" s="53"/>
      <c r="AM1040" s="53"/>
      <c r="AN1040" s="53"/>
      <c r="AO1040" s="53"/>
      <c r="AP1040" s="53"/>
      <c r="AQ1040" s="53"/>
      <c r="AR1040" s="53"/>
      <c r="AS1040" s="53"/>
      <c r="AT1040" s="53"/>
      <c r="AU1040" s="53"/>
      <c r="AV1040" s="53"/>
      <c r="AW1040" s="53"/>
      <c r="AX1040" s="53"/>
      <c r="AY1040" s="53"/>
      <c r="AZ1040" s="53"/>
      <c r="BA1040" s="53"/>
      <c r="BB1040" s="53"/>
      <c r="BC1040" s="53"/>
      <c r="BD1040" s="53"/>
      <c r="BE1040" s="53"/>
      <c r="BF1040" s="53"/>
      <c r="BG1040" s="53"/>
      <c r="BH1040" s="53"/>
      <c r="BI1040" s="53"/>
      <c r="BJ1040" s="53"/>
      <c r="BK1040" s="53"/>
      <c r="BL1040" s="53"/>
      <c r="BM1040" s="53"/>
      <c r="BN1040" s="53"/>
      <c r="BO1040" s="53"/>
      <c r="BP1040" s="53"/>
      <c r="BQ1040" s="53"/>
      <c r="BR1040" s="53"/>
      <c r="BS1040" s="53"/>
      <c r="BT1040" s="53"/>
      <c r="BU1040" s="53"/>
      <c r="BV1040" s="53"/>
      <c r="BW1040" s="53"/>
      <c r="BX1040" s="53"/>
      <c r="BY1040" s="53"/>
      <c r="BZ1040" s="53"/>
      <c r="CA1040" s="53"/>
      <c r="CB1040" s="53"/>
      <c r="CC1040" s="53"/>
      <c r="CD1040" s="53"/>
      <c r="CE1040" s="53"/>
      <c r="CF1040" s="53"/>
      <c r="CG1040" s="53"/>
      <c r="CH1040" s="53"/>
      <c r="CI1040" s="53"/>
      <c r="CJ1040" s="53"/>
      <c r="CK1040" s="53"/>
      <c r="CL1040" s="53"/>
      <c r="CM1040" s="53"/>
      <c r="CN1040" s="53"/>
    </row>
    <row r="1041" spans="1:92" outlineLevel="1">
      <c r="A1041" s="52" t="s">
        <v>649</v>
      </c>
      <c r="B1041" s="53"/>
      <c r="C1041" s="53"/>
      <c r="D1041" s="53"/>
      <c r="E1041" s="53"/>
      <c r="F1041" s="53"/>
      <c r="G1041" s="53"/>
      <c r="H1041" s="53"/>
      <c r="I1041" s="53"/>
      <c r="J1041" s="53"/>
      <c r="K1041" s="53"/>
      <c r="L1041" s="53"/>
      <c r="M1041" s="53"/>
      <c r="N1041" s="53"/>
      <c r="O1041" s="53"/>
      <c r="P1041" s="53"/>
      <c r="Q1041" s="53"/>
      <c r="R1041" s="53"/>
      <c r="S1041" s="53"/>
      <c r="T1041" s="53"/>
      <c r="U1041" s="53"/>
      <c r="V1041" s="53"/>
      <c r="W1041" s="53"/>
      <c r="X1041" s="53"/>
      <c r="Y1041" s="53"/>
      <c r="Z1041" s="53"/>
      <c r="AA1041" s="53"/>
      <c r="AB1041" s="53"/>
      <c r="AC1041" s="53"/>
      <c r="AD1041" s="53"/>
      <c r="AE1041" s="53"/>
      <c r="AF1041" s="53"/>
      <c r="AG1041" s="53"/>
      <c r="AH1041" s="53"/>
      <c r="AI1041" s="53"/>
      <c r="AJ1041" s="53"/>
      <c r="AK1041" s="53"/>
      <c r="AL1041" s="53"/>
      <c r="AM1041" s="53"/>
      <c r="AN1041" s="53"/>
      <c r="AO1041" s="53">
        <v>-47271.890776666703</v>
      </c>
      <c r="AP1041" s="53">
        <v>-47271.890776666703</v>
      </c>
      <c r="AQ1041" s="53">
        <v>-47271.890776666703</v>
      </c>
      <c r="AR1041" s="53">
        <v>-47271.890776666703</v>
      </c>
      <c r="AS1041" s="53">
        <v>-47271.890776666703</v>
      </c>
      <c r="AT1041" s="53">
        <v>-47271.890776666703</v>
      </c>
      <c r="AU1041" s="53">
        <v>-47271.890776666703</v>
      </c>
      <c r="AV1041" s="53">
        <v>-47271.890776666703</v>
      </c>
      <c r="AW1041" s="53">
        <v>-47271.890776666703</v>
      </c>
      <c r="AX1041" s="53">
        <v>-47271.890776666703</v>
      </c>
      <c r="AY1041" s="53">
        <v>-47271.890776666703</v>
      </c>
      <c r="AZ1041" s="53">
        <v>-47271.890776666703</v>
      </c>
      <c r="BA1041" s="53">
        <v>-567262.68932</v>
      </c>
      <c r="BB1041" s="53">
        <v>-47271.890776666703</v>
      </c>
      <c r="BC1041" s="53">
        <v>-47271.890776666703</v>
      </c>
      <c r="BD1041" s="53">
        <v>-47271.890776666703</v>
      </c>
      <c r="BE1041" s="53">
        <v>-47271.890776666703</v>
      </c>
      <c r="BF1041" s="53">
        <v>-47271.890776666703</v>
      </c>
      <c r="BG1041" s="53">
        <v>-47271.890776666703</v>
      </c>
      <c r="BH1041" s="53">
        <v>-47271.890776666703</v>
      </c>
      <c r="BI1041" s="53">
        <v>-47271.890776666703</v>
      </c>
      <c r="BJ1041" s="53">
        <v>-47271.890776666703</v>
      </c>
      <c r="BK1041" s="53">
        <v>-47271.890776666703</v>
      </c>
      <c r="BL1041" s="53">
        <v>-47271.890776666703</v>
      </c>
      <c r="BM1041" s="53">
        <v>-47271.890776666703</v>
      </c>
      <c r="BN1041" s="53">
        <v>-567262.68932</v>
      </c>
      <c r="BO1041" s="53">
        <v>-47271.890776666703</v>
      </c>
      <c r="BP1041" s="53">
        <v>-47271.890776666703</v>
      </c>
      <c r="BQ1041" s="53">
        <v>-47271.890776666703</v>
      </c>
      <c r="BR1041" s="53">
        <v>-47271.890776666703</v>
      </c>
      <c r="BS1041" s="53">
        <v>-47271.890776666703</v>
      </c>
      <c r="BT1041" s="53">
        <v>-47271.890776666703</v>
      </c>
      <c r="BU1041" s="53">
        <v>-47271.890776666703</v>
      </c>
      <c r="BV1041" s="53">
        <v>-47271.890776666703</v>
      </c>
      <c r="BW1041" s="53">
        <v>-47271.890776666703</v>
      </c>
      <c r="BX1041" s="53">
        <v>-47271.890776666703</v>
      </c>
      <c r="BY1041" s="53">
        <v>-47271.890776666703</v>
      </c>
      <c r="BZ1041" s="53">
        <v>-47271.890776666703</v>
      </c>
      <c r="CA1041" s="53">
        <v>-567262.68932</v>
      </c>
      <c r="CB1041" s="53"/>
      <c r="CC1041" s="53"/>
      <c r="CD1041" s="53"/>
      <c r="CE1041" s="53"/>
      <c r="CF1041" s="53"/>
      <c r="CG1041" s="53"/>
      <c r="CH1041" s="53"/>
      <c r="CI1041" s="53"/>
      <c r="CJ1041" s="53"/>
      <c r="CK1041" s="53"/>
      <c r="CL1041" s="53"/>
      <c r="CM1041" s="53"/>
      <c r="CN1041" s="53"/>
    </row>
    <row r="1042" spans="1:92" outlineLevel="1">
      <c r="A1042" s="52" t="s">
        <v>1435</v>
      </c>
      <c r="B1042" s="53"/>
      <c r="C1042" s="53"/>
      <c r="D1042" s="53"/>
      <c r="E1042" s="53"/>
      <c r="F1042" s="53"/>
      <c r="G1042" s="53"/>
      <c r="H1042" s="53"/>
      <c r="I1042" s="53"/>
      <c r="J1042" s="53"/>
      <c r="K1042" s="53"/>
      <c r="L1042" s="53"/>
      <c r="M1042" s="53"/>
      <c r="N1042" s="53"/>
      <c r="O1042" s="53"/>
      <c r="P1042" s="53"/>
      <c r="Q1042" s="53"/>
      <c r="R1042" s="53"/>
      <c r="S1042" s="53"/>
      <c r="T1042" s="53"/>
      <c r="U1042" s="53"/>
      <c r="V1042" s="53"/>
      <c r="W1042" s="53"/>
      <c r="X1042" s="53"/>
      <c r="Y1042" s="53"/>
      <c r="Z1042" s="53"/>
      <c r="AA1042" s="53"/>
      <c r="AB1042" s="53"/>
      <c r="AC1042" s="53"/>
      <c r="AD1042" s="53"/>
      <c r="AE1042" s="53"/>
      <c r="AF1042" s="53"/>
      <c r="AG1042" s="53"/>
      <c r="AH1042" s="53"/>
      <c r="AI1042" s="53"/>
      <c r="AJ1042" s="53"/>
      <c r="AK1042" s="53"/>
      <c r="AL1042" s="53"/>
      <c r="AM1042" s="53"/>
      <c r="AN1042" s="53"/>
      <c r="AO1042" s="53"/>
      <c r="AP1042" s="53"/>
      <c r="AQ1042" s="53"/>
      <c r="AR1042" s="53"/>
      <c r="AS1042" s="53"/>
      <c r="AT1042" s="53"/>
      <c r="AU1042" s="53"/>
      <c r="AV1042" s="53"/>
      <c r="AW1042" s="53"/>
      <c r="AX1042" s="53"/>
      <c r="AY1042" s="53"/>
      <c r="AZ1042" s="53"/>
      <c r="BA1042" s="53"/>
      <c r="BB1042" s="53"/>
      <c r="BC1042" s="53"/>
      <c r="BD1042" s="53"/>
      <c r="BE1042" s="53"/>
      <c r="BF1042" s="53"/>
      <c r="BG1042" s="53"/>
      <c r="BH1042" s="53"/>
      <c r="BI1042" s="53"/>
      <c r="BJ1042" s="53"/>
      <c r="BK1042" s="53"/>
      <c r="BL1042" s="53"/>
      <c r="BM1042" s="53"/>
      <c r="BN1042" s="53"/>
      <c r="BO1042" s="53"/>
      <c r="BP1042" s="53"/>
      <c r="BQ1042" s="53"/>
      <c r="BR1042" s="53"/>
      <c r="BS1042" s="53"/>
      <c r="BT1042" s="53"/>
      <c r="BU1042" s="53"/>
      <c r="BV1042" s="53"/>
      <c r="BW1042" s="53"/>
      <c r="BX1042" s="53"/>
      <c r="BY1042" s="53"/>
      <c r="BZ1042" s="53"/>
      <c r="CA1042" s="53"/>
      <c r="CB1042" s="53"/>
      <c r="CC1042" s="53"/>
      <c r="CD1042" s="53"/>
      <c r="CE1042" s="53"/>
      <c r="CF1042" s="53"/>
      <c r="CG1042" s="53"/>
      <c r="CH1042" s="53"/>
      <c r="CI1042" s="53"/>
      <c r="CJ1042" s="53"/>
      <c r="CK1042" s="53"/>
      <c r="CL1042" s="53"/>
      <c r="CM1042" s="53"/>
      <c r="CN1042" s="53"/>
    </row>
    <row r="1043" spans="1:92" outlineLevel="1">
      <c r="A1043" s="52" t="s">
        <v>649</v>
      </c>
      <c r="B1043" s="53"/>
      <c r="C1043" s="53"/>
      <c r="D1043" s="53"/>
      <c r="E1043" s="53"/>
      <c r="F1043" s="53"/>
      <c r="G1043" s="53"/>
      <c r="H1043" s="53"/>
      <c r="I1043" s="53"/>
      <c r="J1043" s="53"/>
      <c r="K1043" s="53"/>
      <c r="L1043" s="53"/>
      <c r="M1043" s="53"/>
      <c r="N1043" s="53"/>
      <c r="O1043" s="53"/>
      <c r="P1043" s="53"/>
      <c r="Q1043" s="53"/>
      <c r="R1043" s="53"/>
      <c r="S1043" s="53"/>
      <c r="T1043" s="53"/>
      <c r="U1043" s="53"/>
      <c r="V1043" s="53"/>
      <c r="W1043" s="53"/>
      <c r="X1043" s="53"/>
      <c r="Y1043" s="53"/>
      <c r="Z1043" s="53"/>
      <c r="AA1043" s="53"/>
      <c r="AB1043" s="53"/>
      <c r="AC1043" s="53"/>
      <c r="AD1043" s="53"/>
      <c r="AE1043" s="53"/>
      <c r="AF1043" s="53"/>
      <c r="AG1043" s="53"/>
      <c r="AH1043" s="53"/>
      <c r="AI1043" s="53"/>
      <c r="AJ1043" s="53"/>
      <c r="AK1043" s="53"/>
      <c r="AL1043" s="53"/>
      <c r="AM1043" s="53"/>
      <c r="AN1043" s="53"/>
      <c r="AO1043" s="53">
        <v>-317982.89999999898</v>
      </c>
      <c r="AP1043" s="53">
        <v>-317982.89999999898</v>
      </c>
      <c r="AQ1043" s="53">
        <v>-317982.89999999898</v>
      </c>
      <c r="AR1043" s="53">
        <v>-317982.89999999898</v>
      </c>
      <c r="AS1043" s="53">
        <v>-317982.89999999898</v>
      </c>
      <c r="AT1043" s="53">
        <v>-317982.89999999898</v>
      </c>
      <c r="AU1043" s="53">
        <v>-317982.89999999898</v>
      </c>
      <c r="AV1043" s="53">
        <v>-317982.89999999898</v>
      </c>
      <c r="AW1043" s="53">
        <v>-317982.89999999898</v>
      </c>
      <c r="AX1043" s="53">
        <v>-317982.89999999898</v>
      </c>
      <c r="AY1043" s="53">
        <v>-317982.89999999898</v>
      </c>
      <c r="AZ1043" s="53">
        <v>-317982.89999999898</v>
      </c>
      <c r="BA1043" s="53">
        <v>-3815794.8</v>
      </c>
      <c r="BB1043" s="53">
        <v>-317982.89999999898</v>
      </c>
      <c r="BC1043" s="53">
        <v>-317982.89999999898</v>
      </c>
      <c r="BD1043" s="53">
        <v>-317982.89999999898</v>
      </c>
      <c r="BE1043" s="53">
        <v>-317982.89999999898</v>
      </c>
      <c r="BF1043" s="53">
        <v>-317982.89999999898</v>
      </c>
      <c r="BG1043" s="53">
        <v>-317982.89999999898</v>
      </c>
      <c r="BH1043" s="53">
        <v>-317982.89999999898</v>
      </c>
      <c r="BI1043" s="53">
        <v>-317982.89999999898</v>
      </c>
      <c r="BJ1043" s="53">
        <v>-317982.89999999898</v>
      </c>
      <c r="BK1043" s="53">
        <v>-317982.89999999898</v>
      </c>
      <c r="BL1043" s="53">
        <v>-317982.89999999898</v>
      </c>
      <c r="BM1043" s="53">
        <v>-317982.89999999898</v>
      </c>
      <c r="BN1043" s="53">
        <v>-3815794.8</v>
      </c>
      <c r="BO1043" s="53">
        <v>-317982.89999999898</v>
      </c>
      <c r="BP1043" s="53">
        <v>-317982.89999999898</v>
      </c>
      <c r="BQ1043" s="53">
        <v>-317982.89999999898</v>
      </c>
      <c r="BR1043" s="53">
        <v>-317982.89999999898</v>
      </c>
      <c r="BS1043" s="53">
        <v>-317982.89999999898</v>
      </c>
      <c r="BT1043" s="53">
        <v>-317982.89999999898</v>
      </c>
      <c r="BU1043" s="53">
        <v>-317982.89999999898</v>
      </c>
      <c r="BV1043" s="53">
        <v>-317982.89999999898</v>
      </c>
      <c r="BW1043" s="53">
        <v>-317982.89999999898</v>
      </c>
      <c r="BX1043" s="53">
        <v>-317982.89999999898</v>
      </c>
      <c r="BY1043" s="53">
        <v>-317982.89999999898</v>
      </c>
      <c r="BZ1043" s="53">
        <v>-317982.89999999898</v>
      </c>
      <c r="CA1043" s="53">
        <v>-3815794.8</v>
      </c>
      <c r="CB1043" s="53"/>
      <c r="CC1043" s="53"/>
      <c r="CD1043" s="53"/>
      <c r="CE1043" s="53"/>
      <c r="CF1043" s="53"/>
      <c r="CG1043" s="53"/>
      <c r="CH1043" s="53"/>
      <c r="CI1043" s="53"/>
      <c r="CJ1043" s="53"/>
      <c r="CK1043" s="53"/>
      <c r="CL1043" s="53"/>
      <c r="CM1043" s="53"/>
      <c r="CN1043" s="53"/>
    </row>
    <row r="1044" spans="1:92" outlineLevel="1">
      <c r="A1044" s="52" t="s">
        <v>1436</v>
      </c>
      <c r="B1044" s="53"/>
      <c r="C1044" s="53"/>
      <c r="D1044" s="53"/>
      <c r="E1044" s="53"/>
      <c r="F1044" s="53"/>
      <c r="G1044" s="53"/>
      <c r="H1044" s="53"/>
      <c r="I1044" s="53"/>
      <c r="J1044" s="53"/>
      <c r="K1044" s="53"/>
      <c r="L1044" s="53"/>
      <c r="M1044" s="53"/>
      <c r="N1044" s="53"/>
      <c r="O1044" s="53"/>
      <c r="P1044" s="53"/>
      <c r="Q1044" s="53"/>
      <c r="R1044" s="53"/>
      <c r="S1044" s="53"/>
      <c r="T1044" s="53"/>
      <c r="U1044" s="53"/>
      <c r="V1044" s="53"/>
      <c r="W1044" s="53"/>
      <c r="X1044" s="53"/>
      <c r="Y1044" s="53"/>
      <c r="Z1044" s="53"/>
      <c r="AA1044" s="53"/>
      <c r="AB1044" s="53"/>
      <c r="AC1044" s="53"/>
      <c r="AD1044" s="53"/>
      <c r="AE1044" s="53"/>
      <c r="AF1044" s="53"/>
      <c r="AG1044" s="53"/>
      <c r="AH1044" s="53"/>
      <c r="AI1044" s="53"/>
      <c r="AJ1044" s="53"/>
      <c r="AK1044" s="53"/>
      <c r="AL1044" s="53"/>
      <c r="AM1044" s="53"/>
      <c r="AN1044" s="53"/>
      <c r="AO1044" s="53"/>
      <c r="AP1044" s="53"/>
      <c r="AQ1044" s="53"/>
      <c r="AR1044" s="53"/>
      <c r="AS1044" s="53"/>
      <c r="AT1044" s="53"/>
      <c r="AU1044" s="53"/>
      <c r="AV1044" s="53"/>
      <c r="AW1044" s="53"/>
      <c r="AX1044" s="53"/>
      <c r="AY1044" s="53"/>
      <c r="AZ1044" s="53"/>
      <c r="BA1044" s="53"/>
      <c r="BB1044" s="53"/>
      <c r="BC1044" s="53"/>
      <c r="BD1044" s="53"/>
      <c r="BE1044" s="53"/>
      <c r="BF1044" s="53"/>
      <c r="BG1044" s="53"/>
      <c r="BH1044" s="53"/>
      <c r="BI1044" s="53"/>
      <c r="BJ1044" s="53"/>
      <c r="BK1044" s="53"/>
      <c r="BL1044" s="53"/>
      <c r="BM1044" s="53"/>
      <c r="BN1044" s="53"/>
      <c r="BO1044" s="53"/>
      <c r="BP1044" s="53"/>
      <c r="BQ1044" s="53"/>
      <c r="BR1044" s="53"/>
      <c r="BS1044" s="53"/>
      <c r="BT1044" s="53"/>
      <c r="BU1044" s="53"/>
      <c r="BV1044" s="53"/>
      <c r="BW1044" s="53"/>
      <c r="BX1044" s="53"/>
      <c r="BY1044" s="53"/>
      <c r="BZ1044" s="53"/>
      <c r="CA1044" s="53"/>
      <c r="CB1044" s="53"/>
      <c r="CC1044" s="53"/>
      <c r="CD1044" s="53"/>
      <c r="CE1044" s="53"/>
      <c r="CF1044" s="53"/>
      <c r="CG1044" s="53"/>
      <c r="CH1044" s="53"/>
      <c r="CI1044" s="53"/>
      <c r="CJ1044" s="53"/>
      <c r="CK1044" s="53"/>
      <c r="CL1044" s="53"/>
      <c r="CM1044" s="53"/>
      <c r="CN1044" s="53"/>
    </row>
    <row r="1045" spans="1:92" outlineLevel="1">
      <c r="A1045" s="52" t="s">
        <v>649</v>
      </c>
      <c r="B1045" s="53"/>
      <c r="C1045" s="53"/>
      <c r="D1045" s="53"/>
      <c r="E1045" s="53"/>
      <c r="F1045" s="53"/>
      <c r="G1045" s="53"/>
      <c r="H1045" s="53"/>
      <c r="I1045" s="53"/>
      <c r="J1045" s="53"/>
      <c r="K1045" s="53"/>
      <c r="L1045" s="53"/>
      <c r="M1045" s="53"/>
      <c r="N1045" s="53"/>
      <c r="O1045" s="53"/>
      <c r="P1045" s="53"/>
      <c r="Q1045" s="53"/>
      <c r="R1045" s="53"/>
      <c r="S1045" s="53"/>
      <c r="T1045" s="53"/>
      <c r="U1045" s="53"/>
      <c r="V1045" s="53"/>
      <c r="W1045" s="53"/>
      <c r="X1045" s="53"/>
      <c r="Y1045" s="53"/>
      <c r="Z1045" s="53"/>
      <c r="AA1045" s="53"/>
      <c r="AB1045" s="53"/>
      <c r="AC1045" s="53"/>
      <c r="AD1045" s="53"/>
      <c r="AE1045" s="53"/>
      <c r="AF1045" s="53"/>
      <c r="AG1045" s="53"/>
      <c r="AH1045" s="53"/>
      <c r="AI1045" s="53"/>
      <c r="AJ1045" s="53"/>
      <c r="AK1045" s="53"/>
      <c r="AL1045" s="53"/>
      <c r="AM1045" s="53"/>
      <c r="AN1045" s="53"/>
      <c r="AO1045" s="53">
        <v>-29000000</v>
      </c>
      <c r="AP1045" s="53"/>
      <c r="AQ1045" s="53"/>
      <c r="AR1045" s="53"/>
      <c r="AS1045" s="53"/>
      <c r="AT1045" s="53"/>
      <c r="AU1045" s="53"/>
      <c r="AV1045" s="53"/>
      <c r="AW1045" s="53"/>
      <c r="AX1045" s="53"/>
      <c r="AY1045" s="53"/>
      <c r="AZ1045" s="53"/>
      <c r="BA1045" s="53">
        <v>-29000000</v>
      </c>
      <c r="BB1045" s="53"/>
      <c r="BC1045" s="53"/>
      <c r="BD1045" s="53"/>
      <c r="BE1045" s="53"/>
      <c r="BF1045" s="53"/>
      <c r="BG1045" s="53"/>
      <c r="BH1045" s="53"/>
      <c r="BI1045" s="53"/>
      <c r="BJ1045" s="53"/>
      <c r="BK1045" s="53"/>
      <c r="BL1045" s="53"/>
      <c r="BM1045" s="53"/>
      <c r="BN1045" s="53"/>
      <c r="BO1045" s="53"/>
      <c r="BP1045" s="53"/>
      <c r="BQ1045" s="53"/>
      <c r="BR1045" s="53"/>
      <c r="BS1045" s="53"/>
      <c r="BT1045" s="53"/>
      <c r="BU1045" s="53"/>
      <c r="BV1045" s="53"/>
      <c r="BW1045" s="53"/>
      <c r="BX1045" s="53"/>
      <c r="BY1045" s="53"/>
      <c r="BZ1045" s="53"/>
      <c r="CA1045" s="53"/>
      <c r="CB1045" s="53"/>
      <c r="CC1045" s="53"/>
      <c r="CD1045" s="53"/>
      <c r="CE1045" s="53"/>
      <c r="CF1045" s="53"/>
      <c r="CG1045" s="53"/>
      <c r="CH1045" s="53"/>
      <c r="CI1045" s="53"/>
      <c r="CJ1045" s="53"/>
      <c r="CK1045" s="53"/>
      <c r="CL1045" s="53"/>
      <c r="CM1045" s="53"/>
      <c r="CN1045" s="53"/>
    </row>
    <row r="1046" spans="1:92" outlineLevel="1">
      <c r="A1046" s="52" t="s">
        <v>1437</v>
      </c>
      <c r="B1046" s="53"/>
      <c r="C1046" s="53"/>
      <c r="D1046" s="53"/>
      <c r="E1046" s="53"/>
      <c r="F1046" s="53"/>
      <c r="G1046" s="53"/>
      <c r="H1046" s="53"/>
      <c r="I1046" s="53"/>
      <c r="J1046" s="53"/>
      <c r="K1046" s="53"/>
      <c r="L1046" s="53"/>
      <c r="M1046" s="53"/>
      <c r="N1046" s="53"/>
      <c r="O1046" s="53"/>
      <c r="P1046" s="53"/>
      <c r="Q1046" s="53"/>
      <c r="R1046" s="53"/>
      <c r="S1046" s="53"/>
      <c r="T1046" s="53"/>
      <c r="U1046" s="53"/>
      <c r="V1046" s="53"/>
      <c r="W1046" s="53"/>
      <c r="X1046" s="53"/>
      <c r="Y1046" s="53"/>
      <c r="Z1046" s="53"/>
      <c r="AA1046" s="53"/>
      <c r="AB1046" s="53"/>
      <c r="AC1046" s="53"/>
      <c r="AD1046" s="53"/>
      <c r="AE1046" s="53"/>
      <c r="AF1046" s="53"/>
      <c r="AG1046" s="53"/>
      <c r="AH1046" s="53"/>
      <c r="AI1046" s="53"/>
      <c r="AJ1046" s="53"/>
      <c r="AK1046" s="53"/>
      <c r="AL1046" s="53"/>
      <c r="AM1046" s="53"/>
      <c r="AN1046" s="53"/>
      <c r="AO1046" s="53"/>
      <c r="AP1046" s="53"/>
      <c r="AQ1046" s="53"/>
      <c r="AR1046" s="53"/>
      <c r="AS1046" s="53"/>
      <c r="AT1046" s="53"/>
      <c r="AU1046" s="53"/>
      <c r="AV1046" s="53"/>
      <c r="AW1046" s="53"/>
      <c r="AX1046" s="53"/>
      <c r="AY1046" s="53"/>
      <c r="AZ1046" s="53"/>
      <c r="BA1046" s="53"/>
      <c r="BB1046" s="53"/>
      <c r="BC1046" s="53"/>
      <c r="BD1046" s="53"/>
      <c r="BE1046" s="53"/>
      <c r="BF1046" s="53"/>
      <c r="BG1046" s="53"/>
      <c r="BH1046" s="53"/>
      <c r="BI1046" s="53"/>
      <c r="BJ1046" s="53"/>
      <c r="BK1046" s="53"/>
      <c r="BL1046" s="53"/>
      <c r="BM1046" s="53"/>
      <c r="BN1046" s="53"/>
      <c r="BO1046" s="53"/>
      <c r="BP1046" s="53"/>
      <c r="BQ1046" s="53"/>
      <c r="BR1046" s="53"/>
      <c r="BS1046" s="53"/>
      <c r="BT1046" s="53"/>
      <c r="BU1046" s="53"/>
      <c r="BV1046" s="53"/>
      <c r="BW1046" s="53"/>
      <c r="BX1046" s="53"/>
      <c r="BY1046" s="53"/>
      <c r="BZ1046" s="53"/>
      <c r="CA1046" s="53"/>
      <c r="CB1046" s="53"/>
      <c r="CC1046" s="53"/>
      <c r="CD1046" s="53"/>
      <c r="CE1046" s="53"/>
      <c r="CF1046" s="53"/>
      <c r="CG1046" s="53"/>
      <c r="CH1046" s="53"/>
      <c r="CI1046" s="53"/>
      <c r="CJ1046" s="53"/>
      <c r="CK1046" s="53"/>
      <c r="CL1046" s="53"/>
      <c r="CM1046" s="53"/>
      <c r="CN1046" s="53"/>
    </row>
    <row r="1047" spans="1:92" outlineLevel="1">
      <c r="A1047" s="52" t="s">
        <v>649</v>
      </c>
      <c r="B1047" s="53">
        <v>-89506</v>
      </c>
      <c r="C1047" s="53">
        <v>-89506</v>
      </c>
      <c r="D1047" s="53">
        <v>-89506</v>
      </c>
      <c r="E1047" s="53">
        <v>-89506</v>
      </c>
      <c r="F1047" s="53">
        <v>-89506</v>
      </c>
      <c r="G1047" s="53">
        <v>-89506</v>
      </c>
      <c r="H1047" s="53">
        <v>-89506</v>
      </c>
      <c r="I1047" s="53">
        <v>-89506</v>
      </c>
      <c r="J1047" s="53">
        <v>-89506</v>
      </c>
      <c r="K1047" s="53">
        <v>-89506</v>
      </c>
      <c r="L1047" s="53">
        <v>-89506</v>
      </c>
      <c r="M1047" s="53">
        <v>-89506</v>
      </c>
      <c r="N1047" s="53">
        <v>-1074072</v>
      </c>
      <c r="O1047" s="53">
        <v>-89506</v>
      </c>
      <c r="P1047" s="53">
        <v>-89506</v>
      </c>
      <c r="Q1047" s="53">
        <v>-89506</v>
      </c>
      <c r="R1047" s="53">
        <v>-89506</v>
      </c>
      <c r="S1047" s="53">
        <v>-89506</v>
      </c>
      <c r="T1047" s="53">
        <v>-89506</v>
      </c>
      <c r="U1047" s="53">
        <v>-89506</v>
      </c>
      <c r="V1047" s="53">
        <v>-89506</v>
      </c>
      <c r="W1047" s="53">
        <v>-89506</v>
      </c>
      <c r="X1047" s="53">
        <v>-89506</v>
      </c>
      <c r="Y1047" s="53">
        <v>-89506</v>
      </c>
      <c r="Z1047" s="53">
        <v>-89506</v>
      </c>
      <c r="AA1047" s="53">
        <v>-1074072</v>
      </c>
      <c r="AB1047" s="53">
        <v>-89506</v>
      </c>
      <c r="AC1047" s="53">
        <v>-89506</v>
      </c>
      <c r="AD1047" s="53">
        <v>-89506</v>
      </c>
      <c r="AE1047" s="53">
        <v>-89506</v>
      </c>
      <c r="AF1047" s="53">
        <v>-89506</v>
      </c>
      <c r="AG1047" s="53">
        <v>-89506</v>
      </c>
      <c r="AH1047" s="53">
        <v>-89506</v>
      </c>
      <c r="AI1047" s="53">
        <v>-89506</v>
      </c>
      <c r="AJ1047" s="53">
        <v>-89506</v>
      </c>
      <c r="AK1047" s="53">
        <v>-89506</v>
      </c>
      <c r="AL1047" s="53">
        <v>-89506</v>
      </c>
      <c r="AM1047" s="53">
        <v>-89506</v>
      </c>
      <c r="AN1047" s="53">
        <v>-1074072</v>
      </c>
      <c r="AO1047" s="53">
        <v>-89506</v>
      </c>
      <c r="AP1047" s="53">
        <v>-89506</v>
      </c>
      <c r="AQ1047" s="53">
        <v>-89506</v>
      </c>
      <c r="AR1047" s="53">
        <v>-89506</v>
      </c>
      <c r="AS1047" s="53">
        <v>-89506</v>
      </c>
      <c r="AT1047" s="53">
        <v>-89506</v>
      </c>
      <c r="AU1047" s="53">
        <v>-89506</v>
      </c>
      <c r="AV1047" s="53">
        <v>-89506</v>
      </c>
      <c r="AW1047" s="53">
        <v>-89506</v>
      </c>
      <c r="AX1047" s="53">
        <v>-89506</v>
      </c>
      <c r="AY1047" s="53">
        <v>-89506</v>
      </c>
      <c r="AZ1047" s="53">
        <v>-89506</v>
      </c>
      <c r="BA1047" s="53">
        <v>-1074072</v>
      </c>
      <c r="BB1047" s="53">
        <v>-89506</v>
      </c>
      <c r="BC1047" s="53">
        <v>-89506</v>
      </c>
      <c r="BD1047" s="53">
        <v>-89506</v>
      </c>
      <c r="BE1047" s="53">
        <v>-89506</v>
      </c>
      <c r="BF1047" s="53">
        <v>-89506</v>
      </c>
      <c r="BG1047" s="53">
        <v>-89506</v>
      </c>
      <c r="BH1047" s="53">
        <v>-89506</v>
      </c>
      <c r="BI1047" s="53">
        <v>-89506</v>
      </c>
      <c r="BJ1047" s="53">
        <v>-89506</v>
      </c>
      <c r="BK1047" s="53">
        <v>-89506</v>
      </c>
      <c r="BL1047" s="53">
        <v>-89506</v>
      </c>
      <c r="BM1047" s="53">
        <v>-89506</v>
      </c>
      <c r="BN1047" s="53">
        <v>-1074072</v>
      </c>
      <c r="BO1047" s="53">
        <v>-89506</v>
      </c>
      <c r="BP1047" s="53">
        <v>-89506</v>
      </c>
      <c r="BQ1047" s="53">
        <v>-89506</v>
      </c>
      <c r="BR1047" s="53">
        <v>-89506</v>
      </c>
      <c r="BS1047" s="53">
        <v>-89506</v>
      </c>
      <c r="BT1047" s="53">
        <v>-89506</v>
      </c>
      <c r="BU1047" s="53">
        <v>-89506</v>
      </c>
      <c r="BV1047" s="53">
        <v>-89506</v>
      </c>
      <c r="BW1047" s="53">
        <v>-89506</v>
      </c>
      <c r="BX1047" s="53">
        <v>-89506</v>
      </c>
      <c r="BY1047" s="53">
        <v>-89506</v>
      </c>
      <c r="BZ1047" s="53">
        <v>-89506</v>
      </c>
      <c r="CA1047" s="53">
        <v>-1074072</v>
      </c>
      <c r="CB1047" s="53"/>
      <c r="CC1047" s="53"/>
      <c r="CD1047" s="53"/>
      <c r="CE1047" s="53"/>
      <c r="CF1047" s="53"/>
      <c r="CG1047" s="53"/>
      <c r="CH1047" s="53"/>
      <c r="CI1047" s="53"/>
      <c r="CJ1047" s="53"/>
      <c r="CK1047" s="53"/>
      <c r="CL1047" s="53"/>
      <c r="CM1047" s="53"/>
      <c r="CN1047" s="53"/>
    </row>
    <row r="1048" spans="1:92" outlineLevel="1">
      <c r="A1048" s="52" t="s">
        <v>1438</v>
      </c>
      <c r="B1048" s="53">
        <v>0</v>
      </c>
      <c r="C1048" s="53">
        <v>0</v>
      </c>
      <c r="D1048" s="53">
        <v>0</v>
      </c>
      <c r="E1048" s="53">
        <v>0</v>
      </c>
      <c r="F1048" s="53">
        <v>0</v>
      </c>
      <c r="G1048" s="53">
        <v>0</v>
      </c>
      <c r="H1048" s="53">
        <v>0</v>
      </c>
      <c r="I1048" s="53">
        <v>0</v>
      </c>
      <c r="J1048" s="53">
        <v>0</v>
      </c>
      <c r="K1048" s="53">
        <v>0</v>
      </c>
      <c r="L1048" s="53">
        <v>0</v>
      </c>
      <c r="M1048" s="53">
        <v>0</v>
      </c>
      <c r="N1048" s="53">
        <v>0</v>
      </c>
      <c r="O1048" s="53">
        <v>1462802.44833333</v>
      </c>
      <c r="P1048" s="53">
        <v>2925604.89666666</v>
      </c>
      <c r="Q1048" s="53">
        <v>4388407.3449999997</v>
      </c>
      <c r="R1048" s="53">
        <v>5851209.7933333302</v>
      </c>
      <c r="S1048" s="53">
        <v>7314012.2416666597</v>
      </c>
      <c r="T1048" s="53">
        <v>8776814.6899999995</v>
      </c>
      <c r="U1048" s="53">
        <v>10239617.1383333</v>
      </c>
      <c r="V1048" s="53">
        <v>11702419.586666601</v>
      </c>
      <c r="W1048" s="53">
        <v>13165222.035</v>
      </c>
      <c r="X1048" s="53">
        <v>14628024.483333301</v>
      </c>
      <c r="Y1048" s="53">
        <v>16090826.9316666</v>
      </c>
      <c r="Z1048" s="53">
        <v>17553629.379999999</v>
      </c>
      <c r="AA1048" s="53">
        <v>17553629.379999999</v>
      </c>
      <c r="AB1048" s="53">
        <v>19084624.61555</v>
      </c>
      <c r="AC1048" s="53">
        <v>20615619.851100001</v>
      </c>
      <c r="AD1048" s="53">
        <v>22146615.086649999</v>
      </c>
      <c r="AE1048" s="53">
        <v>23677610.3221999</v>
      </c>
      <c r="AF1048" s="53">
        <v>25208605.557749901</v>
      </c>
      <c r="AG1048" s="53">
        <v>26739600.793299899</v>
      </c>
      <c r="AH1048" s="53">
        <v>28270596.0288499</v>
      </c>
      <c r="AI1048" s="53">
        <v>29801591.264399901</v>
      </c>
      <c r="AJ1048" s="53">
        <v>31332586.499949899</v>
      </c>
      <c r="AK1048" s="53">
        <v>32863581.7354999</v>
      </c>
      <c r="AL1048" s="53">
        <v>34394576.971049897</v>
      </c>
      <c r="AM1048" s="53">
        <v>35925572.206599899</v>
      </c>
      <c r="AN1048" s="53">
        <v>35925572.206599899</v>
      </c>
      <c r="AO1048" s="53">
        <v>6617690.4308233196</v>
      </c>
      <c r="AP1048" s="53">
        <v>6309808.6550466502</v>
      </c>
      <c r="AQ1048" s="53">
        <v>6001926.8792699799</v>
      </c>
      <c r="AR1048" s="53">
        <v>5694045.1034933096</v>
      </c>
      <c r="AS1048" s="53">
        <v>5386163.3277166504</v>
      </c>
      <c r="AT1048" s="53">
        <v>5078281.5519399801</v>
      </c>
      <c r="AU1048" s="53">
        <v>4770399.7761633098</v>
      </c>
      <c r="AV1048" s="53">
        <v>4462518.0003866404</v>
      </c>
      <c r="AW1048" s="53">
        <v>4154636.2246099799</v>
      </c>
      <c r="AX1048" s="53">
        <v>3846754.44883331</v>
      </c>
      <c r="AY1048" s="53">
        <v>3538872.6730566402</v>
      </c>
      <c r="AZ1048" s="53">
        <v>3230990.8972799699</v>
      </c>
      <c r="BA1048" s="53">
        <v>3230990.8972799699</v>
      </c>
      <c r="BB1048" s="53">
        <v>2925573.3102789898</v>
      </c>
      <c r="BC1048" s="53">
        <v>2620155.7232780098</v>
      </c>
      <c r="BD1048" s="53">
        <v>2314738.1362770302</v>
      </c>
      <c r="BE1048" s="53">
        <v>2009320.5492760399</v>
      </c>
      <c r="BF1048" s="53">
        <v>1703902.9622750599</v>
      </c>
      <c r="BG1048" s="53">
        <v>1398485.3752740801</v>
      </c>
      <c r="BH1048" s="53">
        <v>1093067.7882731</v>
      </c>
      <c r="BI1048" s="53">
        <v>787650.20127211802</v>
      </c>
      <c r="BJ1048" s="53">
        <v>482232.61427113501</v>
      </c>
      <c r="BK1048" s="53">
        <v>176815.02727015299</v>
      </c>
      <c r="BL1048" s="53">
        <v>-128602.559730829</v>
      </c>
      <c r="BM1048" s="53">
        <v>-434020.14673181198</v>
      </c>
      <c r="BN1048" s="53">
        <v>-434020.14673181198</v>
      </c>
      <c r="BO1048" s="53">
        <v>-739437.73373279395</v>
      </c>
      <c r="BP1048" s="53">
        <v>-1044855.32073377</v>
      </c>
      <c r="BQ1048" s="53">
        <v>-1350272.9077347501</v>
      </c>
      <c r="BR1048" s="53">
        <v>-1655690.4947357399</v>
      </c>
      <c r="BS1048" s="53">
        <v>-1961108.0817367199</v>
      </c>
      <c r="BT1048" s="53">
        <v>-2266525.6687377002</v>
      </c>
      <c r="BU1048" s="53">
        <v>-2571943.25573869</v>
      </c>
      <c r="BV1048" s="53">
        <v>-2877360.8427396701</v>
      </c>
      <c r="BW1048" s="53">
        <v>-3182778.4297406501</v>
      </c>
      <c r="BX1048" s="53">
        <v>-3488196.0167416302</v>
      </c>
      <c r="BY1048" s="53">
        <v>-3793613.60374262</v>
      </c>
      <c r="BZ1048" s="53">
        <v>-4099031.1907436</v>
      </c>
      <c r="CA1048" s="53">
        <v>-4099031.1907436</v>
      </c>
      <c r="CB1048" s="53"/>
      <c r="CC1048" s="53"/>
      <c r="CD1048" s="53"/>
      <c r="CE1048" s="53"/>
      <c r="CF1048" s="53"/>
      <c r="CG1048" s="53"/>
      <c r="CH1048" s="53"/>
      <c r="CI1048" s="53"/>
      <c r="CJ1048" s="53"/>
      <c r="CK1048" s="53"/>
      <c r="CL1048" s="53"/>
      <c r="CM1048" s="53"/>
      <c r="CN1048" s="53"/>
    </row>
    <row r="1049" spans="1:92" outlineLevel="1">
      <c r="A1049" s="52" t="s">
        <v>1439</v>
      </c>
      <c r="B1049" s="53">
        <v>0</v>
      </c>
      <c r="C1049" s="53">
        <v>0</v>
      </c>
      <c r="D1049" s="53">
        <v>0</v>
      </c>
      <c r="E1049" s="53">
        <v>0</v>
      </c>
      <c r="F1049" s="53">
        <v>0</v>
      </c>
      <c r="G1049" s="53">
        <v>0</v>
      </c>
      <c r="H1049" s="53">
        <v>0</v>
      </c>
      <c r="I1049" s="53">
        <v>0</v>
      </c>
      <c r="J1049" s="53">
        <v>0</v>
      </c>
      <c r="K1049" s="53">
        <v>0</v>
      </c>
      <c r="L1049" s="53">
        <v>0</v>
      </c>
      <c r="M1049" s="53">
        <v>0</v>
      </c>
      <c r="N1049" s="53">
        <v>0</v>
      </c>
      <c r="O1049" s="53">
        <v>0</v>
      </c>
      <c r="P1049" s="53">
        <v>0</v>
      </c>
      <c r="Q1049" s="53">
        <v>0</v>
      </c>
      <c r="R1049" s="53">
        <v>0</v>
      </c>
      <c r="S1049" s="53">
        <v>0</v>
      </c>
      <c r="T1049" s="53">
        <v>0</v>
      </c>
      <c r="U1049" s="53">
        <v>0</v>
      </c>
      <c r="V1049" s="53">
        <v>0</v>
      </c>
      <c r="W1049" s="53">
        <v>0</v>
      </c>
      <c r="X1049" s="53">
        <v>0</v>
      </c>
      <c r="Y1049" s="53">
        <v>0</v>
      </c>
      <c r="Z1049" s="53">
        <v>0</v>
      </c>
      <c r="AA1049" s="53">
        <v>0</v>
      </c>
      <c r="AB1049" s="53">
        <v>0</v>
      </c>
      <c r="AC1049" s="53">
        <v>0</v>
      </c>
      <c r="AD1049" s="53">
        <v>0</v>
      </c>
      <c r="AE1049" s="53">
        <v>0</v>
      </c>
      <c r="AF1049" s="53">
        <v>0</v>
      </c>
      <c r="AG1049" s="53">
        <v>0</v>
      </c>
      <c r="AH1049" s="53">
        <v>0</v>
      </c>
      <c r="AI1049" s="53">
        <v>0</v>
      </c>
      <c r="AJ1049" s="53">
        <v>0</v>
      </c>
      <c r="AK1049" s="53">
        <v>0</v>
      </c>
      <c r="AL1049" s="53">
        <v>0</v>
      </c>
      <c r="AM1049" s="53">
        <v>0</v>
      </c>
      <c r="AN1049" s="53">
        <v>0</v>
      </c>
      <c r="AO1049" s="53">
        <v>0</v>
      </c>
      <c r="AP1049" s="53">
        <v>0</v>
      </c>
      <c r="AQ1049" s="53">
        <v>0</v>
      </c>
      <c r="AR1049" s="53">
        <v>0</v>
      </c>
      <c r="AS1049" s="53">
        <v>0</v>
      </c>
      <c r="AT1049" s="53">
        <v>0</v>
      </c>
      <c r="AU1049" s="53">
        <v>0</v>
      </c>
      <c r="AV1049" s="53">
        <v>0</v>
      </c>
      <c r="AW1049" s="53">
        <v>0</v>
      </c>
      <c r="AX1049" s="53">
        <v>0</v>
      </c>
      <c r="AY1049" s="53">
        <v>0</v>
      </c>
      <c r="AZ1049" s="53">
        <v>0</v>
      </c>
      <c r="BA1049" s="53">
        <v>0</v>
      </c>
      <c r="BB1049" s="53">
        <v>0</v>
      </c>
      <c r="BC1049" s="53">
        <v>0</v>
      </c>
      <c r="BD1049" s="53">
        <v>0</v>
      </c>
      <c r="BE1049" s="53">
        <v>0</v>
      </c>
      <c r="BF1049" s="53">
        <v>0</v>
      </c>
      <c r="BG1049" s="53">
        <v>0</v>
      </c>
      <c r="BH1049" s="53">
        <v>0</v>
      </c>
      <c r="BI1049" s="53">
        <v>0</v>
      </c>
      <c r="BJ1049" s="53">
        <v>0</v>
      </c>
      <c r="BK1049" s="53">
        <v>0</v>
      </c>
      <c r="BL1049" s="53">
        <v>0</v>
      </c>
      <c r="BM1049" s="53">
        <v>0</v>
      </c>
      <c r="BN1049" s="53">
        <v>0</v>
      </c>
      <c r="BO1049" s="53">
        <v>0</v>
      </c>
      <c r="BP1049" s="53">
        <v>0</v>
      </c>
      <c r="BQ1049" s="53">
        <v>0</v>
      </c>
      <c r="BR1049" s="53">
        <v>0</v>
      </c>
      <c r="BS1049" s="53">
        <v>0</v>
      </c>
      <c r="BT1049" s="53">
        <v>0</v>
      </c>
      <c r="BU1049" s="53">
        <v>0</v>
      </c>
      <c r="BV1049" s="53">
        <v>0</v>
      </c>
      <c r="BW1049" s="53">
        <v>0</v>
      </c>
      <c r="BX1049" s="53">
        <v>0</v>
      </c>
      <c r="BY1049" s="53">
        <v>0</v>
      </c>
      <c r="BZ1049" s="53">
        <v>0</v>
      </c>
      <c r="CA1049" s="53">
        <v>0</v>
      </c>
      <c r="CB1049" s="53"/>
      <c r="CC1049" s="53"/>
      <c r="CD1049" s="53"/>
      <c r="CE1049" s="53"/>
      <c r="CF1049" s="53"/>
      <c r="CG1049" s="53"/>
      <c r="CH1049" s="53"/>
      <c r="CI1049" s="53"/>
      <c r="CJ1049" s="53"/>
      <c r="CK1049" s="53"/>
      <c r="CL1049" s="53"/>
      <c r="CM1049" s="53"/>
      <c r="CN1049" s="53"/>
    </row>
    <row r="1050" spans="1:92" outlineLevel="1">
      <c r="A1050" s="52" t="s">
        <v>1440</v>
      </c>
      <c r="B1050" s="53">
        <v>0</v>
      </c>
      <c r="C1050" s="53">
        <v>0</v>
      </c>
      <c r="D1050" s="53">
        <v>0</v>
      </c>
      <c r="E1050" s="53">
        <v>0</v>
      </c>
      <c r="F1050" s="53">
        <v>0</v>
      </c>
      <c r="G1050" s="53">
        <v>0</v>
      </c>
      <c r="H1050" s="53">
        <v>0</v>
      </c>
      <c r="I1050" s="53">
        <v>0</v>
      </c>
      <c r="J1050" s="53">
        <v>0</v>
      </c>
      <c r="K1050" s="53">
        <v>0</v>
      </c>
      <c r="L1050" s="53">
        <v>0</v>
      </c>
      <c r="M1050" s="53">
        <v>0</v>
      </c>
      <c r="N1050" s="53">
        <v>0</v>
      </c>
      <c r="O1050" s="53">
        <v>0</v>
      </c>
      <c r="P1050" s="53">
        <v>0</v>
      </c>
      <c r="Q1050" s="53">
        <v>0</v>
      </c>
      <c r="R1050" s="53">
        <v>0</v>
      </c>
      <c r="S1050" s="53">
        <v>0</v>
      </c>
      <c r="T1050" s="53">
        <v>0</v>
      </c>
      <c r="U1050" s="53">
        <v>0</v>
      </c>
      <c r="V1050" s="53">
        <v>0</v>
      </c>
      <c r="W1050" s="53">
        <v>0</v>
      </c>
      <c r="X1050" s="53">
        <v>0</v>
      </c>
      <c r="Y1050" s="53">
        <v>0</v>
      </c>
      <c r="Z1050" s="53">
        <v>0</v>
      </c>
      <c r="AA1050" s="53">
        <v>0</v>
      </c>
      <c r="AB1050" s="53">
        <v>0</v>
      </c>
      <c r="AC1050" s="53">
        <v>0</v>
      </c>
      <c r="AD1050" s="53">
        <v>0</v>
      </c>
      <c r="AE1050" s="53">
        <v>0</v>
      </c>
      <c r="AF1050" s="53">
        <v>0</v>
      </c>
      <c r="AG1050" s="53">
        <v>0</v>
      </c>
      <c r="AH1050" s="53">
        <v>0</v>
      </c>
      <c r="AI1050" s="53">
        <v>0</v>
      </c>
      <c r="AJ1050" s="53">
        <v>0</v>
      </c>
      <c r="AK1050" s="53">
        <v>0</v>
      </c>
      <c r="AL1050" s="53">
        <v>0</v>
      </c>
      <c r="AM1050" s="53">
        <v>0</v>
      </c>
      <c r="AN1050" s="53">
        <v>0</v>
      </c>
      <c r="AO1050" s="53">
        <v>0</v>
      </c>
      <c r="AP1050" s="53">
        <v>0</v>
      </c>
      <c r="AQ1050" s="53">
        <v>0</v>
      </c>
      <c r="AR1050" s="53">
        <v>0</v>
      </c>
      <c r="AS1050" s="53">
        <v>0</v>
      </c>
      <c r="AT1050" s="53">
        <v>0</v>
      </c>
      <c r="AU1050" s="53">
        <v>0</v>
      </c>
      <c r="AV1050" s="53">
        <v>0</v>
      </c>
      <c r="AW1050" s="53">
        <v>0</v>
      </c>
      <c r="AX1050" s="53">
        <v>0</v>
      </c>
      <c r="AY1050" s="53">
        <v>0</v>
      </c>
      <c r="AZ1050" s="53">
        <v>0</v>
      </c>
      <c r="BA1050" s="53">
        <v>0</v>
      </c>
      <c r="BB1050" s="53">
        <v>0</v>
      </c>
      <c r="BC1050" s="53">
        <v>0</v>
      </c>
      <c r="BD1050" s="53">
        <v>0</v>
      </c>
      <c r="BE1050" s="53">
        <v>0</v>
      </c>
      <c r="BF1050" s="53">
        <v>0</v>
      </c>
      <c r="BG1050" s="53">
        <v>0</v>
      </c>
      <c r="BH1050" s="53">
        <v>0</v>
      </c>
      <c r="BI1050" s="53">
        <v>0</v>
      </c>
      <c r="BJ1050" s="53">
        <v>0</v>
      </c>
      <c r="BK1050" s="53">
        <v>0</v>
      </c>
      <c r="BL1050" s="53">
        <v>0</v>
      </c>
      <c r="BM1050" s="53">
        <v>0</v>
      </c>
      <c r="BN1050" s="53">
        <v>0</v>
      </c>
      <c r="BO1050" s="53">
        <v>0</v>
      </c>
      <c r="BP1050" s="53">
        <v>0</v>
      </c>
      <c r="BQ1050" s="53">
        <v>0</v>
      </c>
      <c r="BR1050" s="53">
        <v>0</v>
      </c>
      <c r="BS1050" s="53">
        <v>0</v>
      </c>
      <c r="BT1050" s="53">
        <v>0</v>
      </c>
      <c r="BU1050" s="53">
        <v>0</v>
      </c>
      <c r="BV1050" s="53">
        <v>0</v>
      </c>
      <c r="BW1050" s="53">
        <v>0</v>
      </c>
      <c r="BX1050" s="53">
        <v>0</v>
      </c>
      <c r="BY1050" s="53">
        <v>0</v>
      </c>
      <c r="BZ1050" s="53">
        <v>0</v>
      </c>
      <c r="CA1050" s="53">
        <v>0</v>
      </c>
      <c r="CB1050" s="53"/>
      <c r="CC1050" s="53"/>
      <c r="CD1050" s="53"/>
      <c r="CE1050" s="53"/>
      <c r="CF1050" s="53"/>
      <c r="CG1050" s="53"/>
      <c r="CH1050" s="53"/>
      <c r="CI1050" s="53"/>
      <c r="CJ1050" s="53"/>
      <c r="CK1050" s="53"/>
      <c r="CL1050" s="53"/>
      <c r="CM1050" s="53"/>
      <c r="CN1050" s="53"/>
    </row>
    <row r="1051" spans="1:92" outlineLevel="1">
      <c r="A1051" s="52" t="s">
        <v>1441</v>
      </c>
      <c r="B1051" s="53">
        <v>0</v>
      </c>
      <c r="C1051" s="53">
        <v>0</v>
      </c>
      <c r="D1051" s="53">
        <v>0</v>
      </c>
      <c r="E1051" s="53">
        <v>0</v>
      </c>
      <c r="F1051" s="53">
        <v>0</v>
      </c>
      <c r="G1051" s="53">
        <v>0</v>
      </c>
      <c r="H1051" s="53">
        <v>0</v>
      </c>
      <c r="I1051" s="53">
        <v>0</v>
      </c>
      <c r="J1051" s="53">
        <v>0</v>
      </c>
      <c r="K1051" s="53">
        <v>0</v>
      </c>
      <c r="L1051" s="53">
        <v>0</v>
      </c>
      <c r="M1051" s="53">
        <v>0</v>
      </c>
      <c r="N1051" s="53">
        <v>0</v>
      </c>
      <c r="O1051" s="53">
        <v>0</v>
      </c>
      <c r="P1051" s="53">
        <v>0</v>
      </c>
      <c r="Q1051" s="53">
        <v>0</v>
      </c>
      <c r="R1051" s="53">
        <v>0</v>
      </c>
      <c r="S1051" s="53">
        <v>0</v>
      </c>
      <c r="T1051" s="53">
        <v>0</v>
      </c>
      <c r="U1051" s="53">
        <v>0</v>
      </c>
      <c r="V1051" s="53">
        <v>0</v>
      </c>
      <c r="W1051" s="53">
        <v>0</v>
      </c>
      <c r="X1051" s="53">
        <v>0</v>
      </c>
      <c r="Y1051" s="53">
        <v>0</v>
      </c>
      <c r="Z1051" s="53">
        <v>0</v>
      </c>
      <c r="AA1051" s="53">
        <v>0</v>
      </c>
      <c r="AB1051" s="53">
        <v>0</v>
      </c>
      <c r="AC1051" s="53">
        <v>0</v>
      </c>
      <c r="AD1051" s="53">
        <v>0</v>
      </c>
      <c r="AE1051" s="53">
        <v>0</v>
      </c>
      <c r="AF1051" s="53">
        <v>0</v>
      </c>
      <c r="AG1051" s="53">
        <v>0</v>
      </c>
      <c r="AH1051" s="53">
        <v>0</v>
      </c>
      <c r="AI1051" s="53">
        <v>0</v>
      </c>
      <c r="AJ1051" s="53">
        <v>0</v>
      </c>
      <c r="AK1051" s="53">
        <v>0</v>
      </c>
      <c r="AL1051" s="53">
        <v>0</v>
      </c>
      <c r="AM1051" s="53">
        <v>0</v>
      </c>
      <c r="AN1051" s="53">
        <v>0</v>
      </c>
      <c r="AO1051" s="53">
        <v>0</v>
      </c>
      <c r="AP1051" s="53">
        <v>0</v>
      </c>
      <c r="AQ1051" s="53">
        <v>0</v>
      </c>
      <c r="AR1051" s="53">
        <v>0</v>
      </c>
      <c r="AS1051" s="53">
        <v>0</v>
      </c>
      <c r="AT1051" s="53">
        <v>0</v>
      </c>
      <c r="AU1051" s="53">
        <v>0</v>
      </c>
      <c r="AV1051" s="53">
        <v>0</v>
      </c>
      <c r="AW1051" s="53">
        <v>0</v>
      </c>
      <c r="AX1051" s="53">
        <v>0</v>
      </c>
      <c r="AY1051" s="53">
        <v>0</v>
      </c>
      <c r="AZ1051" s="53">
        <v>0</v>
      </c>
      <c r="BA1051" s="53">
        <v>0</v>
      </c>
      <c r="BB1051" s="53">
        <v>0</v>
      </c>
      <c r="BC1051" s="53">
        <v>0</v>
      </c>
      <c r="BD1051" s="53">
        <v>0</v>
      </c>
      <c r="BE1051" s="53">
        <v>0</v>
      </c>
      <c r="BF1051" s="53">
        <v>0</v>
      </c>
      <c r="BG1051" s="53">
        <v>0</v>
      </c>
      <c r="BH1051" s="53">
        <v>0</v>
      </c>
      <c r="BI1051" s="53">
        <v>0</v>
      </c>
      <c r="BJ1051" s="53">
        <v>0</v>
      </c>
      <c r="BK1051" s="53">
        <v>0</v>
      </c>
      <c r="BL1051" s="53">
        <v>0</v>
      </c>
      <c r="BM1051" s="53">
        <v>0</v>
      </c>
      <c r="BN1051" s="53">
        <v>0</v>
      </c>
      <c r="BO1051" s="53">
        <v>0</v>
      </c>
      <c r="BP1051" s="53">
        <v>0</v>
      </c>
      <c r="BQ1051" s="53">
        <v>0</v>
      </c>
      <c r="BR1051" s="53">
        <v>0</v>
      </c>
      <c r="BS1051" s="53">
        <v>0</v>
      </c>
      <c r="BT1051" s="53">
        <v>0</v>
      </c>
      <c r="BU1051" s="53">
        <v>0</v>
      </c>
      <c r="BV1051" s="53">
        <v>0</v>
      </c>
      <c r="BW1051" s="53">
        <v>0</v>
      </c>
      <c r="BX1051" s="53">
        <v>0</v>
      </c>
      <c r="BY1051" s="53">
        <v>0</v>
      </c>
      <c r="BZ1051" s="53">
        <v>0</v>
      </c>
      <c r="CA1051" s="53">
        <v>0</v>
      </c>
      <c r="CB1051" s="53"/>
      <c r="CC1051" s="53"/>
      <c r="CD1051" s="53"/>
      <c r="CE1051" s="53"/>
      <c r="CF1051" s="53"/>
      <c r="CG1051" s="53"/>
      <c r="CH1051" s="53"/>
      <c r="CI1051" s="53"/>
      <c r="CJ1051" s="53"/>
      <c r="CK1051" s="53"/>
      <c r="CL1051" s="53"/>
      <c r="CM1051" s="53"/>
      <c r="CN1051" s="53"/>
    </row>
    <row r="1052" spans="1:92" outlineLevel="1">
      <c r="A1052" s="52" t="s">
        <v>1218</v>
      </c>
      <c r="B1052" s="53">
        <v>869781941.26999998</v>
      </c>
      <c r="C1052" s="53">
        <v>1023195298.8</v>
      </c>
      <c r="D1052" s="53">
        <v>987442639.92999995</v>
      </c>
      <c r="E1052" s="53">
        <v>989801081.63999999</v>
      </c>
      <c r="F1052" s="53">
        <v>977752939.07000005</v>
      </c>
      <c r="G1052" s="53">
        <v>968545550.34000003</v>
      </c>
      <c r="H1052" s="53">
        <v>1024068669.4299999</v>
      </c>
      <c r="I1052" s="53">
        <v>1029194939.8</v>
      </c>
      <c r="J1052" s="53">
        <v>1018929900.3</v>
      </c>
      <c r="K1052" s="53">
        <v>1162477718.1400001</v>
      </c>
      <c r="L1052" s="53">
        <v>1306532020.8599999</v>
      </c>
      <c r="M1052" s="53">
        <v>1354901328.01</v>
      </c>
      <c r="N1052" s="53">
        <v>869781941.26999998</v>
      </c>
      <c r="O1052" s="53">
        <v>1561594477.8099999</v>
      </c>
      <c r="P1052" s="53">
        <v>1560904783.5599899</v>
      </c>
      <c r="Q1052" s="53">
        <v>1560218357.1570599</v>
      </c>
      <c r="R1052" s="53">
        <v>1557965794.64165</v>
      </c>
      <c r="S1052" s="53">
        <v>1520635811.2762599</v>
      </c>
      <c r="T1052" s="53">
        <v>1483194093.4482</v>
      </c>
      <c r="U1052" s="53">
        <v>1444054323.7922201</v>
      </c>
      <c r="V1052" s="53">
        <v>1407037536.47438</v>
      </c>
      <c r="W1052" s="53">
        <v>1369861494.11763</v>
      </c>
      <c r="X1052" s="53">
        <v>1330958250.53971</v>
      </c>
      <c r="Y1052" s="53">
        <v>1293478513.3828399</v>
      </c>
      <c r="Z1052" s="53">
        <v>1255867613.6051199</v>
      </c>
      <c r="AA1052" s="53">
        <v>1561594477.8099999</v>
      </c>
      <c r="AB1052" s="53">
        <v>1216714843.8727901</v>
      </c>
      <c r="AC1052" s="53">
        <v>1178907774.1426799</v>
      </c>
      <c r="AD1052" s="53">
        <v>1141099053.41257</v>
      </c>
      <c r="AE1052" s="53">
        <v>1101721228.8624599</v>
      </c>
      <c r="AF1052" s="53">
        <v>1101627591.13234</v>
      </c>
      <c r="AG1052" s="53">
        <v>1101540907.40223</v>
      </c>
      <c r="AH1052" s="53">
        <v>1099888513.8521199</v>
      </c>
      <c r="AI1052" s="53">
        <v>1099809914.12201</v>
      </c>
      <c r="AJ1052" s="53">
        <v>1099733838.3919001</v>
      </c>
      <c r="AK1052" s="53">
        <v>1098085170.8417799</v>
      </c>
      <c r="AL1052" s="53">
        <v>1098010391.11167</v>
      </c>
      <c r="AM1052" s="53">
        <v>1097941679.3815601</v>
      </c>
      <c r="AN1052" s="53">
        <v>1216714843.8727901</v>
      </c>
      <c r="AO1052" s="53">
        <v>1096304771.83145</v>
      </c>
      <c r="AP1052" s="53">
        <v>1064982976.67334</v>
      </c>
      <c r="AQ1052" s="53">
        <v>1062661181.51524</v>
      </c>
      <c r="AR1052" s="53">
        <v>1058769047.53713</v>
      </c>
      <c r="AS1052" s="53">
        <v>1056447252.37903</v>
      </c>
      <c r="AT1052" s="53">
        <v>1054125457.22092</v>
      </c>
      <c r="AU1052" s="53">
        <v>1050233323.24281</v>
      </c>
      <c r="AV1052" s="53">
        <v>1047911528.08471</v>
      </c>
      <c r="AW1052" s="53">
        <v>1045589732.9266</v>
      </c>
      <c r="AX1052" s="53">
        <v>1041766581.29575</v>
      </c>
      <c r="AY1052" s="53">
        <v>1039658073.48489</v>
      </c>
      <c r="AZ1052" s="53">
        <v>1037549565.67404</v>
      </c>
      <c r="BA1052" s="53">
        <v>1096304771.83145</v>
      </c>
      <c r="BB1052" s="53">
        <v>1033870719.04318</v>
      </c>
      <c r="BC1052" s="53">
        <v>1031777716.49006</v>
      </c>
      <c r="BD1052" s="53">
        <v>1029684713.93694</v>
      </c>
      <c r="BE1052" s="53">
        <v>1026021372.56382</v>
      </c>
      <c r="BF1052" s="53">
        <v>1023928370.0107</v>
      </c>
      <c r="BG1052" s="53">
        <v>1021835367.45757</v>
      </c>
      <c r="BH1052" s="53">
        <v>1018172026.08445</v>
      </c>
      <c r="BI1052" s="53">
        <v>1016079023.53133</v>
      </c>
      <c r="BJ1052" s="53">
        <v>1013986020.97821</v>
      </c>
      <c r="BK1052" s="53">
        <v>1010322679.60509</v>
      </c>
      <c r="BL1052" s="53">
        <v>1008229677.05197</v>
      </c>
      <c r="BM1052" s="53">
        <v>1006136674.49885</v>
      </c>
      <c r="BN1052" s="53">
        <v>1033870719.04318</v>
      </c>
      <c r="BO1052" s="53">
        <v>1002473333.12572</v>
      </c>
      <c r="BP1052" s="53">
        <v>1000337818.7809401</v>
      </c>
      <c r="BQ1052" s="53">
        <v>998202304.43615198</v>
      </c>
      <c r="BR1052" s="53">
        <v>994496451.27136397</v>
      </c>
      <c r="BS1052" s="53">
        <v>992360936.92657602</v>
      </c>
      <c r="BT1052" s="53">
        <v>990225422.58178794</v>
      </c>
      <c r="BU1052" s="53">
        <v>986519569.41699898</v>
      </c>
      <c r="BV1052" s="53">
        <v>984375648.13236201</v>
      </c>
      <c r="BW1052" s="53">
        <v>982223319.90787399</v>
      </c>
      <c r="BX1052" s="53">
        <v>979209625.68338704</v>
      </c>
      <c r="BY1052" s="53">
        <v>977057297.45889902</v>
      </c>
      <c r="BZ1052" s="53">
        <v>974904969.23441195</v>
      </c>
      <c r="CA1052" s="53">
        <v>1002473333.12572</v>
      </c>
      <c r="CB1052" s="53"/>
      <c r="CC1052" s="53"/>
      <c r="CD1052" s="53"/>
      <c r="CE1052" s="53"/>
      <c r="CF1052" s="53"/>
      <c r="CG1052" s="53"/>
      <c r="CH1052" s="53"/>
      <c r="CI1052" s="53"/>
      <c r="CJ1052" s="53"/>
      <c r="CK1052" s="53"/>
      <c r="CL1052" s="53"/>
      <c r="CM1052" s="53"/>
      <c r="CN1052" s="53"/>
    </row>
    <row r="1053" spans="1:92" outlineLevel="1">
      <c r="A1053" s="52" t="s">
        <v>699</v>
      </c>
      <c r="B1053" s="53"/>
      <c r="C1053" s="53"/>
      <c r="D1053" s="53"/>
      <c r="E1053" s="53"/>
      <c r="F1053" s="53"/>
      <c r="G1053" s="53"/>
      <c r="H1053" s="53"/>
      <c r="I1053" s="53"/>
      <c r="J1053" s="53"/>
      <c r="K1053" s="53"/>
      <c r="L1053" s="53"/>
      <c r="M1053" s="53"/>
      <c r="N1053" s="53"/>
      <c r="O1053" s="53"/>
      <c r="P1053" s="53"/>
      <c r="Q1053" s="53"/>
      <c r="R1053" s="53"/>
      <c r="S1053" s="53"/>
      <c r="T1053" s="53"/>
      <c r="U1053" s="53"/>
      <c r="V1053" s="53"/>
      <c r="W1053" s="53"/>
      <c r="X1053" s="53"/>
      <c r="Y1053" s="53"/>
      <c r="Z1053" s="53"/>
      <c r="AA1053" s="53"/>
      <c r="AB1053" s="53"/>
      <c r="AC1053" s="53"/>
      <c r="AD1053" s="53"/>
      <c r="AE1053" s="53"/>
      <c r="AF1053" s="53"/>
      <c r="AG1053" s="53"/>
      <c r="AH1053" s="53"/>
      <c r="AI1053" s="53"/>
      <c r="AJ1053" s="53"/>
      <c r="AK1053" s="53"/>
      <c r="AL1053" s="53"/>
      <c r="AM1053" s="53"/>
      <c r="AN1053" s="53"/>
      <c r="AO1053" s="53"/>
      <c r="AP1053" s="53"/>
      <c r="AQ1053" s="53"/>
      <c r="AR1053" s="53"/>
      <c r="AS1053" s="53"/>
      <c r="AT1053" s="53"/>
      <c r="AU1053" s="53"/>
      <c r="AV1053" s="53"/>
      <c r="AW1053" s="53"/>
      <c r="AX1053" s="53"/>
      <c r="AY1053" s="53"/>
      <c r="AZ1053" s="53"/>
      <c r="BA1053" s="53"/>
      <c r="BB1053" s="53"/>
      <c r="BC1053" s="53"/>
      <c r="BD1053" s="53"/>
      <c r="BE1053" s="53"/>
      <c r="BF1053" s="53"/>
      <c r="BG1053" s="53"/>
      <c r="BH1053" s="53"/>
      <c r="BI1053" s="53"/>
      <c r="BJ1053" s="53"/>
      <c r="BK1053" s="53"/>
      <c r="BL1053" s="53"/>
      <c r="BM1053" s="53"/>
      <c r="BN1053" s="53"/>
      <c r="BO1053" s="53"/>
      <c r="BP1053" s="53"/>
      <c r="BQ1053" s="53"/>
      <c r="BR1053" s="53"/>
      <c r="BS1053" s="53"/>
      <c r="BT1053" s="53"/>
      <c r="BU1053" s="53"/>
      <c r="BV1053" s="53"/>
      <c r="BW1053" s="53"/>
      <c r="BX1053" s="53"/>
      <c r="BY1053" s="53"/>
      <c r="BZ1053" s="53"/>
      <c r="CA1053" s="53"/>
      <c r="CB1053" s="53"/>
      <c r="CC1053" s="53"/>
      <c r="CD1053" s="53"/>
      <c r="CE1053" s="53"/>
      <c r="CF1053" s="53"/>
      <c r="CG1053" s="53"/>
      <c r="CH1053" s="53"/>
      <c r="CI1053" s="53"/>
      <c r="CJ1053" s="53"/>
      <c r="CK1053" s="53"/>
      <c r="CL1053" s="53"/>
      <c r="CM1053" s="53"/>
      <c r="CN1053" s="53"/>
    </row>
    <row r="1054" spans="1:92" outlineLevel="1">
      <c r="A1054" s="52" t="s">
        <v>650</v>
      </c>
      <c r="B1054" s="53"/>
      <c r="C1054" s="53"/>
      <c r="D1054" s="53"/>
      <c r="E1054" s="53"/>
      <c r="F1054" s="53"/>
      <c r="G1054" s="53"/>
      <c r="H1054" s="53"/>
      <c r="I1054" s="53"/>
      <c r="J1054" s="53"/>
      <c r="K1054" s="53"/>
      <c r="L1054" s="53"/>
      <c r="M1054" s="53"/>
      <c r="N1054" s="53"/>
      <c r="O1054" s="53"/>
      <c r="P1054" s="53"/>
      <c r="Q1054" s="53"/>
      <c r="R1054" s="53"/>
      <c r="S1054" s="53"/>
      <c r="T1054" s="53"/>
      <c r="U1054" s="53"/>
      <c r="V1054" s="53"/>
      <c r="W1054" s="53"/>
      <c r="X1054" s="53"/>
      <c r="Y1054" s="53"/>
      <c r="Z1054" s="53"/>
      <c r="AA1054" s="53"/>
      <c r="AB1054" s="53"/>
      <c r="AC1054" s="53"/>
      <c r="AD1054" s="53"/>
      <c r="AE1054" s="53"/>
      <c r="AF1054" s="53"/>
      <c r="AG1054" s="53"/>
      <c r="AH1054" s="53"/>
      <c r="AI1054" s="53"/>
      <c r="AJ1054" s="53"/>
      <c r="AK1054" s="53"/>
      <c r="AL1054" s="53"/>
      <c r="AM1054" s="53"/>
      <c r="AN1054" s="53"/>
      <c r="AO1054" s="53"/>
      <c r="AP1054" s="53"/>
      <c r="AQ1054" s="53"/>
      <c r="AR1054" s="53"/>
      <c r="AS1054" s="53"/>
      <c r="AT1054" s="53"/>
      <c r="AU1054" s="53"/>
      <c r="AV1054" s="53"/>
      <c r="AW1054" s="53"/>
      <c r="AX1054" s="53"/>
      <c r="AY1054" s="53"/>
      <c r="AZ1054" s="53"/>
      <c r="BA1054" s="53"/>
      <c r="BB1054" s="53"/>
      <c r="BC1054" s="53"/>
      <c r="BD1054" s="53"/>
      <c r="BE1054" s="53"/>
      <c r="BF1054" s="53"/>
      <c r="BG1054" s="53"/>
      <c r="BH1054" s="53"/>
      <c r="BI1054" s="53"/>
      <c r="BJ1054" s="53"/>
      <c r="BK1054" s="53"/>
      <c r="BL1054" s="53"/>
      <c r="BM1054" s="53"/>
      <c r="BN1054" s="53"/>
      <c r="BO1054" s="53"/>
      <c r="BP1054" s="53"/>
      <c r="BQ1054" s="53"/>
      <c r="BR1054" s="53"/>
      <c r="BS1054" s="53"/>
      <c r="BT1054" s="53"/>
      <c r="BU1054" s="53"/>
      <c r="BV1054" s="53"/>
      <c r="BW1054" s="53"/>
      <c r="BX1054" s="53"/>
      <c r="BY1054" s="53"/>
      <c r="BZ1054" s="53"/>
      <c r="CA1054" s="53"/>
      <c r="CB1054" s="53"/>
      <c r="CC1054" s="53"/>
      <c r="CD1054" s="53"/>
      <c r="CE1054" s="53"/>
      <c r="CF1054" s="53"/>
      <c r="CG1054" s="53"/>
      <c r="CH1054" s="53"/>
      <c r="CI1054" s="53"/>
      <c r="CJ1054" s="53"/>
      <c r="CK1054" s="53"/>
      <c r="CL1054" s="53"/>
      <c r="CM1054" s="53"/>
      <c r="CN1054" s="53"/>
    </row>
    <row r="1055" spans="1:92" outlineLevel="1">
      <c r="A1055" s="52" t="s">
        <v>1401</v>
      </c>
      <c r="B1055" s="53"/>
      <c r="C1055" s="53"/>
      <c r="D1055" s="53"/>
      <c r="E1055" s="53"/>
      <c r="F1055" s="53"/>
      <c r="G1055" s="53"/>
      <c r="H1055" s="53"/>
      <c r="I1055" s="53"/>
      <c r="J1055" s="53"/>
      <c r="K1055" s="53"/>
      <c r="L1055" s="53"/>
      <c r="M1055" s="53"/>
      <c r="N1055" s="53"/>
      <c r="O1055" s="53"/>
      <c r="P1055" s="53"/>
      <c r="Q1055" s="53"/>
      <c r="R1055" s="53"/>
      <c r="S1055" s="53"/>
      <c r="T1055" s="53"/>
      <c r="U1055" s="53"/>
      <c r="V1055" s="53"/>
      <c r="W1055" s="53"/>
      <c r="X1055" s="53"/>
      <c r="Y1055" s="53"/>
      <c r="Z1055" s="53"/>
      <c r="AA1055" s="53"/>
      <c r="AB1055" s="53"/>
      <c r="AC1055" s="53"/>
      <c r="AD1055" s="53"/>
      <c r="AE1055" s="53"/>
      <c r="AF1055" s="53"/>
      <c r="AG1055" s="53"/>
      <c r="AH1055" s="53"/>
      <c r="AI1055" s="53"/>
      <c r="AJ1055" s="53"/>
      <c r="AK1055" s="53"/>
      <c r="AL1055" s="53"/>
      <c r="AM1055" s="53"/>
      <c r="AN1055" s="53"/>
      <c r="AO1055" s="53"/>
      <c r="AP1055" s="53"/>
      <c r="AQ1055" s="53"/>
      <c r="AR1055" s="53"/>
      <c r="AS1055" s="53"/>
      <c r="AT1055" s="53"/>
      <c r="AU1055" s="53"/>
      <c r="AV1055" s="53"/>
      <c r="AW1055" s="53"/>
      <c r="AX1055" s="53"/>
      <c r="AY1055" s="53"/>
      <c r="AZ1055" s="53"/>
      <c r="BA1055" s="53"/>
      <c r="BB1055" s="53"/>
      <c r="BC1055" s="53"/>
      <c r="BD1055" s="53"/>
      <c r="BE1055" s="53"/>
      <c r="BF1055" s="53"/>
      <c r="BG1055" s="53"/>
      <c r="BH1055" s="53"/>
      <c r="BI1055" s="53"/>
      <c r="BJ1055" s="53"/>
      <c r="BK1055" s="53"/>
      <c r="BL1055" s="53"/>
      <c r="BM1055" s="53"/>
      <c r="BN1055" s="53"/>
      <c r="BO1055" s="53"/>
      <c r="BP1055" s="53"/>
      <c r="BQ1055" s="53"/>
      <c r="BR1055" s="53"/>
      <c r="BS1055" s="53"/>
      <c r="BT1055" s="53"/>
      <c r="BU1055" s="53"/>
      <c r="BV1055" s="53"/>
      <c r="BW1055" s="53"/>
      <c r="BX1055" s="53"/>
      <c r="BY1055" s="53"/>
      <c r="BZ1055" s="53"/>
      <c r="CA1055" s="53"/>
      <c r="CB1055" s="53">
        <v>216833.99999999901</v>
      </c>
      <c r="CC1055" s="53">
        <v>216833.99999999901</v>
      </c>
      <c r="CD1055" s="53">
        <v>216833.99999999901</v>
      </c>
      <c r="CE1055" s="53">
        <v>216833.99999999901</v>
      </c>
      <c r="CF1055" s="53">
        <v>216833.99999999901</v>
      </c>
      <c r="CG1055" s="53">
        <v>216833.99999999901</v>
      </c>
      <c r="CH1055" s="53">
        <v>216833.99999999901</v>
      </c>
      <c r="CI1055" s="53">
        <v>216833.99999999901</v>
      </c>
      <c r="CJ1055" s="53">
        <v>216833.99999999901</v>
      </c>
      <c r="CK1055" s="53">
        <v>216833.99999999901</v>
      </c>
      <c r="CL1055" s="53">
        <v>216833.99999999901</v>
      </c>
      <c r="CM1055" s="53">
        <v>216833.99999999901</v>
      </c>
      <c r="CN1055" s="53">
        <v>2602007.99999998</v>
      </c>
    </row>
    <row r="1056" spans="1:92" outlineLevel="1">
      <c r="A1056" s="52" t="s">
        <v>649</v>
      </c>
      <c r="B1056" s="53">
        <v>221439.91666666599</v>
      </c>
      <c r="C1056" s="53">
        <v>221439.91666666599</v>
      </c>
      <c r="D1056" s="53">
        <v>221439.91666666599</v>
      </c>
      <c r="E1056" s="53">
        <v>221439.91666666599</v>
      </c>
      <c r="F1056" s="53">
        <v>221439.91666666599</v>
      </c>
      <c r="G1056" s="53">
        <v>221439.91666666599</v>
      </c>
      <c r="H1056" s="53">
        <v>221439.91666666599</v>
      </c>
      <c r="I1056" s="53">
        <v>221439.91666666599</v>
      </c>
      <c r="J1056" s="53">
        <v>221439.91666666599</v>
      </c>
      <c r="K1056" s="53">
        <v>221439.91666666599</v>
      </c>
      <c r="L1056" s="53">
        <v>221439.91666666599</v>
      </c>
      <c r="M1056" s="53">
        <v>221439.91666666599</v>
      </c>
      <c r="N1056" s="53">
        <v>2657279</v>
      </c>
      <c r="O1056" s="53"/>
      <c r="P1056" s="53"/>
      <c r="Q1056" s="53"/>
      <c r="R1056" s="53"/>
      <c r="S1056" s="53"/>
      <c r="T1056" s="53"/>
      <c r="U1056" s="53"/>
      <c r="V1056" s="53"/>
      <c r="W1056" s="53"/>
      <c r="X1056" s="53"/>
      <c r="Y1056" s="53"/>
      <c r="Z1056" s="53"/>
      <c r="AA1056" s="53"/>
      <c r="AB1056" s="53"/>
      <c r="AC1056" s="53"/>
      <c r="AD1056" s="53"/>
      <c r="AE1056" s="53"/>
      <c r="AF1056" s="53"/>
      <c r="AG1056" s="53"/>
      <c r="AH1056" s="53"/>
      <c r="AI1056" s="53"/>
      <c r="AJ1056" s="53"/>
      <c r="AK1056" s="53"/>
      <c r="AL1056" s="53"/>
      <c r="AM1056" s="53"/>
      <c r="AN1056" s="53"/>
      <c r="AO1056" s="53"/>
      <c r="AP1056" s="53"/>
      <c r="AQ1056" s="53"/>
      <c r="AR1056" s="53"/>
      <c r="AS1056" s="53"/>
      <c r="AT1056" s="53"/>
      <c r="AU1056" s="53"/>
      <c r="AV1056" s="53"/>
      <c r="AW1056" s="53"/>
      <c r="AX1056" s="53"/>
      <c r="AY1056" s="53"/>
      <c r="AZ1056" s="53"/>
      <c r="BA1056" s="53"/>
      <c r="BB1056" s="53"/>
      <c r="BC1056" s="53"/>
      <c r="BD1056" s="53"/>
      <c r="BE1056" s="53"/>
      <c r="BF1056" s="53"/>
      <c r="BG1056" s="53"/>
      <c r="BH1056" s="53"/>
      <c r="BI1056" s="53"/>
      <c r="BJ1056" s="53"/>
      <c r="BK1056" s="53"/>
      <c r="BL1056" s="53"/>
      <c r="BM1056" s="53"/>
      <c r="BN1056" s="53"/>
      <c r="BO1056" s="53"/>
      <c r="BP1056" s="53"/>
      <c r="BQ1056" s="53"/>
      <c r="BR1056" s="53"/>
      <c r="BS1056" s="53"/>
      <c r="BT1056" s="53"/>
      <c r="BU1056" s="53"/>
      <c r="BV1056" s="53"/>
      <c r="BW1056" s="53"/>
      <c r="BX1056" s="53"/>
      <c r="BY1056" s="53"/>
      <c r="BZ1056" s="53"/>
      <c r="CA1056" s="53"/>
      <c r="CB1056" s="53"/>
      <c r="CC1056" s="53"/>
      <c r="CD1056" s="53"/>
      <c r="CE1056" s="53"/>
      <c r="CF1056" s="53"/>
      <c r="CG1056" s="53"/>
      <c r="CH1056" s="53"/>
      <c r="CI1056" s="53"/>
      <c r="CJ1056" s="53"/>
      <c r="CK1056" s="53"/>
      <c r="CL1056" s="53"/>
      <c r="CM1056" s="53"/>
      <c r="CN1056" s="53"/>
    </row>
    <row r="1057" spans="1:92" outlineLevel="1">
      <c r="A1057" s="52" t="s">
        <v>1427</v>
      </c>
      <c r="B1057" s="53"/>
      <c r="C1057" s="53"/>
      <c r="D1057" s="53"/>
      <c r="E1057" s="53"/>
      <c r="F1057" s="53"/>
      <c r="G1057" s="53"/>
      <c r="H1057" s="53"/>
      <c r="I1057" s="53"/>
      <c r="J1057" s="53"/>
      <c r="K1057" s="53"/>
      <c r="L1057" s="53"/>
      <c r="M1057" s="53"/>
      <c r="N1057" s="53"/>
      <c r="O1057" s="53"/>
      <c r="P1057" s="53"/>
      <c r="Q1057" s="53"/>
      <c r="R1057" s="53"/>
      <c r="S1057" s="53"/>
      <c r="T1057" s="53"/>
      <c r="U1057" s="53"/>
      <c r="V1057" s="53"/>
      <c r="W1057" s="53"/>
      <c r="X1057" s="53"/>
      <c r="Y1057" s="53"/>
      <c r="Z1057" s="53"/>
      <c r="AA1057" s="53"/>
      <c r="AB1057" s="53"/>
      <c r="AC1057" s="53"/>
      <c r="AD1057" s="53"/>
      <c r="AE1057" s="53"/>
      <c r="AF1057" s="53"/>
      <c r="AG1057" s="53"/>
      <c r="AH1057" s="53"/>
      <c r="AI1057" s="53"/>
      <c r="AJ1057" s="53"/>
      <c r="AK1057" s="53"/>
      <c r="AL1057" s="53"/>
      <c r="AM1057" s="53"/>
      <c r="AN1057" s="53"/>
      <c r="AO1057" s="53"/>
      <c r="AP1057" s="53"/>
      <c r="AQ1057" s="53"/>
      <c r="AR1057" s="53"/>
      <c r="AS1057" s="53"/>
      <c r="AT1057" s="53"/>
      <c r="AU1057" s="53"/>
      <c r="AV1057" s="53"/>
      <c r="AW1057" s="53"/>
      <c r="AX1057" s="53"/>
      <c r="AY1057" s="53"/>
      <c r="AZ1057" s="53"/>
      <c r="BA1057" s="53"/>
      <c r="BB1057" s="53"/>
      <c r="BC1057" s="53"/>
      <c r="BD1057" s="53"/>
      <c r="BE1057" s="53"/>
      <c r="BF1057" s="53"/>
      <c r="BG1057" s="53"/>
      <c r="BH1057" s="53"/>
      <c r="BI1057" s="53"/>
      <c r="BJ1057" s="53"/>
      <c r="BK1057" s="53"/>
      <c r="BL1057" s="53"/>
      <c r="BM1057" s="53"/>
      <c r="BN1057" s="53"/>
      <c r="BO1057" s="53"/>
      <c r="BP1057" s="53"/>
      <c r="BQ1057" s="53"/>
      <c r="BR1057" s="53"/>
      <c r="BS1057" s="53"/>
      <c r="BT1057" s="53"/>
      <c r="BU1057" s="53"/>
      <c r="BV1057" s="53"/>
      <c r="BW1057" s="53"/>
      <c r="BX1057" s="53"/>
      <c r="BY1057" s="53"/>
      <c r="BZ1057" s="53"/>
      <c r="CA1057" s="53"/>
      <c r="CB1057" s="53"/>
      <c r="CC1057" s="53"/>
      <c r="CD1057" s="53"/>
      <c r="CE1057" s="53"/>
      <c r="CF1057" s="53"/>
      <c r="CG1057" s="53"/>
      <c r="CH1057" s="53"/>
      <c r="CI1057" s="53"/>
      <c r="CJ1057" s="53"/>
      <c r="CK1057" s="53"/>
      <c r="CL1057" s="53"/>
      <c r="CM1057" s="53"/>
      <c r="CN1057" s="53"/>
    </row>
    <row r="1058" spans="1:92" outlineLevel="1">
      <c r="A1058" s="52" t="s">
        <v>649</v>
      </c>
      <c r="B1058" s="53">
        <v>252166.66666666701</v>
      </c>
      <c r="C1058" s="53">
        <v>252166.66666666701</v>
      </c>
      <c r="D1058" s="53">
        <v>252166.66666666701</v>
      </c>
      <c r="E1058" s="53">
        <v>252166.66666666701</v>
      </c>
      <c r="F1058" s="53">
        <v>252166.66666666701</v>
      </c>
      <c r="G1058" s="53">
        <v>252166.66666666701</v>
      </c>
      <c r="H1058" s="53">
        <v>252166.66666666701</v>
      </c>
      <c r="I1058" s="53">
        <v>252166.66666666701</v>
      </c>
      <c r="J1058" s="53">
        <v>252166.66666666701</v>
      </c>
      <c r="K1058" s="53">
        <v>252166.66666666701</v>
      </c>
      <c r="L1058" s="53">
        <v>252166.66666666701</v>
      </c>
      <c r="M1058" s="53">
        <v>252166.66666666701</v>
      </c>
      <c r="N1058" s="53">
        <v>3026000</v>
      </c>
      <c r="O1058" s="53">
        <v>48833.333333333299</v>
      </c>
      <c r="P1058" s="53">
        <v>48833.333333333299</v>
      </c>
      <c r="Q1058" s="53">
        <v>48833.333333333299</v>
      </c>
      <c r="R1058" s="53">
        <v>48833.333333333299</v>
      </c>
      <c r="S1058" s="53">
        <v>48833.333333333299</v>
      </c>
      <c r="T1058" s="53">
        <v>48833.333333333299</v>
      </c>
      <c r="U1058" s="53">
        <v>48833.333333333299</v>
      </c>
      <c r="V1058" s="53">
        <v>48833.333333333299</v>
      </c>
      <c r="W1058" s="53">
        <v>48833.333333333299</v>
      </c>
      <c r="X1058" s="53">
        <v>48833.333333333299</v>
      </c>
      <c r="Y1058" s="53">
        <v>48833.333333333299</v>
      </c>
      <c r="Z1058" s="53">
        <v>48833.333333333299</v>
      </c>
      <c r="AA1058" s="53">
        <v>585999.99999999895</v>
      </c>
      <c r="AB1058" s="53">
        <v>44750</v>
      </c>
      <c r="AC1058" s="53">
        <v>44750</v>
      </c>
      <c r="AD1058" s="53">
        <v>44750</v>
      </c>
      <c r="AE1058" s="53">
        <v>44750</v>
      </c>
      <c r="AF1058" s="53">
        <v>44750</v>
      </c>
      <c r="AG1058" s="53">
        <v>44750</v>
      </c>
      <c r="AH1058" s="53">
        <v>44750</v>
      </c>
      <c r="AI1058" s="53">
        <v>44750</v>
      </c>
      <c r="AJ1058" s="53">
        <v>44750</v>
      </c>
      <c r="AK1058" s="53">
        <v>44750</v>
      </c>
      <c r="AL1058" s="53">
        <v>44750</v>
      </c>
      <c r="AM1058" s="53">
        <v>44750</v>
      </c>
      <c r="AN1058" s="53">
        <v>537000</v>
      </c>
      <c r="AO1058" s="53"/>
      <c r="AP1058" s="53"/>
      <c r="AQ1058" s="53"/>
      <c r="AR1058" s="53"/>
      <c r="AS1058" s="53"/>
      <c r="AT1058" s="53"/>
      <c r="AU1058" s="53"/>
      <c r="AV1058" s="53"/>
      <c r="AW1058" s="53"/>
      <c r="AX1058" s="53"/>
      <c r="AY1058" s="53"/>
      <c r="AZ1058" s="53"/>
      <c r="BA1058" s="53"/>
      <c r="BB1058" s="53"/>
      <c r="BC1058" s="53"/>
      <c r="BD1058" s="53"/>
      <c r="BE1058" s="53"/>
      <c r="BF1058" s="53"/>
      <c r="BG1058" s="53"/>
      <c r="BH1058" s="53"/>
      <c r="BI1058" s="53"/>
      <c r="BJ1058" s="53"/>
      <c r="BK1058" s="53"/>
      <c r="BL1058" s="53"/>
      <c r="BM1058" s="53"/>
      <c r="BN1058" s="53"/>
      <c r="BO1058" s="53"/>
      <c r="BP1058" s="53"/>
      <c r="BQ1058" s="53"/>
      <c r="BR1058" s="53"/>
      <c r="BS1058" s="53"/>
      <c r="BT1058" s="53"/>
      <c r="BU1058" s="53"/>
      <c r="BV1058" s="53"/>
      <c r="BW1058" s="53"/>
      <c r="BX1058" s="53"/>
      <c r="BY1058" s="53"/>
      <c r="BZ1058" s="53"/>
      <c r="CA1058" s="53"/>
      <c r="CB1058" s="53"/>
      <c r="CC1058" s="53"/>
      <c r="CD1058" s="53"/>
      <c r="CE1058" s="53"/>
      <c r="CF1058" s="53"/>
      <c r="CG1058" s="53"/>
      <c r="CH1058" s="53"/>
      <c r="CI1058" s="53"/>
      <c r="CJ1058" s="53"/>
      <c r="CK1058" s="53"/>
      <c r="CL1058" s="53"/>
      <c r="CM1058" s="53"/>
      <c r="CN1058" s="53"/>
    </row>
    <row r="1059" spans="1:92" outlineLevel="1">
      <c r="A1059" s="52" t="s">
        <v>1428</v>
      </c>
      <c r="B1059" s="53"/>
      <c r="C1059" s="53"/>
      <c r="D1059" s="53"/>
      <c r="E1059" s="53"/>
      <c r="F1059" s="53"/>
      <c r="G1059" s="53"/>
      <c r="H1059" s="53"/>
      <c r="I1059" s="53"/>
      <c r="J1059" s="53"/>
      <c r="K1059" s="53"/>
      <c r="L1059" s="53"/>
      <c r="M1059" s="53"/>
      <c r="N1059" s="53"/>
      <c r="O1059" s="53"/>
      <c r="P1059" s="53"/>
      <c r="Q1059" s="53"/>
      <c r="R1059" s="53"/>
      <c r="S1059" s="53"/>
      <c r="T1059" s="53"/>
      <c r="U1059" s="53"/>
      <c r="V1059" s="53"/>
      <c r="W1059" s="53"/>
      <c r="X1059" s="53"/>
      <c r="Y1059" s="53"/>
      <c r="Z1059" s="53"/>
      <c r="AA1059" s="53"/>
      <c r="AB1059" s="53"/>
      <c r="AC1059" s="53"/>
      <c r="AD1059" s="53"/>
      <c r="AE1059" s="53"/>
      <c r="AF1059" s="53"/>
      <c r="AG1059" s="53"/>
      <c r="AH1059" s="53"/>
      <c r="AI1059" s="53"/>
      <c r="AJ1059" s="53"/>
      <c r="AK1059" s="53"/>
      <c r="AL1059" s="53"/>
      <c r="AM1059" s="53"/>
      <c r="AN1059" s="53"/>
      <c r="AO1059" s="53"/>
      <c r="AP1059" s="53"/>
      <c r="AQ1059" s="53"/>
      <c r="AR1059" s="53"/>
      <c r="AS1059" s="53"/>
      <c r="AT1059" s="53"/>
      <c r="AU1059" s="53"/>
      <c r="AV1059" s="53"/>
      <c r="AW1059" s="53"/>
      <c r="AX1059" s="53"/>
      <c r="AY1059" s="53"/>
      <c r="AZ1059" s="53"/>
      <c r="BA1059" s="53"/>
      <c r="BB1059" s="53"/>
      <c r="BC1059" s="53"/>
      <c r="BD1059" s="53"/>
      <c r="BE1059" s="53"/>
      <c r="BF1059" s="53"/>
      <c r="BG1059" s="53"/>
      <c r="BH1059" s="53"/>
      <c r="BI1059" s="53"/>
      <c r="BJ1059" s="53"/>
      <c r="BK1059" s="53"/>
      <c r="BL1059" s="53"/>
      <c r="BM1059" s="53"/>
      <c r="BN1059" s="53"/>
      <c r="BO1059" s="53"/>
      <c r="BP1059" s="53"/>
      <c r="BQ1059" s="53"/>
      <c r="BR1059" s="53"/>
      <c r="BS1059" s="53"/>
      <c r="BT1059" s="53"/>
      <c r="BU1059" s="53"/>
      <c r="BV1059" s="53"/>
      <c r="BW1059" s="53"/>
      <c r="BX1059" s="53"/>
      <c r="BY1059" s="53"/>
      <c r="BZ1059" s="53"/>
      <c r="CA1059" s="53"/>
      <c r="CB1059" s="53">
        <v>-67490.796224314996</v>
      </c>
      <c r="CC1059" s="53">
        <v>-67490.796224314996</v>
      </c>
      <c r="CD1059" s="53">
        <v>-67490.796224314996</v>
      </c>
      <c r="CE1059" s="53">
        <v>-67490.796224314996</v>
      </c>
      <c r="CF1059" s="53">
        <v>-67490.796224314996</v>
      </c>
      <c r="CG1059" s="53">
        <v>-67490.796224314996</v>
      </c>
      <c r="CH1059" s="53">
        <v>-67490.796224314996</v>
      </c>
      <c r="CI1059" s="53">
        <v>-67490.796224314996</v>
      </c>
      <c r="CJ1059" s="53">
        <v>-67490.796224314996</v>
      </c>
      <c r="CK1059" s="53">
        <v>-67490.796224314996</v>
      </c>
      <c r="CL1059" s="53">
        <v>-67490.796224314996</v>
      </c>
      <c r="CM1059" s="53">
        <v>-67490.796224314996</v>
      </c>
      <c r="CN1059" s="53">
        <v>-809889.55469177896</v>
      </c>
    </row>
    <row r="1060" spans="1:92" outlineLevel="1">
      <c r="A1060" s="52" t="s">
        <v>649</v>
      </c>
      <c r="B1060" s="53">
        <v>3648</v>
      </c>
      <c r="C1060" s="53">
        <v>3648</v>
      </c>
      <c r="D1060" s="53">
        <v>3648</v>
      </c>
      <c r="E1060" s="53">
        <v>3648</v>
      </c>
      <c r="F1060" s="53">
        <v>3648</v>
      </c>
      <c r="G1060" s="53">
        <v>3648</v>
      </c>
      <c r="H1060" s="53">
        <v>3648</v>
      </c>
      <c r="I1060" s="53">
        <v>3648</v>
      </c>
      <c r="J1060" s="53">
        <v>3648</v>
      </c>
      <c r="K1060" s="53">
        <v>3648</v>
      </c>
      <c r="L1060" s="53">
        <v>3648</v>
      </c>
      <c r="M1060" s="53">
        <v>3648</v>
      </c>
      <c r="N1060" s="53">
        <v>43776</v>
      </c>
      <c r="O1060" s="53"/>
      <c r="P1060" s="53"/>
      <c r="Q1060" s="53"/>
      <c r="R1060" s="53"/>
      <c r="S1060" s="53"/>
      <c r="T1060" s="53"/>
      <c r="U1060" s="53"/>
      <c r="V1060" s="53"/>
      <c r="W1060" s="53"/>
      <c r="X1060" s="53"/>
      <c r="Y1060" s="53"/>
      <c r="Z1060" s="53"/>
      <c r="AA1060" s="53"/>
      <c r="AB1060" s="53">
        <v>36893.25</v>
      </c>
      <c r="AC1060" s="53">
        <v>36893.25</v>
      </c>
      <c r="AD1060" s="53">
        <v>36893.25</v>
      </c>
      <c r="AE1060" s="53">
        <v>36893.25</v>
      </c>
      <c r="AF1060" s="53">
        <v>36893.25</v>
      </c>
      <c r="AG1060" s="53">
        <v>36893.25</v>
      </c>
      <c r="AH1060" s="53">
        <v>36893.25</v>
      </c>
      <c r="AI1060" s="53">
        <v>36893.25</v>
      </c>
      <c r="AJ1060" s="53">
        <v>36893.25</v>
      </c>
      <c r="AK1060" s="53">
        <v>36893.25</v>
      </c>
      <c r="AL1060" s="53">
        <v>36893.25</v>
      </c>
      <c r="AM1060" s="53">
        <v>36893.25</v>
      </c>
      <c r="AN1060" s="53">
        <v>442719</v>
      </c>
      <c r="AO1060" s="53"/>
      <c r="AP1060" s="53"/>
      <c r="AQ1060" s="53"/>
      <c r="AR1060" s="53"/>
      <c r="AS1060" s="53"/>
      <c r="AT1060" s="53"/>
      <c r="AU1060" s="53"/>
      <c r="AV1060" s="53"/>
      <c r="AW1060" s="53"/>
      <c r="AX1060" s="53"/>
      <c r="AY1060" s="53"/>
      <c r="AZ1060" s="53"/>
      <c r="BA1060" s="53"/>
      <c r="BB1060" s="53"/>
      <c r="BC1060" s="53"/>
      <c r="BD1060" s="53"/>
      <c r="BE1060" s="53"/>
      <c r="BF1060" s="53"/>
      <c r="BG1060" s="53"/>
      <c r="BH1060" s="53"/>
      <c r="BI1060" s="53"/>
      <c r="BJ1060" s="53"/>
      <c r="BK1060" s="53"/>
      <c r="BL1060" s="53"/>
      <c r="BM1060" s="53"/>
      <c r="BN1060" s="53"/>
      <c r="BO1060" s="53"/>
      <c r="BP1060" s="53"/>
      <c r="BQ1060" s="53"/>
      <c r="BR1060" s="53"/>
      <c r="BS1060" s="53"/>
      <c r="BT1060" s="53"/>
      <c r="BU1060" s="53"/>
      <c r="BV1060" s="53"/>
      <c r="BW1060" s="53"/>
      <c r="BX1060" s="53"/>
      <c r="BY1060" s="53"/>
      <c r="BZ1060" s="53"/>
      <c r="CA1060" s="53"/>
      <c r="CB1060" s="53"/>
      <c r="CC1060" s="53"/>
      <c r="CD1060" s="53"/>
      <c r="CE1060" s="53"/>
      <c r="CF1060" s="53"/>
      <c r="CG1060" s="53"/>
      <c r="CH1060" s="53"/>
      <c r="CI1060" s="53"/>
      <c r="CJ1060" s="53"/>
      <c r="CK1060" s="53"/>
      <c r="CL1060" s="53"/>
      <c r="CM1060" s="53"/>
      <c r="CN1060" s="53"/>
    </row>
    <row r="1061" spans="1:92" outlineLevel="1">
      <c r="A1061" s="52" t="s">
        <v>1429</v>
      </c>
      <c r="B1061" s="53"/>
      <c r="C1061" s="53"/>
      <c r="D1061" s="53"/>
      <c r="E1061" s="53"/>
      <c r="F1061" s="53"/>
      <c r="G1061" s="53"/>
      <c r="H1061" s="53"/>
      <c r="I1061" s="53"/>
      <c r="J1061" s="53"/>
      <c r="K1061" s="53"/>
      <c r="L1061" s="53"/>
      <c r="M1061" s="53"/>
      <c r="N1061" s="53"/>
      <c r="O1061" s="53"/>
      <c r="P1061" s="53"/>
      <c r="Q1061" s="53"/>
      <c r="R1061" s="53"/>
      <c r="S1061" s="53"/>
      <c r="T1061" s="53"/>
      <c r="U1061" s="53"/>
      <c r="V1061" s="53"/>
      <c r="W1061" s="53"/>
      <c r="X1061" s="53"/>
      <c r="Y1061" s="53"/>
      <c r="Z1061" s="53"/>
      <c r="AA1061" s="53"/>
      <c r="AB1061" s="53"/>
      <c r="AC1061" s="53"/>
      <c r="AD1061" s="53"/>
      <c r="AE1061" s="53"/>
      <c r="AF1061" s="53"/>
      <c r="AG1061" s="53"/>
      <c r="AH1061" s="53"/>
      <c r="AI1061" s="53"/>
      <c r="AJ1061" s="53"/>
      <c r="AK1061" s="53"/>
      <c r="AL1061" s="53"/>
      <c r="AM1061" s="53"/>
      <c r="AN1061" s="53"/>
      <c r="AO1061" s="53"/>
      <c r="AP1061" s="53"/>
      <c r="AQ1061" s="53"/>
      <c r="AR1061" s="53"/>
      <c r="AS1061" s="53"/>
      <c r="AT1061" s="53"/>
      <c r="AU1061" s="53"/>
      <c r="AV1061" s="53"/>
      <c r="AW1061" s="53"/>
      <c r="AX1061" s="53"/>
      <c r="AY1061" s="53"/>
      <c r="AZ1061" s="53"/>
      <c r="BA1061" s="53"/>
      <c r="BB1061" s="53"/>
      <c r="BC1061" s="53"/>
      <c r="BD1061" s="53"/>
      <c r="BE1061" s="53"/>
      <c r="BF1061" s="53"/>
      <c r="BG1061" s="53"/>
      <c r="BH1061" s="53"/>
      <c r="BI1061" s="53"/>
      <c r="BJ1061" s="53"/>
      <c r="BK1061" s="53"/>
      <c r="BL1061" s="53"/>
      <c r="BM1061" s="53"/>
      <c r="BN1061" s="53"/>
      <c r="BO1061" s="53"/>
      <c r="BP1061" s="53"/>
      <c r="BQ1061" s="53"/>
      <c r="BR1061" s="53"/>
      <c r="BS1061" s="53"/>
      <c r="BT1061" s="53"/>
      <c r="BU1061" s="53"/>
      <c r="BV1061" s="53"/>
      <c r="BW1061" s="53"/>
      <c r="BX1061" s="53"/>
      <c r="BY1061" s="53"/>
      <c r="BZ1061" s="53"/>
      <c r="CA1061" s="53"/>
      <c r="CB1061" s="53">
        <v>-770768.18246666703</v>
      </c>
      <c r="CC1061" s="53">
        <v>-770768.18246666703</v>
      </c>
      <c r="CD1061" s="53">
        <v>-770768.18246666703</v>
      </c>
      <c r="CE1061" s="53">
        <v>-770768.18246666703</v>
      </c>
      <c r="CF1061" s="53">
        <v>-770768.18246666703</v>
      </c>
      <c r="CG1061" s="53">
        <v>-770768.18246666703</v>
      </c>
      <c r="CH1061" s="53">
        <v>-770768.18246666703</v>
      </c>
      <c r="CI1061" s="53">
        <v>-770768.18246666703</v>
      </c>
      <c r="CJ1061" s="53">
        <v>-770768.18246666703</v>
      </c>
      <c r="CK1061" s="53">
        <v>-770768.18246666703</v>
      </c>
      <c r="CL1061" s="53">
        <v>-770768.18246666703</v>
      </c>
      <c r="CM1061" s="53">
        <v>-770768.18246666703</v>
      </c>
      <c r="CN1061" s="53">
        <v>-9249218.1896000002</v>
      </c>
    </row>
    <row r="1062" spans="1:92" outlineLevel="1">
      <c r="A1062" s="52" t="s">
        <v>649</v>
      </c>
      <c r="B1062" s="53"/>
      <c r="C1062" s="53"/>
      <c r="D1062" s="53"/>
      <c r="E1062" s="53"/>
      <c r="F1062" s="53"/>
      <c r="G1062" s="53"/>
      <c r="H1062" s="53"/>
      <c r="I1062" s="53"/>
      <c r="J1062" s="53"/>
      <c r="K1062" s="53"/>
      <c r="L1062" s="53"/>
      <c r="M1062" s="53"/>
      <c r="N1062" s="53"/>
      <c r="O1062" s="53"/>
      <c r="P1062" s="53"/>
      <c r="Q1062" s="53"/>
      <c r="R1062" s="53"/>
      <c r="S1062" s="53"/>
      <c r="T1062" s="53"/>
      <c r="U1062" s="53"/>
      <c r="V1062" s="53"/>
      <c r="W1062" s="53"/>
      <c r="X1062" s="53"/>
      <c r="Y1062" s="53"/>
      <c r="Z1062" s="53"/>
      <c r="AA1062" s="53"/>
      <c r="AB1062" s="53">
        <v>35382.87055</v>
      </c>
      <c r="AC1062" s="53">
        <v>35382.87055</v>
      </c>
      <c r="AD1062" s="53">
        <v>35382.87055</v>
      </c>
      <c r="AE1062" s="53">
        <v>35382.87055</v>
      </c>
      <c r="AF1062" s="53">
        <v>35382.87055</v>
      </c>
      <c r="AG1062" s="53">
        <v>35382.87055</v>
      </c>
      <c r="AH1062" s="53">
        <v>35382.87055</v>
      </c>
      <c r="AI1062" s="53">
        <v>35382.87055</v>
      </c>
      <c r="AJ1062" s="53">
        <v>35382.87055</v>
      </c>
      <c r="AK1062" s="53">
        <v>35382.87055</v>
      </c>
      <c r="AL1062" s="53">
        <v>35382.87055</v>
      </c>
      <c r="AM1062" s="53">
        <v>35382.87055</v>
      </c>
      <c r="AN1062" s="53">
        <v>424594.44660000002</v>
      </c>
      <c r="AO1062" s="53"/>
      <c r="AP1062" s="53"/>
      <c r="AQ1062" s="53"/>
      <c r="AR1062" s="53"/>
      <c r="AS1062" s="53"/>
      <c r="AT1062" s="53"/>
      <c r="AU1062" s="53"/>
      <c r="AV1062" s="53"/>
      <c r="AW1062" s="53"/>
      <c r="AX1062" s="53"/>
      <c r="AY1062" s="53"/>
      <c r="AZ1062" s="53"/>
      <c r="BA1062" s="53"/>
      <c r="BB1062" s="53"/>
      <c r="BC1062" s="53"/>
      <c r="BD1062" s="53"/>
      <c r="BE1062" s="53"/>
      <c r="BF1062" s="53"/>
      <c r="BG1062" s="53"/>
      <c r="BH1062" s="53"/>
      <c r="BI1062" s="53"/>
      <c r="BJ1062" s="53"/>
      <c r="BK1062" s="53"/>
      <c r="BL1062" s="53"/>
      <c r="BM1062" s="53"/>
      <c r="BN1062" s="53"/>
      <c r="BO1062" s="53"/>
      <c r="BP1062" s="53"/>
      <c r="BQ1062" s="53"/>
      <c r="BR1062" s="53"/>
      <c r="BS1062" s="53"/>
      <c r="BT1062" s="53"/>
      <c r="BU1062" s="53"/>
      <c r="BV1062" s="53"/>
      <c r="BW1062" s="53"/>
      <c r="BX1062" s="53"/>
      <c r="BY1062" s="53"/>
      <c r="BZ1062" s="53"/>
      <c r="CA1062" s="53"/>
      <c r="CB1062" s="53"/>
      <c r="CC1062" s="53"/>
      <c r="CD1062" s="53"/>
      <c r="CE1062" s="53"/>
      <c r="CF1062" s="53"/>
      <c r="CG1062" s="53"/>
      <c r="CH1062" s="53"/>
      <c r="CI1062" s="53"/>
      <c r="CJ1062" s="53"/>
      <c r="CK1062" s="53"/>
      <c r="CL1062" s="53"/>
      <c r="CM1062" s="53"/>
      <c r="CN1062" s="53"/>
    </row>
    <row r="1063" spans="1:92" outlineLevel="1">
      <c r="A1063" s="52" t="s">
        <v>1430</v>
      </c>
      <c r="B1063" s="53"/>
      <c r="C1063" s="53"/>
      <c r="D1063" s="53"/>
      <c r="E1063" s="53"/>
      <c r="F1063" s="53"/>
      <c r="G1063" s="53"/>
      <c r="H1063" s="53"/>
      <c r="I1063" s="53"/>
      <c r="J1063" s="53"/>
      <c r="K1063" s="53"/>
      <c r="L1063" s="53"/>
      <c r="M1063" s="53"/>
      <c r="N1063" s="53"/>
      <c r="O1063" s="53"/>
      <c r="P1063" s="53"/>
      <c r="Q1063" s="53"/>
      <c r="R1063" s="53"/>
      <c r="S1063" s="53"/>
      <c r="T1063" s="53"/>
      <c r="U1063" s="53"/>
      <c r="V1063" s="53"/>
      <c r="W1063" s="53"/>
      <c r="X1063" s="53"/>
      <c r="Y1063" s="53"/>
      <c r="Z1063" s="53"/>
      <c r="AA1063" s="53"/>
      <c r="AB1063" s="53"/>
      <c r="AC1063" s="53"/>
      <c r="AD1063" s="53"/>
      <c r="AE1063" s="53"/>
      <c r="AF1063" s="53"/>
      <c r="AG1063" s="53"/>
      <c r="AH1063" s="53"/>
      <c r="AI1063" s="53"/>
      <c r="AJ1063" s="53"/>
      <c r="AK1063" s="53"/>
      <c r="AL1063" s="53"/>
      <c r="AM1063" s="53"/>
      <c r="AN1063" s="53"/>
      <c r="AO1063" s="53"/>
      <c r="AP1063" s="53"/>
      <c r="AQ1063" s="53"/>
      <c r="AR1063" s="53"/>
      <c r="AS1063" s="53"/>
      <c r="AT1063" s="53"/>
      <c r="AU1063" s="53"/>
      <c r="AV1063" s="53"/>
      <c r="AW1063" s="53"/>
      <c r="AX1063" s="53"/>
      <c r="AY1063" s="53"/>
      <c r="AZ1063" s="53"/>
      <c r="BA1063" s="53"/>
      <c r="BB1063" s="53"/>
      <c r="BC1063" s="53"/>
      <c r="BD1063" s="53"/>
      <c r="BE1063" s="53"/>
      <c r="BF1063" s="53"/>
      <c r="BG1063" s="53"/>
      <c r="BH1063" s="53"/>
      <c r="BI1063" s="53"/>
      <c r="BJ1063" s="53"/>
      <c r="BK1063" s="53"/>
      <c r="BL1063" s="53"/>
      <c r="BM1063" s="53"/>
      <c r="BN1063" s="53"/>
      <c r="BO1063" s="53"/>
      <c r="BP1063" s="53"/>
      <c r="BQ1063" s="53"/>
      <c r="BR1063" s="53"/>
      <c r="BS1063" s="53"/>
      <c r="BT1063" s="53"/>
      <c r="BU1063" s="53"/>
      <c r="BV1063" s="53"/>
      <c r="BW1063" s="53"/>
      <c r="BX1063" s="53"/>
      <c r="BY1063" s="53"/>
      <c r="BZ1063" s="53"/>
      <c r="CA1063" s="53"/>
      <c r="CB1063" s="53">
        <v>-317982.89999999898</v>
      </c>
      <c r="CC1063" s="53">
        <v>-317982.89999999898</v>
      </c>
      <c r="CD1063" s="53">
        <v>-317982.89999999898</v>
      </c>
      <c r="CE1063" s="53">
        <v>-317982.89999999898</v>
      </c>
      <c r="CF1063" s="53">
        <v>-317982.89999999898</v>
      </c>
      <c r="CG1063" s="53">
        <v>-317982.89999999898</v>
      </c>
      <c r="CH1063" s="53">
        <v>-317982.89999999898</v>
      </c>
      <c r="CI1063" s="53">
        <v>-317982.89999999898</v>
      </c>
      <c r="CJ1063" s="53">
        <v>-317982.89999999898</v>
      </c>
      <c r="CK1063" s="53">
        <v>-317982.89999999898</v>
      </c>
      <c r="CL1063" s="53">
        <v>-317982.89999999898</v>
      </c>
      <c r="CM1063" s="53">
        <v>-317982.89999999898</v>
      </c>
      <c r="CN1063" s="53">
        <v>-3815794.8</v>
      </c>
    </row>
    <row r="1064" spans="1:92" outlineLevel="1">
      <c r="A1064" s="52" t="s">
        <v>649</v>
      </c>
      <c r="B1064" s="53">
        <v>1293389.1000000001</v>
      </c>
      <c r="C1064" s="53">
        <v>1293389.1000000001</v>
      </c>
      <c r="D1064" s="53">
        <v>1293389.1000000001</v>
      </c>
      <c r="E1064" s="53">
        <v>1293389.1000000001</v>
      </c>
      <c r="F1064" s="53">
        <v>1293389.1000000001</v>
      </c>
      <c r="G1064" s="53">
        <v>1293389.1000000001</v>
      </c>
      <c r="H1064" s="53">
        <v>1293389.1000000001</v>
      </c>
      <c r="I1064" s="53">
        <v>1293389.1000000001</v>
      </c>
      <c r="J1064" s="53">
        <v>1293389.1000000001</v>
      </c>
      <c r="K1064" s="53">
        <v>1293389.1000000001</v>
      </c>
      <c r="L1064" s="53">
        <v>1293389.1000000001</v>
      </c>
      <c r="M1064" s="53">
        <v>1293389.1000000001</v>
      </c>
      <c r="N1064" s="53">
        <v>15520669.199999999</v>
      </c>
      <c r="O1064" s="53">
        <v>1356596.1</v>
      </c>
      <c r="P1064" s="53">
        <v>1356596.1</v>
      </c>
      <c r="Q1064" s="53">
        <v>1356596.1</v>
      </c>
      <c r="R1064" s="53">
        <v>1356596.1</v>
      </c>
      <c r="S1064" s="53">
        <v>1356596.1</v>
      </c>
      <c r="T1064" s="53">
        <v>1356596.1</v>
      </c>
      <c r="U1064" s="53">
        <v>1356596.1</v>
      </c>
      <c r="V1064" s="53">
        <v>1356596.1</v>
      </c>
      <c r="W1064" s="53">
        <v>1356596.1</v>
      </c>
      <c r="X1064" s="53">
        <v>1356596.1</v>
      </c>
      <c r="Y1064" s="53">
        <v>1356596.1</v>
      </c>
      <c r="Z1064" s="53">
        <v>1356596.1</v>
      </c>
      <c r="AA1064" s="53">
        <v>16279153.199999999</v>
      </c>
      <c r="AB1064" s="53">
        <v>1356596.1</v>
      </c>
      <c r="AC1064" s="53">
        <v>1356596.1</v>
      </c>
      <c r="AD1064" s="53">
        <v>1356596.1</v>
      </c>
      <c r="AE1064" s="53">
        <v>1356596.1</v>
      </c>
      <c r="AF1064" s="53">
        <v>1356596.1</v>
      </c>
      <c r="AG1064" s="53">
        <v>1356596.1</v>
      </c>
      <c r="AH1064" s="53">
        <v>1356596.1</v>
      </c>
      <c r="AI1064" s="53">
        <v>1356596.1</v>
      </c>
      <c r="AJ1064" s="53">
        <v>1356596.1</v>
      </c>
      <c r="AK1064" s="53">
        <v>1356596.1</v>
      </c>
      <c r="AL1064" s="53">
        <v>1356596.1</v>
      </c>
      <c r="AM1064" s="53">
        <v>1356596.1</v>
      </c>
      <c r="AN1064" s="53">
        <v>16279153.199999999</v>
      </c>
      <c r="AO1064" s="53"/>
      <c r="AP1064" s="53"/>
      <c r="AQ1064" s="53"/>
      <c r="AR1064" s="53"/>
      <c r="AS1064" s="53"/>
      <c r="AT1064" s="53"/>
      <c r="AU1064" s="53"/>
      <c r="AV1064" s="53"/>
      <c r="AW1064" s="53"/>
      <c r="AX1064" s="53"/>
      <c r="AY1064" s="53"/>
      <c r="AZ1064" s="53"/>
      <c r="BA1064" s="53"/>
      <c r="BB1064" s="53"/>
      <c r="BC1064" s="53"/>
      <c r="BD1064" s="53"/>
      <c r="BE1064" s="53"/>
      <c r="BF1064" s="53"/>
      <c r="BG1064" s="53"/>
      <c r="BH1064" s="53"/>
      <c r="BI1064" s="53"/>
      <c r="BJ1064" s="53"/>
      <c r="BK1064" s="53"/>
      <c r="BL1064" s="53"/>
      <c r="BM1064" s="53"/>
      <c r="BN1064" s="53"/>
      <c r="BO1064" s="53"/>
      <c r="BP1064" s="53"/>
      <c r="BQ1064" s="53"/>
      <c r="BR1064" s="53"/>
      <c r="BS1064" s="53"/>
      <c r="BT1064" s="53"/>
      <c r="BU1064" s="53"/>
      <c r="BV1064" s="53"/>
      <c r="BW1064" s="53"/>
      <c r="BX1064" s="53"/>
      <c r="BY1064" s="53"/>
      <c r="BZ1064" s="53"/>
      <c r="CA1064" s="53"/>
      <c r="CB1064" s="53"/>
      <c r="CC1064" s="53"/>
      <c r="CD1064" s="53"/>
      <c r="CE1064" s="53"/>
      <c r="CF1064" s="53"/>
      <c r="CG1064" s="53"/>
      <c r="CH1064" s="53"/>
      <c r="CI1064" s="53"/>
      <c r="CJ1064" s="53"/>
      <c r="CK1064" s="53"/>
      <c r="CL1064" s="53"/>
      <c r="CM1064" s="53"/>
      <c r="CN1064" s="53"/>
    </row>
    <row r="1065" spans="1:92" outlineLevel="1">
      <c r="A1065" s="52" t="s">
        <v>1431</v>
      </c>
      <c r="B1065" s="53"/>
      <c r="C1065" s="53"/>
      <c r="D1065" s="53"/>
      <c r="E1065" s="53"/>
      <c r="F1065" s="53"/>
      <c r="G1065" s="53"/>
      <c r="H1065" s="53"/>
      <c r="I1065" s="53"/>
      <c r="J1065" s="53"/>
      <c r="K1065" s="53"/>
      <c r="L1065" s="53"/>
      <c r="M1065" s="53"/>
      <c r="N1065" s="53"/>
      <c r="O1065" s="53"/>
      <c r="P1065" s="53"/>
      <c r="Q1065" s="53"/>
      <c r="R1065" s="53"/>
      <c r="S1065" s="53"/>
      <c r="T1065" s="53"/>
      <c r="U1065" s="53"/>
      <c r="V1065" s="53"/>
      <c r="W1065" s="53"/>
      <c r="X1065" s="53"/>
      <c r="Y1065" s="53"/>
      <c r="Z1065" s="53"/>
      <c r="AA1065" s="53"/>
      <c r="AB1065" s="53"/>
      <c r="AC1065" s="53"/>
      <c r="AD1065" s="53"/>
      <c r="AE1065" s="53"/>
      <c r="AF1065" s="53"/>
      <c r="AG1065" s="53"/>
      <c r="AH1065" s="53"/>
      <c r="AI1065" s="53"/>
      <c r="AJ1065" s="53"/>
      <c r="AK1065" s="53"/>
      <c r="AL1065" s="53"/>
      <c r="AM1065" s="53"/>
      <c r="AN1065" s="53"/>
      <c r="AO1065" s="53"/>
      <c r="AP1065" s="53"/>
      <c r="AQ1065" s="53"/>
      <c r="AR1065" s="53"/>
      <c r="AS1065" s="53"/>
      <c r="AT1065" s="53"/>
      <c r="AU1065" s="53"/>
      <c r="AV1065" s="53"/>
      <c r="AW1065" s="53"/>
      <c r="AX1065" s="53"/>
      <c r="AY1065" s="53"/>
      <c r="AZ1065" s="53"/>
      <c r="BA1065" s="53"/>
      <c r="BB1065" s="53"/>
      <c r="BC1065" s="53"/>
      <c r="BD1065" s="53"/>
      <c r="BE1065" s="53"/>
      <c r="BF1065" s="53"/>
      <c r="BG1065" s="53"/>
      <c r="BH1065" s="53"/>
      <c r="BI1065" s="53"/>
      <c r="BJ1065" s="53"/>
      <c r="BK1065" s="53"/>
      <c r="BL1065" s="53"/>
      <c r="BM1065" s="53"/>
      <c r="BN1065" s="53"/>
      <c r="BO1065" s="53"/>
      <c r="BP1065" s="53"/>
      <c r="BQ1065" s="53"/>
      <c r="BR1065" s="53"/>
      <c r="BS1065" s="53"/>
      <c r="BT1065" s="53"/>
      <c r="BU1065" s="53"/>
      <c r="BV1065" s="53"/>
      <c r="BW1065" s="53"/>
      <c r="BX1065" s="53"/>
      <c r="BY1065" s="53"/>
      <c r="BZ1065" s="53"/>
      <c r="CA1065" s="53"/>
      <c r="CB1065" s="53"/>
      <c r="CC1065" s="53"/>
      <c r="CD1065" s="53"/>
      <c r="CE1065" s="53"/>
      <c r="CF1065" s="53"/>
      <c r="CG1065" s="53"/>
      <c r="CH1065" s="53"/>
      <c r="CI1065" s="53"/>
      <c r="CJ1065" s="53"/>
      <c r="CK1065" s="53"/>
      <c r="CL1065" s="53"/>
      <c r="CM1065" s="53"/>
      <c r="CN1065" s="53"/>
    </row>
    <row r="1066" spans="1:92" outlineLevel="1">
      <c r="A1066" s="52" t="s">
        <v>649</v>
      </c>
      <c r="B1066" s="53">
        <v>29000000</v>
      </c>
      <c r="C1066" s="53"/>
      <c r="D1066" s="53"/>
      <c r="E1066" s="53"/>
      <c r="F1066" s="53"/>
      <c r="G1066" s="53"/>
      <c r="H1066" s="53"/>
      <c r="I1066" s="53"/>
      <c r="J1066" s="53"/>
      <c r="K1066" s="53"/>
      <c r="L1066" s="53"/>
      <c r="M1066" s="53"/>
      <c r="N1066" s="53">
        <v>29000000</v>
      </c>
      <c r="O1066" s="53"/>
      <c r="P1066" s="53"/>
      <c r="Q1066" s="53"/>
      <c r="R1066" s="53"/>
      <c r="S1066" s="53"/>
      <c r="T1066" s="53"/>
      <c r="U1066" s="53"/>
      <c r="V1066" s="53"/>
      <c r="W1066" s="53"/>
      <c r="X1066" s="53"/>
      <c r="Y1066" s="53"/>
      <c r="Z1066" s="53"/>
      <c r="AA1066" s="53"/>
      <c r="AB1066" s="53"/>
      <c r="AC1066" s="53"/>
      <c r="AD1066" s="53"/>
      <c r="AE1066" s="53"/>
      <c r="AF1066" s="53"/>
      <c r="AG1066" s="53"/>
      <c r="AH1066" s="53"/>
      <c r="AI1066" s="53"/>
      <c r="AJ1066" s="53"/>
      <c r="AK1066" s="53"/>
      <c r="AL1066" s="53"/>
      <c r="AM1066" s="53"/>
      <c r="AN1066" s="53"/>
      <c r="AO1066" s="53"/>
      <c r="AP1066" s="53"/>
      <c r="AQ1066" s="53"/>
      <c r="AR1066" s="53"/>
      <c r="AS1066" s="53"/>
      <c r="AT1066" s="53"/>
      <c r="AU1066" s="53"/>
      <c r="AV1066" s="53"/>
      <c r="AW1066" s="53"/>
      <c r="AX1066" s="53"/>
      <c r="AY1066" s="53"/>
      <c r="AZ1066" s="53"/>
      <c r="BA1066" s="53"/>
      <c r="BB1066" s="53"/>
      <c r="BC1066" s="53"/>
      <c r="BD1066" s="53"/>
      <c r="BE1066" s="53"/>
      <c r="BF1066" s="53"/>
      <c r="BG1066" s="53"/>
      <c r="BH1066" s="53"/>
      <c r="BI1066" s="53"/>
      <c r="BJ1066" s="53"/>
      <c r="BK1066" s="53"/>
      <c r="BL1066" s="53"/>
      <c r="BM1066" s="53"/>
      <c r="BN1066" s="53"/>
      <c r="BO1066" s="53"/>
      <c r="BP1066" s="53"/>
      <c r="BQ1066" s="53"/>
      <c r="BR1066" s="53"/>
      <c r="BS1066" s="53"/>
      <c r="BT1066" s="53"/>
      <c r="BU1066" s="53"/>
      <c r="BV1066" s="53"/>
      <c r="BW1066" s="53"/>
      <c r="BX1066" s="53"/>
      <c r="BY1066" s="53"/>
      <c r="BZ1066" s="53"/>
      <c r="CA1066" s="53"/>
      <c r="CB1066" s="53"/>
      <c r="CC1066" s="53"/>
      <c r="CD1066" s="53"/>
      <c r="CE1066" s="53"/>
      <c r="CF1066" s="53"/>
      <c r="CG1066" s="53"/>
      <c r="CH1066" s="53"/>
      <c r="CI1066" s="53"/>
      <c r="CJ1066" s="53"/>
      <c r="CK1066" s="53"/>
      <c r="CL1066" s="53"/>
      <c r="CM1066" s="53"/>
      <c r="CN1066" s="53"/>
    </row>
    <row r="1067" spans="1:92" outlineLevel="1">
      <c r="A1067" s="52" t="s">
        <v>1432</v>
      </c>
      <c r="B1067" s="53"/>
      <c r="C1067" s="53"/>
      <c r="D1067" s="53"/>
      <c r="E1067" s="53"/>
      <c r="F1067" s="53"/>
      <c r="G1067" s="53"/>
      <c r="H1067" s="53"/>
      <c r="I1067" s="53"/>
      <c r="J1067" s="53"/>
      <c r="K1067" s="53"/>
      <c r="L1067" s="53"/>
      <c r="M1067" s="53"/>
      <c r="N1067" s="53"/>
      <c r="O1067" s="53"/>
      <c r="P1067" s="53"/>
      <c r="Q1067" s="53"/>
      <c r="R1067" s="53"/>
      <c r="S1067" s="53"/>
      <c r="T1067" s="53"/>
      <c r="U1067" s="53"/>
      <c r="V1067" s="53"/>
      <c r="W1067" s="53"/>
      <c r="X1067" s="53"/>
      <c r="Y1067" s="53"/>
      <c r="Z1067" s="53"/>
      <c r="AA1067" s="53"/>
      <c r="AB1067" s="53"/>
      <c r="AC1067" s="53"/>
      <c r="AD1067" s="53"/>
      <c r="AE1067" s="53"/>
      <c r="AF1067" s="53"/>
      <c r="AG1067" s="53"/>
      <c r="AH1067" s="53"/>
      <c r="AI1067" s="53"/>
      <c r="AJ1067" s="53"/>
      <c r="AK1067" s="53"/>
      <c r="AL1067" s="53"/>
      <c r="AM1067" s="53"/>
      <c r="AN1067" s="53"/>
      <c r="AO1067" s="53"/>
      <c r="AP1067" s="53"/>
      <c r="AQ1067" s="53"/>
      <c r="AR1067" s="53"/>
      <c r="AS1067" s="53"/>
      <c r="AT1067" s="53"/>
      <c r="AU1067" s="53"/>
      <c r="AV1067" s="53"/>
      <c r="AW1067" s="53"/>
      <c r="AX1067" s="53"/>
      <c r="AY1067" s="53"/>
      <c r="AZ1067" s="53"/>
      <c r="BA1067" s="53"/>
      <c r="BB1067" s="53"/>
      <c r="BC1067" s="53"/>
      <c r="BD1067" s="53"/>
      <c r="BE1067" s="53"/>
      <c r="BF1067" s="53"/>
      <c r="BG1067" s="53"/>
      <c r="BH1067" s="53"/>
      <c r="BI1067" s="53"/>
      <c r="BJ1067" s="53"/>
      <c r="BK1067" s="53"/>
      <c r="BL1067" s="53"/>
      <c r="BM1067" s="53"/>
      <c r="BN1067" s="53"/>
      <c r="BO1067" s="53"/>
      <c r="BP1067" s="53"/>
      <c r="BQ1067" s="53"/>
      <c r="BR1067" s="53"/>
      <c r="BS1067" s="53"/>
      <c r="BT1067" s="53"/>
      <c r="BU1067" s="53"/>
      <c r="BV1067" s="53"/>
      <c r="BW1067" s="53"/>
      <c r="BX1067" s="53"/>
      <c r="BY1067" s="53"/>
      <c r="BZ1067" s="53"/>
      <c r="CA1067" s="53"/>
      <c r="CB1067" s="53">
        <v>-89506</v>
      </c>
      <c r="CC1067" s="53">
        <v>-89506</v>
      </c>
      <c r="CD1067" s="53">
        <v>-89506</v>
      </c>
      <c r="CE1067" s="53">
        <v>-89506</v>
      </c>
      <c r="CF1067" s="53">
        <v>-89506</v>
      </c>
      <c r="CG1067" s="53">
        <v>-89506</v>
      </c>
      <c r="CH1067" s="53">
        <v>-89506</v>
      </c>
      <c r="CI1067" s="53">
        <v>-89506</v>
      </c>
      <c r="CJ1067" s="53">
        <v>-89506</v>
      </c>
      <c r="CK1067" s="53">
        <v>-89506</v>
      </c>
      <c r="CL1067" s="53">
        <v>-89506</v>
      </c>
      <c r="CM1067" s="53">
        <v>-89506</v>
      </c>
      <c r="CN1067" s="53">
        <v>-1074072</v>
      </c>
    </row>
    <row r="1068" spans="1:92" outlineLevel="1">
      <c r="A1068" s="52" t="s">
        <v>649</v>
      </c>
      <c r="B1068" s="53"/>
      <c r="C1068" s="53"/>
      <c r="D1068" s="53"/>
      <c r="E1068" s="53"/>
      <c r="F1068" s="53"/>
      <c r="G1068" s="53"/>
      <c r="H1068" s="53"/>
      <c r="I1068" s="53"/>
      <c r="J1068" s="53"/>
      <c r="K1068" s="53"/>
      <c r="L1068" s="53"/>
      <c r="M1068" s="53"/>
      <c r="N1068" s="53"/>
      <c r="O1068" s="53">
        <v>216833.99999999901</v>
      </c>
      <c r="P1068" s="53">
        <v>216833.99999999901</v>
      </c>
      <c r="Q1068" s="53">
        <v>216833.99999999901</v>
      </c>
      <c r="R1068" s="53">
        <v>216833.99999999901</v>
      </c>
      <c r="S1068" s="53">
        <v>216833.99999999901</v>
      </c>
      <c r="T1068" s="53">
        <v>216833.99999999901</v>
      </c>
      <c r="U1068" s="53">
        <v>216833.99999999901</v>
      </c>
      <c r="V1068" s="53">
        <v>216833.99999999901</v>
      </c>
      <c r="W1068" s="53">
        <v>216833.99999999901</v>
      </c>
      <c r="X1068" s="53">
        <v>216833.99999999901</v>
      </c>
      <c r="Y1068" s="53">
        <v>216833.99999999901</v>
      </c>
      <c r="Z1068" s="53">
        <v>216833.99999999901</v>
      </c>
      <c r="AA1068" s="53">
        <v>2602008</v>
      </c>
      <c r="AB1068" s="53">
        <v>216833.99999999901</v>
      </c>
      <c r="AC1068" s="53">
        <v>216833.99999999901</v>
      </c>
      <c r="AD1068" s="53">
        <v>216833.99999999901</v>
      </c>
      <c r="AE1068" s="53">
        <v>216833.99999999901</v>
      </c>
      <c r="AF1068" s="53">
        <v>216833.99999999901</v>
      </c>
      <c r="AG1068" s="53">
        <v>216833.99999999901</v>
      </c>
      <c r="AH1068" s="53">
        <v>216833.99999999901</v>
      </c>
      <c r="AI1068" s="53">
        <v>216833.99999999901</v>
      </c>
      <c r="AJ1068" s="53">
        <v>216833.99999999901</v>
      </c>
      <c r="AK1068" s="53">
        <v>216833.99999999901</v>
      </c>
      <c r="AL1068" s="53">
        <v>216833.99999999901</v>
      </c>
      <c r="AM1068" s="53">
        <v>216833.99999999901</v>
      </c>
      <c r="AN1068" s="53">
        <v>2602007.99999998</v>
      </c>
      <c r="AO1068" s="53">
        <v>216833.99999999901</v>
      </c>
      <c r="AP1068" s="53">
        <v>216833.99999999901</v>
      </c>
      <c r="AQ1068" s="53">
        <v>216833.99999999901</v>
      </c>
      <c r="AR1068" s="53">
        <v>216833.99999999901</v>
      </c>
      <c r="AS1068" s="53">
        <v>216833.99999999901</v>
      </c>
      <c r="AT1068" s="53">
        <v>216833.99999999901</v>
      </c>
      <c r="AU1068" s="53">
        <v>216833.99999999901</v>
      </c>
      <c r="AV1068" s="53">
        <v>216833.99999999901</v>
      </c>
      <c r="AW1068" s="53">
        <v>216833.99999999901</v>
      </c>
      <c r="AX1068" s="53">
        <v>216833.99999999901</v>
      </c>
      <c r="AY1068" s="53">
        <v>216833.99999999901</v>
      </c>
      <c r="AZ1068" s="53">
        <v>216833.99999999901</v>
      </c>
      <c r="BA1068" s="53">
        <v>2602007.99999998</v>
      </c>
      <c r="BB1068" s="53">
        <v>216833.99999999901</v>
      </c>
      <c r="BC1068" s="53">
        <v>216833.99999999901</v>
      </c>
      <c r="BD1068" s="53">
        <v>216833.99999999901</v>
      </c>
      <c r="BE1068" s="53">
        <v>216833.99999999901</v>
      </c>
      <c r="BF1068" s="53">
        <v>216833.99999999901</v>
      </c>
      <c r="BG1068" s="53">
        <v>216833.99999999901</v>
      </c>
      <c r="BH1068" s="53">
        <v>216833.99999999901</v>
      </c>
      <c r="BI1068" s="53">
        <v>216833.99999999901</v>
      </c>
      <c r="BJ1068" s="53">
        <v>216833.99999999901</v>
      </c>
      <c r="BK1068" s="53">
        <v>216833.99999999901</v>
      </c>
      <c r="BL1068" s="53">
        <v>216833.99999999901</v>
      </c>
      <c r="BM1068" s="53">
        <v>216833.99999999901</v>
      </c>
      <c r="BN1068" s="53">
        <v>2602007.99999998</v>
      </c>
      <c r="BO1068" s="53">
        <v>216833.99999999901</v>
      </c>
      <c r="BP1068" s="53">
        <v>216833.99999999901</v>
      </c>
      <c r="BQ1068" s="53">
        <v>216833.99999999901</v>
      </c>
      <c r="BR1068" s="53">
        <v>216833.99999999901</v>
      </c>
      <c r="BS1068" s="53">
        <v>216833.99999999901</v>
      </c>
      <c r="BT1068" s="53">
        <v>216833.99999999901</v>
      </c>
      <c r="BU1068" s="53">
        <v>216833.99999999901</v>
      </c>
      <c r="BV1068" s="53">
        <v>216833.99999999901</v>
      </c>
      <c r="BW1068" s="53">
        <v>216833.99999999901</v>
      </c>
      <c r="BX1068" s="53">
        <v>216833.99999999901</v>
      </c>
      <c r="BY1068" s="53">
        <v>216833.99999999901</v>
      </c>
      <c r="BZ1068" s="53">
        <v>216833.99999999901</v>
      </c>
      <c r="CA1068" s="53">
        <v>2602007.99999998</v>
      </c>
      <c r="CB1068" s="53">
        <v>82133044.399709001</v>
      </c>
      <c r="CC1068" s="53">
        <v>81104130.521018103</v>
      </c>
      <c r="CD1068" s="53">
        <v>80075216.6423271</v>
      </c>
      <c r="CE1068" s="53">
        <v>79046302.763636097</v>
      </c>
      <c r="CF1068" s="53">
        <v>78017388.884945095</v>
      </c>
      <c r="CG1068" s="53">
        <v>76988475.006254107</v>
      </c>
      <c r="CH1068" s="53">
        <v>75959561.127563104</v>
      </c>
      <c r="CI1068" s="53">
        <v>74930647.248872101</v>
      </c>
      <c r="CJ1068" s="53">
        <v>73901733.370181099</v>
      </c>
      <c r="CK1068" s="53">
        <v>72872819.491490096</v>
      </c>
      <c r="CL1068" s="53">
        <v>71843905.612799197</v>
      </c>
      <c r="CM1068" s="53">
        <v>70814991.734108195</v>
      </c>
      <c r="CN1068" s="53">
        <v>70814991.734108195</v>
      </c>
    </row>
    <row r="1069" spans="1:92" outlineLevel="1">
      <c r="A1069" s="52" t="s">
        <v>1402</v>
      </c>
      <c r="B1069" s="53"/>
      <c r="C1069" s="53"/>
      <c r="D1069" s="53"/>
      <c r="E1069" s="53"/>
      <c r="F1069" s="53"/>
      <c r="G1069" s="53"/>
      <c r="H1069" s="53"/>
      <c r="I1069" s="53"/>
      <c r="J1069" s="53"/>
      <c r="K1069" s="53"/>
      <c r="L1069" s="53"/>
      <c r="M1069" s="53"/>
      <c r="N1069" s="53"/>
      <c r="O1069" s="53"/>
      <c r="P1069" s="53"/>
      <c r="Q1069" s="53"/>
      <c r="R1069" s="53"/>
      <c r="S1069" s="53"/>
      <c r="T1069" s="53"/>
      <c r="U1069" s="53"/>
      <c r="V1069" s="53"/>
      <c r="W1069" s="53"/>
      <c r="X1069" s="53"/>
      <c r="Y1069" s="53"/>
      <c r="Z1069" s="53"/>
      <c r="AA1069" s="53"/>
      <c r="AB1069" s="53"/>
      <c r="AC1069" s="53"/>
      <c r="AD1069" s="53"/>
      <c r="AE1069" s="53"/>
      <c r="AF1069" s="53"/>
      <c r="AG1069" s="53"/>
      <c r="AH1069" s="53"/>
      <c r="AI1069" s="53"/>
      <c r="AJ1069" s="53"/>
      <c r="AK1069" s="53"/>
      <c r="AL1069" s="53"/>
      <c r="AM1069" s="53"/>
      <c r="AN1069" s="53"/>
      <c r="AO1069" s="53"/>
      <c r="AP1069" s="53"/>
      <c r="AQ1069" s="53"/>
      <c r="AR1069" s="53"/>
      <c r="AS1069" s="53"/>
      <c r="AT1069" s="53"/>
      <c r="AU1069" s="53"/>
      <c r="AV1069" s="53"/>
      <c r="AW1069" s="53"/>
      <c r="AX1069" s="53"/>
      <c r="AY1069" s="53"/>
      <c r="AZ1069" s="53"/>
      <c r="BA1069" s="53"/>
      <c r="BB1069" s="53"/>
      <c r="BC1069" s="53"/>
      <c r="BD1069" s="53"/>
      <c r="BE1069" s="53"/>
      <c r="BF1069" s="53"/>
      <c r="BG1069" s="53"/>
      <c r="BH1069" s="53"/>
      <c r="BI1069" s="53"/>
      <c r="BJ1069" s="53"/>
      <c r="BK1069" s="53"/>
      <c r="BL1069" s="53"/>
      <c r="BM1069" s="53"/>
      <c r="BN1069" s="53"/>
      <c r="BO1069" s="53"/>
      <c r="BP1069" s="53"/>
      <c r="BQ1069" s="53"/>
      <c r="BR1069" s="53"/>
      <c r="BS1069" s="53"/>
      <c r="BT1069" s="53"/>
      <c r="BU1069" s="53"/>
      <c r="BV1069" s="53"/>
      <c r="BW1069" s="53"/>
      <c r="BX1069" s="53"/>
      <c r="BY1069" s="53"/>
      <c r="BZ1069" s="53"/>
      <c r="CA1069" s="53"/>
      <c r="CB1069" s="53">
        <v>0</v>
      </c>
      <c r="CC1069" s="53">
        <v>0</v>
      </c>
      <c r="CD1069" s="53">
        <v>0</v>
      </c>
      <c r="CE1069" s="53">
        <v>0</v>
      </c>
      <c r="CF1069" s="53">
        <v>0</v>
      </c>
      <c r="CG1069" s="53">
        <v>0</v>
      </c>
      <c r="CH1069" s="53">
        <v>0</v>
      </c>
      <c r="CI1069" s="53">
        <v>0</v>
      </c>
      <c r="CJ1069" s="53">
        <v>0</v>
      </c>
      <c r="CK1069" s="53">
        <v>0</v>
      </c>
      <c r="CL1069" s="53">
        <v>0</v>
      </c>
      <c r="CM1069" s="53">
        <v>0</v>
      </c>
      <c r="CN1069" s="53">
        <v>0</v>
      </c>
    </row>
    <row r="1070" spans="1:92" outlineLevel="1">
      <c r="A1070" s="52" t="s">
        <v>649</v>
      </c>
      <c r="B1070" s="53"/>
      <c r="C1070" s="53"/>
      <c r="D1070" s="53"/>
      <c r="E1070" s="53"/>
      <c r="F1070" s="53"/>
      <c r="G1070" s="53"/>
      <c r="H1070" s="53"/>
      <c r="I1070" s="53"/>
      <c r="J1070" s="53"/>
      <c r="K1070" s="53"/>
      <c r="L1070" s="53"/>
      <c r="M1070" s="53">
        <v>-12916000</v>
      </c>
      <c r="N1070" s="53">
        <v>-12916000</v>
      </c>
      <c r="O1070" s="53"/>
      <c r="P1070" s="53"/>
      <c r="Q1070" s="53"/>
      <c r="R1070" s="53"/>
      <c r="S1070" s="53"/>
      <c r="T1070" s="53"/>
      <c r="U1070" s="53"/>
      <c r="V1070" s="53"/>
      <c r="W1070" s="53"/>
      <c r="X1070" s="53"/>
      <c r="Y1070" s="53"/>
      <c r="Z1070" s="53"/>
      <c r="AA1070" s="53"/>
      <c r="AB1070" s="53"/>
      <c r="AC1070" s="53"/>
      <c r="AD1070" s="53"/>
      <c r="AE1070" s="53"/>
      <c r="AF1070" s="53"/>
      <c r="AG1070" s="53"/>
      <c r="AH1070" s="53"/>
      <c r="AI1070" s="53"/>
      <c r="AJ1070" s="53"/>
      <c r="AK1070" s="53"/>
      <c r="AL1070" s="53"/>
      <c r="AM1070" s="53"/>
      <c r="AN1070" s="53"/>
      <c r="AO1070" s="53"/>
      <c r="AP1070" s="53"/>
      <c r="AQ1070" s="53"/>
      <c r="AR1070" s="53"/>
      <c r="AS1070" s="53"/>
      <c r="AT1070" s="53"/>
      <c r="AU1070" s="53"/>
      <c r="AV1070" s="53"/>
      <c r="AW1070" s="53"/>
      <c r="AX1070" s="53"/>
      <c r="AY1070" s="53"/>
      <c r="AZ1070" s="53"/>
      <c r="BA1070" s="53"/>
      <c r="BB1070" s="53"/>
      <c r="BC1070" s="53"/>
      <c r="BD1070" s="53"/>
      <c r="BE1070" s="53"/>
      <c r="BF1070" s="53"/>
      <c r="BG1070" s="53"/>
      <c r="BH1070" s="53"/>
      <c r="BI1070" s="53"/>
      <c r="BJ1070" s="53"/>
      <c r="BK1070" s="53"/>
      <c r="BL1070" s="53"/>
      <c r="BM1070" s="53"/>
      <c r="BN1070" s="53"/>
      <c r="BO1070" s="53"/>
      <c r="BP1070" s="53"/>
      <c r="BQ1070" s="53"/>
      <c r="BR1070" s="53"/>
      <c r="BS1070" s="53"/>
      <c r="BT1070" s="53"/>
      <c r="BU1070" s="53"/>
      <c r="BV1070" s="53"/>
      <c r="BW1070" s="53"/>
      <c r="BX1070" s="53"/>
      <c r="BY1070" s="53"/>
      <c r="BZ1070" s="53"/>
      <c r="CA1070" s="53"/>
      <c r="CB1070" s="53">
        <v>0</v>
      </c>
      <c r="CC1070" s="53">
        <v>0</v>
      </c>
      <c r="CD1070" s="53">
        <v>0</v>
      </c>
      <c r="CE1070" s="53">
        <v>0</v>
      </c>
      <c r="CF1070" s="53">
        <v>0</v>
      </c>
      <c r="CG1070" s="53">
        <v>0</v>
      </c>
      <c r="CH1070" s="53">
        <v>0</v>
      </c>
      <c r="CI1070" s="53">
        <v>0</v>
      </c>
      <c r="CJ1070" s="53">
        <v>0</v>
      </c>
      <c r="CK1070" s="53">
        <v>0</v>
      </c>
      <c r="CL1070" s="53">
        <v>0</v>
      </c>
      <c r="CM1070" s="53">
        <v>0</v>
      </c>
      <c r="CN1070" s="53">
        <v>0</v>
      </c>
    </row>
    <row r="1071" spans="1:92" outlineLevel="1">
      <c r="A1071" s="52" t="s">
        <v>672</v>
      </c>
      <c r="B1071" s="53"/>
      <c r="C1071" s="53"/>
      <c r="D1071" s="53"/>
      <c r="E1071" s="53"/>
      <c r="F1071" s="53"/>
      <c r="G1071" s="53"/>
      <c r="H1071" s="53"/>
      <c r="I1071" s="53"/>
      <c r="J1071" s="53"/>
      <c r="K1071" s="53"/>
      <c r="L1071" s="53"/>
      <c r="M1071" s="53"/>
      <c r="N1071" s="53"/>
      <c r="O1071" s="53"/>
      <c r="P1071" s="53"/>
      <c r="Q1071" s="53"/>
      <c r="R1071" s="53"/>
      <c r="S1071" s="53"/>
      <c r="T1071" s="53"/>
      <c r="U1071" s="53"/>
      <c r="V1071" s="53"/>
      <c r="W1071" s="53"/>
      <c r="X1071" s="53"/>
      <c r="Y1071" s="53"/>
      <c r="Z1071" s="53"/>
      <c r="AA1071" s="53"/>
      <c r="AB1071" s="53"/>
      <c r="AC1071" s="53"/>
      <c r="AD1071" s="53"/>
      <c r="AE1071" s="53"/>
      <c r="AF1071" s="53"/>
      <c r="AG1071" s="53"/>
      <c r="AH1071" s="53"/>
      <c r="AI1071" s="53"/>
      <c r="AJ1071" s="53"/>
      <c r="AK1071" s="53"/>
      <c r="AL1071" s="53"/>
      <c r="AM1071" s="53"/>
      <c r="AN1071" s="53"/>
      <c r="AO1071" s="53"/>
      <c r="AP1071" s="53"/>
      <c r="AQ1071" s="53"/>
      <c r="AR1071" s="53"/>
      <c r="AS1071" s="53"/>
      <c r="AT1071" s="53"/>
      <c r="AU1071" s="53"/>
      <c r="AV1071" s="53"/>
      <c r="AW1071" s="53"/>
      <c r="AX1071" s="53"/>
      <c r="AY1071" s="53"/>
      <c r="AZ1071" s="53"/>
      <c r="BA1071" s="53"/>
      <c r="BB1071" s="53"/>
      <c r="BC1071" s="53"/>
      <c r="BD1071" s="53"/>
      <c r="BE1071" s="53"/>
      <c r="BF1071" s="53"/>
      <c r="BG1071" s="53"/>
      <c r="BH1071" s="53"/>
      <c r="BI1071" s="53"/>
      <c r="BJ1071" s="53"/>
      <c r="BK1071" s="53"/>
      <c r="BL1071" s="53"/>
      <c r="BM1071" s="53"/>
      <c r="BN1071" s="53"/>
      <c r="BO1071" s="53"/>
      <c r="BP1071" s="53"/>
      <c r="BQ1071" s="53"/>
      <c r="BR1071" s="53"/>
      <c r="BS1071" s="53"/>
      <c r="BT1071" s="53"/>
      <c r="BU1071" s="53"/>
      <c r="BV1071" s="53"/>
      <c r="BW1071" s="53"/>
      <c r="BX1071" s="53"/>
      <c r="BY1071" s="53"/>
      <c r="BZ1071" s="53"/>
      <c r="CA1071" s="53"/>
      <c r="CB1071" s="53">
        <v>0</v>
      </c>
      <c r="CC1071" s="53">
        <v>0</v>
      </c>
      <c r="CD1071" s="53">
        <v>0</v>
      </c>
      <c r="CE1071" s="53">
        <v>0</v>
      </c>
      <c r="CF1071" s="53">
        <v>0</v>
      </c>
      <c r="CG1071" s="53">
        <v>0</v>
      </c>
      <c r="CH1071" s="53">
        <v>0</v>
      </c>
      <c r="CI1071" s="53">
        <v>0</v>
      </c>
      <c r="CJ1071" s="53">
        <v>0</v>
      </c>
      <c r="CK1071" s="53">
        <v>0</v>
      </c>
      <c r="CL1071" s="53">
        <v>0</v>
      </c>
      <c r="CM1071" s="53">
        <v>0</v>
      </c>
      <c r="CN1071" s="53">
        <v>0</v>
      </c>
    </row>
    <row r="1072" spans="1:92" outlineLevel="1">
      <c r="A1072" s="52" t="s">
        <v>758</v>
      </c>
      <c r="B1072" s="53"/>
      <c r="C1072" s="53"/>
      <c r="D1072" s="53"/>
      <c r="E1072" s="53"/>
      <c r="F1072" s="53"/>
      <c r="G1072" s="53"/>
      <c r="H1072" s="53"/>
      <c r="I1072" s="53"/>
      <c r="J1072" s="53"/>
      <c r="K1072" s="53"/>
      <c r="L1072" s="53"/>
      <c r="M1072" s="53"/>
      <c r="N1072" s="53"/>
      <c r="O1072" s="53"/>
      <c r="P1072" s="53"/>
      <c r="Q1072" s="53"/>
      <c r="R1072" s="53"/>
      <c r="S1072" s="53"/>
      <c r="T1072" s="53"/>
      <c r="U1072" s="53"/>
      <c r="V1072" s="53"/>
      <c r="W1072" s="53"/>
      <c r="X1072" s="53"/>
      <c r="Y1072" s="53"/>
      <c r="Z1072" s="53"/>
      <c r="AA1072" s="53"/>
      <c r="AB1072" s="53"/>
      <c r="AC1072" s="53"/>
      <c r="AD1072" s="53"/>
      <c r="AE1072" s="53"/>
      <c r="AF1072" s="53"/>
      <c r="AG1072" s="53"/>
      <c r="AH1072" s="53"/>
      <c r="AI1072" s="53"/>
      <c r="AJ1072" s="53"/>
      <c r="AK1072" s="53"/>
      <c r="AL1072" s="53"/>
      <c r="AM1072" s="53"/>
      <c r="AN1072" s="53"/>
      <c r="AO1072" s="53"/>
      <c r="AP1072" s="53"/>
      <c r="AQ1072" s="53"/>
      <c r="AR1072" s="53"/>
      <c r="AS1072" s="53"/>
      <c r="AT1072" s="53"/>
      <c r="AU1072" s="53"/>
      <c r="AV1072" s="53"/>
      <c r="AW1072" s="53"/>
      <c r="AX1072" s="53"/>
      <c r="AY1072" s="53"/>
      <c r="AZ1072" s="53"/>
      <c r="BA1072" s="53"/>
      <c r="BB1072" s="53"/>
      <c r="BC1072" s="53"/>
      <c r="BD1072" s="53"/>
      <c r="BE1072" s="53"/>
      <c r="BF1072" s="53"/>
      <c r="BG1072" s="53"/>
      <c r="BH1072" s="53"/>
      <c r="BI1072" s="53"/>
      <c r="BJ1072" s="53"/>
      <c r="BK1072" s="53"/>
      <c r="BL1072" s="53"/>
      <c r="BM1072" s="53"/>
      <c r="BN1072" s="53"/>
      <c r="BO1072" s="53"/>
      <c r="BP1072" s="53"/>
      <c r="BQ1072" s="53"/>
      <c r="BR1072" s="53"/>
      <c r="BS1072" s="53"/>
      <c r="BT1072" s="53"/>
      <c r="BU1072" s="53"/>
      <c r="BV1072" s="53"/>
      <c r="BW1072" s="53"/>
      <c r="BX1072" s="53"/>
      <c r="BY1072" s="53"/>
      <c r="BZ1072" s="53"/>
      <c r="CA1072" s="53"/>
      <c r="CB1072" s="53">
        <v>359919162.79146802</v>
      </c>
      <c r="CC1072" s="53">
        <v>364834939.28663498</v>
      </c>
      <c r="CD1072" s="53">
        <v>369395061.703704</v>
      </c>
      <c r="CE1072" s="53">
        <v>370068533.21178401</v>
      </c>
      <c r="CF1072" s="53">
        <v>364253982.45260501</v>
      </c>
      <c r="CG1072" s="53">
        <v>356200750.36098301</v>
      </c>
      <c r="CH1072" s="53">
        <v>345173873.33310097</v>
      </c>
      <c r="CI1072" s="53">
        <v>336373714.64863002</v>
      </c>
      <c r="CJ1072" s="53">
        <v>328613332.72652799</v>
      </c>
      <c r="CK1072" s="53">
        <v>320943227.97974002</v>
      </c>
      <c r="CL1072" s="53">
        <v>315702984.029836</v>
      </c>
      <c r="CM1072" s="53">
        <v>316320468.43669498</v>
      </c>
      <c r="CN1072" s="53">
        <v>359919162.79146802</v>
      </c>
    </row>
    <row r="1073" spans="1:92" outlineLevel="1">
      <c r="A1073" s="52" t="s">
        <v>759</v>
      </c>
      <c r="B1073" s="53"/>
      <c r="C1073" s="53"/>
      <c r="D1073" s="53"/>
      <c r="E1073" s="53"/>
      <c r="F1073" s="53"/>
      <c r="G1073" s="53"/>
      <c r="H1073" s="53"/>
      <c r="I1073" s="53"/>
      <c r="J1073" s="53"/>
      <c r="K1073" s="53"/>
      <c r="L1073" s="53"/>
      <c r="M1073" s="53"/>
      <c r="N1073" s="53"/>
      <c r="O1073" s="53"/>
      <c r="P1073" s="53"/>
      <c r="Q1073" s="53"/>
      <c r="R1073" s="53"/>
      <c r="S1073" s="53"/>
      <c r="T1073" s="53"/>
      <c r="U1073" s="53"/>
      <c r="V1073" s="53"/>
      <c r="W1073" s="53"/>
      <c r="X1073" s="53"/>
      <c r="Y1073" s="53"/>
      <c r="Z1073" s="53"/>
      <c r="AA1073" s="53"/>
      <c r="AB1073" s="53"/>
      <c r="AC1073" s="53"/>
      <c r="AD1073" s="53"/>
      <c r="AE1073" s="53"/>
      <c r="AF1073" s="53"/>
      <c r="AG1073" s="53"/>
      <c r="AH1073" s="53"/>
      <c r="AI1073" s="53"/>
      <c r="AJ1073" s="53"/>
      <c r="AK1073" s="53"/>
      <c r="AL1073" s="53"/>
      <c r="AM1073" s="53"/>
      <c r="AN1073" s="53"/>
      <c r="AO1073" s="53"/>
      <c r="AP1073" s="53"/>
      <c r="AQ1073" s="53"/>
      <c r="AR1073" s="53"/>
      <c r="AS1073" s="53"/>
      <c r="AT1073" s="53"/>
      <c r="AU1073" s="53"/>
      <c r="AV1073" s="53"/>
      <c r="AW1073" s="53"/>
      <c r="AX1073" s="53"/>
      <c r="AY1073" s="53"/>
      <c r="AZ1073" s="53"/>
      <c r="BA1073" s="53"/>
      <c r="BB1073" s="53"/>
      <c r="BC1073" s="53"/>
      <c r="BD1073" s="53"/>
      <c r="BE1073" s="53"/>
      <c r="BF1073" s="53"/>
      <c r="BG1073" s="53"/>
      <c r="BH1073" s="53"/>
      <c r="BI1073" s="53"/>
      <c r="BJ1073" s="53"/>
      <c r="BK1073" s="53"/>
      <c r="BL1073" s="53"/>
      <c r="BM1073" s="53"/>
      <c r="BN1073" s="53"/>
      <c r="BO1073" s="53"/>
      <c r="BP1073" s="53"/>
      <c r="BQ1073" s="53"/>
      <c r="BR1073" s="53"/>
      <c r="BS1073" s="53"/>
      <c r="BT1073" s="53"/>
      <c r="BU1073" s="53"/>
      <c r="BV1073" s="53"/>
      <c r="BW1073" s="53"/>
      <c r="BX1073" s="53"/>
      <c r="BY1073" s="53"/>
      <c r="BZ1073" s="53"/>
      <c r="CA1073" s="53"/>
      <c r="CB1073" s="53"/>
      <c r="CC1073" s="53"/>
      <c r="CD1073" s="53"/>
      <c r="CE1073" s="53"/>
      <c r="CF1073" s="53"/>
      <c r="CG1073" s="53"/>
      <c r="CH1073" s="53"/>
      <c r="CI1073" s="53"/>
      <c r="CJ1073" s="53"/>
      <c r="CK1073" s="53"/>
      <c r="CL1073" s="53"/>
      <c r="CM1073" s="53"/>
      <c r="CN1073" s="53"/>
    </row>
    <row r="1074" spans="1:92" outlineLevel="1">
      <c r="A1074" s="52" t="s">
        <v>649</v>
      </c>
      <c r="B1074" s="53">
        <v>-547443.16240302799</v>
      </c>
      <c r="C1074" s="53">
        <v>-547521.15582030395</v>
      </c>
      <c r="D1074" s="53">
        <v>-547600.06559509097</v>
      </c>
      <c r="E1074" s="53">
        <v>-547679.90797247598</v>
      </c>
      <c r="F1074" s="53">
        <v>-547760.69958381797</v>
      </c>
      <c r="G1074" s="53">
        <v>-547842.45745829202</v>
      </c>
      <c r="H1074" s="53">
        <v>-547925.19903486304</v>
      </c>
      <c r="I1074" s="53">
        <v>-548008.94217468204</v>
      </c>
      <c r="J1074" s="53">
        <v>-548093.70517394098</v>
      </c>
      <c r="K1074" s="53">
        <v>-548179.50677719899</v>
      </c>
      <c r="L1074" s="53">
        <v>-548266.36619120499</v>
      </c>
      <c r="M1074" s="53">
        <v>-548354.30309922795</v>
      </c>
      <c r="N1074" s="53">
        <v>-6574675.4712841203</v>
      </c>
      <c r="O1074" s="53">
        <v>-548443.33767592395</v>
      </c>
      <c r="P1074" s="53">
        <v>-548533.49060277699</v>
      </c>
      <c r="Q1074" s="53">
        <v>-548624.78308410302</v>
      </c>
      <c r="R1074" s="53">
        <v>-548717.23686368705</v>
      </c>
      <c r="S1074" s="53">
        <v>-548810.87424204196</v>
      </c>
      <c r="T1074" s="53">
        <v>-548905.718094346</v>
      </c>
      <c r="U1074" s="53">
        <v>-549001.79188906995</v>
      </c>
      <c r="V1074" s="53">
        <v>-549099.11970733898</v>
      </c>
      <c r="W1074" s="53">
        <v>-549197.72626305802</v>
      </c>
      <c r="X1074" s="53">
        <v>-549297.63692382805</v>
      </c>
      <c r="Y1074" s="53">
        <v>-549398.87773270998</v>
      </c>
      <c r="Z1074" s="53">
        <v>-479667</v>
      </c>
      <c r="AA1074" s="53">
        <v>-6517697.5930788796</v>
      </c>
      <c r="AB1074" s="53"/>
      <c r="AC1074" s="53"/>
      <c r="AD1074" s="53"/>
      <c r="AE1074" s="53"/>
      <c r="AF1074" s="53"/>
      <c r="AG1074" s="53"/>
      <c r="AH1074" s="53"/>
      <c r="AI1074" s="53"/>
      <c r="AJ1074" s="53"/>
      <c r="AK1074" s="53"/>
      <c r="AL1074" s="53"/>
      <c r="AM1074" s="53"/>
      <c r="AN1074" s="53"/>
      <c r="AO1074" s="53"/>
      <c r="AP1074" s="53"/>
      <c r="AQ1074" s="53"/>
      <c r="AR1074" s="53"/>
      <c r="AS1074" s="53"/>
      <c r="AT1074" s="53"/>
      <c r="AU1074" s="53"/>
      <c r="AV1074" s="53"/>
      <c r="AW1074" s="53"/>
      <c r="AX1074" s="53"/>
      <c r="AY1074" s="53"/>
      <c r="AZ1074" s="53"/>
      <c r="BA1074" s="53"/>
      <c r="BB1074" s="53"/>
      <c r="BC1074" s="53"/>
      <c r="BD1074" s="53"/>
      <c r="BE1074" s="53"/>
      <c r="BF1074" s="53"/>
      <c r="BG1074" s="53"/>
      <c r="BH1074" s="53"/>
      <c r="BI1074" s="53"/>
      <c r="BJ1074" s="53"/>
      <c r="BK1074" s="53"/>
      <c r="BL1074" s="53"/>
      <c r="BM1074" s="53"/>
      <c r="BN1074" s="53"/>
      <c r="BO1074" s="53"/>
      <c r="BP1074" s="53"/>
      <c r="BQ1074" s="53"/>
      <c r="BR1074" s="53"/>
      <c r="BS1074" s="53"/>
      <c r="BT1074" s="53"/>
      <c r="BU1074" s="53"/>
      <c r="BV1074" s="53"/>
      <c r="BW1074" s="53"/>
      <c r="BX1074" s="53"/>
      <c r="BY1074" s="53"/>
      <c r="BZ1074" s="53"/>
      <c r="CA1074" s="53"/>
      <c r="CB1074" s="53"/>
      <c r="CC1074" s="53"/>
      <c r="CD1074" s="53"/>
      <c r="CE1074" s="53"/>
      <c r="CF1074" s="53"/>
      <c r="CG1074" s="53"/>
      <c r="CH1074" s="53"/>
      <c r="CI1074" s="53"/>
      <c r="CJ1074" s="53"/>
      <c r="CK1074" s="53"/>
      <c r="CL1074" s="53"/>
      <c r="CM1074" s="53"/>
      <c r="CN1074" s="53"/>
    </row>
    <row r="1075" spans="1:92" outlineLevel="1">
      <c r="A1075" s="52" t="s">
        <v>1403</v>
      </c>
      <c r="B1075" s="53"/>
      <c r="C1075" s="53"/>
      <c r="D1075" s="53"/>
      <c r="E1075" s="53"/>
      <c r="F1075" s="53"/>
      <c r="G1075" s="53"/>
      <c r="H1075" s="53"/>
      <c r="I1075" s="53"/>
      <c r="J1075" s="53"/>
      <c r="K1075" s="53"/>
      <c r="L1075" s="53"/>
      <c r="M1075" s="53"/>
      <c r="N1075" s="53"/>
      <c r="O1075" s="53"/>
      <c r="P1075" s="53"/>
      <c r="Q1075" s="53"/>
      <c r="R1075" s="53"/>
      <c r="S1075" s="53"/>
      <c r="T1075" s="53"/>
      <c r="U1075" s="53"/>
      <c r="V1075" s="53"/>
      <c r="W1075" s="53"/>
      <c r="X1075" s="53"/>
      <c r="Y1075" s="53"/>
      <c r="Z1075" s="53"/>
      <c r="AA1075" s="53"/>
      <c r="AB1075" s="53"/>
      <c r="AC1075" s="53"/>
      <c r="AD1075" s="53"/>
      <c r="AE1075" s="53"/>
      <c r="AF1075" s="53"/>
      <c r="AG1075" s="53"/>
      <c r="AH1075" s="53"/>
      <c r="AI1075" s="53"/>
      <c r="AJ1075" s="53"/>
      <c r="AK1075" s="53"/>
      <c r="AL1075" s="53"/>
      <c r="AM1075" s="53"/>
      <c r="AN1075" s="53"/>
      <c r="AO1075" s="53"/>
      <c r="AP1075" s="53"/>
      <c r="AQ1075" s="53"/>
      <c r="AR1075" s="53"/>
      <c r="AS1075" s="53"/>
      <c r="AT1075" s="53"/>
      <c r="AU1075" s="53"/>
      <c r="AV1075" s="53"/>
      <c r="AW1075" s="53"/>
      <c r="AX1075" s="53"/>
      <c r="AY1075" s="53"/>
      <c r="AZ1075" s="53"/>
      <c r="BA1075" s="53"/>
      <c r="BB1075" s="53"/>
      <c r="BC1075" s="53"/>
      <c r="BD1075" s="53"/>
      <c r="BE1075" s="53"/>
      <c r="BF1075" s="53"/>
      <c r="BG1075" s="53"/>
      <c r="BH1075" s="53"/>
      <c r="BI1075" s="53"/>
      <c r="BJ1075" s="53"/>
      <c r="BK1075" s="53"/>
      <c r="BL1075" s="53"/>
      <c r="BM1075" s="53"/>
      <c r="BN1075" s="53"/>
      <c r="BO1075" s="53"/>
      <c r="BP1075" s="53"/>
      <c r="BQ1075" s="53"/>
      <c r="BR1075" s="53"/>
      <c r="BS1075" s="53"/>
      <c r="BT1075" s="53"/>
      <c r="BU1075" s="53"/>
      <c r="BV1075" s="53"/>
      <c r="BW1075" s="53"/>
      <c r="BX1075" s="53"/>
      <c r="BY1075" s="53"/>
      <c r="BZ1075" s="53"/>
      <c r="CA1075" s="53"/>
      <c r="CB1075" s="53"/>
      <c r="CC1075" s="53"/>
      <c r="CD1075" s="53"/>
      <c r="CE1075" s="53"/>
      <c r="CF1075" s="53"/>
      <c r="CG1075" s="53"/>
      <c r="CH1075" s="53"/>
      <c r="CI1075" s="53"/>
      <c r="CJ1075" s="53"/>
      <c r="CK1075" s="53"/>
      <c r="CL1075" s="53"/>
      <c r="CM1075" s="53"/>
      <c r="CN1075" s="53"/>
    </row>
    <row r="1076" spans="1:92" outlineLevel="1">
      <c r="A1076" s="52" t="s">
        <v>649</v>
      </c>
      <c r="B1076" s="53">
        <v>463732.38999999902</v>
      </c>
      <c r="C1076" s="53">
        <v>463732.38999999902</v>
      </c>
      <c r="D1076" s="53">
        <v>463732.38999999902</v>
      </c>
      <c r="E1076" s="53">
        <v>463732.38999999902</v>
      </c>
      <c r="F1076" s="53">
        <v>463732.38999999902</v>
      </c>
      <c r="G1076" s="53">
        <v>463732.38999999902</v>
      </c>
      <c r="H1076" s="53">
        <v>463732.38999999902</v>
      </c>
      <c r="I1076" s="53">
        <v>463732.38999999902</v>
      </c>
      <c r="J1076" s="53">
        <v>463732.38999999902</v>
      </c>
      <c r="K1076" s="53">
        <v>463732.38999999902</v>
      </c>
      <c r="L1076" s="53">
        <v>463732.38999999902</v>
      </c>
      <c r="M1076" s="53">
        <v>463732.38999999902</v>
      </c>
      <c r="N1076" s="53">
        <v>5564788.6799999997</v>
      </c>
      <c r="O1076" s="53">
        <v>770478.27166666603</v>
      </c>
      <c r="P1076" s="53">
        <v>770478.27166666603</v>
      </c>
      <c r="Q1076" s="53">
        <v>770478.27166666603</v>
      </c>
      <c r="R1076" s="53">
        <v>770478.27166666603</v>
      </c>
      <c r="S1076" s="53">
        <v>770478.27166666603</v>
      </c>
      <c r="T1076" s="53">
        <v>770478.27166666603</v>
      </c>
      <c r="U1076" s="53">
        <v>770478.27166666603</v>
      </c>
      <c r="V1076" s="53">
        <v>770478.27166666603</v>
      </c>
      <c r="W1076" s="53">
        <v>770478.27166666603</v>
      </c>
      <c r="X1076" s="53">
        <v>770478.27166666603</v>
      </c>
      <c r="Y1076" s="53">
        <v>770478.27166666603</v>
      </c>
      <c r="Z1076" s="53">
        <v>770478.27166666603</v>
      </c>
      <c r="AA1076" s="53">
        <v>9245739.2599999998</v>
      </c>
      <c r="AB1076" s="53">
        <v>6.8306841664404301E-9</v>
      </c>
      <c r="AC1076" s="53">
        <v>6.8306841664404301E-9</v>
      </c>
      <c r="AD1076" s="53">
        <v>6.8306841664404301E-9</v>
      </c>
      <c r="AE1076" s="53">
        <v>6.8306841664404301E-9</v>
      </c>
      <c r="AF1076" s="53">
        <v>6.8306841664404301E-9</v>
      </c>
      <c r="AG1076" s="53">
        <v>6.8306841664404301E-9</v>
      </c>
      <c r="AH1076" s="53">
        <v>6.8306841664404301E-9</v>
      </c>
      <c r="AI1076" s="53">
        <v>6.8306841664404301E-9</v>
      </c>
      <c r="AJ1076" s="53">
        <v>6.8306841664404301E-9</v>
      </c>
      <c r="AK1076" s="53">
        <v>6.8306841664404301E-9</v>
      </c>
      <c r="AL1076" s="53">
        <v>6.8306841664404301E-9</v>
      </c>
      <c r="AM1076" s="53">
        <v>6.8306841664404301E-9</v>
      </c>
      <c r="AN1076" s="53">
        <v>8.1968209997285105E-8</v>
      </c>
      <c r="AO1076" s="53">
        <v>4.9635357552486098E-9</v>
      </c>
      <c r="AP1076" s="53">
        <v>4.9635357552486098E-9</v>
      </c>
      <c r="AQ1076" s="53">
        <v>4.9635357552486098E-9</v>
      </c>
      <c r="AR1076" s="53">
        <v>4.9635357552486098E-9</v>
      </c>
      <c r="AS1076" s="53">
        <v>4.9635357552486098E-9</v>
      </c>
      <c r="AT1076" s="53">
        <v>4.9635357552486098E-9</v>
      </c>
      <c r="AU1076" s="53">
        <v>4.9635357552486098E-9</v>
      </c>
      <c r="AV1076" s="53">
        <v>4.9635357552486098E-9</v>
      </c>
      <c r="AW1076" s="53">
        <v>4.9635357552486098E-9</v>
      </c>
      <c r="AX1076" s="53">
        <v>4.9635357552486098E-9</v>
      </c>
      <c r="AY1076" s="53">
        <v>4.9635357552486098E-9</v>
      </c>
      <c r="AZ1076" s="53">
        <v>4.9635357552486098E-9</v>
      </c>
      <c r="BA1076" s="53">
        <v>5.9562429062983301E-8</v>
      </c>
      <c r="BB1076" s="53">
        <v>-6.4100165504728298E-10</v>
      </c>
      <c r="BC1076" s="53">
        <v>-6.4100165504728298E-10</v>
      </c>
      <c r="BD1076" s="53">
        <v>-6.4100165504728298E-10</v>
      </c>
      <c r="BE1076" s="53">
        <v>-6.4100165504728298E-10</v>
      </c>
      <c r="BF1076" s="53">
        <v>-6.4100165504728298E-10</v>
      </c>
      <c r="BG1076" s="53">
        <v>-6.4100165504728298E-10</v>
      </c>
      <c r="BH1076" s="53">
        <v>-6.4100165504728298E-10</v>
      </c>
      <c r="BI1076" s="53">
        <v>-6.4100165504728298E-10</v>
      </c>
      <c r="BJ1076" s="53">
        <v>-6.4100165504728298E-10</v>
      </c>
      <c r="BK1076" s="53">
        <v>-6.4100165504728298E-10</v>
      </c>
      <c r="BL1076" s="53">
        <v>-6.4100165504728298E-10</v>
      </c>
      <c r="BM1076" s="53">
        <v>-6.4100165504728298E-10</v>
      </c>
      <c r="BN1076" s="53">
        <v>-7.6920198605673903E-9</v>
      </c>
      <c r="BO1076" s="53">
        <v>1.05523271876347E-10</v>
      </c>
      <c r="BP1076" s="53">
        <v>1.05523271876347E-10</v>
      </c>
      <c r="BQ1076" s="53">
        <v>1.05523271876347E-10</v>
      </c>
      <c r="BR1076" s="53">
        <v>1.05523271876347E-10</v>
      </c>
      <c r="BS1076" s="53">
        <v>1.05523271876347E-10</v>
      </c>
      <c r="BT1076" s="53">
        <v>1.05523271876347E-10</v>
      </c>
      <c r="BU1076" s="53">
        <v>1.05523271876347E-10</v>
      </c>
      <c r="BV1076" s="53">
        <v>1.05523271876347E-10</v>
      </c>
      <c r="BW1076" s="53">
        <v>1.05523271876347E-10</v>
      </c>
      <c r="BX1076" s="53">
        <v>1.05523271876347E-10</v>
      </c>
      <c r="BY1076" s="53">
        <v>1.05523271876347E-10</v>
      </c>
      <c r="BZ1076" s="53">
        <v>1.05523271876347E-10</v>
      </c>
      <c r="CA1076" s="53">
        <v>1.26627926251617E-9</v>
      </c>
      <c r="CB1076" s="53">
        <v>8035507.1787361503</v>
      </c>
      <c r="CC1076" s="53">
        <v>7687498.1006373698</v>
      </c>
      <c r="CD1076" s="53">
        <v>5375585.0116486195</v>
      </c>
      <c r="CE1076" s="53">
        <v>-2680035.0756096998</v>
      </c>
      <c r="CF1076" s="53">
        <v>-4913791.4080533599</v>
      </c>
      <c r="CG1076" s="53">
        <v>-6310706.5243134703</v>
      </c>
      <c r="CH1076" s="53">
        <v>-5650954.0009020399</v>
      </c>
      <c r="CI1076" s="53">
        <v>-4611177.23853298</v>
      </c>
      <c r="CJ1076" s="53">
        <v>-2950561.2432193798</v>
      </c>
      <c r="CK1076" s="53">
        <v>-2091039.2663350999</v>
      </c>
      <c r="CL1076" s="53">
        <v>3766689.0904278499</v>
      </c>
      <c r="CM1076" s="53">
        <v>5041281.7608413901</v>
      </c>
      <c r="CN1076" s="53">
        <v>698296.38532533101</v>
      </c>
    </row>
    <row r="1077" spans="1:92" outlineLevel="1">
      <c r="A1077" s="52" t="s">
        <v>675</v>
      </c>
      <c r="B1077" s="53"/>
      <c r="C1077" s="53"/>
      <c r="D1077" s="53"/>
      <c r="E1077" s="53"/>
      <c r="F1077" s="53"/>
      <c r="G1077" s="53"/>
      <c r="H1077" s="53"/>
      <c r="I1077" s="53"/>
      <c r="J1077" s="53"/>
      <c r="K1077" s="53"/>
      <c r="L1077" s="53"/>
      <c r="M1077" s="53"/>
      <c r="N1077" s="53"/>
      <c r="O1077" s="53"/>
      <c r="P1077" s="53"/>
      <c r="Q1077" s="53"/>
      <c r="R1077" s="53"/>
      <c r="S1077" s="53"/>
      <c r="T1077" s="53"/>
      <c r="U1077" s="53"/>
      <c r="V1077" s="53"/>
      <c r="W1077" s="53"/>
      <c r="X1077" s="53"/>
      <c r="Y1077" s="53"/>
      <c r="Z1077" s="53"/>
      <c r="AA1077" s="53"/>
      <c r="AB1077" s="53"/>
      <c r="AC1077" s="53"/>
      <c r="AD1077" s="53"/>
      <c r="AE1077" s="53"/>
      <c r="AF1077" s="53"/>
      <c r="AG1077" s="53"/>
      <c r="AH1077" s="53"/>
      <c r="AI1077" s="53"/>
      <c r="AJ1077" s="53"/>
      <c r="AK1077" s="53"/>
      <c r="AL1077" s="53"/>
      <c r="AM1077" s="53"/>
      <c r="AN1077" s="53"/>
      <c r="AO1077" s="53"/>
      <c r="AP1077" s="53"/>
      <c r="AQ1077" s="53"/>
      <c r="AR1077" s="53"/>
      <c r="AS1077" s="53"/>
      <c r="AT1077" s="53"/>
      <c r="AU1077" s="53"/>
      <c r="AV1077" s="53"/>
      <c r="AW1077" s="53"/>
      <c r="AX1077" s="53"/>
      <c r="AY1077" s="53"/>
      <c r="AZ1077" s="53"/>
      <c r="BA1077" s="53"/>
      <c r="BB1077" s="53"/>
      <c r="BC1077" s="53"/>
      <c r="BD1077" s="53"/>
      <c r="BE1077" s="53"/>
      <c r="BF1077" s="53"/>
      <c r="BG1077" s="53"/>
      <c r="BH1077" s="53"/>
      <c r="BI1077" s="53"/>
      <c r="BJ1077" s="53"/>
      <c r="BK1077" s="53"/>
      <c r="BL1077" s="53"/>
      <c r="BM1077" s="53"/>
      <c r="BN1077" s="53"/>
      <c r="BO1077" s="53"/>
      <c r="BP1077" s="53"/>
      <c r="BQ1077" s="53"/>
      <c r="BR1077" s="53"/>
      <c r="BS1077" s="53"/>
      <c r="BT1077" s="53"/>
      <c r="BU1077" s="53"/>
      <c r="BV1077" s="53"/>
      <c r="BW1077" s="53"/>
      <c r="BX1077" s="53"/>
      <c r="BY1077" s="53"/>
      <c r="BZ1077" s="53"/>
      <c r="CA1077" s="53"/>
      <c r="CB1077" s="53"/>
      <c r="CC1077" s="53"/>
      <c r="CD1077" s="53"/>
      <c r="CE1077" s="53"/>
      <c r="CF1077" s="53"/>
      <c r="CG1077" s="53"/>
      <c r="CH1077" s="53"/>
      <c r="CI1077" s="53"/>
      <c r="CJ1077" s="53"/>
      <c r="CK1077" s="53"/>
      <c r="CL1077" s="53"/>
      <c r="CM1077" s="53"/>
      <c r="CN1077" s="53"/>
    </row>
    <row r="1078" spans="1:92" outlineLevel="1">
      <c r="A1078" s="52" t="s">
        <v>788</v>
      </c>
      <c r="B1078" s="53"/>
      <c r="C1078" s="53"/>
      <c r="D1078" s="53"/>
      <c r="E1078" s="53"/>
      <c r="F1078" s="53"/>
      <c r="G1078" s="53"/>
      <c r="H1078" s="53"/>
      <c r="I1078" s="53"/>
      <c r="J1078" s="53"/>
      <c r="K1078" s="53"/>
      <c r="L1078" s="53"/>
      <c r="M1078" s="53"/>
      <c r="N1078" s="53"/>
      <c r="O1078" s="53"/>
      <c r="P1078" s="53"/>
      <c r="Q1078" s="53"/>
      <c r="R1078" s="53"/>
      <c r="S1078" s="53"/>
      <c r="T1078" s="53"/>
      <c r="U1078" s="53"/>
      <c r="V1078" s="53"/>
      <c r="W1078" s="53"/>
      <c r="X1078" s="53"/>
      <c r="Y1078" s="53"/>
      <c r="Z1078" s="53"/>
      <c r="AA1078" s="53"/>
      <c r="AB1078" s="53"/>
      <c r="AC1078" s="53"/>
      <c r="AD1078" s="53"/>
      <c r="AE1078" s="53"/>
      <c r="AF1078" s="53"/>
      <c r="AG1078" s="53"/>
      <c r="AH1078" s="53"/>
      <c r="AI1078" s="53"/>
      <c r="AJ1078" s="53"/>
      <c r="AK1078" s="53"/>
      <c r="AL1078" s="53"/>
      <c r="AM1078" s="53"/>
      <c r="AN1078" s="53"/>
      <c r="AO1078" s="53"/>
      <c r="AP1078" s="53"/>
      <c r="AQ1078" s="53"/>
      <c r="AR1078" s="53"/>
      <c r="AS1078" s="53"/>
      <c r="AT1078" s="53"/>
      <c r="AU1078" s="53"/>
      <c r="AV1078" s="53"/>
      <c r="AW1078" s="53"/>
      <c r="AX1078" s="53"/>
      <c r="AY1078" s="53"/>
      <c r="AZ1078" s="53"/>
      <c r="BA1078" s="53"/>
      <c r="BB1078" s="53"/>
      <c r="BC1078" s="53"/>
      <c r="BD1078" s="53"/>
      <c r="BE1078" s="53"/>
      <c r="BF1078" s="53"/>
      <c r="BG1078" s="53"/>
      <c r="BH1078" s="53"/>
      <c r="BI1078" s="53"/>
      <c r="BJ1078" s="53"/>
      <c r="BK1078" s="53"/>
      <c r="BL1078" s="53"/>
      <c r="BM1078" s="53"/>
      <c r="BN1078" s="53"/>
      <c r="BO1078" s="53"/>
      <c r="BP1078" s="53"/>
      <c r="BQ1078" s="53"/>
      <c r="BR1078" s="53"/>
      <c r="BS1078" s="53"/>
      <c r="BT1078" s="53"/>
      <c r="BU1078" s="53"/>
      <c r="BV1078" s="53"/>
      <c r="BW1078" s="53"/>
      <c r="BX1078" s="53"/>
      <c r="BY1078" s="53"/>
      <c r="BZ1078" s="53"/>
      <c r="CA1078" s="53"/>
      <c r="CB1078" s="53">
        <v>-57660.843879716398</v>
      </c>
      <c r="CC1078" s="53">
        <v>-57660.843879716398</v>
      </c>
      <c r="CD1078" s="53">
        <v>-57660.843879716398</v>
      </c>
      <c r="CE1078" s="53">
        <v>-57660.843879716398</v>
      </c>
      <c r="CF1078" s="53">
        <v>-57660.843879716398</v>
      </c>
      <c r="CG1078" s="53">
        <v>-57660.843879716398</v>
      </c>
      <c r="CH1078" s="53">
        <v>-57660.843879716398</v>
      </c>
      <c r="CI1078" s="53">
        <v>-57660.843879716398</v>
      </c>
      <c r="CJ1078" s="53">
        <v>-57660.843879716398</v>
      </c>
      <c r="CK1078" s="53">
        <v>-57660.843879716398</v>
      </c>
      <c r="CL1078" s="53">
        <v>-57660.843879716398</v>
      </c>
      <c r="CM1078" s="53">
        <v>-57660.843879716398</v>
      </c>
      <c r="CN1078" s="53">
        <v>-691930.12655659695</v>
      </c>
    </row>
    <row r="1079" spans="1:92" outlineLevel="1">
      <c r="A1079" s="52" t="s">
        <v>649</v>
      </c>
      <c r="B1079" s="53">
        <v>-221439.91666666599</v>
      </c>
      <c r="C1079" s="53">
        <v>-221439.91666666599</v>
      </c>
      <c r="D1079" s="53">
        <v>-221439.91666666599</v>
      </c>
      <c r="E1079" s="53">
        <v>-221439.91666666599</v>
      </c>
      <c r="F1079" s="53">
        <v>-221439.91666666599</v>
      </c>
      <c r="G1079" s="53">
        <v>-221439.91666666599</v>
      </c>
      <c r="H1079" s="53">
        <v>-221439.91666666599</v>
      </c>
      <c r="I1079" s="53">
        <v>-221439.91666666599</v>
      </c>
      <c r="J1079" s="53">
        <v>-221439.91666666599</v>
      </c>
      <c r="K1079" s="53">
        <v>-221439.91666666599</v>
      </c>
      <c r="L1079" s="53">
        <v>-221439.91666666599</v>
      </c>
      <c r="M1079" s="53">
        <v>-221439.91666666599</v>
      </c>
      <c r="N1079" s="53">
        <v>-2657279</v>
      </c>
      <c r="O1079" s="53"/>
      <c r="P1079" s="53"/>
      <c r="Q1079" s="53"/>
      <c r="R1079" s="53"/>
      <c r="S1079" s="53"/>
      <c r="T1079" s="53"/>
      <c r="U1079" s="53"/>
      <c r="V1079" s="53"/>
      <c r="W1079" s="53"/>
      <c r="X1079" s="53"/>
      <c r="Y1079" s="53"/>
      <c r="Z1079" s="53"/>
      <c r="AA1079" s="53"/>
      <c r="AB1079" s="53"/>
      <c r="AC1079" s="53"/>
      <c r="AD1079" s="53"/>
      <c r="AE1079" s="53"/>
      <c r="AF1079" s="53"/>
      <c r="AG1079" s="53"/>
      <c r="AH1079" s="53"/>
      <c r="AI1079" s="53"/>
      <c r="AJ1079" s="53"/>
      <c r="AK1079" s="53"/>
      <c r="AL1079" s="53"/>
      <c r="AM1079" s="53"/>
      <c r="AN1079" s="53"/>
      <c r="AO1079" s="53"/>
      <c r="AP1079" s="53"/>
      <c r="AQ1079" s="53"/>
      <c r="AR1079" s="53"/>
      <c r="AS1079" s="53"/>
      <c r="AT1079" s="53"/>
      <c r="AU1079" s="53"/>
      <c r="AV1079" s="53"/>
      <c r="AW1079" s="53"/>
      <c r="AX1079" s="53"/>
      <c r="AY1079" s="53"/>
      <c r="AZ1079" s="53"/>
      <c r="BA1079" s="53"/>
      <c r="BB1079" s="53"/>
      <c r="BC1079" s="53"/>
      <c r="BD1079" s="53"/>
      <c r="BE1079" s="53"/>
      <c r="BF1079" s="53"/>
      <c r="BG1079" s="53"/>
      <c r="BH1079" s="53"/>
      <c r="BI1079" s="53"/>
      <c r="BJ1079" s="53"/>
      <c r="BK1079" s="53"/>
      <c r="BL1079" s="53"/>
      <c r="BM1079" s="53"/>
      <c r="BN1079" s="53"/>
      <c r="BO1079" s="53"/>
      <c r="BP1079" s="53"/>
      <c r="BQ1079" s="53"/>
      <c r="BR1079" s="53"/>
      <c r="BS1079" s="53"/>
      <c r="BT1079" s="53"/>
      <c r="BU1079" s="53"/>
      <c r="BV1079" s="53"/>
      <c r="BW1079" s="53"/>
      <c r="BX1079" s="53"/>
      <c r="BY1079" s="53"/>
      <c r="BZ1079" s="53"/>
      <c r="CA1079" s="53"/>
      <c r="CB1079" s="53"/>
      <c r="CC1079" s="53"/>
      <c r="CD1079" s="53"/>
      <c r="CE1079" s="53"/>
      <c r="CF1079" s="53"/>
      <c r="CG1079" s="53"/>
      <c r="CH1079" s="53"/>
      <c r="CI1079" s="53"/>
      <c r="CJ1079" s="53"/>
      <c r="CK1079" s="53"/>
      <c r="CL1079" s="53"/>
      <c r="CM1079" s="53"/>
      <c r="CN1079" s="53"/>
    </row>
    <row r="1080" spans="1:92" outlineLevel="1">
      <c r="A1080" s="52" t="s">
        <v>709</v>
      </c>
      <c r="B1080" s="53"/>
      <c r="C1080" s="53"/>
      <c r="D1080" s="53"/>
      <c r="E1080" s="53"/>
      <c r="F1080" s="53"/>
      <c r="G1080" s="53"/>
      <c r="H1080" s="53"/>
      <c r="I1080" s="53"/>
      <c r="J1080" s="53"/>
      <c r="K1080" s="53"/>
      <c r="L1080" s="53"/>
      <c r="M1080" s="53"/>
      <c r="N1080" s="53"/>
      <c r="O1080" s="53"/>
      <c r="P1080" s="53"/>
      <c r="Q1080" s="53"/>
      <c r="R1080" s="53"/>
      <c r="S1080" s="53"/>
      <c r="T1080" s="53"/>
      <c r="U1080" s="53"/>
      <c r="V1080" s="53"/>
      <c r="W1080" s="53"/>
      <c r="X1080" s="53"/>
      <c r="Y1080" s="53"/>
      <c r="Z1080" s="53"/>
      <c r="AA1080" s="53"/>
      <c r="AB1080" s="53"/>
      <c r="AC1080" s="53"/>
      <c r="AD1080" s="53"/>
      <c r="AE1080" s="53"/>
      <c r="AF1080" s="53"/>
      <c r="AG1080" s="53"/>
      <c r="AH1080" s="53"/>
      <c r="AI1080" s="53"/>
      <c r="AJ1080" s="53"/>
      <c r="AK1080" s="53"/>
      <c r="AL1080" s="53"/>
      <c r="AM1080" s="53"/>
      <c r="AN1080" s="53"/>
      <c r="AO1080" s="53"/>
      <c r="AP1080" s="53"/>
      <c r="AQ1080" s="53"/>
      <c r="AR1080" s="53"/>
      <c r="AS1080" s="53"/>
      <c r="AT1080" s="53"/>
      <c r="AU1080" s="53"/>
      <c r="AV1080" s="53"/>
      <c r="AW1080" s="53"/>
      <c r="AX1080" s="53"/>
      <c r="AY1080" s="53"/>
      <c r="AZ1080" s="53"/>
      <c r="BA1080" s="53"/>
      <c r="BB1080" s="53"/>
      <c r="BC1080" s="53"/>
      <c r="BD1080" s="53"/>
      <c r="BE1080" s="53"/>
      <c r="BF1080" s="53"/>
      <c r="BG1080" s="53"/>
      <c r="BH1080" s="53"/>
      <c r="BI1080" s="53"/>
      <c r="BJ1080" s="53"/>
      <c r="BK1080" s="53"/>
      <c r="BL1080" s="53"/>
      <c r="BM1080" s="53"/>
      <c r="BN1080" s="53"/>
      <c r="BO1080" s="53"/>
      <c r="BP1080" s="53"/>
      <c r="BQ1080" s="53"/>
      <c r="BR1080" s="53"/>
      <c r="BS1080" s="53"/>
      <c r="BT1080" s="53"/>
      <c r="BU1080" s="53"/>
      <c r="BV1080" s="53"/>
      <c r="BW1080" s="53"/>
      <c r="BX1080" s="53"/>
      <c r="BY1080" s="53"/>
      <c r="BZ1080" s="53"/>
      <c r="CA1080" s="53"/>
      <c r="CB1080" s="53"/>
      <c r="CC1080" s="53"/>
      <c r="CD1080" s="53"/>
      <c r="CE1080" s="53"/>
      <c r="CF1080" s="53"/>
      <c r="CG1080" s="53"/>
      <c r="CH1080" s="53"/>
      <c r="CI1080" s="53"/>
      <c r="CJ1080" s="53"/>
      <c r="CK1080" s="53"/>
      <c r="CL1080" s="53"/>
      <c r="CM1080" s="53"/>
      <c r="CN1080" s="53"/>
    </row>
    <row r="1081" spans="1:92" outlineLevel="1">
      <c r="A1081" s="52" t="s">
        <v>1301</v>
      </c>
      <c r="B1081" s="53"/>
      <c r="C1081" s="53"/>
      <c r="D1081" s="53"/>
      <c r="E1081" s="53"/>
      <c r="F1081" s="53"/>
      <c r="G1081" s="53"/>
      <c r="H1081" s="53"/>
      <c r="I1081" s="53"/>
      <c r="J1081" s="53"/>
      <c r="K1081" s="53"/>
      <c r="L1081" s="53"/>
      <c r="M1081" s="53"/>
      <c r="N1081" s="53"/>
      <c r="O1081" s="53"/>
      <c r="P1081" s="53"/>
      <c r="Q1081" s="53"/>
      <c r="R1081" s="53"/>
      <c r="S1081" s="53"/>
      <c r="T1081" s="53"/>
      <c r="U1081" s="53"/>
      <c r="V1081" s="53"/>
      <c r="W1081" s="53"/>
      <c r="X1081" s="53"/>
      <c r="Y1081" s="53"/>
      <c r="Z1081" s="53"/>
      <c r="AA1081" s="53"/>
      <c r="AB1081" s="53"/>
      <c r="AC1081" s="53"/>
      <c r="AD1081" s="53"/>
      <c r="AE1081" s="53"/>
      <c r="AF1081" s="53"/>
      <c r="AG1081" s="53"/>
      <c r="AH1081" s="53"/>
      <c r="AI1081" s="53"/>
      <c r="AJ1081" s="53"/>
      <c r="AK1081" s="53"/>
      <c r="AL1081" s="53"/>
      <c r="AM1081" s="53"/>
      <c r="AN1081" s="53"/>
      <c r="AO1081" s="53"/>
      <c r="AP1081" s="53"/>
      <c r="AQ1081" s="53"/>
      <c r="AR1081" s="53"/>
      <c r="AS1081" s="53"/>
      <c r="AT1081" s="53"/>
      <c r="AU1081" s="53"/>
      <c r="AV1081" s="53"/>
      <c r="AW1081" s="53"/>
      <c r="AX1081" s="53"/>
      <c r="AY1081" s="53"/>
      <c r="AZ1081" s="53"/>
      <c r="BA1081" s="53"/>
      <c r="BB1081" s="53"/>
      <c r="BC1081" s="53"/>
      <c r="BD1081" s="53"/>
      <c r="BE1081" s="53"/>
      <c r="BF1081" s="53"/>
      <c r="BG1081" s="53"/>
      <c r="BH1081" s="53"/>
      <c r="BI1081" s="53"/>
      <c r="BJ1081" s="53"/>
      <c r="BK1081" s="53"/>
      <c r="BL1081" s="53"/>
      <c r="BM1081" s="53"/>
      <c r="BN1081" s="53"/>
      <c r="BO1081" s="53"/>
      <c r="BP1081" s="53"/>
      <c r="BQ1081" s="53"/>
      <c r="BR1081" s="53"/>
      <c r="BS1081" s="53"/>
      <c r="BT1081" s="53"/>
      <c r="BU1081" s="53"/>
      <c r="BV1081" s="53"/>
      <c r="BW1081" s="53"/>
      <c r="BX1081" s="53"/>
      <c r="BY1081" s="53"/>
      <c r="BZ1081" s="53"/>
      <c r="CA1081" s="53"/>
      <c r="CB1081" s="53"/>
      <c r="CC1081" s="53"/>
      <c r="CD1081" s="53"/>
      <c r="CE1081" s="53"/>
      <c r="CF1081" s="53"/>
      <c r="CG1081" s="53"/>
      <c r="CH1081" s="53"/>
      <c r="CI1081" s="53"/>
      <c r="CJ1081" s="53"/>
      <c r="CK1081" s="53"/>
      <c r="CL1081" s="53"/>
      <c r="CM1081" s="53"/>
      <c r="CN1081" s="53"/>
    </row>
    <row r="1082" spans="1:92" outlineLevel="1">
      <c r="A1082" s="52" t="s">
        <v>713</v>
      </c>
      <c r="B1082" s="53">
        <v>-26552.407932011301</v>
      </c>
      <c r="C1082" s="53">
        <v>-26552.407932011301</v>
      </c>
      <c r="D1082" s="53">
        <v>-26552.407932011301</v>
      </c>
      <c r="E1082" s="53">
        <v>-26552.407932011301</v>
      </c>
      <c r="F1082" s="53">
        <v>-26552.407932011301</v>
      </c>
      <c r="G1082" s="53">
        <v>-26552.407932011301</v>
      </c>
      <c r="H1082" s="53">
        <v>-26552.407932011301</v>
      </c>
      <c r="I1082" s="53">
        <v>-26552.407932011301</v>
      </c>
      <c r="J1082" s="53">
        <v>-26552.407932011301</v>
      </c>
      <c r="K1082" s="53">
        <v>-26552.407932011301</v>
      </c>
      <c r="L1082" s="53">
        <v>-26552.407932011301</v>
      </c>
      <c r="M1082" s="53">
        <v>-26552.407932011301</v>
      </c>
      <c r="N1082" s="53">
        <v>-318628.895184136</v>
      </c>
      <c r="O1082" s="53">
        <v>-26552.407932011301</v>
      </c>
      <c r="P1082" s="53">
        <v>-26552.407932011301</v>
      </c>
      <c r="Q1082" s="53">
        <v>-26552.407932011301</v>
      </c>
      <c r="R1082" s="53">
        <v>-26552.407932011301</v>
      </c>
      <c r="S1082" s="53">
        <v>-26552.407932011301</v>
      </c>
      <c r="T1082" s="53">
        <v>-26552.407932011301</v>
      </c>
      <c r="U1082" s="53">
        <v>-26552.407932011301</v>
      </c>
      <c r="V1082" s="53">
        <v>-26552.407932011301</v>
      </c>
      <c r="W1082" s="53">
        <v>-26552.407932011301</v>
      </c>
      <c r="X1082" s="53">
        <v>-26552.407932011301</v>
      </c>
      <c r="Y1082" s="53">
        <v>-26552.407932011301</v>
      </c>
      <c r="Z1082" s="53">
        <v>-26552.407932011301</v>
      </c>
      <c r="AA1082" s="53">
        <v>-318628.895184136</v>
      </c>
      <c r="AB1082" s="53">
        <v>-26552.407932011301</v>
      </c>
      <c r="AC1082" s="53">
        <v>-26552.407932011301</v>
      </c>
      <c r="AD1082" s="53">
        <v>-26552.407932011301</v>
      </c>
      <c r="AE1082" s="53">
        <v>-26552.407932011301</v>
      </c>
      <c r="AF1082" s="53">
        <v>-26552.407932011301</v>
      </c>
      <c r="AG1082" s="53">
        <v>-26552.407932011301</v>
      </c>
      <c r="AH1082" s="53">
        <v>-26552.407932011301</v>
      </c>
      <c r="AI1082" s="53">
        <v>-26552.407932011301</v>
      </c>
      <c r="AJ1082" s="53">
        <v>-26552.407932011301</v>
      </c>
      <c r="AK1082" s="53">
        <v>-26552.407932011301</v>
      </c>
      <c r="AL1082" s="53">
        <v>-26552.407932011301</v>
      </c>
      <c r="AM1082" s="53">
        <v>-26552.407932011301</v>
      </c>
      <c r="AN1082" s="53">
        <v>-318628.895184136</v>
      </c>
      <c r="AO1082" s="53">
        <v>-26552.407932011301</v>
      </c>
      <c r="AP1082" s="53">
        <v>-26552.407932011301</v>
      </c>
      <c r="AQ1082" s="53">
        <v>-26552.407932011301</v>
      </c>
      <c r="AR1082" s="53">
        <v>-26552.407932011301</v>
      </c>
      <c r="AS1082" s="53">
        <v>-26552.407932011301</v>
      </c>
      <c r="AT1082" s="53">
        <v>-26552.407932011301</v>
      </c>
      <c r="AU1082" s="53">
        <v>-26552.407932011301</v>
      </c>
      <c r="AV1082" s="53">
        <v>-26552.407932011301</v>
      </c>
      <c r="AW1082" s="53">
        <v>-26552.407932011301</v>
      </c>
      <c r="AX1082" s="53">
        <v>-26552.407932011301</v>
      </c>
      <c r="AY1082" s="53">
        <v>-26552.407932011301</v>
      </c>
      <c r="AZ1082" s="53">
        <v>-26552.407932011301</v>
      </c>
      <c r="BA1082" s="53">
        <v>-318628.895184136</v>
      </c>
      <c r="BB1082" s="53">
        <v>-26552.407932011301</v>
      </c>
      <c r="BC1082" s="53">
        <v>-26552.407932011301</v>
      </c>
      <c r="BD1082" s="53">
        <v>-26552.407932011301</v>
      </c>
      <c r="BE1082" s="53">
        <v>-26552.407932011301</v>
      </c>
      <c r="BF1082" s="53">
        <v>-26552.407932011301</v>
      </c>
      <c r="BG1082" s="53">
        <v>-26552.407932011301</v>
      </c>
      <c r="BH1082" s="53">
        <v>-26552.407932011301</v>
      </c>
      <c r="BI1082" s="53">
        <v>-26552.4079320114</v>
      </c>
      <c r="BJ1082" s="53">
        <v>-26552.407932011301</v>
      </c>
      <c r="BK1082" s="53">
        <v>-26552.407932011301</v>
      </c>
      <c r="BL1082" s="53">
        <v>-26552.4079320114</v>
      </c>
      <c r="BM1082" s="53">
        <v>-26552.4079320114</v>
      </c>
      <c r="BN1082" s="53">
        <v>-318628.895184136</v>
      </c>
      <c r="BO1082" s="53">
        <v>-26552.4079320114</v>
      </c>
      <c r="BP1082" s="53">
        <v>-26552.4079320114</v>
      </c>
      <c r="BQ1082" s="53">
        <v>-26552.4079320114</v>
      </c>
      <c r="BR1082" s="53">
        <v>-26552.4079320114</v>
      </c>
      <c r="BS1082" s="53">
        <v>-26552.4079320114</v>
      </c>
      <c r="BT1082" s="53">
        <v>-26552.4079320114</v>
      </c>
      <c r="BU1082" s="53">
        <v>-26552.4079320114</v>
      </c>
      <c r="BV1082" s="53">
        <v>-26552.4079320114</v>
      </c>
      <c r="BW1082" s="53">
        <v>-26552.4079320114</v>
      </c>
      <c r="BX1082" s="53">
        <v>-26552.4079320114</v>
      </c>
      <c r="BY1082" s="53">
        <v>-26552.4079320114</v>
      </c>
      <c r="BZ1082" s="53">
        <v>-26552.4079320114</v>
      </c>
      <c r="CA1082" s="53">
        <v>-318628.89518413699</v>
      </c>
      <c r="CB1082" s="53"/>
      <c r="CC1082" s="53"/>
      <c r="CD1082" s="53"/>
      <c r="CE1082" s="53"/>
      <c r="CF1082" s="53"/>
      <c r="CG1082" s="53"/>
      <c r="CH1082" s="53"/>
      <c r="CI1082" s="53"/>
      <c r="CJ1082" s="53"/>
      <c r="CK1082" s="53"/>
      <c r="CL1082" s="53"/>
      <c r="CM1082" s="53"/>
      <c r="CN1082" s="53"/>
    </row>
    <row r="1083" spans="1:92" outlineLevel="1">
      <c r="A1083" s="52" t="s">
        <v>716</v>
      </c>
      <c r="B1083" s="53">
        <v>24171.148247978399</v>
      </c>
      <c r="C1083" s="53">
        <v>24171.148247978399</v>
      </c>
      <c r="D1083" s="53">
        <v>24171.148247978399</v>
      </c>
      <c r="E1083" s="53">
        <v>24171.148247978399</v>
      </c>
      <c r="F1083" s="53">
        <v>24171.148247978399</v>
      </c>
      <c r="G1083" s="53">
        <v>24171.148247978399</v>
      </c>
      <c r="H1083" s="53">
        <v>24171.148247978399</v>
      </c>
      <c r="I1083" s="53">
        <v>24171.148247978399</v>
      </c>
      <c r="J1083" s="53">
        <v>24171.148247978399</v>
      </c>
      <c r="K1083" s="53">
        <v>24171.148247978399</v>
      </c>
      <c r="L1083" s="53">
        <v>24171.148247978399</v>
      </c>
      <c r="M1083" s="53">
        <v>24171.148247978399</v>
      </c>
      <c r="N1083" s="53">
        <v>290053.77897574101</v>
      </c>
      <c r="O1083" s="53">
        <v>24171.148247978399</v>
      </c>
      <c r="P1083" s="53">
        <v>24171.148247978399</v>
      </c>
      <c r="Q1083" s="53">
        <v>24171.148247978399</v>
      </c>
      <c r="R1083" s="53">
        <v>24171.148247978399</v>
      </c>
      <c r="S1083" s="53">
        <v>24171.148247978399</v>
      </c>
      <c r="T1083" s="53">
        <v>24171.148247978399</v>
      </c>
      <c r="U1083" s="53">
        <v>24171.148247978399</v>
      </c>
      <c r="V1083" s="53">
        <v>24171.148247978399</v>
      </c>
      <c r="W1083" s="53">
        <v>24171.148247978399</v>
      </c>
      <c r="X1083" s="53">
        <v>24171.148247978399</v>
      </c>
      <c r="Y1083" s="53">
        <v>24171.148247978399</v>
      </c>
      <c r="Z1083" s="53">
        <v>24171.148247978399</v>
      </c>
      <c r="AA1083" s="53">
        <v>290053.77897574002</v>
      </c>
      <c r="AB1083" s="53">
        <v>24171.148247978399</v>
      </c>
      <c r="AC1083" s="53">
        <v>24171.148247978399</v>
      </c>
      <c r="AD1083" s="53">
        <v>24171.148247978399</v>
      </c>
      <c r="AE1083" s="53">
        <v>24171.148247978399</v>
      </c>
      <c r="AF1083" s="53">
        <v>24171.148247978399</v>
      </c>
      <c r="AG1083" s="53">
        <v>24171.148247978399</v>
      </c>
      <c r="AH1083" s="53">
        <v>24171.148247978399</v>
      </c>
      <c r="AI1083" s="53">
        <v>24171.148247978399</v>
      </c>
      <c r="AJ1083" s="53">
        <v>24171.148247978399</v>
      </c>
      <c r="AK1083" s="53">
        <v>24171.148247978399</v>
      </c>
      <c r="AL1083" s="53">
        <v>24171.148247978399</v>
      </c>
      <c r="AM1083" s="53">
        <v>24171.148247978399</v>
      </c>
      <c r="AN1083" s="53">
        <v>290053.77897574002</v>
      </c>
      <c r="AO1083" s="53">
        <v>24171.148247978399</v>
      </c>
      <c r="AP1083" s="53">
        <v>24171.148247978399</v>
      </c>
      <c r="AQ1083" s="53">
        <v>24171.148247978399</v>
      </c>
      <c r="AR1083" s="53">
        <v>24171.148247978399</v>
      </c>
      <c r="AS1083" s="53">
        <v>24171.148247978399</v>
      </c>
      <c r="AT1083" s="53">
        <v>24171.148247978399</v>
      </c>
      <c r="AU1083" s="53">
        <v>24171.148247978399</v>
      </c>
      <c r="AV1083" s="53">
        <v>24171.148247978399</v>
      </c>
      <c r="AW1083" s="53">
        <v>24171.148247978399</v>
      </c>
      <c r="AX1083" s="53">
        <v>24171.148247978399</v>
      </c>
      <c r="AY1083" s="53">
        <v>24171.148247978399</v>
      </c>
      <c r="AZ1083" s="53">
        <v>24171.148247978399</v>
      </c>
      <c r="BA1083" s="53">
        <v>290053.77897574002</v>
      </c>
      <c r="BB1083" s="53">
        <v>24171.148247978399</v>
      </c>
      <c r="BC1083" s="53">
        <v>24171.148247978399</v>
      </c>
      <c r="BD1083" s="53">
        <v>24171.148247978399</v>
      </c>
      <c r="BE1083" s="53">
        <v>24171.148247978399</v>
      </c>
      <c r="BF1083" s="53">
        <v>24171.148247978399</v>
      </c>
      <c r="BG1083" s="53">
        <v>24171.148247978399</v>
      </c>
      <c r="BH1083" s="53">
        <v>24171.148247978399</v>
      </c>
      <c r="BI1083" s="53">
        <v>24171.148247978399</v>
      </c>
      <c r="BJ1083" s="53">
        <v>24171.148247978399</v>
      </c>
      <c r="BK1083" s="53">
        <v>24171.148247978399</v>
      </c>
      <c r="BL1083" s="53">
        <v>24171.148247978399</v>
      </c>
      <c r="BM1083" s="53">
        <v>24171.148247978399</v>
      </c>
      <c r="BN1083" s="53">
        <v>290053.77897574002</v>
      </c>
      <c r="BO1083" s="53">
        <v>24171.148247978399</v>
      </c>
      <c r="BP1083" s="53">
        <v>24171.148247978399</v>
      </c>
      <c r="BQ1083" s="53">
        <v>24171.148247978399</v>
      </c>
      <c r="BR1083" s="53">
        <v>24171.148247978399</v>
      </c>
      <c r="BS1083" s="53">
        <v>24171.148247978399</v>
      </c>
      <c r="BT1083" s="53">
        <v>24171.148247978399</v>
      </c>
      <c r="BU1083" s="53">
        <v>24171.148247978399</v>
      </c>
      <c r="BV1083" s="53">
        <v>24171.148247978399</v>
      </c>
      <c r="BW1083" s="53">
        <v>24171.148247978399</v>
      </c>
      <c r="BX1083" s="53">
        <v>24171.148247978399</v>
      </c>
      <c r="BY1083" s="53">
        <v>24171.148247978399</v>
      </c>
      <c r="BZ1083" s="53">
        <v>24171.148247978399</v>
      </c>
      <c r="CA1083" s="53">
        <v>290053.77897574002</v>
      </c>
      <c r="CB1083" s="53"/>
      <c r="CC1083" s="53"/>
      <c r="CD1083" s="53"/>
      <c r="CE1083" s="53"/>
      <c r="CF1083" s="53"/>
      <c r="CG1083" s="53"/>
      <c r="CH1083" s="53"/>
      <c r="CI1083" s="53"/>
      <c r="CJ1083" s="53"/>
      <c r="CK1083" s="53"/>
      <c r="CL1083" s="53"/>
      <c r="CM1083" s="53"/>
      <c r="CN1083" s="53"/>
    </row>
    <row r="1084" spans="1:92" outlineLevel="1">
      <c r="A1084" s="52" t="s">
        <v>725</v>
      </c>
      <c r="B1084" s="53">
        <v>16813.8796992481</v>
      </c>
      <c r="C1084" s="53">
        <v>16813.8796992481</v>
      </c>
      <c r="D1084" s="53">
        <v>16813.8796992481</v>
      </c>
      <c r="E1084" s="53">
        <v>16813.8796992481</v>
      </c>
      <c r="F1084" s="53">
        <v>16813.8796992481</v>
      </c>
      <c r="G1084" s="53">
        <v>16813.8796992481</v>
      </c>
      <c r="H1084" s="53">
        <v>16813.8796992481</v>
      </c>
      <c r="I1084" s="53">
        <v>16813.8796992481</v>
      </c>
      <c r="J1084" s="53">
        <v>16813.8796992481</v>
      </c>
      <c r="K1084" s="53">
        <v>16813.8796992481</v>
      </c>
      <c r="L1084" s="53">
        <v>16813.8796992481</v>
      </c>
      <c r="M1084" s="53">
        <v>16813.8796992481</v>
      </c>
      <c r="N1084" s="53">
        <v>201766.556390977</v>
      </c>
      <c r="O1084" s="53">
        <v>16813.8796992481</v>
      </c>
      <c r="P1084" s="53">
        <v>16813.8796992481</v>
      </c>
      <c r="Q1084" s="53">
        <v>16813.8796992481</v>
      </c>
      <c r="R1084" s="53">
        <v>16813.8796992481</v>
      </c>
      <c r="S1084" s="53">
        <v>16813.8796992481</v>
      </c>
      <c r="T1084" s="53">
        <v>16813.8796992481</v>
      </c>
      <c r="U1084" s="53">
        <v>16813.8796992481</v>
      </c>
      <c r="V1084" s="53">
        <v>16813.8796992481</v>
      </c>
      <c r="W1084" s="53">
        <v>16813.8796992481</v>
      </c>
      <c r="X1084" s="53">
        <v>16813.8796992481</v>
      </c>
      <c r="Y1084" s="53">
        <v>16813.8796992481</v>
      </c>
      <c r="Z1084" s="53">
        <v>16813.8796992481</v>
      </c>
      <c r="AA1084" s="53">
        <v>201766.556390977</v>
      </c>
      <c r="AB1084" s="53">
        <v>16813.8796992481</v>
      </c>
      <c r="AC1084" s="53">
        <v>16813.8796992481</v>
      </c>
      <c r="AD1084" s="53">
        <v>16813.8796992481</v>
      </c>
      <c r="AE1084" s="53">
        <v>16813.8796992481</v>
      </c>
      <c r="AF1084" s="53">
        <v>16813.8796992481</v>
      </c>
      <c r="AG1084" s="53">
        <v>16813.8796992481</v>
      </c>
      <c r="AH1084" s="53">
        <v>16813.8796992481</v>
      </c>
      <c r="AI1084" s="53">
        <v>16813.8796992481</v>
      </c>
      <c r="AJ1084" s="53">
        <v>16813.8796992481</v>
      </c>
      <c r="AK1084" s="53">
        <v>16813.8796992481</v>
      </c>
      <c r="AL1084" s="53">
        <v>16813.8796992481</v>
      </c>
      <c r="AM1084" s="53">
        <v>16813.8796992481</v>
      </c>
      <c r="AN1084" s="53">
        <v>201766.556390977</v>
      </c>
      <c r="AO1084" s="53">
        <v>16813.8796992481</v>
      </c>
      <c r="AP1084" s="53">
        <v>16813.8796992481</v>
      </c>
      <c r="AQ1084" s="53">
        <v>16813.8796992481</v>
      </c>
      <c r="AR1084" s="53">
        <v>16813.8796992481</v>
      </c>
      <c r="AS1084" s="53">
        <v>16813.8796992481</v>
      </c>
      <c r="AT1084" s="53">
        <v>16813.8796992481</v>
      </c>
      <c r="AU1084" s="53">
        <v>16813.8796992481</v>
      </c>
      <c r="AV1084" s="53">
        <v>16813.8796992481</v>
      </c>
      <c r="AW1084" s="53">
        <v>16813.8796992481</v>
      </c>
      <c r="AX1084" s="53">
        <v>16813.8796992481</v>
      </c>
      <c r="AY1084" s="53">
        <v>16813.8796992481</v>
      </c>
      <c r="AZ1084" s="53">
        <v>16813.8796992481</v>
      </c>
      <c r="BA1084" s="53">
        <v>201766.556390977</v>
      </c>
      <c r="BB1084" s="53">
        <v>16813.8796992481</v>
      </c>
      <c r="BC1084" s="53">
        <v>16813.8796992481</v>
      </c>
      <c r="BD1084" s="53">
        <v>16813.8796992481</v>
      </c>
      <c r="BE1084" s="53">
        <v>16813.8796992481</v>
      </c>
      <c r="BF1084" s="53">
        <v>16813.8796992481</v>
      </c>
      <c r="BG1084" s="53">
        <v>16813.8796992481</v>
      </c>
      <c r="BH1084" s="53">
        <v>16813.8796992481</v>
      </c>
      <c r="BI1084" s="53">
        <v>16813.8796992481</v>
      </c>
      <c r="BJ1084" s="53">
        <v>16813.8796992481</v>
      </c>
      <c r="BK1084" s="53">
        <v>16813.8796992481</v>
      </c>
      <c r="BL1084" s="53">
        <v>16813.8796992481</v>
      </c>
      <c r="BM1084" s="53">
        <v>16813.8796992481</v>
      </c>
      <c r="BN1084" s="53">
        <v>201766.556390977</v>
      </c>
      <c r="BO1084" s="53">
        <v>16813.8796992481</v>
      </c>
      <c r="BP1084" s="53">
        <v>16813.8796992481</v>
      </c>
      <c r="BQ1084" s="53">
        <v>16813.8796992481</v>
      </c>
      <c r="BR1084" s="53">
        <v>16813.8796992481</v>
      </c>
      <c r="BS1084" s="53">
        <v>16813.8796992481</v>
      </c>
      <c r="BT1084" s="53">
        <v>16813.8796992481</v>
      </c>
      <c r="BU1084" s="53">
        <v>8406.9398496240701</v>
      </c>
      <c r="BV1084" s="53"/>
      <c r="BW1084" s="53"/>
      <c r="BX1084" s="53"/>
      <c r="BY1084" s="53"/>
      <c r="BZ1084" s="53"/>
      <c r="CA1084" s="53">
        <v>109290.21804511199</v>
      </c>
      <c r="CB1084" s="53"/>
      <c r="CC1084" s="53"/>
      <c r="CD1084" s="53"/>
      <c r="CE1084" s="53"/>
      <c r="CF1084" s="53"/>
      <c r="CG1084" s="53"/>
      <c r="CH1084" s="53"/>
      <c r="CI1084" s="53"/>
      <c r="CJ1084" s="53"/>
      <c r="CK1084" s="53"/>
      <c r="CL1084" s="53"/>
      <c r="CM1084" s="53"/>
      <c r="CN1084" s="53"/>
    </row>
    <row r="1085" spans="1:92" outlineLevel="1">
      <c r="A1085" s="52" t="s">
        <v>726</v>
      </c>
      <c r="B1085" s="53">
        <v>-308004.32530120399</v>
      </c>
      <c r="C1085" s="53">
        <v>-308004.32530120399</v>
      </c>
      <c r="D1085" s="53">
        <v>-308004.32530120399</v>
      </c>
      <c r="E1085" s="53">
        <v>-308004.32530120399</v>
      </c>
      <c r="F1085" s="53">
        <v>-308004.32530120399</v>
      </c>
      <c r="G1085" s="53">
        <v>-308004.32530120399</v>
      </c>
      <c r="H1085" s="53">
        <v>-308004.32530120399</v>
      </c>
      <c r="I1085" s="53">
        <v>-308004.32530120399</v>
      </c>
      <c r="J1085" s="53">
        <v>-308004.32530120399</v>
      </c>
      <c r="K1085" s="53">
        <v>-308004.32530120399</v>
      </c>
      <c r="L1085" s="53">
        <v>-308004.32530120399</v>
      </c>
      <c r="M1085" s="53">
        <v>-308004.32530120399</v>
      </c>
      <c r="N1085" s="53">
        <v>-3696051.9036144498</v>
      </c>
      <c r="O1085" s="53">
        <v>-308004.32530120399</v>
      </c>
      <c r="P1085" s="53">
        <v>-308004.32530120399</v>
      </c>
      <c r="Q1085" s="53">
        <v>-308004.32530120399</v>
      </c>
      <c r="R1085" s="53">
        <v>-308004.32530120399</v>
      </c>
      <c r="S1085" s="53">
        <v>-308004.32530120399</v>
      </c>
      <c r="T1085" s="53">
        <v>-308004.32530120399</v>
      </c>
      <c r="U1085" s="53">
        <v>-308004.32530120399</v>
      </c>
      <c r="V1085" s="53">
        <v>-308004.32530120399</v>
      </c>
      <c r="W1085" s="53">
        <v>-308004.32530120399</v>
      </c>
      <c r="X1085" s="53">
        <v>-308004.32530120399</v>
      </c>
      <c r="Y1085" s="53">
        <v>-308004.32530120498</v>
      </c>
      <c r="Z1085" s="53">
        <v>-308004.32530120399</v>
      </c>
      <c r="AA1085" s="53">
        <v>-3696051.9036144498</v>
      </c>
      <c r="AB1085" s="53">
        <v>-308004.32530120498</v>
      </c>
      <c r="AC1085" s="53">
        <v>-308004.32530120498</v>
      </c>
      <c r="AD1085" s="53">
        <v>-308004.32530120498</v>
      </c>
      <c r="AE1085" s="53">
        <v>-308004.32530120498</v>
      </c>
      <c r="AF1085" s="53">
        <v>-308004.32530120498</v>
      </c>
      <c r="AG1085" s="53">
        <v>-308004.32530120498</v>
      </c>
      <c r="AH1085" s="53">
        <v>-308004.32530120498</v>
      </c>
      <c r="AI1085" s="53">
        <v>-308004.32530120498</v>
      </c>
      <c r="AJ1085" s="53">
        <v>-308004.32530120498</v>
      </c>
      <c r="AK1085" s="53">
        <v>-308004.32530120498</v>
      </c>
      <c r="AL1085" s="53">
        <v>-308004.32530120498</v>
      </c>
      <c r="AM1085" s="53">
        <v>-308004.32530120498</v>
      </c>
      <c r="AN1085" s="53">
        <v>-3696051.9036144498</v>
      </c>
      <c r="AO1085" s="53">
        <v>-308004.32530120498</v>
      </c>
      <c r="AP1085" s="53">
        <v>-308004.32530120498</v>
      </c>
      <c r="AQ1085" s="53">
        <v>-308004.32530120498</v>
      </c>
      <c r="AR1085" s="53">
        <v>-308004.32530120498</v>
      </c>
      <c r="AS1085" s="53">
        <v>-308004.32530120498</v>
      </c>
      <c r="AT1085" s="53">
        <v>-308004.32530120498</v>
      </c>
      <c r="AU1085" s="53">
        <v>-308004.32530120498</v>
      </c>
      <c r="AV1085" s="53">
        <v>-308004.32530120498</v>
      </c>
      <c r="AW1085" s="53">
        <v>-308004.32530120498</v>
      </c>
      <c r="AX1085" s="53">
        <v>-308004.32530120498</v>
      </c>
      <c r="AY1085" s="53">
        <v>-308004.32530120498</v>
      </c>
      <c r="AZ1085" s="53">
        <v>-308004.32530120498</v>
      </c>
      <c r="BA1085" s="53">
        <v>-3696051.90361446</v>
      </c>
      <c r="BB1085" s="53">
        <v>-308004.32530120498</v>
      </c>
      <c r="BC1085" s="53">
        <v>-308004.32530120498</v>
      </c>
      <c r="BD1085" s="53">
        <v>-308004.32530120498</v>
      </c>
      <c r="BE1085" s="53">
        <v>-308004.32530120498</v>
      </c>
      <c r="BF1085" s="53">
        <v>-308004.32530120498</v>
      </c>
      <c r="BG1085" s="53">
        <v>-308004.32530120498</v>
      </c>
      <c r="BH1085" s="53">
        <v>-308004.32530120498</v>
      </c>
      <c r="BI1085" s="53">
        <v>-308004.32530120498</v>
      </c>
      <c r="BJ1085" s="53">
        <v>-308004.32530120498</v>
      </c>
      <c r="BK1085" s="53">
        <v>-308004.32530120498</v>
      </c>
      <c r="BL1085" s="53">
        <v>-308004.32530120498</v>
      </c>
      <c r="BM1085" s="53">
        <v>-308004.32530120498</v>
      </c>
      <c r="BN1085" s="53">
        <v>-3696051.90361446</v>
      </c>
      <c r="BO1085" s="53">
        <v>-308004.32530120498</v>
      </c>
      <c r="BP1085" s="53">
        <v>-308004.32530120498</v>
      </c>
      <c r="BQ1085" s="53">
        <v>-308004.32530120498</v>
      </c>
      <c r="BR1085" s="53">
        <v>-308004.32530120498</v>
      </c>
      <c r="BS1085" s="53">
        <v>-308004.32530120498</v>
      </c>
      <c r="BT1085" s="53">
        <v>-308004.32530120498</v>
      </c>
      <c r="BU1085" s="53">
        <v>-308004.32530120498</v>
      </c>
      <c r="BV1085" s="53">
        <v>-308004.32530120498</v>
      </c>
      <c r="BW1085" s="53">
        <v>-308004.32530120498</v>
      </c>
      <c r="BX1085" s="53">
        <v>-308004.32530120498</v>
      </c>
      <c r="BY1085" s="53">
        <v>-308004.32530120498</v>
      </c>
      <c r="BZ1085" s="53">
        <v>-308004.32530120498</v>
      </c>
      <c r="CA1085" s="53">
        <v>-3696051.90361446</v>
      </c>
      <c r="CB1085" s="53"/>
      <c r="CC1085" s="53"/>
      <c r="CD1085" s="53"/>
      <c r="CE1085" s="53"/>
      <c r="CF1085" s="53"/>
      <c r="CG1085" s="53"/>
      <c r="CH1085" s="53"/>
      <c r="CI1085" s="53"/>
      <c r="CJ1085" s="53"/>
      <c r="CK1085" s="53"/>
      <c r="CL1085" s="53"/>
      <c r="CM1085" s="53"/>
      <c r="CN1085" s="53"/>
    </row>
    <row r="1086" spans="1:92" outlineLevel="1">
      <c r="A1086" s="52" t="s">
        <v>728</v>
      </c>
      <c r="B1086" s="53">
        <v>-199670.97206703899</v>
      </c>
      <c r="C1086" s="53">
        <v>-199670.97206703899</v>
      </c>
      <c r="D1086" s="53">
        <v>-199670.97206703899</v>
      </c>
      <c r="E1086" s="53">
        <v>-199670.97206703899</v>
      </c>
      <c r="F1086" s="53">
        <v>-199670.97206703899</v>
      </c>
      <c r="G1086" s="53">
        <v>-199670.97206703899</v>
      </c>
      <c r="H1086" s="53">
        <v>-199670.97206703899</v>
      </c>
      <c r="I1086" s="53">
        <v>-199670.972067038</v>
      </c>
      <c r="J1086" s="53">
        <v>-199670.972067038</v>
      </c>
      <c r="K1086" s="53">
        <v>-199670.972067038</v>
      </c>
      <c r="L1086" s="53">
        <v>-199670.97206703899</v>
      </c>
      <c r="M1086" s="53">
        <v>-199670.97206703899</v>
      </c>
      <c r="N1086" s="53">
        <v>-2396051.66480446</v>
      </c>
      <c r="O1086" s="53">
        <v>-199670.97206703899</v>
      </c>
      <c r="P1086" s="53">
        <v>-199670.97206703899</v>
      </c>
      <c r="Q1086" s="53">
        <v>-199670.97206703899</v>
      </c>
      <c r="R1086" s="53">
        <v>-199670.97206703899</v>
      </c>
      <c r="S1086" s="53">
        <v>-199670.97206703899</v>
      </c>
      <c r="T1086" s="53">
        <v>-199670.97206703899</v>
      </c>
      <c r="U1086" s="53">
        <v>-199670.97206703899</v>
      </c>
      <c r="V1086" s="53">
        <v>-199670.97206703899</v>
      </c>
      <c r="W1086" s="53">
        <v>-199670.97206703899</v>
      </c>
      <c r="X1086" s="53">
        <v>-199670.97206703899</v>
      </c>
      <c r="Y1086" s="53">
        <v>-199670.97206703899</v>
      </c>
      <c r="Z1086" s="53">
        <v>-199670.97206703899</v>
      </c>
      <c r="AA1086" s="53">
        <v>-2396051.66480446</v>
      </c>
      <c r="AB1086" s="53">
        <v>-199670.97206703899</v>
      </c>
      <c r="AC1086" s="53">
        <v>-199670.97206703899</v>
      </c>
      <c r="AD1086" s="53">
        <v>-199670.97206703899</v>
      </c>
      <c r="AE1086" s="53">
        <v>-199670.97206703899</v>
      </c>
      <c r="AF1086" s="53">
        <v>-199670.97206703899</v>
      </c>
      <c r="AG1086" s="53">
        <v>-199670.97206703899</v>
      </c>
      <c r="AH1086" s="53">
        <v>-199670.97206703899</v>
      </c>
      <c r="AI1086" s="53">
        <v>-199670.97206703899</v>
      </c>
      <c r="AJ1086" s="53">
        <v>-199670.97206703899</v>
      </c>
      <c r="AK1086" s="53">
        <v>-199670.97206703899</v>
      </c>
      <c r="AL1086" s="53">
        <v>-199670.97206703899</v>
      </c>
      <c r="AM1086" s="53">
        <v>-199670.97206703899</v>
      </c>
      <c r="AN1086" s="53">
        <v>-2396051.66480446</v>
      </c>
      <c r="AO1086" s="53">
        <v>-199670.97206703899</v>
      </c>
      <c r="AP1086" s="53">
        <v>-199670.97206703899</v>
      </c>
      <c r="AQ1086" s="53">
        <v>-199670.97206703899</v>
      </c>
      <c r="AR1086" s="53">
        <v>-199670.97206703899</v>
      </c>
      <c r="AS1086" s="53">
        <v>-199670.97206703899</v>
      </c>
      <c r="AT1086" s="53">
        <v>-199670.97206703899</v>
      </c>
      <c r="AU1086" s="53">
        <v>-199670.97206703899</v>
      </c>
      <c r="AV1086" s="53">
        <v>-199670.97206703899</v>
      </c>
      <c r="AW1086" s="53">
        <v>-199670.97206703899</v>
      </c>
      <c r="AX1086" s="53">
        <v>-199670.97206703899</v>
      </c>
      <c r="AY1086" s="53">
        <v>-199670.97206703899</v>
      </c>
      <c r="AZ1086" s="53">
        <v>-199670.97206703899</v>
      </c>
      <c r="BA1086" s="53">
        <v>-2396051.6648044698</v>
      </c>
      <c r="BB1086" s="53">
        <v>-199670.97206703899</v>
      </c>
      <c r="BC1086" s="53">
        <v>-199670.97206703899</v>
      </c>
      <c r="BD1086" s="53">
        <v>-199670.97206703899</v>
      </c>
      <c r="BE1086" s="53">
        <v>-199670.97206703899</v>
      </c>
      <c r="BF1086" s="53">
        <v>-199670.97206703899</v>
      </c>
      <c r="BG1086" s="53">
        <v>-199670.97206703899</v>
      </c>
      <c r="BH1086" s="53">
        <v>-199670.97206703899</v>
      </c>
      <c r="BI1086" s="53">
        <v>-199670.97206703899</v>
      </c>
      <c r="BJ1086" s="53">
        <v>-199670.97206703899</v>
      </c>
      <c r="BK1086" s="53">
        <v>-199670.97206703899</v>
      </c>
      <c r="BL1086" s="53">
        <v>-199670.97206703899</v>
      </c>
      <c r="BM1086" s="53">
        <v>-199670.97206703899</v>
      </c>
      <c r="BN1086" s="53">
        <v>-2396051.6648044698</v>
      </c>
      <c r="BO1086" s="53">
        <v>-199670.97206703899</v>
      </c>
      <c r="BP1086" s="53">
        <v>-199670.97206703899</v>
      </c>
      <c r="BQ1086" s="53">
        <v>-199670.97206703899</v>
      </c>
      <c r="BR1086" s="53">
        <v>-199670.97206703899</v>
      </c>
      <c r="BS1086" s="53">
        <v>-199670.97206703899</v>
      </c>
      <c r="BT1086" s="53">
        <v>-199670.97206703899</v>
      </c>
      <c r="BU1086" s="53">
        <v>-199670.97206703899</v>
      </c>
      <c r="BV1086" s="53">
        <v>-199670.97206703899</v>
      </c>
      <c r="BW1086" s="53">
        <v>-199670.97206703899</v>
      </c>
      <c r="BX1086" s="53">
        <v>-199670.97206703899</v>
      </c>
      <c r="BY1086" s="53">
        <v>-199670.97206703899</v>
      </c>
      <c r="BZ1086" s="53">
        <v>-199670.97206703899</v>
      </c>
      <c r="CA1086" s="53">
        <v>-2396051.6648044698</v>
      </c>
      <c r="CB1086" s="53"/>
      <c r="CC1086" s="53"/>
      <c r="CD1086" s="53"/>
      <c r="CE1086" s="53"/>
      <c r="CF1086" s="53"/>
      <c r="CG1086" s="53"/>
      <c r="CH1086" s="53"/>
      <c r="CI1086" s="53"/>
      <c r="CJ1086" s="53"/>
      <c r="CK1086" s="53"/>
      <c r="CL1086" s="53"/>
      <c r="CM1086" s="53"/>
      <c r="CN1086" s="53"/>
    </row>
    <row r="1087" spans="1:92" outlineLevel="1">
      <c r="A1087" s="52" t="s">
        <v>729</v>
      </c>
      <c r="B1087" s="53">
        <v>-115069.469767441</v>
      </c>
      <c r="C1087" s="53">
        <v>-115069.469767441</v>
      </c>
      <c r="D1087" s="53">
        <v>-115069.469767441</v>
      </c>
      <c r="E1087" s="53">
        <v>-115069.469767441</v>
      </c>
      <c r="F1087" s="53">
        <v>-115069.469767441</v>
      </c>
      <c r="G1087" s="53">
        <v>-115069.469767441</v>
      </c>
      <c r="H1087" s="53">
        <v>-115069.469767441</v>
      </c>
      <c r="I1087" s="53">
        <v>-115069.469767441</v>
      </c>
      <c r="J1087" s="53">
        <v>-115069.469767441</v>
      </c>
      <c r="K1087" s="53">
        <v>-115069.469767441</v>
      </c>
      <c r="L1087" s="53">
        <v>-115069.469767441</v>
      </c>
      <c r="M1087" s="53">
        <v>-115069.469767441</v>
      </c>
      <c r="N1087" s="53">
        <v>-1380833.6372093</v>
      </c>
      <c r="O1087" s="53">
        <v>-115069.469767441</v>
      </c>
      <c r="P1087" s="53">
        <v>-115069.469767441</v>
      </c>
      <c r="Q1087" s="53">
        <v>-115069.469767441</v>
      </c>
      <c r="R1087" s="53">
        <v>-115069.469767441</v>
      </c>
      <c r="S1087" s="53">
        <v>-115069.469767441</v>
      </c>
      <c r="T1087" s="53">
        <v>-115069.469767441</v>
      </c>
      <c r="U1087" s="53">
        <v>-115069.469767441</v>
      </c>
      <c r="V1087" s="53">
        <v>-115069.469767441</v>
      </c>
      <c r="W1087" s="53">
        <v>-115069.469767441</v>
      </c>
      <c r="X1087" s="53">
        <v>-115069.469767441</v>
      </c>
      <c r="Y1087" s="53">
        <v>-115069.469767441</v>
      </c>
      <c r="Z1087" s="53">
        <v>-115069.469767441</v>
      </c>
      <c r="AA1087" s="53">
        <v>-1380833.6372093</v>
      </c>
      <c r="AB1087" s="53">
        <v>-115069.469767441</v>
      </c>
      <c r="AC1087" s="53">
        <v>-115069.469767441</v>
      </c>
      <c r="AD1087" s="53">
        <v>-115069.469767441</v>
      </c>
      <c r="AE1087" s="53">
        <v>-115069.469767441</v>
      </c>
      <c r="AF1087" s="53">
        <v>-115069.469767441</v>
      </c>
      <c r="AG1087" s="53">
        <v>-115069.469767441</v>
      </c>
      <c r="AH1087" s="53">
        <v>-115069.469767441</v>
      </c>
      <c r="AI1087" s="53">
        <v>-115069.469767441</v>
      </c>
      <c r="AJ1087" s="53">
        <v>-115069.469767441</v>
      </c>
      <c r="AK1087" s="53">
        <v>-115069.469767441</v>
      </c>
      <c r="AL1087" s="53">
        <v>-115069.469767441</v>
      </c>
      <c r="AM1087" s="53">
        <v>-115069.469767441</v>
      </c>
      <c r="AN1087" s="53">
        <v>-1380833.6372093</v>
      </c>
      <c r="AO1087" s="53">
        <v>-115069.469767441</v>
      </c>
      <c r="AP1087" s="53">
        <v>-115069.469767441</v>
      </c>
      <c r="AQ1087" s="53">
        <v>-115069.469767441</v>
      </c>
      <c r="AR1087" s="53">
        <v>-115069.469767441</v>
      </c>
      <c r="AS1087" s="53">
        <v>-115069.469767441</v>
      </c>
      <c r="AT1087" s="53">
        <v>-115069.469767441</v>
      </c>
      <c r="AU1087" s="53">
        <v>-115069.469767441</v>
      </c>
      <c r="AV1087" s="53">
        <v>-115069.469767441</v>
      </c>
      <c r="AW1087" s="53">
        <v>-115069.469767441</v>
      </c>
      <c r="AX1087" s="53">
        <v>-115069.469767441</v>
      </c>
      <c r="AY1087" s="53">
        <v>-115069.469767441</v>
      </c>
      <c r="AZ1087" s="53">
        <v>-115069.469767441</v>
      </c>
      <c r="BA1087" s="53">
        <v>-1380833.6372093</v>
      </c>
      <c r="BB1087" s="53">
        <v>-115069.469767441</v>
      </c>
      <c r="BC1087" s="53">
        <v>-115069.469767441</v>
      </c>
      <c r="BD1087" s="53">
        <v>-115069.469767441</v>
      </c>
      <c r="BE1087" s="53">
        <v>-115069.469767441</v>
      </c>
      <c r="BF1087" s="53">
        <v>-115069.469767441</v>
      </c>
      <c r="BG1087" s="53">
        <v>-115069.469767441</v>
      </c>
      <c r="BH1087" s="53">
        <v>-115069.469767441</v>
      </c>
      <c r="BI1087" s="53">
        <v>-115069.469767441</v>
      </c>
      <c r="BJ1087" s="53">
        <v>-115069.469767441</v>
      </c>
      <c r="BK1087" s="53">
        <v>-115069.469767441</v>
      </c>
      <c r="BL1087" s="53">
        <v>-115069.469767441</v>
      </c>
      <c r="BM1087" s="53">
        <v>-115069.469767441</v>
      </c>
      <c r="BN1087" s="53">
        <v>-1380833.6372093</v>
      </c>
      <c r="BO1087" s="53">
        <v>-115069.469767441</v>
      </c>
      <c r="BP1087" s="53">
        <v>-115069.469767441</v>
      </c>
      <c r="BQ1087" s="53">
        <v>-115069.469767441</v>
      </c>
      <c r="BR1087" s="53">
        <v>-115069.469767441</v>
      </c>
      <c r="BS1087" s="53">
        <v>-115069.469767441</v>
      </c>
      <c r="BT1087" s="53">
        <v>-115069.469767441</v>
      </c>
      <c r="BU1087" s="53">
        <v>-115069.469767441</v>
      </c>
      <c r="BV1087" s="53">
        <v>-115069.469767441</v>
      </c>
      <c r="BW1087" s="53">
        <v>-115069.469767441</v>
      </c>
      <c r="BX1087" s="53">
        <v>-115069.469767441</v>
      </c>
      <c r="BY1087" s="53">
        <v>-115069.469767441</v>
      </c>
      <c r="BZ1087" s="53">
        <v>-115069.469767441</v>
      </c>
      <c r="CA1087" s="53">
        <v>-1380833.6372093</v>
      </c>
      <c r="CB1087" s="53"/>
      <c r="CC1087" s="53"/>
      <c r="CD1087" s="53"/>
      <c r="CE1087" s="53"/>
      <c r="CF1087" s="53"/>
      <c r="CG1087" s="53"/>
      <c r="CH1087" s="53"/>
      <c r="CI1087" s="53"/>
      <c r="CJ1087" s="53"/>
      <c r="CK1087" s="53"/>
      <c r="CL1087" s="53"/>
      <c r="CM1087" s="53"/>
      <c r="CN1087" s="53"/>
    </row>
    <row r="1088" spans="1:92" outlineLevel="1">
      <c r="A1088" s="52" t="s">
        <v>735</v>
      </c>
      <c r="B1088" s="53"/>
      <c r="C1088" s="53"/>
      <c r="D1088" s="53"/>
      <c r="E1088" s="53"/>
      <c r="F1088" s="53"/>
      <c r="G1088" s="53"/>
      <c r="H1088" s="53"/>
      <c r="I1088" s="53"/>
      <c r="J1088" s="53"/>
      <c r="K1088" s="53"/>
      <c r="L1088" s="53"/>
      <c r="M1088" s="53"/>
      <c r="N1088" s="53"/>
      <c r="O1088" s="53"/>
      <c r="P1088" s="53"/>
      <c r="Q1088" s="53"/>
      <c r="R1088" s="53"/>
      <c r="S1088" s="53"/>
      <c r="T1088" s="53"/>
      <c r="U1088" s="53"/>
      <c r="V1088" s="53"/>
      <c r="W1088" s="53"/>
      <c r="X1088" s="53"/>
      <c r="Y1088" s="53"/>
      <c r="Z1088" s="53"/>
      <c r="AA1088" s="53"/>
      <c r="AB1088" s="53"/>
      <c r="AC1088" s="53"/>
      <c r="AD1088" s="53"/>
      <c r="AE1088" s="53"/>
      <c r="AF1088" s="53"/>
      <c r="AG1088" s="53"/>
      <c r="AH1088" s="53"/>
      <c r="AI1088" s="53"/>
      <c r="AJ1088" s="53"/>
      <c r="AK1088" s="53"/>
      <c r="AL1088" s="53"/>
      <c r="AM1088" s="53"/>
      <c r="AN1088" s="53"/>
      <c r="AO1088" s="53"/>
      <c r="AP1088" s="53"/>
      <c r="AQ1088" s="53"/>
      <c r="AR1088" s="53"/>
      <c r="AS1088" s="53"/>
      <c r="AT1088" s="53"/>
      <c r="AU1088" s="53"/>
      <c r="AV1088" s="53"/>
      <c r="AW1088" s="53"/>
      <c r="AX1088" s="53"/>
      <c r="AY1088" s="53"/>
      <c r="AZ1088" s="53"/>
      <c r="BA1088" s="53"/>
      <c r="BB1088" s="53"/>
      <c r="BC1088" s="53"/>
      <c r="BD1088" s="53"/>
      <c r="BE1088" s="53"/>
      <c r="BF1088" s="53"/>
      <c r="BG1088" s="53"/>
      <c r="BH1088" s="53"/>
      <c r="BI1088" s="53"/>
      <c r="BJ1088" s="53"/>
      <c r="BK1088" s="53"/>
      <c r="BL1088" s="53"/>
      <c r="BM1088" s="53"/>
      <c r="BN1088" s="53"/>
      <c r="BO1088" s="53"/>
      <c r="BP1088" s="53"/>
      <c r="BQ1088" s="53"/>
      <c r="BR1088" s="53"/>
      <c r="BS1088" s="53"/>
      <c r="BT1088" s="53"/>
      <c r="BU1088" s="53"/>
      <c r="BV1088" s="53"/>
      <c r="BW1088" s="53"/>
      <c r="BX1088" s="53"/>
      <c r="BY1088" s="53"/>
      <c r="BZ1088" s="53"/>
      <c r="CA1088" s="53"/>
      <c r="CB1088" s="53"/>
      <c r="CC1088" s="53"/>
      <c r="CD1088" s="53"/>
      <c r="CE1088" s="53"/>
      <c r="CF1088" s="53"/>
      <c r="CG1088" s="53"/>
      <c r="CH1088" s="53"/>
      <c r="CI1088" s="53"/>
      <c r="CJ1088" s="53"/>
      <c r="CK1088" s="53"/>
      <c r="CL1088" s="53"/>
      <c r="CM1088" s="53"/>
      <c r="CN1088" s="53"/>
    </row>
    <row r="1089" spans="1:92" outlineLevel="1">
      <c r="A1089" s="52" t="s">
        <v>736</v>
      </c>
      <c r="B1089" s="53"/>
      <c r="C1089" s="53"/>
      <c r="D1089" s="53"/>
      <c r="E1089" s="53"/>
      <c r="F1089" s="53"/>
      <c r="G1089" s="53"/>
      <c r="H1089" s="53"/>
      <c r="I1089" s="53"/>
      <c r="J1089" s="53"/>
      <c r="K1089" s="53"/>
      <c r="L1089" s="53"/>
      <c r="M1089" s="53"/>
      <c r="N1089" s="53"/>
      <c r="O1089" s="53"/>
      <c r="P1089" s="53"/>
      <c r="Q1089" s="53"/>
      <c r="R1089" s="53"/>
      <c r="S1089" s="53"/>
      <c r="T1089" s="53"/>
      <c r="U1089" s="53"/>
      <c r="V1089" s="53"/>
      <c r="W1089" s="53"/>
      <c r="X1089" s="53"/>
      <c r="Y1089" s="53"/>
      <c r="Z1089" s="53"/>
      <c r="AA1089" s="53"/>
      <c r="AB1089" s="53"/>
      <c r="AC1089" s="53"/>
      <c r="AD1089" s="53"/>
      <c r="AE1089" s="53"/>
      <c r="AF1089" s="53"/>
      <c r="AG1089" s="53"/>
      <c r="AH1089" s="53"/>
      <c r="AI1089" s="53"/>
      <c r="AJ1089" s="53"/>
      <c r="AK1089" s="53"/>
      <c r="AL1089" s="53"/>
      <c r="AM1089" s="53"/>
      <c r="AN1089" s="53"/>
      <c r="AO1089" s="53"/>
      <c r="AP1089" s="53"/>
      <c r="AQ1089" s="53"/>
      <c r="AR1089" s="53"/>
      <c r="AS1089" s="53"/>
      <c r="AT1089" s="53"/>
      <c r="AU1089" s="53"/>
      <c r="AV1089" s="53"/>
      <c r="AW1089" s="53"/>
      <c r="AX1089" s="53"/>
      <c r="AY1089" s="53"/>
      <c r="AZ1089" s="53"/>
      <c r="BA1089" s="53"/>
      <c r="BB1089" s="53"/>
      <c r="BC1089" s="53"/>
      <c r="BD1089" s="53"/>
      <c r="BE1089" s="53"/>
      <c r="BF1089" s="53"/>
      <c r="BG1089" s="53"/>
      <c r="BH1089" s="53"/>
      <c r="BI1089" s="53"/>
      <c r="BJ1089" s="53"/>
      <c r="BK1089" s="53"/>
      <c r="BL1089" s="53"/>
      <c r="BM1089" s="53"/>
      <c r="BN1089" s="53"/>
      <c r="BO1089" s="53"/>
      <c r="BP1089" s="53"/>
      <c r="BQ1089" s="53"/>
      <c r="BR1089" s="53"/>
      <c r="BS1089" s="53"/>
      <c r="BT1089" s="53"/>
      <c r="BU1089" s="53"/>
      <c r="BV1089" s="53"/>
      <c r="BW1089" s="53"/>
      <c r="BX1089" s="53"/>
      <c r="BY1089" s="53"/>
      <c r="BZ1089" s="53"/>
      <c r="CA1089" s="53"/>
      <c r="CB1089" s="53"/>
      <c r="CC1089" s="53"/>
      <c r="CD1089" s="53"/>
      <c r="CE1089" s="53"/>
      <c r="CF1089" s="53"/>
      <c r="CG1089" s="53"/>
      <c r="CH1089" s="53"/>
      <c r="CI1089" s="53"/>
      <c r="CJ1089" s="53"/>
      <c r="CK1089" s="53"/>
      <c r="CL1089" s="53"/>
      <c r="CM1089" s="53"/>
      <c r="CN1089" s="53"/>
    </row>
    <row r="1090" spans="1:92" outlineLevel="1">
      <c r="A1090" s="52" t="s">
        <v>737</v>
      </c>
      <c r="B1090" s="53">
        <v>-8902.2999999999993</v>
      </c>
      <c r="C1090" s="53">
        <v>-8902.3050847457598</v>
      </c>
      <c r="D1090" s="53">
        <v>-8902.2931034482699</v>
      </c>
      <c r="E1090" s="53">
        <v>-8902.2982456140307</v>
      </c>
      <c r="F1090" s="53">
        <v>-8902.3035714285706</v>
      </c>
      <c r="G1090" s="53">
        <v>-8902.3090909090897</v>
      </c>
      <c r="H1090" s="53">
        <v>-8902.2962962962902</v>
      </c>
      <c r="I1090" s="53">
        <v>-8902.3018867924493</v>
      </c>
      <c r="J1090" s="53">
        <v>-8902.3076923076896</v>
      </c>
      <c r="K1090" s="53">
        <v>-8902.2941176470504</v>
      </c>
      <c r="L1090" s="53">
        <v>-8902.2999999999993</v>
      </c>
      <c r="M1090" s="53">
        <v>-8902.3061224489793</v>
      </c>
      <c r="N1090" s="53">
        <v>-106827.615211638</v>
      </c>
      <c r="O1090" s="53">
        <v>-8902.2916666666606</v>
      </c>
      <c r="P1090" s="53">
        <v>-8902.2916666666606</v>
      </c>
      <c r="Q1090" s="53">
        <v>-8902.2916666666606</v>
      </c>
      <c r="R1090" s="53">
        <v>-8902.2916666666606</v>
      </c>
      <c r="S1090" s="53">
        <v>-8902.2916666666606</v>
      </c>
      <c r="T1090" s="53">
        <v>-8902.2916666666606</v>
      </c>
      <c r="U1090" s="53">
        <v>-8902.2916666666606</v>
      </c>
      <c r="V1090" s="53">
        <v>-8902.2916666666606</v>
      </c>
      <c r="W1090" s="53">
        <v>-8902.2916666666606</v>
      </c>
      <c r="X1090" s="53">
        <v>-8902.2916666666606</v>
      </c>
      <c r="Y1090" s="53">
        <v>-8902.2916666666606</v>
      </c>
      <c r="Z1090" s="53">
        <v>-8902.2916666666697</v>
      </c>
      <c r="AA1090" s="53">
        <v>-106827.5</v>
      </c>
      <c r="AB1090" s="53">
        <v>-8902.2916666666697</v>
      </c>
      <c r="AC1090" s="53">
        <v>-8902.2916666666697</v>
      </c>
      <c r="AD1090" s="53">
        <v>-8902.2916666666697</v>
      </c>
      <c r="AE1090" s="53">
        <v>-8902.2916666666697</v>
      </c>
      <c r="AF1090" s="53">
        <v>-8902.2916666666697</v>
      </c>
      <c r="AG1090" s="53">
        <v>-8902.2916666666697</v>
      </c>
      <c r="AH1090" s="53">
        <v>-8902.2916666666697</v>
      </c>
      <c r="AI1090" s="53">
        <v>-8902.2916666666697</v>
      </c>
      <c r="AJ1090" s="53">
        <v>-8902.2916666666697</v>
      </c>
      <c r="AK1090" s="53">
        <v>-8902.2916666666697</v>
      </c>
      <c r="AL1090" s="53">
        <v>-8902.2916666666697</v>
      </c>
      <c r="AM1090" s="53">
        <v>-8902.2916666666697</v>
      </c>
      <c r="AN1090" s="53">
        <v>-106827.5</v>
      </c>
      <c r="AO1090" s="53">
        <v>-8902.2916666666697</v>
      </c>
      <c r="AP1090" s="53">
        <v>-8902.2916666666697</v>
      </c>
      <c r="AQ1090" s="53">
        <v>-8902.2916666666697</v>
      </c>
      <c r="AR1090" s="53">
        <v>-8902.2916666666697</v>
      </c>
      <c r="AS1090" s="53">
        <v>-8902.2916666666697</v>
      </c>
      <c r="AT1090" s="53">
        <v>-8902.2916666666697</v>
      </c>
      <c r="AU1090" s="53">
        <v>-8902.2916666666697</v>
      </c>
      <c r="AV1090" s="53">
        <v>-8902.2916666666697</v>
      </c>
      <c r="AW1090" s="53">
        <v>-8902.2916666666697</v>
      </c>
      <c r="AX1090" s="53">
        <v>-8902.2916666666697</v>
      </c>
      <c r="AY1090" s="53">
        <v>-8902.2916666666697</v>
      </c>
      <c r="AZ1090" s="53">
        <v>-8902.2916666666697</v>
      </c>
      <c r="BA1090" s="53">
        <v>-106827.5</v>
      </c>
      <c r="BB1090" s="53">
        <v>-8902.2916666666697</v>
      </c>
      <c r="BC1090" s="53">
        <v>-8902.2916666666697</v>
      </c>
      <c r="BD1090" s="53">
        <v>-8902.2916666666697</v>
      </c>
      <c r="BE1090" s="53">
        <v>-8902.2916666666697</v>
      </c>
      <c r="BF1090" s="53">
        <v>-8902.2916666666697</v>
      </c>
      <c r="BG1090" s="53">
        <v>-8902.2916666666697</v>
      </c>
      <c r="BH1090" s="53">
        <v>-8902.2916666666697</v>
      </c>
      <c r="BI1090" s="53">
        <v>-8902.2916666666697</v>
      </c>
      <c r="BJ1090" s="53">
        <v>-8902.2916666666697</v>
      </c>
      <c r="BK1090" s="53">
        <v>-8902.2916666666697</v>
      </c>
      <c r="BL1090" s="53">
        <v>-8902.2916666666697</v>
      </c>
      <c r="BM1090" s="53">
        <v>-8902.2916666666697</v>
      </c>
      <c r="BN1090" s="53">
        <v>-106827.5</v>
      </c>
      <c r="BO1090" s="53"/>
      <c r="BP1090" s="53"/>
      <c r="BQ1090" s="53"/>
      <c r="BR1090" s="53"/>
      <c r="BS1090" s="53"/>
      <c r="BT1090" s="53"/>
      <c r="BU1090" s="53"/>
      <c r="BV1090" s="53"/>
      <c r="BW1090" s="53"/>
      <c r="BX1090" s="53"/>
      <c r="BY1090" s="53"/>
      <c r="BZ1090" s="53"/>
      <c r="CA1090" s="53"/>
      <c r="CB1090" s="53"/>
      <c r="CC1090" s="53"/>
      <c r="CD1090" s="53"/>
      <c r="CE1090" s="53"/>
      <c r="CF1090" s="53"/>
      <c r="CG1090" s="53"/>
      <c r="CH1090" s="53"/>
      <c r="CI1090" s="53"/>
      <c r="CJ1090" s="53"/>
      <c r="CK1090" s="53"/>
      <c r="CL1090" s="53"/>
      <c r="CM1090" s="53"/>
      <c r="CN1090" s="53"/>
    </row>
    <row r="1091" spans="1:92" outlineLevel="1">
      <c r="A1091" s="52" t="s">
        <v>650</v>
      </c>
      <c r="B1091" s="53"/>
      <c r="C1091" s="53"/>
      <c r="D1091" s="53"/>
      <c r="E1091" s="53"/>
      <c r="F1091" s="53"/>
      <c r="G1091" s="53"/>
      <c r="H1091" s="53"/>
      <c r="I1091" s="53"/>
      <c r="J1091" s="53"/>
      <c r="K1091" s="53"/>
      <c r="L1091" s="53"/>
      <c r="M1091" s="53"/>
      <c r="N1091" s="53"/>
      <c r="O1091" s="53"/>
      <c r="P1091" s="53"/>
      <c r="Q1091" s="53"/>
      <c r="R1091" s="53"/>
      <c r="S1091" s="53"/>
      <c r="T1091" s="53"/>
      <c r="U1091" s="53"/>
      <c r="V1091" s="53"/>
      <c r="W1091" s="53"/>
      <c r="X1091" s="53"/>
      <c r="Y1091" s="53"/>
      <c r="Z1091" s="53"/>
      <c r="AA1091" s="53"/>
      <c r="AB1091" s="53"/>
      <c r="AC1091" s="53"/>
      <c r="AD1091" s="53"/>
      <c r="AE1091" s="53"/>
      <c r="AF1091" s="53"/>
      <c r="AG1091" s="53"/>
      <c r="AH1091" s="53"/>
      <c r="AI1091" s="53"/>
      <c r="AJ1091" s="53"/>
      <c r="AK1091" s="53"/>
      <c r="AL1091" s="53"/>
      <c r="AM1091" s="53"/>
      <c r="AN1091" s="53"/>
      <c r="AO1091" s="53"/>
      <c r="AP1091" s="53"/>
      <c r="AQ1091" s="53"/>
      <c r="AR1091" s="53"/>
      <c r="AS1091" s="53"/>
      <c r="AT1091" s="53"/>
      <c r="AU1091" s="53"/>
      <c r="AV1091" s="53"/>
      <c r="AW1091" s="53"/>
      <c r="AX1091" s="53"/>
      <c r="AY1091" s="53"/>
      <c r="AZ1091" s="53"/>
      <c r="BA1091" s="53"/>
      <c r="BB1091" s="53"/>
      <c r="BC1091" s="53"/>
      <c r="BD1091" s="53"/>
      <c r="BE1091" s="53"/>
      <c r="BF1091" s="53"/>
      <c r="BG1091" s="53"/>
      <c r="BH1091" s="53"/>
      <c r="BI1091" s="53"/>
      <c r="BJ1091" s="53"/>
      <c r="BK1091" s="53"/>
      <c r="BL1091" s="53"/>
      <c r="BM1091" s="53"/>
      <c r="BN1091" s="53"/>
      <c r="BO1091" s="53"/>
      <c r="BP1091" s="53"/>
      <c r="BQ1091" s="53"/>
      <c r="BR1091" s="53"/>
      <c r="BS1091" s="53"/>
      <c r="BT1091" s="53"/>
      <c r="BU1091" s="53"/>
      <c r="BV1091" s="53"/>
      <c r="BW1091" s="53"/>
      <c r="BX1091" s="53"/>
      <c r="BY1091" s="53"/>
      <c r="BZ1091" s="53"/>
      <c r="CA1091" s="53"/>
      <c r="CB1091" s="53"/>
      <c r="CC1091" s="53"/>
      <c r="CD1091" s="53"/>
      <c r="CE1091" s="53"/>
      <c r="CF1091" s="53"/>
      <c r="CG1091" s="53"/>
      <c r="CH1091" s="53"/>
      <c r="CI1091" s="53"/>
      <c r="CJ1091" s="53"/>
      <c r="CK1091" s="53"/>
      <c r="CL1091" s="53"/>
      <c r="CM1091" s="53"/>
      <c r="CN1091" s="53"/>
    </row>
    <row r="1092" spans="1:92" outlineLevel="1">
      <c r="A1092" s="52" t="s">
        <v>1404</v>
      </c>
      <c r="B1092" s="53"/>
      <c r="C1092" s="53"/>
      <c r="D1092" s="53"/>
      <c r="E1092" s="53"/>
      <c r="F1092" s="53"/>
      <c r="G1092" s="53"/>
      <c r="H1092" s="53"/>
      <c r="I1092" s="53"/>
      <c r="J1092" s="53"/>
      <c r="K1092" s="53"/>
      <c r="L1092" s="53"/>
      <c r="M1092" s="53"/>
      <c r="N1092" s="53"/>
      <c r="O1092" s="53"/>
      <c r="P1092" s="53"/>
      <c r="Q1092" s="53"/>
      <c r="R1092" s="53"/>
      <c r="S1092" s="53"/>
      <c r="T1092" s="53"/>
      <c r="U1092" s="53"/>
      <c r="V1092" s="53"/>
      <c r="W1092" s="53"/>
      <c r="X1092" s="53"/>
      <c r="Y1092" s="53"/>
      <c r="Z1092" s="53"/>
      <c r="AA1092" s="53"/>
      <c r="AB1092" s="53"/>
      <c r="AC1092" s="53"/>
      <c r="AD1092" s="53"/>
      <c r="AE1092" s="53"/>
      <c r="AF1092" s="53"/>
      <c r="AG1092" s="53"/>
      <c r="AH1092" s="53"/>
      <c r="AI1092" s="53"/>
      <c r="AJ1092" s="53"/>
      <c r="AK1092" s="53"/>
      <c r="AL1092" s="53"/>
      <c r="AM1092" s="53"/>
      <c r="AN1092" s="53"/>
      <c r="AO1092" s="53"/>
      <c r="AP1092" s="53"/>
      <c r="AQ1092" s="53"/>
      <c r="AR1092" s="53"/>
      <c r="AS1092" s="53"/>
      <c r="AT1092" s="53"/>
      <c r="AU1092" s="53"/>
      <c r="AV1092" s="53"/>
      <c r="AW1092" s="53"/>
      <c r="AX1092" s="53"/>
      <c r="AY1092" s="53"/>
      <c r="AZ1092" s="53"/>
      <c r="BA1092" s="53"/>
      <c r="BB1092" s="53"/>
      <c r="BC1092" s="53"/>
      <c r="BD1092" s="53"/>
      <c r="BE1092" s="53"/>
      <c r="BF1092" s="53"/>
      <c r="BG1092" s="53"/>
      <c r="BH1092" s="53"/>
      <c r="BI1092" s="53"/>
      <c r="BJ1092" s="53"/>
      <c r="BK1092" s="53"/>
      <c r="BL1092" s="53"/>
      <c r="BM1092" s="53"/>
      <c r="BN1092" s="53"/>
      <c r="BO1092" s="53"/>
      <c r="BP1092" s="53"/>
      <c r="BQ1092" s="53"/>
      <c r="BR1092" s="53"/>
      <c r="BS1092" s="53"/>
      <c r="BT1092" s="53"/>
      <c r="BU1092" s="53"/>
      <c r="BV1092" s="53"/>
      <c r="BW1092" s="53"/>
      <c r="BX1092" s="53"/>
      <c r="BY1092" s="53"/>
      <c r="BZ1092" s="53"/>
      <c r="CA1092" s="53"/>
      <c r="CB1092" s="53"/>
      <c r="CC1092" s="53"/>
      <c r="CD1092" s="53"/>
      <c r="CE1092" s="53"/>
      <c r="CF1092" s="53"/>
      <c r="CG1092" s="53"/>
      <c r="CH1092" s="53"/>
      <c r="CI1092" s="53"/>
      <c r="CJ1092" s="53"/>
      <c r="CK1092" s="53"/>
      <c r="CL1092" s="53"/>
      <c r="CM1092" s="53"/>
      <c r="CN1092" s="53"/>
    </row>
    <row r="1093" spans="1:92" outlineLevel="1">
      <c r="A1093" s="52" t="s">
        <v>649</v>
      </c>
      <c r="B1093" s="53"/>
      <c r="C1093" s="53"/>
      <c r="D1093" s="53"/>
      <c r="E1093" s="53"/>
      <c r="F1093" s="53"/>
      <c r="G1093" s="53"/>
      <c r="H1093" s="53"/>
      <c r="I1093" s="53"/>
      <c r="J1093" s="53"/>
      <c r="K1093" s="53"/>
      <c r="L1093" s="53"/>
      <c r="M1093" s="53"/>
      <c r="N1093" s="53"/>
      <c r="O1093" s="53"/>
      <c r="P1093" s="53"/>
      <c r="Q1093" s="53"/>
      <c r="R1093" s="53">
        <v>1056106.7838025701</v>
      </c>
      <c r="S1093" s="53">
        <v>939504.95851226896</v>
      </c>
      <c r="T1093" s="53">
        <v>806225.79444331594</v>
      </c>
      <c r="U1093" s="53">
        <v>655766.38637625903</v>
      </c>
      <c r="V1093" s="53">
        <v>494810.67529495398</v>
      </c>
      <c r="W1093" s="53">
        <v>331686.88066475</v>
      </c>
      <c r="X1093" s="53">
        <v>177165.39238004401</v>
      </c>
      <c r="Y1093" s="53">
        <v>42049.012347483302</v>
      </c>
      <c r="Z1093" s="53"/>
      <c r="AA1093" s="53">
        <v>4503315.8838216504</v>
      </c>
      <c r="AB1093" s="53"/>
      <c r="AC1093" s="53"/>
      <c r="AD1093" s="53"/>
      <c r="AE1093" s="53"/>
      <c r="AF1093" s="53"/>
      <c r="AG1093" s="53"/>
      <c r="AH1093" s="53"/>
      <c r="AI1093" s="53"/>
      <c r="AJ1093" s="53"/>
      <c r="AK1093" s="53"/>
      <c r="AL1093" s="53"/>
      <c r="AM1093" s="53"/>
      <c r="AN1093" s="53"/>
      <c r="AO1093" s="53"/>
      <c r="AP1093" s="53"/>
      <c r="AQ1093" s="53"/>
      <c r="AR1093" s="53"/>
      <c r="AS1093" s="53"/>
      <c r="AT1093" s="53"/>
      <c r="AU1093" s="53"/>
      <c r="AV1093" s="53"/>
      <c r="AW1093" s="53"/>
      <c r="AX1093" s="53"/>
      <c r="AY1093" s="53"/>
      <c r="AZ1093" s="53"/>
      <c r="BA1093" s="53"/>
      <c r="BB1093" s="53"/>
      <c r="BC1093" s="53"/>
      <c r="BD1093" s="53"/>
      <c r="BE1093" s="53"/>
      <c r="BF1093" s="53"/>
      <c r="BG1093" s="53"/>
      <c r="BH1093" s="53"/>
      <c r="BI1093" s="53"/>
      <c r="BJ1093" s="53"/>
      <c r="BK1093" s="53"/>
      <c r="BL1093" s="53"/>
      <c r="BM1093" s="53"/>
      <c r="BN1093" s="53"/>
      <c r="BO1093" s="53"/>
      <c r="BP1093" s="53"/>
      <c r="BQ1093" s="53"/>
      <c r="BR1093" s="53"/>
      <c r="BS1093" s="53"/>
      <c r="BT1093" s="53"/>
      <c r="BU1093" s="53"/>
      <c r="BV1093" s="53"/>
      <c r="BW1093" s="53"/>
      <c r="BX1093" s="53"/>
      <c r="BY1093" s="53"/>
      <c r="BZ1093" s="53"/>
      <c r="CA1093" s="53"/>
      <c r="CB1093" s="53"/>
      <c r="CC1093" s="53"/>
      <c r="CD1093" s="53"/>
      <c r="CE1093" s="53"/>
      <c r="CF1093" s="53"/>
      <c r="CG1093" s="53"/>
      <c r="CH1093" s="53"/>
      <c r="CI1093" s="53"/>
      <c r="CJ1093" s="53"/>
      <c r="CK1093" s="53"/>
      <c r="CL1093" s="53"/>
      <c r="CM1093" s="53"/>
      <c r="CN1093" s="53"/>
    </row>
    <row r="1094" spans="1:92" outlineLevel="1">
      <c r="A1094" s="52" t="s">
        <v>1405</v>
      </c>
      <c r="B1094" s="53"/>
      <c r="C1094" s="53"/>
      <c r="D1094" s="53"/>
      <c r="E1094" s="53"/>
      <c r="F1094" s="53"/>
      <c r="G1094" s="53"/>
      <c r="H1094" s="53"/>
      <c r="I1094" s="53"/>
      <c r="J1094" s="53"/>
      <c r="K1094" s="53"/>
      <c r="L1094" s="53"/>
      <c r="M1094" s="53"/>
      <c r="N1094" s="53"/>
      <c r="O1094" s="53"/>
      <c r="P1094" s="53"/>
      <c r="Q1094" s="53"/>
      <c r="R1094" s="53"/>
      <c r="S1094" s="53"/>
      <c r="T1094" s="53"/>
      <c r="U1094" s="53"/>
      <c r="V1094" s="53"/>
      <c r="W1094" s="53"/>
      <c r="X1094" s="53"/>
      <c r="Y1094" s="53"/>
      <c r="Z1094" s="53"/>
      <c r="AA1094" s="53"/>
      <c r="AB1094" s="53"/>
      <c r="AC1094" s="53"/>
      <c r="AD1094" s="53"/>
      <c r="AE1094" s="53"/>
      <c r="AF1094" s="53"/>
      <c r="AG1094" s="53"/>
      <c r="AH1094" s="53"/>
      <c r="AI1094" s="53"/>
      <c r="AJ1094" s="53"/>
      <c r="AK1094" s="53"/>
      <c r="AL1094" s="53"/>
      <c r="AM1094" s="53"/>
      <c r="AN1094" s="53"/>
      <c r="AO1094" s="53"/>
      <c r="AP1094" s="53"/>
      <c r="AQ1094" s="53"/>
      <c r="AR1094" s="53"/>
      <c r="AS1094" s="53"/>
      <c r="AT1094" s="53"/>
      <c r="AU1094" s="53"/>
      <c r="AV1094" s="53"/>
      <c r="AW1094" s="53"/>
      <c r="AX1094" s="53"/>
      <c r="AY1094" s="53"/>
      <c r="AZ1094" s="53"/>
      <c r="BA1094" s="53"/>
      <c r="BB1094" s="53"/>
      <c r="BC1094" s="53"/>
      <c r="BD1094" s="53"/>
      <c r="BE1094" s="53"/>
      <c r="BF1094" s="53"/>
      <c r="BG1094" s="53"/>
      <c r="BH1094" s="53"/>
      <c r="BI1094" s="53"/>
      <c r="BJ1094" s="53"/>
      <c r="BK1094" s="53"/>
      <c r="BL1094" s="53"/>
      <c r="BM1094" s="53"/>
      <c r="BN1094" s="53"/>
      <c r="BO1094" s="53"/>
      <c r="BP1094" s="53"/>
      <c r="BQ1094" s="53"/>
      <c r="BR1094" s="53"/>
      <c r="BS1094" s="53"/>
      <c r="BT1094" s="53"/>
      <c r="BU1094" s="53"/>
      <c r="BV1094" s="53"/>
      <c r="BW1094" s="53"/>
      <c r="BX1094" s="53"/>
      <c r="BY1094" s="53"/>
      <c r="BZ1094" s="53"/>
      <c r="CA1094" s="53"/>
      <c r="CB1094" s="53"/>
      <c r="CC1094" s="53"/>
      <c r="CD1094" s="53"/>
      <c r="CE1094" s="53"/>
      <c r="CF1094" s="53"/>
      <c r="CG1094" s="53"/>
      <c r="CH1094" s="53"/>
      <c r="CI1094" s="53"/>
      <c r="CJ1094" s="53"/>
      <c r="CK1094" s="53"/>
      <c r="CL1094" s="53"/>
      <c r="CM1094" s="53"/>
      <c r="CN1094" s="53"/>
    </row>
    <row r="1095" spans="1:92" outlineLevel="1">
      <c r="A1095" s="52" t="s">
        <v>649</v>
      </c>
      <c r="B1095" s="53"/>
      <c r="C1095" s="53"/>
      <c r="D1095" s="53"/>
      <c r="E1095" s="53"/>
      <c r="F1095" s="53"/>
      <c r="G1095" s="53"/>
      <c r="H1095" s="53"/>
      <c r="I1095" s="53"/>
      <c r="J1095" s="53"/>
      <c r="K1095" s="53"/>
      <c r="L1095" s="53"/>
      <c r="M1095" s="53"/>
      <c r="N1095" s="53"/>
      <c r="O1095" s="53">
        <v>-459444.44399999903</v>
      </c>
      <c r="P1095" s="53">
        <v>-459444.44399999903</v>
      </c>
      <c r="Q1095" s="53">
        <v>-459444.44399999903</v>
      </c>
      <c r="R1095" s="53">
        <v>-459444.44399999903</v>
      </c>
      <c r="S1095" s="53">
        <v>-459444.44399999903</v>
      </c>
      <c r="T1095" s="53">
        <v>-459444.44399999903</v>
      </c>
      <c r="U1095" s="53">
        <v>-459444.44399999903</v>
      </c>
      <c r="V1095" s="53">
        <v>-459444.44399999903</v>
      </c>
      <c r="W1095" s="53">
        <v>-459444.44399999903</v>
      </c>
      <c r="X1095" s="53">
        <v>-459444.44399999903</v>
      </c>
      <c r="Y1095" s="53">
        <v>-459444.44399999903</v>
      </c>
      <c r="Z1095" s="53">
        <v>-459444.44399999903</v>
      </c>
      <c r="AA1095" s="53">
        <v>-5513333.3279999904</v>
      </c>
      <c r="AB1095" s="53">
        <v>-459444.44399999903</v>
      </c>
      <c r="AC1095" s="53">
        <v>-459444.44399999903</v>
      </c>
      <c r="AD1095" s="53">
        <v>-459444.44399999903</v>
      </c>
      <c r="AE1095" s="53">
        <v>-459444.44399999903</v>
      </c>
      <c r="AF1095" s="53">
        <v>-459444.44399999903</v>
      </c>
      <c r="AG1095" s="53">
        <v>-459444.44399999903</v>
      </c>
      <c r="AH1095" s="53">
        <v>-459444.44399999903</v>
      </c>
      <c r="AI1095" s="53">
        <v>-459444.44399999903</v>
      </c>
      <c r="AJ1095" s="53">
        <v>-459444.44399999903</v>
      </c>
      <c r="AK1095" s="53">
        <v>-459444.44399999903</v>
      </c>
      <c r="AL1095" s="53">
        <v>-459444.44399999903</v>
      </c>
      <c r="AM1095" s="53">
        <v>-459444.44399999903</v>
      </c>
      <c r="AN1095" s="53">
        <v>-5513333.3279999904</v>
      </c>
      <c r="AO1095" s="53">
        <v>-459444.44399999903</v>
      </c>
      <c r="AP1095" s="53">
        <v>-459444.44399999903</v>
      </c>
      <c r="AQ1095" s="53">
        <v>-459444.44399999903</v>
      </c>
      <c r="AR1095" s="53">
        <v>-459444.44399999903</v>
      </c>
      <c r="AS1095" s="53">
        <v>-459444.44399999903</v>
      </c>
      <c r="AT1095" s="53">
        <v>-459444.44399999903</v>
      </c>
      <c r="AU1095" s="53">
        <v>-459444.44399999903</v>
      </c>
      <c r="AV1095" s="53">
        <v>-459444.44399999903</v>
      </c>
      <c r="AW1095" s="53">
        <v>-459444.44399999903</v>
      </c>
      <c r="AX1095" s="53">
        <v>-459444.44399999903</v>
      </c>
      <c r="AY1095" s="53">
        <v>-459444.44399999903</v>
      </c>
      <c r="AZ1095" s="53">
        <v>-459444.44399999903</v>
      </c>
      <c r="BA1095" s="53">
        <v>-5513333.3279999904</v>
      </c>
      <c r="BB1095" s="53">
        <v>-459444.44399999903</v>
      </c>
      <c r="BC1095" s="53">
        <v>-459444.44399999903</v>
      </c>
      <c r="BD1095" s="53">
        <v>-459444.44399999903</v>
      </c>
      <c r="BE1095" s="53">
        <v>-459444.44399999903</v>
      </c>
      <c r="BF1095" s="53">
        <v>-459444.44399999903</v>
      </c>
      <c r="BG1095" s="53">
        <v>-459444.44399999903</v>
      </c>
      <c r="BH1095" s="53">
        <v>-459444.44399999903</v>
      </c>
      <c r="BI1095" s="53">
        <v>-459444.44399999903</v>
      </c>
      <c r="BJ1095" s="53">
        <v>-459444.44399999903</v>
      </c>
      <c r="BK1095" s="53">
        <v>-459444.44399999903</v>
      </c>
      <c r="BL1095" s="53">
        <v>-459444.44399999903</v>
      </c>
      <c r="BM1095" s="53">
        <v>-459444.44399999903</v>
      </c>
      <c r="BN1095" s="53">
        <v>-5513333.3279999904</v>
      </c>
      <c r="BO1095" s="53">
        <v>-459444.44399999903</v>
      </c>
      <c r="BP1095" s="53">
        <v>-459444.44399999903</v>
      </c>
      <c r="BQ1095" s="53">
        <v>-459444.44399999903</v>
      </c>
      <c r="BR1095" s="53">
        <v>-459444.44399999903</v>
      </c>
      <c r="BS1095" s="53">
        <v>-459444.44399999903</v>
      </c>
      <c r="BT1095" s="53">
        <v>-459444.44399999903</v>
      </c>
      <c r="BU1095" s="53">
        <v>-459444.44399999903</v>
      </c>
      <c r="BV1095" s="53">
        <v>-459444.44399999903</v>
      </c>
      <c r="BW1095" s="53">
        <v>-459444.44399999903</v>
      </c>
      <c r="BX1095" s="53">
        <v>-459444.44399999903</v>
      </c>
      <c r="BY1095" s="53">
        <v>-459444.44399999903</v>
      </c>
      <c r="BZ1095" s="53">
        <v>-459444.44399999903</v>
      </c>
      <c r="CA1095" s="53">
        <v>-5513333.3279999904</v>
      </c>
      <c r="CB1095" s="53"/>
      <c r="CC1095" s="53"/>
      <c r="CD1095" s="53"/>
      <c r="CE1095" s="53"/>
      <c r="CF1095" s="53"/>
      <c r="CG1095" s="53"/>
      <c r="CH1095" s="53"/>
      <c r="CI1095" s="53"/>
      <c r="CJ1095" s="53"/>
      <c r="CK1095" s="53"/>
      <c r="CL1095" s="53"/>
      <c r="CM1095" s="53"/>
      <c r="CN1095" s="53"/>
    </row>
    <row r="1096" spans="1:92" outlineLevel="1">
      <c r="A1096" s="52" t="s">
        <v>1433</v>
      </c>
      <c r="B1096" s="53"/>
      <c r="C1096" s="53"/>
      <c r="D1096" s="53"/>
      <c r="E1096" s="53"/>
      <c r="F1096" s="53"/>
      <c r="G1096" s="53"/>
      <c r="H1096" s="53"/>
      <c r="I1096" s="53"/>
      <c r="J1096" s="53"/>
      <c r="K1096" s="53"/>
      <c r="L1096" s="53"/>
      <c r="M1096" s="53"/>
      <c r="N1096" s="53"/>
      <c r="O1096" s="53"/>
      <c r="P1096" s="53"/>
      <c r="Q1096" s="53"/>
      <c r="R1096" s="53"/>
      <c r="S1096" s="53"/>
      <c r="T1096" s="53"/>
      <c r="U1096" s="53"/>
      <c r="V1096" s="53"/>
      <c r="W1096" s="53"/>
      <c r="X1096" s="53"/>
      <c r="Y1096" s="53"/>
      <c r="Z1096" s="53"/>
      <c r="AA1096" s="53"/>
      <c r="AB1096" s="53"/>
      <c r="AC1096" s="53"/>
      <c r="AD1096" s="53"/>
      <c r="AE1096" s="53"/>
      <c r="AF1096" s="53"/>
      <c r="AG1096" s="53"/>
      <c r="AH1096" s="53"/>
      <c r="AI1096" s="53"/>
      <c r="AJ1096" s="53"/>
      <c r="AK1096" s="53"/>
      <c r="AL1096" s="53"/>
      <c r="AM1096" s="53"/>
      <c r="AN1096" s="53"/>
      <c r="AO1096" s="53"/>
      <c r="AP1096" s="53"/>
      <c r="AQ1096" s="53"/>
      <c r="AR1096" s="53"/>
      <c r="AS1096" s="53"/>
      <c r="AT1096" s="53"/>
      <c r="AU1096" s="53"/>
      <c r="AV1096" s="53"/>
      <c r="AW1096" s="53"/>
      <c r="AX1096" s="53"/>
      <c r="AY1096" s="53"/>
      <c r="AZ1096" s="53"/>
      <c r="BA1096" s="53"/>
      <c r="BB1096" s="53"/>
      <c r="BC1096" s="53"/>
      <c r="BD1096" s="53"/>
      <c r="BE1096" s="53"/>
      <c r="BF1096" s="53"/>
      <c r="BG1096" s="53"/>
      <c r="BH1096" s="53"/>
      <c r="BI1096" s="53"/>
      <c r="BJ1096" s="53"/>
      <c r="BK1096" s="53"/>
      <c r="BL1096" s="53"/>
      <c r="BM1096" s="53"/>
      <c r="BN1096" s="53"/>
      <c r="BO1096" s="53"/>
      <c r="BP1096" s="53"/>
      <c r="BQ1096" s="53"/>
      <c r="BR1096" s="53"/>
      <c r="BS1096" s="53"/>
      <c r="BT1096" s="53"/>
      <c r="BU1096" s="53"/>
      <c r="BV1096" s="53"/>
      <c r="BW1096" s="53"/>
      <c r="BX1096" s="53"/>
      <c r="BY1096" s="53"/>
      <c r="BZ1096" s="53"/>
      <c r="CA1096" s="53"/>
      <c r="CB1096" s="53"/>
      <c r="CC1096" s="53"/>
      <c r="CD1096" s="53"/>
      <c r="CE1096" s="53"/>
      <c r="CF1096" s="53"/>
      <c r="CG1096" s="53"/>
      <c r="CH1096" s="53"/>
      <c r="CI1096" s="53"/>
      <c r="CJ1096" s="53"/>
      <c r="CK1096" s="53"/>
      <c r="CL1096" s="53"/>
      <c r="CM1096" s="53"/>
      <c r="CN1096" s="53"/>
    </row>
    <row r="1097" spans="1:92" outlineLevel="1">
      <c r="A1097" s="52" t="s">
        <v>649</v>
      </c>
      <c r="B1097" s="53"/>
      <c r="C1097" s="53"/>
      <c r="D1097" s="53"/>
      <c r="E1097" s="53"/>
      <c r="F1097" s="53"/>
      <c r="G1097" s="53"/>
      <c r="H1097" s="53"/>
      <c r="I1097" s="53"/>
      <c r="J1097" s="53"/>
      <c r="K1097" s="53"/>
      <c r="L1097" s="53"/>
      <c r="M1097" s="53"/>
      <c r="N1097" s="53"/>
      <c r="O1097" s="53">
        <v>-69954.984999999899</v>
      </c>
      <c r="P1097" s="53">
        <v>-69954.984999999899</v>
      </c>
      <c r="Q1097" s="53">
        <v>-69954.984999999899</v>
      </c>
      <c r="R1097" s="53">
        <v>-69954.984999999899</v>
      </c>
      <c r="S1097" s="53">
        <v>-69954.984999999899</v>
      </c>
      <c r="T1097" s="53">
        <v>-69954.984999999899</v>
      </c>
      <c r="U1097" s="53">
        <v>-69954.984999999899</v>
      </c>
      <c r="V1097" s="53">
        <v>-69954.984999999899</v>
      </c>
      <c r="W1097" s="53">
        <v>-69954.984999999899</v>
      </c>
      <c r="X1097" s="53">
        <v>-69954.984999999899</v>
      </c>
      <c r="Y1097" s="53">
        <v>-69954.984999999899</v>
      </c>
      <c r="Z1097" s="53">
        <v>-69954.984999999899</v>
      </c>
      <c r="AA1097" s="53">
        <v>-839459.81999999797</v>
      </c>
      <c r="AB1097" s="53">
        <v>-69954.984999999899</v>
      </c>
      <c r="AC1097" s="53">
        <v>-69954.984999999899</v>
      </c>
      <c r="AD1097" s="53">
        <v>-69954.984999999899</v>
      </c>
      <c r="AE1097" s="53">
        <v>-69954.984999999899</v>
      </c>
      <c r="AF1097" s="53">
        <v>-69954.984999999899</v>
      </c>
      <c r="AG1097" s="53">
        <v>-69954.984999999899</v>
      </c>
      <c r="AH1097" s="53">
        <v>-69954.984999999899</v>
      </c>
      <c r="AI1097" s="53">
        <v>-69954.984999999899</v>
      </c>
      <c r="AJ1097" s="53">
        <v>-69954.984999999899</v>
      </c>
      <c r="AK1097" s="53">
        <v>-69954.984999999899</v>
      </c>
      <c r="AL1097" s="53">
        <v>-69954.984999999899</v>
      </c>
      <c r="AM1097" s="53">
        <v>-69954.984999999899</v>
      </c>
      <c r="AN1097" s="53">
        <v>-839459.81999999797</v>
      </c>
      <c r="AO1097" s="53">
        <v>-69954.984999999899</v>
      </c>
      <c r="AP1097" s="53">
        <v>-69954.984999999899</v>
      </c>
      <c r="AQ1097" s="53">
        <v>-69954.984999999899</v>
      </c>
      <c r="AR1097" s="53">
        <v>-69954.984999999899</v>
      </c>
      <c r="AS1097" s="53">
        <v>-69954.984999999899</v>
      </c>
      <c r="AT1097" s="53">
        <v>-69954.984999999899</v>
      </c>
      <c r="AU1097" s="53">
        <v>-69954.984999999899</v>
      </c>
      <c r="AV1097" s="53">
        <v>-69954.984999999899</v>
      </c>
      <c r="AW1097" s="53">
        <v>-69954.984999999899</v>
      </c>
      <c r="AX1097" s="53">
        <v>-69954.984999999899</v>
      </c>
      <c r="AY1097" s="53">
        <v>-69954.984999999899</v>
      </c>
      <c r="AZ1097" s="53">
        <v>-69954.984999999899</v>
      </c>
      <c r="BA1097" s="53">
        <v>-839459.81999999797</v>
      </c>
      <c r="BB1097" s="53">
        <v>-67490.796224314996</v>
      </c>
      <c r="BC1097" s="53">
        <v>-67490.796224314996</v>
      </c>
      <c r="BD1097" s="53">
        <v>-67490.796224314996</v>
      </c>
      <c r="BE1097" s="53">
        <v>-67490.796224314996</v>
      </c>
      <c r="BF1097" s="53">
        <v>-67490.796224314996</v>
      </c>
      <c r="BG1097" s="53">
        <v>-67490.796224314996</v>
      </c>
      <c r="BH1097" s="53">
        <v>-67490.796224314996</v>
      </c>
      <c r="BI1097" s="53">
        <v>-67490.796224314996</v>
      </c>
      <c r="BJ1097" s="53">
        <v>-67490.796224314996</v>
      </c>
      <c r="BK1097" s="53">
        <v>-67490.796224314996</v>
      </c>
      <c r="BL1097" s="53">
        <v>-67490.796224314996</v>
      </c>
      <c r="BM1097" s="53">
        <v>-67490.796224314996</v>
      </c>
      <c r="BN1097" s="53">
        <v>-809889.55469177896</v>
      </c>
      <c r="BO1097" s="53">
        <v>-67490.796224314996</v>
      </c>
      <c r="BP1097" s="53">
        <v>-67490.796224314996</v>
      </c>
      <c r="BQ1097" s="53">
        <v>-67490.796224314996</v>
      </c>
      <c r="BR1097" s="53">
        <v>-67490.796224314996</v>
      </c>
      <c r="BS1097" s="53">
        <v>-67490.796224314996</v>
      </c>
      <c r="BT1097" s="53">
        <v>-67490.796224314996</v>
      </c>
      <c r="BU1097" s="53">
        <v>-67490.796224314996</v>
      </c>
      <c r="BV1097" s="53">
        <v>-67490.796224314996</v>
      </c>
      <c r="BW1097" s="53">
        <v>-67490.796224314996</v>
      </c>
      <c r="BX1097" s="53">
        <v>-67490.796224314996</v>
      </c>
      <c r="BY1097" s="53">
        <v>-67490.796224314996</v>
      </c>
      <c r="BZ1097" s="53">
        <v>-67490.796224314996</v>
      </c>
      <c r="CA1097" s="53">
        <v>-809889.55469177896</v>
      </c>
      <c r="CB1097" s="53"/>
      <c r="CC1097" s="53"/>
      <c r="CD1097" s="53"/>
      <c r="CE1097" s="53"/>
      <c r="CF1097" s="53"/>
      <c r="CG1097" s="53"/>
      <c r="CH1097" s="53"/>
      <c r="CI1097" s="53"/>
      <c r="CJ1097" s="53"/>
      <c r="CK1097" s="53"/>
      <c r="CL1097" s="53"/>
      <c r="CM1097" s="53"/>
      <c r="CN1097" s="53"/>
    </row>
    <row r="1098" spans="1:92" outlineLevel="1">
      <c r="A1098" s="52" t="s">
        <v>1406</v>
      </c>
      <c r="B1098" s="53"/>
      <c r="C1098" s="53"/>
      <c r="D1098" s="53"/>
      <c r="E1098" s="53"/>
      <c r="F1098" s="53"/>
      <c r="G1098" s="53"/>
      <c r="H1098" s="53"/>
      <c r="I1098" s="53"/>
      <c r="J1098" s="53"/>
      <c r="K1098" s="53"/>
      <c r="L1098" s="53"/>
      <c r="M1098" s="53"/>
      <c r="N1098" s="53"/>
      <c r="O1098" s="53"/>
      <c r="P1098" s="53"/>
      <c r="Q1098" s="53"/>
      <c r="R1098" s="53"/>
      <c r="S1098" s="53"/>
      <c r="T1098" s="53"/>
      <c r="U1098" s="53"/>
      <c r="V1098" s="53"/>
      <c r="W1098" s="53"/>
      <c r="X1098" s="53"/>
      <c r="Y1098" s="53"/>
      <c r="Z1098" s="53"/>
      <c r="AA1098" s="53"/>
      <c r="AB1098" s="53"/>
      <c r="AC1098" s="53"/>
      <c r="AD1098" s="53"/>
      <c r="AE1098" s="53"/>
      <c r="AF1098" s="53"/>
      <c r="AG1098" s="53"/>
      <c r="AH1098" s="53"/>
      <c r="AI1098" s="53"/>
      <c r="AJ1098" s="53"/>
      <c r="AK1098" s="53"/>
      <c r="AL1098" s="53"/>
      <c r="AM1098" s="53"/>
      <c r="AN1098" s="53"/>
      <c r="AO1098" s="53"/>
      <c r="AP1098" s="53"/>
      <c r="AQ1098" s="53"/>
      <c r="AR1098" s="53"/>
      <c r="AS1098" s="53"/>
      <c r="AT1098" s="53"/>
      <c r="AU1098" s="53"/>
      <c r="AV1098" s="53"/>
      <c r="AW1098" s="53"/>
      <c r="AX1098" s="53"/>
      <c r="AY1098" s="53"/>
      <c r="AZ1098" s="53"/>
      <c r="BA1098" s="53"/>
      <c r="BB1098" s="53"/>
      <c r="BC1098" s="53"/>
      <c r="BD1098" s="53"/>
      <c r="BE1098" s="53"/>
      <c r="BF1098" s="53"/>
      <c r="BG1098" s="53"/>
      <c r="BH1098" s="53"/>
      <c r="BI1098" s="53"/>
      <c r="BJ1098" s="53"/>
      <c r="BK1098" s="53"/>
      <c r="BL1098" s="53"/>
      <c r="BM1098" s="53"/>
      <c r="BN1098" s="53"/>
      <c r="BO1098" s="53"/>
      <c r="BP1098" s="53"/>
      <c r="BQ1098" s="53"/>
      <c r="BR1098" s="53"/>
      <c r="BS1098" s="53"/>
      <c r="BT1098" s="53"/>
      <c r="BU1098" s="53"/>
      <c r="BV1098" s="53"/>
      <c r="BW1098" s="53"/>
      <c r="BX1098" s="53"/>
      <c r="BY1098" s="53"/>
      <c r="BZ1098" s="53"/>
      <c r="CA1098" s="53"/>
      <c r="CB1098" s="53"/>
      <c r="CC1098" s="53"/>
      <c r="CD1098" s="53"/>
      <c r="CE1098" s="53"/>
      <c r="CF1098" s="53"/>
      <c r="CG1098" s="53"/>
      <c r="CH1098" s="53"/>
      <c r="CI1098" s="53"/>
      <c r="CJ1098" s="53"/>
      <c r="CK1098" s="53"/>
      <c r="CL1098" s="53"/>
      <c r="CM1098" s="53"/>
      <c r="CN1098" s="53"/>
    </row>
    <row r="1099" spans="1:92" outlineLevel="1">
      <c r="A1099" s="52" t="s">
        <v>649</v>
      </c>
      <c r="B1099" s="53"/>
      <c r="C1099" s="53"/>
      <c r="D1099" s="53"/>
      <c r="E1099" s="53"/>
      <c r="F1099" s="53"/>
      <c r="G1099" s="53"/>
      <c r="H1099" s="53"/>
      <c r="I1099" s="53"/>
      <c r="J1099" s="53"/>
      <c r="K1099" s="53"/>
      <c r="L1099" s="53"/>
      <c r="M1099" s="53"/>
      <c r="N1099" s="53"/>
      <c r="O1099" s="53"/>
      <c r="P1099" s="53"/>
      <c r="Q1099" s="53">
        <v>-1570338.8199999901</v>
      </c>
      <c r="R1099" s="53"/>
      <c r="S1099" s="53"/>
      <c r="T1099" s="53">
        <v>-1570338.8199999901</v>
      </c>
      <c r="U1099" s="53"/>
      <c r="V1099" s="53"/>
      <c r="W1099" s="53">
        <v>-1570338.8199999901</v>
      </c>
      <c r="X1099" s="53"/>
      <c r="Y1099" s="53"/>
      <c r="Z1099" s="53">
        <v>-1570338.8199999901</v>
      </c>
      <c r="AA1099" s="53">
        <v>-6281355.27999999</v>
      </c>
      <c r="AB1099" s="53"/>
      <c r="AC1099" s="53"/>
      <c r="AD1099" s="53">
        <v>-1570338.8199999901</v>
      </c>
      <c r="AE1099" s="53"/>
      <c r="AF1099" s="53"/>
      <c r="AG1099" s="53">
        <v>-1570338.8199999901</v>
      </c>
      <c r="AH1099" s="53"/>
      <c r="AI1099" s="53"/>
      <c r="AJ1099" s="53">
        <v>-1570338.8199999901</v>
      </c>
      <c r="AK1099" s="53"/>
      <c r="AL1099" s="53"/>
      <c r="AM1099" s="53">
        <v>-1570338.8199999901</v>
      </c>
      <c r="AN1099" s="53">
        <v>-6281355.27999999</v>
      </c>
      <c r="AO1099" s="53"/>
      <c r="AP1099" s="53"/>
      <c r="AQ1099" s="53">
        <v>-1570338.8199999901</v>
      </c>
      <c r="AR1099" s="53"/>
      <c r="AS1099" s="53"/>
      <c r="AT1099" s="53">
        <v>-1570338.8199999901</v>
      </c>
      <c r="AU1099" s="53"/>
      <c r="AV1099" s="53"/>
      <c r="AW1099" s="53">
        <v>-1570338.8199999901</v>
      </c>
      <c r="AX1099" s="53"/>
      <c r="AY1099" s="53"/>
      <c r="AZ1099" s="53">
        <v>-1570338.8199999901</v>
      </c>
      <c r="BA1099" s="53">
        <v>-6281355.27999999</v>
      </c>
      <c r="BB1099" s="53"/>
      <c r="BC1099" s="53"/>
      <c r="BD1099" s="53">
        <v>-1570338.8199999901</v>
      </c>
      <c r="BE1099" s="53"/>
      <c r="BF1099" s="53"/>
      <c r="BG1099" s="53">
        <v>-1570338.8199999901</v>
      </c>
      <c r="BH1099" s="53"/>
      <c r="BI1099" s="53"/>
      <c r="BJ1099" s="53">
        <v>-1570338.8199999901</v>
      </c>
      <c r="BK1099" s="53"/>
      <c r="BL1099" s="53"/>
      <c r="BM1099" s="53">
        <v>-1570338.8199999901</v>
      </c>
      <c r="BN1099" s="53">
        <v>-6281355.27999999</v>
      </c>
      <c r="BO1099" s="53"/>
      <c r="BP1099" s="53"/>
      <c r="BQ1099" s="53">
        <v>-1570338.8199999901</v>
      </c>
      <c r="BR1099" s="53"/>
      <c r="BS1099" s="53"/>
      <c r="BT1099" s="53">
        <v>-1570338.8199999901</v>
      </c>
      <c r="BU1099" s="53"/>
      <c r="BV1099" s="53"/>
      <c r="BW1099" s="53">
        <v>-861366</v>
      </c>
      <c r="BX1099" s="53"/>
      <c r="BY1099" s="53"/>
      <c r="BZ1099" s="53"/>
      <c r="CA1099" s="53">
        <v>-4002043.6399999899</v>
      </c>
      <c r="CB1099" s="53"/>
      <c r="CC1099" s="53"/>
      <c r="CD1099" s="53"/>
      <c r="CE1099" s="53"/>
      <c r="CF1099" s="53"/>
      <c r="CG1099" s="53"/>
      <c r="CH1099" s="53"/>
      <c r="CI1099" s="53"/>
      <c r="CJ1099" s="53"/>
      <c r="CK1099" s="53"/>
      <c r="CL1099" s="53"/>
      <c r="CM1099" s="53"/>
      <c r="CN1099" s="53"/>
    </row>
    <row r="1100" spans="1:92" outlineLevel="1">
      <c r="A1100" s="52" t="s">
        <v>1407</v>
      </c>
      <c r="B1100" s="53"/>
      <c r="C1100" s="53"/>
      <c r="D1100" s="53"/>
      <c r="E1100" s="53"/>
      <c r="F1100" s="53"/>
      <c r="G1100" s="53"/>
      <c r="H1100" s="53"/>
      <c r="I1100" s="53"/>
      <c r="J1100" s="53"/>
      <c r="K1100" s="53"/>
      <c r="L1100" s="53"/>
      <c r="M1100" s="53"/>
      <c r="N1100" s="53"/>
      <c r="O1100" s="53"/>
      <c r="P1100" s="53"/>
      <c r="Q1100" s="53"/>
      <c r="R1100" s="53"/>
      <c r="S1100" s="53"/>
      <c r="T1100" s="53"/>
      <c r="U1100" s="53"/>
      <c r="V1100" s="53"/>
      <c r="W1100" s="53"/>
      <c r="X1100" s="53"/>
      <c r="Y1100" s="53"/>
      <c r="Z1100" s="53"/>
      <c r="AA1100" s="53"/>
      <c r="AB1100" s="53"/>
      <c r="AC1100" s="53"/>
      <c r="AD1100" s="53"/>
      <c r="AE1100" s="53"/>
      <c r="AF1100" s="53"/>
      <c r="AG1100" s="53"/>
      <c r="AH1100" s="53"/>
      <c r="AI1100" s="53"/>
      <c r="AJ1100" s="53"/>
      <c r="AK1100" s="53"/>
      <c r="AL1100" s="53"/>
      <c r="AM1100" s="53"/>
      <c r="AN1100" s="53"/>
      <c r="AO1100" s="53"/>
      <c r="AP1100" s="53"/>
      <c r="AQ1100" s="53"/>
      <c r="AR1100" s="53"/>
      <c r="AS1100" s="53"/>
      <c r="AT1100" s="53"/>
      <c r="AU1100" s="53"/>
      <c r="AV1100" s="53"/>
      <c r="AW1100" s="53"/>
      <c r="AX1100" s="53"/>
      <c r="AY1100" s="53"/>
      <c r="AZ1100" s="53"/>
      <c r="BA1100" s="53"/>
      <c r="BB1100" s="53"/>
      <c r="BC1100" s="53"/>
      <c r="BD1100" s="53"/>
      <c r="BE1100" s="53"/>
      <c r="BF1100" s="53"/>
      <c r="BG1100" s="53"/>
      <c r="BH1100" s="53"/>
      <c r="BI1100" s="53"/>
      <c r="BJ1100" s="53"/>
      <c r="BK1100" s="53"/>
      <c r="BL1100" s="53"/>
      <c r="BM1100" s="53"/>
      <c r="BN1100" s="53"/>
      <c r="BO1100" s="53"/>
      <c r="BP1100" s="53"/>
      <c r="BQ1100" s="53"/>
      <c r="BR1100" s="53"/>
      <c r="BS1100" s="53"/>
      <c r="BT1100" s="53"/>
      <c r="BU1100" s="53"/>
      <c r="BV1100" s="53"/>
      <c r="BW1100" s="53"/>
      <c r="BX1100" s="53"/>
      <c r="BY1100" s="53"/>
      <c r="BZ1100" s="53"/>
      <c r="CA1100" s="53"/>
      <c r="CB1100" s="53"/>
      <c r="CC1100" s="53"/>
      <c r="CD1100" s="53"/>
      <c r="CE1100" s="53"/>
      <c r="CF1100" s="53"/>
      <c r="CG1100" s="53"/>
      <c r="CH1100" s="53"/>
      <c r="CI1100" s="53"/>
      <c r="CJ1100" s="53"/>
      <c r="CK1100" s="53"/>
      <c r="CL1100" s="53"/>
      <c r="CM1100" s="53"/>
      <c r="CN1100" s="53"/>
    </row>
    <row r="1101" spans="1:92" outlineLevel="1">
      <c r="A1101" s="52" t="s">
        <v>649</v>
      </c>
      <c r="B1101" s="53">
        <v>-48418.384375000001</v>
      </c>
      <c r="C1101" s="53">
        <v>-48418.384375000001</v>
      </c>
      <c r="D1101" s="53">
        <v>-48418.384375000001</v>
      </c>
      <c r="E1101" s="53">
        <v>-48418.384375000001</v>
      </c>
      <c r="F1101" s="53">
        <v>-48418.384375000001</v>
      </c>
      <c r="G1101" s="53">
        <v>-48418.384375000001</v>
      </c>
      <c r="H1101" s="53">
        <v>-48418.384375000001</v>
      </c>
      <c r="I1101" s="53">
        <v>-48418.384375000001</v>
      </c>
      <c r="J1101" s="53">
        <v>-48418.384375000001</v>
      </c>
      <c r="K1101" s="53">
        <v>-48418.384375000001</v>
      </c>
      <c r="L1101" s="53">
        <v>-48418.384375000001</v>
      </c>
      <c r="M1101" s="53">
        <v>-48418.384375000001</v>
      </c>
      <c r="N1101" s="53">
        <v>-581020.61250000005</v>
      </c>
      <c r="O1101" s="53">
        <v>-48418.384375000001</v>
      </c>
      <c r="P1101" s="53">
        <v>-48418.384375000001</v>
      </c>
      <c r="Q1101" s="53">
        <v>-48418.384375000001</v>
      </c>
      <c r="R1101" s="53">
        <v>-48418.384375000001</v>
      </c>
      <c r="S1101" s="53">
        <v>-48418.384375000001</v>
      </c>
      <c r="T1101" s="53">
        <v>-48418.384375000001</v>
      </c>
      <c r="U1101" s="53">
        <v>-48418.384375000001</v>
      </c>
      <c r="V1101" s="53">
        <v>-48418.384375000001</v>
      </c>
      <c r="W1101" s="53">
        <v>-48418.384375000001</v>
      </c>
      <c r="X1101" s="53">
        <v>-48418.384375000001</v>
      </c>
      <c r="Y1101" s="53">
        <v>-48418.384375000001</v>
      </c>
      <c r="Z1101" s="53">
        <v>-48418.384375000001</v>
      </c>
      <c r="AA1101" s="53">
        <v>-581020.61250000005</v>
      </c>
      <c r="AB1101" s="53">
        <v>-48418.384375000001</v>
      </c>
      <c r="AC1101" s="53">
        <v>-48418.384375000001</v>
      </c>
      <c r="AD1101" s="53">
        <v>-48418.384375000001</v>
      </c>
      <c r="AE1101" s="53">
        <v>-48418.384375000001</v>
      </c>
      <c r="AF1101" s="53">
        <v>-48418.384375000001</v>
      </c>
      <c r="AG1101" s="53">
        <v>-48418.384375000001</v>
      </c>
      <c r="AH1101" s="53">
        <v>-48418.384375000001</v>
      </c>
      <c r="AI1101" s="53">
        <v>-48418.384375000001</v>
      </c>
      <c r="AJ1101" s="53">
        <v>-48418.384375000001</v>
      </c>
      <c r="AK1101" s="53">
        <v>-48418.384375000001</v>
      </c>
      <c r="AL1101" s="53">
        <v>-48418.384375000001</v>
      </c>
      <c r="AM1101" s="53">
        <v>-48418.384375000001</v>
      </c>
      <c r="AN1101" s="53">
        <v>-581020.61250000005</v>
      </c>
      <c r="AO1101" s="53">
        <v>-48418.384375000001</v>
      </c>
      <c r="AP1101" s="53">
        <v>-48418.384375000001</v>
      </c>
      <c r="AQ1101" s="53">
        <v>-48418.384375000001</v>
      </c>
      <c r="AR1101" s="53">
        <v>-48418.384375000001</v>
      </c>
      <c r="AS1101" s="53">
        <v>-48418.384375000001</v>
      </c>
      <c r="AT1101" s="53">
        <v>-48418.384375000001</v>
      </c>
      <c r="AU1101" s="53">
        <v>-48418.384375000001</v>
      </c>
      <c r="AV1101" s="53">
        <v>-48418.384375000001</v>
      </c>
      <c r="AW1101" s="53">
        <v>-48418.384375000001</v>
      </c>
      <c r="AX1101" s="53">
        <v>-48418.384375000001</v>
      </c>
      <c r="AY1101" s="53">
        <v>-48418.384375000001</v>
      </c>
      <c r="AZ1101" s="53">
        <v>-48418.384375000001</v>
      </c>
      <c r="BA1101" s="53">
        <v>-581020.61250000005</v>
      </c>
      <c r="BB1101" s="53"/>
      <c r="BC1101" s="53"/>
      <c r="BD1101" s="53"/>
      <c r="BE1101" s="53"/>
      <c r="BF1101" s="53"/>
      <c r="BG1101" s="53"/>
      <c r="BH1101" s="53"/>
      <c r="BI1101" s="53"/>
      <c r="BJ1101" s="53"/>
      <c r="BK1101" s="53"/>
      <c r="BL1101" s="53"/>
      <c r="BM1101" s="53"/>
      <c r="BN1101" s="53"/>
      <c r="BO1101" s="53"/>
      <c r="BP1101" s="53"/>
      <c r="BQ1101" s="53"/>
      <c r="BR1101" s="53"/>
      <c r="BS1101" s="53"/>
      <c r="BT1101" s="53"/>
      <c r="BU1101" s="53"/>
      <c r="BV1101" s="53"/>
      <c r="BW1101" s="53"/>
      <c r="BX1101" s="53"/>
      <c r="BY1101" s="53"/>
      <c r="BZ1101" s="53"/>
      <c r="CA1101" s="53"/>
      <c r="CB1101" s="53"/>
      <c r="CC1101" s="53"/>
      <c r="CD1101" s="53"/>
      <c r="CE1101" s="53"/>
      <c r="CF1101" s="53"/>
      <c r="CG1101" s="53"/>
      <c r="CH1101" s="53"/>
      <c r="CI1101" s="53"/>
      <c r="CJ1101" s="53"/>
      <c r="CK1101" s="53"/>
      <c r="CL1101" s="53"/>
      <c r="CM1101" s="53"/>
      <c r="CN1101" s="53"/>
    </row>
    <row r="1102" spans="1:92" outlineLevel="1">
      <c r="A1102" s="52" t="s">
        <v>1408</v>
      </c>
      <c r="B1102" s="53"/>
      <c r="C1102" s="53"/>
      <c r="D1102" s="53"/>
      <c r="E1102" s="53"/>
      <c r="F1102" s="53"/>
      <c r="G1102" s="53"/>
      <c r="H1102" s="53"/>
      <c r="I1102" s="53"/>
      <c r="J1102" s="53"/>
      <c r="K1102" s="53"/>
      <c r="L1102" s="53"/>
      <c r="M1102" s="53"/>
      <c r="N1102" s="53"/>
      <c r="O1102" s="53"/>
      <c r="P1102" s="53"/>
      <c r="Q1102" s="53"/>
      <c r="R1102" s="53"/>
      <c r="S1102" s="53"/>
      <c r="T1102" s="53"/>
      <c r="U1102" s="53"/>
      <c r="V1102" s="53"/>
      <c r="W1102" s="53"/>
      <c r="X1102" s="53"/>
      <c r="Y1102" s="53"/>
      <c r="Z1102" s="53"/>
      <c r="AA1102" s="53"/>
      <c r="AB1102" s="53"/>
      <c r="AC1102" s="53"/>
      <c r="AD1102" s="53"/>
      <c r="AE1102" s="53"/>
      <c r="AF1102" s="53"/>
      <c r="AG1102" s="53"/>
      <c r="AH1102" s="53"/>
      <c r="AI1102" s="53"/>
      <c r="AJ1102" s="53"/>
      <c r="AK1102" s="53"/>
      <c r="AL1102" s="53"/>
      <c r="AM1102" s="53"/>
      <c r="AN1102" s="53"/>
      <c r="AO1102" s="53"/>
      <c r="AP1102" s="53"/>
      <c r="AQ1102" s="53"/>
      <c r="AR1102" s="53"/>
      <c r="AS1102" s="53"/>
      <c r="AT1102" s="53"/>
      <c r="AU1102" s="53"/>
      <c r="AV1102" s="53"/>
      <c r="AW1102" s="53"/>
      <c r="AX1102" s="53"/>
      <c r="AY1102" s="53"/>
      <c r="AZ1102" s="53"/>
      <c r="BA1102" s="53"/>
      <c r="BB1102" s="53"/>
      <c r="BC1102" s="53"/>
      <c r="BD1102" s="53"/>
      <c r="BE1102" s="53"/>
      <c r="BF1102" s="53"/>
      <c r="BG1102" s="53"/>
      <c r="BH1102" s="53"/>
      <c r="BI1102" s="53"/>
      <c r="BJ1102" s="53"/>
      <c r="BK1102" s="53"/>
      <c r="BL1102" s="53"/>
      <c r="BM1102" s="53"/>
      <c r="BN1102" s="53"/>
      <c r="BO1102" s="53"/>
      <c r="BP1102" s="53"/>
      <c r="BQ1102" s="53"/>
      <c r="BR1102" s="53"/>
      <c r="BS1102" s="53"/>
      <c r="BT1102" s="53"/>
      <c r="BU1102" s="53"/>
      <c r="BV1102" s="53"/>
      <c r="BW1102" s="53"/>
      <c r="BX1102" s="53"/>
      <c r="BY1102" s="53"/>
      <c r="BZ1102" s="53"/>
      <c r="CA1102" s="53"/>
      <c r="CB1102" s="53"/>
      <c r="CC1102" s="53"/>
      <c r="CD1102" s="53"/>
      <c r="CE1102" s="53"/>
      <c r="CF1102" s="53"/>
      <c r="CG1102" s="53"/>
      <c r="CH1102" s="53"/>
      <c r="CI1102" s="53"/>
      <c r="CJ1102" s="53"/>
      <c r="CK1102" s="53"/>
      <c r="CL1102" s="53"/>
      <c r="CM1102" s="53"/>
      <c r="CN1102" s="53"/>
    </row>
    <row r="1103" spans="1:92" outlineLevel="1">
      <c r="A1103" s="52" t="s">
        <v>649</v>
      </c>
      <c r="B1103" s="53">
        <v>-19475.434583333299</v>
      </c>
      <c r="C1103" s="53">
        <v>-19475.434583333299</v>
      </c>
      <c r="D1103" s="53">
        <v>-19475.434583333299</v>
      </c>
      <c r="E1103" s="53">
        <v>-19475.434583333299</v>
      </c>
      <c r="F1103" s="53">
        <v>-19475.434583333299</v>
      </c>
      <c r="G1103" s="53">
        <v>-19475.434583333299</v>
      </c>
      <c r="H1103" s="53">
        <v>-19475.434583333299</v>
      </c>
      <c r="I1103" s="53">
        <v>-19475.434583333299</v>
      </c>
      <c r="J1103" s="53">
        <v>-19475.434583333299</v>
      </c>
      <c r="K1103" s="53">
        <v>-19475.434583333299</v>
      </c>
      <c r="L1103" s="53">
        <v>-19475.434583333299</v>
      </c>
      <c r="M1103" s="53">
        <v>-19475.434583333299</v>
      </c>
      <c r="N1103" s="53">
        <v>-233705.21499999901</v>
      </c>
      <c r="O1103" s="53">
        <v>-19475.434583333299</v>
      </c>
      <c r="P1103" s="53">
        <v>-19475.434583333299</v>
      </c>
      <c r="Q1103" s="53">
        <v>-19475.434583333299</v>
      </c>
      <c r="R1103" s="53">
        <v>-19475.434583333299</v>
      </c>
      <c r="S1103" s="53">
        <v>-19475.434583333299</v>
      </c>
      <c r="T1103" s="53">
        <v>-19475.434583333299</v>
      </c>
      <c r="U1103" s="53">
        <v>-19475.434583333299</v>
      </c>
      <c r="V1103" s="53">
        <v>-19475.434583333299</v>
      </c>
      <c r="W1103" s="53">
        <v>-19475.434583333299</v>
      </c>
      <c r="X1103" s="53">
        <v>-19475.434583333299</v>
      </c>
      <c r="Y1103" s="53">
        <v>-19475.434583333299</v>
      </c>
      <c r="Z1103" s="53">
        <v>-19475.434583333299</v>
      </c>
      <c r="AA1103" s="53">
        <v>-233705.21499999901</v>
      </c>
      <c r="AB1103" s="53">
        <v>-19475.434583333299</v>
      </c>
      <c r="AC1103" s="53">
        <v>-19475.434583333299</v>
      </c>
      <c r="AD1103" s="53">
        <v>-19475.434583333299</v>
      </c>
      <c r="AE1103" s="53">
        <v>-19475.434583333299</v>
      </c>
      <c r="AF1103" s="53">
        <v>-19475.434583333299</v>
      </c>
      <c r="AG1103" s="53">
        <v>-19475.434583333299</v>
      </c>
      <c r="AH1103" s="53">
        <v>-19475.434583333299</v>
      </c>
      <c r="AI1103" s="53">
        <v>-19475.434583333299</v>
      </c>
      <c r="AJ1103" s="53">
        <v>-19475.434583333299</v>
      </c>
      <c r="AK1103" s="53">
        <v>-19475.434583333299</v>
      </c>
      <c r="AL1103" s="53">
        <v>-19475.434583333299</v>
      </c>
      <c r="AM1103" s="53">
        <v>-19475.434583333299</v>
      </c>
      <c r="AN1103" s="53">
        <v>-233705.21499999901</v>
      </c>
      <c r="AO1103" s="53">
        <v>-19475.434583333299</v>
      </c>
      <c r="AP1103" s="53">
        <v>-19475.434583333299</v>
      </c>
      <c r="AQ1103" s="53">
        <v>-19475.434583333299</v>
      </c>
      <c r="AR1103" s="53">
        <v>-19475.434583333299</v>
      </c>
      <c r="AS1103" s="53">
        <v>-19475.434583333299</v>
      </c>
      <c r="AT1103" s="53">
        <v>-19475.434583333299</v>
      </c>
      <c r="AU1103" s="53">
        <v>-19475.434583333299</v>
      </c>
      <c r="AV1103" s="53">
        <v>-19475.434583333299</v>
      </c>
      <c r="AW1103" s="53">
        <v>-19475.434583333299</v>
      </c>
      <c r="AX1103" s="53">
        <v>-19475.434583333299</v>
      </c>
      <c r="AY1103" s="53">
        <v>-19475.434583333299</v>
      </c>
      <c r="AZ1103" s="53">
        <v>-19475.434583333299</v>
      </c>
      <c r="BA1103" s="53">
        <v>-233705.21499999901</v>
      </c>
      <c r="BB1103" s="53"/>
      <c r="BC1103" s="53"/>
      <c r="BD1103" s="53"/>
      <c r="BE1103" s="53"/>
      <c r="BF1103" s="53"/>
      <c r="BG1103" s="53"/>
      <c r="BH1103" s="53"/>
      <c r="BI1103" s="53"/>
      <c r="BJ1103" s="53"/>
      <c r="BK1103" s="53"/>
      <c r="BL1103" s="53"/>
      <c r="BM1103" s="53"/>
      <c r="BN1103" s="53"/>
      <c r="BO1103" s="53"/>
      <c r="BP1103" s="53"/>
      <c r="BQ1103" s="53"/>
      <c r="BR1103" s="53"/>
      <c r="BS1103" s="53"/>
      <c r="BT1103" s="53"/>
      <c r="BU1103" s="53"/>
      <c r="BV1103" s="53"/>
      <c r="BW1103" s="53"/>
      <c r="BX1103" s="53"/>
      <c r="BY1103" s="53"/>
      <c r="BZ1103" s="53"/>
      <c r="CA1103" s="53"/>
      <c r="CB1103" s="53">
        <v>216833.99999999901</v>
      </c>
      <c r="CC1103" s="53">
        <v>216833.99999999901</v>
      </c>
      <c r="CD1103" s="53">
        <v>216833.99999999901</v>
      </c>
      <c r="CE1103" s="53">
        <v>216833.99999999901</v>
      </c>
      <c r="CF1103" s="53">
        <v>216833.99999999901</v>
      </c>
      <c r="CG1103" s="53">
        <v>216833.99999999901</v>
      </c>
      <c r="CH1103" s="53">
        <v>216833.99999999901</v>
      </c>
      <c r="CI1103" s="53">
        <v>216833.99999999901</v>
      </c>
      <c r="CJ1103" s="53">
        <v>216833.99999999901</v>
      </c>
      <c r="CK1103" s="53">
        <v>216833.99999999901</v>
      </c>
      <c r="CL1103" s="53">
        <v>216833.99999999901</v>
      </c>
      <c r="CM1103" s="53">
        <v>216833.99999999901</v>
      </c>
      <c r="CN1103" s="53">
        <v>2602007.99999998</v>
      </c>
    </row>
    <row r="1104" spans="1:92" outlineLevel="1">
      <c r="A1104" s="52" t="s">
        <v>1409</v>
      </c>
      <c r="B1104" s="53"/>
      <c r="C1104" s="53"/>
      <c r="D1104" s="53"/>
      <c r="E1104" s="53"/>
      <c r="F1104" s="53"/>
      <c r="G1104" s="53"/>
      <c r="H1104" s="53"/>
      <c r="I1104" s="53"/>
      <c r="J1104" s="53"/>
      <c r="K1104" s="53"/>
      <c r="L1104" s="53"/>
      <c r="M1104" s="53"/>
      <c r="N1104" s="53"/>
      <c r="O1104" s="53"/>
      <c r="P1104" s="53"/>
      <c r="Q1104" s="53"/>
      <c r="R1104" s="53"/>
      <c r="S1104" s="53"/>
      <c r="T1104" s="53"/>
      <c r="U1104" s="53"/>
      <c r="V1104" s="53"/>
      <c r="W1104" s="53"/>
      <c r="X1104" s="53"/>
      <c r="Y1104" s="53"/>
      <c r="Z1104" s="53"/>
      <c r="AA1104" s="53"/>
      <c r="AB1104" s="53"/>
      <c r="AC1104" s="53"/>
      <c r="AD1104" s="53"/>
      <c r="AE1104" s="53"/>
      <c r="AF1104" s="53"/>
      <c r="AG1104" s="53"/>
      <c r="AH1104" s="53"/>
      <c r="AI1104" s="53"/>
      <c r="AJ1104" s="53"/>
      <c r="AK1104" s="53"/>
      <c r="AL1104" s="53"/>
      <c r="AM1104" s="53"/>
      <c r="AN1104" s="53"/>
      <c r="AO1104" s="53"/>
      <c r="AP1104" s="53"/>
      <c r="AQ1104" s="53"/>
      <c r="AR1104" s="53"/>
      <c r="AS1104" s="53"/>
      <c r="AT1104" s="53"/>
      <c r="AU1104" s="53"/>
      <c r="AV1104" s="53"/>
      <c r="AW1104" s="53"/>
      <c r="AX1104" s="53"/>
      <c r="AY1104" s="53"/>
      <c r="AZ1104" s="53"/>
      <c r="BA1104" s="53"/>
      <c r="BB1104" s="53"/>
      <c r="BC1104" s="53"/>
      <c r="BD1104" s="53"/>
      <c r="BE1104" s="53"/>
      <c r="BF1104" s="53"/>
      <c r="BG1104" s="53"/>
      <c r="BH1104" s="53"/>
      <c r="BI1104" s="53"/>
      <c r="BJ1104" s="53"/>
      <c r="BK1104" s="53"/>
      <c r="BL1104" s="53"/>
      <c r="BM1104" s="53"/>
      <c r="BN1104" s="53"/>
      <c r="BO1104" s="53"/>
      <c r="BP1104" s="53"/>
      <c r="BQ1104" s="53"/>
      <c r="BR1104" s="53"/>
      <c r="BS1104" s="53"/>
      <c r="BT1104" s="53"/>
      <c r="BU1104" s="53"/>
      <c r="BV1104" s="53"/>
      <c r="BW1104" s="53"/>
      <c r="BX1104" s="53"/>
      <c r="BY1104" s="53"/>
      <c r="BZ1104" s="53"/>
      <c r="CA1104" s="53"/>
      <c r="CB1104" s="53"/>
      <c r="CC1104" s="53"/>
      <c r="CD1104" s="53"/>
      <c r="CE1104" s="53"/>
      <c r="CF1104" s="53"/>
      <c r="CG1104" s="53"/>
      <c r="CH1104" s="53"/>
      <c r="CI1104" s="53"/>
      <c r="CJ1104" s="53"/>
      <c r="CK1104" s="53"/>
      <c r="CL1104" s="53"/>
      <c r="CM1104" s="53"/>
      <c r="CN1104" s="53"/>
    </row>
    <row r="1105" spans="1:92" outlineLevel="1">
      <c r="A1105" s="52" t="s">
        <v>649</v>
      </c>
      <c r="B1105" s="53"/>
      <c r="C1105" s="53"/>
      <c r="D1105" s="53"/>
      <c r="E1105" s="53"/>
      <c r="F1105" s="53"/>
      <c r="G1105" s="53"/>
      <c r="H1105" s="53"/>
      <c r="I1105" s="53"/>
      <c r="J1105" s="53"/>
      <c r="K1105" s="53"/>
      <c r="L1105" s="53"/>
      <c r="M1105" s="53"/>
      <c r="N1105" s="53"/>
      <c r="O1105" s="53">
        <v>111279.41666666701</v>
      </c>
      <c r="P1105" s="53">
        <v>111279.41666666701</v>
      </c>
      <c r="Q1105" s="53">
        <v>111279.41666666701</v>
      </c>
      <c r="R1105" s="53">
        <v>111279.41666666701</v>
      </c>
      <c r="S1105" s="53">
        <v>111279.41666666701</v>
      </c>
      <c r="T1105" s="53">
        <v>111279.41666666701</v>
      </c>
      <c r="U1105" s="53">
        <v>111279.41666666701</v>
      </c>
      <c r="V1105" s="53">
        <v>111279.41666666701</v>
      </c>
      <c r="W1105" s="53">
        <v>111279.41666666701</v>
      </c>
      <c r="X1105" s="53">
        <v>111279.41666666701</v>
      </c>
      <c r="Y1105" s="53">
        <v>111279.41666666701</v>
      </c>
      <c r="Z1105" s="53">
        <v>111279.41666666701</v>
      </c>
      <c r="AA1105" s="53">
        <v>1335353</v>
      </c>
      <c r="AB1105" s="53">
        <v>110447.08333333299</v>
      </c>
      <c r="AC1105" s="53">
        <v>110447.08333333299</v>
      </c>
      <c r="AD1105" s="53">
        <v>110447.08333333299</v>
      </c>
      <c r="AE1105" s="53">
        <v>110447.08333333299</v>
      </c>
      <c r="AF1105" s="53">
        <v>110447.08333333299</v>
      </c>
      <c r="AG1105" s="53">
        <v>110447.08333333299</v>
      </c>
      <c r="AH1105" s="53">
        <v>110447.08333333299</v>
      </c>
      <c r="AI1105" s="53">
        <v>110447.08333333299</v>
      </c>
      <c r="AJ1105" s="53">
        <v>110447.08333333299</v>
      </c>
      <c r="AK1105" s="53">
        <v>110447.08333333299</v>
      </c>
      <c r="AL1105" s="53">
        <v>110447.08333333299</v>
      </c>
      <c r="AM1105" s="53">
        <v>110447.08333333299</v>
      </c>
      <c r="AN1105" s="53">
        <v>1325364.99999999</v>
      </c>
      <c r="AO1105" s="53">
        <v>110280.66666666701</v>
      </c>
      <c r="AP1105" s="53">
        <v>110280.66666666701</v>
      </c>
      <c r="AQ1105" s="53">
        <v>110280.66666666701</v>
      </c>
      <c r="AR1105" s="53">
        <v>110280.66666666701</v>
      </c>
      <c r="AS1105" s="53">
        <v>110280.66666666701</v>
      </c>
      <c r="AT1105" s="53">
        <v>110280.66666666701</v>
      </c>
      <c r="AU1105" s="53">
        <v>110280.66666666701</v>
      </c>
      <c r="AV1105" s="53">
        <v>110280.66666666701</v>
      </c>
      <c r="AW1105" s="53">
        <v>110280.66666666701</v>
      </c>
      <c r="AX1105" s="53">
        <v>110280.66666666701</v>
      </c>
      <c r="AY1105" s="53">
        <v>110280.66666666701</v>
      </c>
      <c r="AZ1105" s="53">
        <v>110280.66666666701</v>
      </c>
      <c r="BA1105" s="53">
        <v>1323368</v>
      </c>
      <c r="BB1105" s="53">
        <v>94724.916666666701</v>
      </c>
      <c r="BC1105" s="53">
        <v>94724.916666666701</v>
      </c>
      <c r="BD1105" s="53">
        <v>94724.916666666701</v>
      </c>
      <c r="BE1105" s="53">
        <v>94724.916666666701</v>
      </c>
      <c r="BF1105" s="53">
        <v>94724.916666666701</v>
      </c>
      <c r="BG1105" s="53">
        <v>94724.916666666701</v>
      </c>
      <c r="BH1105" s="53">
        <v>94724.916666666701</v>
      </c>
      <c r="BI1105" s="53">
        <v>94724.916666666701</v>
      </c>
      <c r="BJ1105" s="53">
        <v>94724.916666666701</v>
      </c>
      <c r="BK1105" s="53">
        <v>94724.916666666701</v>
      </c>
      <c r="BL1105" s="53">
        <v>94724.916666666701</v>
      </c>
      <c r="BM1105" s="53">
        <v>94724.916666666701</v>
      </c>
      <c r="BN1105" s="53">
        <v>1136699</v>
      </c>
      <c r="BO1105" s="53">
        <v>81829.833333333299</v>
      </c>
      <c r="BP1105" s="53">
        <v>81829.833333333299</v>
      </c>
      <c r="BQ1105" s="53">
        <v>81829.833333333299</v>
      </c>
      <c r="BR1105" s="53">
        <v>81829.833333333299</v>
      </c>
      <c r="BS1105" s="53">
        <v>81829.833333333299</v>
      </c>
      <c r="BT1105" s="53">
        <v>81829.833333333299</v>
      </c>
      <c r="BU1105" s="53">
        <v>81829.833333333299</v>
      </c>
      <c r="BV1105" s="53">
        <v>81829.833333333299</v>
      </c>
      <c r="BW1105" s="53">
        <v>81829.833333333299</v>
      </c>
      <c r="BX1105" s="53">
        <v>81829.833333333299</v>
      </c>
      <c r="BY1105" s="53">
        <v>81829.833333333299</v>
      </c>
      <c r="BZ1105" s="53">
        <v>81829.833333333299</v>
      </c>
      <c r="CA1105" s="53">
        <v>981957.99999999895</v>
      </c>
      <c r="CB1105" s="53"/>
      <c r="CC1105" s="53"/>
      <c r="CD1105" s="53"/>
      <c r="CE1105" s="53"/>
      <c r="CF1105" s="53"/>
      <c r="CG1105" s="53"/>
      <c r="CH1105" s="53"/>
      <c r="CI1105" s="53"/>
      <c r="CJ1105" s="53"/>
      <c r="CK1105" s="53"/>
      <c r="CL1105" s="53"/>
      <c r="CM1105" s="53"/>
      <c r="CN1105" s="53"/>
    </row>
    <row r="1106" spans="1:92" outlineLevel="1">
      <c r="A1106" s="52" t="s">
        <v>1434</v>
      </c>
      <c r="B1106" s="53"/>
      <c r="C1106" s="53"/>
      <c r="D1106" s="53"/>
      <c r="E1106" s="53"/>
      <c r="F1106" s="53"/>
      <c r="G1106" s="53"/>
      <c r="H1106" s="53"/>
      <c r="I1106" s="53"/>
      <c r="J1106" s="53"/>
      <c r="K1106" s="53"/>
      <c r="L1106" s="53"/>
      <c r="M1106" s="53"/>
      <c r="N1106" s="53"/>
      <c r="O1106" s="53"/>
      <c r="P1106" s="53"/>
      <c r="Q1106" s="53"/>
      <c r="R1106" s="53"/>
      <c r="S1106" s="53"/>
      <c r="T1106" s="53"/>
      <c r="U1106" s="53"/>
      <c r="V1106" s="53"/>
      <c r="W1106" s="53"/>
      <c r="X1106" s="53"/>
      <c r="Y1106" s="53"/>
      <c r="Z1106" s="53"/>
      <c r="AA1106" s="53"/>
      <c r="AB1106" s="53"/>
      <c r="AC1106" s="53"/>
      <c r="AD1106" s="53"/>
      <c r="AE1106" s="53"/>
      <c r="AF1106" s="53"/>
      <c r="AG1106" s="53"/>
      <c r="AH1106" s="53"/>
      <c r="AI1106" s="53"/>
      <c r="AJ1106" s="53"/>
      <c r="AK1106" s="53"/>
      <c r="AL1106" s="53"/>
      <c r="AM1106" s="53"/>
      <c r="AN1106" s="53"/>
      <c r="AO1106" s="53"/>
      <c r="AP1106" s="53"/>
      <c r="AQ1106" s="53"/>
      <c r="AR1106" s="53"/>
      <c r="AS1106" s="53"/>
      <c r="AT1106" s="53"/>
      <c r="AU1106" s="53"/>
      <c r="AV1106" s="53"/>
      <c r="AW1106" s="53"/>
      <c r="AX1106" s="53"/>
      <c r="AY1106" s="53"/>
      <c r="AZ1106" s="53"/>
      <c r="BA1106" s="53"/>
      <c r="BB1106" s="53"/>
      <c r="BC1106" s="53"/>
      <c r="BD1106" s="53"/>
      <c r="BE1106" s="53"/>
      <c r="BF1106" s="53"/>
      <c r="BG1106" s="53"/>
      <c r="BH1106" s="53"/>
      <c r="BI1106" s="53"/>
      <c r="BJ1106" s="53"/>
      <c r="BK1106" s="53"/>
      <c r="BL1106" s="53"/>
      <c r="BM1106" s="53"/>
      <c r="BN1106" s="53"/>
      <c r="BO1106" s="53"/>
      <c r="BP1106" s="53"/>
      <c r="BQ1106" s="53"/>
      <c r="BR1106" s="53"/>
      <c r="BS1106" s="53"/>
      <c r="BT1106" s="53"/>
      <c r="BU1106" s="53"/>
      <c r="BV1106" s="53"/>
      <c r="BW1106" s="53"/>
      <c r="BX1106" s="53"/>
      <c r="BY1106" s="53"/>
      <c r="BZ1106" s="53"/>
      <c r="CA1106" s="53"/>
      <c r="CB1106" s="53"/>
      <c r="CC1106" s="53"/>
      <c r="CD1106" s="53"/>
      <c r="CE1106" s="53"/>
      <c r="CF1106" s="53"/>
      <c r="CG1106" s="53"/>
      <c r="CH1106" s="53"/>
      <c r="CI1106" s="53"/>
      <c r="CJ1106" s="53"/>
      <c r="CK1106" s="53"/>
      <c r="CL1106" s="53"/>
      <c r="CM1106" s="53"/>
      <c r="CN1106" s="53"/>
    </row>
    <row r="1107" spans="1:92" outlineLevel="1">
      <c r="A1107" s="52" t="s">
        <v>649</v>
      </c>
      <c r="B1107" s="53"/>
      <c r="C1107" s="53"/>
      <c r="D1107" s="53"/>
      <c r="E1107" s="53"/>
      <c r="F1107" s="53"/>
      <c r="G1107" s="53"/>
      <c r="H1107" s="53"/>
      <c r="I1107" s="53"/>
      <c r="J1107" s="53"/>
      <c r="K1107" s="53"/>
      <c r="L1107" s="53"/>
      <c r="M1107" s="53"/>
      <c r="N1107" s="53"/>
      <c r="O1107" s="53"/>
      <c r="P1107" s="53"/>
      <c r="Q1107" s="53"/>
      <c r="R1107" s="53"/>
      <c r="S1107" s="53"/>
      <c r="T1107" s="53"/>
      <c r="U1107" s="53"/>
      <c r="V1107" s="53"/>
      <c r="W1107" s="53"/>
      <c r="X1107" s="53"/>
      <c r="Y1107" s="53"/>
      <c r="Z1107" s="53"/>
      <c r="AA1107" s="53"/>
      <c r="AB1107" s="53"/>
      <c r="AC1107" s="53"/>
      <c r="AD1107" s="53"/>
      <c r="AE1107" s="53"/>
      <c r="AF1107" s="53"/>
      <c r="AG1107" s="53"/>
      <c r="AH1107" s="53"/>
      <c r="AI1107" s="53"/>
      <c r="AJ1107" s="53"/>
      <c r="AK1107" s="53"/>
      <c r="AL1107" s="53"/>
      <c r="AM1107" s="53"/>
      <c r="AN1107" s="53"/>
      <c r="AO1107" s="53">
        <v>-47271.890776666703</v>
      </c>
      <c r="AP1107" s="53">
        <v>-47271.890776666703</v>
      </c>
      <c r="AQ1107" s="53">
        <v>-47271.890776666703</v>
      </c>
      <c r="AR1107" s="53">
        <v>-47271.890776666703</v>
      </c>
      <c r="AS1107" s="53">
        <v>-47271.890776666703</v>
      </c>
      <c r="AT1107" s="53">
        <v>-47271.890776666703</v>
      </c>
      <c r="AU1107" s="53">
        <v>-47271.890776666703</v>
      </c>
      <c r="AV1107" s="53">
        <v>-47271.890776666703</v>
      </c>
      <c r="AW1107" s="53">
        <v>-47271.890776666703</v>
      </c>
      <c r="AX1107" s="53">
        <v>-47271.890776666703</v>
      </c>
      <c r="AY1107" s="53">
        <v>-47271.890776666703</v>
      </c>
      <c r="AZ1107" s="53">
        <v>-47271.890776666703</v>
      </c>
      <c r="BA1107" s="53">
        <v>-567262.68932</v>
      </c>
      <c r="BB1107" s="53">
        <v>-47271.890776666703</v>
      </c>
      <c r="BC1107" s="53">
        <v>-47271.890776666703</v>
      </c>
      <c r="BD1107" s="53">
        <v>-47271.890776666703</v>
      </c>
      <c r="BE1107" s="53">
        <v>-47271.890776666703</v>
      </c>
      <c r="BF1107" s="53">
        <v>-47271.890776666703</v>
      </c>
      <c r="BG1107" s="53">
        <v>-47271.890776666703</v>
      </c>
      <c r="BH1107" s="53">
        <v>-47271.890776666703</v>
      </c>
      <c r="BI1107" s="53">
        <v>-47271.890776666703</v>
      </c>
      <c r="BJ1107" s="53">
        <v>-47271.890776666703</v>
      </c>
      <c r="BK1107" s="53">
        <v>-47271.890776666703</v>
      </c>
      <c r="BL1107" s="53">
        <v>-47271.890776666703</v>
      </c>
      <c r="BM1107" s="53">
        <v>-47271.890776666703</v>
      </c>
      <c r="BN1107" s="53">
        <v>-567262.68932</v>
      </c>
      <c r="BO1107" s="53">
        <v>-47271.890776666703</v>
      </c>
      <c r="BP1107" s="53">
        <v>-47271.890776666703</v>
      </c>
      <c r="BQ1107" s="53">
        <v>-47271.890776666703</v>
      </c>
      <c r="BR1107" s="53">
        <v>-47271.890776666703</v>
      </c>
      <c r="BS1107" s="53">
        <v>-47271.890776666703</v>
      </c>
      <c r="BT1107" s="53">
        <v>-47271.890776666703</v>
      </c>
      <c r="BU1107" s="53">
        <v>-47271.890776666703</v>
      </c>
      <c r="BV1107" s="53">
        <v>-47271.890776666703</v>
      </c>
      <c r="BW1107" s="53">
        <v>-47271.890776666703</v>
      </c>
      <c r="BX1107" s="53">
        <v>-47271.890776666703</v>
      </c>
      <c r="BY1107" s="53">
        <v>-47271.890776666703</v>
      </c>
      <c r="BZ1107" s="53">
        <v>-47271.890776666703</v>
      </c>
      <c r="CA1107" s="53">
        <v>-567262.68932</v>
      </c>
      <c r="CB1107" s="53"/>
      <c r="CC1107" s="53"/>
      <c r="CD1107" s="53"/>
      <c r="CE1107" s="53"/>
      <c r="CF1107" s="53"/>
      <c r="CG1107" s="53"/>
      <c r="CH1107" s="53"/>
      <c r="CI1107" s="53"/>
      <c r="CJ1107" s="53"/>
      <c r="CK1107" s="53"/>
      <c r="CL1107" s="53"/>
      <c r="CM1107" s="53"/>
      <c r="CN1107" s="53"/>
    </row>
    <row r="1108" spans="1:92">
      <c r="A1108" s="52" t="s">
        <v>1435</v>
      </c>
      <c r="B1108" s="53"/>
      <c r="C1108" s="53"/>
      <c r="D1108" s="53"/>
      <c r="E1108" s="53"/>
      <c r="F1108" s="53"/>
      <c r="G1108" s="53"/>
      <c r="H1108" s="53"/>
      <c r="I1108" s="53"/>
      <c r="J1108" s="53"/>
      <c r="K1108" s="53"/>
      <c r="L1108" s="53"/>
      <c r="M1108" s="53"/>
      <c r="N1108" s="53"/>
      <c r="O1108" s="53"/>
      <c r="P1108" s="53"/>
      <c r="Q1108" s="53"/>
      <c r="R1108" s="53"/>
      <c r="S1108" s="53"/>
      <c r="T1108" s="53"/>
      <c r="U1108" s="53"/>
      <c r="V1108" s="53"/>
      <c r="W1108" s="53"/>
      <c r="X1108" s="53"/>
      <c r="Y1108" s="53"/>
      <c r="Z1108" s="53"/>
      <c r="AA1108" s="53"/>
      <c r="AB1108" s="53"/>
      <c r="AC1108" s="53"/>
      <c r="AD1108" s="53"/>
      <c r="AE1108" s="53"/>
      <c r="AF1108" s="53"/>
      <c r="AG1108" s="53"/>
      <c r="AH1108" s="53"/>
      <c r="AI1108" s="53"/>
      <c r="AJ1108" s="53"/>
      <c r="AK1108" s="53"/>
      <c r="AL1108" s="53"/>
      <c r="AM1108" s="53"/>
      <c r="AN1108" s="53"/>
      <c r="AO1108" s="53"/>
      <c r="AP1108" s="53"/>
      <c r="AQ1108" s="53"/>
      <c r="AR1108" s="53"/>
      <c r="AS1108" s="53"/>
      <c r="AT1108" s="53"/>
      <c r="AU1108" s="53"/>
      <c r="AV1108" s="53"/>
      <c r="AW1108" s="53"/>
      <c r="AX1108" s="53"/>
      <c r="AY1108" s="53"/>
      <c r="AZ1108" s="53"/>
      <c r="BA1108" s="53"/>
      <c r="BB1108" s="53"/>
      <c r="BC1108" s="53"/>
      <c r="BD1108" s="53"/>
      <c r="BE1108" s="53"/>
      <c r="BF1108" s="53"/>
      <c r="BG1108" s="53"/>
      <c r="BH1108" s="53"/>
      <c r="BI1108" s="53"/>
      <c r="BJ1108" s="53"/>
      <c r="BK1108" s="53"/>
      <c r="BL1108" s="53"/>
      <c r="BM1108" s="53"/>
      <c r="BN1108" s="53"/>
      <c r="BO1108" s="53"/>
      <c r="BP1108" s="53"/>
      <c r="BQ1108" s="53"/>
      <c r="BR1108" s="53"/>
      <c r="BS1108" s="53"/>
      <c r="BT1108" s="53"/>
      <c r="BU1108" s="53"/>
      <c r="BV1108" s="53"/>
      <c r="BW1108" s="53"/>
      <c r="BX1108" s="53"/>
      <c r="BY1108" s="53"/>
      <c r="BZ1108" s="53"/>
      <c r="CA1108" s="53"/>
      <c r="CB1108" s="53"/>
      <c r="CC1108" s="53"/>
      <c r="CD1108" s="53"/>
      <c r="CE1108" s="53"/>
      <c r="CF1108" s="53"/>
      <c r="CG1108" s="53"/>
      <c r="CH1108" s="53"/>
      <c r="CI1108" s="53"/>
      <c r="CJ1108" s="53"/>
      <c r="CK1108" s="53"/>
      <c r="CL1108" s="53"/>
      <c r="CM1108" s="53"/>
      <c r="CN1108" s="53"/>
    </row>
    <row r="1109" spans="1:92">
      <c r="A1109" s="52" t="s">
        <v>649</v>
      </c>
      <c r="B1109" s="53"/>
      <c r="C1109" s="53"/>
      <c r="D1109" s="53"/>
      <c r="E1109" s="53"/>
      <c r="F1109" s="53"/>
      <c r="G1109" s="53"/>
      <c r="H1109" s="53"/>
      <c r="I1109" s="53"/>
      <c r="J1109" s="53"/>
      <c r="K1109" s="53"/>
      <c r="L1109" s="53"/>
      <c r="M1109" s="53"/>
      <c r="N1109" s="53"/>
      <c r="O1109" s="53"/>
      <c r="P1109" s="53"/>
      <c r="Q1109" s="53"/>
      <c r="R1109" s="53"/>
      <c r="S1109" s="53"/>
      <c r="T1109" s="53"/>
      <c r="U1109" s="53"/>
      <c r="V1109" s="53"/>
      <c r="W1109" s="53"/>
      <c r="X1109" s="53"/>
      <c r="Y1109" s="53"/>
      <c r="Z1109" s="53"/>
      <c r="AA1109" s="53"/>
      <c r="AB1109" s="53"/>
      <c r="AC1109" s="53"/>
      <c r="AD1109" s="53"/>
      <c r="AE1109" s="53"/>
      <c r="AF1109" s="53"/>
      <c r="AG1109" s="53"/>
      <c r="AH1109" s="53"/>
      <c r="AI1109" s="53"/>
      <c r="AJ1109" s="53"/>
      <c r="AK1109" s="53"/>
      <c r="AL1109" s="53"/>
      <c r="AM1109" s="53"/>
      <c r="AN1109" s="53"/>
      <c r="AO1109" s="53">
        <v>-317982.89999999898</v>
      </c>
      <c r="AP1109" s="53">
        <v>-317982.89999999898</v>
      </c>
      <c r="AQ1109" s="53">
        <v>-317982.89999999898</v>
      </c>
      <c r="AR1109" s="53">
        <v>-317982.89999999898</v>
      </c>
      <c r="AS1109" s="53">
        <v>-317982.89999999898</v>
      </c>
      <c r="AT1109" s="53">
        <v>-317982.89999999898</v>
      </c>
      <c r="AU1109" s="53">
        <v>-317982.89999999898</v>
      </c>
      <c r="AV1109" s="53">
        <v>-317982.89999999898</v>
      </c>
      <c r="AW1109" s="53">
        <v>-317982.89999999898</v>
      </c>
      <c r="AX1109" s="53">
        <v>-317982.89999999898</v>
      </c>
      <c r="AY1109" s="53">
        <v>-317982.89999999898</v>
      </c>
      <c r="AZ1109" s="53">
        <v>-317982.89999999898</v>
      </c>
      <c r="BA1109" s="53">
        <v>-3815794.8</v>
      </c>
      <c r="BB1109" s="53">
        <v>-317982.89999999898</v>
      </c>
      <c r="BC1109" s="53">
        <v>-317982.89999999898</v>
      </c>
      <c r="BD1109" s="53">
        <v>-317982.89999999898</v>
      </c>
      <c r="BE1109" s="53">
        <v>-317982.89999999898</v>
      </c>
      <c r="BF1109" s="53">
        <v>-317982.89999999898</v>
      </c>
      <c r="BG1109" s="53">
        <v>-317982.89999999898</v>
      </c>
      <c r="BH1109" s="53">
        <v>-317982.89999999898</v>
      </c>
      <c r="BI1109" s="53">
        <v>-317982.89999999898</v>
      </c>
      <c r="BJ1109" s="53">
        <v>-317982.89999999898</v>
      </c>
      <c r="BK1109" s="53">
        <v>-317982.89999999898</v>
      </c>
      <c r="BL1109" s="53">
        <v>-317982.89999999898</v>
      </c>
      <c r="BM1109" s="53">
        <v>-317982.89999999898</v>
      </c>
      <c r="BN1109" s="53">
        <v>-3815794.8</v>
      </c>
      <c r="BO1109" s="53">
        <v>-317982.89999999898</v>
      </c>
      <c r="BP1109" s="53">
        <v>-317982.89999999898</v>
      </c>
      <c r="BQ1109" s="53">
        <v>-317982.89999999898</v>
      </c>
      <c r="BR1109" s="53">
        <v>-317982.89999999898</v>
      </c>
      <c r="BS1109" s="53">
        <v>-317982.89999999898</v>
      </c>
      <c r="BT1109" s="53">
        <v>-317982.89999999898</v>
      </c>
      <c r="BU1109" s="53">
        <v>-317982.89999999898</v>
      </c>
      <c r="BV1109" s="53">
        <v>-317982.89999999898</v>
      </c>
      <c r="BW1109" s="53">
        <v>-317982.89999999898</v>
      </c>
      <c r="BX1109" s="53">
        <v>-317982.89999999898</v>
      </c>
      <c r="BY1109" s="53">
        <v>-317982.89999999898</v>
      </c>
      <c r="BZ1109" s="53">
        <v>-317982.89999999898</v>
      </c>
      <c r="CA1109" s="53">
        <v>-3815794.8</v>
      </c>
      <c r="CB1109" s="53"/>
      <c r="CC1109" s="53"/>
      <c r="CD1109" s="53"/>
      <c r="CE1109" s="53"/>
      <c r="CF1109" s="53"/>
      <c r="CG1109" s="53"/>
      <c r="CH1109" s="53"/>
      <c r="CI1109" s="53"/>
      <c r="CJ1109" s="53"/>
      <c r="CK1109" s="53"/>
      <c r="CL1109" s="53"/>
      <c r="CM1109" s="53"/>
      <c r="CN1109" s="53"/>
    </row>
    <row r="1110" spans="1:92" outlineLevel="1">
      <c r="A1110" s="52" t="s">
        <v>1436</v>
      </c>
      <c r="B1110" s="53"/>
      <c r="C1110" s="53"/>
      <c r="D1110" s="53"/>
      <c r="E1110" s="53"/>
      <c r="F1110" s="53"/>
      <c r="G1110" s="53"/>
      <c r="H1110" s="53"/>
      <c r="I1110" s="53"/>
      <c r="J1110" s="53"/>
      <c r="K1110" s="53"/>
      <c r="L1110" s="53"/>
      <c r="M1110" s="53"/>
      <c r="N1110" s="53"/>
      <c r="O1110" s="53"/>
      <c r="P1110" s="53"/>
      <c r="Q1110" s="53"/>
      <c r="R1110" s="53"/>
      <c r="S1110" s="53"/>
      <c r="T1110" s="53"/>
      <c r="U1110" s="53"/>
      <c r="V1110" s="53"/>
      <c r="W1110" s="53"/>
      <c r="X1110" s="53"/>
      <c r="Y1110" s="53"/>
      <c r="Z1110" s="53"/>
      <c r="AA1110" s="53"/>
      <c r="AB1110" s="53"/>
      <c r="AC1110" s="53"/>
      <c r="AD1110" s="53"/>
      <c r="AE1110" s="53"/>
      <c r="AF1110" s="53"/>
      <c r="AG1110" s="53"/>
      <c r="AH1110" s="53"/>
      <c r="AI1110" s="53"/>
      <c r="AJ1110" s="53"/>
      <c r="AK1110" s="53"/>
      <c r="AL1110" s="53"/>
      <c r="AM1110" s="53"/>
      <c r="AN1110" s="53"/>
      <c r="AO1110" s="53"/>
      <c r="AP1110" s="53"/>
      <c r="AQ1110" s="53"/>
      <c r="AR1110" s="53"/>
      <c r="AS1110" s="53"/>
      <c r="AT1110" s="53"/>
      <c r="AU1110" s="53"/>
      <c r="AV1110" s="53"/>
      <c r="AW1110" s="53"/>
      <c r="AX1110" s="53"/>
      <c r="AY1110" s="53"/>
      <c r="AZ1110" s="53"/>
      <c r="BA1110" s="53"/>
      <c r="BB1110" s="53"/>
      <c r="BC1110" s="53"/>
      <c r="BD1110" s="53"/>
      <c r="BE1110" s="53"/>
      <c r="BF1110" s="53"/>
      <c r="BG1110" s="53"/>
      <c r="BH1110" s="53"/>
      <c r="BI1110" s="53"/>
      <c r="BJ1110" s="53"/>
      <c r="BK1110" s="53"/>
      <c r="BL1110" s="53"/>
      <c r="BM1110" s="53"/>
      <c r="BN1110" s="53"/>
      <c r="BO1110" s="53"/>
      <c r="BP1110" s="53"/>
      <c r="BQ1110" s="53"/>
      <c r="BR1110" s="53"/>
      <c r="BS1110" s="53"/>
      <c r="BT1110" s="53"/>
      <c r="BU1110" s="53"/>
      <c r="BV1110" s="53"/>
      <c r="BW1110" s="53"/>
      <c r="BX1110" s="53"/>
      <c r="BY1110" s="53"/>
      <c r="BZ1110" s="53"/>
      <c r="CA1110" s="53"/>
      <c r="CB1110" s="53"/>
      <c r="CC1110" s="53"/>
      <c r="CD1110" s="53"/>
      <c r="CE1110" s="53"/>
      <c r="CF1110" s="53"/>
      <c r="CG1110" s="53"/>
      <c r="CH1110" s="53"/>
      <c r="CI1110" s="53"/>
      <c r="CJ1110" s="53"/>
      <c r="CK1110" s="53"/>
      <c r="CL1110" s="53"/>
      <c r="CM1110" s="53"/>
      <c r="CN1110" s="53"/>
    </row>
    <row r="1111" spans="1:92" outlineLevel="1">
      <c r="A1111" s="52" t="s">
        <v>649</v>
      </c>
      <c r="B1111" s="53"/>
      <c r="C1111" s="53"/>
      <c r="D1111" s="53"/>
      <c r="E1111" s="53"/>
      <c r="F1111" s="53"/>
      <c r="G1111" s="53"/>
      <c r="H1111" s="53"/>
      <c r="I1111" s="53"/>
      <c r="J1111" s="53"/>
      <c r="K1111" s="53"/>
      <c r="L1111" s="53"/>
      <c r="M1111" s="53"/>
      <c r="N1111" s="53"/>
      <c r="O1111" s="53"/>
      <c r="P1111" s="53"/>
      <c r="Q1111" s="53"/>
      <c r="R1111" s="53"/>
      <c r="S1111" s="53"/>
      <c r="T1111" s="53"/>
      <c r="U1111" s="53"/>
      <c r="V1111" s="53"/>
      <c r="W1111" s="53"/>
      <c r="X1111" s="53"/>
      <c r="Y1111" s="53"/>
      <c r="Z1111" s="53"/>
      <c r="AA1111" s="53"/>
      <c r="AB1111" s="53"/>
      <c r="AC1111" s="53"/>
      <c r="AD1111" s="53"/>
      <c r="AE1111" s="53"/>
      <c r="AF1111" s="53"/>
      <c r="AG1111" s="53"/>
      <c r="AH1111" s="53"/>
      <c r="AI1111" s="53"/>
      <c r="AJ1111" s="53"/>
      <c r="AK1111" s="53"/>
      <c r="AL1111" s="53"/>
      <c r="AM1111" s="53"/>
      <c r="AN1111" s="53"/>
      <c r="AO1111" s="53">
        <v>-29000000</v>
      </c>
      <c r="AP1111" s="53"/>
      <c r="AQ1111" s="53"/>
      <c r="AR1111" s="53"/>
      <c r="AS1111" s="53"/>
      <c r="AT1111" s="53"/>
      <c r="AU1111" s="53"/>
      <c r="AV1111" s="53"/>
      <c r="AW1111" s="53"/>
      <c r="AX1111" s="53"/>
      <c r="AY1111" s="53"/>
      <c r="AZ1111" s="53"/>
      <c r="BA1111" s="53">
        <v>-29000000</v>
      </c>
      <c r="BB1111" s="53"/>
      <c r="BC1111" s="53"/>
      <c r="BD1111" s="53"/>
      <c r="BE1111" s="53"/>
      <c r="BF1111" s="53"/>
      <c r="BG1111" s="53"/>
      <c r="BH1111" s="53"/>
      <c r="BI1111" s="53"/>
      <c r="BJ1111" s="53"/>
      <c r="BK1111" s="53"/>
      <c r="BL1111" s="53"/>
      <c r="BM1111" s="53"/>
      <c r="BN1111" s="53"/>
      <c r="BO1111" s="53"/>
      <c r="BP1111" s="53"/>
      <c r="BQ1111" s="53"/>
      <c r="BR1111" s="53"/>
      <c r="BS1111" s="53"/>
      <c r="BT1111" s="53"/>
      <c r="BU1111" s="53"/>
      <c r="BV1111" s="53"/>
      <c r="BW1111" s="53"/>
      <c r="BX1111" s="53"/>
      <c r="BY1111" s="53"/>
      <c r="BZ1111" s="53"/>
      <c r="CA1111" s="53"/>
      <c r="CB1111" s="53"/>
      <c r="CC1111" s="53"/>
      <c r="CD1111" s="53"/>
      <c r="CE1111" s="53"/>
      <c r="CF1111" s="53"/>
      <c r="CG1111" s="53"/>
      <c r="CH1111" s="53"/>
      <c r="CI1111" s="53"/>
      <c r="CJ1111" s="53"/>
      <c r="CK1111" s="53"/>
      <c r="CL1111" s="53"/>
      <c r="CM1111" s="53"/>
      <c r="CN1111" s="53"/>
    </row>
    <row r="1112" spans="1:92" outlineLevel="1">
      <c r="A1112" s="52" t="s">
        <v>1437</v>
      </c>
      <c r="B1112" s="53"/>
      <c r="C1112" s="53"/>
      <c r="D1112" s="53"/>
      <c r="E1112" s="53"/>
      <c r="F1112" s="53"/>
      <c r="G1112" s="53"/>
      <c r="H1112" s="53"/>
      <c r="I1112" s="53"/>
      <c r="J1112" s="53"/>
      <c r="K1112" s="53"/>
      <c r="L1112" s="53"/>
      <c r="M1112" s="53"/>
      <c r="N1112" s="53"/>
      <c r="O1112" s="53"/>
      <c r="P1112" s="53"/>
      <c r="Q1112" s="53"/>
      <c r="R1112" s="53"/>
      <c r="S1112" s="53"/>
      <c r="T1112" s="53"/>
      <c r="U1112" s="53"/>
      <c r="V1112" s="53"/>
      <c r="W1112" s="53"/>
      <c r="X1112" s="53"/>
      <c r="Y1112" s="53"/>
      <c r="Z1112" s="53"/>
      <c r="AA1112" s="53"/>
      <c r="AB1112" s="53"/>
      <c r="AC1112" s="53"/>
      <c r="AD1112" s="53"/>
      <c r="AE1112" s="53"/>
      <c r="AF1112" s="53"/>
      <c r="AG1112" s="53"/>
      <c r="AH1112" s="53"/>
      <c r="AI1112" s="53"/>
      <c r="AJ1112" s="53"/>
      <c r="AK1112" s="53"/>
      <c r="AL1112" s="53"/>
      <c r="AM1112" s="53"/>
      <c r="AN1112" s="53"/>
      <c r="AO1112" s="53"/>
      <c r="AP1112" s="53"/>
      <c r="AQ1112" s="53"/>
      <c r="AR1112" s="53"/>
      <c r="AS1112" s="53"/>
      <c r="AT1112" s="53"/>
      <c r="AU1112" s="53"/>
      <c r="AV1112" s="53"/>
      <c r="AW1112" s="53"/>
      <c r="AX1112" s="53"/>
      <c r="AY1112" s="53"/>
      <c r="AZ1112" s="53"/>
      <c r="BA1112" s="53"/>
      <c r="BB1112" s="53"/>
      <c r="BC1112" s="53"/>
      <c r="BD1112" s="53"/>
      <c r="BE1112" s="53"/>
      <c r="BF1112" s="53"/>
      <c r="BG1112" s="53"/>
      <c r="BH1112" s="53"/>
      <c r="BI1112" s="53"/>
      <c r="BJ1112" s="53"/>
      <c r="BK1112" s="53"/>
      <c r="BL1112" s="53"/>
      <c r="BM1112" s="53"/>
      <c r="BN1112" s="53"/>
      <c r="BO1112" s="53"/>
      <c r="BP1112" s="53"/>
      <c r="BQ1112" s="53"/>
      <c r="BR1112" s="53"/>
      <c r="BS1112" s="53"/>
      <c r="BT1112" s="53"/>
      <c r="BU1112" s="53"/>
      <c r="BV1112" s="53"/>
      <c r="BW1112" s="53"/>
      <c r="BX1112" s="53"/>
      <c r="BY1112" s="53"/>
      <c r="BZ1112" s="53"/>
      <c r="CA1112" s="53"/>
      <c r="CB1112" s="53"/>
      <c r="CC1112" s="53"/>
      <c r="CD1112" s="53"/>
      <c r="CE1112" s="53"/>
      <c r="CF1112" s="53"/>
      <c r="CG1112" s="53"/>
      <c r="CH1112" s="53"/>
      <c r="CI1112" s="53"/>
      <c r="CJ1112" s="53"/>
      <c r="CK1112" s="53"/>
      <c r="CL1112" s="53"/>
      <c r="CM1112" s="53"/>
      <c r="CN1112" s="53"/>
    </row>
    <row r="1113" spans="1:92" outlineLevel="1">
      <c r="A1113" s="52" t="s">
        <v>649</v>
      </c>
      <c r="B1113" s="53">
        <v>-89506</v>
      </c>
      <c r="C1113" s="53">
        <v>-89506</v>
      </c>
      <c r="D1113" s="53">
        <v>-89506</v>
      </c>
      <c r="E1113" s="53">
        <v>-89506</v>
      </c>
      <c r="F1113" s="53">
        <v>-89506</v>
      </c>
      <c r="G1113" s="53">
        <v>-89506</v>
      </c>
      <c r="H1113" s="53">
        <v>-89506</v>
      </c>
      <c r="I1113" s="53">
        <v>-89506</v>
      </c>
      <c r="J1113" s="53">
        <v>-89506</v>
      </c>
      <c r="K1113" s="53">
        <v>-89506</v>
      </c>
      <c r="L1113" s="53">
        <v>-89506</v>
      </c>
      <c r="M1113" s="53">
        <v>-89506</v>
      </c>
      <c r="N1113" s="53">
        <v>-1074072</v>
      </c>
      <c r="O1113" s="53">
        <v>-89506</v>
      </c>
      <c r="P1113" s="53">
        <v>-89506</v>
      </c>
      <c r="Q1113" s="53">
        <v>-89506</v>
      </c>
      <c r="R1113" s="53">
        <v>-89506</v>
      </c>
      <c r="S1113" s="53">
        <v>-89506</v>
      </c>
      <c r="T1113" s="53">
        <v>-89506</v>
      </c>
      <c r="U1113" s="53">
        <v>-89506</v>
      </c>
      <c r="V1113" s="53">
        <v>-89506</v>
      </c>
      <c r="W1113" s="53">
        <v>-89506</v>
      </c>
      <c r="X1113" s="53">
        <v>-89506</v>
      </c>
      <c r="Y1113" s="53">
        <v>-89506</v>
      </c>
      <c r="Z1113" s="53">
        <v>-89506</v>
      </c>
      <c r="AA1113" s="53">
        <v>-1074072</v>
      </c>
      <c r="AB1113" s="53">
        <v>-89506</v>
      </c>
      <c r="AC1113" s="53">
        <v>-89506</v>
      </c>
      <c r="AD1113" s="53">
        <v>-89506</v>
      </c>
      <c r="AE1113" s="53">
        <v>-89506</v>
      </c>
      <c r="AF1113" s="53">
        <v>-89506</v>
      </c>
      <c r="AG1113" s="53">
        <v>-89506</v>
      </c>
      <c r="AH1113" s="53">
        <v>-89506</v>
      </c>
      <c r="AI1113" s="53">
        <v>-89506</v>
      </c>
      <c r="AJ1113" s="53">
        <v>-89506</v>
      </c>
      <c r="AK1113" s="53">
        <v>-89506</v>
      </c>
      <c r="AL1113" s="53">
        <v>-89506</v>
      </c>
      <c r="AM1113" s="53">
        <v>-89506</v>
      </c>
      <c r="AN1113" s="53">
        <v>-1074072</v>
      </c>
      <c r="AO1113" s="53">
        <v>-89506</v>
      </c>
      <c r="AP1113" s="53">
        <v>-89506</v>
      </c>
      <c r="AQ1113" s="53">
        <v>-89506</v>
      </c>
      <c r="AR1113" s="53">
        <v>-89506</v>
      </c>
      <c r="AS1113" s="53">
        <v>-89506</v>
      </c>
      <c r="AT1113" s="53">
        <v>-89506</v>
      </c>
      <c r="AU1113" s="53">
        <v>-89506</v>
      </c>
      <c r="AV1113" s="53">
        <v>-89506</v>
      </c>
      <c r="AW1113" s="53">
        <v>-89506</v>
      </c>
      <c r="AX1113" s="53">
        <v>-89506</v>
      </c>
      <c r="AY1113" s="53">
        <v>-89506</v>
      </c>
      <c r="AZ1113" s="53">
        <v>-89506</v>
      </c>
      <c r="BA1113" s="53">
        <v>-1074072</v>
      </c>
      <c r="BB1113" s="53">
        <v>-89506</v>
      </c>
      <c r="BC1113" s="53">
        <v>-89506</v>
      </c>
      <c r="BD1113" s="53">
        <v>-89506</v>
      </c>
      <c r="BE1113" s="53">
        <v>-89506</v>
      </c>
      <c r="BF1113" s="53">
        <v>-89506</v>
      </c>
      <c r="BG1113" s="53">
        <v>-89506</v>
      </c>
      <c r="BH1113" s="53">
        <v>-89506</v>
      </c>
      <c r="BI1113" s="53">
        <v>-89506</v>
      </c>
      <c r="BJ1113" s="53">
        <v>-89506</v>
      </c>
      <c r="BK1113" s="53">
        <v>-89506</v>
      </c>
      <c r="BL1113" s="53">
        <v>-89506</v>
      </c>
      <c r="BM1113" s="53">
        <v>-89506</v>
      </c>
      <c r="BN1113" s="53">
        <v>-1074072</v>
      </c>
      <c r="BO1113" s="53">
        <v>-89506</v>
      </c>
      <c r="BP1113" s="53">
        <v>-89506</v>
      </c>
      <c r="BQ1113" s="53">
        <v>-89506</v>
      </c>
      <c r="BR1113" s="53">
        <v>-89506</v>
      </c>
      <c r="BS1113" s="53">
        <v>-89506</v>
      </c>
      <c r="BT1113" s="53">
        <v>-89506</v>
      </c>
      <c r="BU1113" s="53">
        <v>-89506</v>
      </c>
      <c r="BV1113" s="53">
        <v>-89506</v>
      </c>
      <c r="BW1113" s="53">
        <v>-89506</v>
      </c>
      <c r="BX1113" s="53">
        <v>-89506</v>
      </c>
      <c r="BY1113" s="53">
        <v>-89506</v>
      </c>
      <c r="BZ1113" s="53">
        <v>-89506</v>
      </c>
      <c r="CA1113" s="53">
        <v>-1074072</v>
      </c>
      <c r="CB1113" s="53"/>
      <c r="CC1113" s="53"/>
      <c r="CD1113" s="53"/>
      <c r="CE1113" s="53"/>
      <c r="CF1113" s="53"/>
      <c r="CG1113" s="53"/>
      <c r="CH1113" s="53"/>
      <c r="CI1113" s="53"/>
      <c r="CJ1113" s="53"/>
      <c r="CK1113" s="53"/>
      <c r="CL1113" s="53"/>
      <c r="CM1113" s="53"/>
      <c r="CN1113" s="53"/>
    </row>
    <row r="1114" spans="1:92" outlineLevel="1">
      <c r="A1114" s="52" t="s">
        <v>1410</v>
      </c>
      <c r="B1114" s="53"/>
      <c r="C1114" s="53"/>
      <c r="D1114" s="53"/>
      <c r="E1114" s="53"/>
      <c r="F1114" s="53"/>
      <c r="G1114" s="53"/>
      <c r="H1114" s="53"/>
      <c r="I1114" s="53"/>
      <c r="J1114" s="53"/>
      <c r="K1114" s="53"/>
      <c r="L1114" s="53"/>
      <c r="M1114" s="53"/>
      <c r="N1114" s="53"/>
      <c r="O1114" s="53"/>
      <c r="P1114" s="53"/>
      <c r="Q1114" s="53"/>
      <c r="R1114" s="53"/>
      <c r="S1114" s="53"/>
      <c r="T1114" s="53"/>
      <c r="U1114" s="53"/>
      <c r="V1114" s="53"/>
      <c r="W1114" s="53"/>
      <c r="X1114" s="53"/>
      <c r="Y1114" s="53"/>
      <c r="Z1114" s="53"/>
      <c r="AA1114" s="53"/>
      <c r="AB1114" s="53"/>
      <c r="AC1114" s="53"/>
      <c r="AD1114" s="53"/>
      <c r="AE1114" s="53"/>
      <c r="AF1114" s="53"/>
      <c r="AG1114" s="53"/>
      <c r="AH1114" s="53"/>
      <c r="AI1114" s="53"/>
      <c r="AJ1114" s="53"/>
      <c r="AK1114" s="53"/>
      <c r="AL1114" s="53"/>
      <c r="AM1114" s="53"/>
      <c r="AN1114" s="53"/>
      <c r="AO1114" s="53"/>
      <c r="AP1114" s="53"/>
      <c r="AQ1114" s="53"/>
      <c r="AR1114" s="53"/>
      <c r="AS1114" s="53"/>
      <c r="AT1114" s="53"/>
      <c r="AU1114" s="53"/>
      <c r="AV1114" s="53"/>
      <c r="AW1114" s="53"/>
      <c r="AX1114" s="53"/>
      <c r="AY1114" s="53"/>
      <c r="AZ1114" s="53"/>
      <c r="BA1114" s="53"/>
      <c r="BB1114" s="53"/>
      <c r="BC1114" s="53"/>
      <c r="BD1114" s="53"/>
      <c r="BE1114" s="53"/>
      <c r="BF1114" s="53"/>
      <c r="BG1114" s="53"/>
      <c r="BH1114" s="53"/>
      <c r="BI1114" s="53"/>
      <c r="BJ1114" s="53"/>
      <c r="BK1114" s="53"/>
      <c r="BL1114" s="53"/>
      <c r="BM1114" s="53"/>
      <c r="BN1114" s="53"/>
      <c r="BO1114" s="53"/>
      <c r="BP1114" s="53"/>
      <c r="BQ1114" s="53"/>
      <c r="BR1114" s="53"/>
      <c r="BS1114" s="53"/>
      <c r="BT1114" s="53"/>
      <c r="BU1114" s="53"/>
      <c r="BV1114" s="53"/>
      <c r="BW1114" s="53"/>
      <c r="BX1114" s="53"/>
      <c r="BY1114" s="53"/>
      <c r="BZ1114" s="53"/>
      <c r="CA1114" s="53"/>
      <c r="CB1114" s="53"/>
      <c r="CC1114" s="53"/>
      <c r="CD1114" s="53"/>
      <c r="CE1114" s="53"/>
      <c r="CF1114" s="53"/>
      <c r="CG1114" s="53"/>
      <c r="CH1114" s="53"/>
      <c r="CI1114" s="53"/>
      <c r="CJ1114" s="53"/>
      <c r="CK1114" s="53"/>
      <c r="CL1114" s="53"/>
      <c r="CM1114" s="53"/>
      <c r="CN1114" s="53"/>
    </row>
    <row r="1115" spans="1:92" outlineLevel="1">
      <c r="A1115" s="52" t="s">
        <v>649</v>
      </c>
      <c r="B1115" s="53">
        <v>-189562.24873547599</v>
      </c>
      <c r="C1115" s="53">
        <v>-189562.24873547599</v>
      </c>
      <c r="D1115" s="53">
        <v>-189562.24873547599</v>
      </c>
      <c r="E1115" s="53">
        <v>-189562.24873547599</v>
      </c>
      <c r="F1115" s="53">
        <v>-189562.24873547599</v>
      </c>
      <c r="G1115" s="53">
        <v>-189562.24873547599</v>
      </c>
      <c r="H1115" s="53">
        <v>-189562.24873547599</v>
      </c>
      <c r="I1115" s="53">
        <v>-189562.24873547599</v>
      </c>
      <c r="J1115" s="53">
        <v>-189562.24873547599</v>
      </c>
      <c r="K1115" s="53">
        <v>-189562.24873547599</v>
      </c>
      <c r="L1115" s="53">
        <v>-189562.24873547599</v>
      </c>
      <c r="M1115" s="53">
        <v>-189562.24873547599</v>
      </c>
      <c r="N1115" s="53">
        <v>-2274746.9848257098</v>
      </c>
      <c r="O1115" s="53">
        <v>-213287.34724999999</v>
      </c>
      <c r="P1115" s="53">
        <v>-213287.34724999999</v>
      </c>
      <c r="Q1115" s="53">
        <v>-213287.34724999999</v>
      </c>
      <c r="R1115" s="53">
        <v>-213287.34724999999</v>
      </c>
      <c r="S1115" s="53">
        <v>-213287.34724999999</v>
      </c>
      <c r="T1115" s="53">
        <v>-213287.34724999999</v>
      </c>
      <c r="U1115" s="53">
        <v>-213287.34724999999</v>
      </c>
      <c r="V1115" s="53">
        <v>-213287.34724999999</v>
      </c>
      <c r="W1115" s="53">
        <v>-213287.34724999999</v>
      </c>
      <c r="X1115" s="53">
        <v>-213287.34724999999</v>
      </c>
      <c r="Y1115" s="53">
        <v>-213287.34724999999</v>
      </c>
      <c r="Z1115" s="53">
        <v>-213287.34724999999</v>
      </c>
      <c r="AA1115" s="53">
        <v>-2559448.1669999999</v>
      </c>
      <c r="AB1115" s="53">
        <v>-213287.34724999999</v>
      </c>
      <c r="AC1115" s="53">
        <v>-213287.34724999999</v>
      </c>
      <c r="AD1115" s="53">
        <v>-213287.34724999999</v>
      </c>
      <c r="AE1115" s="53">
        <v>-213287.34724999999</v>
      </c>
      <c r="AF1115" s="53">
        <v>-213287.34724999999</v>
      </c>
      <c r="AG1115" s="53">
        <v>-213287.34724999999</v>
      </c>
      <c r="AH1115" s="53">
        <v>-213287.34724999999</v>
      </c>
      <c r="AI1115" s="53">
        <v>-213287.34724999999</v>
      </c>
      <c r="AJ1115" s="53">
        <v>-213287.34724999999</v>
      </c>
      <c r="AK1115" s="53">
        <v>-213287.34724999999</v>
      </c>
      <c r="AL1115" s="53">
        <v>-213287.34724999999</v>
      </c>
      <c r="AM1115" s="53">
        <v>-213287.34724999999</v>
      </c>
      <c r="AN1115" s="53">
        <v>-2559448.1669999999</v>
      </c>
      <c r="AO1115" s="53">
        <v>-213287.34724999999</v>
      </c>
      <c r="AP1115" s="53">
        <v>-213287.34724999999</v>
      </c>
      <c r="AQ1115" s="53">
        <v>-213287.34724999999</v>
      </c>
      <c r="AR1115" s="53">
        <v>-213287.34724999999</v>
      </c>
      <c r="AS1115" s="53">
        <v>-213287.34724999999</v>
      </c>
      <c r="AT1115" s="53">
        <v>-213287.34724999999</v>
      </c>
      <c r="AU1115" s="53">
        <v>-213287.34724999999</v>
      </c>
      <c r="AV1115" s="53">
        <v>-213287.34724999999</v>
      </c>
      <c r="AW1115" s="53">
        <v>-144305</v>
      </c>
      <c r="AX1115" s="53"/>
      <c r="AY1115" s="53"/>
      <c r="AZ1115" s="53"/>
      <c r="BA1115" s="53">
        <v>-1850603.7779999999</v>
      </c>
      <c r="BB1115" s="53"/>
      <c r="BC1115" s="53"/>
      <c r="BD1115" s="53"/>
      <c r="BE1115" s="53"/>
      <c r="BF1115" s="53"/>
      <c r="BG1115" s="53"/>
      <c r="BH1115" s="53"/>
      <c r="BI1115" s="53"/>
      <c r="BJ1115" s="53"/>
      <c r="BK1115" s="53"/>
      <c r="BL1115" s="53"/>
      <c r="BM1115" s="53"/>
      <c r="BN1115" s="53"/>
      <c r="BO1115" s="53"/>
      <c r="BP1115" s="53"/>
      <c r="BQ1115" s="53"/>
      <c r="BR1115" s="53"/>
      <c r="BS1115" s="53"/>
      <c r="BT1115" s="53"/>
      <c r="BU1115" s="53"/>
      <c r="BV1115" s="53"/>
      <c r="BW1115" s="53"/>
      <c r="BX1115" s="53"/>
      <c r="BY1115" s="53"/>
      <c r="BZ1115" s="53"/>
      <c r="CA1115" s="53"/>
      <c r="CB1115" s="53"/>
      <c r="CC1115" s="53"/>
      <c r="CD1115" s="53"/>
      <c r="CE1115" s="53"/>
      <c r="CF1115" s="53"/>
      <c r="CG1115" s="53"/>
      <c r="CH1115" s="53"/>
      <c r="CI1115" s="53"/>
      <c r="CJ1115" s="53"/>
      <c r="CK1115" s="53"/>
      <c r="CL1115" s="53"/>
      <c r="CM1115" s="53"/>
      <c r="CN1115" s="53"/>
    </row>
    <row r="1116" spans="1:92" outlineLevel="1">
      <c r="A1116" s="52" t="s">
        <v>1411</v>
      </c>
      <c r="B1116" s="53"/>
      <c r="C1116" s="53"/>
      <c r="D1116" s="53"/>
      <c r="E1116" s="53"/>
      <c r="F1116" s="53"/>
      <c r="G1116" s="53"/>
      <c r="H1116" s="53"/>
      <c r="I1116" s="53"/>
      <c r="J1116" s="53"/>
      <c r="K1116" s="53"/>
      <c r="L1116" s="53"/>
      <c r="M1116" s="53"/>
      <c r="N1116" s="53"/>
      <c r="O1116" s="53"/>
      <c r="P1116" s="53"/>
      <c r="Q1116" s="53"/>
      <c r="R1116" s="53"/>
      <c r="S1116" s="53"/>
      <c r="T1116" s="53"/>
      <c r="U1116" s="53"/>
      <c r="V1116" s="53"/>
      <c r="W1116" s="53"/>
      <c r="X1116" s="53"/>
      <c r="Y1116" s="53"/>
      <c r="Z1116" s="53"/>
      <c r="AA1116" s="53"/>
      <c r="AB1116" s="53"/>
      <c r="AC1116" s="53"/>
      <c r="AD1116" s="53"/>
      <c r="AE1116" s="53"/>
      <c r="AF1116" s="53"/>
      <c r="AG1116" s="53"/>
      <c r="AH1116" s="53"/>
      <c r="AI1116" s="53"/>
      <c r="AJ1116" s="53"/>
      <c r="AK1116" s="53"/>
      <c r="AL1116" s="53"/>
      <c r="AM1116" s="53"/>
      <c r="AN1116" s="53"/>
      <c r="AO1116" s="53"/>
      <c r="AP1116" s="53"/>
      <c r="AQ1116" s="53"/>
      <c r="AR1116" s="53"/>
      <c r="AS1116" s="53"/>
      <c r="AT1116" s="53"/>
      <c r="AU1116" s="53"/>
      <c r="AV1116" s="53"/>
      <c r="AW1116" s="53"/>
      <c r="AX1116" s="53"/>
      <c r="AY1116" s="53"/>
      <c r="AZ1116" s="53"/>
      <c r="BA1116" s="53"/>
      <c r="BB1116" s="53"/>
      <c r="BC1116" s="53"/>
      <c r="BD1116" s="53"/>
      <c r="BE1116" s="53"/>
      <c r="BF1116" s="53"/>
      <c r="BG1116" s="53"/>
      <c r="BH1116" s="53"/>
      <c r="BI1116" s="53"/>
      <c r="BJ1116" s="53"/>
      <c r="BK1116" s="53"/>
      <c r="BL1116" s="53"/>
      <c r="BM1116" s="53"/>
      <c r="BN1116" s="53"/>
      <c r="BO1116" s="53"/>
      <c r="BP1116" s="53"/>
      <c r="BQ1116" s="53"/>
      <c r="BR1116" s="53"/>
      <c r="BS1116" s="53"/>
      <c r="BT1116" s="53"/>
      <c r="BU1116" s="53"/>
      <c r="BV1116" s="53"/>
      <c r="BW1116" s="53"/>
      <c r="BX1116" s="53"/>
      <c r="BY1116" s="53"/>
      <c r="BZ1116" s="53"/>
      <c r="CA1116" s="53"/>
      <c r="CB1116" s="53"/>
      <c r="CC1116" s="53"/>
      <c r="CD1116" s="53"/>
      <c r="CE1116" s="53"/>
      <c r="CF1116" s="53"/>
      <c r="CG1116" s="53"/>
      <c r="CH1116" s="53"/>
      <c r="CI1116" s="53"/>
      <c r="CJ1116" s="53"/>
      <c r="CK1116" s="53"/>
      <c r="CL1116" s="53"/>
      <c r="CM1116" s="53"/>
      <c r="CN1116" s="53"/>
    </row>
    <row r="1117" spans="1:92" outlineLevel="1">
      <c r="A1117" s="52" t="s">
        <v>649</v>
      </c>
      <c r="B1117" s="53"/>
      <c r="C1117" s="53"/>
      <c r="D1117" s="53"/>
      <c r="E1117" s="53"/>
      <c r="F1117" s="53"/>
      <c r="G1117" s="53"/>
      <c r="H1117" s="53"/>
      <c r="I1117" s="53"/>
      <c r="J1117" s="53"/>
      <c r="K1117" s="53"/>
      <c r="L1117" s="53"/>
      <c r="M1117" s="53">
        <v>6822100</v>
      </c>
      <c r="N1117" s="53">
        <v>6822100</v>
      </c>
      <c r="O1117" s="53"/>
      <c r="P1117" s="53"/>
      <c r="Q1117" s="53"/>
      <c r="R1117" s="53"/>
      <c r="S1117" s="53"/>
      <c r="T1117" s="53"/>
      <c r="U1117" s="53"/>
      <c r="V1117" s="53"/>
      <c r="W1117" s="53"/>
      <c r="X1117" s="53"/>
      <c r="Y1117" s="53"/>
      <c r="Z1117" s="53"/>
      <c r="AA1117" s="53"/>
      <c r="AB1117" s="53"/>
      <c r="AC1117" s="53"/>
      <c r="AD1117" s="53"/>
      <c r="AE1117" s="53"/>
      <c r="AF1117" s="53"/>
      <c r="AG1117" s="53"/>
      <c r="AH1117" s="53"/>
      <c r="AI1117" s="53"/>
      <c r="AJ1117" s="53"/>
      <c r="AK1117" s="53"/>
      <c r="AL1117" s="53"/>
      <c r="AM1117" s="53"/>
      <c r="AN1117" s="53"/>
      <c r="AO1117" s="53"/>
      <c r="AP1117" s="53"/>
      <c r="AQ1117" s="53"/>
      <c r="AR1117" s="53"/>
      <c r="AS1117" s="53"/>
      <c r="AT1117" s="53"/>
      <c r="AU1117" s="53"/>
      <c r="AV1117" s="53"/>
      <c r="AW1117" s="53"/>
      <c r="AX1117" s="53"/>
      <c r="AY1117" s="53"/>
      <c r="AZ1117" s="53"/>
      <c r="BA1117" s="53"/>
      <c r="BB1117" s="53"/>
      <c r="BC1117" s="53"/>
      <c r="BD1117" s="53"/>
      <c r="BE1117" s="53"/>
      <c r="BF1117" s="53"/>
      <c r="BG1117" s="53"/>
      <c r="BH1117" s="53"/>
      <c r="BI1117" s="53"/>
      <c r="BJ1117" s="53"/>
      <c r="BK1117" s="53"/>
      <c r="BL1117" s="53"/>
      <c r="BM1117" s="53"/>
      <c r="BN1117" s="53"/>
      <c r="BO1117" s="53"/>
      <c r="BP1117" s="53"/>
      <c r="BQ1117" s="53"/>
      <c r="BR1117" s="53"/>
      <c r="BS1117" s="53"/>
      <c r="BT1117" s="53"/>
      <c r="BU1117" s="53"/>
      <c r="BV1117" s="53"/>
      <c r="BW1117" s="53"/>
      <c r="BX1117" s="53"/>
      <c r="BY1117" s="53"/>
      <c r="BZ1117" s="53"/>
      <c r="CA1117" s="53"/>
      <c r="CB1117" s="53"/>
      <c r="CC1117" s="53"/>
      <c r="CD1117" s="53"/>
      <c r="CE1117" s="53"/>
      <c r="CF1117" s="53"/>
      <c r="CG1117" s="53"/>
      <c r="CH1117" s="53"/>
      <c r="CI1117" s="53"/>
      <c r="CJ1117" s="53"/>
      <c r="CK1117" s="53"/>
      <c r="CL1117" s="53"/>
      <c r="CM1117" s="53"/>
      <c r="CN1117" s="53"/>
    </row>
    <row r="1118" spans="1:92" outlineLevel="1">
      <c r="A1118" s="52" t="s">
        <v>1412</v>
      </c>
      <c r="B1118" s="53"/>
      <c r="C1118" s="53"/>
      <c r="D1118" s="53"/>
      <c r="E1118" s="53"/>
      <c r="F1118" s="53"/>
      <c r="G1118" s="53"/>
      <c r="H1118" s="53"/>
      <c r="I1118" s="53"/>
      <c r="J1118" s="53"/>
      <c r="K1118" s="53"/>
      <c r="L1118" s="53"/>
      <c r="M1118" s="53"/>
      <c r="N1118" s="53"/>
      <c r="O1118" s="53"/>
      <c r="P1118" s="53"/>
      <c r="Q1118" s="53"/>
      <c r="R1118" s="53"/>
      <c r="S1118" s="53"/>
      <c r="T1118" s="53"/>
      <c r="U1118" s="53"/>
      <c r="V1118" s="53"/>
      <c r="W1118" s="53"/>
      <c r="X1118" s="53"/>
      <c r="Y1118" s="53"/>
      <c r="Z1118" s="53"/>
      <c r="AA1118" s="53"/>
      <c r="AB1118" s="53"/>
      <c r="AC1118" s="53"/>
      <c r="AD1118" s="53"/>
      <c r="AE1118" s="53"/>
      <c r="AF1118" s="53"/>
      <c r="AG1118" s="53"/>
      <c r="AH1118" s="53"/>
      <c r="AI1118" s="53"/>
      <c r="AJ1118" s="53"/>
      <c r="AK1118" s="53"/>
      <c r="AL1118" s="53"/>
      <c r="AM1118" s="53"/>
      <c r="AN1118" s="53"/>
      <c r="AO1118" s="53"/>
      <c r="AP1118" s="53"/>
      <c r="AQ1118" s="53"/>
      <c r="AR1118" s="53"/>
      <c r="AS1118" s="53"/>
      <c r="AT1118" s="53"/>
      <c r="AU1118" s="53"/>
      <c r="AV1118" s="53"/>
      <c r="AW1118" s="53"/>
      <c r="AX1118" s="53"/>
      <c r="AY1118" s="53"/>
      <c r="AZ1118" s="53"/>
      <c r="BA1118" s="53"/>
      <c r="BB1118" s="53"/>
      <c r="BC1118" s="53"/>
      <c r="BD1118" s="53"/>
      <c r="BE1118" s="53"/>
      <c r="BF1118" s="53"/>
      <c r="BG1118" s="53"/>
      <c r="BH1118" s="53"/>
      <c r="BI1118" s="53"/>
      <c r="BJ1118" s="53"/>
      <c r="BK1118" s="53"/>
      <c r="BL1118" s="53"/>
      <c r="BM1118" s="53"/>
      <c r="BN1118" s="53"/>
      <c r="BO1118" s="53"/>
      <c r="BP1118" s="53"/>
      <c r="BQ1118" s="53"/>
      <c r="BR1118" s="53"/>
      <c r="BS1118" s="53"/>
      <c r="BT1118" s="53"/>
      <c r="BU1118" s="53"/>
      <c r="BV1118" s="53"/>
      <c r="BW1118" s="53"/>
      <c r="BX1118" s="53"/>
      <c r="BY1118" s="53"/>
      <c r="BZ1118" s="53"/>
      <c r="CA1118" s="53"/>
      <c r="CB1118" s="53"/>
      <c r="CC1118" s="53"/>
      <c r="CD1118" s="53"/>
      <c r="CE1118" s="53"/>
      <c r="CF1118" s="53"/>
      <c r="CG1118" s="53"/>
      <c r="CH1118" s="53"/>
      <c r="CI1118" s="53"/>
      <c r="CJ1118" s="53"/>
      <c r="CK1118" s="53"/>
      <c r="CL1118" s="53"/>
      <c r="CM1118" s="53"/>
      <c r="CN1118" s="53"/>
    </row>
    <row r="1119" spans="1:92" outlineLevel="1">
      <c r="A1119" s="52" t="s">
        <v>649</v>
      </c>
      <c r="B1119" s="53"/>
      <c r="C1119" s="53"/>
      <c r="D1119" s="53"/>
      <c r="E1119" s="53"/>
      <c r="F1119" s="53"/>
      <c r="G1119" s="53"/>
      <c r="H1119" s="53"/>
      <c r="I1119" s="53"/>
      <c r="J1119" s="53"/>
      <c r="K1119" s="53"/>
      <c r="L1119" s="53"/>
      <c r="M1119" s="53">
        <v>6094000</v>
      </c>
      <c r="N1119" s="53">
        <v>6094000</v>
      </c>
      <c r="O1119" s="53"/>
      <c r="P1119" s="53"/>
      <c r="Q1119" s="53"/>
      <c r="R1119" s="53"/>
      <c r="S1119" s="53"/>
      <c r="T1119" s="53"/>
      <c r="U1119" s="53"/>
      <c r="V1119" s="53"/>
      <c r="W1119" s="53"/>
      <c r="X1119" s="53"/>
      <c r="Y1119" s="53"/>
      <c r="Z1119" s="53"/>
      <c r="AA1119" s="53"/>
      <c r="AB1119" s="53"/>
      <c r="AC1119" s="53"/>
      <c r="AD1119" s="53"/>
      <c r="AE1119" s="53"/>
      <c r="AF1119" s="53"/>
      <c r="AG1119" s="53"/>
      <c r="AH1119" s="53"/>
      <c r="AI1119" s="53"/>
      <c r="AJ1119" s="53"/>
      <c r="AK1119" s="53"/>
      <c r="AL1119" s="53"/>
      <c r="AM1119" s="53"/>
      <c r="AN1119" s="53"/>
      <c r="AO1119" s="53"/>
      <c r="AP1119" s="53"/>
      <c r="AQ1119" s="53"/>
      <c r="AR1119" s="53"/>
      <c r="AS1119" s="53"/>
      <c r="AT1119" s="53"/>
      <c r="AU1119" s="53"/>
      <c r="AV1119" s="53"/>
      <c r="AW1119" s="53"/>
      <c r="AX1119" s="53"/>
      <c r="AY1119" s="53"/>
      <c r="AZ1119" s="53"/>
      <c r="BA1119" s="53"/>
      <c r="BB1119" s="53"/>
      <c r="BC1119" s="53"/>
      <c r="BD1119" s="53"/>
      <c r="BE1119" s="53"/>
      <c r="BF1119" s="53"/>
      <c r="BG1119" s="53"/>
      <c r="BH1119" s="53"/>
      <c r="BI1119" s="53"/>
      <c r="BJ1119" s="53"/>
      <c r="BK1119" s="53"/>
      <c r="BL1119" s="53"/>
      <c r="BM1119" s="53"/>
      <c r="BN1119" s="53"/>
      <c r="BO1119" s="53"/>
      <c r="BP1119" s="53"/>
      <c r="BQ1119" s="53"/>
      <c r="BR1119" s="53"/>
      <c r="BS1119" s="53"/>
      <c r="BT1119" s="53"/>
      <c r="BU1119" s="53"/>
      <c r="BV1119" s="53"/>
      <c r="BW1119" s="53"/>
      <c r="BX1119" s="53"/>
      <c r="BY1119" s="53"/>
      <c r="BZ1119" s="53"/>
      <c r="CA1119" s="53"/>
      <c r="CB1119" s="53">
        <v>1.2358975297212999E-9</v>
      </c>
      <c r="CC1119" s="53">
        <v>1.2358975297212999E-9</v>
      </c>
      <c r="CD1119" s="53">
        <v>1.2358975297212999E-9</v>
      </c>
      <c r="CE1119" s="53">
        <v>1.2358975297212999E-9</v>
      </c>
      <c r="CF1119" s="53">
        <v>1.2358975297212999E-9</v>
      </c>
      <c r="CG1119" s="53">
        <v>1.2358975297212999E-9</v>
      </c>
      <c r="CH1119" s="53">
        <v>1.2358975297212999E-9</v>
      </c>
      <c r="CI1119" s="53">
        <v>1.2358975297212999E-9</v>
      </c>
      <c r="CJ1119" s="53">
        <v>1.2358975297212999E-9</v>
      </c>
      <c r="CK1119" s="53">
        <v>1.2358975297212999E-9</v>
      </c>
      <c r="CL1119" s="53">
        <v>1.2358975297212999E-9</v>
      </c>
      <c r="CM1119" s="53">
        <v>1.2358975297212999E-9</v>
      </c>
      <c r="CN1119" s="53">
        <v>1.48307703566556E-8</v>
      </c>
    </row>
    <row r="1120" spans="1:92" outlineLevel="1">
      <c r="A1120" s="52" t="s">
        <v>1413</v>
      </c>
      <c r="B1120" s="53"/>
      <c r="C1120" s="53"/>
      <c r="D1120" s="53"/>
      <c r="E1120" s="53"/>
      <c r="F1120" s="53"/>
      <c r="G1120" s="53"/>
      <c r="H1120" s="53"/>
      <c r="I1120" s="53"/>
      <c r="J1120" s="53"/>
      <c r="K1120" s="53"/>
      <c r="L1120" s="53"/>
      <c r="M1120" s="53"/>
      <c r="N1120" s="53"/>
      <c r="O1120" s="53"/>
      <c r="P1120" s="53"/>
      <c r="Q1120" s="53"/>
      <c r="R1120" s="53"/>
      <c r="S1120" s="53"/>
      <c r="T1120" s="53"/>
      <c r="U1120" s="53"/>
      <c r="V1120" s="53"/>
      <c r="W1120" s="53"/>
      <c r="X1120" s="53"/>
      <c r="Y1120" s="53"/>
      <c r="Z1120" s="53"/>
      <c r="AA1120" s="53"/>
      <c r="AB1120" s="53"/>
      <c r="AC1120" s="53"/>
      <c r="AD1120" s="53"/>
      <c r="AE1120" s="53"/>
      <c r="AF1120" s="53"/>
      <c r="AG1120" s="53"/>
      <c r="AH1120" s="53"/>
      <c r="AI1120" s="53"/>
      <c r="AJ1120" s="53"/>
      <c r="AK1120" s="53"/>
      <c r="AL1120" s="53"/>
      <c r="AM1120" s="53"/>
      <c r="AN1120" s="53"/>
      <c r="AO1120" s="53"/>
      <c r="AP1120" s="53"/>
      <c r="AQ1120" s="53"/>
      <c r="AR1120" s="53"/>
      <c r="AS1120" s="53"/>
      <c r="AT1120" s="53"/>
      <c r="AU1120" s="53"/>
      <c r="AV1120" s="53"/>
      <c r="AW1120" s="53"/>
      <c r="AX1120" s="53"/>
      <c r="AY1120" s="53"/>
      <c r="AZ1120" s="53"/>
      <c r="BA1120" s="53"/>
      <c r="BB1120" s="53"/>
      <c r="BC1120" s="53"/>
      <c r="BD1120" s="53"/>
      <c r="BE1120" s="53"/>
      <c r="BF1120" s="53"/>
      <c r="BG1120" s="53"/>
      <c r="BH1120" s="53"/>
      <c r="BI1120" s="53"/>
      <c r="BJ1120" s="53"/>
      <c r="BK1120" s="53"/>
      <c r="BL1120" s="53"/>
      <c r="BM1120" s="53"/>
      <c r="BN1120" s="53"/>
      <c r="BO1120" s="53"/>
      <c r="BP1120" s="53"/>
      <c r="BQ1120" s="53"/>
      <c r="BR1120" s="53"/>
      <c r="BS1120" s="53"/>
      <c r="BT1120" s="53"/>
      <c r="BU1120" s="53"/>
      <c r="BV1120" s="53"/>
      <c r="BW1120" s="53"/>
      <c r="BX1120" s="53"/>
      <c r="BY1120" s="53"/>
      <c r="BZ1120" s="53"/>
      <c r="CA1120" s="53"/>
      <c r="CB1120" s="53"/>
      <c r="CC1120" s="53"/>
      <c r="CD1120" s="53"/>
      <c r="CE1120" s="53"/>
      <c r="CF1120" s="53"/>
      <c r="CG1120" s="53"/>
      <c r="CH1120" s="53"/>
      <c r="CI1120" s="53"/>
      <c r="CJ1120" s="53"/>
      <c r="CK1120" s="53"/>
      <c r="CL1120" s="53"/>
      <c r="CM1120" s="53"/>
      <c r="CN1120" s="53"/>
    </row>
    <row r="1121" spans="1:92">
      <c r="A1121" s="52" t="s">
        <v>649</v>
      </c>
      <c r="B1121" s="53"/>
      <c r="C1121" s="53"/>
      <c r="D1121" s="53"/>
      <c r="E1121" s="53"/>
      <c r="F1121" s="53"/>
      <c r="G1121" s="53"/>
      <c r="H1121" s="53"/>
      <c r="I1121" s="53"/>
      <c r="J1121" s="53"/>
      <c r="K1121" s="53"/>
      <c r="L1121" s="53"/>
      <c r="M1121" s="53"/>
      <c r="N1121" s="53"/>
      <c r="O1121" s="53"/>
      <c r="P1121" s="53"/>
      <c r="Q1121" s="53"/>
      <c r="R1121" s="53"/>
      <c r="S1121" s="53"/>
      <c r="T1121" s="53"/>
      <c r="U1121" s="53"/>
      <c r="V1121" s="53"/>
      <c r="W1121" s="53"/>
      <c r="X1121" s="53"/>
      <c r="Y1121" s="53"/>
      <c r="Z1121" s="53"/>
      <c r="AA1121" s="53"/>
      <c r="AB1121" s="53"/>
      <c r="AC1121" s="53"/>
      <c r="AD1121" s="53"/>
      <c r="AE1121" s="53"/>
      <c r="AF1121" s="53"/>
      <c r="AG1121" s="53"/>
      <c r="AH1121" s="53"/>
      <c r="AI1121" s="53"/>
      <c r="AJ1121" s="53"/>
      <c r="AK1121" s="53"/>
      <c r="AL1121" s="53"/>
      <c r="AM1121" s="53"/>
      <c r="AN1121" s="53"/>
      <c r="AO1121" s="53">
        <v>-401760</v>
      </c>
      <c r="AP1121" s="53">
        <v>-401760</v>
      </c>
      <c r="AQ1121" s="53">
        <v>-401760</v>
      </c>
      <c r="AR1121" s="53">
        <v>-401760</v>
      </c>
      <c r="AS1121" s="53">
        <v>-401760</v>
      </c>
      <c r="AT1121" s="53">
        <v>-401760</v>
      </c>
      <c r="AU1121" s="53">
        <v>-401760</v>
      </c>
      <c r="AV1121" s="53">
        <v>-401760</v>
      </c>
      <c r="AW1121" s="53">
        <v>-401760</v>
      </c>
      <c r="AX1121" s="53">
        <v>-401760</v>
      </c>
      <c r="AY1121" s="53">
        <v>-401760</v>
      </c>
      <c r="AZ1121" s="53">
        <v>-401760</v>
      </c>
      <c r="BA1121" s="53">
        <v>-4821120</v>
      </c>
      <c r="BB1121" s="53">
        <v>-401760</v>
      </c>
      <c r="BC1121" s="53">
        <v>-401760</v>
      </c>
      <c r="BD1121" s="53">
        <v>-401760</v>
      </c>
      <c r="BE1121" s="53">
        <v>-401760</v>
      </c>
      <c r="BF1121" s="53">
        <v>-401760</v>
      </c>
      <c r="BG1121" s="53">
        <v>-401760</v>
      </c>
      <c r="BH1121" s="53">
        <v>-401760</v>
      </c>
      <c r="BI1121" s="53">
        <v>-401760</v>
      </c>
      <c r="BJ1121" s="53">
        <v>-401760</v>
      </c>
      <c r="BK1121" s="53">
        <v>-401760</v>
      </c>
      <c r="BL1121" s="53">
        <v>-401760</v>
      </c>
      <c r="BM1121" s="53">
        <v>-401760</v>
      </c>
      <c r="BN1121" s="53">
        <v>-4821120</v>
      </c>
      <c r="BO1121" s="53">
        <v>-401760</v>
      </c>
      <c r="BP1121" s="53">
        <v>-401760</v>
      </c>
      <c r="BQ1121" s="53">
        <v>-401760</v>
      </c>
      <c r="BR1121" s="53">
        <v>-401760</v>
      </c>
      <c r="BS1121" s="53">
        <v>-401760</v>
      </c>
      <c r="BT1121" s="53">
        <v>-401760</v>
      </c>
      <c r="BU1121" s="53">
        <v>-401760</v>
      </c>
      <c r="BV1121" s="53">
        <v>-401760</v>
      </c>
      <c r="BW1121" s="53">
        <v>-401760</v>
      </c>
      <c r="BX1121" s="53">
        <v>-401760</v>
      </c>
      <c r="BY1121" s="53">
        <v>-401760</v>
      </c>
      <c r="BZ1121" s="53">
        <v>-401760</v>
      </c>
      <c r="CA1121" s="53">
        <v>-4821120</v>
      </c>
      <c r="CB1121" s="53"/>
      <c r="CC1121" s="53"/>
      <c r="CD1121" s="53"/>
      <c r="CE1121" s="53"/>
      <c r="CF1121" s="53"/>
      <c r="CG1121" s="53"/>
      <c r="CH1121" s="53"/>
      <c r="CI1121" s="53"/>
      <c r="CJ1121" s="53"/>
      <c r="CK1121" s="53"/>
      <c r="CL1121" s="53"/>
      <c r="CM1121" s="53"/>
      <c r="CN1121" s="53"/>
    </row>
    <row r="1122" spans="1:92" outlineLevel="1">
      <c r="A1122" s="52" t="s">
        <v>1414</v>
      </c>
      <c r="B1122" s="53"/>
      <c r="C1122" s="53"/>
      <c r="D1122" s="53"/>
      <c r="E1122" s="53"/>
      <c r="F1122" s="53"/>
      <c r="G1122" s="53"/>
      <c r="H1122" s="53"/>
      <c r="I1122" s="53"/>
      <c r="J1122" s="53"/>
      <c r="K1122" s="53"/>
      <c r="L1122" s="53"/>
      <c r="M1122" s="53"/>
      <c r="N1122" s="53"/>
      <c r="O1122" s="53"/>
      <c r="P1122" s="53"/>
      <c r="Q1122" s="53"/>
      <c r="R1122" s="53"/>
      <c r="S1122" s="53"/>
      <c r="T1122" s="53"/>
      <c r="U1122" s="53"/>
      <c r="V1122" s="53"/>
      <c r="W1122" s="53"/>
      <c r="X1122" s="53"/>
      <c r="Y1122" s="53"/>
      <c r="Z1122" s="53"/>
      <c r="AA1122" s="53"/>
      <c r="AB1122" s="53"/>
      <c r="AC1122" s="53"/>
      <c r="AD1122" s="53"/>
      <c r="AE1122" s="53"/>
      <c r="AF1122" s="53"/>
      <c r="AG1122" s="53"/>
      <c r="AH1122" s="53"/>
      <c r="AI1122" s="53"/>
      <c r="AJ1122" s="53"/>
      <c r="AK1122" s="53"/>
      <c r="AL1122" s="53"/>
      <c r="AM1122" s="53"/>
      <c r="AN1122" s="53"/>
      <c r="AO1122" s="53"/>
      <c r="AP1122" s="53"/>
      <c r="AQ1122" s="53"/>
      <c r="AR1122" s="53"/>
      <c r="AS1122" s="53"/>
      <c r="AT1122" s="53"/>
      <c r="AU1122" s="53"/>
      <c r="AV1122" s="53"/>
      <c r="AW1122" s="53"/>
      <c r="AX1122" s="53"/>
      <c r="AY1122" s="53"/>
      <c r="AZ1122" s="53"/>
      <c r="BA1122" s="53"/>
      <c r="BB1122" s="53"/>
      <c r="BC1122" s="53"/>
      <c r="BD1122" s="53"/>
      <c r="BE1122" s="53"/>
      <c r="BF1122" s="53"/>
      <c r="BG1122" s="53"/>
      <c r="BH1122" s="53"/>
      <c r="BI1122" s="53"/>
      <c r="BJ1122" s="53"/>
      <c r="BK1122" s="53"/>
      <c r="BL1122" s="53"/>
      <c r="BM1122" s="53"/>
      <c r="BN1122" s="53"/>
      <c r="BO1122" s="53"/>
      <c r="BP1122" s="53"/>
      <c r="BQ1122" s="53"/>
      <c r="BR1122" s="53"/>
      <c r="BS1122" s="53"/>
      <c r="BT1122" s="53"/>
      <c r="BU1122" s="53"/>
      <c r="BV1122" s="53"/>
      <c r="BW1122" s="53"/>
      <c r="BX1122" s="53"/>
      <c r="BY1122" s="53"/>
      <c r="BZ1122" s="53"/>
      <c r="CA1122" s="53"/>
      <c r="CB1122" s="53"/>
      <c r="CC1122" s="53"/>
      <c r="CD1122" s="53"/>
      <c r="CE1122" s="53"/>
      <c r="CF1122" s="53"/>
      <c r="CG1122" s="53"/>
      <c r="CH1122" s="53"/>
      <c r="CI1122" s="53"/>
      <c r="CJ1122" s="53"/>
      <c r="CK1122" s="53"/>
      <c r="CL1122" s="53"/>
      <c r="CM1122" s="53"/>
      <c r="CN1122" s="53"/>
    </row>
    <row r="1123" spans="1:92" outlineLevel="1">
      <c r="A1123" s="52" t="s">
        <v>1415</v>
      </c>
      <c r="B1123" s="53"/>
      <c r="C1123" s="53"/>
      <c r="D1123" s="53"/>
      <c r="E1123" s="53"/>
      <c r="F1123" s="53"/>
      <c r="G1123" s="53"/>
      <c r="H1123" s="53"/>
      <c r="I1123" s="53"/>
      <c r="J1123" s="53"/>
      <c r="K1123" s="53"/>
      <c r="L1123" s="53"/>
      <c r="M1123" s="53"/>
      <c r="N1123" s="53"/>
      <c r="O1123" s="53"/>
      <c r="P1123" s="53"/>
      <c r="Q1123" s="53"/>
      <c r="R1123" s="53"/>
      <c r="S1123" s="53"/>
      <c r="T1123" s="53"/>
      <c r="U1123" s="53"/>
      <c r="V1123" s="53"/>
      <c r="W1123" s="53"/>
      <c r="X1123" s="53"/>
      <c r="Y1123" s="53"/>
      <c r="Z1123" s="53"/>
      <c r="AA1123" s="53"/>
      <c r="AB1123" s="53"/>
      <c r="AC1123" s="53"/>
      <c r="AD1123" s="53"/>
      <c r="AE1123" s="53"/>
      <c r="AF1123" s="53"/>
      <c r="AG1123" s="53"/>
      <c r="AH1123" s="53"/>
      <c r="AI1123" s="53"/>
      <c r="AJ1123" s="53"/>
      <c r="AK1123" s="53"/>
      <c r="AL1123" s="53"/>
      <c r="AM1123" s="53"/>
      <c r="AN1123" s="53"/>
      <c r="AO1123" s="53"/>
      <c r="AP1123" s="53"/>
      <c r="AQ1123" s="53"/>
      <c r="AR1123" s="53"/>
      <c r="AS1123" s="53"/>
      <c r="AT1123" s="53"/>
      <c r="AU1123" s="53"/>
      <c r="AV1123" s="53"/>
      <c r="AW1123" s="53"/>
      <c r="AX1123" s="53"/>
      <c r="AY1123" s="53"/>
      <c r="AZ1123" s="53"/>
      <c r="BA1123" s="53"/>
      <c r="BB1123" s="53"/>
      <c r="BC1123" s="53"/>
      <c r="BD1123" s="53"/>
      <c r="BE1123" s="53"/>
      <c r="BF1123" s="53"/>
      <c r="BG1123" s="53"/>
      <c r="BH1123" s="53"/>
      <c r="BI1123" s="53"/>
      <c r="BJ1123" s="53"/>
      <c r="BK1123" s="53"/>
      <c r="BL1123" s="53"/>
      <c r="BM1123" s="53"/>
      <c r="BN1123" s="53"/>
      <c r="BO1123" s="53"/>
      <c r="BP1123" s="53"/>
      <c r="BQ1123" s="53"/>
      <c r="BR1123" s="53"/>
      <c r="BS1123" s="53"/>
      <c r="BT1123" s="53"/>
      <c r="BU1123" s="53"/>
      <c r="BV1123" s="53"/>
      <c r="BW1123" s="53"/>
      <c r="BX1123" s="53"/>
      <c r="BY1123" s="53"/>
      <c r="BZ1123" s="53"/>
      <c r="CA1123" s="53"/>
      <c r="CB1123" s="53"/>
      <c r="CC1123" s="53"/>
      <c r="CD1123" s="53"/>
      <c r="CE1123" s="53"/>
      <c r="CF1123" s="53"/>
      <c r="CG1123" s="53"/>
      <c r="CH1123" s="53"/>
      <c r="CI1123" s="53"/>
      <c r="CJ1123" s="53"/>
      <c r="CK1123" s="53"/>
      <c r="CL1123" s="53"/>
      <c r="CM1123" s="53"/>
      <c r="CN1123" s="53"/>
    </row>
    <row r="1124" spans="1:92" outlineLevel="1">
      <c r="A1124" s="52" t="s">
        <v>649</v>
      </c>
      <c r="B1124" s="53"/>
      <c r="C1124" s="53"/>
      <c r="D1124" s="53"/>
      <c r="E1124" s="53"/>
      <c r="F1124" s="53"/>
      <c r="G1124" s="53"/>
      <c r="H1124" s="53"/>
      <c r="I1124" s="53"/>
      <c r="J1124" s="53"/>
      <c r="K1124" s="53"/>
      <c r="L1124" s="53"/>
      <c r="M1124" s="53"/>
      <c r="N1124" s="53"/>
      <c r="O1124" s="53">
        <v>-427971</v>
      </c>
      <c r="P1124" s="53">
        <v>-424613</v>
      </c>
      <c r="Q1124" s="53">
        <v>-420319</v>
      </c>
      <c r="R1124" s="53">
        <v>-412927</v>
      </c>
      <c r="S1124" s="53">
        <v>-407966</v>
      </c>
      <c r="T1124" s="53">
        <v>-402305</v>
      </c>
      <c r="U1124" s="53">
        <v>-399106</v>
      </c>
      <c r="V1124" s="53">
        <v>-397308</v>
      </c>
      <c r="W1124" s="53">
        <v>-390948</v>
      </c>
      <c r="X1124" s="53">
        <v>-383159</v>
      </c>
      <c r="Y1124" s="53">
        <v>-379104</v>
      </c>
      <c r="Z1124" s="53">
        <v>-378318</v>
      </c>
      <c r="AA1124" s="53">
        <v>-4824044</v>
      </c>
      <c r="AB1124" s="53">
        <v>-379506</v>
      </c>
      <c r="AC1124" s="53">
        <v>-381157</v>
      </c>
      <c r="AD1124" s="53">
        <v>-379922</v>
      </c>
      <c r="AE1124" s="53">
        <v>-377240</v>
      </c>
      <c r="AF1124" s="53">
        <v>-370286</v>
      </c>
      <c r="AG1124" s="53">
        <v>-365657</v>
      </c>
      <c r="AH1124" s="53">
        <v>-362202</v>
      </c>
      <c r="AI1124" s="53">
        <v>-359678</v>
      </c>
      <c r="AJ1124" s="53">
        <v>-361931</v>
      </c>
      <c r="AK1124" s="53">
        <v>-358382</v>
      </c>
      <c r="AL1124" s="53">
        <v>-352314</v>
      </c>
      <c r="AM1124" s="53">
        <v>-350171</v>
      </c>
      <c r="AN1124" s="53">
        <v>-4398446</v>
      </c>
      <c r="AO1124" s="53">
        <v>-364594</v>
      </c>
      <c r="AP1124" s="53">
        <v>-364594</v>
      </c>
      <c r="AQ1124" s="53">
        <v>-364594</v>
      </c>
      <c r="AR1124" s="53">
        <v>-364594</v>
      </c>
      <c r="AS1124" s="53">
        <v>-364594</v>
      </c>
      <c r="AT1124" s="53">
        <v>-364594</v>
      </c>
      <c r="AU1124" s="53">
        <v>-364594</v>
      </c>
      <c r="AV1124" s="53">
        <v>-364594</v>
      </c>
      <c r="AW1124" s="53">
        <v>-364594</v>
      </c>
      <c r="AX1124" s="53">
        <v>-364594</v>
      </c>
      <c r="AY1124" s="53">
        <v>-364594</v>
      </c>
      <c r="AZ1124" s="53">
        <v>-364594</v>
      </c>
      <c r="BA1124" s="53">
        <v>-4375128</v>
      </c>
      <c r="BB1124" s="53">
        <v>-403891</v>
      </c>
      <c r="BC1124" s="53">
        <v>-403891</v>
      </c>
      <c r="BD1124" s="53">
        <v>-403891</v>
      </c>
      <c r="BE1124" s="53">
        <v>-403891</v>
      </c>
      <c r="BF1124" s="53">
        <v>-403891</v>
      </c>
      <c r="BG1124" s="53">
        <v>-403891</v>
      </c>
      <c r="BH1124" s="53">
        <v>-403891</v>
      </c>
      <c r="BI1124" s="53">
        <v>-403891</v>
      </c>
      <c r="BJ1124" s="53">
        <v>-403891</v>
      </c>
      <c r="BK1124" s="53">
        <v>-403891</v>
      </c>
      <c r="BL1124" s="53">
        <v>-403891</v>
      </c>
      <c r="BM1124" s="53">
        <v>-403891</v>
      </c>
      <c r="BN1124" s="53">
        <v>-4846692</v>
      </c>
      <c r="BO1124" s="53">
        <v>-442410</v>
      </c>
      <c r="BP1124" s="53">
        <v>-442410</v>
      </c>
      <c r="BQ1124" s="53">
        <v>-442410</v>
      </c>
      <c r="BR1124" s="53">
        <v>-442410</v>
      </c>
      <c r="BS1124" s="53">
        <v>-442410</v>
      </c>
      <c r="BT1124" s="53">
        <v>-442410</v>
      </c>
      <c r="BU1124" s="53">
        <v>-442410</v>
      </c>
      <c r="BV1124" s="53">
        <v>-442410</v>
      </c>
      <c r="BW1124" s="53">
        <v>-442410</v>
      </c>
      <c r="BX1124" s="53">
        <v>-442410</v>
      </c>
      <c r="BY1124" s="53">
        <v>-442410</v>
      </c>
      <c r="BZ1124" s="53">
        <v>-442410</v>
      </c>
      <c r="CA1124" s="53">
        <v>-5308919.9999999898</v>
      </c>
      <c r="CB1124" s="53"/>
      <c r="CC1124" s="53"/>
      <c r="CD1124" s="53"/>
      <c r="CE1124" s="53"/>
      <c r="CF1124" s="53"/>
      <c r="CG1124" s="53"/>
      <c r="CH1124" s="53"/>
      <c r="CI1124" s="53"/>
      <c r="CJ1124" s="53"/>
      <c r="CK1124" s="53"/>
      <c r="CL1124" s="53"/>
      <c r="CM1124" s="53"/>
      <c r="CN1124" s="53"/>
    </row>
    <row r="1125" spans="1:92" outlineLevel="1">
      <c r="A1125" s="52" t="s">
        <v>1416</v>
      </c>
      <c r="B1125" s="53"/>
      <c r="C1125" s="53"/>
      <c r="D1125" s="53"/>
      <c r="E1125" s="53"/>
      <c r="F1125" s="53"/>
      <c r="G1125" s="53"/>
      <c r="H1125" s="53"/>
      <c r="I1125" s="53"/>
      <c r="J1125" s="53"/>
      <c r="K1125" s="53"/>
      <c r="L1125" s="53"/>
      <c r="M1125" s="53"/>
      <c r="N1125" s="53"/>
      <c r="O1125" s="53"/>
      <c r="P1125" s="53"/>
      <c r="Q1125" s="53"/>
      <c r="R1125" s="53"/>
      <c r="S1125" s="53"/>
      <c r="T1125" s="53"/>
      <c r="U1125" s="53"/>
      <c r="V1125" s="53"/>
      <c r="W1125" s="53"/>
      <c r="X1125" s="53"/>
      <c r="Y1125" s="53"/>
      <c r="Z1125" s="53"/>
      <c r="AA1125" s="53"/>
      <c r="AB1125" s="53"/>
      <c r="AC1125" s="53"/>
      <c r="AD1125" s="53"/>
      <c r="AE1125" s="53"/>
      <c r="AF1125" s="53"/>
      <c r="AG1125" s="53"/>
      <c r="AH1125" s="53"/>
      <c r="AI1125" s="53"/>
      <c r="AJ1125" s="53"/>
      <c r="AK1125" s="53"/>
      <c r="AL1125" s="53"/>
      <c r="AM1125" s="53"/>
      <c r="AN1125" s="53"/>
      <c r="AO1125" s="53"/>
      <c r="AP1125" s="53"/>
      <c r="AQ1125" s="53"/>
      <c r="AR1125" s="53"/>
      <c r="AS1125" s="53"/>
      <c r="AT1125" s="53"/>
      <c r="AU1125" s="53"/>
      <c r="AV1125" s="53"/>
      <c r="AW1125" s="53"/>
      <c r="AX1125" s="53"/>
      <c r="AY1125" s="53"/>
      <c r="AZ1125" s="53"/>
      <c r="BA1125" s="53"/>
      <c r="BB1125" s="53"/>
      <c r="BC1125" s="53"/>
      <c r="BD1125" s="53"/>
      <c r="BE1125" s="53"/>
      <c r="BF1125" s="53"/>
      <c r="BG1125" s="53"/>
      <c r="BH1125" s="53"/>
      <c r="BI1125" s="53"/>
      <c r="BJ1125" s="53"/>
      <c r="BK1125" s="53"/>
      <c r="BL1125" s="53"/>
      <c r="BM1125" s="53"/>
      <c r="BN1125" s="53"/>
      <c r="BO1125" s="53"/>
      <c r="BP1125" s="53"/>
      <c r="BQ1125" s="53"/>
      <c r="BR1125" s="53"/>
      <c r="BS1125" s="53"/>
      <c r="BT1125" s="53"/>
      <c r="BU1125" s="53"/>
      <c r="BV1125" s="53"/>
      <c r="BW1125" s="53"/>
      <c r="BX1125" s="53"/>
      <c r="BY1125" s="53"/>
      <c r="BZ1125" s="53"/>
      <c r="CA1125" s="53"/>
      <c r="CB1125" s="53"/>
      <c r="CC1125" s="53"/>
      <c r="CD1125" s="53"/>
      <c r="CE1125" s="53"/>
      <c r="CF1125" s="53"/>
      <c r="CG1125" s="53"/>
      <c r="CH1125" s="53"/>
      <c r="CI1125" s="53"/>
      <c r="CJ1125" s="53"/>
      <c r="CK1125" s="53"/>
      <c r="CL1125" s="53"/>
      <c r="CM1125" s="53"/>
      <c r="CN1125" s="53"/>
    </row>
    <row r="1126" spans="1:92" outlineLevel="1">
      <c r="A1126" s="52" t="s">
        <v>649</v>
      </c>
      <c r="B1126" s="53"/>
      <c r="C1126" s="53"/>
      <c r="D1126" s="53"/>
      <c r="E1126" s="53"/>
      <c r="F1126" s="53"/>
      <c r="G1126" s="53"/>
      <c r="H1126" s="53"/>
      <c r="I1126" s="53"/>
      <c r="J1126" s="53"/>
      <c r="K1126" s="53"/>
      <c r="L1126" s="53"/>
      <c r="M1126" s="53"/>
      <c r="N1126" s="53"/>
      <c r="O1126" s="53"/>
      <c r="P1126" s="53"/>
      <c r="Q1126" s="53"/>
      <c r="R1126" s="53">
        <v>-37711166</v>
      </c>
      <c r="S1126" s="53">
        <v>-37711166</v>
      </c>
      <c r="T1126" s="53">
        <v>-37711166</v>
      </c>
      <c r="U1126" s="53">
        <v>-37711166</v>
      </c>
      <c r="V1126" s="53">
        <v>-37711166</v>
      </c>
      <c r="W1126" s="53">
        <v>-37711166</v>
      </c>
      <c r="X1126" s="53">
        <v>-37711166</v>
      </c>
      <c r="Y1126" s="53">
        <v>-37711166</v>
      </c>
      <c r="Z1126" s="53">
        <v>-37711166</v>
      </c>
      <c r="AA1126" s="53">
        <v>-339400493.99999899</v>
      </c>
      <c r="AB1126" s="53">
        <v>-37711166</v>
      </c>
      <c r="AC1126" s="53">
        <v>-37711166</v>
      </c>
      <c r="AD1126" s="53">
        <v>-37711166</v>
      </c>
      <c r="AE1126" s="53"/>
      <c r="AF1126" s="53"/>
      <c r="AG1126" s="53"/>
      <c r="AH1126" s="53"/>
      <c r="AI1126" s="53"/>
      <c r="AJ1126" s="53"/>
      <c r="AK1126" s="53"/>
      <c r="AL1126" s="53"/>
      <c r="AM1126" s="53"/>
      <c r="AN1126" s="53">
        <v>-113133497.999999</v>
      </c>
      <c r="AO1126" s="53"/>
      <c r="AP1126" s="53"/>
      <c r="AQ1126" s="53"/>
      <c r="AR1126" s="53"/>
      <c r="AS1126" s="53"/>
      <c r="AT1126" s="53"/>
      <c r="AU1126" s="53"/>
      <c r="AV1126" s="53"/>
      <c r="AW1126" s="53"/>
      <c r="AX1126" s="53"/>
      <c r="AY1126" s="53"/>
      <c r="AZ1126" s="53"/>
      <c r="BA1126" s="53"/>
      <c r="BB1126" s="53"/>
      <c r="BC1126" s="53"/>
      <c r="BD1126" s="53"/>
      <c r="BE1126" s="53"/>
      <c r="BF1126" s="53"/>
      <c r="BG1126" s="53"/>
      <c r="BH1126" s="53"/>
      <c r="BI1126" s="53"/>
      <c r="BJ1126" s="53"/>
      <c r="BK1126" s="53"/>
      <c r="BL1126" s="53"/>
      <c r="BM1126" s="53"/>
      <c r="BN1126" s="53"/>
      <c r="BO1126" s="53"/>
      <c r="BP1126" s="53"/>
      <c r="BQ1126" s="53"/>
      <c r="BR1126" s="53"/>
      <c r="BS1126" s="53"/>
      <c r="BT1126" s="53"/>
      <c r="BU1126" s="53"/>
      <c r="BV1126" s="53"/>
      <c r="BW1126" s="53"/>
      <c r="BX1126" s="53"/>
      <c r="BY1126" s="53"/>
      <c r="BZ1126" s="53"/>
      <c r="CA1126" s="53"/>
      <c r="CB1126" s="53"/>
      <c r="CC1126" s="53"/>
      <c r="CD1126" s="53"/>
      <c r="CE1126" s="53"/>
      <c r="CF1126" s="53"/>
      <c r="CG1126" s="53"/>
      <c r="CH1126" s="53"/>
      <c r="CI1126" s="53"/>
      <c r="CJ1126" s="53"/>
      <c r="CK1126" s="53"/>
      <c r="CL1126" s="53"/>
      <c r="CM1126" s="53"/>
      <c r="CN1126" s="53"/>
    </row>
    <row r="1127" spans="1:92" outlineLevel="1">
      <c r="A1127" s="52" t="s">
        <v>1417</v>
      </c>
      <c r="B1127" s="53"/>
      <c r="C1127" s="53"/>
      <c r="D1127" s="53"/>
      <c r="E1127" s="53"/>
      <c r="F1127" s="53"/>
      <c r="G1127" s="53"/>
      <c r="H1127" s="53"/>
      <c r="I1127" s="53"/>
      <c r="J1127" s="53"/>
      <c r="K1127" s="53"/>
      <c r="L1127" s="53"/>
      <c r="M1127" s="53"/>
      <c r="N1127" s="53"/>
      <c r="O1127" s="53"/>
      <c r="P1127" s="53"/>
      <c r="Q1127" s="53"/>
      <c r="R1127" s="53"/>
      <c r="S1127" s="53"/>
      <c r="T1127" s="53"/>
      <c r="U1127" s="53"/>
      <c r="V1127" s="53"/>
      <c r="W1127" s="53"/>
      <c r="X1127" s="53"/>
      <c r="Y1127" s="53"/>
      <c r="Z1127" s="53"/>
      <c r="AA1127" s="53"/>
      <c r="AB1127" s="53"/>
      <c r="AC1127" s="53"/>
      <c r="AD1127" s="53"/>
      <c r="AE1127" s="53"/>
      <c r="AF1127" s="53"/>
      <c r="AG1127" s="53"/>
      <c r="AH1127" s="53"/>
      <c r="AI1127" s="53"/>
      <c r="AJ1127" s="53"/>
      <c r="AK1127" s="53"/>
      <c r="AL1127" s="53"/>
      <c r="AM1127" s="53"/>
      <c r="AN1127" s="53"/>
      <c r="AO1127" s="53"/>
      <c r="AP1127" s="53"/>
      <c r="AQ1127" s="53"/>
      <c r="AR1127" s="53"/>
      <c r="AS1127" s="53"/>
      <c r="AT1127" s="53"/>
      <c r="AU1127" s="53"/>
      <c r="AV1127" s="53"/>
      <c r="AW1127" s="53"/>
      <c r="AX1127" s="53"/>
      <c r="AY1127" s="53"/>
      <c r="AZ1127" s="53"/>
      <c r="BA1127" s="53"/>
      <c r="BB1127" s="53"/>
      <c r="BC1127" s="53"/>
      <c r="BD1127" s="53"/>
      <c r="BE1127" s="53"/>
      <c r="BF1127" s="53"/>
      <c r="BG1127" s="53"/>
      <c r="BH1127" s="53"/>
      <c r="BI1127" s="53"/>
      <c r="BJ1127" s="53"/>
      <c r="BK1127" s="53"/>
      <c r="BL1127" s="53"/>
      <c r="BM1127" s="53"/>
      <c r="BN1127" s="53"/>
      <c r="BO1127" s="53"/>
      <c r="BP1127" s="53"/>
      <c r="BQ1127" s="53"/>
      <c r="BR1127" s="53"/>
      <c r="BS1127" s="53"/>
      <c r="BT1127" s="53"/>
      <c r="BU1127" s="53"/>
      <c r="BV1127" s="53"/>
      <c r="BW1127" s="53"/>
      <c r="BX1127" s="53"/>
      <c r="BY1127" s="53"/>
      <c r="BZ1127" s="53"/>
      <c r="CA1127" s="53"/>
      <c r="CB1127" s="53"/>
      <c r="CC1127" s="53"/>
      <c r="CD1127" s="53"/>
      <c r="CE1127" s="53"/>
      <c r="CF1127" s="53"/>
      <c r="CG1127" s="53"/>
      <c r="CH1127" s="53"/>
      <c r="CI1127" s="53"/>
      <c r="CJ1127" s="53"/>
      <c r="CK1127" s="53"/>
      <c r="CL1127" s="53"/>
      <c r="CM1127" s="53"/>
      <c r="CN1127" s="53"/>
    </row>
    <row r="1128" spans="1:92" outlineLevel="1">
      <c r="A1128" s="52" t="s">
        <v>649</v>
      </c>
      <c r="B1128" s="53"/>
      <c r="C1128" s="53"/>
      <c r="D1128" s="53"/>
      <c r="E1128" s="53"/>
      <c r="F1128" s="53"/>
      <c r="G1128" s="53"/>
      <c r="H1128" s="53"/>
      <c r="I1128" s="53"/>
      <c r="J1128" s="53"/>
      <c r="K1128" s="53"/>
      <c r="L1128" s="53"/>
      <c r="M1128" s="53"/>
      <c r="N1128" s="53"/>
      <c r="O1128" s="53">
        <v>-700000</v>
      </c>
      <c r="P1128" s="53">
        <v>-700000</v>
      </c>
      <c r="Q1128" s="53">
        <v>-700000</v>
      </c>
      <c r="R1128" s="53">
        <v>-700000</v>
      </c>
      <c r="S1128" s="53">
        <v>-700000</v>
      </c>
      <c r="T1128" s="53">
        <v>-700000</v>
      </c>
      <c r="U1128" s="53"/>
      <c r="V1128" s="53"/>
      <c r="W1128" s="53"/>
      <c r="X1128" s="53"/>
      <c r="Y1128" s="53"/>
      <c r="Z1128" s="53"/>
      <c r="AA1128" s="53">
        <v>-4200000</v>
      </c>
      <c r="AB1128" s="53"/>
      <c r="AC1128" s="53"/>
      <c r="AD1128" s="53"/>
      <c r="AE1128" s="53"/>
      <c r="AF1128" s="53"/>
      <c r="AG1128" s="53"/>
      <c r="AH1128" s="53"/>
      <c r="AI1128" s="53"/>
      <c r="AJ1128" s="53"/>
      <c r="AK1128" s="53"/>
      <c r="AL1128" s="53"/>
      <c r="AM1128" s="53"/>
      <c r="AN1128" s="53"/>
      <c r="AO1128" s="53"/>
      <c r="AP1128" s="53"/>
      <c r="AQ1128" s="53"/>
      <c r="AR1128" s="53"/>
      <c r="AS1128" s="53"/>
      <c r="AT1128" s="53"/>
      <c r="AU1128" s="53"/>
      <c r="AV1128" s="53"/>
      <c r="AW1128" s="53"/>
      <c r="AX1128" s="53"/>
      <c r="AY1128" s="53"/>
      <c r="AZ1128" s="53"/>
      <c r="BA1128" s="53"/>
      <c r="BB1128" s="53"/>
      <c r="BC1128" s="53"/>
      <c r="BD1128" s="53"/>
      <c r="BE1128" s="53"/>
      <c r="BF1128" s="53"/>
      <c r="BG1128" s="53"/>
      <c r="BH1128" s="53"/>
      <c r="BI1128" s="53"/>
      <c r="BJ1128" s="53"/>
      <c r="BK1128" s="53"/>
      <c r="BL1128" s="53"/>
      <c r="BM1128" s="53"/>
      <c r="BN1128" s="53"/>
      <c r="BO1128" s="53"/>
      <c r="BP1128" s="53"/>
      <c r="BQ1128" s="53"/>
      <c r="BR1128" s="53"/>
      <c r="BS1128" s="53"/>
      <c r="BT1128" s="53"/>
      <c r="BU1128" s="53"/>
      <c r="BV1128" s="53"/>
      <c r="BW1128" s="53"/>
      <c r="BX1128" s="53"/>
      <c r="BY1128" s="53"/>
      <c r="BZ1128" s="53"/>
      <c r="CA1128" s="53"/>
      <c r="CB1128" s="53">
        <v>-26552.408488063698</v>
      </c>
      <c r="CC1128" s="53">
        <v>-26552.408488063698</v>
      </c>
      <c r="CD1128" s="53">
        <v>-26552.408488063698</v>
      </c>
      <c r="CE1128" s="53">
        <v>-26552.408488063698</v>
      </c>
      <c r="CF1128" s="53">
        <v>-26552.408488063698</v>
      </c>
      <c r="CG1128" s="53">
        <v>-26552.408488063698</v>
      </c>
      <c r="CH1128" s="53">
        <v>-26552.408488063698</v>
      </c>
      <c r="CI1128" s="53">
        <v>-26552.408488063698</v>
      </c>
      <c r="CJ1128" s="53">
        <v>-26552.408488063698</v>
      </c>
      <c r="CK1128" s="53">
        <v>-26552.408488063698</v>
      </c>
      <c r="CL1128" s="53">
        <v>-26552.408488063698</v>
      </c>
      <c r="CM1128" s="53">
        <v>-26552.408488063698</v>
      </c>
      <c r="CN1128" s="53">
        <v>-318628.90185676399</v>
      </c>
    </row>
    <row r="1129" spans="1:92" outlineLevel="1">
      <c r="A1129" s="59" t="s">
        <v>1442</v>
      </c>
      <c r="B1129" s="53">
        <v>1023195298.8</v>
      </c>
      <c r="C1129" s="53">
        <v>987442639.92999995</v>
      </c>
      <c r="D1129" s="53">
        <v>989801081.63999999</v>
      </c>
      <c r="E1129" s="53">
        <v>977752939.07000005</v>
      </c>
      <c r="F1129" s="53">
        <v>968545550.34000003</v>
      </c>
      <c r="G1129" s="53">
        <v>1024068669.4299999</v>
      </c>
      <c r="H1129" s="53">
        <v>1029194939.8</v>
      </c>
      <c r="I1129" s="53">
        <v>1018929900.3</v>
      </c>
      <c r="J1129" s="53">
        <v>1162477718.1400001</v>
      </c>
      <c r="K1129" s="53">
        <v>1306532020.8599999</v>
      </c>
      <c r="L1129" s="53">
        <v>1354901328.01</v>
      </c>
      <c r="M1129" s="53">
        <v>1561594477.8099999</v>
      </c>
      <c r="N1129" s="53">
        <v>1561594477.8099999</v>
      </c>
      <c r="O1129" s="53">
        <v>1560904783.5599899</v>
      </c>
      <c r="P1129" s="53">
        <v>1560218357.1570599</v>
      </c>
      <c r="Q1129" s="53">
        <v>1557965794.64165</v>
      </c>
      <c r="R1129" s="53">
        <v>1520635811.2762599</v>
      </c>
      <c r="S1129" s="53">
        <v>1483194093.4482</v>
      </c>
      <c r="T1129" s="53">
        <v>1444054323.7922201</v>
      </c>
      <c r="U1129" s="53">
        <v>1407037536.47438</v>
      </c>
      <c r="V1129" s="53">
        <v>1369861494.11763</v>
      </c>
      <c r="W1129" s="53">
        <v>1330958250.53971</v>
      </c>
      <c r="X1129" s="53">
        <v>1293478513.3828399</v>
      </c>
      <c r="Y1129" s="53">
        <v>1255867613.6051199</v>
      </c>
      <c r="Z1129" s="53">
        <v>1216714843.8727901</v>
      </c>
      <c r="AA1129" s="53">
        <v>1216714843.8727901</v>
      </c>
      <c r="AB1129" s="53">
        <v>1178907774.1426799</v>
      </c>
      <c r="AC1129" s="53">
        <v>1141099053.41257</v>
      </c>
      <c r="AD1129" s="53">
        <v>1101721228.8624599</v>
      </c>
      <c r="AE1129" s="53">
        <v>1101627591.13234</v>
      </c>
      <c r="AF1129" s="53">
        <v>1101540907.40223</v>
      </c>
      <c r="AG1129" s="53">
        <v>1099888513.8521199</v>
      </c>
      <c r="AH1129" s="53">
        <v>1099809914.12201</v>
      </c>
      <c r="AI1129" s="53">
        <v>1099733838.3919001</v>
      </c>
      <c r="AJ1129" s="53">
        <v>1098085170.8417799</v>
      </c>
      <c r="AK1129" s="53">
        <v>1098010391.11167</v>
      </c>
      <c r="AL1129" s="53">
        <v>1097941679.3815601</v>
      </c>
      <c r="AM1129" s="53">
        <v>1096304771.83145</v>
      </c>
      <c r="AN1129" s="53">
        <v>1096304771.83145</v>
      </c>
      <c r="AO1129" s="53">
        <v>1064982976.67334</v>
      </c>
      <c r="AP1129" s="53">
        <v>1062661181.51524</v>
      </c>
      <c r="AQ1129" s="53">
        <v>1058769047.53713</v>
      </c>
      <c r="AR1129" s="53">
        <v>1056447252.37903</v>
      </c>
      <c r="AS1129" s="53">
        <v>1054125457.22092</v>
      </c>
      <c r="AT1129" s="53">
        <v>1050233323.24281</v>
      </c>
      <c r="AU1129" s="53">
        <v>1047911528.08471</v>
      </c>
      <c r="AV1129" s="53">
        <v>1045589732.9266</v>
      </c>
      <c r="AW1129" s="53">
        <v>1041766581.29575</v>
      </c>
      <c r="AX1129" s="53">
        <v>1039658073.48489</v>
      </c>
      <c r="AY1129" s="53">
        <v>1037549565.67404</v>
      </c>
      <c r="AZ1129" s="53">
        <v>1033870719.04318</v>
      </c>
      <c r="BA1129" s="53">
        <v>1033870719.04318</v>
      </c>
      <c r="BB1129" s="53">
        <v>1031777716.49006</v>
      </c>
      <c r="BC1129" s="53">
        <v>1029684713.93694</v>
      </c>
      <c r="BD1129" s="53">
        <v>1026021372.56382</v>
      </c>
      <c r="BE1129" s="53">
        <v>1023928370.0107</v>
      </c>
      <c r="BF1129" s="53">
        <v>1021835367.45757</v>
      </c>
      <c r="BG1129" s="53">
        <v>1018172026.08445</v>
      </c>
      <c r="BH1129" s="53">
        <v>1016079023.53133</v>
      </c>
      <c r="BI1129" s="53">
        <v>1013986020.97821</v>
      </c>
      <c r="BJ1129" s="53">
        <v>1010322679.60509</v>
      </c>
      <c r="BK1129" s="53">
        <v>1008229677.05197</v>
      </c>
      <c r="BL1129" s="53">
        <v>1006136674.49885</v>
      </c>
      <c r="BM1129" s="53">
        <v>1002473333.12572</v>
      </c>
      <c r="BN1129" s="53">
        <v>1002473333.12572</v>
      </c>
      <c r="BO1129" s="53">
        <v>1000337818.7809401</v>
      </c>
      <c r="BP1129" s="53">
        <v>998202304.43615198</v>
      </c>
      <c r="BQ1129" s="53">
        <v>994496451.27136397</v>
      </c>
      <c r="BR1129" s="53">
        <v>992360936.92657602</v>
      </c>
      <c r="BS1129" s="53">
        <v>990225422.58178794</v>
      </c>
      <c r="BT1129" s="53">
        <v>986519569.41699898</v>
      </c>
      <c r="BU1129" s="53">
        <v>984375648.13236201</v>
      </c>
      <c r="BV1129" s="53">
        <v>982223319.90787399</v>
      </c>
      <c r="BW1129" s="53">
        <v>979209625.68338704</v>
      </c>
      <c r="BX1129" s="53">
        <v>977057297.45889902</v>
      </c>
      <c r="BY1129" s="53">
        <v>974904969.23441195</v>
      </c>
      <c r="BZ1129" s="53">
        <v>972752641.00992501</v>
      </c>
      <c r="CA1129" s="53">
        <v>972752641.00992501</v>
      </c>
      <c r="CB1129" s="53"/>
      <c r="CC1129" s="53"/>
      <c r="CD1129" s="53"/>
      <c r="CE1129" s="53"/>
      <c r="CF1129" s="53"/>
      <c r="CG1129" s="53"/>
      <c r="CH1129" s="53"/>
      <c r="CI1129" s="53"/>
      <c r="CJ1129" s="53"/>
      <c r="CK1129" s="53"/>
      <c r="CL1129" s="53"/>
      <c r="CM1129" s="53"/>
      <c r="CN1129" s="53"/>
    </row>
    <row r="1130" spans="1:92" outlineLevel="1">
      <c r="A1130" s="52" t="s">
        <v>1443</v>
      </c>
      <c r="B1130" s="53"/>
      <c r="C1130" s="53"/>
      <c r="D1130" s="53"/>
      <c r="E1130" s="53"/>
      <c r="F1130" s="53"/>
      <c r="G1130" s="53"/>
      <c r="H1130" s="53"/>
      <c r="I1130" s="53"/>
      <c r="J1130" s="53"/>
      <c r="K1130" s="53"/>
      <c r="L1130" s="53"/>
      <c r="M1130" s="53"/>
      <c r="N1130" s="53"/>
      <c r="O1130" s="53"/>
      <c r="P1130" s="53"/>
      <c r="Q1130" s="53"/>
      <c r="R1130" s="53"/>
      <c r="S1130" s="53"/>
      <c r="T1130" s="53"/>
      <c r="U1130" s="53"/>
      <c r="V1130" s="53"/>
      <c r="W1130" s="53"/>
      <c r="X1130" s="53"/>
      <c r="Y1130" s="53"/>
      <c r="Z1130" s="53"/>
      <c r="AA1130" s="53"/>
      <c r="AB1130" s="53"/>
      <c r="AC1130" s="53"/>
      <c r="AD1130" s="53"/>
      <c r="AE1130" s="53"/>
      <c r="AF1130" s="53"/>
      <c r="AG1130" s="53"/>
      <c r="AH1130" s="53"/>
      <c r="AI1130" s="53"/>
      <c r="AJ1130" s="53"/>
      <c r="AK1130" s="53"/>
      <c r="AL1130" s="53"/>
      <c r="AM1130" s="53"/>
      <c r="AN1130" s="53"/>
      <c r="AO1130" s="53"/>
      <c r="AP1130" s="53"/>
      <c r="AQ1130" s="53"/>
      <c r="AR1130" s="53"/>
      <c r="AS1130" s="53"/>
      <c r="AT1130" s="53"/>
      <c r="AU1130" s="53"/>
      <c r="AV1130" s="53"/>
      <c r="AW1130" s="53"/>
      <c r="AX1130" s="53"/>
      <c r="AY1130" s="53"/>
      <c r="AZ1130" s="53"/>
      <c r="BA1130" s="53"/>
      <c r="BB1130" s="53"/>
      <c r="BC1130" s="53"/>
      <c r="BD1130" s="53"/>
      <c r="BE1130" s="53"/>
      <c r="BF1130" s="53"/>
      <c r="BG1130" s="53"/>
      <c r="BH1130" s="53"/>
      <c r="BI1130" s="53"/>
      <c r="BJ1130" s="53"/>
      <c r="BK1130" s="53"/>
      <c r="BL1130" s="53"/>
      <c r="BM1130" s="53"/>
      <c r="BN1130" s="53"/>
      <c r="BO1130" s="53"/>
      <c r="BP1130" s="53"/>
      <c r="BQ1130" s="53"/>
      <c r="BR1130" s="53"/>
      <c r="BS1130" s="53"/>
      <c r="BT1130" s="53"/>
      <c r="BU1130" s="53"/>
      <c r="BV1130" s="53"/>
      <c r="BW1130" s="53"/>
      <c r="BX1130" s="53"/>
      <c r="BY1130" s="53"/>
      <c r="BZ1130" s="53"/>
      <c r="CA1130" s="53"/>
      <c r="CB1130" s="53">
        <v>24171.149367088601</v>
      </c>
      <c r="CC1130" s="53">
        <v>24171.149367088601</v>
      </c>
      <c r="CD1130" s="53">
        <v>24171.149367088601</v>
      </c>
      <c r="CE1130" s="53">
        <v>24171.149367088601</v>
      </c>
      <c r="CF1130" s="53">
        <v>24171.149367088601</v>
      </c>
      <c r="CG1130" s="53">
        <v>24171.149367088601</v>
      </c>
      <c r="CH1130" s="53">
        <v>24171.149367088601</v>
      </c>
      <c r="CI1130" s="53">
        <v>24171.149367088601</v>
      </c>
      <c r="CJ1130" s="53">
        <v>24171.149367088601</v>
      </c>
      <c r="CK1130" s="53">
        <v>24171.149367088601</v>
      </c>
      <c r="CL1130" s="53">
        <v>24171.149367088601</v>
      </c>
      <c r="CM1130" s="53">
        <v>24171.149367088601</v>
      </c>
      <c r="CN1130" s="53">
        <v>290053.79240506398</v>
      </c>
    </row>
    <row r="1131" spans="1:92" outlineLevel="1">
      <c r="A1131" s="52" t="s">
        <v>1218</v>
      </c>
      <c r="B1131" s="53">
        <v>552833135.43999898</v>
      </c>
      <c r="C1131" s="53">
        <v>546792046.06999898</v>
      </c>
      <c r="D1131" s="53">
        <v>526729309.81</v>
      </c>
      <c r="E1131" s="53">
        <v>513828225.24999899</v>
      </c>
      <c r="F1131" s="53">
        <v>513827066.76999903</v>
      </c>
      <c r="G1131" s="53">
        <v>485709705.57999998</v>
      </c>
      <c r="H1131" s="53">
        <v>470391328.22999901</v>
      </c>
      <c r="I1131" s="53">
        <v>460435800.62</v>
      </c>
      <c r="J1131" s="53">
        <v>468795467.14999998</v>
      </c>
      <c r="K1131" s="53">
        <v>438145800.14999998</v>
      </c>
      <c r="L1131" s="53">
        <v>430871697.42999899</v>
      </c>
      <c r="M1131" s="53">
        <v>437177718.37</v>
      </c>
      <c r="N1131" s="53">
        <v>552833135.43999898</v>
      </c>
      <c r="O1131" s="53">
        <v>424294299.84999901</v>
      </c>
      <c r="P1131" s="53">
        <v>415512049.84999901</v>
      </c>
      <c r="Q1131" s="53">
        <v>406729799.84999901</v>
      </c>
      <c r="R1131" s="53">
        <v>397947549.84999901</v>
      </c>
      <c r="S1131" s="53">
        <v>389165299.84999901</v>
      </c>
      <c r="T1131" s="53">
        <v>380383049.84999901</v>
      </c>
      <c r="U1131" s="53">
        <v>371600799.84999901</v>
      </c>
      <c r="V1131" s="53">
        <v>362818549.84999901</v>
      </c>
      <c r="W1131" s="53">
        <v>354036299.84999901</v>
      </c>
      <c r="X1131" s="53">
        <v>345254049.84999901</v>
      </c>
      <c r="Y1131" s="53">
        <v>336471799.84999901</v>
      </c>
      <c r="Z1131" s="53">
        <v>327689549.84999901</v>
      </c>
      <c r="AA1131" s="53">
        <v>424294299.84999901</v>
      </c>
      <c r="AB1131" s="53">
        <v>318907299.84999901</v>
      </c>
      <c r="AC1131" s="53">
        <v>313343133.18333298</v>
      </c>
      <c r="AD1131" s="53">
        <v>307778966.516666</v>
      </c>
      <c r="AE1131" s="53">
        <v>302214799.84999901</v>
      </c>
      <c r="AF1131" s="53">
        <v>296650633.18333298</v>
      </c>
      <c r="AG1131" s="53">
        <v>291086466.516666</v>
      </c>
      <c r="AH1131" s="53">
        <v>285522299.84999901</v>
      </c>
      <c r="AI1131" s="53">
        <v>279958133.18333298</v>
      </c>
      <c r="AJ1131" s="53">
        <v>274393966.516666</v>
      </c>
      <c r="AK1131" s="53">
        <v>268829799.84999901</v>
      </c>
      <c r="AL1131" s="53">
        <v>263265633.18333301</v>
      </c>
      <c r="AM1131" s="53">
        <v>257701466.516666</v>
      </c>
      <c r="AN1131" s="53">
        <v>318907299.84999901</v>
      </c>
      <c r="AO1131" s="53">
        <v>252137299.84999901</v>
      </c>
      <c r="AP1131" s="53">
        <v>247883633.18333301</v>
      </c>
      <c r="AQ1131" s="53">
        <v>243629966.516666</v>
      </c>
      <c r="AR1131" s="53">
        <v>239376299.84999901</v>
      </c>
      <c r="AS1131" s="53">
        <v>235122633.18333301</v>
      </c>
      <c r="AT1131" s="53">
        <v>230868966.516666</v>
      </c>
      <c r="AU1131" s="53">
        <v>226615299.84999901</v>
      </c>
      <c r="AV1131" s="53">
        <v>222361633.18333301</v>
      </c>
      <c r="AW1131" s="53">
        <v>218107966.516666</v>
      </c>
      <c r="AX1131" s="53">
        <v>213854299.84999901</v>
      </c>
      <c r="AY1131" s="53">
        <v>209600633.18333301</v>
      </c>
      <c r="AZ1131" s="53">
        <v>205346966.516666</v>
      </c>
      <c r="BA1131" s="53">
        <v>252137299.84999901</v>
      </c>
      <c r="BB1131" s="53">
        <v>201093299.84999901</v>
      </c>
      <c r="BC1131" s="53">
        <v>198006633.18333301</v>
      </c>
      <c r="BD1131" s="53">
        <v>194919966.516666</v>
      </c>
      <c r="BE1131" s="53">
        <v>191833299.84999901</v>
      </c>
      <c r="BF1131" s="53">
        <v>188746633.18333301</v>
      </c>
      <c r="BG1131" s="53">
        <v>185659966.516666</v>
      </c>
      <c r="BH1131" s="53">
        <v>182573299.84999901</v>
      </c>
      <c r="BI1131" s="53">
        <v>179486633.18333301</v>
      </c>
      <c r="BJ1131" s="53">
        <v>176399966.516666</v>
      </c>
      <c r="BK1131" s="53">
        <v>173313299.84999999</v>
      </c>
      <c r="BL1131" s="53">
        <v>170226633.18333301</v>
      </c>
      <c r="BM1131" s="53">
        <v>167139966.516666</v>
      </c>
      <c r="BN1131" s="53">
        <v>201093299.84999901</v>
      </c>
      <c r="BO1131" s="53">
        <v>164053299.84999999</v>
      </c>
      <c r="BP1131" s="53">
        <v>164053299.84999999</v>
      </c>
      <c r="BQ1131" s="53">
        <v>164053299.84999999</v>
      </c>
      <c r="BR1131" s="53">
        <v>164053299.84999999</v>
      </c>
      <c r="BS1131" s="53">
        <v>164053299.84999999</v>
      </c>
      <c r="BT1131" s="53">
        <v>164053299.84999999</v>
      </c>
      <c r="BU1131" s="53">
        <v>164053299.84999999</v>
      </c>
      <c r="BV1131" s="53">
        <v>164053299.84999999</v>
      </c>
      <c r="BW1131" s="53">
        <v>164053299.84999999</v>
      </c>
      <c r="BX1131" s="53">
        <v>164053299.84999999</v>
      </c>
      <c r="BY1131" s="53">
        <v>164053299.84999999</v>
      </c>
      <c r="BZ1131" s="53">
        <v>164053299.84999999</v>
      </c>
      <c r="CA1131" s="53">
        <v>164053299.84999999</v>
      </c>
      <c r="CB1131" s="53"/>
      <c r="CC1131" s="53"/>
      <c r="CD1131" s="53"/>
      <c r="CE1131" s="53"/>
      <c r="CF1131" s="53"/>
      <c r="CG1131" s="53"/>
      <c r="CH1131" s="53"/>
      <c r="CI1131" s="53"/>
      <c r="CJ1131" s="53"/>
      <c r="CK1131" s="53"/>
      <c r="CL1131" s="53"/>
      <c r="CM1131" s="53"/>
      <c r="CN1131" s="53"/>
    </row>
    <row r="1132" spans="1:92" outlineLevel="1">
      <c r="A1132" s="52" t="s">
        <v>672</v>
      </c>
      <c r="B1132" s="53"/>
      <c r="C1132" s="53"/>
      <c r="D1132" s="53"/>
      <c r="E1132" s="53"/>
      <c r="F1132" s="53"/>
      <c r="G1132" s="53"/>
      <c r="H1132" s="53"/>
      <c r="I1132" s="53"/>
      <c r="J1132" s="53"/>
      <c r="K1132" s="53"/>
      <c r="L1132" s="53"/>
      <c r="M1132" s="53"/>
      <c r="N1132" s="53"/>
      <c r="O1132" s="53"/>
      <c r="P1132" s="53"/>
      <c r="Q1132" s="53"/>
      <c r="R1132" s="53"/>
      <c r="S1132" s="53"/>
      <c r="T1132" s="53"/>
      <c r="U1132" s="53"/>
      <c r="V1132" s="53"/>
      <c r="W1132" s="53"/>
      <c r="X1132" s="53"/>
      <c r="Y1132" s="53"/>
      <c r="Z1132" s="53"/>
      <c r="AA1132" s="53"/>
      <c r="AB1132" s="53"/>
      <c r="AC1132" s="53"/>
      <c r="AD1132" s="53"/>
      <c r="AE1132" s="53"/>
      <c r="AF1132" s="53"/>
      <c r="AG1132" s="53"/>
      <c r="AH1132" s="53"/>
      <c r="AI1132" s="53"/>
      <c r="AJ1132" s="53"/>
      <c r="AK1132" s="53"/>
      <c r="AL1132" s="53"/>
      <c r="AM1132" s="53"/>
      <c r="AN1132" s="53"/>
      <c r="AO1132" s="53"/>
      <c r="AP1132" s="53"/>
      <c r="AQ1132" s="53"/>
      <c r="AR1132" s="53"/>
      <c r="AS1132" s="53"/>
      <c r="AT1132" s="53"/>
      <c r="AU1132" s="53"/>
      <c r="AV1132" s="53"/>
      <c r="AW1132" s="53"/>
      <c r="AX1132" s="53"/>
      <c r="AY1132" s="53"/>
      <c r="AZ1132" s="53"/>
      <c r="BA1132" s="53"/>
      <c r="BB1132" s="53"/>
      <c r="BC1132" s="53"/>
      <c r="BD1132" s="53"/>
      <c r="BE1132" s="53"/>
      <c r="BF1132" s="53"/>
      <c r="BG1132" s="53"/>
      <c r="BH1132" s="53"/>
      <c r="BI1132" s="53"/>
      <c r="BJ1132" s="53"/>
      <c r="BK1132" s="53"/>
      <c r="BL1132" s="53"/>
      <c r="BM1132" s="53"/>
      <c r="BN1132" s="53"/>
      <c r="BO1132" s="53"/>
      <c r="BP1132" s="53"/>
      <c r="BQ1132" s="53"/>
      <c r="BR1132" s="53"/>
      <c r="BS1132" s="53"/>
      <c r="BT1132" s="53"/>
      <c r="BU1132" s="53"/>
      <c r="BV1132" s="53"/>
      <c r="BW1132" s="53"/>
      <c r="BX1132" s="53"/>
      <c r="BY1132" s="53"/>
      <c r="BZ1132" s="53"/>
      <c r="CA1132" s="53"/>
      <c r="CB1132" s="53">
        <v>16813.8726114649</v>
      </c>
      <c r="CC1132" s="53">
        <v>16813.8726114649</v>
      </c>
      <c r="CD1132" s="53">
        <v>16813.8726114649</v>
      </c>
      <c r="CE1132" s="53">
        <v>16813.8726114649</v>
      </c>
      <c r="CF1132" s="53">
        <v>16813.8726114649</v>
      </c>
      <c r="CG1132" s="53">
        <v>16813.8726114649</v>
      </c>
      <c r="CH1132" s="53">
        <v>16813.8726114649</v>
      </c>
      <c r="CI1132" s="53">
        <v>16813.8726114649</v>
      </c>
      <c r="CJ1132" s="53">
        <v>16813.8726114649</v>
      </c>
      <c r="CK1132" s="53">
        <v>16813.8726114649</v>
      </c>
      <c r="CL1132" s="53">
        <v>16813.8726114649</v>
      </c>
      <c r="CM1132" s="53">
        <v>16813.8726114649</v>
      </c>
      <c r="CN1132" s="53">
        <v>201766.47133757899</v>
      </c>
    </row>
    <row r="1133" spans="1:92">
      <c r="A1133" s="52" t="s">
        <v>650</v>
      </c>
      <c r="B1133" s="53"/>
      <c r="C1133" s="53"/>
      <c r="D1133" s="53"/>
      <c r="E1133" s="53"/>
      <c r="F1133" s="53"/>
      <c r="G1133" s="53"/>
      <c r="H1133" s="53"/>
      <c r="I1133" s="53"/>
      <c r="J1133" s="53"/>
      <c r="K1133" s="53"/>
      <c r="L1133" s="53"/>
      <c r="M1133" s="53"/>
      <c r="N1133" s="53"/>
      <c r="O1133" s="53"/>
      <c r="P1133" s="53"/>
      <c r="Q1133" s="53"/>
      <c r="R1133" s="53"/>
      <c r="S1133" s="53"/>
      <c r="T1133" s="53"/>
      <c r="U1133" s="53"/>
      <c r="V1133" s="53"/>
      <c r="W1133" s="53"/>
      <c r="X1133" s="53"/>
      <c r="Y1133" s="53"/>
      <c r="Z1133" s="53"/>
      <c r="AA1133" s="53"/>
      <c r="AB1133" s="53"/>
      <c r="AC1133" s="53"/>
      <c r="AD1133" s="53"/>
      <c r="AE1133" s="53"/>
      <c r="AF1133" s="53"/>
      <c r="AG1133" s="53"/>
      <c r="AH1133" s="53"/>
      <c r="AI1133" s="53"/>
      <c r="AJ1133" s="53"/>
      <c r="AK1133" s="53"/>
      <c r="AL1133" s="53"/>
      <c r="AM1133" s="53"/>
      <c r="AN1133" s="53"/>
      <c r="AO1133" s="53"/>
      <c r="AP1133" s="53"/>
      <c r="AQ1133" s="53"/>
      <c r="AR1133" s="53"/>
      <c r="AS1133" s="53"/>
      <c r="AT1133" s="53"/>
      <c r="AU1133" s="53"/>
      <c r="AV1133" s="53"/>
      <c r="AW1133" s="53"/>
      <c r="AX1133" s="53"/>
      <c r="AY1133" s="53"/>
      <c r="AZ1133" s="53"/>
      <c r="BA1133" s="53"/>
      <c r="BB1133" s="53"/>
      <c r="BC1133" s="53"/>
      <c r="BD1133" s="53"/>
      <c r="BE1133" s="53"/>
      <c r="BF1133" s="53"/>
      <c r="BG1133" s="53"/>
      <c r="BH1133" s="53"/>
      <c r="BI1133" s="53"/>
      <c r="BJ1133" s="53"/>
      <c r="BK1133" s="53"/>
      <c r="BL1133" s="53"/>
      <c r="BM1133" s="53"/>
      <c r="BN1133" s="53"/>
      <c r="BO1133" s="53"/>
      <c r="BP1133" s="53"/>
      <c r="BQ1133" s="53"/>
      <c r="BR1133" s="53"/>
      <c r="BS1133" s="53"/>
      <c r="BT1133" s="53"/>
      <c r="BU1133" s="53"/>
      <c r="BV1133" s="53"/>
      <c r="BW1133" s="53"/>
      <c r="BX1133" s="53"/>
      <c r="BY1133" s="53"/>
      <c r="BZ1133" s="53"/>
      <c r="CA1133" s="53"/>
      <c r="CB1133" s="53">
        <v>-308004.32631578902</v>
      </c>
      <c r="CC1133" s="53">
        <v>-308004.32631578902</v>
      </c>
      <c r="CD1133" s="53">
        <v>-308004.32631578902</v>
      </c>
      <c r="CE1133" s="53">
        <v>-308004.32631578902</v>
      </c>
      <c r="CF1133" s="53">
        <v>-308004.32631578902</v>
      </c>
      <c r="CG1133" s="53">
        <v>-308004.32631578902</v>
      </c>
      <c r="CH1133" s="53">
        <v>-308004.32631578902</v>
      </c>
      <c r="CI1133" s="53">
        <v>-308004.32631578902</v>
      </c>
      <c r="CJ1133" s="53">
        <v>-308004.32631578902</v>
      </c>
      <c r="CK1133" s="53">
        <v>-308004.32631578902</v>
      </c>
      <c r="CL1133" s="53">
        <v>-308004.32631578902</v>
      </c>
      <c r="CM1133" s="53">
        <v>-308004.32631578902</v>
      </c>
      <c r="CN1133" s="53">
        <v>-3696051.9157894701</v>
      </c>
    </row>
    <row r="1134" spans="1:92">
      <c r="A1134" s="52" t="s">
        <v>1444</v>
      </c>
      <c r="B1134" s="53"/>
      <c r="C1134" s="53"/>
      <c r="D1134" s="53"/>
      <c r="E1134" s="53"/>
      <c r="F1134" s="53"/>
      <c r="G1134" s="53"/>
      <c r="H1134" s="53"/>
      <c r="I1134" s="53"/>
      <c r="J1134" s="53"/>
      <c r="K1134" s="53"/>
      <c r="L1134" s="53"/>
      <c r="M1134" s="53"/>
      <c r="N1134" s="53"/>
      <c r="O1134" s="53"/>
      <c r="P1134" s="53"/>
      <c r="Q1134" s="53"/>
      <c r="R1134" s="53"/>
      <c r="S1134" s="53"/>
      <c r="T1134" s="53"/>
      <c r="U1134" s="53"/>
      <c r="V1134" s="53"/>
      <c r="W1134" s="53"/>
      <c r="X1134" s="53"/>
      <c r="Y1134" s="53"/>
      <c r="Z1134" s="53"/>
      <c r="AA1134" s="53"/>
      <c r="AB1134" s="53"/>
      <c r="AC1134" s="53"/>
      <c r="AD1134" s="53"/>
      <c r="AE1134" s="53"/>
      <c r="AF1134" s="53"/>
      <c r="AG1134" s="53"/>
      <c r="AH1134" s="53"/>
      <c r="AI1134" s="53"/>
      <c r="AJ1134" s="53"/>
      <c r="AK1134" s="53"/>
      <c r="AL1134" s="53"/>
      <c r="AM1134" s="53"/>
      <c r="AN1134" s="53"/>
      <c r="AO1134" s="53"/>
      <c r="AP1134" s="53"/>
      <c r="AQ1134" s="53"/>
      <c r="AR1134" s="53"/>
      <c r="AS1134" s="53"/>
      <c r="AT1134" s="53"/>
      <c r="AU1134" s="53"/>
      <c r="AV1134" s="53"/>
      <c r="AW1134" s="53"/>
      <c r="AX1134" s="53"/>
      <c r="AY1134" s="53"/>
      <c r="AZ1134" s="53"/>
      <c r="BA1134" s="53"/>
      <c r="BB1134" s="53"/>
      <c r="BC1134" s="53"/>
      <c r="BD1134" s="53"/>
      <c r="BE1134" s="53"/>
      <c r="BF1134" s="53"/>
      <c r="BG1134" s="53"/>
      <c r="BH1134" s="53"/>
      <c r="BI1134" s="53"/>
      <c r="BJ1134" s="53"/>
      <c r="BK1134" s="53"/>
      <c r="BL1134" s="53"/>
      <c r="BM1134" s="53"/>
      <c r="BN1134" s="53"/>
      <c r="BO1134" s="53"/>
      <c r="BP1134" s="53"/>
      <c r="BQ1134" s="53"/>
      <c r="BR1134" s="53"/>
      <c r="BS1134" s="53"/>
      <c r="BT1134" s="53"/>
      <c r="BU1134" s="53"/>
      <c r="BV1134" s="53"/>
      <c r="BW1134" s="53"/>
      <c r="BX1134" s="53"/>
      <c r="BY1134" s="53"/>
      <c r="BZ1134" s="53"/>
      <c r="CA1134" s="53"/>
      <c r="CB1134" s="53">
        <v>-199670.97536945701</v>
      </c>
      <c r="CC1134" s="53">
        <v>-199670.97536945701</v>
      </c>
      <c r="CD1134" s="53">
        <v>-199670.97536945701</v>
      </c>
      <c r="CE1134" s="53">
        <v>-199670.97536945701</v>
      </c>
      <c r="CF1134" s="53">
        <v>-199670.975369458</v>
      </c>
      <c r="CG1134" s="53">
        <v>-199670.97536945701</v>
      </c>
      <c r="CH1134" s="53">
        <v>-199670.975369458</v>
      </c>
      <c r="CI1134" s="53">
        <v>-199670.975369458</v>
      </c>
      <c r="CJ1134" s="53">
        <v>-199670.975369458</v>
      </c>
      <c r="CK1134" s="53">
        <v>-199670.975369458</v>
      </c>
      <c r="CL1134" s="53">
        <v>-199670.975369458</v>
      </c>
      <c r="CM1134" s="53">
        <v>-199670.975369458</v>
      </c>
      <c r="CN1134" s="53">
        <v>-2396051.7044334901</v>
      </c>
    </row>
    <row r="1135" spans="1:92">
      <c r="A1135" s="52" t="s">
        <v>649</v>
      </c>
      <c r="B1135" s="53">
        <v>-11388500</v>
      </c>
      <c r="C1135" s="53">
        <v>-11388500</v>
      </c>
      <c r="D1135" s="53">
        <v>-11388500</v>
      </c>
      <c r="E1135" s="53">
        <v>-11388500</v>
      </c>
      <c r="F1135" s="53">
        <v>-11388500</v>
      </c>
      <c r="G1135" s="53">
        <v>-11388500</v>
      </c>
      <c r="H1135" s="53">
        <v>-11388500</v>
      </c>
      <c r="I1135" s="53">
        <v>-11388500</v>
      </c>
      <c r="J1135" s="53">
        <v>-11388500</v>
      </c>
      <c r="K1135" s="53">
        <v>-11388500</v>
      </c>
      <c r="L1135" s="53">
        <v>-11388500</v>
      </c>
      <c r="M1135" s="53">
        <v>-11388500</v>
      </c>
      <c r="N1135" s="53">
        <v>-136662000</v>
      </c>
      <c r="O1135" s="53">
        <v>-8782250</v>
      </c>
      <c r="P1135" s="53">
        <v>-8782250</v>
      </c>
      <c r="Q1135" s="53">
        <v>-8782250</v>
      </c>
      <c r="R1135" s="53">
        <v>-8782250</v>
      </c>
      <c r="S1135" s="53">
        <v>-8782250</v>
      </c>
      <c r="T1135" s="53">
        <v>-8782250</v>
      </c>
      <c r="U1135" s="53">
        <v>-8782250</v>
      </c>
      <c r="V1135" s="53">
        <v>-8782250</v>
      </c>
      <c r="W1135" s="53">
        <v>-8782250</v>
      </c>
      <c r="X1135" s="53">
        <v>-8782250</v>
      </c>
      <c r="Y1135" s="53">
        <v>-8782250</v>
      </c>
      <c r="Z1135" s="53">
        <v>-8782250</v>
      </c>
      <c r="AA1135" s="53">
        <v>-105387000</v>
      </c>
      <c r="AB1135" s="53">
        <v>-5564166.6666666698</v>
      </c>
      <c r="AC1135" s="53">
        <v>-5564166.6666666698</v>
      </c>
      <c r="AD1135" s="53">
        <v>-5564166.6666666698</v>
      </c>
      <c r="AE1135" s="53">
        <v>-5564166.6666666698</v>
      </c>
      <c r="AF1135" s="53">
        <v>-5564166.6666666698</v>
      </c>
      <c r="AG1135" s="53">
        <v>-5564166.6666666698</v>
      </c>
      <c r="AH1135" s="53">
        <v>-5564166.6666666698</v>
      </c>
      <c r="AI1135" s="53">
        <v>-5564166.6666666698</v>
      </c>
      <c r="AJ1135" s="53">
        <v>-5564166.6666666698</v>
      </c>
      <c r="AK1135" s="53">
        <v>-5564166.6666666698</v>
      </c>
      <c r="AL1135" s="53">
        <v>-5564166.6666666698</v>
      </c>
      <c r="AM1135" s="53">
        <v>-5564166.6666666698</v>
      </c>
      <c r="AN1135" s="53">
        <v>-66770000</v>
      </c>
      <c r="AO1135" s="53">
        <v>-4253666.6666666698</v>
      </c>
      <c r="AP1135" s="53">
        <v>-4253666.6666666698</v>
      </c>
      <c r="AQ1135" s="53">
        <v>-4253666.6666666698</v>
      </c>
      <c r="AR1135" s="53">
        <v>-4253666.6666666698</v>
      </c>
      <c r="AS1135" s="53">
        <v>-4253666.6666666698</v>
      </c>
      <c r="AT1135" s="53">
        <v>-4253666.6666666698</v>
      </c>
      <c r="AU1135" s="53">
        <v>-4253666.6666666698</v>
      </c>
      <c r="AV1135" s="53">
        <v>-4253666.6666666698</v>
      </c>
      <c r="AW1135" s="53">
        <v>-4253666.6666666698</v>
      </c>
      <c r="AX1135" s="53">
        <v>-4253666.6666666698</v>
      </c>
      <c r="AY1135" s="53">
        <v>-4253666.6666666698</v>
      </c>
      <c r="AZ1135" s="53">
        <v>-4253666.6666666698</v>
      </c>
      <c r="BA1135" s="53">
        <v>-51044000</v>
      </c>
      <c r="BB1135" s="53">
        <v>-3086666.6666666698</v>
      </c>
      <c r="BC1135" s="53">
        <v>-3086666.6666666698</v>
      </c>
      <c r="BD1135" s="53">
        <v>-3086666.6666666698</v>
      </c>
      <c r="BE1135" s="53">
        <v>-3086666.6666666698</v>
      </c>
      <c r="BF1135" s="53">
        <v>-3086666.6666666698</v>
      </c>
      <c r="BG1135" s="53">
        <v>-3086666.6666666698</v>
      </c>
      <c r="BH1135" s="53">
        <v>-3086666.6666666698</v>
      </c>
      <c r="BI1135" s="53">
        <v>-3086666.6666666698</v>
      </c>
      <c r="BJ1135" s="53">
        <v>-3086666.6666666698</v>
      </c>
      <c r="BK1135" s="53">
        <v>-3086666.6666666698</v>
      </c>
      <c r="BL1135" s="53">
        <v>-3086666.6666666698</v>
      </c>
      <c r="BM1135" s="53">
        <v>-3086666.6666666698</v>
      </c>
      <c r="BN1135" s="53">
        <v>-37040000</v>
      </c>
      <c r="BO1135" s="53"/>
      <c r="BP1135" s="53"/>
      <c r="BQ1135" s="53"/>
      <c r="BR1135" s="53"/>
      <c r="BS1135" s="53"/>
      <c r="BT1135" s="53"/>
      <c r="BU1135" s="53"/>
      <c r="BV1135" s="53"/>
      <c r="BW1135" s="53"/>
      <c r="BX1135" s="53"/>
      <c r="BY1135" s="53"/>
      <c r="BZ1135" s="53"/>
      <c r="CA1135" s="53"/>
      <c r="CB1135" s="53">
        <v>-115069.472803347</v>
      </c>
      <c r="CC1135" s="53">
        <v>-115069.472803347</v>
      </c>
      <c r="CD1135" s="53">
        <v>-115069.472803347</v>
      </c>
      <c r="CE1135" s="53">
        <v>-115069.472803347</v>
      </c>
      <c r="CF1135" s="53">
        <v>-115069.472803347</v>
      </c>
      <c r="CG1135" s="53">
        <v>-115069.472803347</v>
      </c>
      <c r="CH1135" s="53">
        <v>-115069.472803347</v>
      </c>
      <c r="CI1135" s="53">
        <v>-115069.472803347</v>
      </c>
      <c r="CJ1135" s="53">
        <v>-115069.472803347</v>
      </c>
      <c r="CK1135" s="53">
        <v>-115069.472803347</v>
      </c>
      <c r="CL1135" s="53">
        <v>-115069.472803347</v>
      </c>
      <c r="CM1135" s="53">
        <v>-115069.472803347</v>
      </c>
      <c r="CN1135" s="53">
        <v>-1380833.6736401699</v>
      </c>
    </row>
    <row r="1136" spans="1:92">
      <c r="A1136" s="52" t="s">
        <v>1445</v>
      </c>
      <c r="B1136" s="53"/>
      <c r="C1136" s="53"/>
      <c r="D1136" s="53"/>
      <c r="E1136" s="53"/>
      <c r="F1136" s="53"/>
      <c r="G1136" s="53"/>
      <c r="H1136" s="53"/>
      <c r="I1136" s="53"/>
      <c r="J1136" s="53"/>
      <c r="K1136" s="53"/>
      <c r="L1136" s="53"/>
      <c r="M1136" s="53"/>
      <c r="N1136" s="53"/>
      <c r="O1136" s="53"/>
      <c r="P1136" s="53"/>
      <c r="Q1136" s="53"/>
      <c r="R1136" s="53"/>
      <c r="S1136" s="53"/>
      <c r="T1136" s="53"/>
      <c r="U1136" s="53"/>
      <c r="V1136" s="53"/>
      <c r="W1136" s="53"/>
      <c r="X1136" s="53"/>
      <c r="Y1136" s="53"/>
      <c r="Z1136" s="53"/>
      <c r="AA1136" s="53"/>
      <c r="AB1136" s="53"/>
      <c r="AC1136" s="53"/>
      <c r="AD1136" s="53"/>
      <c r="AE1136" s="53"/>
      <c r="AF1136" s="53"/>
      <c r="AG1136" s="53"/>
      <c r="AH1136" s="53"/>
      <c r="AI1136" s="53"/>
      <c r="AJ1136" s="53"/>
      <c r="AK1136" s="53"/>
      <c r="AL1136" s="53"/>
      <c r="AM1136" s="53"/>
      <c r="AN1136" s="53"/>
      <c r="AO1136" s="53"/>
      <c r="AP1136" s="53"/>
      <c r="AQ1136" s="53"/>
      <c r="AR1136" s="53"/>
      <c r="AS1136" s="53"/>
      <c r="AT1136" s="53"/>
      <c r="AU1136" s="53"/>
      <c r="AV1136" s="53"/>
      <c r="AW1136" s="53"/>
      <c r="AX1136" s="53"/>
      <c r="AY1136" s="53"/>
      <c r="AZ1136" s="53"/>
      <c r="BA1136" s="53"/>
      <c r="BB1136" s="53"/>
      <c r="BC1136" s="53"/>
      <c r="BD1136" s="53"/>
      <c r="BE1136" s="53"/>
      <c r="BF1136" s="53"/>
      <c r="BG1136" s="53"/>
      <c r="BH1136" s="53"/>
      <c r="BI1136" s="53"/>
      <c r="BJ1136" s="53"/>
      <c r="BK1136" s="53"/>
      <c r="BL1136" s="53"/>
      <c r="BM1136" s="53"/>
      <c r="BN1136" s="53"/>
      <c r="BO1136" s="53"/>
      <c r="BP1136" s="53"/>
      <c r="BQ1136" s="53"/>
      <c r="BR1136" s="53"/>
      <c r="BS1136" s="53"/>
      <c r="BT1136" s="53"/>
      <c r="BU1136" s="53"/>
      <c r="BV1136" s="53"/>
      <c r="BW1136" s="53"/>
      <c r="BX1136" s="53"/>
      <c r="BY1136" s="53"/>
      <c r="BZ1136" s="53"/>
      <c r="CA1136" s="53"/>
      <c r="CB1136" s="53"/>
      <c r="CC1136" s="53"/>
      <c r="CD1136" s="53"/>
      <c r="CE1136" s="53"/>
      <c r="CF1136" s="53"/>
      <c r="CG1136" s="53"/>
      <c r="CH1136" s="53"/>
      <c r="CI1136" s="53"/>
      <c r="CJ1136" s="53"/>
      <c r="CK1136" s="53"/>
      <c r="CL1136" s="53"/>
      <c r="CM1136" s="53"/>
      <c r="CN1136" s="53"/>
    </row>
    <row r="1137" spans="1:92">
      <c r="A1137" s="52" t="s">
        <v>649</v>
      </c>
      <c r="B1137" s="53"/>
      <c r="C1137" s="53">
        <v>-1000000</v>
      </c>
      <c r="D1137" s="53"/>
      <c r="E1137" s="53"/>
      <c r="F1137" s="53"/>
      <c r="G1137" s="53"/>
      <c r="H1137" s="53"/>
      <c r="I1137" s="53"/>
      <c r="J1137" s="53"/>
      <c r="K1137" s="53"/>
      <c r="L1137" s="53"/>
      <c r="M1137" s="53"/>
      <c r="N1137" s="53">
        <v>-1000000</v>
      </c>
      <c r="O1137" s="53"/>
      <c r="P1137" s="53"/>
      <c r="Q1137" s="53"/>
      <c r="R1137" s="53"/>
      <c r="S1137" s="53"/>
      <c r="T1137" s="53"/>
      <c r="U1137" s="53"/>
      <c r="V1137" s="53"/>
      <c r="W1137" s="53"/>
      <c r="X1137" s="53"/>
      <c r="Y1137" s="53"/>
      <c r="Z1137" s="53"/>
      <c r="AA1137" s="53"/>
      <c r="AB1137" s="53"/>
      <c r="AC1137" s="53"/>
      <c r="AD1137" s="53"/>
      <c r="AE1137" s="53"/>
      <c r="AF1137" s="53"/>
      <c r="AG1137" s="53"/>
      <c r="AH1137" s="53"/>
      <c r="AI1137" s="53"/>
      <c r="AJ1137" s="53"/>
      <c r="AK1137" s="53"/>
      <c r="AL1137" s="53"/>
      <c r="AM1137" s="53"/>
      <c r="AN1137" s="53"/>
      <c r="AO1137" s="53"/>
      <c r="AP1137" s="53"/>
      <c r="AQ1137" s="53"/>
      <c r="AR1137" s="53"/>
      <c r="AS1137" s="53"/>
      <c r="AT1137" s="53"/>
      <c r="AU1137" s="53"/>
      <c r="AV1137" s="53"/>
      <c r="AW1137" s="53"/>
      <c r="AX1137" s="53"/>
      <c r="AY1137" s="53"/>
      <c r="AZ1137" s="53"/>
      <c r="BA1137" s="53"/>
      <c r="BB1137" s="53"/>
      <c r="BC1137" s="53"/>
      <c r="BD1137" s="53"/>
      <c r="BE1137" s="53"/>
      <c r="BF1137" s="53"/>
      <c r="BG1137" s="53"/>
      <c r="BH1137" s="53"/>
      <c r="BI1137" s="53"/>
      <c r="BJ1137" s="53"/>
      <c r="BK1137" s="53"/>
      <c r="BL1137" s="53"/>
      <c r="BM1137" s="53"/>
      <c r="BN1137" s="53"/>
      <c r="BO1137" s="53"/>
      <c r="BP1137" s="53"/>
      <c r="BQ1137" s="53"/>
      <c r="BR1137" s="53"/>
      <c r="BS1137" s="53"/>
      <c r="BT1137" s="53"/>
      <c r="BU1137" s="53"/>
      <c r="BV1137" s="53"/>
      <c r="BW1137" s="53"/>
      <c r="BX1137" s="53"/>
      <c r="BY1137" s="53"/>
      <c r="BZ1137" s="53"/>
      <c r="CA1137" s="53"/>
      <c r="CB1137" s="53"/>
      <c r="CC1137" s="53"/>
      <c r="CD1137" s="53"/>
      <c r="CE1137" s="53"/>
      <c r="CF1137" s="53"/>
      <c r="CG1137" s="53"/>
      <c r="CH1137" s="53"/>
      <c r="CI1137" s="53"/>
      <c r="CJ1137" s="53"/>
      <c r="CK1137" s="53"/>
      <c r="CL1137" s="53"/>
      <c r="CM1137" s="53"/>
      <c r="CN1137" s="53"/>
    </row>
    <row r="1138" spans="1:92">
      <c r="A1138" s="52" t="s">
        <v>1446</v>
      </c>
      <c r="B1138" s="53">
        <v>546792046.06999898</v>
      </c>
      <c r="C1138" s="53">
        <v>526729309.81</v>
      </c>
      <c r="D1138" s="53">
        <v>513828225.24999899</v>
      </c>
      <c r="E1138" s="53">
        <v>513827066.76999903</v>
      </c>
      <c r="F1138" s="53">
        <v>485709705.57999998</v>
      </c>
      <c r="G1138" s="53">
        <v>470391328.22999901</v>
      </c>
      <c r="H1138" s="53">
        <v>460435800.62</v>
      </c>
      <c r="I1138" s="53">
        <v>468795467.14999998</v>
      </c>
      <c r="J1138" s="53">
        <v>438145800.14999998</v>
      </c>
      <c r="K1138" s="53">
        <v>430871697.42999899</v>
      </c>
      <c r="L1138" s="53">
        <v>437177718.37</v>
      </c>
      <c r="M1138" s="53">
        <v>424294299.84999901</v>
      </c>
      <c r="N1138" s="53">
        <v>424294299.84999901</v>
      </c>
      <c r="O1138" s="53">
        <v>415512049.84999901</v>
      </c>
      <c r="P1138" s="53">
        <v>406729799.84999901</v>
      </c>
      <c r="Q1138" s="53">
        <v>397947549.84999901</v>
      </c>
      <c r="R1138" s="53">
        <v>389165299.84999901</v>
      </c>
      <c r="S1138" s="53">
        <v>380383049.84999901</v>
      </c>
      <c r="T1138" s="53">
        <v>371600799.84999901</v>
      </c>
      <c r="U1138" s="53">
        <v>362818549.84999901</v>
      </c>
      <c r="V1138" s="53">
        <v>354036299.84999901</v>
      </c>
      <c r="W1138" s="53">
        <v>345254049.84999901</v>
      </c>
      <c r="X1138" s="53">
        <v>336471799.84999901</v>
      </c>
      <c r="Y1138" s="53">
        <v>327689549.84999901</v>
      </c>
      <c r="Z1138" s="53">
        <v>318907299.84999901</v>
      </c>
      <c r="AA1138" s="53">
        <v>318907299.84999901</v>
      </c>
      <c r="AB1138" s="53">
        <v>313343133.18333298</v>
      </c>
      <c r="AC1138" s="53">
        <v>307778966.516666</v>
      </c>
      <c r="AD1138" s="53">
        <v>302214799.84999901</v>
      </c>
      <c r="AE1138" s="53">
        <v>296650633.18333298</v>
      </c>
      <c r="AF1138" s="53">
        <v>291086466.516666</v>
      </c>
      <c r="AG1138" s="53">
        <v>285522299.84999901</v>
      </c>
      <c r="AH1138" s="53">
        <v>279958133.18333298</v>
      </c>
      <c r="AI1138" s="53">
        <v>274393966.516666</v>
      </c>
      <c r="AJ1138" s="53">
        <v>268829799.84999901</v>
      </c>
      <c r="AK1138" s="53">
        <v>263265633.18333301</v>
      </c>
      <c r="AL1138" s="53">
        <v>257701466.516666</v>
      </c>
      <c r="AM1138" s="53">
        <v>252137299.84999901</v>
      </c>
      <c r="AN1138" s="53">
        <v>252137299.84999901</v>
      </c>
      <c r="AO1138" s="53">
        <v>247883633.18333301</v>
      </c>
      <c r="AP1138" s="53">
        <v>243629966.516666</v>
      </c>
      <c r="AQ1138" s="53">
        <v>239376299.84999901</v>
      </c>
      <c r="AR1138" s="53">
        <v>235122633.18333301</v>
      </c>
      <c r="AS1138" s="53">
        <v>230868966.516666</v>
      </c>
      <c r="AT1138" s="53">
        <v>226615299.84999901</v>
      </c>
      <c r="AU1138" s="53">
        <v>222361633.18333301</v>
      </c>
      <c r="AV1138" s="53">
        <v>218107966.516666</v>
      </c>
      <c r="AW1138" s="53">
        <v>213854299.84999901</v>
      </c>
      <c r="AX1138" s="53">
        <v>209600633.18333301</v>
      </c>
      <c r="AY1138" s="53">
        <v>205346966.516666</v>
      </c>
      <c r="AZ1138" s="53">
        <v>201093299.84999901</v>
      </c>
      <c r="BA1138" s="53">
        <v>201093299.84999901</v>
      </c>
      <c r="BB1138" s="53">
        <v>198006633.18333301</v>
      </c>
      <c r="BC1138" s="53">
        <v>194919966.516666</v>
      </c>
      <c r="BD1138" s="53">
        <v>191833299.84999901</v>
      </c>
      <c r="BE1138" s="53">
        <v>188746633.18333301</v>
      </c>
      <c r="BF1138" s="53">
        <v>185659966.516666</v>
      </c>
      <c r="BG1138" s="53">
        <v>182573299.84999901</v>
      </c>
      <c r="BH1138" s="53">
        <v>179486633.18333301</v>
      </c>
      <c r="BI1138" s="53">
        <v>176399966.516666</v>
      </c>
      <c r="BJ1138" s="53">
        <v>173313299.84999999</v>
      </c>
      <c r="BK1138" s="53">
        <v>170226633.18333301</v>
      </c>
      <c r="BL1138" s="53">
        <v>167139966.516666</v>
      </c>
      <c r="BM1138" s="53">
        <v>164053299.84999999</v>
      </c>
      <c r="BN1138" s="53">
        <v>164053299.84999999</v>
      </c>
      <c r="BO1138" s="53">
        <v>164053299.84999999</v>
      </c>
      <c r="BP1138" s="53">
        <v>164053299.84999999</v>
      </c>
      <c r="BQ1138" s="53">
        <v>164053299.84999999</v>
      </c>
      <c r="BR1138" s="53">
        <v>164053299.84999999</v>
      </c>
      <c r="BS1138" s="53">
        <v>164053299.84999999</v>
      </c>
      <c r="BT1138" s="53">
        <v>164053299.84999999</v>
      </c>
      <c r="BU1138" s="53">
        <v>164053299.84999999</v>
      </c>
      <c r="BV1138" s="53">
        <v>164053299.84999999</v>
      </c>
      <c r="BW1138" s="53">
        <v>164053299.84999999</v>
      </c>
      <c r="BX1138" s="53">
        <v>164053299.84999999</v>
      </c>
      <c r="BY1138" s="53">
        <v>164053299.84999999</v>
      </c>
      <c r="BZ1138" s="53">
        <v>164053299.84999999</v>
      </c>
      <c r="CA1138" s="53">
        <v>164053299.84999999</v>
      </c>
      <c r="CB1138" s="53">
        <v>-8902.2999999999993</v>
      </c>
      <c r="CC1138" s="53">
        <v>-8902.2999999999993</v>
      </c>
      <c r="CD1138" s="53">
        <v>-8902.2999999999993</v>
      </c>
      <c r="CE1138" s="53">
        <v>-8902.2999999999993</v>
      </c>
      <c r="CF1138" s="53">
        <v>-8902.2999999999993</v>
      </c>
      <c r="CG1138" s="53">
        <v>-8902.2999999999993</v>
      </c>
      <c r="CH1138" s="53">
        <v>-8902.2999999999993</v>
      </c>
      <c r="CI1138" s="53">
        <v>-8902.2999999999993</v>
      </c>
      <c r="CJ1138" s="53">
        <v>-8902.2999999999993</v>
      </c>
      <c r="CK1138" s="53">
        <v>-8902.2999999999993</v>
      </c>
      <c r="CL1138" s="53">
        <v>-8902.2999999999993</v>
      </c>
      <c r="CM1138" s="53">
        <v>-8902.2999999999993</v>
      </c>
      <c r="CN1138" s="53">
        <v>-106827.599999999</v>
      </c>
    </row>
    <row r="1139" spans="1:92">
      <c r="A1139" s="52" t="s">
        <v>1218</v>
      </c>
      <c r="B1139" s="53">
        <v>552833135.43999898</v>
      </c>
      <c r="C1139" s="53">
        <v>546792046.06999898</v>
      </c>
      <c r="D1139" s="53">
        <v>526729309.81</v>
      </c>
      <c r="E1139" s="53">
        <v>513828225.24999899</v>
      </c>
      <c r="F1139" s="53">
        <v>513827066.76999903</v>
      </c>
      <c r="G1139" s="53">
        <v>485709705.57999998</v>
      </c>
      <c r="H1139" s="53">
        <v>470391328.22999901</v>
      </c>
      <c r="I1139" s="53">
        <v>460435800.62</v>
      </c>
      <c r="J1139" s="53">
        <v>468795467.14999998</v>
      </c>
      <c r="K1139" s="53">
        <v>438145800.14999998</v>
      </c>
      <c r="L1139" s="53">
        <v>430871697.42999899</v>
      </c>
      <c r="M1139" s="53">
        <v>437177718.37</v>
      </c>
      <c r="N1139" s="53">
        <v>552833135.43999898</v>
      </c>
      <c r="O1139" s="53">
        <v>424294299.84999901</v>
      </c>
      <c r="P1139" s="53">
        <v>415512049.84999901</v>
      </c>
      <c r="Q1139" s="53">
        <v>406729799.84999901</v>
      </c>
      <c r="R1139" s="53">
        <v>397947549.84999901</v>
      </c>
      <c r="S1139" s="53">
        <v>389165299.84999901</v>
      </c>
      <c r="T1139" s="53">
        <v>380383049.84999901</v>
      </c>
      <c r="U1139" s="53">
        <v>371600799.84999901</v>
      </c>
      <c r="V1139" s="53">
        <v>362818549.84999901</v>
      </c>
      <c r="W1139" s="53">
        <v>354036299.84999901</v>
      </c>
      <c r="X1139" s="53">
        <v>345254049.84999901</v>
      </c>
      <c r="Y1139" s="53">
        <v>336471799.84999901</v>
      </c>
      <c r="Z1139" s="53">
        <v>327689549.84999901</v>
      </c>
      <c r="AA1139" s="53">
        <v>424294299.84999901</v>
      </c>
      <c r="AB1139" s="53">
        <v>318907299.84999901</v>
      </c>
      <c r="AC1139" s="53">
        <v>313343133.18333298</v>
      </c>
      <c r="AD1139" s="53">
        <v>307778966.516666</v>
      </c>
      <c r="AE1139" s="53">
        <v>302214799.84999901</v>
      </c>
      <c r="AF1139" s="53">
        <v>296650633.18333298</v>
      </c>
      <c r="AG1139" s="53">
        <v>291086466.516666</v>
      </c>
      <c r="AH1139" s="53">
        <v>285522299.84999901</v>
      </c>
      <c r="AI1139" s="53">
        <v>279958133.18333298</v>
      </c>
      <c r="AJ1139" s="53">
        <v>274393966.516666</v>
      </c>
      <c r="AK1139" s="53">
        <v>268829799.84999901</v>
      </c>
      <c r="AL1139" s="53">
        <v>263265633.18333301</v>
      </c>
      <c r="AM1139" s="53">
        <v>257701466.516666</v>
      </c>
      <c r="AN1139" s="53">
        <v>318907299.84999901</v>
      </c>
      <c r="AO1139" s="53">
        <v>252137299.84999901</v>
      </c>
      <c r="AP1139" s="53">
        <v>247883633.18333301</v>
      </c>
      <c r="AQ1139" s="53">
        <v>243629966.516666</v>
      </c>
      <c r="AR1139" s="53">
        <v>239376299.84999901</v>
      </c>
      <c r="AS1139" s="53">
        <v>235122633.18333301</v>
      </c>
      <c r="AT1139" s="53">
        <v>230868966.516666</v>
      </c>
      <c r="AU1139" s="53">
        <v>226615299.84999901</v>
      </c>
      <c r="AV1139" s="53">
        <v>222361633.18333301</v>
      </c>
      <c r="AW1139" s="53">
        <v>218107966.516666</v>
      </c>
      <c r="AX1139" s="53">
        <v>213854299.84999901</v>
      </c>
      <c r="AY1139" s="53">
        <v>209600633.18333301</v>
      </c>
      <c r="AZ1139" s="53">
        <v>205346966.516666</v>
      </c>
      <c r="BA1139" s="53">
        <v>252137299.84999901</v>
      </c>
      <c r="BB1139" s="53">
        <v>201093299.84999901</v>
      </c>
      <c r="BC1139" s="53">
        <v>198006633.18333301</v>
      </c>
      <c r="BD1139" s="53">
        <v>194919966.516666</v>
      </c>
      <c r="BE1139" s="53">
        <v>191833299.84999901</v>
      </c>
      <c r="BF1139" s="53">
        <v>188746633.18333301</v>
      </c>
      <c r="BG1139" s="53">
        <v>185659966.516666</v>
      </c>
      <c r="BH1139" s="53">
        <v>182573299.84999901</v>
      </c>
      <c r="BI1139" s="53">
        <v>179486633.18333301</v>
      </c>
      <c r="BJ1139" s="53">
        <v>176399966.516666</v>
      </c>
      <c r="BK1139" s="53">
        <v>173313299.84999999</v>
      </c>
      <c r="BL1139" s="53">
        <v>170226633.18333301</v>
      </c>
      <c r="BM1139" s="53">
        <v>167139966.516666</v>
      </c>
      <c r="BN1139" s="53">
        <v>201093299.84999901</v>
      </c>
      <c r="BO1139" s="53">
        <v>164053299.84999999</v>
      </c>
      <c r="BP1139" s="53">
        <v>164053299.84999999</v>
      </c>
      <c r="BQ1139" s="53">
        <v>164053299.84999999</v>
      </c>
      <c r="BR1139" s="53">
        <v>164053299.84999999</v>
      </c>
      <c r="BS1139" s="53">
        <v>164053299.84999999</v>
      </c>
      <c r="BT1139" s="53">
        <v>164053299.84999999</v>
      </c>
      <c r="BU1139" s="53">
        <v>164053299.84999999</v>
      </c>
      <c r="BV1139" s="53">
        <v>164053299.84999999</v>
      </c>
      <c r="BW1139" s="53">
        <v>164053299.84999999</v>
      </c>
      <c r="BX1139" s="53">
        <v>164053299.84999999</v>
      </c>
      <c r="BY1139" s="53">
        <v>164053299.84999999</v>
      </c>
      <c r="BZ1139" s="53">
        <v>164053299.84999999</v>
      </c>
      <c r="CA1139" s="53">
        <v>164053299.84999999</v>
      </c>
      <c r="CB1139" s="53"/>
      <c r="CC1139" s="53"/>
      <c r="CD1139" s="53"/>
      <c r="CE1139" s="53"/>
      <c r="CF1139" s="53"/>
      <c r="CG1139" s="53"/>
      <c r="CH1139" s="53"/>
      <c r="CI1139" s="53"/>
      <c r="CJ1139" s="53"/>
      <c r="CK1139" s="53"/>
      <c r="CL1139" s="53"/>
      <c r="CM1139" s="53"/>
      <c r="CN1139" s="53"/>
    </row>
    <row r="1140" spans="1:92">
      <c r="A1140" s="52" t="s">
        <v>672</v>
      </c>
      <c r="B1140" s="53"/>
      <c r="C1140" s="53"/>
      <c r="D1140" s="53"/>
      <c r="E1140" s="53"/>
      <c r="F1140" s="53"/>
      <c r="G1140" s="53"/>
      <c r="H1140" s="53"/>
      <c r="I1140" s="53"/>
      <c r="J1140" s="53"/>
      <c r="K1140" s="53"/>
      <c r="L1140" s="53"/>
      <c r="M1140" s="53"/>
      <c r="N1140" s="53"/>
      <c r="O1140" s="53"/>
      <c r="P1140" s="53"/>
      <c r="Q1140" s="53"/>
      <c r="R1140" s="53"/>
      <c r="S1140" s="53"/>
      <c r="T1140" s="53"/>
      <c r="U1140" s="53"/>
      <c r="V1140" s="53"/>
      <c r="W1140" s="53"/>
      <c r="X1140" s="53"/>
      <c r="Y1140" s="53"/>
      <c r="Z1140" s="53"/>
      <c r="AA1140" s="53"/>
      <c r="AB1140" s="53"/>
      <c r="AC1140" s="53"/>
      <c r="AD1140" s="53"/>
      <c r="AE1140" s="53"/>
      <c r="AF1140" s="53"/>
      <c r="AG1140" s="53"/>
      <c r="AH1140" s="53"/>
      <c r="AI1140" s="53"/>
      <c r="AJ1140" s="53"/>
      <c r="AK1140" s="53"/>
      <c r="AL1140" s="53"/>
      <c r="AM1140" s="53"/>
      <c r="AN1140" s="53"/>
      <c r="AO1140" s="53"/>
      <c r="AP1140" s="53"/>
      <c r="AQ1140" s="53"/>
      <c r="AR1140" s="53"/>
      <c r="AS1140" s="53"/>
      <c r="AT1140" s="53"/>
      <c r="AU1140" s="53"/>
      <c r="AV1140" s="53"/>
      <c r="AW1140" s="53"/>
      <c r="AX1140" s="53"/>
      <c r="AY1140" s="53"/>
      <c r="AZ1140" s="53"/>
      <c r="BA1140" s="53"/>
      <c r="BB1140" s="53"/>
      <c r="BC1140" s="53"/>
      <c r="BD1140" s="53"/>
      <c r="BE1140" s="53"/>
      <c r="BF1140" s="53"/>
      <c r="BG1140" s="53"/>
      <c r="BH1140" s="53"/>
      <c r="BI1140" s="53"/>
      <c r="BJ1140" s="53"/>
      <c r="BK1140" s="53"/>
      <c r="BL1140" s="53"/>
      <c r="BM1140" s="53"/>
      <c r="BN1140" s="53"/>
      <c r="BO1140" s="53"/>
      <c r="BP1140" s="53"/>
      <c r="BQ1140" s="53"/>
      <c r="BR1140" s="53"/>
      <c r="BS1140" s="53"/>
      <c r="BT1140" s="53"/>
      <c r="BU1140" s="53"/>
      <c r="BV1140" s="53"/>
      <c r="BW1140" s="53"/>
      <c r="BX1140" s="53"/>
      <c r="BY1140" s="53"/>
      <c r="BZ1140" s="53"/>
      <c r="CA1140" s="53"/>
      <c r="CB1140" s="53"/>
      <c r="CC1140" s="53"/>
      <c r="CD1140" s="53"/>
      <c r="CE1140" s="53"/>
      <c r="CF1140" s="53"/>
      <c r="CG1140" s="53"/>
      <c r="CH1140" s="53"/>
      <c r="CI1140" s="53"/>
      <c r="CJ1140" s="53"/>
      <c r="CK1140" s="53"/>
      <c r="CL1140" s="53"/>
      <c r="CM1140" s="53"/>
      <c r="CN1140" s="53"/>
    </row>
    <row r="1141" spans="1:92">
      <c r="A1141" s="52" t="s">
        <v>650</v>
      </c>
      <c r="B1141" s="53"/>
      <c r="C1141" s="53"/>
      <c r="D1141" s="53"/>
      <c r="E1141" s="53"/>
      <c r="F1141" s="53"/>
      <c r="G1141" s="53"/>
      <c r="H1141" s="53"/>
      <c r="I1141" s="53"/>
      <c r="J1141" s="53"/>
      <c r="K1141" s="53"/>
      <c r="L1141" s="53"/>
      <c r="M1141" s="53"/>
      <c r="N1141" s="53"/>
      <c r="O1141" s="53"/>
      <c r="P1141" s="53"/>
      <c r="Q1141" s="53"/>
      <c r="R1141" s="53"/>
      <c r="S1141" s="53"/>
      <c r="T1141" s="53"/>
      <c r="U1141" s="53"/>
      <c r="V1141" s="53"/>
      <c r="W1141" s="53"/>
      <c r="X1141" s="53"/>
      <c r="Y1141" s="53"/>
      <c r="Z1141" s="53"/>
      <c r="AA1141" s="53"/>
      <c r="AB1141" s="53"/>
      <c r="AC1141" s="53"/>
      <c r="AD1141" s="53"/>
      <c r="AE1141" s="53"/>
      <c r="AF1141" s="53"/>
      <c r="AG1141" s="53"/>
      <c r="AH1141" s="53"/>
      <c r="AI1141" s="53"/>
      <c r="AJ1141" s="53"/>
      <c r="AK1141" s="53"/>
      <c r="AL1141" s="53"/>
      <c r="AM1141" s="53"/>
      <c r="AN1141" s="53"/>
      <c r="AO1141" s="53"/>
      <c r="AP1141" s="53"/>
      <c r="AQ1141" s="53"/>
      <c r="AR1141" s="53"/>
      <c r="AS1141" s="53"/>
      <c r="AT1141" s="53"/>
      <c r="AU1141" s="53"/>
      <c r="AV1141" s="53"/>
      <c r="AW1141" s="53"/>
      <c r="AX1141" s="53"/>
      <c r="AY1141" s="53"/>
      <c r="AZ1141" s="53"/>
      <c r="BA1141" s="53"/>
      <c r="BB1141" s="53"/>
      <c r="BC1141" s="53"/>
      <c r="BD1141" s="53"/>
      <c r="BE1141" s="53"/>
      <c r="BF1141" s="53"/>
      <c r="BG1141" s="53"/>
      <c r="BH1141" s="53"/>
      <c r="BI1141" s="53"/>
      <c r="BJ1141" s="53"/>
      <c r="BK1141" s="53"/>
      <c r="BL1141" s="53"/>
      <c r="BM1141" s="53"/>
      <c r="BN1141" s="53"/>
      <c r="BO1141" s="53"/>
      <c r="BP1141" s="53"/>
      <c r="BQ1141" s="53"/>
      <c r="BR1141" s="53"/>
      <c r="BS1141" s="53"/>
      <c r="BT1141" s="53"/>
      <c r="BU1141" s="53"/>
      <c r="BV1141" s="53"/>
      <c r="BW1141" s="53"/>
      <c r="BX1141" s="53"/>
      <c r="BY1141" s="53"/>
      <c r="BZ1141" s="53"/>
      <c r="CA1141" s="53"/>
      <c r="CB1141" s="53"/>
      <c r="CC1141" s="53"/>
      <c r="CD1141" s="53"/>
      <c r="CE1141" s="53"/>
      <c r="CF1141" s="53"/>
      <c r="CG1141" s="53"/>
      <c r="CH1141" s="53"/>
      <c r="CI1141" s="53"/>
      <c r="CJ1141" s="53"/>
      <c r="CK1141" s="53"/>
      <c r="CL1141" s="53"/>
      <c r="CM1141" s="53"/>
      <c r="CN1141" s="53"/>
    </row>
    <row r="1142" spans="1:92">
      <c r="A1142" s="52" t="s">
        <v>1444</v>
      </c>
      <c r="B1142" s="53"/>
      <c r="C1142" s="53"/>
      <c r="D1142" s="53"/>
      <c r="E1142" s="53"/>
      <c r="F1142" s="53"/>
      <c r="G1142" s="53"/>
      <c r="H1142" s="53"/>
      <c r="I1142" s="53"/>
      <c r="J1142" s="53"/>
      <c r="K1142" s="53"/>
      <c r="L1142" s="53"/>
      <c r="M1142" s="53"/>
      <c r="N1142" s="53"/>
      <c r="O1142" s="53"/>
      <c r="P1142" s="53"/>
      <c r="Q1142" s="53"/>
      <c r="R1142" s="53"/>
      <c r="S1142" s="53"/>
      <c r="T1142" s="53"/>
      <c r="U1142" s="53"/>
      <c r="V1142" s="53"/>
      <c r="W1142" s="53"/>
      <c r="X1142" s="53"/>
      <c r="Y1142" s="53"/>
      <c r="Z1142" s="53"/>
      <c r="AA1142" s="53"/>
      <c r="AB1142" s="53"/>
      <c r="AC1142" s="53"/>
      <c r="AD1142" s="53"/>
      <c r="AE1142" s="53"/>
      <c r="AF1142" s="53"/>
      <c r="AG1142" s="53"/>
      <c r="AH1142" s="53"/>
      <c r="AI1142" s="53"/>
      <c r="AJ1142" s="53"/>
      <c r="AK1142" s="53"/>
      <c r="AL1142" s="53"/>
      <c r="AM1142" s="53"/>
      <c r="AN1142" s="53"/>
      <c r="AO1142" s="53"/>
      <c r="AP1142" s="53"/>
      <c r="AQ1142" s="53"/>
      <c r="AR1142" s="53"/>
      <c r="AS1142" s="53"/>
      <c r="AT1142" s="53"/>
      <c r="AU1142" s="53"/>
      <c r="AV1142" s="53"/>
      <c r="AW1142" s="53"/>
      <c r="AX1142" s="53"/>
      <c r="AY1142" s="53"/>
      <c r="AZ1142" s="53"/>
      <c r="BA1142" s="53"/>
      <c r="BB1142" s="53"/>
      <c r="BC1142" s="53"/>
      <c r="BD1142" s="53"/>
      <c r="BE1142" s="53"/>
      <c r="BF1142" s="53"/>
      <c r="BG1142" s="53"/>
      <c r="BH1142" s="53"/>
      <c r="BI1142" s="53"/>
      <c r="BJ1142" s="53"/>
      <c r="BK1142" s="53"/>
      <c r="BL1142" s="53"/>
      <c r="BM1142" s="53"/>
      <c r="BN1142" s="53"/>
      <c r="BO1142" s="53"/>
      <c r="BP1142" s="53"/>
      <c r="BQ1142" s="53"/>
      <c r="BR1142" s="53"/>
      <c r="BS1142" s="53"/>
      <c r="BT1142" s="53"/>
      <c r="BU1142" s="53"/>
      <c r="BV1142" s="53"/>
      <c r="BW1142" s="53"/>
      <c r="BX1142" s="53"/>
      <c r="BY1142" s="53"/>
      <c r="BZ1142" s="53"/>
      <c r="CA1142" s="53"/>
      <c r="CB1142" s="53">
        <v>-452777.5</v>
      </c>
      <c r="CC1142" s="53">
        <v>-452777.5</v>
      </c>
      <c r="CD1142" s="53">
        <v>-452777.5</v>
      </c>
      <c r="CE1142" s="53">
        <v>-452777.5</v>
      </c>
      <c r="CF1142" s="53">
        <v>-452777.5</v>
      </c>
      <c r="CG1142" s="53">
        <v>-452777.5</v>
      </c>
      <c r="CH1142" s="53">
        <v>-452777.5</v>
      </c>
      <c r="CI1142" s="53">
        <v>-452777.5</v>
      </c>
      <c r="CJ1142" s="53">
        <v>-452777.5</v>
      </c>
      <c r="CK1142" s="53">
        <v>-452777.5</v>
      </c>
      <c r="CL1142" s="53">
        <v>-452777.5</v>
      </c>
      <c r="CM1142" s="53">
        <v>-452777.5</v>
      </c>
      <c r="CN1142" s="53">
        <v>-5433330</v>
      </c>
    </row>
    <row r="1143" spans="1:92">
      <c r="A1143" s="52" t="s">
        <v>649</v>
      </c>
      <c r="B1143" s="53">
        <v>-11388500</v>
      </c>
      <c r="C1143" s="53">
        <v>-11388500</v>
      </c>
      <c r="D1143" s="53">
        <v>-11388500</v>
      </c>
      <c r="E1143" s="53">
        <v>-11388500</v>
      </c>
      <c r="F1143" s="53">
        <v>-11388500</v>
      </c>
      <c r="G1143" s="53">
        <v>-11388500</v>
      </c>
      <c r="H1143" s="53">
        <v>-11388500</v>
      </c>
      <c r="I1143" s="53">
        <v>-11388500</v>
      </c>
      <c r="J1143" s="53">
        <v>-11388500</v>
      </c>
      <c r="K1143" s="53">
        <v>-11388500</v>
      </c>
      <c r="L1143" s="53">
        <v>-11388500</v>
      </c>
      <c r="M1143" s="53">
        <v>-11388500</v>
      </c>
      <c r="N1143" s="53">
        <v>-136662000</v>
      </c>
      <c r="O1143" s="53">
        <v>-8782250</v>
      </c>
      <c r="P1143" s="53">
        <v>-8782250</v>
      </c>
      <c r="Q1143" s="53">
        <v>-8782250</v>
      </c>
      <c r="R1143" s="53">
        <v>-8782250</v>
      </c>
      <c r="S1143" s="53">
        <v>-8782250</v>
      </c>
      <c r="T1143" s="53">
        <v>-8782250</v>
      </c>
      <c r="U1143" s="53">
        <v>-8782250</v>
      </c>
      <c r="V1143" s="53">
        <v>-8782250</v>
      </c>
      <c r="W1143" s="53">
        <v>-8782250</v>
      </c>
      <c r="X1143" s="53">
        <v>-8782250</v>
      </c>
      <c r="Y1143" s="53">
        <v>-8782250</v>
      </c>
      <c r="Z1143" s="53">
        <v>-8782250</v>
      </c>
      <c r="AA1143" s="53">
        <v>-105387000</v>
      </c>
      <c r="AB1143" s="53">
        <v>-5564166.6666666698</v>
      </c>
      <c r="AC1143" s="53">
        <v>-5564166.6666666698</v>
      </c>
      <c r="AD1143" s="53">
        <v>-5564166.6666666698</v>
      </c>
      <c r="AE1143" s="53">
        <v>-5564166.6666666698</v>
      </c>
      <c r="AF1143" s="53">
        <v>-5564166.6666666698</v>
      </c>
      <c r="AG1143" s="53">
        <v>-5564166.6666666698</v>
      </c>
      <c r="AH1143" s="53">
        <v>-5564166.6666666698</v>
      </c>
      <c r="AI1143" s="53">
        <v>-5564166.6666666698</v>
      </c>
      <c r="AJ1143" s="53">
        <v>-5564166.6666666698</v>
      </c>
      <c r="AK1143" s="53">
        <v>-5564166.6666666698</v>
      </c>
      <c r="AL1143" s="53">
        <v>-5564166.6666666698</v>
      </c>
      <c r="AM1143" s="53">
        <v>-5564166.6666666698</v>
      </c>
      <c r="AN1143" s="53">
        <v>-66770000</v>
      </c>
      <c r="AO1143" s="53">
        <v>-4253666.6666666698</v>
      </c>
      <c r="AP1143" s="53">
        <v>-4253666.6666666698</v>
      </c>
      <c r="AQ1143" s="53">
        <v>-4253666.6666666698</v>
      </c>
      <c r="AR1143" s="53">
        <v>-4253666.6666666698</v>
      </c>
      <c r="AS1143" s="53">
        <v>-4253666.6666666698</v>
      </c>
      <c r="AT1143" s="53">
        <v>-4253666.6666666698</v>
      </c>
      <c r="AU1143" s="53">
        <v>-4253666.6666666698</v>
      </c>
      <c r="AV1143" s="53">
        <v>-4253666.6666666698</v>
      </c>
      <c r="AW1143" s="53">
        <v>-4253666.6666666698</v>
      </c>
      <c r="AX1143" s="53">
        <v>-4253666.6666666698</v>
      </c>
      <c r="AY1143" s="53">
        <v>-4253666.6666666698</v>
      </c>
      <c r="AZ1143" s="53">
        <v>-4253666.6666666698</v>
      </c>
      <c r="BA1143" s="53">
        <v>-51044000</v>
      </c>
      <c r="BB1143" s="53">
        <v>-3086666.6666666698</v>
      </c>
      <c r="BC1143" s="53">
        <v>-3086666.6666666698</v>
      </c>
      <c r="BD1143" s="53">
        <v>-3086666.6666666698</v>
      </c>
      <c r="BE1143" s="53">
        <v>-3086666.6666666698</v>
      </c>
      <c r="BF1143" s="53">
        <v>-3086666.6666666698</v>
      </c>
      <c r="BG1143" s="53">
        <v>-3086666.6666666698</v>
      </c>
      <c r="BH1143" s="53">
        <v>-3086666.6666666698</v>
      </c>
      <c r="BI1143" s="53">
        <v>-3086666.6666666698</v>
      </c>
      <c r="BJ1143" s="53">
        <v>-3086666.6666666698</v>
      </c>
      <c r="BK1143" s="53">
        <v>-3086666.6666666698</v>
      </c>
      <c r="BL1143" s="53">
        <v>-3086666.6666666698</v>
      </c>
      <c r="BM1143" s="53">
        <v>-3086666.6666666698</v>
      </c>
      <c r="BN1143" s="53">
        <v>-37040000</v>
      </c>
      <c r="BO1143" s="53"/>
      <c r="BP1143" s="53"/>
      <c r="BQ1143" s="53"/>
      <c r="BR1143" s="53"/>
      <c r="BS1143" s="53"/>
      <c r="BT1143" s="53"/>
      <c r="BU1143" s="53"/>
      <c r="BV1143" s="53"/>
      <c r="BW1143" s="53"/>
      <c r="BX1143" s="53"/>
      <c r="BY1143" s="53"/>
      <c r="BZ1143" s="53"/>
      <c r="CA1143" s="53"/>
      <c r="CB1143" s="53"/>
      <c r="CC1143" s="53"/>
      <c r="CD1143" s="53"/>
      <c r="CE1143" s="53"/>
      <c r="CF1143" s="53"/>
      <c r="CG1143" s="53"/>
      <c r="CH1143" s="53"/>
      <c r="CI1143" s="53"/>
      <c r="CJ1143" s="53"/>
      <c r="CK1143" s="53"/>
      <c r="CL1143" s="53"/>
      <c r="CM1143" s="53"/>
      <c r="CN1143" s="53"/>
    </row>
    <row r="1144" spans="1:92">
      <c r="A1144" s="52" t="s">
        <v>1445</v>
      </c>
      <c r="B1144" s="53"/>
      <c r="C1144" s="53"/>
      <c r="D1144" s="53"/>
      <c r="E1144" s="53"/>
      <c r="F1144" s="53"/>
      <c r="G1144" s="53"/>
      <c r="H1144" s="53"/>
      <c r="I1144" s="53"/>
      <c r="J1144" s="53"/>
      <c r="K1144" s="53"/>
      <c r="L1144" s="53"/>
      <c r="M1144" s="53"/>
      <c r="N1144" s="53"/>
      <c r="O1144" s="53"/>
      <c r="P1144" s="53"/>
      <c r="Q1144" s="53"/>
      <c r="R1144" s="53"/>
      <c r="S1144" s="53"/>
      <c r="T1144" s="53"/>
      <c r="U1144" s="53"/>
      <c r="V1144" s="53"/>
      <c r="W1144" s="53"/>
      <c r="X1144" s="53"/>
      <c r="Y1144" s="53"/>
      <c r="Z1144" s="53"/>
      <c r="AA1144" s="53"/>
      <c r="AB1144" s="53"/>
      <c r="AC1144" s="53"/>
      <c r="AD1144" s="53"/>
      <c r="AE1144" s="53"/>
      <c r="AF1144" s="53"/>
      <c r="AG1144" s="53"/>
      <c r="AH1144" s="53"/>
      <c r="AI1144" s="53"/>
      <c r="AJ1144" s="53"/>
      <c r="AK1144" s="53"/>
      <c r="AL1144" s="53"/>
      <c r="AM1144" s="53"/>
      <c r="AN1144" s="53"/>
      <c r="AO1144" s="53"/>
      <c r="AP1144" s="53"/>
      <c r="AQ1144" s="53"/>
      <c r="AR1144" s="53"/>
      <c r="AS1144" s="53"/>
      <c r="AT1144" s="53"/>
      <c r="AU1144" s="53"/>
      <c r="AV1144" s="53"/>
      <c r="AW1144" s="53"/>
      <c r="AX1144" s="53"/>
      <c r="AY1144" s="53"/>
      <c r="AZ1144" s="53"/>
      <c r="BA1144" s="53"/>
      <c r="BB1144" s="53"/>
      <c r="BC1144" s="53"/>
      <c r="BD1144" s="53"/>
      <c r="BE1144" s="53"/>
      <c r="BF1144" s="53"/>
      <c r="BG1144" s="53"/>
      <c r="BH1144" s="53"/>
      <c r="BI1144" s="53"/>
      <c r="BJ1144" s="53"/>
      <c r="BK1144" s="53"/>
      <c r="BL1144" s="53"/>
      <c r="BM1144" s="53"/>
      <c r="BN1144" s="53"/>
      <c r="BO1144" s="53"/>
      <c r="BP1144" s="53"/>
      <c r="BQ1144" s="53"/>
      <c r="BR1144" s="53"/>
      <c r="BS1144" s="53"/>
      <c r="BT1144" s="53"/>
      <c r="BU1144" s="53"/>
      <c r="BV1144" s="53"/>
      <c r="BW1144" s="53"/>
      <c r="BX1144" s="53"/>
      <c r="BY1144" s="53"/>
      <c r="BZ1144" s="53"/>
      <c r="CA1144" s="53"/>
      <c r="CB1144" s="53">
        <v>-67490.796224314996</v>
      </c>
      <c r="CC1144" s="53">
        <v>-67490.796224314996</v>
      </c>
      <c r="CD1144" s="53">
        <v>-67490.796224314996</v>
      </c>
      <c r="CE1144" s="53">
        <v>-67490.796224314996</v>
      </c>
      <c r="CF1144" s="53">
        <v>-67490.796224314996</v>
      </c>
      <c r="CG1144" s="53">
        <v>-67490.796224314996</v>
      </c>
      <c r="CH1144" s="53">
        <v>-67490.796224314996</v>
      </c>
      <c r="CI1144" s="53">
        <v>-67490.796224314996</v>
      </c>
      <c r="CJ1144" s="53">
        <v>-67490.796224314996</v>
      </c>
      <c r="CK1144" s="53">
        <v>-67490.796224314996</v>
      </c>
      <c r="CL1144" s="53">
        <v>-67490.796224314996</v>
      </c>
      <c r="CM1144" s="53">
        <v>-67490.796224314996</v>
      </c>
      <c r="CN1144" s="53">
        <v>-809889.55469177896</v>
      </c>
    </row>
    <row r="1145" spans="1:92">
      <c r="A1145" s="52" t="s">
        <v>649</v>
      </c>
      <c r="B1145" s="53"/>
      <c r="C1145" s="53">
        <v>-1000000</v>
      </c>
      <c r="D1145" s="53"/>
      <c r="E1145" s="53"/>
      <c r="F1145" s="53"/>
      <c r="G1145" s="53"/>
      <c r="H1145" s="53"/>
      <c r="I1145" s="53"/>
      <c r="J1145" s="53"/>
      <c r="K1145" s="53"/>
      <c r="L1145" s="53"/>
      <c r="M1145" s="53"/>
      <c r="N1145" s="53">
        <v>-1000000</v>
      </c>
      <c r="O1145" s="53"/>
      <c r="P1145" s="53"/>
      <c r="Q1145" s="53"/>
      <c r="R1145" s="53"/>
      <c r="S1145" s="53"/>
      <c r="T1145" s="53"/>
      <c r="U1145" s="53"/>
      <c r="V1145" s="53"/>
      <c r="W1145" s="53"/>
      <c r="X1145" s="53"/>
      <c r="Y1145" s="53"/>
      <c r="Z1145" s="53"/>
      <c r="AA1145" s="53"/>
      <c r="AB1145" s="53"/>
      <c r="AC1145" s="53"/>
      <c r="AD1145" s="53"/>
      <c r="AE1145" s="53"/>
      <c r="AF1145" s="53"/>
      <c r="AG1145" s="53"/>
      <c r="AH1145" s="53"/>
      <c r="AI1145" s="53"/>
      <c r="AJ1145" s="53"/>
      <c r="AK1145" s="53"/>
      <c r="AL1145" s="53"/>
      <c r="AM1145" s="53"/>
      <c r="AN1145" s="53"/>
      <c r="AO1145" s="53"/>
      <c r="AP1145" s="53"/>
      <c r="AQ1145" s="53"/>
      <c r="AR1145" s="53"/>
      <c r="AS1145" s="53"/>
      <c r="AT1145" s="53"/>
      <c r="AU1145" s="53"/>
      <c r="AV1145" s="53"/>
      <c r="AW1145" s="53"/>
      <c r="AX1145" s="53"/>
      <c r="AY1145" s="53"/>
      <c r="AZ1145" s="53"/>
      <c r="BA1145" s="53"/>
      <c r="BB1145" s="53"/>
      <c r="BC1145" s="53"/>
      <c r="BD1145" s="53"/>
      <c r="BE1145" s="53"/>
      <c r="BF1145" s="53"/>
      <c r="BG1145" s="53"/>
      <c r="BH1145" s="53"/>
      <c r="BI1145" s="53"/>
      <c r="BJ1145" s="53"/>
      <c r="BK1145" s="53"/>
      <c r="BL1145" s="53"/>
      <c r="BM1145" s="53"/>
      <c r="BN1145" s="53"/>
      <c r="BO1145" s="53"/>
      <c r="BP1145" s="53"/>
      <c r="BQ1145" s="53"/>
      <c r="BR1145" s="53"/>
      <c r="BS1145" s="53"/>
      <c r="BT1145" s="53"/>
      <c r="BU1145" s="53"/>
      <c r="BV1145" s="53"/>
      <c r="BW1145" s="53"/>
      <c r="BX1145" s="53"/>
      <c r="BY1145" s="53"/>
      <c r="BZ1145" s="53"/>
      <c r="CA1145" s="53"/>
      <c r="CB1145" s="53"/>
      <c r="CC1145" s="53"/>
      <c r="CD1145" s="53"/>
      <c r="CE1145" s="53"/>
      <c r="CF1145" s="53"/>
      <c r="CG1145" s="53"/>
      <c r="CH1145" s="53"/>
      <c r="CI1145" s="53"/>
      <c r="CJ1145" s="53"/>
      <c r="CK1145" s="53"/>
      <c r="CL1145" s="53"/>
      <c r="CM1145" s="53"/>
      <c r="CN1145" s="53"/>
    </row>
    <row r="1146" spans="1:92">
      <c r="A1146" s="59" t="s">
        <v>1447</v>
      </c>
      <c r="B1146" s="53">
        <v>546792046.06999898</v>
      </c>
      <c r="C1146" s="53">
        <v>526729309.81</v>
      </c>
      <c r="D1146" s="53">
        <v>513828225.24999899</v>
      </c>
      <c r="E1146" s="53">
        <v>513827066.76999903</v>
      </c>
      <c r="F1146" s="53">
        <v>485709705.57999998</v>
      </c>
      <c r="G1146" s="53">
        <v>470391328.22999901</v>
      </c>
      <c r="H1146" s="53">
        <v>460435800.62</v>
      </c>
      <c r="I1146" s="53">
        <v>468795467.14999998</v>
      </c>
      <c r="J1146" s="53">
        <v>438145800.14999998</v>
      </c>
      <c r="K1146" s="53">
        <v>430871697.42999899</v>
      </c>
      <c r="L1146" s="53">
        <v>437177718.37</v>
      </c>
      <c r="M1146" s="53">
        <v>424294299.84999901</v>
      </c>
      <c r="N1146" s="53">
        <v>424294299.84999901</v>
      </c>
      <c r="O1146" s="53">
        <v>415512049.84999901</v>
      </c>
      <c r="P1146" s="53">
        <v>406729799.84999901</v>
      </c>
      <c r="Q1146" s="53">
        <v>397947549.84999901</v>
      </c>
      <c r="R1146" s="53">
        <v>389165299.84999901</v>
      </c>
      <c r="S1146" s="53">
        <v>380383049.84999901</v>
      </c>
      <c r="T1146" s="53">
        <v>371600799.84999901</v>
      </c>
      <c r="U1146" s="53">
        <v>362818549.84999901</v>
      </c>
      <c r="V1146" s="53">
        <v>354036299.84999901</v>
      </c>
      <c r="W1146" s="53">
        <v>345254049.84999901</v>
      </c>
      <c r="X1146" s="53">
        <v>336471799.84999901</v>
      </c>
      <c r="Y1146" s="53">
        <v>327689549.84999901</v>
      </c>
      <c r="Z1146" s="53">
        <v>318907299.84999901</v>
      </c>
      <c r="AA1146" s="53">
        <v>318907299.84999901</v>
      </c>
      <c r="AB1146" s="53">
        <v>313343133.18333298</v>
      </c>
      <c r="AC1146" s="53">
        <v>307778966.516666</v>
      </c>
      <c r="AD1146" s="53">
        <v>302214799.84999901</v>
      </c>
      <c r="AE1146" s="53">
        <v>296650633.18333298</v>
      </c>
      <c r="AF1146" s="53">
        <v>291086466.516666</v>
      </c>
      <c r="AG1146" s="53">
        <v>285522299.84999901</v>
      </c>
      <c r="AH1146" s="53">
        <v>279958133.18333298</v>
      </c>
      <c r="AI1146" s="53">
        <v>274393966.516666</v>
      </c>
      <c r="AJ1146" s="53">
        <v>268829799.84999901</v>
      </c>
      <c r="AK1146" s="53">
        <v>263265633.18333301</v>
      </c>
      <c r="AL1146" s="53">
        <v>257701466.516666</v>
      </c>
      <c r="AM1146" s="53">
        <v>252137299.84999901</v>
      </c>
      <c r="AN1146" s="53">
        <v>252137299.84999901</v>
      </c>
      <c r="AO1146" s="53">
        <v>247883633.18333301</v>
      </c>
      <c r="AP1146" s="53">
        <v>243629966.516666</v>
      </c>
      <c r="AQ1146" s="53">
        <v>239376299.84999901</v>
      </c>
      <c r="AR1146" s="53">
        <v>235122633.18333301</v>
      </c>
      <c r="AS1146" s="53">
        <v>230868966.516666</v>
      </c>
      <c r="AT1146" s="53">
        <v>226615299.84999901</v>
      </c>
      <c r="AU1146" s="53">
        <v>222361633.18333301</v>
      </c>
      <c r="AV1146" s="53">
        <v>218107966.516666</v>
      </c>
      <c r="AW1146" s="53">
        <v>213854299.84999901</v>
      </c>
      <c r="AX1146" s="53">
        <v>209600633.18333301</v>
      </c>
      <c r="AY1146" s="53">
        <v>205346966.516666</v>
      </c>
      <c r="AZ1146" s="53">
        <v>201093299.84999901</v>
      </c>
      <c r="BA1146" s="53">
        <v>201093299.84999901</v>
      </c>
      <c r="BB1146" s="53">
        <v>198006633.18333301</v>
      </c>
      <c r="BC1146" s="53">
        <v>194919966.516666</v>
      </c>
      <c r="BD1146" s="53">
        <v>191833299.84999901</v>
      </c>
      <c r="BE1146" s="53">
        <v>188746633.18333301</v>
      </c>
      <c r="BF1146" s="53">
        <v>185659966.516666</v>
      </c>
      <c r="BG1146" s="53">
        <v>182573299.84999901</v>
      </c>
      <c r="BH1146" s="53">
        <v>179486633.18333301</v>
      </c>
      <c r="BI1146" s="53">
        <v>176399966.516666</v>
      </c>
      <c r="BJ1146" s="53">
        <v>173313299.84999999</v>
      </c>
      <c r="BK1146" s="53">
        <v>170226633.18333301</v>
      </c>
      <c r="BL1146" s="53">
        <v>167139966.516666</v>
      </c>
      <c r="BM1146" s="53">
        <v>164053299.84999999</v>
      </c>
      <c r="BN1146" s="53">
        <v>164053299.84999999</v>
      </c>
      <c r="BO1146" s="53">
        <v>164053299.84999999</v>
      </c>
      <c r="BP1146" s="53">
        <v>164053299.84999999</v>
      </c>
      <c r="BQ1146" s="53">
        <v>164053299.84999999</v>
      </c>
      <c r="BR1146" s="53">
        <v>164053299.84999999</v>
      </c>
      <c r="BS1146" s="53">
        <v>164053299.84999999</v>
      </c>
      <c r="BT1146" s="53">
        <v>164053299.84999999</v>
      </c>
      <c r="BU1146" s="53">
        <v>164053299.84999999</v>
      </c>
      <c r="BV1146" s="53">
        <v>164053299.84999999</v>
      </c>
      <c r="BW1146" s="53">
        <v>164053299.84999999</v>
      </c>
      <c r="BX1146" s="53">
        <v>164053299.84999999</v>
      </c>
      <c r="BY1146" s="53">
        <v>164053299.84999999</v>
      </c>
      <c r="BZ1146" s="53">
        <v>164053299.84999999</v>
      </c>
      <c r="CA1146" s="53">
        <v>164053299.84999999</v>
      </c>
      <c r="CB1146" s="53"/>
      <c r="CC1146" s="53"/>
      <c r="CD1146" s="53">
        <v>-1570338.8199999901</v>
      </c>
      <c r="CE1146" s="53"/>
      <c r="CF1146" s="53"/>
      <c r="CG1146" s="53">
        <v>-1570338.8199999901</v>
      </c>
      <c r="CH1146" s="53"/>
      <c r="CI1146" s="53"/>
      <c r="CJ1146" s="53">
        <v>-1570338.8199999901</v>
      </c>
      <c r="CK1146" s="53"/>
      <c r="CL1146" s="53"/>
      <c r="CM1146" s="53">
        <v>-1570338.8199999901</v>
      </c>
      <c r="CN1146" s="53">
        <v>-6281355.27999999</v>
      </c>
    </row>
    <row r="1147" spans="1:92">
      <c r="A1147" s="57" t="s">
        <v>1448</v>
      </c>
      <c r="B1147" s="53"/>
      <c r="C1147" s="53"/>
      <c r="D1147" s="53"/>
      <c r="E1147" s="53"/>
      <c r="F1147" s="53"/>
      <c r="G1147" s="53"/>
      <c r="H1147" s="53"/>
      <c r="I1147" s="53"/>
      <c r="J1147" s="53"/>
      <c r="K1147" s="53"/>
      <c r="L1147" s="53"/>
      <c r="M1147" s="53"/>
      <c r="N1147" s="53"/>
      <c r="O1147" s="53"/>
      <c r="P1147" s="53"/>
      <c r="Q1147" s="53"/>
      <c r="R1147" s="53"/>
      <c r="S1147" s="53"/>
      <c r="T1147" s="53"/>
      <c r="U1147" s="53"/>
      <c r="V1147" s="53"/>
      <c r="W1147" s="53"/>
      <c r="X1147" s="53"/>
      <c r="Y1147" s="53"/>
      <c r="Z1147" s="53"/>
      <c r="AA1147" s="53"/>
      <c r="AB1147" s="53"/>
      <c r="AC1147" s="53"/>
      <c r="AD1147" s="53"/>
      <c r="AE1147" s="53"/>
      <c r="AF1147" s="53"/>
      <c r="AG1147" s="53"/>
      <c r="AH1147" s="53"/>
      <c r="AI1147" s="53"/>
      <c r="AJ1147" s="53"/>
      <c r="AK1147" s="53"/>
      <c r="AL1147" s="53"/>
      <c r="AM1147" s="53"/>
      <c r="AN1147" s="53"/>
      <c r="AO1147" s="53"/>
      <c r="AP1147" s="53"/>
      <c r="AQ1147" s="53"/>
      <c r="AR1147" s="53"/>
      <c r="AS1147" s="53"/>
      <c r="AT1147" s="53"/>
      <c r="AU1147" s="53"/>
      <c r="AV1147" s="53"/>
      <c r="AW1147" s="53"/>
      <c r="AX1147" s="53"/>
      <c r="AY1147" s="53"/>
      <c r="AZ1147" s="53"/>
      <c r="BA1147" s="53"/>
      <c r="BB1147" s="53"/>
      <c r="BC1147" s="53"/>
      <c r="BD1147" s="53"/>
      <c r="BE1147" s="53"/>
      <c r="BF1147" s="53"/>
      <c r="BG1147" s="53"/>
      <c r="BH1147" s="53"/>
      <c r="BI1147" s="53"/>
      <c r="BJ1147" s="53"/>
      <c r="BK1147" s="53"/>
      <c r="BL1147" s="53"/>
      <c r="BM1147" s="53"/>
      <c r="BN1147" s="53"/>
      <c r="BO1147" s="53"/>
      <c r="BP1147" s="53"/>
      <c r="BQ1147" s="53"/>
      <c r="BR1147" s="53"/>
      <c r="BS1147" s="53"/>
      <c r="BT1147" s="53"/>
      <c r="BU1147" s="53"/>
      <c r="BV1147" s="53"/>
      <c r="BW1147" s="53"/>
      <c r="BX1147" s="53"/>
      <c r="BY1147" s="53"/>
      <c r="BZ1147" s="53"/>
      <c r="CA1147" s="53"/>
      <c r="CB1147" s="53"/>
      <c r="CC1147" s="53"/>
      <c r="CD1147" s="53"/>
      <c r="CE1147" s="53"/>
      <c r="CF1147" s="53"/>
      <c r="CG1147" s="53"/>
      <c r="CH1147" s="53"/>
      <c r="CI1147" s="53"/>
      <c r="CJ1147" s="53"/>
      <c r="CK1147" s="53"/>
      <c r="CL1147" s="53"/>
      <c r="CM1147" s="53"/>
      <c r="CN1147" s="53"/>
    </row>
    <row r="1148" spans="1:92">
      <c r="A1148" s="52" t="s">
        <v>1449</v>
      </c>
      <c r="B1148" s="53">
        <v>764084.19</v>
      </c>
      <c r="C1148" s="53">
        <v>764084.19</v>
      </c>
      <c r="D1148" s="53">
        <v>1376644.18</v>
      </c>
      <c r="E1148" s="53">
        <v>1376644.18</v>
      </c>
      <c r="F1148" s="53">
        <v>1364757.86</v>
      </c>
      <c r="G1148" s="53">
        <v>1364757.86</v>
      </c>
      <c r="H1148" s="53">
        <v>1364757.86</v>
      </c>
      <c r="I1148" s="53">
        <v>1363711.02</v>
      </c>
      <c r="J1148" s="53">
        <v>1363711.02</v>
      </c>
      <c r="K1148" s="53">
        <v>1363711.02</v>
      </c>
      <c r="L1148" s="53">
        <v>1362872.04</v>
      </c>
      <c r="M1148" s="53">
        <v>1362872.04</v>
      </c>
      <c r="N1148" s="53">
        <v>1362872.04</v>
      </c>
      <c r="O1148" s="53">
        <v>1362872.04</v>
      </c>
      <c r="P1148" s="53">
        <v>1362872.04</v>
      </c>
      <c r="Q1148" s="53">
        <v>1362872.04</v>
      </c>
      <c r="R1148" s="53">
        <v>1362872.04</v>
      </c>
      <c r="S1148" s="53">
        <v>1362872.04</v>
      </c>
      <c r="T1148" s="53">
        <v>1362872.04</v>
      </c>
      <c r="U1148" s="53">
        <v>1362872.04</v>
      </c>
      <c r="V1148" s="53">
        <v>1362872.04</v>
      </c>
      <c r="W1148" s="53">
        <v>1362872.04</v>
      </c>
      <c r="X1148" s="53">
        <v>1362872.04</v>
      </c>
      <c r="Y1148" s="53">
        <v>1362872.04</v>
      </c>
      <c r="Z1148" s="53">
        <v>1362872.04</v>
      </c>
      <c r="AA1148" s="53">
        <v>1362872.04</v>
      </c>
      <c r="AB1148" s="53">
        <v>1362872.04</v>
      </c>
      <c r="AC1148" s="53">
        <v>1362872.04</v>
      </c>
      <c r="AD1148" s="53">
        <v>1362872.04</v>
      </c>
      <c r="AE1148" s="53">
        <v>1362872.04</v>
      </c>
      <c r="AF1148" s="53">
        <v>1362872.04</v>
      </c>
      <c r="AG1148" s="53">
        <v>1362872.04</v>
      </c>
      <c r="AH1148" s="53">
        <v>1362872.04</v>
      </c>
      <c r="AI1148" s="53">
        <v>1362872.04</v>
      </c>
      <c r="AJ1148" s="53">
        <v>1362872.04</v>
      </c>
      <c r="AK1148" s="53">
        <v>1362872.04</v>
      </c>
      <c r="AL1148" s="53">
        <v>1362872.04</v>
      </c>
      <c r="AM1148" s="53">
        <v>1362872.04</v>
      </c>
      <c r="AN1148" s="53">
        <v>1362872.04</v>
      </c>
      <c r="AO1148" s="53">
        <v>1362872.04</v>
      </c>
      <c r="AP1148" s="53">
        <v>1362872.04</v>
      </c>
      <c r="AQ1148" s="53">
        <v>1362872.04</v>
      </c>
      <c r="AR1148" s="53">
        <v>1362872.04</v>
      </c>
      <c r="AS1148" s="53">
        <v>1362872.04</v>
      </c>
      <c r="AT1148" s="53">
        <v>1362872.04</v>
      </c>
      <c r="AU1148" s="53">
        <v>1362872.04</v>
      </c>
      <c r="AV1148" s="53">
        <v>1362872.04</v>
      </c>
      <c r="AW1148" s="53">
        <v>1362872.04</v>
      </c>
      <c r="AX1148" s="53">
        <v>1362872.04</v>
      </c>
      <c r="AY1148" s="53">
        <v>1362872.04</v>
      </c>
      <c r="AZ1148" s="53">
        <v>1362872.04</v>
      </c>
      <c r="BA1148" s="53">
        <v>1362872.04</v>
      </c>
      <c r="BB1148" s="53">
        <v>1362872.04</v>
      </c>
      <c r="BC1148" s="53">
        <v>1362872.04</v>
      </c>
      <c r="BD1148" s="53">
        <v>1362872.04</v>
      </c>
      <c r="BE1148" s="53">
        <v>1362872.04</v>
      </c>
      <c r="BF1148" s="53">
        <v>1362872.04</v>
      </c>
      <c r="BG1148" s="53">
        <v>1362872.04</v>
      </c>
      <c r="BH1148" s="53">
        <v>1362872.04</v>
      </c>
      <c r="BI1148" s="53">
        <v>1362872.04</v>
      </c>
      <c r="BJ1148" s="53">
        <v>1362872.04</v>
      </c>
      <c r="BK1148" s="53">
        <v>1362872.04</v>
      </c>
      <c r="BL1148" s="53">
        <v>1362872.04</v>
      </c>
      <c r="BM1148" s="53">
        <v>1362872.04</v>
      </c>
      <c r="BN1148" s="53">
        <v>1362872.04</v>
      </c>
      <c r="BO1148" s="53">
        <v>1362872.04</v>
      </c>
      <c r="BP1148" s="53">
        <v>1362872.04</v>
      </c>
      <c r="BQ1148" s="53">
        <v>1362872.04</v>
      </c>
      <c r="BR1148" s="53">
        <v>1362872.04</v>
      </c>
      <c r="BS1148" s="53">
        <v>1362872.04</v>
      </c>
      <c r="BT1148" s="53">
        <v>1362872.04</v>
      </c>
      <c r="BU1148" s="53">
        <v>1362872.04</v>
      </c>
      <c r="BV1148" s="53">
        <v>1362872.04</v>
      </c>
      <c r="BW1148" s="53">
        <v>1362872.04</v>
      </c>
      <c r="BX1148" s="53">
        <v>1362872.04</v>
      </c>
      <c r="BY1148" s="53">
        <v>1362872.04</v>
      </c>
      <c r="BZ1148" s="53">
        <v>1362872.04</v>
      </c>
      <c r="CA1148" s="53">
        <v>1362872.04</v>
      </c>
      <c r="CB1148" s="53"/>
      <c r="CC1148" s="53"/>
      <c r="CD1148" s="53"/>
      <c r="CE1148" s="53"/>
      <c r="CF1148" s="53"/>
      <c r="CG1148" s="53"/>
      <c r="CH1148" s="53"/>
      <c r="CI1148" s="53"/>
      <c r="CJ1148" s="53"/>
      <c r="CK1148" s="53"/>
      <c r="CL1148" s="53"/>
      <c r="CM1148" s="53"/>
      <c r="CN1148" s="53"/>
    </row>
    <row r="1149" spans="1:92">
      <c r="A1149" s="59" t="s">
        <v>1450</v>
      </c>
      <c r="B1149" s="53">
        <v>764084.19</v>
      </c>
      <c r="C1149" s="53">
        <v>764084.19</v>
      </c>
      <c r="D1149" s="53">
        <v>1376644.18</v>
      </c>
      <c r="E1149" s="53">
        <v>1376644.18</v>
      </c>
      <c r="F1149" s="53">
        <v>1364757.86</v>
      </c>
      <c r="G1149" s="53">
        <v>1364757.86</v>
      </c>
      <c r="H1149" s="53">
        <v>1364757.86</v>
      </c>
      <c r="I1149" s="53">
        <v>1363711.02</v>
      </c>
      <c r="J1149" s="53">
        <v>1363711.02</v>
      </c>
      <c r="K1149" s="53">
        <v>1363711.02</v>
      </c>
      <c r="L1149" s="53">
        <v>1362872.04</v>
      </c>
      <c r="M1149" s="53">
        <v>1362872.04</v>
      </c>
      <c r="N1149" s="53">
        <v>1362872.04</v>
      </c>
      <c r="O1149" s="53">
        <v>1362872.04</v>
      </c>
      <c r="P1149" s="53">
        <v>1362872.04</v>
      </c>
      <c r="Q1149" s="53">
        <v>1362872.04</v>
      </c>
      <c r="R1149" s="53">
        <v>1362872.04</v>
      </c>
      <c r="S1149" s="53">
        <v>1362872.04</v>
      </c>
      <c r="T1149" s="53">
        <v>1362872.04</v>
      </c>
      <c r="U1149" s="53">
        <v>1362872.04</v>
      </c>
      <c r="V1149" s="53">
        <v>1362872.04</v>
      </c>
      <c r="W1149" s="53">
        <v>1362872.04</v>
      </c>
      <c r="X1149" s="53">
        <v>1362872.04</v>
      </c>
      <c r="Y1149" s="53">
        <v>1362872.04</v>
      </c>
      <c r="Z1149" s="53">
        <v>1362872.04</v>
      </c>
      <c r="AA1149" s="53">
        <v>1362872.04</v>
      </c>
      <c r="AB1149" s="53">
        <v>1362872.04</v>
      </c>
      <c r="AC1149" s="53">
        <v>1362872.04</v>
      </c>
      <c r="AD1149" s="53">
        <v>1362872.04</v>
      </c>
      <c r="AE1149" s="53">
        <v>1362872.04</v>
      </c>
      <c r="AF1149" s="53">
        <v>1362872.04</v>
      </c>
      <c r="AG1149" s="53">
        <v>1362872.04</v>
      </c>
      <c r="AH1149" s="53">
        <v>1362872.04</v>
      </c>
      <c r="AI1149" s="53">
        <v>1362872.04</v>
      </c>
      <c r="AJ1149" s="53">
        <v>1362872.04</v>
      </c>
      <c r="AK1149" s="53">
        <v>1362872.04</v>
      </c>
      <c r="AL1149" s="53">
        <v>1362872.04</v>
      </c>
      <c r="AM1149" s="53">
        <v>1362872.04</v>
      </c>
      <c r="AN1149" s="53">
        <v>1362872.04</v>
      </c>
      <c r="AO1149" s="53">
        <v>1362872.04</v>
      </c>
      <c r="AP1149" s="53">
        <v>1362872.04</v>
      </c>
      <c r="AQ1149" s="53">
        <v>1362872.04</v>
      </c>
      <c r="AR1149" s="53">
        <v>1362872.04</v>
      </c>
      <c r="AS1149" s="53">
        <v>1362872.04</v>
      </c>
      <c r="AT1149" s="53">
        <v>1362872.04</v>
      </c>
      <c r="AU1149" s="53">
        <v>1362872.04</v>
      </c>
      <c r="AV1149" s="53">
        <v>1362872.04</v>
      </c>
      <c r="AW1149" s="53">
        <v>1362872.04</v>
      </c>
      <c r="AX1149" s="53">
        <v>1362872.04</v>
      </c>
      <c r="AY1149" s="53">
        <v>1362872.04</v>
      </c>
      <c r="AZ1149" s="53">
        <v>1362872.04</v>
      </c>
      <c r="BA1149" s="53">
        <v>1362872.04</v>
      </c>
      <c r="BB1149" s="53">
        <v>1362872.04</v>
      </c>
      <c r="BC1149" s="53">
        <v>1362872.04</v>
      </c>
      <c r="BD1149" s="53">
        <v>1362872.04</v>
      </c>
      <c r="BE1149" s="53">
        <v>1362872.04</v>
      </c>
      <c r="BF1149" s="53">
        <v>1362872.04</v>
      </c>
      <c r="BG1149" s="53">
        <v>1362872.04</v>
      </c>
      <c r="BH1149" s="53">
        <v>1362872.04</v>
      </c>
      <c r="BI1149" s="53">
        <v>1362872.04</v>
      </c>
      <c r="BJ1149" s="53">
        <v>1362872.04</v>
      </c>
      <c r="BK1149" s="53">
        <v>1362872.04</v>
      </c>
      <c r="BL1149" s="53">
        <v>1362872.04</v>
      </c>
      <c r="BM1149" s="53">
        <v>1362872.04</v>
      </c>
      <c r="BN1149" s="53">
        <v>1362872.04</v>
      </c>
      <c r="BO1149" s="53">
        <v>1362872.04</v>
      </c>
      <c r="BP1149" s="53">
        <v>1362872.04</v>
      </c>
      <c r="BQ1149" s="53">
        <v>1362872.04</v>
      </c>
      <c r="BR1149" s="53">
        <v>1362872.04</v>
      </c>
      <c r="BS1149" s="53">
        <v>1362872.04</v>
      </c>
      <c r="BT1149" s="53">
        <v>1362872.04</v>
      </c>
      <c r="BU1149" s="53">
        <v>1362872.04</v>
      </c>
      <c r="BV1149" s="53">
        <v>1362872.04</v>
      </c>
      <c r="BW1149" s="53">
        <v>1362872.04</v>
      </c>
      <c r="BX1149" s="53">
        <v>1362872.04</v>
      </c>
      <c r="BY1149" s="53">
        <v>1362872.04</v>
      </c>
      <c r="BZ1149" s="53">
        <v>1362872.04</v>
      </c>
      <c r="CA1149" s="53">
        <v>1362872.04</v>
      </c>
      <c r="CB1149" s="53"/>
      <c r="CC1149" s="53"/>
      <c r="CD1149" s="53"/>
      <c r="CE1149" s="53"/>
      <c r="CF1149" s="53"/>
      <c r="CG1149" s="53"/>
      <c r="CH1149" s="53"/>
      <c r="CI1149" s="53"/>
      <c r="CJ1149" s="53"/>
      <c r="CK1149" s="53"/>
      <c r="CL1149" s="53"/>
      <c r="CM1149" s="53"/>
      <c r="CN1149" s="53"/>
    </row>
    <row r="1150" spans="1:92">
      <c r="A1150" s="52" t="s">
        <v>1451</v>
      </c>
      <c r="B1150" s="53"/>
      <c r="C1150" s="53"/>
      <c r="D1150" s="53"/>
      <c r="E1150" s="53"/>
      <c r="F1150" s="53"/>
      <c r="G1150" s="53"/>
      <c r="H1150" s="53"/>
      <c r="I1150" s="53"/>
      <c r="J1150" s="53"/>
      <c r="K1150" s="53"/>
      <c r="L1150" s="53"/>
      <c r="M1150" s="53"/>
      <c r="N1150" s="53"/>
      <c r="O1150" s="53"/>
      <c r="P1150" s="53"/>
      <c r="Q1150" s="53"/>
      <c r="R1150" s="53"/>
      <c r="S1150" s="53"/>
      <c r="T1150" s="53"/>
      <c r="U1150" s="53"/>
      <c r="V1150" s="53"/>
      <c r="W1150" s="53"/>
      <c r="X1150" s="53"/>
      <c r="Y1150" s="53"/>
      <c r="Z1150" s="53"/>
      <c r="AA1150" s="53"/>
      <c r="AB1150" s="53"/>
      <c r="AC1150" s="53"/>
      <c r="AD1150" s="53"/>
      <c r="AE1150" s="53"/>
      <c r="AF1150" s="53"/>
      <c r="AG1150" s="53"/>
      <c r="AH1150" s="53"/>
      <c r="AI1150" s="53"/>
      <c r="AJ1150" s="53"/>
      <c r="AK1150" s="53"/>
      <c r="AL1150" s="53"/>
      <c r="AM1150" s="53"/>
      <c r="AN1150" s="53"/>
      <c r="AO1150" s="53"/>
      <c r="AP1150" s="53"/>
      <c r="AQ1150" s="53"/>
      <c r="AR1150" s="53"/>
      <c r="AS1150" s="53"/>
      <c r="AT1150" s="53"/>
      <c r="AU1150" s="53"/>
      <c r="AV1150" s="53"/>
      <c r="AW1150" s="53"/>
      <c r="AX1150" s="53"/>
      <c r="AY1150" s="53"/>
      <c r="AZ1150" s="53"/>
      <c r="BA1150" s="53"/>
      <c r="BB1150" s="53"/>
      <c r="BC1150" s="53"/>
      <c r="BD1150" s="53"/>
      <c r="BE1150" s="53"/>
      <c r="BF1150" s="53"/>
      <c r="BG1150" s="53"/>
      <c r="BH1150" s="53"/>
      <c r="BI1150" s="53"/>
      <c r="BJ1150" s="53"/>
      <c r="BK1150" s="53"/>
      <c r="BL1150" s="53"/>
      <c r="BM1150" s="53"/>
      <c r="BN1150" s="53"/>
      <c r="BO1150" s="53"/>
      <c r="BP1150" s="53"/>
      <c r="BQ1150" s="53"/>
      <c r="BR1150" s="53"/>
      <c r="BS1150" s="53"/>
      <c r="BT1150" s="53"/>
      <c r="BU1150" s="53"/>
      <c r="BV1150" s="53"/>
      <c r="BW1150" s="53"/>
      <c r="BX1150" s="53"/>
      <c r="BY1150" s="53"/>
      <c r="BZ1150" s="53"/>
      <c r="CA1150" s="53"/>
      <c r="CB1150" s="53"/>
      <c r="CC1150" s="53"/>
      <c r="CD1150" s="53"/>
      <c r="CE1150" s="53"/>
      <c r="CF1150" s="53"/>
      <c r="CG1150" s="53"/>
      <c r="CH1150" s="53"/>
      <c r="CI1150" s="53"/>
      <c r="CJ1150" s="53"/>
      <c r="CK1150" s="53"/>
      <c r="CL1150" s="53"/>
      <c r="CM1150" s="53"/>
      <c r="CN1150" s="53"/>
    </row>
    <row r="1151" spans="1:92">
      <c r="A1151" s="52" t="s">
        <v>1452</v>
      </c>
      <c r="B1151" s="53">
        <v>0</v>
      </c>
      <c r="C1151" s="53">
        <v>0</v>
      </c>
      <c r="D1151" s="53">
        <v>0</v>
      </c>
      <c r="E1151" s="53">
        <v>0</v>
      </c>
      <c r="F1151" s="53">
        <v>0</v>
      </c>
      <c r="G1151" s="53">
        <v>0</v>
      </c>
      <c r="H1151" s="53">
        <v>0</v>
      </c>
      <c r="I1151" s="53">
        <v>0</v>
      </c>
      <c r="J1151" s="53">
        <v>0</v>
      </c>
      <c r="K1151" s="53">
        <v>0</v>
      </c>
      <c r="L1151" s="53">
        <v>0</v>
      </c>
      <c r="M1151" s="53">
        <v>0</v>
      </c>
      <c r="N1151" s="53">
        <v>0</v>
      </c>
      <c r="O1151" s="53">
        <v>0</v>
      </c>
      <c r="P1151" s="53">
        <v>0</v>
      </c>
      <c r="Q1151" s="53">
        <v>0</v>
      </c>
      <c r="R1151" s="53">
        <v>0</v>
      </c>
      <c r="S1151" s="53">
        <v>0</v>
      </c>
      <c r="T1151" s="53">
        <v>0</v>
      </c>
      <c r="U1151" s="53">
        <v>0</v>
      </c>
      <c r="V1151" s="53">
        <v>0</v>
      </c>
      <c r="W1151" s="53">
        <v>0</v>
      </c>
      <c r="X1151" s="53">
        <v>0</v>
      </c>
      <c r="Y1151" s="53">
        <v>0</v>
      </c>
      <c r="Z1151" s="53">
        <v>0</v>
      </c>
      <c r="AA1151" s="53">
        <v>0</v>
      </c>
      <c r="AB1151" s="53">
        <v>0</v>
      </c>
      <c r="AC1151" s="53">
        <v>0</v>
      </c>
      <c r="AD1151" s="53">
        <v>0</v>
      </c>
      <c r="AE1151" s="53">
        <v>0</v>
      </c>
      <c r="AF1151" s="53">
        <v>0</v>
      </c>
      <c r="AG1151" s="53">
        <v>0</v>
      </c>
      <c r="AH1151" s="53">
        <v>0</v>
      </c>
      <c r="AI1151" s="53">
        <v>0</v>
      </c>
      <c r="AJ1151" s="53">
        <v>0</v>
      </c>
      <c r="AK1151" s="53">
        <v>0</v>
      </c>
      <c r="AL1151" s="53">
        <v>0</v>
      </c>
      <c r="AM1151" s="53">
        <v>0</v>
      </c>
      <c r="AN1151" s="53">
        <v>0</v>
      </c>
      <c r="AO1151" s="53">
        <v>0</v>
      </c>
      <c r="AP1151" s="53">
        <v>0</v>
      </c>
      <c r="AQ1151" s="53">
        <v>0</v>
      </c>
      <c r="AR1151" s="53">
        <v>0</v>
      </c>
      <c r="AS1151" s="53">
        <v>0</v>
      </c>
      <c r="AT1151" s="53">
        <v>0</v>
      </c>
      <c r="AU1151" s="53">
        <v>0</v>
      </c>
      <c r="AV1151" s="53">
        <v>0</v>
      </c>
      <c r="AW1151" s="53">
        <v>0</v>
      </c>
      <c r="AX1151" s="53">
        <v>0</v>
      </c>
      <c r="AY1151" s="53">
        <v>0</v>
      </c>
      <c r="AZ1151" s="53">
        <v>0</v>
      </c>
      <c r="BA1151" s="53">
        <v>0</v>
      </c>
      <c r="BB1151" s="53">
        <v>0</v>
      </c>
      <c r="BC1151" s="53">
        <v>0</v>
      </c>
      <c r="BD1151" s="53">
        <v>0</v>
      </c>
      <c r="BE1151" s="53">
        <v>0</v>
      </c>
      <c r="BF1151" s="53">
        <v>0</v>
      </c>
      <c r="BG1151" s="53">
        <v>0</v>
      </c>
      <c r="BH1151" s="53">
        <v>0</v>
      </c>
      <c r="BI1151" s="53">
        <v>0</v>
      </c>
      <c r="BJ1151" s="53">
        <v>0</v>
      </c>
      <c r="BK1151" s="53">
        <v>0</v>
      </c>
      <c r="BL1151" s="53">
        <v>0</v>
      </c>
      <c r="BM1151" s="53">
        <v>0</v>
      </c>
      <c r="BN1151" s="53">
        <v>0</v>
      </c>
      <c r="BO1151" s="53">
        <v>0</v>
      </c>
      <c r="BP1151" s="53">
        <v>0</v>
      </c>
      <c r="BQ1151" s="53">
        <v>0</v>
      </c>
      <c r="BR1151" s="53">
        <v>0</v>
      </c>
      <c r="BS1151" s="53">
        <v>0</v>
      </c>
      <c r="BT1151" s="53">
        <v>0</v>
      </c>
      <c r="BU1151" s="53">
        <v>0</v>
      </c>
      <c r="BV1151" s="53">
        <v>0</v>
      </c>
      <c r="BW1151" s="53">
        <v>0</v>
      </c>
      <c r="BX1151" s="53">
        <v>0</v>
      </c>
      <c r="BY1151" s="53">
        <v>0</v>
      </c>
      <c r="BZ1151" s="53">
        <v>0</v>
      </c>
      <c r="CA1151" s="53">
        <v>0</v>
      </c>
      <c r="CB1151" s="53"/>
      <c r="CC1151" s="53"/>
      <c r="CD1151" s="53"/>
      <c r="CE1151" s="53"/>
      <c r="CF1151" s="53"/>
      <c r="CG1151" s="53"/>
      <c r="CH1151" s="53"/>
      <c r="CI1151" s="53"/>
      <c r="CJ1151" s="53"/>
      <c r="CK1151" s="53"/>
      <c r="CL1151" s="53"/>
      <c r="CM1151" s="53"/>
      <c r="CN1151" s="53"/>
    </row>
    <row r="1152" spans="1:92">
      <c r="A1152" s="52" t="s">
        <v>1453</v>
      </c>
      <c r="B1152" s="53">
        <v>0</v>
      </c>
      <c r="C1152" s="53">
        <v>0</v>
      </c>
      <c r="D1152" s="53">
        <v>0</v>
      </c>
      <c r="E1152" s="53">
        <v>0</v>
      </c>
      <c r="F1152" s="53">
        <v>0</v>
      </c>
      <c r="G1152" s="53">
        <v>0</v>
      </c>
      <c r="H1152" s="53">
        <v>0</v>
      </c>
      <c r="I1152" s="53">
        <v>0</v>
      </c>
      <c r="J1152" s="53">
        <v>0</v>
      </c>
      <c r="K1152" s="53">
        <v>0</v>
      </c>
      <c r="L1152" s="53">
        <v>0</v>
      </c>
      <c r="M1152" s="53">
        <v>0</v>
      </c>
      <c r="N1152" s="53">
        <v>0</v>
      </c>
      <c r="O1152" s="53">
        <v>0</v>
      </c>
      <c r="P1152" s="53">
        <v>0</v>
      </c>
      <c r="Q1152" s="53">
        <v>0</v>
      </c>
      <c r="R1152" s="53">
        <v>0</v>
      </c>
      <c r="S1152" s="53">
        <v>0</v>
      </c>
      <c r="T1152" s="53">
        <v>0</v>
      </c>
      <c r="U1152" s="53">
        <v>0</v>
      </c>
      <c r="V1152" s="53">
        <v>0</v>
      </c>
      <c r="W1152" s="53">
        <v>0</v>
      </c>
      <c r="X1152" s="53">
        <v>0</v>
      </c>
      <c r="Y1152" s="53">
        <v>0</v>
      </c>
      <c r="Z1152" s="53">
        <v>0</v>
      </c>
      <c r="AA1152" s="53">
        <v>0</v>
      </c>
      <c r="AB1152" s="53">
        <v>0</v>
      </c>
      <c r="AC1152" s="53">
        <v>0</v>
      </c>
      <c r="AD1152" s="53">
        <v>0</v>
      </c>
      <c r="AE1152" s="53">
        <v>0</v>
      </c>
      <c r="AF1152" s="53">
        <v>0</v>
      </c>
      <c r="AG1152" s="53">
        <v>0</v>
      </c>
      <c r="AH1152" s="53">
        <v>0</v>
      </c>
      <c r="AI1152" s="53">
        <v>0</v>
      </c>
      <c r="AJ1152" s="53">
        <v>0</v>
      </c>
      <c r="AK1152" s="53">
        <v>0</v>
      </c>
      <c r="AL1152" s="53">
        <v>0</v>
      </c>
      <c r="AM1152" s="53">
        <v>0</v>
      </c>
      <c r="AN1152" s="53">
        <v>0</v>
      </c>
      <c r="AO1152" s="53">
        <v>0</v>
      </c>
      <c r="AP1152" s="53">
        <v>0</v>
      </c>
      <c r="AQ1152" s="53">
        <v>0</v>
      </c>
      <c r="AR1152" s="53">
        <v>0</v>
      </c>
      <c r="AS1152" s="53">
        <v>0</v>
      </c>
      <c r="AT1152" s="53">
        <v>0</v>
      </c>
      <c r="AU1152" s="53">
        <v>0</v>
      </c>
      <c r="AV1152" s="53">
        <v>0</v>
      </c>
      <c r="AW1152" s="53">
        <v>0</v>
      </c>
      <c r="AX1152" s="53">
        <v>0</v>
      </c>
      <c r="AY1152" s="53">
        <v>0</v>
      </c>
      <c r="AZ1152" s="53">
        <v>0</v>
      </c>
      <c r="BA1152" s="53">
        <v>0</v>
      </c>
      <c r="BB1152" s="53">
        <v>0</v>
      </c>
      <c r="BC1152" s="53">
        <v>0</v>
      </c>
      <c r="BD1152" s="53">
        <v>0</v>
      </c>
      <c r="BE1152" s="53">
        <v>0</v>
      </c>
      <c r="BF1152" s="53">
        <v>0</v>
      </c>
      <c r="BG1152" s="53">
        <v>0</v>
      </c>
      <c r="BH1152" s="53">
        <v>0</v>
      </c>
      <c r="BI1152" s="53">
        <v>0</v>
      </c>
      <c r="BJ1152" s="53">
        <v>0</v>
      </c>
      <c r="BK1152" s="53">
        <v>0</v>
      </c>
      <c r="BL1152" s="53">
        <v>0</v>
      </c>
      <c r="BM1152" s="53">
        <v>0</v>
      </c>
      <c r="BN1152" s="53">
        <v>0</v>
      </c>
      <c r="BO1152" s="53">
        <v>0</v>
      </c>
      <c r="BP1152" s="53">
        <v>0</v>
      </c>
      <c r="BQ1152" s="53">
        <v>0</v>
      </c>
      <c r="BR1152" s="53">
        <v>0</v>
      </c>
      <c r="BS1152" s="53">
        <v>0</v>
      </c>
      <c r="BT1152" s="53">
        <v>0</v>
      </c>
      <c r="BU1152" s="53">
        <v>0</v>
      </c>
      <c r="BV1152" s="53">
        <v>0</v>
      </c>
      <c r="BW1152" s="53">
        <v>0</v>
      </c>
      <c r="BX1152" s="53">
        <v>0</v>
      </c>
      <c r="BY1152" s="53">
        <v>0</v>
      </c>
      <c r="BZ1152" s="53">
        <v>0</v>
      </c>
      <c r="CA1152" s="53">
        <v>0</v>
      </c>
      <c r="CB1152" s="53">
        <v>-770768.18246666703</v>
      </c>
      <c r="CC1152" s="53">
        <v>-770768.18246666703</v>
      </c>
      <c r="CD1152" s="53">
        <v>-770768.18246666703</v>
      </c>
      <c r="CE1152" s="53">
        <v>-770768.18246666703</v>
      </c>
      <c r="CF1152" s="53">
        <v>-770768.18246666703</v>
      </c>
      <c r="CG1152" s="53">
        <v>-770768.18246666703</v>
      </c>
      <c r="CH1152" s="53">
        <v>-770768.18246666703</v>
      </c>
      <c r="CI1152" s="53">
        <v>-770768.18246666703</v>
      </c>
      <c r="CJ1152" s="53">
        <v>-770768.18246666703</v>
      </c>
      <c r="CK1152" s="53">
        <v>-770768.18246666703</v>
      </c>
      <c r="CL1152" s="53">
        <v>-770768.18246666703</v>
      </c>
      <c r="CM1152" s="53">
        <v>-770768.18246666703</v>
      </c>
      <c r="CN1152" s="53">
        <v>-9249218.1896000002</v>
      </c>
    </row>
    <row r="1153" spans="1:92">
      <c r="A1153" s="59" t="s">
        <v>1454</v>
      </c>
      <c r="B1153" s="53">
        <v>0</v>
      </c>
      <c r="C1153" s="53">
        <v>0</v>
      </c>
      <c r="D1153" s="53">
        <v>0</v>
      </c>
      <c r="E1153" s="53">
        <v>0</v>
      </c>
      <c r="F1153" s="53">
        <v>0</v>
      </c>
      <c r="G1153" s="53">
        <v>0</v>
      </c>
      <c r="H1153" s="53">
        <v>0</v>
      </c>
      <c r="I1153" s="53">
        <v>0</v>
      </c>
      <c r="J1153" s="53">
        <v>0</v>
      </c>
      <c r="K1153" s="53">
        <v>0</v>
      </c>
      <c r="L1153" s="53">
        <v>0</v>
      </c>
      <c r="M1153" s="53">
        <v>0</v>
      </c>
      <c r="N1153" s="53">
        <v>0</v>
      </c>
      <c r="O1153" s="53">
        <v>0</v>
      </c>
      <c r="P1153" s="53">
        <v>0</v>
      </c>
      <c r="Q1153" s="53">
        <v>0</v>
      </c>
      <c r="R1153" s="53">
        <v>0</v>
      </c>
      <c r="S1153" s="53">
        <v>0</v>
      </c>
      <c r="T1153" s="53">
        <v>0</v>
      </c>
      <c r="U1153" s="53">
        <v>0</v>
      </c>
      <c r="V1153" s="53">
        <v>0</v>
      </c>
      <c r="W1153" s="53">
        <v>0</v>
      </c>
      <c r="X1153" s="53">
        <v>0</v>
      </c>
      <c r="Y1153" s="53">
        <v>0</v>
      </c>
      <c r="Z1153" s="53">
        <v>0</v>
      </c>
      <c r="AA1153" s="53">
        <v>0</v>
      </c>
      <c r="AB1153" s="53">
        <v>0</v>
      </c>
      <c r="AC1153" s="53">
        <v>0</v>
      </c>
      <c r="AD1153" s="53">
        <v>0</v>
      </c>
      <c r="AE1153" s="53">
        <v>0</v>
      </c>
      <c r="AF1153" s="53">
        <v>0</v>
      </c>
      <c r="AG1153" s="53">
        <v>0</v>
      </c>
      <c r="AH1153" s="53">
        <v>0</v>
      </c>
      <c r="AI1153" s="53">
        <v>0</v>
      </c>
      <c r="AJ1153" s="53">
        <v>0</v>
      </c>
      <c r="AK1153" s="53">
        <v>0</v>
      </c>
      <c r="AL1153" s="53">
        <v>0</v>
      </c>
      <c r="AM1153" s="53">
        <v>0</v>
      </c>
      <c r="AN1153" s="53">
        <v>0</v>
      </c>
      <c r="AO1153" s="53">
        <v>0</v>
      </c>
      <c r="AP1153" s="53">
        <v>0</v>
      </c>
      <c r="AQ1153" s="53">
        <v>0</v>
      </c>
      <c r="AR1153" s="53">
        <v>0</v>
      </c>
      <c r="AS1153" s="53">
        <v>0</v>
      </c>
      <c r="AT1153" s="53">
        <v>0</v>
      </c>
      <c r="AU1153" s="53">
        <v>0</v>
      </c>
      <c r="AV1153" s="53">
        <v>0</v>
      </c>
      <c r="AW1153" s="53">
        <v>0</v>
      </c>
      <c r="AX1153" s="53">
        <v>0</v>
      </c>
      <c r="AY1153" s="53">
        <v>0</v>
      </c>
      <c r="AZ1153" s="53">
        <v>0</v>
      </c>
      <c r="BA1153" s="53">
        <v>0</v>
      </c>
      <c r="BB1153" s="53">
        <v>0</v>
      </c>
      <c r="BC1153" s="53">
        <v>0</v>
      </c>
      <c r="BD1153" s="53">
        <v>0</v>
      </c>
      <c r="BE1153" s="53">
        <v>0</v>
      </c>
      <c r="BF1153" s="53">
        <v>0</v>
      </c>
      <c r="BG1153" s="53">
        <v>0</v>
      </c>
      <c r="BH1153" s="53">
        <v>0</v>
      </c>
      <c r="BI1153" s="53">
        <v>0</v>
      </c>
      <c r="BJ1153" s="53">
        <v>0</v>
      </c>
      <c r="BK1153" s="53">
        <v>0</v>
      </c>
      <c r="BL1153" s="53">
        <v>0</v>
      </c>
      <c r="BM1153" s="53">
        <v>0</v>
      </c>
      <c r="BN1153" s="53">
        <v>0</v>
      </c>
      <c r="BO1153" s="53">
        <v>0</v>
      </c>
      <c r="BP1153" s="53">
        <v>0</v>
      </c>
      <c r="BQ1153" s="53">
        <v>0</v>
      </c>
      <c r="BR1153" s="53">
        <v>0</v>
      </c>
      <c r="BS1153" s="53">
        <v>0</v>
      </c>
      <c r="BT1153" s="53">
        <v>0</v>
      </c>
      <c r="BU1153" s="53">
        <v>0</v>
      </c>
      <c r="BV1153" s="53">
        <v>0</v>
      </c>
      <c r="BW1153" s="53">
        <v>0</v>
      </c>
      <c r="BX1153" s="53">
        <v>0</v>
      </c>
      <c r="BY1153" s="53">
        <v>0</v>
      </c>
      <c r="BZ1153" s="53">
        <v>0</v>
      </c>
      <c r="CA1153" s="53">
        <v>0</v>
      </c>
      <c r="CB1153" s="53"/>
      <c r="CC1153" s="53"/>
      <c r="CD1153" s="53"/>
      <c r="CE1153" s="53"/>
      <c r="CF1153" s="53"/>
      <c r="CG1153" s="53"/>
      <c r="CH1153" s="53"/>
      <c r="CI1153" s="53"/>
      <c r="CJ1153" s="53"/>
      <c r="CK1153" s="53"/>
      <c r="CL1153" s="53"/>
      <c r="CM1153" s="53"/>
      <c r="CN1153" s="53"/>
    </row>
    <row r="1154" spans="1:92">
      <c r="A1154" s="52" t="s">
        <v>1455</v>
      </c>
      <c r="B1154" s="53"/>
      <c r="C1154" s="53"/>
      <c r="D1154" s="53"/>
      <c r="E1154" s="53"/>
      <c r="F1154" s="53"/>
      <c r="G1154" s="53"/>
      <c r="H1154" s="53"/>
      <c r="I1154" s="53"/>
      <c r="J1154" s="53"/>
      <c r="K1154" s="53"/>
      <c r="L1154" s="53"/>
      <c r="M1154" s="53"/>
      <c r="N1154" s="53"/>
      <c r="O1154" s="53"/>
      <c r="P1154" s="53"/>
      <c r="Q1154" s="53"/>
      <c r="R1154" s="53"/>
      <c r="S1154" s="53"/>
      <c r="T1154" s="53"/>
      <c r="U1154" s="53"/>
      <c r="V1154" s="53"/>
      <c r="W1154" s="53"/>
      <c r="X1154" s="53"/>
      <c r="Y1154" s="53"/>
      <c r="Z1154" s="53"/>
      <c r="AA1154" s="53"/>
      <c r="AB1154" s="53"/>
      <c r="AC1154" s="53"/>
      <c r="AD1154" s="53"/>
      <c r="AE1154" s="53"/>
      <c r="AF1154" s="53"/>
      <c r="AG1154" s="53"/>
      <c r="AH1154" s="53"/>
      <c r="AI1154" s="53"/>
      <c r="AJ1154" s="53"/>
      <c r="AK1154" s="53"/>
      <c r="AL1154" s="53"/>
      <c r="AM1154" s="53"/>
      <c r="AN1154" s="53"/>
      <c r="AO1154" s="53"/>
      <c r="AP1154" s="53"/>
      <c r="AQ1154" s="53"/>
      <c r="AR1154" s="53"/>
      <c r="AS1154" s="53"/>
      <c r="AT1154" s="53"/>
      <c r="AU1154" s="53"/>
      <c r="AV1154" s="53"/>
      <c r="AW1154" s="53"/>
      <c r="AX1154" s="53"/>
      <c r="AY1154" s="53"/>
      <c r="AZ1154" s="53"/>
      <c r="BA1154" s="53"/>
      <c r="BB1154" s="53"/>
      <c r="BC1154" s="53"/>
      <c r="BD1154" s="53"/>
      <c r="BE1154" s="53"/>
      <c r="BF1154" s="53"/>
      <c r="BG1154" s="53"/>
      <c r="BH1154" s="53"/>
      <c r="BI1154" s="53"/>
      <c r="BJ1154" s="53"/>
      <c r="BK1154" s="53"/>
      <c r="BL1154" s="53"/>
      <c r="BM1154" s="53"/>
      <c r="BN1154" s="53"/>
      <c r="BO1154" s="53"/>
      <c r="BP1154" s="53"/>
      <c r="BQ1154" s="53"/>
      <c r="BR1154" s="53"/>
      <c r="BS1154" s="53"/>
      <c r="BT1154" s="53"/>
      <c r="BU1154" s="53"/>
      <c r="BV1154" s="53"/>
      <c r="BW1154" s="53"/>
      <c r="BX1154" s="53"/>
      <c r="BY1154" s="53"/>
      <c r="BZ1154" s="53"/>
      <c r="CA1154" s="53"/>
      <c r="CB1154" s="53">
        <v>-317982.89999999898</v>
      </c>
      <c r="CC1154" s="53">
        <v>-317982.89999999898</v>
      </c>
      <c r="CD1154" s="53">
        <v>-317982.89999999898</v>
      </c>
      <c r="CE1154" s="53">
        <v>-317982.89999999898</v>
      </c>
      <c r="CF1154" s="53">
        <v>-317982.89999999898</v>
      </c>
      <c r="CG1154" s="53">
        <v>-317982.89999999898</v>
      </c>
      <c r="CH1154" s="53">
        <v>-317982.89999999898</v>
      </c>
      <c r="CI1154" s="53">
        <v>-317982.89999999898</v>
      </c>
      <c r="CJ1154" s="53">
        <v>-317982.89999999898</v>
      </c>
      <c r="CK1154" s="53">
        <v>-317982.89999999898</v>
      </c>
      <c r="CL1154" s="53">
        <v>-317982.89999999898</v>
      </c>
      <c r="CM1154" s="53">
        <v>-317982.89999999898</v>
      </c>
      <c r="CN1154" s="53">
        <v>-3815794.8</v>
      </c>
    </row>
    <row r="1155" spans="1:92">
      <c r="A1155" s="52" t="s">
        <v>1456</v>
      </c>
      <c r="B1155" s="53">
        <v>2.86490831058472E-8</v>
      </c>
      <c r="C1155" s="53">
        <v>4.04725142288953E-8</v>
      </c>
      <c r="D1155" s="53">
        <v>-5.0931703299283902E-8</v>
      </c>
      <c r="E1155" s="53">
        <v>-4.5474735088646402E-10</v>
      </c>
      <c r="F1155" s="53">
        <v>1.3301360013428999E-7</v>
      </c>
      <c r="G1155" s="53">
        <v>-7.1963768277782894E-8</v>
      </c>
      <c r="H1155" s="53">
        <v>1.02659214462619E-7</v>
      </c>
      <c r="I1155" s="53">
        <v>6.9917405198793805E-8</v>
      </c>
      <c r="J1155" s="53">
        <v>1.9849721866194101E-7</v>
      </c>
      <c r="K1155" s="53">
        <v>8.5947249317541705E-8</v>
      </c>
      <c r="L1155" s="53">
        <v>1.99293026525992E-7</v>
      </c>
      <c r="M1155" s="53">
        <v>-9.7770680440589706E-8</v>
      </c>
      <c r="N1155" s="53">
        <v>-9.7770680440589706E-8</v>
      </c>
      <c r="O1155" s="53">
        <v>-9.7770680440589706E-8</v>
      </c>
      <c r="P1155" s="53">
        <v>-9.7770680440589706E-8</v>
      </c>
      <c r="Q1155" s="53">
        <v>-9.7770680440589706E-8</v>
      </c>
      <c r="R1155" s="53">
        <v>-9.7770680440589706E-8</v>
      </c>
      <c r="S1155" s="53">
        <v>-9.7770680440589706E-8</v>
      </c>
      <c r="T1155" s="53">
        <v>-9.7770680440589706E-8</v>
      </c>
      <c r="U1155" s="53">
        <v>-9.7770680440589706E-8</v>
      </c>
      <c r="V1155" s="53">
        <v>-9.7770680440589706E-8</v>
      </c>
      <c r="W1155" s="53">
        <v>-9.7770680440589706E-8</v>
      </c>
      <c r="X1155" s="53">
        <v>-9.7770680440589706E-8</v>
      </c>
      <c r="Y1155" s="53">
        <v>-9.7770680440589706E-8</v>
      </c>
      <c r="Z1155" s="53">
        <v>-9.7770680440589706E-8</v>
      </c>
      <c r="AA1155" s="53">
        <v>-9.7770680440589706E-8</v>
      </c>
      <c r="AB1155" s="53">
        <v>-9.7770680440589706E-8</v>
      </c>
      <c r="AC1155" s="53">
        <v>-9.7770680440589706E-8</v>
      </c>
      <c r="AD1155" s="53">
        <v>-9.7770680440589706E-8</v>
      </c>
      <c r="AE1155" s="53">
        <v>-9.7770680440589706E-8</v>
      </c>
      <c r="AF1155" s="53">
        <v>-9.7770680440589706E-8</v>
      </c>
      <c r="AG1155" s="53">
        <v>-9.7770680440589706E-8</v>
      </c>
      <c r="AH1155" s="53">
        <v>-9.7770680440589706E-8</v>
      </c>
      <c r="AI1155" s="53">
        <v>-9.7770680440589706E-8</v>
      </c>
      <c r="AJ1155" s="53">
        <v>-9.7770680440589706E-8</v>
      </c>
      <c r="AK1155" s="53">
        <v>-9.7770680440589706E-8</v>
      </c>
      <c r="AL1155" s="53">
        <v>-9.7770680440589706E-8</v>
      </c>
      <c r="AM1155" s="53">
        <v>-9.7770680440589706E-8</v>
      </c>
      <c r="AN1155" s="53">
        <v>-9.7770680440589706E-8</v>
      </c>
      <c r="AO1155" s="53">
        <v>-9.7770680440589706E-8</v>
      </c>
      <c r="AP1155" s="53">
        <v>-9.7770680440589706E-8</v>
      </c>
      <c r="AQ1155" s="53">
        <v>-9.7770680440589706E-8</v>
      </c>
      <c r="AR1155" s="53">
        <v>-9.7770680440589706E-8</v>
      </c>
      <c r="AS1155" s="53">
        <v>-9.7770680440589706E-8</v>
      </c>
      <c r="AT1155" s="53">
        <v>-9.7770680440589706E-8</v>
      </c>
      <c r="AU1155" s="53">
        <v>-9.7770680440589706E-8</v>
      </c>
      <c r="AV1155" s="53">
        <v>-9.7770680440589706E-8</v>
      </c>
      <c r="AW1155" s="53">
        <v>-9.7770680440589706E-8</v>
      </c>
      <c r="AX1155" s="53">
        <v>-9.7770680440589706E-8</v>
      </c>
      <c r="AY1155" s="53">
        <v>-9.7770680440589706E-8</v>
      </c>
      <c r="AZ1155" s="53">
        <v>-9.7770680440589706E-8</v>
      </c>
      <c r="BA1155" s="53">
        <v>-9.7770680440589706E-8</v>
      </c>
      <c r="BB1155" s="53">
        <v>-9.7770680440589706E-8</v>
      </c>
      <c r="BC1155" s="53">
        <v>-9.7770680440589706E-8</v>
      </c>
      <c r="BD1155" s="53">
        <v>-9.7770680440589706E-8</v>
      </c>
      <c r="BE1155" s="53">
        <v>-9.7770680440589706E-8</v>
      </c>
      <c r="BF1155" s="53">
        <v>-9.7770680440589706E-8</v>
      </c>
      <c r="BG1155" s="53">
        <v>-9.7770680440589706E-8</v>
      </c>
      <c r="BH1155" s="53">
        <v>-9.7770680440589706E-8</v>
      </c>
      <c r="BI1155" s="53">
        <v>-9.7770680440589706E-8</v>
      </c>
      <c r="BJ1155" s="53">
        <v>-9.7770680440589706E-8</v>
      </c>
      <c r="BK1155" s="53">
        <v>-9.7770680440589706E-8</v>
      </c>
      <c r="BL1155" s="53">
        <v>-9.7770680440589706E-8</v>
      </c>
      <c r="BM1155" s="53">
        <v>-9.7770680440589706E-8</v>
      </c>
      <c r="BN1155" s="53">
        <v>-9.7770680440589706E-8</v>
      </c>
      <c r="BO1155" s="53">
        <v>-9.7770680440589706E-8</v>
      </c>
      <c r="BP1155" s="53">
        <v>-9.7770680440589706E-8</v>
      </c>
      <c r="BQ1155" s="53">
        <v>-9.7770680440589706E-8</v>
      </c>
      <c r="BR1155" s="53">
        <v>-9.7770680440589706E-8</v>
      </c>
      <c r="BS1155" s="53">
        <v>-9.7770680440589706E-8</v>
      </c>
      <c r="BT1155" s="53">
        <v>-9.7770680440589706E-8</v>
      </c>
      <c r="BU1155" s="53">
        <v>-9.7770680440589706E-8</v>
      </c>
      <c r="BV1155" s="53">
        <v>-9.7770680440589706E-8</v>
      </c>
      <c r="BW1155" s="53">
        <v>-9.7770680440589706E-8</v>
      </c>
      <c r="BX1155" s="53">
        <v>-9.7770680440589706E-8</v>
      </c>
      <c r="BY1155" s="53">
        <v>-9.7770680440589706E-8</v>
      </c>
      <c r="BZ1155" s="53">
        <v>-9.7770680440589706E-8</v>
      </c>
      <c r="CA1155" s="53">
        <v>-9.7770680440589706E-8</v>
      </c>
      <c r="CB1155" s="53"/>
      <c r="CC1155" s="53"/>
      <c r="CD1155" s="53"/>
      <c r="CE1155" s="53"/>
      <c r="CF1155" s="53"/>
      <c r="CG1155" s="53"/>
      <c r="CH1155" s="53"/>
      <c r="CI1155" s="53"/>
      <c r="CJ1155" s="53"/>
      <c r="CK1155" s="53"/>
      <c r="CL1155" s="53"/>
      <c r="CM1155" s="53"/>
      <c r="CN1155" s="53"/>
    </row>
    <row r="1156" spans="1:92" outlineLevel="1">
      <c r="A1156" s="52" t="s">
        <v>1457</v>
      </c>
      <c r="B1156" s="53">
        <v>0</v>
      </c>
      <c r="C1156" s="53">
        <v>0</v>
      </c>
      <c r="D1156" s="53">
        <v>0</v>
      </c>
      <c r="E1156" s="53">
        <v>0</v>
      </c>
      <c r="F1156" s="53">
        <v>0</v>
      </c>
      <c r="G1156" s="53">
        <v>0</v>
      </c>
      <c r="H1156" s="53">
        <v>0</v>
      </c>
      <c r="I1156" s="53">
        <v>0</v>
      </c>
      <c r="J1156" s="53">
        <v>0</v>
      </c>
      <c r="K1156" s="53">
        <v>0</v>
      </c>
      <c r="L1156" s="53">
        <v>0</v>
      </c>
      <c r="M1156" s="53">
        <v>0</v>
      </c>
      <c r="N1156" s="53">
        <v>0</v>
      </c>
      <c r="O1156" s="53">
        <v>0</v>
      </c>
      <c r="P1156" s="53">
        <v>0</v>
      </c>
      <c r="Q1156" s="53">
        <v>0</v>
      </c>
      <c r="R1156" s="53">
        <v>0</v>
      </c>
      <c r="S1156" s="53">
        <v>0</v>
      </c>
      <c r="T1156" s="53">
        <v>0</v>
      </c>
      <c r="U1156" s="53">
        <v>0</v>
      </c>
      <c r="V1156" s="53">
        <v>0</v>
      </c>
      <c r="W1156" s="53">
        <v>0</v>
      </c>
      <c r="X1156" s="53">
        <v>0</v>
      </c>
      <c r="Y1156" s="53">
        <v>0</v>
      </c>
      <c r="Z1156" s="53">
        <v>0</v>
      </c>
      <c r="AA1156" s="53">
        <v>0</v>
      </c>
      <c r="AB1156" s="53">
        <v>0</v>
      </c>
      <c r="AC1156" s="53">
        <v>0</v>
      </c>
      <c r="AD1156" s="53">
        <v>0</v>
      </c>
      <c r="AE1156" s="53">
        <v>0</v>
      </c>
      <c r="AF1156" s="53">
        <v>0</v>
      </c>
      <c r="AG1156" s="53">
        <v>0</v>
      </c>
      <c r="AH1156" s="53">
        <v>0</v>
      </c>
      <c r="AI1156" s="53">
        <v>0</v>
      </c>
      <c r="AJ1156" s="53">
        <v>0</v>
      </c>
      <c r="AK1156" s="53">
        <v>0</v>
      </c>
      <c r="AL1156" s="53">
        <v>0</v>
      </c>
      <c r="AM1156" s="53">
        <v>0</v>
      </c>
      <c r="AN1156" s="53">
        <v>0</v>
      </c>
      <c r="AO1156" s="53">
        <v>0</v>
      </c>
      <c r="AP1156" s="53">
        <v>0</v>
      </c>
      <c r="AQ1156" s="53">
        <v>0</v>
      </c>
      <c r="AR1156" s="53">
        <v>0</v>
      </c>
      <c r="AS1156" s="53">
        <v>0</v>
      </c>
      <c r="AT1156" s="53">
        <v>0</v>
      </c>
      <c r="AU1156" s="53">
        <v>0</v>
      </c>
      <c r="AV1156" s="53">
        <v>0</v>
      </c>
      <c r="AW1156" s="53">
        <v>0</v>
      </c>
      <c r="AX1156" s="53">
        <v>0</v>
      </c>
      <c r="AY1156" s="53">
        <v>0</v>
      </c>
      <c r="AZ1156" s="53">
        <v>0</v>
      </c>
      <c r="BA1156" s="53">
        <v>0</v>
      </c>
      <c r="BB1156" s="53">
        <v>0</v>
      </c>
      <c r="BC1156" s="53">
        <v>0</v>
      </c>
      <c r="BD1156" s="53">
        <v>0</v>
      </c>
      <c r="BE1156" s="53">
        <v>0</v>
      </c>
      <c r="BF1156" s="53">
        <v>0</v>
      </c>
      <c r="BG1156" s="53">
        <v>0</v>
      </c>
      <c r="BH1156" s="53">
        <v>0</v>
      </c>
      <c r="BI1156" s="53">
        <v>0</v>
      </c>
      <c r="BJ1156" s="53">
        <v>0</v>
      </c>
      <c r="BK1156" s="53">
        <v>0</v>
      </c>
      <c r="BL1156" s="53">
        <v>0</v>
      </c>
      <c r="BM1156" s="53">
        <v>0</v>
      </c>
      <c r="BN1156" s="53">
        <v>0</v>
      </c>
      <c r="BO1156" s="53">
        <v>0</v>
      </c>
      <c r="BP1156" s="53">
        <v>0</v>
      </c>
      <c r="BQ1156" s="53">
        <v>0</v>
      </c>
      <c r="BR1156" s="53">
        <v>0</v>
      </c>
      <c r="BS1156" s="53">
        <v>0</v>
      </c>
      <c r="BT1156" s="53">
        <v>0</v>
      </c>
      <c r="BU1156" s="53">
        <v>0</v>
      </c>
      <c r="BV1156" s="53">
        <v>0</v>
      </c>
      <c r="BW1156" s="53">
        <v>0</v>
      </c>
      <c r="BX1156" s="53">
        <v>0</v>
      </c>
      <c r="BY1156" s="53">
        <v>0</v>
      </c>
      <c r="BZ1156" s="53">
        <v>0</v>
      </c>
      <c r="CA1156" s="53">
        <v>0</v>
      </c>
      <c r="CB1156" s="53"/>
      <c r="CC1156" s="53"/>
      <c r="CD1156" s="53"/>
      <c r="CE1156" s="53"/>
      <c r="CF1156" s="53"/>
      <c r="CG1156" s="53"/>
      <c r="CH1156" s="53"/>
      <c r="CI1156" s="53"/>
      <c r="CJ1156" s="53"/>
      <c r="CK1156" s="53"/>
      <c r="CL1156" s="53"/>
      <c r="CM1156" s="53"/>
      <c r="CN1156" s="53"/>
    </row>
    <row r="1157" spans="1:92" outlineLevel="1">
      <c r="A1157" s="52" t="s">
        <v>1458</v>
      </c>
      <c r="B1157" s="53">
        <v>0</v>
      </c>
      <c r="C1157" s="53">
        <v>0</v>
      </c>
      <c r="D1157" s="53">
        <v>0</v>
      </c>
      <c r="E1157" s="53">
        <v>0</v>
      </c>
      <c r="F1157" s="53">
        <v>0</v>
      </c>
      <c r="G1157" s="53">
        <v>0</v>
      </c>
      <c r="H1157" s="53">
        <v>0</v>
      </c>
      <c r="I1157" s="53">
        <v>0</v>
      </c>
      <c r="J1157" s="53">
        <v>0</v>
      </c>
      <c r="K1157" s="53">
        <v>0</v>
      </c>
      <c r="L1157" s="53">
        <v>0</v>
      </c>
      <c r="M1157" s="53">
        <v>0</v>
      </c>
      <c r="N1157" s="53">
        <v>0</v>
      </c>
      <c r="O1157" s="53">
        <v>0</v>
      </c>
      <c r="P1157" s="53">
        <v>0</v>
      </c>
      <c r="Q1157" s="53">
        <v>0</v>
      </c>
      <c r="R1157" s="53">
        <v>0</v>
      </c>
      <c r="S1157" s="53">
        <v>0</v>
      </c>
      <c r="T1157" s="53">
        <v>0</v>
      </c>
      <c r="U1157" s="53">
        <v>0</v>
      </c>
      <c r="V1157" s="53">
        <v>0</v>
      </c>
      <c r="W1157" s="53">
        <v>0</v>
      </c>
      <c r="X1157" s="53">
        <v>0</v>
      </c>
      <c r="Y1157" s="53">
        <v>0</v>
      </c>
      <c r="Z1157" s="53">
        <v>0</v>
      </c>
      <c r="AA1157" s="53">
        <v>0</v>
      </c>
      <c r="AB1157" s="53">
        <v>0</v>
      </c>
      <c r="AC1157" s="53">
        <v>0</v>
      </c>
      <c r="AD1157" s="53">
        <v>0</v>
      </c>
      <c r="AE1157" s="53">
        <v>0</v>
      </c>
      <c r="AF1157" s="53">
        <v>0</v>
      </c>
      <c r="AG1157" s="53">
        <v>0</v>
      </c>
      <c r="AH1157" s="53">
        <v>0</v>
      </c>
      <c r="AI1157" s="53">
        <v>0</v>
      </c>
      <c r="AJ1157" s="53">
        <v>0</v>
      </c>
      <c r="AK1157" s="53">
        <v>0</v>
      </c>
      <c r="AL1157" s="53">
        <v>0</v>
      </c>
      <c r="AM1157" s="53">
        <v>0</v>
      </c>
      <c r="AN1157" s="53">
        <v>0</v>
      </c>
      <c r="AO1157" s="53">
        <v>0</v>
      </c>
      <c r="AP1157" s="53">
        <v>0</v>
      </c>
      <c r="AQ1157" s="53">
        <v>0</v>
      </c>
      <c r="AR1157" s="53">
        <v>0</v>
      </c>
      <c r="AS1157" s="53">
        <v>0</v>
      </c>
      <c r="AT1157" s="53">
        <v>0</v>
      </c>
      <c r="AU1157" s="53">
        <v>0</v>
      </c>
      <c r="AV1157" s="53">
        <v>0</v>
      </c>
      <c r="AW1157" s="53">
        <v>0</v>
      </c>
      <c r="AX1157" s="53">
        <v>0</v>
      </c>
      <c r="AY1157" s="53">
        <v>0</v>
      </c>
      <c r="AZ1157" s="53">
        <v>0</v>
      </c>
      <c r="BA1157" s="53">
        <v>0</v>
      </c>
      <c r="BB1157" s="53">
        <v>0</v>
      </c>
      <c r="BC1157" s="53">
        <v>0</v>
      </c>
      <c r="BD1157" s="53">
        <v>0</v>
      </c>
      <c r="BE1157" s="53">
        <v>0</v>
      </c>
      <c r="BF1157" s="53">
        <v>0</v>
      </c>
      <c r="BG1157" s="53">
        <v>0</v>
      </c>
      <c r="BH1157" s="53">
        <v>0</v>
      </c>
      <c r="BI1157" s="53">
        <v>0</v>
      </c>
      <c r="BJ1157" s="53">
        <v>0</v>
      </c>
      <c r="BK1157" s="53">
        <v>0</v>
      </c>
      <c r="BL1157" s="53">
        <v>0</v>
      </c>
      <c r="BM1157" s="53">
        <v>0</v>
      </c>
      <c r="BN1157" s="53">
        <v>0</v>
      </c>
      <c r="BO1157" s="53">
        <v>0</v>
      </c>
      <c r="BP1157" s="53">
        <v>0</v>
      </c>
      <c r="BQ1157" s="53">
        <v>0</v>
      </c>
      <c r="BR1157" s="53">
        <v>0</v>
      </c>
      <c r="BS1157" s="53">
        <v>0</v>
      </c>
      <c r="BT1157" s="53">
        <v>0</v>
      </c>
      <c r="BU1157" s="53">
        <v>0</v>
      </c>
      <c r="BV1157" s="53">
        <v>0</v>
      </c>
      <c r="BW1157" s="53">
        <v>0</v>
      </c>
      <c r="BX1157" s="53">
        <v>0</v>
      </c>
      <c r="BY1157" s="53">
        <v>0</v>
      </c>
      <c r="BZ1157" s="53">
        <v>0</v>
      </c>
      <c r="CA1157" s="53">
        <v>0</v>
      </c>
      <c r="CB1157" s="53"/>
      <c r="CC1157" s="53"/>
      <c r="CD1157" s="53"/>
      <c r="CE1157" s="53"/>
      <c r="CF1157" s="53"/>
      <c r="CG1157" s="53"/>
      <c r="CH1157" s="53"/>
      <c r="CI1157" s="53"/>
      <c r="CJ1157" s="53"/>
      <c r="CK1157" s="53"/>
      <c r="CL1157" s="53"/>
      <c r="CM1157" s="53"/>
      <c r="CN1157" s="53"/>
    </row>
    <row r="1158" spans="1:92" outlineLevel="1">
      <c r="A1158" s="59" t="s">
        <v>1459</v>
      </c>
      <c r="B1158" s="53">
        <v>2.86490831058472E-8</v>
      </c>
      <c r="C1158" s="53">
        <v>4.04725142288953E-8</v>
      </c>
      <c r="D1158" s="53">
        <v>-5.0931703299283902E-8</v>
      </c>
      <c r="E1158" s="53">
        <v>-4.5474735088646402E-10</v>
      </c>
      <c r="F1158" s="53">
        <v>1.3301360013428999E-7</v>
      </c>
      <c r="G1158" s="53">
        <v>-7.1963768277782894E-8</v>
      </c>
      <c r="H1158" s="53">
        <v>1.02659214462619E-7</v>
      </c>
      <c r="I1158" s="53">
        <v>6.9917405198793805E-8</v>
      </c>
      <c r="J1158" s="53">
        <v>1.9849721866194101E-7</v>
      </c>
      <c r="K1158" s="53">
        <v>8.5947249317541705E-8</v>
      </c>
      <c r="L1158" s="53">
        <v>1.99293026525992E-7</v>
      </c>
      <c r="M1158" s="53">
        <v>-9.7770680440589706E-8</v>
      </c>
      <c r="N1158" s="53">
        <v>-9.7770680440589706E-8</v>
      </c>
      <c r="O1158" s="53">
        <v>-9.7770680440589706E-8</v>
      </c>
      <c r="P1158" s="53">
        <v>-9.7770680440589706E-8</v>
      </c>
      <c r="Q1158" s="53">
        <v>-9.7770680440589706E-8</v>
      </c>
      <c r="R1158" s="53">
        <v>-9.7770680440589706E-8</v>
      </c>
      <c r="S1158" s="53">
        <v>-9.7770680440589706E-8</v>
      </c>
      <c r="T1158" s="53">
        <v>-9.7770680440589706E-8</v>
      </c>
      <c r="U1158" s="53">
        <v>-9.7770680440589706E-8</v>
      </c>
      <c r="V1158" s="53">
        <v>-9.7770680440589706E-8</v>
      </c>
      <c r="W1158" s="53">
        <v>-9.7770680440589706E-8</v>
      </c>
      <c r="X1158" s="53">
        <v>-9.7770680440589706E-8</v>
      </c>
      <c r="Y1158" s="53">
        <v>-9.7770680440589706E-8</v>
      </c>
      <c r="Z1158" s="53">
        <v>-9.7770680440589706E-8</v>
      </c>
      <c r="AA1158" s="53">
        <v>-9.7770680440589706E-8</v>
      </c>
      <c r="AB1158" s="53">
        <v>-9.7770680440589706E-8</v>
      </c>
      <c r="AC1158" s="53">
        <v>-9.7770680440589706E-8</v>
      </c>
      <c r="AD1158" s="53">
        <v>-9.7770680440589706E-8</v>
      </c>
      <c r="AE1158" s="53">
        <v>-9.7770680440589706E-8</v>
      </c>
      <c r="AF1158" s="53">
        <v>-9.7770680440589706E-8</v>
      </c>
      <c r="AG1158" s="53">
        <v>-9.7770680440589706E-8</v>
      </c>
      <c r="AH1158" s="53">
        <v>-9.7770680440589706E-8</v>
      </c>
      <c r="AI1158" s="53">
        <v>-9.7770680440589706E-8</v>
      </c>
      <c r="AJ1158" s="53">
        <v>-9.7770680440589706E-8</v>
      </c>
      <c r="AK1158" s="53">
        <v>-9.7770680440589706E-8</v>
      </c>
      <c r="AL1158" s="53">
        <v>-9.7770680440589706E-8</v>
      </c>
      <c r="AM1158" s="53">
        <v>-9.7770680440589706E-8</v>
      </c>
      <c r="AN1158" s="53">
        <v>-9.7770680440589706E-8</v>
      </c>
      <c r="AO1158" s="53">
        <v>-9.7770680440589706E-8</v>
      </c>
      <c r="AP1158" s="53">
        <v>-9.7770680440589706E-8</v>
      </c>
      <c r="AQ1158" s="53">
        <v>-9.7770680440589706E-8</v>
      </c>
      <c r="AR1158" s="53">
        <v>-9.7770680440589706E-8</v>
      </c>
      <c r="AS1158" s="53">
        <v>-9.7770680440589706E-8</v>
      </c>
      <c r="AT1158" s="53">
        <v>-9.7770680440589706E-8</v>
      </c>
      <c r="AU1158" s="53">
        <v>-9.7770680440589706E-8</v>
      </c>
      <c r="AV1158" s="53">
        <v>-9.7770680440589706E-8</v>
      </c>
      <c r="AW1158" s="53">
        <v>-9.7770680440589706E-8</v>
      </c>
      <c r="AX1158" s="53">
        <v>-9.7770680440589706E-8</v>
      </c>
      <c r="AY1158" s="53">
        <v>-9.7770680440589706E-8</v>
      </c>
      <c r="AZ1158" s="53">
        <v>-9.7770680440589706E-8</v>
      </c>
      <c r="BA1158" s="53">
        <v>-9.7770680440589706E-8</v>
      </c>
      <c r="BB1158" s="53">
        <v>-9.7770680440589706E-8</v>
      </c>
      <c r="BC1158" s="53">
        <v>-9.7770680440589706E-8</v>
      </c>
      <c r="BD1158" s="53">
        <v>-9.7770680440589706E-8</v>
      </c>
      <c r="BE1158" s="53">
        <v>-9.7770680440589706E-8</v>
      </c>
      <c r="BF1158" s="53">
        <v>-9.7770680440589706E-8</v>
      </c>
      <c r="BG1158" s="53">
        <v>-9.7770680440589706E-8</v>
      </c>
      <c r="BH1158" s="53">
        <v>-9.7770680440589706E-8</v>
      </c>
      <c r="BI1158" s="53">
        <v>-9.7770680440589706E-8</v>
      </c>
      <c r="BJ1158" s="53">
        <v>-9.7770680440589706E-8</v>
      </c>
      <c r="BK1158" s="53">
        <v>-9.7770680440589706E-8</v>
      </c>
      <c r="BL1158" s="53">
        <v>-9.7770680440589706E-8</v>
      </c>
      <c r="BM1158" s="53">
        <v>-9.7770680440589706E-8</v>
      </c>
      <c r="BN1158" s="53">
        <v>-9.7770680440589706E-8</v>
      </c>
      <c r="BO1158" s="53">
        <v>-9.7770680440589706E-8</v>
      </c>
      <c r="BP1158" s="53">
        <v>-9.7770680440589706E-8</v>
      </c>
      <c r="BQ1158" s="53">
        <v>-9.7770680440589706E-8</v>
      </c>
      <c r="BR1158" s="53">
        <v>-9.7770680440589706E-8</v>
      </c>
      <c r="BS1158" s="53">
        <v>-9.7770680440589706E-8</v>
      </c>
      <c r="BT1158" s="53">
        <v>-9.7770680440589706E-8</v>
      </c>
      <c r="BU1158" s="53">
        <v>-9.7770680440589706E-8</v>
      </c>
      <c r="BV1158" s="53">
        <v>-9.7770680440589706E-8</v>
      </c>
      <c r="BW1158" s="53">
        <v>-9.7770680440589706E-8</v>
      </c>
      <c r="BX1158" s="53">
        <v>-9.7770680440589706E-8</v>
      </c>
      <c r="BY1158" s="53">
        <v>-9.7770680440589706E-8</v>
      </c>
      <c r="BZ1158" s="53">
        <v>-9.7770680440589706E-8</v>
      </c>
      <c r="CA1158" s="53">
        <v>-9.7770680440589706E-8</v>
      </c>
      <c r="CB1158" s="53">
        <v>-89506</v>
      </c>
      <c r="CC1158" s="53">
        <v>-89506</v>
      </c>
      <c r="CD1158" s="53">
        <v>-89506</v>
      </c>
      <c r="CE1158" s="53">
        <v>-89506</v>
      </c>
      <c r="CF1158" s="53">
        <v>-89506</v>
      </c>
      <c r="CG1158" s="53">
        <v>-89506</v>
      </c>
      <c r="CH1158" s="53">
        <v>-89506</v>
      </c>
      <c r="CI1158" s="53">
        <v>-89506</v>
      </c>
      <c r="CJ1158" s="53">
        <v>-89506</v>
      </c>
      <c r="CK1158" s="53">
        <v>-89506</v>
      </c>
      <c r="CL1158" s="53">
        <v>-89506</v>
      </c>
      <c r="CM1158" s="53">
        <v>-89506</v>
      </c>
      <c r="CN1158" s="53">
        <v>-1074072</v>
      </c>
    </row>
    <row r="1159" spans="1:92" outlineLevel="1">
      <c r="A1159" s="52" t="s">
        <v>1460</v>
      </c>
      <c r="B1159" s="53"/>
      <c r="C1159" s="53"/>
      <c r="D1159" s="53"/>
      <c r="E1159" s="53"/>
      <c r="F1159" s="53"/>
      <c r="G1159" s="53"/>
      <c r="H1159" s="53"/>
      <c r="I1159" s="53"/>
      <c r="J1159" s="53"/>
      <c r="K1159" s="53"/>
      <c r="L1159" s="53"/>
      <c r="M1159" s="53"/>
      <c r="N1159" s="53"/>
      <c r="O1159" s="53"/>
      <c r="P1159" s="53"/>
      <c r="Q1159" s="53"/>
      <c r="R1159" s="53"/>
      <c r="S1159" s="53"/>
      <c r="T1159" s="53"/>
      <c r="U1159" s="53"/>
      <c r="V1159" s="53"/>
      <c r="W1159" s="53"/>
      <c r="X1159" s="53"/>
      <c r="Y1159" s="53"/>
      <c r="Z1159" s="53"/>
      <c r="AA1159" s="53"/>
      <c r="AB1159" s="53"/>
      <c r="AC1159" s="53"/>
      <c r="AD1159" s="53"/>
      <c r="AE1159" s="53"/>
      <c r="AF1159" s="53"/>
      <c r="AG1159" s="53"/>
      <c r="AH1159" s="53"/>
      <c r="AI1159" s="53"/>
      <c r="AJ1159" s="53"/>
      <c r="AK1159" s="53"/>
      <c r="AL1159" s="53"/>
      <c r="AM1159" s="53"/>
      <c r="AN1159" s="53"/>
      <c r="AO1159" s="53"/>
      <c r="AP1159" s="53"/>
      <c r="AQ1159" s="53"/>
      <c r="AR1159" s="53"/>
      <c r="AS1159" s="53"/>
      <c r="AT1159" s="53"/>
      <c r="AU1159" s="53"/>
      <c r="AV1159" s="53"/>
      <c r="AW1159" s="53"/>
      <c r="AX1159" s="53"/>
      <c r="AY1159" s="53"/>
      <c r="AZ1159" s="53"/>
      <c r="BA1159" s="53"/>
      <c r="BB1159" s="53"/>
      <c r="BC1159" s="53"/>
      <c r="BD1159" s="53"/>
      <c r="BE1159" s="53"/>
      <c r="BF1159" s="53"/>
      <c r="BG1159" s="53"/>
      <c r="BH1159" s="53"/>
      <c r="BI1159" s="53"/>
      <c r="BJ1159" s="53"/>
      <c r="BK1159" s="53"/>
      <c r="BL1159" s="53"/>
      <c r="BM1159" s="53"/>
      <c r="BN1159" s="53"/>
      <c r="BO1159" s="53"/>
      <c r="BP1159" s="53"/>
      <c r="BQ1159" s="53"/>
      <c r="BR1159" s="53"/>
      <c r="BS1159" s="53"/>
      <c r="BT1159" s="53"/>
      <c r="BU1159" s="53"/>
      <c r="BV1159" s="53"/>
      <c r="BW1159" s="53"/>
      <c r="BX1159" s="53"/>
      <c r="BY1159" s="53"/>
      <c r="BZ1159" s="53"/>
      <c r="CA1159" s="53"/>
      <c r="CB1159" s="53"/>
      <c r="CC1159" s="53"/>
      <c r="CD1159" s="53"/>
      <c r="CE1159" s="53"/>
      <c r="CF1159" s="53"/>
      <c r="CG1159" s="53"/>
      <c r="CH1159" s="53"/>
      <c r="CI1159" s="53"/>
      <c r="CJ1159" s="53"/>
      <c r="CK1159" s="53"/>
      <c r="CL1159" s="53"/>
      <c r="CM1159" s="53"/>
      <c r="CN1159" s="53"/>
    </row>
    <row r="1160" spans="1:92" outlineLevel="1">
      <c r="A1160" s="52" t="s">
        <v>1461</v>
      </c>
      <c r="B1160" s="53">
        <v>24644659.890000001</v>
      </c>
      <c r="C1160" s="53">
        <v>25347725.030000001</v>
      </c>
      <c r="D1160" s="53">
        <v>26481158.519999899</v>
      </c>
      <c r="E1160" s="53">
        <v>28732557.809999999</v>
      </c>
      <c r="F1160" s="53">
        <v>29637510.0699999</v>
      </c>
      <c r="G1160" s="53">
        <v>24247401.199999999</v>
      </c>
      <c r="H1160" s="53">
        <v>20216951.059999999</v>
      </c>
      <c r="I1160" s="53">
        <v>16184968.390000001</v>
      </c>
      <c r="J1160" s="53">
        <v>15682126.449999999</v>
      </c>
      <c r="K1160" s="53">
        <v>18815860.260000002</v>
      </c>
      <c r="L1160" s="53">
        <v>21050818.280000001</v>
      </c>
      <c r="M1160" s="53">
        <v>21637315.219999999</v>
      </c>
      <c r="N1160" s="53">
        <v>21637315.219999999</v>
      </c>
      <c r="O1160" s="53">
        <v>21637315.219999999</v>
      </c>
      <c r="P1160" s="53">
        <v>21637315.219999999</v>
      </c>
      <c r="Q1160" s="53">
        <v>21637315.219999999</v>
      </c>
      <c r="R1160" s="53">
        <v>21637315.219999999</v>
      </c>
      <c r="S1160" s="53">
        <v>21637315.219999999</v>
      </c>
      <c r="T1160" s="53">
        <v>21637315.219999999</v>
      </c>
      <c r="U1160" s="53">
        <v>21637315.219999999</v>
      </c>
      <c r="V1160" s="53">
        <v>21637315.219999999</v>
      </c>
      <c r="W1160" s="53">
        <v>21637315.219999999</v>
      </c>
      <c r="X1160" s="53">
        <v>21637315.219999999</v>
      </c>
      <c r="Y1160" s="53">
        <v>21637315.219999999</v>
      </c>
      <c r="Z1160" s="53">
        <v>21637315.219999999</v>
      </c>
      <c r="AA1160" s="53">
        <v>21637315.219999999</v>
      </c>
      <c r="AB1160" s="53">
        <v>21637315.219999999</v>
      </c>
      <c r="AC1160" s="53">
        <v>21637315.219999999</v>
      </c>
      <c r="AD1160" s="53">
        <v>21637315.219999999</v>
      </c>
      <c r="AE1160" s="53">
        <v>21637315.219999999</v>
      </c>
      <c r="AF1160" s="53">
        <v>21637315.219999999</v>
      </c>
      <c r="AG1160" s="53">
        <v>21637315.219999999</v>
      </c>
      <c r="AH1160" s="53">
        <v>21637315.219999999</v>
      </c>
      <c r="AI1160" s="53">
        <v>21637315.219999999</v>
      </c>
      <c r="AJ1160" s="53">
        <v>21637315.219999999</v>
      </c>
      <c r="AK1160" s="53">
        <v>21637315.219999999</v>
      </c>
      <c r="AL1160" s="53">
        <v>21637315.219999999</v>
      </c>
      <c r="AM1160" s="53">
        <v>21637315.219999999</v>
      </c>
      <c r="AN1160" s="53">
        <v>21637315.219999999</v>
      </c>
      <c r="AO1160" s="53">
        <v>21637315.219999999</v>
      </c>
      <c r="AP1160" s="53">
        <v>21637315.219999999</v>
      </c>
      <c r="AQ1160" s="53">
        <v>21637315.219999999</v>
      </c>
      <c r="AR1160" s="53">
        <v>21637315.219999999</v>
      </c>
      <c r="AS1160" s="53">
        <v>21637315.219999999</v>
      </c>
      <c r="AT1160" s="53">
        <v>21637315.219999999</v>
      </c>
      <c r="AU1160" s="53">
        <v>21637315.219999999</v>
      </c>
      <c r="AV1160" s="53">
        <v>21637315.219999999</v>
      </c>
      <c r="AW1160" s="53">
        <v>21637315.219999999</v>
      </c>
      <c r="AX1160" s="53">
        <v>21637315.219999999</v>
      </c>
      <c r="AY1160" s="53">
        <v>21637315.219999999</v>
      </c>
      <c r="AZ1160" s="53">
        <v>21637315.219999999</v>
      </c>
      <c r="BA1160" s="53">
        <v>21637315.219999999</v>
      </c>
      <c r="BB1160" s="53">
        <v>21637315.219999999</v>
      </c>
      <c r="BC1160" s="53">
        <v>21637315.219999999</v>
      </c>
      <c r="BD1160" s="53">
        <v>21637315.219999999</v>
      </c>
      <c r="BE1160" s="53">
        <v>21637315.219999999</v>
      </c>
      <c r="BF1160" s="53">
        <v>21637315.219999999</v>
      </c>
      <c r="BG1160" s="53">
        <v>21637315.219999999</v>
      </c>
      <c r="BH1160" s="53">
        <v>21637315.219999999</v>
      </c>
      <c r="BI1160" s="53">
        <v>21637315.219999999</v>
      </c>
      <c r="BJ1160" s="53">
        <v>21637315.219999999</v>
      </c>
      <c r="BK1160" s="53">
        <v>21637315.219999999</v>
      </c>
      <c r="BL1160" s="53">
        <v>21637315.219999999</v>
      </c>
      <c r="BM1160" s="53">
        <v>21637315.219999999</v>
      </c>
      <c r="BN1160" s="53">
        <v>21637315.219999999</v>
      </c>
      <c r="BO1160" s="53">
        <v>21637315.219999999</v>
      </c>
      <c r="BP1160" s="53">
        <v>21637315.219999999</v>
      </c>
      <c r="BQ1160" s="53">
        <v>21637315.219999999</v>
      </c>
      <c r="BR1160" s="53">
        <v>21637315.219999999</v>
      </c>
      <c r="BS1160" s="53">
        <v>21637315.219999999</v>
      </c>
      <c r="BT1160" s="53">
        <v>21637315.219999999</v>
      </c>
      <c r="BU1160" s="53">
        <v>21637315.219999999</v>
      </c>
      <c r="BV1160" s="53">
        <v>21637315.219999999</v>
      </c>
      <c r="BW1160" s="53">
        <v>21637315.219999999</v>
      </c>
      <c r="BX1160" s="53">
        <v>21637315.219999999</v>
      </c>
      <c r="BY1160" s="53">
        <v>21637315.219999999</v>
      </c>
      <c r="BZ1160" s="53">
        <v>21637315.219999999</v>
      </c>
      <c r="CA1160" s="53">
        <v>21637315.219999999</v>
      </c>
      <c r="CB1160" s="53"/>
      <c r="CC1160" s="53"/>
      <c r="CD1160" s="53"/>
      <c r="CE1160" s="53"/>
      <c r="CF1160" s="53"/>
      <c r="CG1160" s="53"/>
      <c r="CH1160" s="53"/>
      <c r="CI1160" s="53"/>
      <c r="CJ1160" s="53"/>
      <c r="CK1160" s="53"/>
      <c r="CL1160" s="53"/>
      <c r="CM1160" s="53"/>
      <c r="CN1160" s="53"/>
    </row>
    <row r="1161" spans="1:92" outlineLevel="1">
      <c r="A1161" s="52" t="s">
        <v>1462</v>
      </c>
      <c r="B1161" s="53">
        <v>0</v>
      </c>
      <c r="C1161" s="53">
        <v>0</v>
      </c>
      <c r="D1161" s="53">
        <v>0</v>
      </c>
      <c r="E1161" s="53">
        <v>0</v>
      </c>
      <c r="F1161" s="53">
        <v>0</v>
      </c>
      <c r="G1161" s="53">
        <v>0</v>
      </c>
      <c r="H1161" s="53">
        <v>0</v>
      </c>
      <c r="I1161" s="53">
        <v>0</v>
      </c>
      <c r="J1161" s="53">
        <v>0</v>
      </c>
      <c r="K1161" s="53">
        <v>0</v>
      </c>
      <c r="L1161" s="53">
        <v>0</v>
      </c>
      <c r="M1161" s="53">
        <v>0</v>
      </c>
      <c r="N1161" s="53">
        <v>0</v>
      </c>
      <c r="O1161" s="53">
        <v>0</v>
      </c>
      <c r="P1161" s="53">
        <v>0</v>
      </c>
      <c r="Q1161" s="53">
        <v>0</v>
      </c>
      <c r="R1161" s="53">
        <v>0</v>
      </c>
      <c r="S1161" s="53">
        <v>0</v>
      </c>
      <c r="T1161" s="53">
        <v>0</v>
      </c>
      <c r="U1161" s="53">
        <v>0</v>
      </c>
      <c r="V1161" s="53">
        <v>0</v>
      </c>
      <c r="W1161" s="53">
        <v>0</v>
      </c>
      <c r="X1161" s="53">
        <v>0</v>
      </c>
      <c r="Y1161" s="53">
        <v>0</v>
      </c>
      <c r="Z1161" s="53">
        <v>0</v>
      </c>
      <c r="AA1161" s="53">
        <v>0</v>
      </c>
      <c r="AB1161" s="53">
        <v>0</v>
      </c>
      <c r="AC1161" s="53">
        <v>0</v>
      </c>
      <c r="AD1161" s="53">
        <v>0</v>
      </c>
      <c r="AE1161" s="53">
        <v>0</v>
      </c>
      <c r="AF1161" s="53">
        <v>0</v>
      </c>
      <c r="AG1161" s="53">
        <v>0</v>
      </c>
      <c r="AH1161" s="53">
        <v>0</v>
      </c>
      <c r="AI1161" s="53">
        <v>0</v>
      </c>
      <c r="AJ1161" s="53">
        <v>0</v>
      </c>
      <c r="AK1161" s="53">
        <v>0</v>
      </c>
      <c r="AL1161" s="53">
        <v>0</v>
      </c>
      <c r="AM1161" s="53">
        <v>0</v>
      </c>
      <c r="AN1161" s="53">
        <v>0</v>
      </c>
      <c r="AO1161" s="53">
        <v>0</v>
      </c>
      <c r="AP1161" s="53">
        <v>0</v>
      </c>
      <c r="AQ1161" s="53">
        <v>0</v>
      </c>
      <c r="AR1161" s="53">
        <v>0</v>
      </c>
      <c r="AS1161" s="53">
        <v>0</v>
      </c>
      <c r="AT1161" s="53">
        <v>0</v>
      </c>
      <c r="AU1161" s="53">
        <v>0</v>
      </c>
      <c r="AV1161" s="53">
        <v>0</v>
      </c>
      <c r="AW1161" s="53">
        <v>0</v>
      </c>
      <c r="AX1161" s="53">
        <v>0</v>
      </c>
      <c r="AY1161" s="53">
        <v>0</v>
      </c>
      <c r="AZ1161" s="53">
        <v>0</v>
      </c>
      <c r="BA1161" s="53">
        <v>0</v>
      </c>
      <c r="BB1161" s="53">
        <v>0</v>
      </c>
      <c r="BC1161" s="53">
        <v>0</v>
      </c>
      <c r="BD1161" s="53">
        <v>0</v>
      </c>
      <c r="BE1161" s="53">
        <v>0</v>
      </c>
      <c r="BF1161" s="53">
        <v>0</v>
      </c>
      <c r="BG1161" s="53">
        <v>0</v>
      </c>
      <c r="BH1161" s="53">
        <v>0</v>
      </c>
      <c r="BI1161" s="53">
        <v>0</v>
      </c>
      <c r="BJ1161" s="53">
        <v>0</v>
      </c>
      <c r="BK1161" s="53">
        <v>0</v>
      </c>
      <c r="BL1161" s="53">
        <v>0</v>
      </c>
      <c r="BM1161" s="53">
        <v>0</v>
      </c>
      <c r="BN1161" s="53">
        <v>0</v>
      </c>
      <c r="BO1161" s="53">
        <v>0</v>
      </c>
      <c r="BP1161" s="53">
        <v>0</v>
      </c>
      <c r="BQ1161" s="53">
        <v>0</v>
      </c>
      <c r="BR1161" s="53">
        <v>0</v>
      </c>
      <c r="BS1161" s="53">
        <v>0</v>
      </c>
      <c r="BT1161" s="53">
        <v>0</v>
      </c>
      <c r="BU1161" s="53">
        <v>0</v>
      </c>
      <c r="BV1161" s="53">
        <v>0</v>
      </c>
      <c r="BW1161" s="53">
        <v>0</v>
      </c>
      <c r="BX1161" s="53">
        <v>0</v>
      </c>
      <c r="BY1161" s="53">
        <v>0</v>
      </c>
      <c r="BZ1161" s="53">
        <v>0</v>
      </c>
      <c r="CA1161" s="53">
        <v>0</v>
      </c>
      <c r="CB1161" s="53"/>
      <c r="CC1161" s="53"/>
      <c r="CD1161" s="53"/>
      <c r="CE1161" s="53"/>
      <c r="CF1161" s="53"/>
      <c r="CG1161" s="53"/>
      <c r="CH1161" s="53"/>
      <c r="CI1161" s="53"/>
      <c r="CJ1161" s="53"/>
      <c r="CK1161" s="53"/>
      <c r="CL1161" s="53"/>
      <c r="CM1161" s="53"/>
      <c r="CN1161" s="53"/>
    </row>
    <row r="1162" spans="1:92" outlineLevel="1">
      <c r="A1162" s="52" t="s">
        <v>1463</v>
      </c>
      <c r="B1162" s="53">
        <v>0</v>
      </c>
      <c r="C1162" s="53">
        <v>0</v>
      </c>
      <c r="D1162" s="53">
        <v>0</v>
      </c>
      <c r="E1162" s="53">
        <v>0</v>
      </c>
      <c r="F1162" s="53">
        <v>0</v>
      </c>
      <c r="G1162" s="53">
        <v>0</v>
      </c>
      <c r="H1162" s="53">
        <v>0</v>
      </c>
      <c r="I1162" s="53">
        <v>0</v>
      </c>
      <c r="J1162" s="53">
        <v>0</v>
      </c>
      <c r="K1162" s="53">
        <v>0</v>
      </c>
      <c r="L1162" s="53">
        <v>0</v>
      </c>
      <c r="M1162" s="53">
        <v>0</v>
      </c>
      <c r="N1162" s="53">
        <v>0</v>
      </c>
      <c r="O1162" s="53">
        <v>0</v>
      </c>
      <c r="P1162" s="53">
        <v>0</v>
      </c>
      <c r="Q1162" s="53">
        <v>0</v>
      </c>
      <c r="R1162" s="53">
        <v>0</v>
      </c>
      <c r="S1162" s="53">
        <v>0</v>
      </c>
      <c r="T1162" s="53">
        <v>0</v>
      </c>
      <c r="U1162" s="53">
        <v>0</v>
      </c>
      <c r="V1162" s="53">
        <v>0</v>
      </c>
      <c r="W1162" s="53">
        <v>0</v>
      </c>
      <c r="X1162" s="53">
        <v>0</v>
      </c>
      <c r="Y1162" s="53">
        <v>0</v>
      </c>
      <c r="Z1162" s="53">
        <v>0</v>
      </c>
      <c r="AA1162" s="53">
        <v>0</v>
      </c>
      <c r="AB1162" s="53">
        <v>0</v>
      </c>
      <c r="AC1162" s="53">
        <v>0</v>
      </c>
      <c r="AD1162" s="53">
        <v>0</v>
      </c>
      <c r="AE1162" s="53">
        <v>0</v>
      </c>
      <c r="AF1162" s="53">
        <v>0</v>
      </c>
      <c r="AG1162" s="53">
        <v>0</v>
      </c>
      <c r="AH1162" s="53">
        <v>0</v>
      </c>
      <c r="AI1162" s="53">
        <v>0</v>
      </c>
      <c r="AJ1162" s="53">
        <v>0</v>
      </c>
      <c r="AK1162" s="53">
        <v>0</v>
      </c>
      <c r="AL1162" s="53">
        <v>0</v>
      </c>
      <c r="AM1162" s="53">
        <v>0</v>
      </c>
      <c r="AN1162" s="53">
        <v>0</v>
      </c>
      <c r="AO1162" s="53">
        <v>0</v>
      </c>
      <c r="AP1162" s="53">
        <v>0</v>
      </c>
      <c r="AQ1162" s="53">
        <v>0</v>
      </c>
      <c r="AR1162" s="53">
        <v>0</v>
      </c>
      <c r="AS1162" s="53">
        <v>0</v>
      </c>
      <c r="AT1162" s="53">
        <v>0</v>
      </c>
      <c r="AU1162" s="53">
        <v>0</v>
      </c>
      <c r="AV1162" s="53">
        <v>0</v>
      </c>
      <c r="AW1162" s="53">
        <v>0</v>
      </c>
      <c r="AX1162" s="53">
        <v>0</v>
      </c>
      <c r="AY1162" s="53">
        <v>0</v>
      </c>
      <c r="AZ1162" s="53">
        <v>0</v>
      </c>
      <c r="BA1162" s="53">
        <v>0</v>
      </c>
      <c r="BB1162" s="53">
        <v>0</v>
      </c>
      <c r="BC1162" s="53">
        <v>0</v>
      </c>
      <c r="BD1162" s="53">
        <v>0</v>
      </c>
      <c r="BE1162" s="53">
        <v>0</v>
      </c>
      <c r="BF1162" s="53">
        <v>0</v>
      </c>
      <c r="BG1162" s="53">
        <v>0</v>
      </c>
      <c r="BH1162" s="53">
        <v>0</v>
      </c>
      <c r="BI1162" s="53">
        <v>0</v>
      </c>
      <c r="BJ1162" s="53">
        <v>0</v>
      </c>
      <c r="BK1162" s="53">
        <v>0</v>
      </c>
      <c r="BL1162" s="53">
        <v>0</v>
      </c>
      <c r="BM1162" s="53">
        <v>0</v>
      </c>
      <c r="BN1162" s="53">
        <v>0</v>
      </c>
      <c r="BO1162" s="53">
        <v>0</v>
      </c>
      <c r="BP1162" s="53">
        <v>0</v>
      </c>
      <c r="BQ1162" s="53">
        <v>0</v>
      </c>
      <c r="BR1162" s="53">
        <v>0</v>
      </c>
      <c r="BS1162" s="53">
        <v>0</v>
      </c>
      <c r="BT1162" s="53">
        <v>0</v>
      </c>
      <c r="BU1162" s="53">
        <v>0</v>
      </c>
      <c r="BV1162" s="53">
        <v>0</v>
      </c>
      <c r="BW1162" s="53">
        <v>0</v>
      </c>
      <c r="BX1162" s="53">
        <v>0</v>
      </c>
      <c r="BY1162" s="53">
        <v>0</v>
      </c>
      <c r="BZ1162" s="53">
        <v>0</v>
      </c>
      <c r="CA1162" s="53">
        <v>0</v>
      </c>
      <c r="CB1162" s="53"/>
      <c r="CC1162" s="53"/>
      <c r="CD1162" s="53"/>
      <c r="CE1162" s="53"/>
      <c r="CF1162" s="53"/>
      <c r="CG1162" s="53"/>
      <c r="CH1162" s="53"/>
      <c r="CI1162" s="53"/>
      <c r="CJ1162" s="53"/>
      <c r="CK1162" s="53"/>
      <c r="CL1162" s="53"/>
      <c r="CM1162" s="53"/>
      <c r="CN1162" s="53"/>
    </row>
    <row r="1163" spans="1:92" outlineLevel="1">
      <c r="A1163" s="52" t="s">
        <v>1464</v>
      </c>
      <c r="B1163" s="53">
        <v>0</v>
      </c>
      <c r="C1163" s="53">
        <v>0</v>
      </c>
      <c r="D1163" s="53">
        <v>0</v>
      </c>
      <c r="E1163" s="53">
        <v>0</v>
      </c>
      <c r="F1163" s="53">
        <v>0</v>
      </c>
      <c r="G1163" s="53">
        <v>0</v>
      </c>
      <c r="H1163" s="53">
        <v>0</v>
      </c>
      <c r="I1163" s="53">
        <v>0</v>
      </c>
      <c r="J1163" s="53">
        <v>0</v>
      </c>
      <c r="K1163" s="53">
        <v>0</v>
      </c>
      <c r="L1163" s="53">
        <v>0</v>
      </c>
      <c r="M1163" s="53">
        <v>0</v>
      </c>
      <c r="N1163" s="53">
        <v>0</v>
      </c>
      <c r="O1163" s="53">
        <v>0</v>
      </c>
      <c r="P1163" s="53">
        <v>0</v>
      </c>
      <c r="Q1163" s="53">
        <v>0</v>
      </c>
      <c r="R1163" s="53">
        <v>0</v>
      </c>
      <c r="S1163" s="53">
        <v>0</v>
      </c>
      <c r="T1163" s="53">
        <v>0</v>
      </c>
      <c r="U1163" s="53">
        <v>0</v>
      </c>
      <c r="V1163" s="53">
        <v>0</v>
      </c>
      <c r="W1163" s="53">
        <v>0</v>
      </c>
      <c r="X1163" s="53">
        <v>0</v>
      </c>
      <c r="Y1163" s="53">
        <v>0</v>
      </c>
      <c r="Z1163" s="53">
        <v>0</v>
      </c>
      <c r="AA1163" s="53">
        <v>0</v>
      </c>
      <c r="AB1163" s="53">
        <v>0</v>
      </c>
      <c r="AC1163" s="53">
        <v>0</v>
      </c>
      <c r="AD1163" s="53">
        <v>0</v>
      </c>
      <c r="AE1163" s="53">
        <v>0</v>
      </c>
      <c r="AF1163" s="53">
        <v>0</v>
      </c>
      <c r="AG1163" s="53">
        <v>0</v>
      </c>
      <c r="AH1163" s="53">
        <v>0</v>
      </c>
      <c r="AI1163" s="53">
        <v>0</v>
      </c>
      <c r="AJ1163" s="53">
        <v>0</v>
      </c>
      <c r="AK1163" s="53">
        <v>0</v>
      </c>
      <c r="AL1163" s="53">
        <v>0</v>
      </c>
      <c r="AM1163" s="53">
        <v>0</v>
      </c>
      <c r="AN1163" s="53">
        <v>0</v>
      </c>
      <c r="AO1163" s="53">
        <v>0</v>
      </c>
      <c r="AP1163" s="53">
        <v>0</v>
      </c>
      <c r="AQ1163" s="53">
        <v>0</v>
      </c>
      <c r="AR1163" s="53">
        <v>0</v>
      </c>
      <c r="AS1163" s="53">
        <v>0</v>
      </c>
      <c r="AT1163" s="53">
        <v>0</v>
      </c>
      <c r="AU1163" s="53">
        <v>0</v>
      </c>
      <c r="AV1163" s="53">
        <v>0</v>
      </c>
      <c r="AW1163" s="53">
        <v>0</v>
      </c>
      <c r="AX1163" s="53">
        <v>0</v>
      </c>
      <c r="AY1163" s="53">
        <v>0</v>
      </c>
      <c r="AZ1163" s="53">
        <v>0</v>
      </c>
      <c r="BA1163" s="53">
        <v>0</v>
      </c>
      <c r="BB1163" s="53">
        <v>0</v>
      </c>
      <c r="BC1163" s="53">
        <v>0</v>
      </c>
      <c r="BD1163" s="53">
        <v>0</v>
      </c>
      <c r="BE1163" s="53">
        <v>0</v>
      </c>
      <c r="BF1163" s="53">
        <v>0</v>
      </c>
      <c r="BG1163" s="53">
        <v>0</v>
      </c>
      <c r="BH1163" s="53">
        <v>0</v>
      </c>
      <c r="BI1163" s="53">
        <v>0</v>
      </c>
      <c r="BJ1163" s="53">
        <v>0</v>
      </c>
      <c r="BK1163" s="53">
        <v>0</v>
      </c>
      <c r="BL1163" s="53">
        <v>0</v>
      </c>
      <c r="BM1163" s="53">
        <v>0</v>
      </c>
      <c r="BN1163" s="53">
        <v>0</v>
      </c>
      <c r="BO1163" s="53">
        <v>0</v>
      </c>
      <c r="BP1163" s="53">
        <v>0</v>
      </c>
      <c r="BQ1163" s="53">
        <v>0</v>
      </c>
      <c r="BR1163" s="53">
        <v>0</v>
      </c>
      <c r="BS1163" s="53">
        <v>0</v>
      </c>
      <c r="BT1163" s="53">
        <v>0</v>
      </c>
      <c r="BU1163" s="53">
        <v>0</v>
      </c>
      <c r="BV1163" s="53">
        <v>0</v>
      </c>
      <c r="BW1163" s="53">
        <v>0</v>
      </c>
      <c r="BX1163" s="53">
        <v>0</v>
      </c>
      <c r="BY1163" s="53">
        <v>0</v>
      </c>
      <c r="BZ1163" s="53">
        <v>0</v>
      </c>
      <c r="CA1163" s="53">
        <v>0</v>
      </c>
      <c r="CB1163" s="53"/>
      <c r="CC1163" s="53"/>
      <c r="CD1163" s="53"/>
      <c r="CE1163" s="53"/>
      <c r="CF1163" s="53"/>
      <c r="CG1163" s="53"/>
      <c r="CH1163" s="53"/>
      <c r="CI1163" s="53"/>
      <c r="CJ1163" s="53"/>
      <c r="CK1163" s="53"/>
      <c r="CL1163" s="53"/>
      <c r="CM1163" s="53"/>
      <c r="CN1163" s="53"/>
    </row>
    <row r="1164" spans="1:92" outlineLevel="1">
      <c r="A1164" s="52" t="s">
        <v>1465</v>
      </c>
      <c r="B1164" s="53">
        <v>53650905.119999997</v>
      </c>
      <c r="C1164" s="53">
        <v>51416983.799999997</v>
      </c>
      <c r="D1164" s="53">
        <v>50658971.340000004</v>
      </c>
      <c r="E1164" s="53">
        <v>49166126.399999999</v>
      </c>
      <c r="F1164" s="53">
        <v>46045058.729999997</v>
      </c>
      <c r="G1164" s="53">
        <v>46061351.210000001</v>
      </c>
      <c r="H1164" s="53">
        <v>45091954.539999999</v>
      </c>
      <c r="I1164" s="53">
        <v>45350816.109999999</v>
      </c>
      <c r="J1164" s="53">
        <v>44600788.030000001</v>
      </c>
      <c r="K1164" s="53">
        <v>41874239.130000003</v>
      </c>
      <c r="L1164" s="53">
        <v>42209045.009999998</v>
      </c>
      <c r="M1164" s="53">
        <v>43765394.359999999</v>
      </c>
      <c r="N1164" s="53">
        <v>43765394.359999999</v>
      </c>
      <c r="O1164" s="53">
        <v>43765394.359999999</v>
      </c>
      <c r="P1164" s="53">
        <v>43765394.359999999</v>
      </c>
      <c r="Q1164" s="53">
        <v>43765394.359999999</v>
      </c>
      <c r="R1164" s="53">
        <v>43765394.359999999</v>
      </c>
      <c r="S1164" s="53">
        <v>43765394.359999999</v>
      </c>
      <c r="T1164" s="53">
        <v>43765394.359999999</v>
      </c>
      <c r="U1164" s="53">
        <v>43765394.359999999</v>
      </c>
      <c r="V1164" s="53">
        <v>43765394.359999999</v>
      </c>
      <c r="W1164" s="53">
        <v>43765394.359999999</v>
      </c>
      <c r="X1164" s="53">
        <v>43765394.359999999</v>
      </c>
      <c r="Y1164" s="53">
        <v>43765394.359999999</v>
      </c>
      <c r="Z1164" s="53">
        <v>43765394.359999999</v>
      </c>
      <c r="AA1164" s="53">
        <v>43765394.359999999</v>
      </c>
      <c r="AB1164" s="53">
        <v>43765394.359999999</v>
      </c>
      <c r="AC1164" s="53">
        <v>43765394.359999999</v>
      </c>
      <c r="AD1164" s="53">
        <v>43765394.359999999</v>
      </c>
      <c r="AE1164" s="53">
        <v>43765394.359999999</v>
      </c>
      <c r="AF1164" s="53">
        <v>43765394.359999999</v>
      </c>
      <c r="AG1164" s="53">
        <v>43765394.359999999</v>
      </c>
      <c r="AH1164" s="53">
        <v>43765394.359999999</v>
      </c>
      <c r="AI1164" s="53">
        <v>43765394.359999999</v>
      </c>
      <c r="AJ1164" s="53">
        <v>43765394.359999999</v>
      </c>
      <c r="AK1164" s="53">
        <v>43765394.359999999</v>
      </c>
      <c r="AL1164" s="53">
        <v>43765394.359999999</v>
      </c>
      <c r="AM1164" s="53">
        <v>43765394.359999999</v>
      </c>
      <c r="AN1164" s="53">
        <v>43765394.359999999</v>
      </c>
      <c r="AO1164" s="53">
        <v>43765394.359999999</v>
      </c>
      <c r="AP1164" s="53">
        <v>43765394.359999999</v>
      </c>
      <c r="AQ1164" s="53">
        <v>43765394.359999999</v>
      </c>
      <c r="AR1164" s="53">
        <v>43765394.359999999</v>
      </c>
      <c r="AS1164" s="53">
        <v>43765394.359999999</v>
      </c>
      <c r="AT1164" s="53">
        <v>43765394.359999999</v>
      </c>
      <c r="AU1164" s="53">
        <v>43765394.359999999</v>
      </c>
      <c r="AV1164" s="53">
        <v>43765394.359999999</v>
      </c>
      <c r="AW1164" s="53">
        <v>43765394.359999999</v>
      </c>
      <c r="AX1164" s="53">
        <v>43765394.359999999</v>
      </c>
      <c r="AY1164" s="53">
        <v>43765394.359999999</v>
      </c>
      <c r="AZ1164" s="53">
        <v>43765394.359999999</v>
      </c>
      <c r="BA1164" s="53">
        <v>43765394.359999999</v>
      </c>
      <c r="BB1164" s="53">
        <v>43765394.359999999</v>
      </c>
      <c r="BC1164" s="53">
        <v>43765394.359999999</v>
      </c>
      <c r="BD1164" s="53">
        <v>43765394.359999999</v>
      </c>
      <c r="BE1164" s="53">
        <v>43765394.359999999</v>
      </c>
      <c r="BF1164" s="53">
        <v>43765394.359999999</v>
      </c>
      <c r="BG1164" s="53">
        <v>43765394.359999999</v>
      </c>
      <c r="BH1164" s="53">
        <v>43765394.359999999</v>
      </c>
      <c r="BI1164" s="53">
        <v>43765394.359999999</v>
      </c>
      <c r="BJ1164" s="53">
        <v>43765394.359999999</v>
      </c>
      <c r="BK1164" s="53">
        <v>43765394.359999999</v>
      </c>
      <c r="BL1164" s="53">
        <v>43765394.359999999</v>
      </c>
      <c r="BM1164" s="53">
        <v>43765394.359999999</v>
      </c>
      <c r="BN1164" s="53">
        <v>43765394.359999999</v>
      </c>
      <c r="BO1164" s="53">
        <v>43765394.359999999</v>
      </c>
      <c r="BP1164" s="53">
        <v>43765394.359999999</v>
      </c>
      <c r="BQ1164" s="53">
        <v>43765394.359999999</v>
      </c>
      <c r="BR1164" s="53">
        <v>43765394.359999999</v>
      </c>
      <c r="BS1164" s="53">
        <v>43765394.359999999</v>
      </c>
      <c r="BT1164" s="53">
        <v>43765394.359999999</v>
      </c>
      <c r="BU1164" s="53">
        <v>43765394.359999999</v>
      </c>
      <c r="BV1164" s="53">
        <v>43765394.359999999</v>
      </c>
      <c r="BW1164" s="53">
        <v>43765394.359999999</v>
      </c>
      <c r="BX1164" s="53">
        <v>43765394.359999999</v>
      </c>
      <c r="BY1164" s="53">
        <v>43765394.359999999</v>
      </c>
      <c r="BZ1164" s="53">
        <v>43765394.359999999</v>
      </c>
      <c r="CA1164" s="53">
        <v>43765394.359999999</v>
      </c>
      <c r="CB1164" s="53"/>
      <c r="CC1164" s="53"/>
      <c r="CD1164" s="53"/>
      <c r="CE1164" s="53"/>
      <c r="CF1164" s="53"/>
      <c r="CG1164" s="53"/>
      <c r="CH1164" s="53"/>
      <c r="CI1164" s="53"/>
      <c r="CJ1164" s="53"/>
      <c r="CK1164" s="53"/>
      <c r="CL1164" s="53"/>
      <c r="CM1164" s="53"/>
      <c r="CN1164" s="53"/>
    </row>
    <row r="1165" spans="1:92" outlineLevel="1">
      <c r="A1165" s="52" t="s">
        <v>1466</v>
      </c>
      <c r="B1165" s="53">
        <v>0</v>
      </c>
      <c r="C1165" s="53">
        <v>0</v>
      </c>
      <c r="D1165" s="53">
        <v>0</v>
      </c>
      <c r="E1165" s="53">
        <v>0</v>
      </c>
      <c r="F1165" s="53">
        <v>0</v>
      </c>
      <c r="G1165" s="53">
        <v>0</v>
      </c>
      <c r="H1165" s="53">
        <v>0</v>
      </c>
      <c r="I1165" s="53">
        <v>0</v>
      </c>
      <c r="J1165" s="53">
        <v>0</v>
      </c>
      <c r="K1165" s="53">
        <v>0</v>
      </c>
      <c r="L1165" s="53">
        <v>0</v>
      </c>
      <c r="M1165" s="53">
        <v>0</v>
      </c>
      <c r="N1165" s="53">
        <v>0</v>
      </c>
      <c r="O1165" s="53">
        <v>0</v>
      </c>
      <c r="P1165" s="53">
        <v>0</v>
      </c>
      <c r="Q1165" s="53">
        <v>0</v>
      </c>
      <c r="R1165" s="53">
        <v>0</v>
      </c>
      <c r="S1165" s="53">
        <v>0</v>
      </c>
      <c r="T1165" s="53">
        <v>0</v>
      </c>
      <c r="U1165" s="53">
        <v>0</v>
      </c>
      <c r="V1165" s="53">
        <v>0</v>
      </c>
      <c r="W1165" s="53">
        <v>0</v>
      </c>
      <c r="X1165" s="53">
        <v>0</v>
      </c>
      <c r="Y1165" s="53">
        <v>0</v>
      </c>
      <c r="Z1165" s="53">
        <v>0</v>
      </c>
      <c r="AA1165" s="53">
        <v>0</v>
      </c>
      <c r="AB1165" s="53">
        <v>0</v>
      </c>
      <c r="AC1165" s="53">
        <v>0</v>
      </c>
      <c r="AD1165" s="53">
        <v>0</v>
      </c>
      <c r="AE1165" s="53">
        <v>0</v>
      </c>
      <c r="AF1165" s="53">
        <v>0</v>
      </c>
      <c r="AG1165" s="53">
        <v>0</v>
      </c>
      <c r="AH1165" s="53">
        <v>0</v>
      </c>
      <c r="AI1165" s="53">
        <v>0</v>
      </c>
      <c r="AJ1165" s="53">
        <v>0</v>
      </c>
      <c r="AK1165" s="53">
        <v>0</v>
      </c>
      <c r="AL1165" s="53">
        <v>0</v>
      </c>
      <c r="AM1165" s="53">
        <v>0</v>
      </c>
      <c r="AN1165" s="53">
        <v>0</v>
      </c>
      <c r="AO1165" s="53">
        <v>0</v>
      </c>
      <c r="AP1165" s="53">
        <v>0</v>
      </c>
      <c r="AQ1165" s="53">
        <v>0</v>
      </c>
      <c r="AR1165" s="53">
        <v>0</v>
      </c>
      <c r="AS1165" s="53">
        <v>0</v>
      </c>
      <c r="AT1165" s="53">
        <v>0</v>
      </c>
      <c r="AU1165" s="53">
        <v>0</v>
      </c>
      <c r="AV1165" s="53">
        <v>0</v>
      </c>
      <c r="AW1165" s="53">
        <v>0</v>
      </c>
      <c r="AX1165" s="53">
        <v>0</v>
      </c>
      <c r="AY1165" s="53">
        <v>0</v>
      </c>
      <c r="AZ1165" s="53">
        <v>0</v>
      </c>
      <c r="BA1165" s="53">
        <v>0</v>
      </c>
      <c r="BB1165" s="53">
        <v>0</v>
      </c>
      <c r="BC1165" s="53">
        <v>0</v>
      </c>
      <c r="BD1165" s="53">
        <v>0</v>
      </c>
      <c r="BE1165" s="53">
        <v>0</v>
      </c>
      <c r="BF1165" s="53">
        <v>0</v>
      </c>
      <c r="BG1165" s="53">
        <v>0</v>
      </c>
      <c r="BH1165" s="53">
        <v>0</v>
      </c>
      <c r="BI1165" s="53">
        <v>0</v>
      </c>
      <c r="BJ1165" s="53">
        <v>0</v>
      </c>
      <c r="BK1165" s="53">
        <v>0</v>
      </c>
      <c r="BL1165" s="53">
        <v>0</v>
      </c>
      <c r="BM1165" s="53">
        <v>0</v>
      </c>
      <c r="BN1165" s="53">
        <v>0</v>
      </c>
      <c r="BO1165" s="53">
        <v>0</v>
      </c>
      <c r="BP1165" s="53">
        <v>0</v>
      </c>
      <c r="BQ1165" s="53">
        <v>0</v>
      </c>
      <c r="BR1165" s="53">
        <v>0</v>
      </c>
      <c r="BS1165" s="53">
        <v>0</v>
      </c>
      <c r="BT1165" s="53">
        <v>0</v>
      </c>
      <c r="BU1165" s="53">
        <v>0</v>
      </c>
      <c r="BV1165" s="53">
        <v>0</v>
      </c>
      <c r="BW1165" s="53">
        <v>0</v>
      </c>
      <c r="BX1165" s="53">
        <v>0</v>
      </c>
      <c r="BY1165" s="53">
        <v>0</v>
      </c>
      <c r="BZ1165" s="53">
        <v>0</v>
      </c>
      <c r="CA1165" s="53">
        <v>0</v>
      </c>
      <c r="CB1165" s="53"/>
      <c r="CC1165" s="53"/>
      <c r="CD1165" s="53"/>
      <c r="CE1165" s="53"/>
      <c r="CF1165" s="53"/>
      <c r="CG1165" s="53"/>
      <c r="CH1165" s="53"/>
      <c r="CI1165" s="53"/>
      <c r="CJ1165" s="53"/>
      <c r="CK1165" s="53"/>
      <c r="CL1165" s="53"/>
      <c r="CM1165" s="53"/>
      <c r="CN1165" s="53"/>
    </row>
    <row r="1166" spans="1:92" outlineLevel="1">
      <c r="A1166" s="52" t="s">
        <v>1467</v>
      </c>
      <c r="B1166" s="53">
        <v>0</v>
      </c>
      <c r="C1166" s="53">
        <v>0</v>
      </c>
      <c r="D1166" s="53">
        <v>0</v>
      </c>
      <c r="E1166" s="53">
        <v>0</v>
      </c>
      <c r="F1166" s="53">
        <v>0</v>
      </c>
      <c r="G1166" s="53">
        <v>0</v>
      </c>
      <c r="H1166" s="53">
        <v>0</v>
      </c>
      <c r="I1166" s="53">
        <v>0</v>
      </c>
      <c r="J1166" s="53">
        <v>0</v>
      </c>
      <c r="K1166" s="53">
        <v>0</v>
      </c>
      <c r="L1166" s="53">
        <v>0</v>
      </c>
      <c r="M1166" s="53">
        <v>0</v>
      </c>
      <c r="N1166" s="53">
        <v>0</v>
      </c>
      <c r="O1166" s="53">
        <v>0</v>
      </c>
      <c r="P1166" s="53">
        <v>0</v>
      </c>
      <c r="Q1166" s="53">
        <v>0</v>
      </c>
      <c r="R1166" s="53">
        <v>0</v>
      </c>
      <c r="S1166" s="53">
        <v>0</v>
      </c>
      <c r="T1166" s="53">
        <v>0</v>
      </c>
      <c r="U1166" s="53">
        <v>0</v>
      </c>
      <c r="V1166" s="53">
        <v>0</v>
      </c>
      <c r="W1166" s="53">
        <v>0</v>
      </c>
      <c r="X1166" s="53">
        <v>0</v>
      </c>
      <c r="Y1166" s="53">
        <v>0</v>
      </c>
      <c r="Z1166" s="53">
        <v>0</v>
      </c>
      <c r="AA1166" s="53">
        <v>0</v>
      </c>
      <c r="AB1166" s="53">
        <v>0</v>
      </c>
      <c r="AC1166" s="53">
        <v>0</v>
      </c>
      <c r="AD1166" s="53">
        <v>0</v>
      </c>
      <c r="AE1166" s="53">
        <v>0</v>
      </c>
      <c r="AF1166" s="53">
        <v>0</v>
      </c>
      <c r="AG1166" s="53">
        <v>0</v>
      </c>
      <c r="AH1166" s="53">
        <v>0</v>
      </c>
      <c r="AI1166" s="53">
        <v>0</v>
      </c>
      <c r="AJ1166" s="53">
        <v>0</v>
      </c>
      <c r="AK1166" s="53">
        <v>0</v>
      </c>
      <c r="AL1166" s="53">
        <v>0</v>
      </c>
      <c r="AM1166" s="53">
        <v>0</v>
      </c>
      <c r="AN1166" s="53">
        <v>0</v>
      </c>
      <c r="AO1166" s="53">
        <v>0</v>
      </c>
      <c r="AP1166" s="53">
        <v>0</v>
      </c>
      <c r="AQ1166" s="53">
        <v>0</v>
      </c>
      <c r="AR1166" s="53">
        <v>0</v>
      </c>
      <c r="AS1166" s="53">
        <v>0</v>
      </c>
      <c r="AT1166" s="53">
        <v>0</v>
      </c>
      <c r="AU1166" s="53">
        <v>0</v>
      </c>
      <c r="AV1166" s="53">
        <v>0</v>
      </c>
      <c r="AW1166" s="53">
        <v>0</v>
      </c>
      <c r="AX1166" s="53">
        <v>0</v>
      </c>
      <c r="AY1166" s="53">
        <v>0</v>
      </c>
      <c r="AZ1166" s="53">
        <v>0</v>
      </c>
      <c r="BA1166" s="53">
        <v>0</v>
      </c>
      <c r="BB1166" s="53">
        <v>0</v>
      </c>
      <c r="BC1166" s="53">
        <v>0</v>
      </c>
      <c r="BD1166" s="53">
        <v>0</v>
      </c>
      <c r="BE1166" s="53">
        <v>0</v>
      </c>
      <c r="BF1166" s="53">
        <v>0</v>
      </c>
      <c r="BG1166" s="53">
        <v>0</v>
      </c>
      <c r="BH1166" s="53">
        <v>0</v>
      </c>
      <c r="BI1166" s="53">
        <v>0</v>
      </c>
      <c r="BJ1166" s="53">
        <v>0</v>
      </c>
      <c r="BK1166" s="53">
        <v>0</v>
      </c>
      <c r="BL1166" s="53">
        <v>0</v>
      </c>
      <c r="BM1166" s="53">
        <v>0</v>
      </c>
      <c r="BN1166" s="53">
        <v>0</v>
      </c>
      <c r="BO1166" s="53">
        <v>0</v>
      </c>
      <c r="BP1166" s="53">
        <v>0</v>
      </c>
      <c r="BQ1166" s="53">
        <v>0</v>
      </c>
      <c r="BR1166" s="53">
        <v>0</v>
      </c>
      <c r="BS1166" s="53">
        <v>0</v>
      </c>
      <c r="BT1166" s="53">
        <v>0</v>
      </c>
      <c r="BU1166" s="53">
        <v>0</v>
      </c>
      <c r="BV1166" s="53">
        <v>0</v>
      </c>
      <c r="BW1166" s="53">
        <v>0</v>
      </c>
      <c r="BX1166" s="53">
        <v>0</v>
      </c>
      <c r="BY1166" s="53">
        <v>0</v>
      </c>
      <c r="BZ1166" s="53">
        <v>0</v>
      </c>
      <c r="CA1166" s="53">
        <v>0</v>
      </c>
      <c r="CB1166" s="53">
        <v>-401760</v>
      </c>
      <c r="CC1166" s="53">
        <v>-401760</v>
      </c>
      <c r="CD1166" s="53">
        <v>-401760</v>
      </c>
      <c r="CE1166" s="53">
        <v>-401760</v>
      </c>
      <c r="CF1166" s="53">
        <v>-401760</v>
      </c>
      <c r="CG1166" s="53">
        <v>-401760</v>
      </c>
      <c r="CH1166" s="53">
        <v>-401760</v>
      </c>
      <c r="CI1166" s="53">
        <v>-401760</v>
      </c>
      <c r="CJ1166" s="53">
        <v>-401760</v>
      </c>
      <c r="CK1166" s="53">
        <v>-401760</v>
      </c>
      <c r="CL1166" s="53">
        <v>-401760</v>
      </c>
      <c r="CM1166" s="53">
        <v>-401760</v>
      </c>
      <c r="CN1166" s="53">
        <v>-4821120</v>
      </c>
    </row>
    <row r="1167" spans="1:92" outlineLevel="1">
      <c r="A1167" s="52" t="s">
        <v>1468</v>
      </c>
      <c r="B1167" s="53">
        <v>220993957.91999999</v>
      </c>
      <c r="C1167" s="53">
        <v>223389357.91999999</v>
      </c>
      <c r="D1167" s="53">
        <v>225895931.91999999</v>
      </c>
      <c r="E1167" s="53">
        <v>228402505.91999999</v>
      </c>
      <c r="F1167" s="53">
        <v>230909079.91999999</v>
      </c>
      <c r="G1167" s="53">
        <v>233415653.91999999</v>
      </c>
      <c r="H1167" s="53">
        <v>235922227.91999999</v>
      </c>
      <c r="I1167" s="53">
        <v>238428801.91999999</v>
      </c>
      <c r="J1167" s="53">
        <v>251990011.269999</v>
      </c>
      <c r="K1167" s="53">
        <v>254149351.269999</v>
      </c>
      <c r="L1167" s="53">
        <v>256308691.269999</v>
      </c>
      <c r="M1167" s="53">
        <v>215627604.05999899</v>
      </c>
      <c r="N1167" s="53">
        <v>215627604.05999899</v>
      </c>
      <c r="O1167" s="53">
        <v>215627604.05999899</v>
      </c>
      <c r="P1167" s="53">
        <v>215627604.05999899</v>
      </c>
      <c r="Q1167" s="53">
        <v>215627604.05999899</v>
      </c>
      <c r="R1167" s="53">
        <v>215627604.05999899</v>
      </c>
      <c r="S1167" s="53">
        <v>215627604.05999899</v>
      </c>
      <c r="T1167" s="53">
        <v>215627604.05999899</v>
      </c>
      <c r="U1167" s="53">
        <v>215627604.05999899</v>
      </c>
      <c r="V1167" s="53">
        <v>215627604.05999899</v>
      </c>
      <c r="W1167" s="53">
        <v>215627604.05999899</v>
      </c>
      <c r="X1167" s="53">
        <v>215627604.05999899</v>
      </c>
      <c r="Y1167" s="53">
        <v>215627604.05999899</v>
      </c>
      <c r="Z1167" s="53">
        <v>215627604.05999899</v>
      </c>
      <c r="AA1167" s="53">
        <v>215627604.05999899</v>
      </c>
      <c r="AB1167" s="53">
        <v>215627604.05999899</v>
      </c>
      <c r="AC1167" s="53">
        <v>215627604.05999899</v>
      </c>
      <c r="AD1167" s="53">
        <v>215627604.05999899</v>
      </c>
      <c r="AE1167" s="53">
        <v>215627604.05999899</v>
      </c>
      <c r="AF1167" s="53">
        <v>215627604.05999899</v>
      </c>
      <c r="AG1167" s="53">
        <v>215627604.05999899</v>
      </c>
      <c r="AH1167" s="53">
        <v>215627604.05999899</v>
      </c>
      <c r="AI1167" s="53">
        <v>215627604.05999899</v>
      </c>
      <c r="AJ1167" s="53">
        <v>215627604.05999899</v>
      </c>
      <c r="AK1167" s="53">
        <v>215627604.05999899</v>
      </c>
      <c r="AL1167" s="53">
        <v>215627604.05999899</v>
      </c>
      <c r="AM1167" s="53">
        <v>215627604.05999899</v>
      </c>
      <c r="AN1167" s="53">
        <v>215627604.05999899</v>
      </c>
      <c r="AO1167" s="53">
        <v>215627604.05999899</v>
      </c>
      <c r="AP1167" s="53">
        <v>215627604.05999899</v>
      </c>
      <c r="AQ1167" s="53">
        <v>215627604.05999899</v>
      </c>
      <c r="AR1167" s="53">
        <v>215627604.05999899</v>
      </c>
      <c r="AS1167" s="53">
        <v>215627604.05999899</v>
      </c>
      <c r="AT1167" s="53">
        <v>215627604.05999899</v>
      </c>
      <c r="AU1167" s="53">
        <v>215627604.05999899</v>
      </c>
      <c r="AV1167" s="53">
        <v>215627604.05999899</v>
      </c>
      <c r="AW1167" s="53">
        <v>215627604.05999899</v>
      </c>
      <c r="AX1167" s="53">
        <v>215627604.05999899</v>
      </c>
      <c r="AY1167" s="53">
        <v>215627604.05999899</v>
      </c>
      <c r="AZ1167" s="53">
        <v>215627604.05999899</v>
      </c>
      <c r="BA1167" s="53">
        <v>215627604.05999899</v>
      </c>
      <c r="BB1167" s="53">
        <v>215627604.05999899</v>
      </c>
      <c r="BC1167" s="53">
        <v>215627604.05999899</v>
      </c>
      <c r="BD1167" s="53">
        <v>215627604.05999899</v>
      </c>
      <c r="BE1167" s="53">
        <v>215627604.05999899</v>
      </c>
      <c r="BF1167" s="53">
        <v>215627604.05999899</v>
      </c>
      <c r="BG1167" s="53">
        <v>215627604.05999899</v>
      </c>
      <c r="BH1167" s="53">
        <v>215627604.05999899</v>
      </c>
      <c r="BI1167" s="53">
        <v>215627604.05999899</v>
      </c>
      <c r="BJ1167" s="53">
        <v>215627604.05999899</v>
      </c>
      <c r="BK1167" s="53">
        <v>215627604.05999899</v>
      </c>
      <c r="BL1167" s="53">
        <v>215627604.05999899</v>
      </c>
      <c r="BM1167" s="53">
        <v>215627604.05999899</v>
      </c>
      <c r="BN1167" s="53">
        <v>215627604.05999899</v>
      </c>
      <c r="BO1167" s="53">
        <v>215627604.05999899</v>
      </c>
      <c r="BP1167" s="53">
        <v>215627604.05999899</v>
      </c>
      <c r="BQ1167" s="53">
        <v>215627604.05999899</v>
      </c>
      <c r="BR1167" s="53">
        <v>215627604.05999899</v>
      </c>
      <c r="BS1167" s="53">
        <v>215627604.05999899</v>
      </c>
      <c r="BT1167" s="53">
        <v>215627604.05999899</v>
      </c>
      <c r="BU1167" s="53">
        <v>215627604.05999899</v>
      </c>
      <c r="BV1167" s="53">
        <v>215627604.05999899</v>
      </c>
      <c r="BW1167" s="53">
        <v>215627604.05999899</v>
      </c>
      <c r="BX1167" s="53">
        <v>215627604.05999899</v>
      </c>
      <c r="BY1167" s="53">
        <v>215627604.05999899</v>
      </c>
      <c r="BZ1167" s="53">
        <v>215627604.05999899</v>
      </c>
      <c r="CA1167" s="53">
        <v>215627604.05999899</v>
      </c>
      <c r="CB1167" s="53"/>
      <c r="CC1167" s="53"/>
      <c r="CD1167" s="53"/>
      <c r="CE1167" s="53"/>
      <c r="CF1167" s="53"/>
      <c r="CG1167" s="53"/>
      <c r="CH1167" s="53"/>
      <c r="CI1167" s="53"/>
      <c r="CJ1167" s="53"/>
      <c r="CK1167" s="53"/>
      <c r="CL1167" s="53"/>
      <c r="CM1167" s="53"/>
      <c r="CN1167" s="53"/>
    </row>
    <row r="1168" spans="1:92" outlineLevel="1">
      <c r="A1168" s="52" t="s">
        <v>1469</v>
      </c>
      <c r="B1168" s="53">
        <v>0</v>
      </c>
      <c r="C1168" s="53">
        <v>0</v>
      </c>
      <c r="D1168" s="53">
        <v>0</v>
      </c>
      <c r="E1168" s="53">
        <v>0</v>
      </c>
      <c r="F1168" s="53">
        <v>0</v>
      </c>
      <c r="G1168" s="53">
        <v>0</v>
      </c>
      <c r="H1168" s="53">
        <v>0</v>
      </c>
      <c r="I1168" s="53">
        <v>0</v>
      </c>
      <c r="J1168" s="53">
        <v>0</v>
      </c>
      <c r="K1168" s="53">
        <v>0</v>
      </c>
      <c r="L1168" s="53">
        <v>0</v>
      </c>
      <c r="M1168" s="53">
        <v>0</v>
      </c>
      <c r="N1168" s="53">
        <v>0</v>
      </c>
      <c r="O1168" s="53">
        <v>0</v>
      </c>
      <c r="P1168" s="53">
        <v>0</v>
      </c>
      <c r="Q1168" s="53">
        <v>0</v>
      </c>
      <c r="R1168" s="53">
        <v>0</v>
      </c>
      <c r="S1168" s="53">
        <v>0</v>
      </c>
      <c r="T1168" s="53">
        <v>0</v>
      </c>
      <c r="U1168" s="53">
        <v>0</v>
      </c>
      <c r="V1168" s="53">
        <v>0</v>
      </c>
      <c r="W1168" s="53">
        <v>0</v>
      </c>
      <c r="X1168" s="53">
        <v>0</v>
      </c>
      <c r="Y1168" s="53">
        <v>0</v>
      </c>
      <c r="Z1168" s="53">
        <v>0</v>
      </c>
      <c r="AA1168" s="53">
        <v>0</v>
      </c>
      <c r="AB1168" s="53">
        <v>0</v>
      </c>
      <c r="AC1168" s="53">
        <v>0</v>
      </c>
      <c r="AD1168" s="53">
        <v>0</v>
      </c>
      <c r="AE1168" s="53">
        <v>0</v>
      </c>
      <c r="AF1168" s="53">
        <v>0</v>
      </c>
      <c r="AG1168" s="53">
        <v>0</v>
      </c>
      <c r="AH1168" s="53">
        <v>0</v>
      </c>
      <c r="AI1168" s="53">
        <v>0</v>
      </c>
      <c r="AJ1168" s="53">
        <v>0</v>
      </c>
      <c r="AK1168" s="53">
        <v>0</v>
      </c>
      <c r="AL1168" s="53">
        <v>0</v>
      </c>
      <c r="AM1168" s="53">
        <v>0</v>
      </c>
      <c r="AN1168" s="53">
        <v>0</v>
      </c>
      <c r="AO1168" s="53">
        <v>0</v>
      </c>
      <c r="AP1168" s="53">
        <v>0</v>
      </c>
      <c r="AQ1168" s="53">
        <v>0</v>
      </c>
      <c r="AR1168" s="53">
        <v>0</v>
      </c>
      <c r="AS1168" s="53">
        <v>0</v>
      </c>
      <c r="AT1168" s="53">
        <v>0</v>
      </c>
      <c r="AU1168" s="53">
        <v>0</v>
      </c>
      <c r="AV1168" s="53">
        <v>0</v>
      </c>
      <c r="AW1168" s="53">
        <v>0</v>
      </c>
      <c r="AX1168" s="53">
        <v>0</v>
      </c>
      <c r="AY1168" s="53">
        <v>0</v>
      </c>
      <c r="AZ1168" s="53">
        <v>0</v>
      </c>
      <c r="BA1168" s="53">
        <v>0</v>
      </c>
      <c r="BB1168" s="53">
        <v>0</v>
      </c>
      <c r="BC1168" s="53">
        <v>0</v>
      </c>
      <c r="BD1168" s="53">
        <v>0</v>
      </c>
      <c r="BE1168" s="53">
        <v>0</v>
      </c>
      <c r="BF1168" s="53">
        <v>0</v>
      </c>
      <c r="BG1168" s="53">
        <v>0</v>
      </c>
      <c r="BH1168" s="53">
        <v>0</v>
      </c>
      <c r="BI1168" s="53">
        <v>0</v>
      </c>
      <c r="BJ1168" s="53">
        <v>0</v>
      </c>
      <c r="BK1168" s="53">
        <v>0</v>
      </c>
      <c r="BL1168" s="53">
        <v>0</v>
      </c>
      <c r="BM1168" s="53">
        <v>0</v>
      </c>
      <c r="BN1168" s="53">
        <v>0</v>
      </c>
      <c r="BO1168" s="53">
        <v>0</v>
      </c>
      <c r="BP1168" s="53">
        <v>0</v>
      </c>
      <c r="BQ1168" s="53">
        <v>0</v>
      </c>
      <c r="BR1168" s="53">
        <v>0</v>
      </c>
      <c r="BS1168" s="53">
        <v>0</v>
      </c>
      <c r="BT1168" s="53">
        <v>0</v>
      </c>
      <c r="BU1168" s="53">
        <v>0</v>
      </c>
      <c r="BV1168" s="53">
        <v>0</v>
      </c>
      <c r="BW1168" s="53">
        <v>0</v>
      </c>
      <c r="BX1168" s="53">
        <v>0</v>
      </c>
      <c r="BY1168" s="53">
        <v>0</v>
      </c>
      <c r="BZ1168" s="53">
        <v>0</v>
      </c>
      <c r="CA1168" s="53">
        <v>0</v>
      </c>
      <c r="CB1168" s="53"/>
      <c r="CC1168" s="53"/>
      <c r="CD1168" s="53"/>
      <c r="CE1168" s="53"/>
      <c r="CF1168" s="53"/>
      <c r="CG1168" s="53"/>
      <c r="CH1168" s="53"/>
      <c r="CI1168" s="53"/>
      <c r="CJ1168" s="53"/>
      <c r="CK1168" s="53"/>
      <c r="CL1168" s="53"/>
      <c r="CM1168" s="53"/>
      <c r="CN1168" s="53"/>
    </row>
    <row r="1169" spans="1:92" outlineLevel="1">
      <c r="A1169" s="52" t="s">
        <v>1218</v>
      </c>
      <c r="B1169" s="53">
        <v>85441323.561999902</v>
      </c>
      <c r="C1169" s="53">
        <v>81049508.280000001</v>
      </c>
      <c r="D1169" s="53">
        <v>84549231.260000005</v>
      </c>
      <c r="E1169" s="53">
        <v>96121998.780000001</v>
      </c>
      <c r="F1169" s="53">
        <v>96376551.790000096</v>
      </c>
      <c r="G1169" s="53">
        <v>86906450.349999994</v>
      </c>
      <c r="H1169" s="53">
        <v>98964200.719999999</v>
      </c>
      <c r="I1169" s="53">
        <v>97156528.280000001</v>
      </c>
      <c r="J1169" s="53">
        <v>104376752.059999</v>
      </c>
      <c r="K1169" s="53">
        <v>115556949.38</v>
      </c>
      <c r="L1169" s="53">
        <v>105181795.63</v>
      </c>
      <c r="M1169" s="53">
        <v>84242999.180000007</v>
      </c>
      <c r="N1169" s="53">
        <v>85441323.561999902</v>
      </c>
      <c r="O1169" s="53">
        <v>82648779.129999995</v>
      </c>
      <c r="P1169" s="53">
        <v>82044638.103821993</v>
      </c>
      <c r="Q1169" s="53">
        <v>81440497.077644005</v>
      </c>
      <c r="R1169" s="53">
        <v>81475244.940354899</v>
      </c>
      <c r="S1169" s="53">
        <v>81197955.766028702</v>
      </c>
      <c r="T1169" s="53">
        <v>80583166.591702595</v>
      </c>
      <c r="U1169" s="53">
        <v>79968377.417376399</v>
      </c>
      <c r="V1169" s="53">
        <v>79353588.243050307</v>
      </c>
      <c r="W1169" s="53">
        <v>78738799.068724096</v>
      </c>
      <c r="X1169" s="53">
        <v>78124009.894398004</v>
      </c>
      <c r="Y1169" s="53">
        <v>77509220.720071793</v>
      </c>
      <c r="Z1169" s="53">
        <v>76894431.545745701</v>
      </c>
      <c r="AA1169" s="53">
        <v>82648779.129999995</v>
      </c>
      <c r="AB1169" s="53">
        <v>76279642.371419504</v>
      </c>
      <c r="AC1169" s="53">
        <v>75664853.197093397</v>
      </c>
      <c r="AD1169" s="53">
        <v>75050064.022767201</v>
      </c>
      <c r="AE1169" s="53">
        <v>75074163.737330005</v>
      </c>
      <c r="AF1169" s="53">
        <v>74448726.414855599</v>
      </c>
      <c r="AG1169" s="53">
        <v>73823289.092381299</v>
      </c>
      <c r="AH1169" s="53">
        <v>73197851.769906998</v>
      </c>
      <c r="AI1169" s="53">
        <v>72572414.447432697</v>
      </c>
      <c r="AJ1169" s="53">
        <v>71946977.124958396</v>
      </c>
      <c r="AK1169" s="53">
        <v>71321539.802484095</v>
      </c>
      <c r="AL1169" s="53">
        <v>70696102.480009794</v>
      </c>
      <c r="AM1169" s="53">
        <v>70070665.157535493</v>
      </c>
      <c r="AN1169" s="53">
        <v>76279642.371419504</v>
      </c>
      <c r="AO1169" s="53">
        <v>69445227.835061103</v>
      </c>
      <c r="AP1169" s="53">
        <v>68819790.512586802</v>
      </c>
      <c r="AQ1169" s="53">
        <v>68194353.190112501</v>
      </c>
      <c r="AR1169" s="53">
        <v>68207804.756527096</v>
      </c>
      <c r="AS1169" s="53">
        <v>67571719.285904601</v>
      </c>
      <c r="AT1169" s="53">
        <v>66935633.815282203</v>
      </c>
      <c r="AU1169" s="53">
        <v>66299548.344659701</v>
      </c>
      <c r="AV1169" s="53">
        <v>65663462.874037303</v>
      </c>
      <c r="AW1169" s="53">
        <v>65027377.403414801</v>
      </c>
      <c r="AX1169" s="53">
        <v>64391291.932792298</v>
      </c>
      <c r="AY1169" s="53">
        <v>63755206.462169901</v>
      </c>
      <c r="AZ1169" s="53">
        <v>63119120.991547398</v>
      </c>
      <c r="BA1169" s="53">
        <v>69445227.835061103</v>
      </c>
      <c r="BB1169" s="53">
        <v>62483035.520925</v>
      </c>
      <c r="BC1169" s="53">
        <v>61846950.050302498</v>
      </c>
      <c r="BD1169" s="53">
        <v>61210864.579680003</v>
      </c>
      <c r="BE1169" s="53">
        <v>61213667.997946501</v>
      </c>
      <c r="BF1169" s="53">
        <v>60904434.379175901</v>
      </c>
      <c r="BG1169" s="53">
        <v>60257700.760405302</v>
      </c>
      <c r="BH1169" s="53">
        <v>59610967.141634703</v>
      </c>
      <c r="BI1169" s="53">
        <v>58964233.522864103</v>
      </c>
      <c r="BJ1169" s="53">
        <v>58317499.9040934</v>
      </c>
      <c r="BK1169" s="53">
        <v>57670766.2853228</v>
      </c>
      <c r="BL1169" s="53">
        <v>57024032.666552201</v>
      </c>
      <c r="BM1169" s="53">
        <v>56377299.047781602</v>
      </c>
      <c r="BN1169" s="53">
        <v>62483035.520925</v>
      </c>
      <c r="BO1169" s="53">
        <v>55730565.429011002</v>
      </c>
      <c r="BP1169" s="53">
        <v>55083831.810240403</v>
      </c>
      <c r="BQ1169" s="53">
        <v>54437098.191469803</v>
      </c>
      <c r="BR1169" s="53">
        <v>54429253.4615881</v>
      </c>
      <c r="BS1169" s="53">
        <v>53771871.694669299</v>
      </c>
      <c r="BT1169" s="53">
        <v>53114489.927750602</v>
      </c>
      <c r="BU1169" s="53">
        <v>52457108.160831802</v>
      </c>
      <c r="BV1169" s="53">
        <v>51846726.393913098</v>
      </c>
      <c r="BW1169" s="53">
        <v>51236344.626994297</v>
      </c>
      <c r="BX1169" s="53">
        <v>50625962.8600756</v>
      </c>
      <c r="BY1169" s="53">
        <v>50015581.0931568</v>
      </c>
      <c r="BZ1169" s="53">
        <v>49405199.326238103</v>
      </c>
      <c r="CA1169" s="53">
        <v>55730565.429011002</v>
      </c>
      <c r="CB1169" s="53"/>
      <c r="CC1169" s="53"/>
      <c r="CD1169" s="53"/>
      <c r="CE1169" s="53"/>
      <c r="CF1169" s="53"/>
      <c r="CG1169" s="53"/>
      <c r="CH1169" s="53"/>
      <c r="CI1169" s="53"/>
      <c r="CJ1169" s="53"/>
      <c r="CK1169" s="53"/>
      <c r="CL1169" s="53"/>
      <c r="CM1169" s="53"/>
      <c r="CN1169" s="53"/>
    </row>
    <row r="1170" spans="1:92" outlineLevel="1">
      <c r="A1170" s="52" t="s">
        <v>699</v>
      </c>
      <c r="B1170" s="53"/>
      <c r="C1170" s="53"/>
      <c r="D1170" s="53"/>
      <c r="E1170" s="53"/>
      <c r="F1170" s="53"/>
      <c r="G1170" s="53"/>
      <c r="H1170" s="53"/>
      <c r="I1170" s="53"/>
      <c r="J1170" s="53"/>
      <c r="K1170" s="53"/>
      <c r="L1170" s="53"/>
      <c r="M1170" s="53"/>
      <c r="N1170" s="53"/>
      <c r="O1170" s="53"/>
      <c r="P1170" s="53"/>
      <c r="Q1170" s="53"/>
      <c r="R1170" s="53"/>
      <c r="S1170" s="53"/>
      <c r="T1170" s="53"/>
      <c r="U1170" s="53"/>
      <c r="V1170" s="53"/>
      <c r="W1170" s="53"/>
      <c r="X1170" s="53"/>
      <c r="Y1170" s="53"/>
      <c r="Z1170" s="53"/>
      <c r="AA1170" s="53"/>
      <c r="AB1170" s="53"/>
      <c r="AC1170" s="53"/>
      <c r="AD1170" s="53"/>
      <c r="AE1170" s="53"/>
      <c r="AF1170" s="53"/>
      <c r="AG1170" s="53"/>
      <c r="AH1170" s="53"/>
      <c r="AI1170" s="53"/>
      <c r="AJ1170" s="53"/>
      <c r="AK1170" s="53"/>
      <c r="AL1170" s="53"/>
      <c r="AM1170" s="53"/>
      <c r="AN1170" s="53"/>
      <c r="AO1170" s="53"/>
      <c r="AP1170" s="53"/>
      <c r="AQ1170" s="53"/>
      <c r="AR1170" s="53"/>
      <c r="AS1170" s="53"/>
      <c r="AT1170" s="53"/>
      <c r="AU1170" s="53"/>
      <c r="AV1170" s="53"/>
      <c r="AW1170" s="53"/>
      <c r="AX1170" s="53"/>
      <c r="AY1170" s="53"/>
      <c r="AZ1170" s="53"/>
      <c r="BA1170" s="53"/>
      <c r="BB1170" s="53"/>
      <c r="BC1170" s="53"/>
      <c r="BD1170" s="53"/>
      <c r="BE1170" s="53"/>
      <c r="BF1170" s="53"/>
      <c r="BG1170" s="53"/>
      <c r="BH1170" s="53"/>
      <c r="BI1170" s="53"/>
      <c r="BJ1170" s="53"/>
      <c r="BK1170" s="53"/>
      <c r="BL1170" s="53"/>
      <c r="BM1170" s="53"/>
      <c r="BN1170" s="53"/>
      <c r="BO1170" s="53"/>
      <c r="BP1170" s="53"/>
      <c r="BQ1170" s="53"/>
      <c r="BR1170" s="53"/>
      <c r="BS1170" s="53"/>
      <c r="BT1170" s="53"/>
      <c r="BU1170" s="53"/>
      <c r="BV1170" s="53"/>
      <c r="BW1170" s="53"/>
      <c r="BX1170" s="53"/>
      <c r="BY1170" s="53"/>
      <c r="BZ1170" s="53"/>
      <c r="CA1170" s="53"/>
      <c r="CB1170" s="53"/>
      <c r="CC1170" s="53"/>
      <c r="CD1170" s="53"/>
      <c r="CE1170" s="53"/>
      <c r="CF1170" s="53"/>
      <c r="CG1170" s="53"/>
      <c r="CH1170" s="53"/>
      <c r="CI1170" s="53"/>
      <c r="CJ1170" s="53"/>
      <c r="CK1170" s="53"/>
      <c r="CL1170" s="53"/>
      <c r="CM1170" s="53"/>
      <c r="CN1170" s="53"/>
    </row>
    <row r="1171" spans="1:92" outlineLevel="1">
      <c r="A1171" s="52" t="s">
        <v>741</v>
      </c>
      <c r="B1171" s="53"/>
      <c r="C1171" s="53"/>
      <c r="D1171" s="53"/>
      <c r="E1171" s="53"/>
      <c r="F1171" s="53"/>
      <c r="G1171" s="53"/>
      <c r="H1171" s="53"/>
      <c r="I1171" s="53"/>
      <c r="J1171" s="53"/>
      <c r="K1171" s="53"/>
      <c r="L1171" s="53"/>
      <c r="M1171" s="53"/>
      <c r="N1171" s="53"/>
      <c r="O1171" s="53"/>
      <c r="P1171" s="53"/>
      <c r="Q1171" s="53"/>
      <c r="R1171" s="53"/>
      <c r="S1171" s="53"/>
      <c r="T1171" s="53"/>
      <c r="U1171" s="53"/>
      <c r="V1171" s="53"/>
      <c r="W1171" s="53"/>
      <c r="X1171" s="53"/>
      <c r="Y1171" s="53"/>
      <c r="Z1171" s="53"/>
      <c r="AA1171" s="53"/>
      <c r="AB1171" s="53"/>
      <c r="AC1171" s="53"/>
      <c r="AD1171" s="53"/>
      <c r="AE1171" s="53"/>
      <c r="AF1171" s="53"/>
      <c r="AG1171" s="53"/>
      <c r="AH1171" s="53"/>
      <c r="AI1171" s="53"/>
      <c r="AJ1171" s="53"/>
      <c r="AK1171" s="53"/>
      <c r="AL1171" s="53"/>
      <c r="AM1171" s="53"/>
      <c r="AN1171" s="53"/>
      <c r="AO1171" s="53"/>
      <c r="AP1171" s="53"/>
      <c r="AQ1171" s="53"/>
      <c r="AR1171" s="53"/>
      <c r="AS1171" s="53"/>
      <c r="AT1171" s="53"/>
      <c r="AU1171" s="53"/>
      <c r="AV1171" s="53"/>
      <c r="AW1171" s="53"/>
      <c r="AX1171" s="53"/>
      <c r="AY1171" s="53"/>
      <c r="AZ1171" s="53"/>
      <c r="BA1171" s="53"/>
      <c r="BB1171" s="53"/>
      <c r="BC1171" s="53"/>
      <c r="BD1171" s="53"/>
      <c r="BE1171" s="53"/>
      <c r="BF1171" s="53"/>
      <c r="BG1171" s="53"/>
      <c r="BH1171" s="53"/>
      <c r="BI1171" s="53"/>
      <c r="BJ1171" s="53"/>
      <c r="BK1171" s="53"/>
      <c r="BL1171" s="53"/>
      <c r="BM1171" s="53"/>
      <c r="BN1171" s="53"/>
      <c r="BO1171" s="53"/>
      <c r="BP1171" s="53"/>
      <c r="BQ1171" s="53"/>
      <c r="BR1171" s="53"/>
      <c r="BS1171" s="53"/>
      <c r="BT1171" s="53"/>
      <c r="BU1171" s="53"/>
      <c r="BV1171" s="53"/>
      <c r="BW1171" s="53"/>
      <c r="BX1171" s="53"/>
      <c r="BY1171" s="53"/>
      <c r="BZ1171" s="53"/>
      <c r="CA1171" s="53"/>
      <c r="CB1171" s="53">
        <v>-561404</v>
      </c>
      <c r="CC1171" s="53">
        <v>-569049</v>
      </c>
      <c r="CD1171" s="53">
        <v>-573448</v>
      </c>
      <c r="CE1171" s="53">
        <v>-576189</v>
      </c>
      <c r="CF1171" s="53">
        <v>-581114</v>
      </c>
      <c r="CG1171" s="53">
        <v>-587505</v>
      </c>
      <c r="CH1171" s="53">
        <v>-590878</v>
      </c>
      <c r="CI1171" s="53">
        <v>-590878</v>
      </c>
      <c r="CJ1171" s="53">
        <v>-590878</v>
      </c>
      <c r="CK1171" s="53">
        <v>-590878</v>
      </c>
      <c r="CL1171" s="53">
        <v>-590878</v>
      </c>
      <c r="CM1171" s="53">
        <v>-590878</v>
      </c>
      <c r="CN1171" s="53">
        <v>-6993976.9999999898</v>
      </c>
    </row>
    <row r="1172" spans="1:92" outlineLevel="1">
      <c r="A1172" s="52" t="s">
        <v>1470</v>
      </c>
      <c r="B1172" s="53"/>
      <c r="C1172" s="53"/>
      <c r="D1172" s="53"/>
      <c r="E1172" s="53"/>
      <c r="F1172" s="53"/>
      <c r="G1172" s="53"/>
      <c r="H1172" s="53"/>
      <c r="I1172" s="53"/>
      <c r="J1172" s="53"/>
      <c r="K1172" s="53"/>
      <c r="L1172" s="53"/>
      <c r="M1172" s="53"/>
      <c r="N1172" s="53"/>
      <c r="O1172" s="53"/>
      <c r="P1172" s="53"/>
      <c r="Q1172" s="53"/>
      <c r="R1172" s="53"/>
      <c r="S1172" s="53"/>
      <c r="T1172" s="53"/>
      <c r="U1172" s="53"/>
      <c r="V1172" s="53"/>
      <c r="W1172" s="53"/>
      <c r="X1172" s="53"/>
      <c r="Y1172" s="53"/>
      <c r="Z1172" s="53"/>
      <c r="AA1172" s="53"/>
      <c r="AB1172" s="53"/>
      <c r="AC1172" s="53"/>
      <c r="AD1172" s="53"/>
      <c r="AE1172" s="53"/>
      <c r="AF1172" s="53"/>
      <c r="AG1172" s="53"/>
      <c r="AH1172" s="53"/>
      <c r="AI1172" s="53"/>
      <c r="AJ1172" s="53"/>
      <c r="AK1172" s="53"/>
      <c r="AL1172" s="53"/>
      <c r="AM1172" s="53"/>
      <c r="AN1172" s="53"/>
      <c r="AO1172" s="53"/>
      <c r="AP1172" s="53"/>
      <c r="AQ1172" s="53"/>
      <c r="AR1172" s="53"/>
      <c r="AS1172" s="53"/>
      <c r="AT1172" s="53"/>
      <c r="AU1172" s="53"/>
      <c r="AV1172" s="53"/>
      <c r="AW1172" s="53"/>
      <c r="AX1172" s="53"/>
      <c r="AY1172" s="53"/>
      <c r="AZ1172" s="53"/>
      <c r="BA1172" s="53"/>
      <c r="BB1172" s="53"/>
      <c r="BC1172" s="53"/>
      <c r="BD1172" s="53"/>
      <c r="BE1172" s="53"/>
      <c r="BF1172" s="53"/>
      <c r="BG1172" s="53"/>
      <c r="BH1172" s="53"/>
      <c r="BI1172" s="53"/>
      <c r="BJ1172" s="53"/>
      <c r="BK1172" s="53"/>
      <c r="BL1172" s="53"/>
      <c r="BM1172" s="53"/>
      <c r="BN1172" s="53"/>
      <c r="BO1172" s="53"/>
      <c r="BP1172" s="53"/>
      <c r="BQ1172" s="53"/>
      <c r="BR1172" s="53"/>
      <c r="BS1172" s="53"/>
      <c r="BT1172" s="53"/>
      <c r="BU1172" s="53"/>
      <c r="BV1172" s="53"/>
      <c r="BW1172" s="53"/>
      <c r="BX1172" s="53"/>
      <c r="BY1172" s="53"/>
      <c r="BZ1172" s="53"/>
      <c r="CA1172" s="53"/>
      <c r="CB1172" s="53"/>
      <c r="CC1172" s="53"/>
      <c r="CD1172" s="53"/>
      <c r="CE1172" s="53"/>
      <c r="CF1172" s="53"/>
      <c r="CG1172" s="53"/>
      <c r="CH1172" s="53"/>
      <c r="CI1172" s="53"/>
      <c r="CJ1172" s="53"/>
      <c r="CK1172" s="53"/>
      <c r="CL1172" s="53"/>
      <c r="CM1172" s="53"/>
      <c r="CN1172" s="53"/>
    </row>
    <row r="1173" spans="1:92" outlineLevel="1">
      <c r="A1173" s="52" t="s">
        <v>649</v>
      </c>
      <c r="B1173" s="53"/>
      <c r="C1173" s="53"/>
      <c r="D1173" s="53"/>
      <c r="E1173" s="53"/>
      <c r="F1173" s="53"/>
      <c r="G1173" s="53"/>
      <c r="H1173" s="53"/>
      <c r="I1173" s="53"/>
      <c r="J1173" s="53"/>
      <c r="K1173" s="53"/>
      <c r="L1173" s="53"/>
      <c r="M1173" s="53"/>
      <c r="N1173" s="53"/>
      <c r="O1173" s="53"/>
      <c r="P1173" s="53"/>
      <c r="Q1173" s="53">
        <v>638888.88888888899</v>
      </c>
      <c r="R1173" s="53"/>
      <c r="S1173" s="53"/>
      <c r="T1173" s="53"/>
      <c r="U1173" s="53"/>
      <c r="V1173" s="53"/>
      <c r="W1173" s="53"/>
      <c r="X1173" s="53"/>
      <c r="Y1173" s="53"/>
      <c r="Z1173" s="53"/>
      <c r="AA1173" s="53">
        <v>638888.88888888899</v>
      </c>
      <c r="AB1173" s="53"/>
      <c r="AC1173" s="53"/>
      <c r="AD1173" s="53">
        <v>638888.88888888899</v>
      </c>
      <c r="AE1173" s="53"/>
      <c r="AF1173" s="53"/>
      <c r="AG1173" s="53"/>
      <c r="AH1173" s="53"/>
      <c r="AI1173" s="53"/>
      <c r="AJ1173" s="53"/>
      <c r="AK1173" s="53"/>
      <c r="AL1173" s="53"/>
      <c r="AM1173" s="53"/>
      <c r="AN1173" s="53">
        <v>638888.88888888899</v>
      </c>
      <c r="AO1173" s="53"/>
      <c r="AP1173" s="53"/>
      <c r="AQ1173" s="53">
        <v>638888.88888888899</v>
      </c>
      <c r="AR1173" s="53"/>
      <c r="AS1173" s="53"/>
      <c r="AT1173" s="53"/>
      <c r="AU1173" s="53"/>
      <c r="AV1173" s="53"/>
      <c r="AW1173" s="53"/>
      <c r="AX1173" s="53"/>
      <c r="AY1173" s="53"/>
      <c r="AZ1173" s="53"/>
      <c r="BA1173" s="53">
        <v>638888.88888888899</v>
      </c>
      <c r="BB1173" s="53"/>
      <c r="BC1173" s="53"/>
      <c r="BD1173" s="53">
        <v>638888.88888888899</v>
      </c>
      <c r="BE1173" s="53"/>
      <c r="BF1173" s="53"/>
      <c r="BG1173" s="53"/>
      <c r="BH1173" s="53"/>
      <c r="BI1173" s="53"/>
      <c r="BJ1173" s="53"/>
      <c r="BK1173" s="53"/>
      <c r="BL1173" s="53"/>
      <c r="BM1173" s="53"/>
      <c r="BN1173" s="53">
        <v>638888.88888888899</v>
      </c>
      <c r="BO1173" s="53"/>
      <c r="BP1173" s="53"/>
      <c r="BQ1173" s="53">
        <v>638888.88888888899</v>
      </c>
      <c r="BR1173" s="53"/>
      <c r="BS1173" s="53"/>
      <c r="BT1173" s="53"/>
      <c r="BU1173" s="53"/>
      <c r="BV1173" s="53"/>
      <c r="BW1173" s="53"/>
      <c r="BX1173" s="53"/>
      <c r="BY1173" s="53"/>
      <c r="BZ1173" s="53"/>
      <c r="CA1173" s="53">
        <v>638888.88888888899</v>
      </c>
      <c r="CB1173" s="53"/>
      <c r="CC1173" s="53"/>
      <c r="CD1173" s="53"/>
      <c r="CE1173" s="53"/>
      <c r="CF1173" s="53"/>
      <c r="CG1173" s="53"/>
      <c r="CH1173" s="53"/>
      <c r="CI1173" s="53"/>
      <c r="CJ1173" s="53"/>
      <c r="CK1173" s="53"/>
      <c r="CL1173" s="53"/>
      <c r="CM1173" s="53"/>
      <c r="CN1173" s="53"/>
    </row>
    <row r="1174" spans="1:92" outlineLevel="1">
      <c r="A1174" s="52" t="s">
        <v>1471</v>
      </c>
      <c r="B1174" s="53"/>
      <c r="C1174" s="53"/>
      <c r="D1174" s="53"/>
      <c r="E1174" s="53"/>
      <c r="F1174" s="53"/>
      <c r="G1174" s="53"/>
      <c r="H1174" s="53"/>
      <c r="I1174" s="53"/>
      <c r="J1174" s="53"/>
      <c r="K1174" s="53"/>
      <c r="L1174" s="53"/>
      <c r="M1174" s="53"/>
      <c r="N1174" s="53"/>
      <c r="O1174" s="53"/>
      <c r="P1174" s="53"/>
      <c r="Q1174" s="53"/>
      <c r="R1174" s="53"/>
      <c r="S1174" s="53"/>
      <c r="T1174" s="53"/>
      <c r="U1174" s="53"/>
      <c r="V1174" s="53"/>
      <c r="W1174" s="53"/>
      <c r="X1174" s="53"/>
      <c r="Y1174" s="53"/>
      <c r="Z1174" s="53"/>
      <c r="AA1174" s="53"/>
      <c r="AB1174" s="53"/>
      <c r="AC1174" s="53"/>
      <c r="AD1174" s="53"/>
      <c r="AE1174" s="53"/>
      <c r="AF1174" s="53"/>
      <c r="AG1174" s="53"/>
      <c r="AH1174" s="53"/>
      <c r="AI1174" s="53"/>
      <c r="AJ1174" s="53"/>
      <c r="AK1174" s="53"/>
      <c r="AL1174" s="53"/>
      <c r="AM1174" s="53"/>
      <c r="AN1174" s="53"/>
      <c r="AO1174" s="53"/>
      <c r="AP1174" s="53"/>
      <c r="AQ1174" s="53"/>
      <c r="AR1174" s="53"/>
      <c r="AS1174" s="53"/>
      <c r="AT1174" s="53"/>
      <c r="AU1174" s="53"/>
      <c r="AV1174" s="53"/>
      <c r="AW1174" s="53"/>
      <c r="AX1174" s="53"/>
      <c r="AY1174" s="53"/>
      <c r="AZ1174" s="53"/>
      <c r="BA1174" s="53"/>
      <c r="BB1174" s="53"/>
      <c r="BC1174" s="53"/>
      <c r="BD1174" s="53"/>
      <c r="BE1174" s="53"/>
      <c r="BF1174" s="53"/>
      <c r="BG1174" s="53"/>
      <c r="BH1174" s="53"/>
      <c r="BI1174" s="53"/>
      <c r="BJ1174" s="53"/>
      <c r="BK1174" s="53"/>
      <c r="BL1174" s="53"/>
      <c r="BM1174" s="53"/>
      <c r="BN1174" s="53"/>
      <c r="BO1174" s="53"/>
      <c r="BP1174" s="53"/>
      <c r="BQ1174" s="53"/>
      <c r="BR1174" s="53"/>
      <c r="BS1174" s="53"/>
      <c r="BT1174" s="53"/>
      <c r="BU1174" s="53"/>
      <c r="BV1174" s="53"/>
      <c r="BW1174" s="53"/>
      <c r="BX1174" s="53"/>
      <c r="BY1174" s="53"/>
      <c r="BZ1174" s="53"/>
      <c r="CA1174" s="53"/>
      <c r="CB1174" s="53"/>
      <c r="CC1174" s="53"/>
      <c r="CD1174" s="53"/>
      <c r="CE1174" s="53"/>
      <c r="CF1174" s="53"/>
      <c r="CG1174" s="53"/>
      <c r="CH1174" s="53"/>
      <c r="CI1174" s="53"/>
      <c r="CJ1174" s="53"/>
      <c r="CK1174" s="53"/>
      <c r="CL1174" s="53"/>
      <c r="CM1174" s="53"/>
      <c r="CN1174" s="53"/>
    </row>
    <row r="1175" spans="1:92" outlineLevel="1">
      <c r="A1175" s="52" t="s">
        <v>649</v>
      </c>
      <c r="B1175" s="53"/>
      <c r="C1175" s="53"/>
      <c r="D1175" s="53"/>
      <c r="E1175" s="53"/>
      <c r="F1175" s="53"/>
      <c r="G1175" s="53"/>
      <c r="H1175" s="53"/>
      <c r="I1175" s="53"/>
      <c r="J1175" s="53"/>
      <c r="K1175" s="53"/>
      <c r="L1175" s="53"/>
      <c r="M1175" s="53"/>
      <c r="N1175" s="53"/>
      <c r="O1175" s="53"/>
      <c r="P1175" s="53"/>
      <c r="Q1175" s="53"/>
      <c r="R1175" s="53">
        <v>337500</v>
      </c>
      <c r="S1175" s="53"/>
      <c r="T1175" s="53"/>
      <c r="U1175" s="53"/>
      <c r="V1175" s="53"/>
      <c r="W1175" s="53"/>
      <c r="X1175" s="53"/>
      <c r="Y1175" s="53"/>
      <c r="Z1175" s="53"/>
      <c r="AA1175" s="53">
        <v>337500</v>
      </c>
      <c r="AB1175" s="53"/>
      <c r="AC1175" s="53"/>
      <c r="AD1175" s="53"/>
      <c r="AE1175" s="53"/>
      <c r="AF1175" s="53"/>
      <c r="AG1175" s="53"/>
      <c r="AH1175" s="53"/>
      <c r="AI1175" s="53"/>
      <c r="AJ1175" s="53"/>
      <c r="AK1175" s="53"/>
      <c r="AL1175" s="53"/>
      <c r="AM1175" s="53"/>
      <c r="AN1175" s="53"/>
      <c r="AO1175" s="53"/>
      <c r="AP1175" s="53"/>
      <c r="AQ1175" s="53"/>
      <c r="AR1175" s="53"/>
      <c r="AS1175" s="53"/>
      <c r="AT1175" s="53"/>
      <c r="AU1175" s="53"/>
      <c r="AV1175" s="53"/>
      <c r="AW1175" s="53"/>
      <c r="AX1175" s="53"/>
      <c r="AY1175" s="53"/>
      <c r="AZ1175" s="53"/>
      <c r="BA1175" s="53"/>
      <c r="BB1175" s="53"/>
      <c r="BC1175" s="53"/>
      <c r="BD1175" s="53"/>
      <c r="BE1175" s="53">
        <v>337500</v>
      </c>
      <c r="BF1175" s="53"/>
      <c r="BG1175" s="53"/>
      <c r="BH1175" s="53"/>
      <c r="BI1175" s="53"/>
      <c r="BJ1175" s="53"/>
      <c r="BK1175" s="53"/>
      <c r="BL1175" s="53"/>
      <c r="BM1175" s="53"/>
      <c r="BN1175" s="53">
        <v>337500</v>
      </c>
      <c r="BO1175" s="53"/>
      <c r="BP1175" s="53"/>
      <c r="BQ1175" s="53"/>
      <c r="BR1175" s="53"/>
      <c r="BS1175" s="53"/>
      <c r="BT1175" s="53"/>
      <c r="BU1175" s="53"/>
      <c r="BV1175" s="53"/>
      <c r="BW1175" s="53"/>
      <c r="BX1175" s="53"/>
      <c r="BY1175" s="53"/>
      <c r="BZ1175" s="53"/>
      <c r="CA1175" s="53"/>
      <c r="CB1175" s="53"/>
      <c r="CC1175" s="53"/>
      <c r="CD1175" s="53"/>
      <c r="CE1175" s="53"/>
      <c r="CF1175" s="53"/>
      <c r="CG1175" s="53"/>
      <c r="CH1175" s="53"/>
      <c r="CI1175" s="53"/>
      <c r="CJ1175" s="53"/>
      <c r="CK1175" s="53"/>
      <c r="CL1175" s="53"/>
      <c r="CM1175" s="53"/>
      <c r="CN1175" s="53"/>
    </row>
    <row r="1176" spans="1:92" outlineLevel="1">
      <c r="A1176" s="52" t="s">
        <v>650</v>
      </c>
      <c r="B1176" s="53"/>
      <c r="C1176" s="53"/>
      <c r="D1176" s="53"/>
      <c r="E1176" s="53"/>
      <c r="F1176" s="53"/>
      <c r="G1176" s="53"/>
      <c r="H1176" s="53"/>
      <c r="I1176" s="53"/>
      <c r="J1176" s="53"/>
      <c r="K1176" s="53"/>
      <c r="L1176" s="53"/>
      <c r="M1176" s="53"/>
      <c r="N1176" s="53"/>
      <c r="O1176" s="53"/>
      <c r="P1176" s="53"/>
      <c r="Q1176" s="53"/>
      <c r="R1176" s="53"/>
      <c r="S1176" s="53"/>
      <c r="T1176" s="53"/>
      <c r="U1176" s="53"/>
      <c r="V1176" s="53"/>
      <c r="W1176" s="53"/>
      <c r="X1176" s="53"/>
      <c r="Y1176" s="53"/>
      <c r="Z1176" s="53"/>
      <c r="AA1176" s="53"/>
      <c r="AB1176" s="53"/>
      <c r="AC1176" s="53"/>
      <c r="AD1176" s="53"/>
      <c r="AE1176" s="53"/>
      <c r="AF1176" s="53"/>
      <c r="AG1176" s="53"/>
      <c r="AH1176" s="53"/>
      <c r="AI1176" s="53"/>
      <c r="AJ1176" s="53"/>
      <c r="AK1176" s="53"/>
      <c r="AL1176" s="53"/>
      <c r="AM1176" s="53"/>
      <c r="AN1176" s="53"/>
      <c r="AO1176" s="53"/>
      <c r="AP1176" s="53"/>
      <c r="AQ1176" s="53"/>
      <c r="AR1176" s="53"/>
      <c r="AS1176" s="53"/>
      <c r="AT1176" s="53"/>
      <c r="AU1176" s="53"/>
      <c r="AV1176" s="53"/>
      <c r="AW1176" s="53"/>
      <c r="AX1176" s="53"/>
      <c r="AY1176" s="53"/>
      <c r="AZ1176" s="53"/>
      <c r="BA1176" s="53"/>
      <c r="BB1176" s="53"/>
      <c r="BC1176" s="53"/>
      <c r="BD1176" s="53"/>
      <c r="BE1176" s="53"/>
      <c r="BF1176" s="53"/>
      <c r="BG1176" s="53"/>
      <c r="BH1176" s="53"/>
      <c r="BI1176" s="53"/>
      <c r="BJ1176" s="53"/>
      <c r="BK1176" s="53"/>
      <c r="BL1176" s="53"/>
      <c r="BM1176" s="53"/>
      <c r="BN1176" s="53"/>
      <c r="BO1176" s="53"/>
      <c r="BP1176" s="53"/>
      <c r="BQ1176" s="53"/>
      <c r="BR1176" s="53"/>
      <c r="BS1176" s="53"/>
      <c r="BT1176" s="53"/>
      <c r="BU1176" s="53"/>
      <c r="BV1176" s="53"/>
      <c r="BW1176" s="53"/>
      <c r="BX1176" s="53"/>
      <c r="BY1176" s="53"/>
      <c r="BZ1176" s="53"/>
      <c r="CA1176" s="53"/>
      <c r="CB1176" s="53">
        <v>364834939.28663498</v>
      </c>
      <c r="CC1176" s="53">
        <v>369395061.703704</v>
      </c>
      <c r="CD1176" s="53">
        <v>370068533.21178401</v>
      </c>
      <c r="CE1176" s="53">
        <v>364253982.45260501</v>
      </c>
      <c r="CF1176" s="53">
        <v>356200750.36098301</v>
      </c>
      <c r="CG1176" s="53">
        <v>345173873.33310097</v>
      </c>
      <c r="CH1176" s="53">
        <v>336373714.64863002</v>
      </c>
      <c r="CI1176" s="53">
        <v>328613332.72652799</v>
      </c>
      <c r="CJ1176" s="53">
        <v>320943227.97974002</v>
      </c>
      <c r="CK1176" s="53">
        <v>315702984.029836</v>
      </c>
      <c r="CL1176" s="53">
        <v>316320468.43669498</v>
      </c>
      <c r="CM1176" s="53">
        <v>316642206.693968</v>
      </c>
      <c r="CN1176" s="53">
        <v>316642206.693968</v>
      </c>
    </row>
    <row r="1177" spans="1:92" outlineLevel="1">
      <c r="A1177" s="52" t="s">
        <v>1472</v>
      </c>
      <c r="B1177" s="53"/>
      <c r="C1177" s="53"/>
      <c r="D1177" s="53"/>
      <c r="E1177" s="53"/>
      <c r="F1177" s="53"/>
      <c r="G1177" s="53"/>
      <c r="H1177" s="53"/>
      <c r="I1177" s="53"/>
      <c r="J1177" s="53"/>
      <c r="K1177" s="53"/>
      <c r="L1177" s="53"/>
      <c r="M1177" s="53"/>
      <c r="N1177" s="53"/>
      <c r="O1177" s="53"/>
      <c r="P1177" s="53"/>
      <c r="Q1177" s="53"/>
      <c r="R1177" s="53"/>
      <c r="S1177" s="53"/>
      <c r="T1177" s="53"/>
      <c r="U1177" s="53"/>
      <c r="V1177" s="53"/>
      <c r="W1177" s="53"/>
      <c r="X1177" s="53"/>
      <c r="Y1177" s="53"/>
      <c r="Z1177" s="53"/>
      <c r="AA1177" s="53"/>
      <c r="AB1177" s="53"/>
      <c r="AC1177" s="53"/>
      <c r="AD1177" s="53"/>
      <c r="AE1177" s="53"/>
      <c r="AF1177" s="53"/>
      <c r="AG1177" s="53"/>
      <c r="AH1177" s="53"/>
      <c r="AI1177" s="53"/>
      <c r="AJ1177" s="53"/>
      <c r="AK1177" s="53"/>
      <c r="AL1177" s="53"/>
      <c r="AM1177" s="53"/>
      <c r="AN1177" s="53"/>
      <c r="AO1177" s="53"/>
      <c r="AP1177" s="53"/>
      <c r="AQ1177" s="53"/>
      <c r="AR1177" s="53"/>
      <c r="AS1177" s="53"/>
      <c r="AT1177" s="53"/>
      <c r="AU1177" s="53"/>
      <c r="AV1177" s="53"/>
      <c r="AW1177" s="53"/>
      <c r="AX1177" s="53"/>
      <c r="AY1177" s="53"/>
      <c r="AZ1177" s="53"/>
      <c r="BA1177" s="53"/>
      <c r="BB1177" s="53"/>
      <c r="BC1177" s="53"/>
      <c r="BD1177" s="53"/>
      <c r="BE1177" s="53"/>
      <c r="BF1177" s="53"/>
      <c r="BG1177" s="53"/>
      <c r="BH1177" s="53"/>
      <c r="BI1177" s="53"/>
      <c r="BJ1177" s="53"/>
      <c r="BK1177" s="53"/>
      <c r="BL1177" s="53"/>
      <c r="BM1177" s="53"/>
      <c r="BN1177" s="53"/>
      <c r="BO1177" s="53"/>
      <c r="BP1177" s="53"/>
      <c r="BQ1177" s="53"/>
      <c r="BR1177" s="53"/>
      <c r="BS1177" s="53"/>
      <c r="BT1177" s="53"/>
      <c r="BU1177" s="53"/>
      <c r="BV1177" s="53"/>
      <c r="BW1177" s="53"/>
      <c r="BX1177" s="53"/>
      <c r="BY1177" s="53"/>
      <c r="BZ1177" s="53"/>
      <c r="CA1177" s="53"/>
      <c r="CB1177" s="53"/>
      <c r="CC1177" s="53"/>
      <c r="CD1177" s="53"/>
      <c r="CE1177" s="53"/>
      <c r="CF1177" s="53"/>
      <c r="CG1177" s="53"/>
      <c r="CH1177" s="53"/>
      <c r="CI1177" s="53"/>
      <c r="CJ1177" s="53"/>
      <c r="CK1177" s="53"/>
      <c r="CL1177" s="53"/>
      <c r="CM1177" s="53"/>
      <c r="CN1177" s="53"/>
    </row>
    <row r="1178" spans="1:92" outlineLevel="1">
      <c r="A1178" s="52" t="s">
        <v>649</v>
      </c>
      <c r="B1178" s="53">
        <v>1086.683238481</v>
      </c>
      <c r="C1178" s="53">
        <v>1086.683238481</v>
      </c>
      <c r="D1178" s="53">
        <v>1086.683238481</v>
      </c>
      <c r="E1178" s="53">
        <v>1086.683238481</v>
      </c>
      <c r="F1178" s="53">
        <v>1086.683238481</v>
      </c>
      <c r="G1178" s="53">
        <v>1086.683238481</v>
      </c>
      <c r="H1178" s="53">
        <v>1086.683238481</v>
      </c>
      <c r="I1178" s="53">
        <v>1086.683238481</v>
      </c>
      <c r="J1178" s="53">
        <v>1086.683238481</v>
      </c>
      <c r="K1178" s="53">
        <v>1086.683238481</v>
      </c>
      <c r="L1178" s="53">
        <v>1086.683238481</v>
      </c>
      <c r="M1178" s="53">
        <v>1086.683238481</v>
      </c>
      <c r="N1178" s="53">
        <v>13040.1988617719</v>
      </c>
      <c r="O1178" s="53"/>
      <c r="P1178" s="53"/>
      <c r="Q1178" s="53"/>
      <c r="R1178" s="53"/>
      <c r="S1178" s="53"/>
      <c r="T1178" s="53"/>
      <c r="U1178" s="53"/>
      <c r="V1178" s="53"/>
      <c r="W1178" s="53"/>
      <c r="X1178" s="53"/>
      <c r="Y1178" s="53"/>
      <c r="Z1178" s="53"/>
      <c r="AA1178" s="53"/>
      <c r="AB1178" s="53"/>
      <c r="AC1178" s="53"/>
      <c r="AD1178" s="53"/>
      <c r="AE1178" s="53"/>
      <c r="AF1178" s="53"/>
      <c r="AG1178" s="53"/>
      <c r="AH1178" s="53"/>
      <c r="AI1178" s="53"/>
      <c r="AJ1178" s="53"/>
      <c r="AK1178" s="53"/>
      <c r="AL1178" s="53"/>
      <c r="AM1178" s="53"/>
      <c r="AN1178" s="53"/>
      <c r="AO1178" s="53"/>
      <c r="AP1178" s="53"/>
      <c r="AQ1178" s="53"/>
      <c r="AR1178" s="53"/>
      <c r="AS1178" s="53"/>
      <c r="AT1178" s="53"/>
      <c r="AU1178" s="53"/>
      <c r="AV1178" s="53"/>
      <c r="AW1178" s="53"/>
      <c r="AX1178" s="53"/>
      <c r="AY1178" s="53"/>
      <c r="AZ1178" s="53"/>
      <c r="BA1178" s="53"/>
      <c r="BB1178" s="53"/>
      <c r="BC1178" s="53"/>
      <c r="BD1178" s="53"/>
      <c r="BE1178" s="53"/>
      <c r="BF1178" s="53"/>
      <c r="BG1178" s="53"/>
      <c r="BH1178" s="53"/>
      <c r="BI1178" s="53"/>
      <c r="BJ1178" s="53"/>
      <c r="BK1178" s="53"/>
      <c r="BL1178" s="53"/>
      <c r="BM1178" s="53"/>
      <c r="BN1178" s="53"/>
      <c r="BO1178" s="53"/>
      <c r="BP1178" s="53"/>
      <c r="BQ1178" s="53"/>
      <c r="BR1178" s="53"/>
      <c r="BS1178" s="53"/>
      <c r="BT1178" s="53"/>
      <c r="BU1178" s="53"/>
      <c r="BV1178" s="53"/>
      <c r="BW1178" s="53"/>
      <c r="BX1178" s="53"/>
      <c r="BY1178" s="53"/>
      <c r="BZ1178" s="53"/>
      <c r="CA1178" s="53"/>
      <c r="CB1178" s="53">
        <v>143663135.84</v>
      </c>
      <c r="CC1178" s="53">
        <v>134023135.84</v>
      </c>
      <c r="CD1178" s="53">
        <v>123383135.84</v>
      </c>
      <c r="CE1178" s="53">
        <v>113743135.84</v>
      </c>
      <c r="CF1178" s="53">
        <v>104103135.84</v>
      </c>
      <c r="CG1178" s="53">
        <v>94463135.840000004</v>
      </c>
      <c r="CH1178" s="53">
        <v>84823135.840000004</v>
      </c>
      <c r="CI1178" s="53">
        <v>75183135.840000004</v>
      </c>
      <c r="CJ1178" s="53">
        <v>65543135.840000004</v>
      </c>
      <c r="CK1178" s="53">
        <v>55903135.840000004</v>
      </c>
      <c r="CL1178" s="53">
        <v>46263135.840000004</v>
      </c>
      <c r="CM1178" s="53">
        <v>36623135.840000004</v>
      </c>
      <c r="CN1178" s="53">
        <v>143663135.84</v>
      </c>
    </row>
    <row r="1179" spans="1:92" outlineLevel="1">
      <c r="A1179" s="52" t="s">
        <v>672</v>
      </c>
      <c r="B1179" s="53"/>
      <c r="C1179" s="53"/>
      <c r="D1179" s="53"/>
      <c r="E1179" s="53"/>
      <c r="F1179" s="53"/>
      <c r="G1179" s="53"/>
      <c r="H1179" s="53"/>
      <c r="I1179" s="53"/>
      <c r="J1179" s="53"/>
      <c r="K1179" s="53"/>
      <c r="L1179" s="53"/>
      <c r="M1179" s="53"/>
      <c r="N1179" s="53"/>
      <c r="O1179" s="53"/>
      <c r="P1179" s="53"/>
      <c r="Q1179" s="53"/>
      <c r="R1179" s="53"/>
      <c r="S1179" s="53"/>
      <c r="T1179" s="53"/>
      <c r="U1179" s="53"/>
      <c r="V1179" s="53"/>
      <c r="W1179" s="53"/>
      <c r="X1179" s="53"/>
      <c r="Y1179" s="53"/>
      <c r="Z1179" s="53"/>
      <c r="AA1179" s="53"/>
      <c r="AB1179" s="53"/>
      <c r="AC1179" s="53"/>
      <c r="AD1179" s="53"/>
      <c r="AE1179" s="53"/>
      <c r="AF1179" s="53"/>
      <c r="AG1179" s="53"/>
      <c r="AH1179" s="53"/>
      <c r="AI1179" s="53"/>
      <c r="AJ1179" s="53"/>
      <c r="AK1179" s="53"/>
      <c r="AL1179" s="53"/>
      <c r="AM1179" s="53"/>
      <c r="AN1179" s="53"/>
      <c r="AO1179" s="53"/>
      <c r="AP1179" s="53"/>
      <c r="AQ1179" s="53"/>
      <c r="AR1179" s="53"/>
      <c r="AS1179" s="53"/>
      <c r="AT1179" s="53"/>
      <c r="AU1179" s="53"/>
      <c r="AV1179" s="53"/>
      <c r="AW1179" s="53"/>
      <c r="AX1179" s="53"/>
      <c r="AY1179" s="53"/>
      <c r="AZ1179" s="53"/>
      <c r="BA1179" s="53"/>
      <c r="BB1179" s="53"/>
      <c r="BC1179" s="53"/>
      <c r="BD1179" s="53"/>
      <c r="BE1179" s="53"/>
      <c r="BF1179" s="53"/>
      <c r="BG1179" s="53"/>
      <c r="BH1179" s="53"/>
      <c r="BI1179" s="53"/>
      <c r="BJ1179" s="53"/>
      <c r="BK1179" s="53"/>
      <c r="BL1179" s="53"/>
      <c r="BM1179" s="53"/>
      <c r="BN1179" s="53"/>
      <c r="BO1179" s="53"/>
      <c r="BP1179" s="53"/>
      <c r="BQ1179" s="53"/>
      <c r="BR1179" s="53"/>
      <c r="BS1179" s="53"/>
      <c r="BT1179" s="53"/>
      <c r="BU1179" s="53"/>
      <c r="BV1179" s="53"/>
      <c r="BW1179" s="53"/>
      <c r="BX1179" s="53"/>
      <c r="BY1179" s="53"/>
      <c r="BZ1179" s="53"/>
      <c r="CA1179" s="53"/>
      <c r="CB1179" s="53"/>
      <c r="CC1179" s="53"/>
      <c r="CD1179" s="53"/>
      <c r="CE1179" s="53"/>
      <c r="CF1179" s="53"/>
      <c r="CG1179" s="53"/>
      <c r="CH1179" s="53"/>
      <c r="CI1179" s="53"/>
      <c r="CJ1179" s="53"/>
      <c r="CK1179" s="53"/>
      <c r="CL1179" s="53"/>
      <c r="CM1179" s="53"/>
      <c r="CN1179" s="53"/>
    </row>
    <row r="1180" spans="1:92">
      <c r="A1180" s="52" t="s">
        <v>675</v>
      </c>
      <c r="B1180" s="53"/>
      <c r="C1180" s="53"/>
      <c r="D1180" s="53"/>
      <c r="E1180" s="53"/>
      <c r="F1180" s="53"/>
      <c r="G1180" s="53"/>
      <c r="H1180" s="53"/>
      <c r="I1180" s="53"/>
      <c r="J1180" s="53"/>
      <c r="K1180" s="53"/>
      <c r="L1180" s="53"/>
      <c r="M1180" s="53"/>
      <c r="N1180" s="53"/>
      <c r="O1180" s="53"/>
      <c r="P1180" s="53"/>
      <c r="Q1180" s="53"/>
      <c r="R1180" s="53"/>
      <c r="S1180" s="53"/>
      <c r="T1180" s="53"/>
      <c r="U1180" s="53"/>
      <c r="V1180" s="53"/>
      <c r="W1180" s="53"/>
      <c r="X1180" s="53"/>
      <c r="Y1180" s="53"/>
      <c r="Z1180" s="53"/>
      <c r="AA1180" s="53"/>
      <c r="AB1180" s="53"/>
      <c r="AC1180" s="53"/>
      <c r="AD1180" s="53"/>
      <c r="AE1180" s="53"/>
      <c r="AF1180" s="53"/>
      <c r="AG1180" s="53"/>
      <c r="AH1180" s="53"/>
      <c r="AI1180" s="53"/>
      <c r="AJ1180" s="53"/>
      <c r="AK1180" s="53"/>
      <c r="AL1180" s="53"/>
      <c r="AM1180" s="53"/>
      <c r="AN1180" s="53"/>
      <c r="AO1180" s="53"/>
      <c r="AP1180" s="53"/>
      <c r="AQ1180" s="53"/>
      <c r="AR1180" s="53"/>
      <c r="AS1180" s="53"/>
      <c r="AT1180" s="53"/>
      <c r="AU1180" s="53"/>
      <c r="AV1180" s="53"/>
      <c r="AW1180" s="53"/>
      <c r="AX1180" s="53"/>
      <c r="AY1180" s="53"/>
      <c r="AZ1180" s="53"/>
      <c r="BA1180" s="53"/>
      <c r="BB1180" s="53"/>
      <c r="BC1180" s="53"/>
      <c r="BD1180" s="53"/>
      <c r="BE1180" s="53"/>
      <c r="BF1180" s="53"/>
      <c r="BG1180" s="53"/>
      <c r="BH1180" s="53"/>
      <c r="BI1180" s="53"/>
      <c r="BJ1180" s="53"/>
      <c r="BK1180" s="53"/>
      <c r="BL1180" s="53"/>
      <c r="BM1180" s="53"/>
      <c r="BN1180" s="53"/>
      <c r="BO1180" s="53"/>
      <c r="BP1180" s="53"/>
      <c r="BQ1180" s="53"/>
      <c r="BR1180" s="53"/>
      <c r="BS1180" s="53"/>
      <c r="BT1180" s="53"/>
      <c r="BU1180" s="53"/>
      <c r="BV1180" s="53"/>
      <c r="BW1180" s="53"/>
      <c r="BX1180" s="53"/>
      <c r="BY1180" s="53"/>
      <c r="BZ1180" s="53"/>
      <c r="CA1180" s="53"/>
      <c r="CB1180" s="53"/>
      <c r="CC1180" s="53"/>
      <c r="CD1180" s="53"/>
      <c r="CE1180" s="53"/>
      <c r="CF1180" s="53"/>
      <c r="CG1180" s="53"/>
      <c r="CH1180" s="53"/>
      <c r="CI1180" s="53"/>
      <c r="CJ1180" s="53"/>
      <c r="CK1180" s="53"/>
      <c r="CL1180" s="53"/>
      <c r="CM1180" s="53"/>
      <c r="CN1180" s="53"/>
    </row>
    <row r="1181" spans="1:92">
      <c r="A1181" s="52" t="s">
        <v>787</v>
      </c>
      <c r="B1181" s="53"/>
      <c r="C1181" s="53"/>
      <c r="D1181" s="53"/>
      <c r="E1181" s="53"/>
      <c r="F1181" s="53"/>
      <c r="G1181" s="53"/>
      <c r="H1181" s="53"/>
      <c r="I1181" s="53"/>
      <c r="J1181" s="53"/>
      <c r="K1181" s="53"/>
      <c r="L1181" s="53"/>
      <c r="M1181" s="53"/>
      <c r="N1181" s="53"/>
      <c r="O1181" s="53"/>
      <c r="P1181" s="53"/>
      <c r="Q1181" s="53"/>
      <c r="R1181" s="53"/>
      <c r="S1181" s="53"/>
      <c r="T1181" s="53"/>
      <c r="U1181" s="53"/>
      <c r="V1181" s="53"/>
      <c r="W1181" s="53"/>
      <c r="X1181" s="53"/>
      <c r="Y1181" s="53"/>
      <c r="Z1181" s="53"/>
      <c r="AA1181" s="53"/>
      <c r="AB1181" s="53"/>
      <c r="AC1181" s="53"/>
      <c r="AD1181" s="53"/>
      <c r="AE1181" s="53"/>
      <c r="AF1181" s="53"/>
      <c r="AG1181" s="53"/>
      <c r="AH1181" s="53"/>
      <c r="AI1181" s="53"/>
      <c r="AJ1181" s="53"/>
      <c r="AK1181" s="53"/>
      <c r="AL1181" s="53"/>
      <c r="AM1181" s="53"/>
      <c r="AN1181" s="53"/>
      <c r="AO1181" s="53"/>
      <c r="AP1181" s="53"/>
      <c r="AQ1181" s="53"/>
      <c r="AR1181" s="53"/>
      <c r="AS1181" s="53"/>
      <c r="AT1181" s="53"/>
      <c r="AU1181" s="53"/>
      <c r="AV1181" s="53"/>
      <c r="AW1181" s="53"/>
      <c r="AX1181" s="53"/>
      <c r="AY1181" s="53"/>
      <c r="AZ1181" s="53"/>
      <c r="BA1181" s="53"/>
      <c r="BB1181" s="53"/>
      <c r="BC1181" s="53"/>
      <c r="BD1181" s="53"/>
      <c r="BE1181" s="53"/>
      <c r="BF1181" s="53"/>
      <c r="BG1181" s="53"/>
      <c r="BH1181" s="53"/>
      <c r="BI1181" s="53"/>
      <c r="BJ1181" s="53"/>
      <c r="BK1181" s="53"/>
      <c r="BL1181" s="53"/>
      <c r="BM1181" s="53"/>
      <c r="BN1181" s="53"/>
      <c r="BO1181" s="53"/>
      <c r="BP1181" s="53"/>
      <c r="BQ1181" s="53"/>
      <c r="BR1181" s="53"/>
      <c r="BS1181" s="53"/>
      <c r="BT1181" s="53"/>
      <c r="BU1181" s="53"/>
      <c r="BV1181" s="53"/>
      <c r="BW1181" s="53"/>
      <c r="BX1181" s="53"/>
      <c r="BY1181" s="53"/>
      <c r="BZ1181" s="53"/>
      <c r="CA1181" s="53"/>
      <c r="CB1181" s="53"/>
      <c r="CC1181" s="53"/>
      <c r="CD1181" s="53"/>
      <c r="CE1181" s="53"/>
      <c r="CF1181" s="53"/>
      <c r="CG1181" s="53"/>
      <c r="CH1181" s="53"/>
      <c r="CI1181" s="53"/>
      <c r="CJ1181" s="53"/>
      <c r="CK1181" s="53"/>
      <c r="CL1181" s="53"/>
      <c r="CM1181" s="53"/>
      <c r="CN1181" s="53"/>
    </row>
    <row r="1182" spans="1:92">
      <c r="A1182" s="52" t="s">
        <v>649</v>
      </c>
      <c r="B1182" s="53">
        <v>-545945.02617801004</v>
      </c>
      <c r="C1182" s="53">
        <v>-545945.02617801004</v>
      </c>
      <c r="D1182" s="53">
        <v>-545945.02617801004</v>
      </c>
      <c r="E1182" s="53">
        <v>-545945.02617801004</v>
      </c>
      <c r="F1182" s="53">
        <v>-545945.02617801004</v>
      </c>
      <c r="G1182" s="53">
        <v>-545945.02617801004</v>
      </c>
      <c r="H1182" s="53">
        <v>-545945.02617801004</v>
      </c>
      <c r="I1182" s="53">
        <v>-545945.02617801004</v>
      </c>
      <c r="J1182" s="53">
        <v>-545945.02617801004</v>
      </c>
      <c r="K1182" s="53">
        <v>-545945.02617801004</v>
      </c>
      <c r="L1182" s="53">
        <v>-545945.02617801004</v>
      </c>
      <c r="M1182" s="53">
        <v>-545945.02617801004</v>
      </c>
      <c r="N1182" s="53">
        <v>-6551340.3141361196</v>
      </c>
      <c r="O1182" s="53">
        <v>-545945.02617801004</v>
      </c>
      <c r="P1182" s="53">
        <v>-545945.02617801004</v>
      </c>
      <c r="Q1182" s="53">
        <v>-545945.02617801004</v>
      </c>
      <c r="R1182" s="53">
        <v>-545945.02617801004</v>
      </c>
      <c r="S1182" s="53">
        <v>-545945.02617801004</v>
      </c>
      <c r="T1182" s="53">
        <v>-545945.02617801004</v>
      </c>
      <c r="U1182" s="53">
        <v>-545945.02617801004</v>
      </c>
      <c r="V1182" s="53">
        <v>-545945.02617801004</v>
      </c>
      <c r="W1182" s="53">
        <v>-545945.02617801004</v>
      </c>
      <c r="X1182" s="53">
        <v>-545945.02617801004</v>
      </c>
      <c r="Y1182" s="53">
        <v>-545945.02617801004</v>
      </c>
      <c r="Z1182" s="53">
        <v>-545945.02617801004</v>
      </c>
      <c r="AA1182" s="53">
        <v>-6551340.3141361196</v>
      </c>
      <c r="AB1182" s="53">
        <v>-545945.02617801004</v>
      </c>
      <c r="AC1182" s="53">
        <v>-545945.02617801004</v>
      </c>
      <c r="AD1182" s="53">
        <v>-545945.02617801004</v>
      </c>
      <c r="AE1182" s="53">
        <v>-545945.02617801004</v>
      </c>
      <c r="AF1182" s="53">
        <v>-545945.02617801004</v>
      </c>
      <c r="AG1182" s="53">
        <v>-545945.02617801004</v>
      </c>
      <c r="AH1182" s="53">
        <v>-545945.02617801004</v>
      </c>
      <c r="AI1182" s="53">
        <v>-545945.02617801004</v>
      </c>
      <c r="AJ1182" s="53">
        <v>-545945.02617801004</v>
      </c>
      <c r="AK1182" s="53">
        <v>-545945.02617801004</v>
      </c>
      <c r="AL1182" s="53">
        <v>-545945.02617801004</v>
      </c>
      <c r="AM1182" s="53">
        <v>-545945.02617801004</v>
      </c>
      <c r="AN1182" s="53">
        <v>-6551340.3141361196</v>
      </c>
      <c r="AO1182" s="53">
        <v>-545945.02617801004</v>
      </c>
      <c r="AP1182" s="53">
        <v>-545945.02617801004</v>
      </c>
      <c r="AQ1182" s="53">
        <v>-545945.02617801004</v>
      </c>
      <c r="AR1182" s="53">
        <v>-545945.02617801004</v>
      </c>
      <c r="AS1182" s="53">
        <v>-545945.02617801004</v>
      </c>
      <c r="AT1182" s="53">
        <v>-545945.02617801004</v>
      </c>
      <c r="AU1182" s="53">
        <v>-545945.02617801004</v>
      </c>
      <c r="AV1182" s="53">
        <v>-545945.02617801004</v>
      </c>
      <c r="AW1182" s="53">
        <v>-545945.02617801004</v>
      </c>
      <c r="AX1182" s="53">
        <v>-545945.02617801004</v>
      </c>
      <c r="AY1182" s="53">
        <v>-545945.02617801004</v>
      </c>
      <c r="AZ1182" s="53">
        <v>-545945.02617801004</v>
      </c>
      <c r="BA1182" s="53">
        <v>-6551340.3141361196</v>
      </c>
      <c r="BB1182" s="53">
        <v>-545945.02617801004</v>
      </c>
      <c r="BC1182" s="53">
        <v>-545945.02617801004</v>
      </c>
      <c r="BD1182" s="53">
        <v>-545945.02617801004</v>
      </c>
      <c r="BE1182" s="53">
        <v>-545945.02617801004</v>
      </c>
      <c r="BF1182" s="53">
        <v>-545945.02617801004</v>
      </c>
      <c r="BG1182" s="53">
        <v>-545945.02617801004</v>
      </c>
      <c r="BH1182" s="53">
        <v>-545945.02617801004</v>
      </c>
      <c r="BI1182" s="53">
        <v>-545945.02617801004</v>
      </c>
      <c r="BJ1182" s="53">
        <v>-545945.02617801004</v>
      </c>
      <c r="BK1182" s="53">
        <v>-545945.02617801004</v>
      </c>
      <c r="BL1182" s="53">
        <v>-545945.02617801004</v>
      </c>
      <c r="BM1182" s="53">
        <v>-545945.02617801004</v>
      </c>
      <c r="BN1182" s="53">
        <v>-6551340.3141361196</v>
      </c>
      <c r="BO1182" s="53">
        <v>-545945.02617801004</v>
      </c>
      <c r="BP1182" s="53">
        <v>-545945.02617801004</v>
      </c>
      <c r="BQ1182" s="53">
        <v>-545945.02617801004</v>
      </c>
      <c r="BR1182" s="53">
        <v>-545945.02617801004</v>
      </c>
      <c r="BS1182" s="53">
        <v>-545945.02617801004</v>
      </c>
      <c r="BT1182" s="53">
        <v>-545945.02617801004</v>
      </c>
      <c r="BU1182" s="53">
        <v>-545945.02617801004</v>
      </c>
      <c r="BV1182" s="53">
        <v>-545945.02617801004</v>
      </c>
      <c r="BW1182" s="53">
        <v>-545945.02617801004</v>
      </c>
      <c r="BX1182" s="53">
        <v>-545945.02617801004</v>
      </c>
      <c r="BY1182" s="53">
        <v>-545945.02617801004</v>
      </c>
      <c r="BZ1182" s="53">
        <v>-545945.02617801004</v>
      </c>
      <c r="CA1182" s="53">
        <v>-6551340.3141361196</v>
      </c>
      <c r="CB1182" s="53"/>
      <c r="CC1182" s="53"/>
      <c r="CD1182" s="53"/>
      <c r="CE1182" s="53"/>
      <c r="CF1182" s="53"/>
      <c r="CG1182" s="53"/>
      <c r="CH1182" s="53"/>
      <c r="CI1182" s="53"/>
      <c r="CJ1182" s="53"/>
      <c r="CK1182" s="53"/>
      <c r="CL1182" s="53"/>
      <c r="CM1182" s="53"/>
      <c r="CN1182" s="53"/>
    </row>
    <row r="1183" spans="1:92">
      <c r="A1183" s="52" t="s">
        <v>741</v>
      </c>
      <c r="B1183" s="53"/>
      <c r="C1183" s="53"/>
      <c r="D1183" s="53"/>
      <c r="E1183" s="53"/>
      <c r="F1183" s="53"/>
      <c r="G1183" s="53"/>
      <c r="H1183" s="53"/>
      <c r="I1183" s="53"/>
      <c r="J1183" s="53"/>
      <c r="K1183" s="53"/>
      <c r="L1183" s="53"/>
      <c r="M1183" s="53"/>
      <c r="N1183" s="53"/>
      <c r="O1183" s="53"/>
      <c r="P1183" s="53"/>
      <c r="Q1183" s="53"/>
      <c r="R1183" s="53"/>
      <c r="S1183" s="53"/>
      <c r="T1183" s="53"/>
      <c r="U1183" s="53"/>
      <c r="V1183" s="53"/>
      <c r="W1183" s="53"/>
      <c r="X1183" s="53"/>
      <c r="Y1183" s="53"/>
      <c r="Z1183" s="53"/>
      <c r="AA1183" s="53"/>
      <c r="AB1183" s="53"/>
      <c r="AC1183" s="53"/>
      <c r="AD1183" s="53"/>
      <c r="AE1183" s="53"/>
      <c r="AF1183" s="53"/>
      <c r="AG1183" s="53"/>
      <c r="AH1183" s="53"/>
      <c r="AI1183" s="53"/>
      <c r="AJ1183" s="53"/>
      <c r="AK1183" s="53"/>
      <c r="AL1183" s="53"/>
      <c r="AM1183" s="53"/>
      <c r="AN1183" s="53"/>
      <c r="AO1183" s="53"/>
      <c r="AP1183" s="53"/>
      <c r="AQ1183" s="53"/>
      <c r="AR1183" s="53"/>
      <c r="AS1183" s="53"/>
      <c r="AT1183" s="53"/>
      <c r="AU1183" s="53"/>
      <c r="AV1183" s="53"/>
      <c r="AW1183" s="53"/>
      <c r="AX1183" s="53"/>
      <c r="AY1183" s="53"/>
      <c r="AZ1183" s="53"/>
      <c r="BA1183" s="53"/>
      <c r="BB1183" s="53"/>
      <c r="BC1183" s="53"/>
      <c r="BD1183" s="53"/>
      <c r="BE1183" s="53"/>
      <c r="BF1183" s="53"/>
      <c r="BG1183" s="53"/>
      <c r="BH1183" s="53"/>
      <c r="BI1183" s="53"/>
      <c r="BJ1183" s="53"/>
      <c r="BK1183" s="53"/>
      <c r="BL1183" s="53"/>
      <c r="BM1183" s="53"/>
      <c r="BN1183" s="53"/>
      <c r="BO1183" s="53"/>
      <c r="BP1183" s="53"/>
      <c r="BQ1183" s="53"/>
      <c r="BR1183" s="53"/>
      <c r="BS1183" s="53"/>
      <c r="BT1183" s="53"/>
      <c r="BU1183" s="53"/>
      <c r="BV1183" s="53"/>
      <c r="BW1183" s="53"/>
      <c r="BX1183" s="53"/>
      <c r="BY1183" s="53"/>
      <c r="BZ1183" s="53"/>
      <c r="CA1183" s="53"/>
      <c r="CB1183" s="53"/>
      <c r="CC1183" s="53"/>
      <c r="CD1183" s="53"/>
      <c r="CE1183" s="53"/>
      <c r="CF1183" s="53"/>
      <c r="CG1183" s="53"/>
      <c r="CH1183" s="53"/>
      <c r="CI1183" s="53"/>
      <c r="CJ1183" s="53"/>
      <c r="CK1183" s="53"/>
      <c r="CL1183" s="53"/>
      <c r="CM1183" s="53"/>
      <c r="CN1183" s="53"/>
    </row>
    <row r="1184" spans="1:92">
      <c r="A1184" s="52" t="s">
        <v>742</v>
      </c>
      <c r="B1184" s="53"/>
      <c r="C1184" s="53"/>
      <c r="D1184" s="53"/>
      <c r="E1184" s="53"/>
      <c r="F1184" s="53"/>
      <c r="G1184" s="53"/>
      <c r="H1184" s="53"/>
      <c r="I1184" s="53"/>
      <c r="J1184" s="53"/>
      <c r="K1184" s="53"/>
      <c r="L1184" s="53"/>
      <c r="M1184" s="53"/>
      <c r="N1184" s="53"/>
      <c r="O1184" s="53"/>
      <c r="P1184" s="53"/>
      <c r="Q1184" s="53"/>
      <c r="R1184" s="53"/>
      <c r="S1184" s="53"/>
      <c r="T1184" s="53"/>
      <c r="U1184" s="53"/>
      <c r="V1184" s="53"/>
      <c r="W1184" s="53"/>
      <c r="X1184" s="53"/>
      <c r="Y1184" s="53"/>
      <c r="Z1184" s="53"/>
      <c r="AA1184" s="53"/>
      <c r="AB1184" s="53"/>
      <c r="AC1184" s="53"/>
      <c r="AD1184" s="53"/>
      <c r="AE1184" s="53"/>
      <c r="AF1184" s="53"/>
      <c r="AG1184" s="53"/>
      <c r="AH1184" s="53"/>
      <c r="AI1184" s="53"/>
      <c r="AJ1184" s="53"/>
      <c r="AK1184" s="53"/>
      <c r="AL1184" s="53"/>
      <c r="AM1184" s="53"/>
      <c r="AN1184" s="53"/>
      <c r="AO1184" s="53"/>
      <c r="AP1184" s="53"/>
      <c r="AQ1184" s="53"/>
      <c r="AR1184" s="53"/>
      <c r="AS1184" s="53"/>
      <c r="AT1184" s="53"/>
      <c r="AU1184" s="53"/>
      <c r="AV1184" s="53"/>
      <c r="AW1184" s="53"/>
      <c r="AX1184" s="53"/>
      <c r="AY1184" s="53"/>
      <c r="AZ1184" s="53"/>
      <c r="BA1184" s="53"/>
      <c r="BB1184" s="53"/>
      <c r="BC1184" s="53"/>
      <c r="BD1184" s="53"/>
      <c r="BE1184" s="53"/>
      <c r="BF1184" s="53"/>
      <c r="BG1184" s="53"/>
      <c r="BH1184" s="53"/>
      <c r="BI1184" s="53"/>
      <c r="BJ1184" s="53"/>
      <c r="BK1184" s="53"/>
      <c r="BL1184" s="53"/>
      <c r="BM1184" s="53"/>
      <c r="BN1184" s="53"/>
      <c r="BO1184" s="53"/>
      <c r="BP1184" s="53"/>
      <c r="BQ1184" s="53"/>
      <c r="BR1184" s="53"/>
      <c r="BS1184" s="53"/>
      <c r="BT1184" s="53"/>
      <c r="BU1184" s="53"/>
      <c r="BV1184" s="53"/>
      <c r="BW1184" s="53"/>
      <c r="BX1184" s="53"/>
      <c r="BY1184" s="53"/>
      <c r="BZ1184" s="53"/>
      <c r="CA1184" s="53"/>
      <c r="CB1184" s="53"/>
      <c r="CC1184" s="53"/>
      <c r="CD1184" s="53"/>
      <c r="CE1184" s="53"/>
      <c r="CF1184" s="53"/>
      <c r="CG1184" s="53"/>
      <c r="CH1184" s="53"/>
      <c r="CI1184" s="53"/>
      <c r="CJ1184" s="53"/>
      <c r="CK1184" s="53"/>
      <c r="CL1184" s="53"/>
      <c r="CM1184" s="53"/>
      <c r="CN1184" s="53"/>
    </row>
    <row r="1185" spans="1:92">
      <c r="A1185" s="52" t="s">
        <v>649</v>
      </c>
      <c r="B1185" s="53">
        <v>-47000</v>
      </c>
      <c r="C1185" s="53">
        <v>-47000</v>
      </c>
      <c r="D1185" s="53">
        <v>-47000</v>
      </c>
      <c r="E1185" s="53">
        <v>-47000</v>
      </c>
      <c r="F1185" s="53">
        <v>-47000</v>
      </c>
      <c r="G1185" s="53">
        <v>-47000</v>
      </c>
      <c r="H1185" s="53">
        <v>-47000</v>
      </c>
      <c r="I1185" s="53">
        <v>-47000</v>
      </c>
      <c r="J1185" s="53">
        <v>-47000</v>
      </c>
      <c r="K1185" s="53">
        <v>-47000</v>
      </c>
      <c r="L1185" s="53">
        <v>-47000</v>
      </c>
      <c r="M1185" s="53">
        <v>-47000</v>
      </c>
      <c r="N1185" s="53">
        <v>-564000</v>
      </c>
      <c r="O1185" s="53">
        <v>-47000</v>
      </c>
      <c r="P1185" s="53">
        <v>-47000</v>
      </c>
      <c r="Q1185" s="53">
        <v>-47000</v>
      </c>
      <c r="R1185" s="53">
        <v>-57648.148148148102</v>
      </c>
      <c r="S1185" s="53">
        <v>-57648.148148148102</v>
      </c>
      <c r="T1185" s="53">
        <v>-57648.148148148102</v>
      </c>
      <c r="U1185" s="53">
        <v>-57648.148148148102</v>
      </c>
      <c r="V1185" s="53">
        <v>-57648.148148148102</v>
      </c>
      <c r="W1185" s="53">
        <v>-57648.148148148102</v>
      </c>
      <c r="X1185" s="53">
        <v>-57648.148148148102</v>
      </c>
      <c r="Y1185" s="53">
        <v>-57648.148148148102</v>
      </c>
      <c r="Z1185" s="53">
        <v>-57648.148148148102</v>
      </c>
      <c r="AA1185" s="53">
        <v>-659833.33333333302</v>
      </c>
      <c r="AB1185" s="53">
        <v>-57648.148148148102</v>
      </c>
      <c r="AC1185" s="53">
        <v>-57648.148148148102</v>
      </c>
      <c r="AD1185" s="53">
        <v>-57648.148148148102</v>
      </c>
      <c r="AE1185" s="53">
        <v>-68296.296296296307</v>
      </c>
      <c r="AF1185" s="53">
        <v>-68296.296296296307</v>
      </c>
      <c r="AG1185" s="53">
        <v>-68296.296296296307</v>
      </c>
      <c r="AH1185" s="53">
        <v>-68296.296296296307</v>
      </c>
      <c r="AI1185" s="53">
        <v>-68296.296296296307</v>
      </c>
      <c r="AJ1185" s="53">
        <v>-68296.296296296307</v>
      </c>
      <c r="AK1185" s="53">
        <v>-68296.296296296307</v>
      </c>
      <c r="AL1185" s="53">
        <v>-68296.296296296307</v>
      </c>
      <c r="AM1185" s="53">
        <v>-68296.296296296307</v>
      </c>
      <c r="AN1185" s="53">
        <v>-787611.11111111101</v>
      </c>
      <c r="AO1185" s="53">
        <v>-68296.296296296307</v>
      </c>
      <c r="AP1185" s="53">
        <v>-68296.296296296307</v>
      </c>
      <c r="AQ1185" s="53">
        <v>-68296.296296296307</v>
      </c>
      <c r="AR1185" s="53">
        <v>-78944.444444444394</v>
      </c>
      <c r="AS1185" s="53">
        <v>-78944.444444444394</v>
      </c>
      <c r="AT1185" s="53">
        <v>-78944.444444444394</v>
      </c>
      <c r="AU1185" s="53">
        <v>-78944.444444444394</v>
      </c>
      <c r="AV1185" s="53">
        <v>-78944.444444444394</v>
      </c>
      <c r="AW1185" s="53">
        <v>-78944.444444444394</v>
      </c>
      <c r="AX1185" s="53">
        <v>-78944.444444444394</v>
      </c>
      <c r="AY1185" s="53">
        <v>-78944.444444444394</v>
      </c>
      <c r="AZ1185" s="53">
        <v>-78944.444444444394</v>
      </c>
      <c r="BA1185" s="53">
        <v>-915388.88888888794</v>
      </c>
      <c r="BB1185" s="53">
        <v>-78944.444444444394</v>
      </c>
      <c r="BC1185" s="53">
        <v>-78944.444444444394</v>
      </c>
      <c r="BD1185" s="53">
        <v>-78944.444444444394</v>
      </c>
      <c r="BE1185" s="53">
        <v>-89592.592592592599</v>
      </c>
      <c r="BF1185" s="53">
        <v>-89592.592592592599</v>
      </c>
      <c r="BG1185" s="53">
        <v>-89592.592592592599</v>
      </c>
      <c r="BH1185" s="53">
        <v>-89592.592592592599</v>
      </c>
      <c r="BI1185" s="53">
        <v>-89592.592592592599</v>
      </c>
      <c r="BJ1185" s="53">
        <v>-89592.592592592599</v>
      </c>
      <c r="BK1185" s="53">
        <v>-89592.592592592599</v>
      </c>
      <c r="BL1185" s="53">
        <v>-89592.592592592599</v>
      </c>
      <c r="BM1185" s="53">
        <v>-89592.592592592599</v>
      </c>
      <c r="BN1185" s="53">
        <v>-1043166.66666666</v>
      </c>
      <c r="BO1185" s="53">
        <v>-89592.592592592599</v>
      </c>
      <c r="BP1185" s="53">
        <v>-89592.592592592599</v>
      </c>
      <c r="BQ1185" s="53">
        <v>-89592.592592592599</v>
      </c>
      <c r="BR1185" s="53">
        <v>-100240.74074074101</v>
      </c>
      <c r="BS1185" s="53">
        <v>-100240.74074074101</v>
      </c>
      <c r="BT1185" s="53">
        <v>-100240.74074074101</v>
      </c>
      <c r="BU1185" s="53">
        <v>-53240.740740740701</v>
      </c>
      <c r="BV1185" s="53">
        <v>-53240.740740740701</v>
      </c>
      <c r="BW1185" s="53">
        <v>-53240.740740740701</v>
      </c>
      <c r="BX1185" s="53">
        <v>-53240.740740740701</v>
      </c>
      <c r="BY1185" s="53">
        <v>-53240.740740740701</v>
      </c>
      <c r="BZ1185" s="53">
        <v>-53240.740740740701</v>
      </c>
      <c r="CA1185" s="53">
        <v>-888944.44444444403</v>
      </c>
      <c r="CB1185" s="53"/>
      <c r="CC1185" s="53"/>
      <c r="CD1185" s="53"/>
      <c r="CE1185" s="53"/>
      <c r="CF1185" s="53"/>
      <c r="CG1185" s="53"/>
      <c r="CH1185" s="53"/>
      <c r="CI1185" s="53"/>
      <c r="CJ1185" s="53"/>
      <c r="CK1185" s="53"/>
      <c r="CL1185" s="53"/>
      <c r="CM1185" s="53"/>
      <c r="CN1185" s="53"/>
    </row>
    <row r="1186" spans="1:92">
      <c r="A1186" s="52" t="s">
        <v>744</v>
      </c>
      <c r="B1186" s="53"/>
      <c r="C1186" s="53"/>
      <c r="D1186" s="53"/>
      <c r="E1186" s="53"/>
      <c r="F1186" s="53"/>
      <c r="G1186" s="53"/>
      <c r="H1186" s="53"/>
      <c r="I1186" s="53"/>
      <c r="J1186" s="53"/>
      <c r="K1186" s="53"/>
      <c r="L1186" s="53"/>
      <c r="M1186" s="53"/>
      <c r="N1186" s="53"/>
      <c r="O1186" s="53"/>
      <c r="P1186" s="53"/>
      <c r="Q1186" s="53"/>
      <c r="R1186" s="53"/>
      <c r="S1186" s="53"/>
      <c r="T1186" s="53"/>
      <c r="U1186" s="53"/>
      <c r="V1186" s="53"/>
      <c r="W1186" s="53"/>
      <c r="X1186" s="53"/>
      <c r="Y1186" s="53"/>
      <c r="Z1186" s="53"/>
      <c r="AA1186" s="53"/>
      <c r="AB1186" s="53"/>
      <c r="AC1186" s="53"/>
      <c r="AD1186" s="53"/>
      <c r="AE1186" s="53"/>
      <c r="AF1186" s="53"/>
      <c r="AG1186" s="53"/>
      <c r="AH1186" s="53"/>
      <c r="AI1186" s="53"/>
      <c r="AJ1186" s="53"/>
      <c r="AK1186" s="53"/>
      <c r="AL1186" s="53"/>
      <c r="AM1186" s="53"/>
      <c r="AN1186" s="53"/>
      <c r="AO1186" s="53"/>
      <c r="AP1186" s="53"/>
      <c r="AQ1186" s="53"/>
      <c r="AR1186" s="53"/>
      <c r="AS1186" s="53"/>
      <c r="AT1186" s="53"/>
      <c r="AU1186" s="53"/>
      <c r="AV1186" s="53"/>
      <c r="AW1186" s="53"/>
      <c r="AX1186" s="53"/>
      <c r="AY1186" s="53"/>
      <c r="AZ1186" s="53"/>
      <c r="BA1186" s="53"/>
      <c r="BB1186" s="53"/>
      <c r="BC1186" s="53"/>
      <c r="BD1186" s="53"/>
      <c r="BE1186" s="53"/>
      <c r="BF1186" s="53"/>
      <c r="BG1186" s="53"/>
      <c r="BH1186" s="53"/>
      <c r="BI1186" s="53"/>
      <c r="BJ1186" s="53"/>
      <c r="BK1186" s="53"/>
      <c r="BL1186" s="53"/>
      <c r="BM1186" s="53"/>
      <c r="BN1186" s="53"/>
      <c r="BO1186" s="53"/>
      <c r="BP1186" s="53"/>
      <c r="BQ1186" s="53"/>
      <c r="BR1186" s="53"/>
      <c r="BS1186" s="53"/>
      <c r="BT1186" s="53"/>
      <c r="BU1186" s="53"/>
      <c r="BV1186" s="53"/>
      <c r="BW1186" s="53"/>
      <c r="BX1186" s="53"/>
      <c r="BY1186" s="53"/>
      <c r="BZ1186" s="53"/>
      <c r="CA1186" s="53"/>
      <c r="CB1186" s="53">
        <v>-9640000</v>
      </c>
      <c r="CC1186" s="53">
        <v>-9640000</v>
      </c>
      <c r="CD1186" s="53">
        <v>-9640000</v>
      </c>
      <c r="CE1186" s="53">
        <v>-9640000</v>
      </c>
      <c r="CF1186" s="53">
        <v>-9640000</v>
      </c>
      <c r="CG1186" s="53">
        <v>-9640000</v>
      </c>
      <c r="CH1186" s="53">
        <v>-9640000</v>
      </c>
      <c r="CI1186" s="53">
        <v>-9640000</v>
      </c>
      <c r="CJ1186" s="53">
        <v>-9640000</v>
      </c>
      <c r="CK1186" s="53">
        <v>-9640000</v>
      </c>
      <c r="CL1186" s="53">
        <v>-9640000</v>
      </c>
      <c r="CM1186" s="53">
        <v>-9640000</v>
      </c>
      <c r="CN1186" s="53">
        <v>-115680000</v>
      </c>
    </row>
    <row r="1187" spans="1:92">
      <c r="A1187" s="52" t="s">
        <v>649</v>
      </c>
      <c r="B1187" s="53">
        <v>-10885</v>
      </c>
      <c r="C1187" s="53">
        <v>-10885</v>
      </c>
      <c r="D1187" s="53">
        <v>-10885</v>
      </c>
      <c r="E1187" s="53">
        <v>-10885</v>
      </c>
      <c r="F1187" s="53">
        <v>-10885</v>
      </c>
      <c r="G1187" s="53">
        <v>-10885</v>
      </c>
      <c r="H1187" s="53">
        <v>-10885</v>
      </c>
      <c r="I1187" s="53">
        <v>-10885</v>
      </c>
      <c r="J1187" s="53">
        <v>-11196</v>
      </c>
      <c r="K1187" s="53">
        <v>-11196</v>
      </c>
      <c r="L1187" s="53">
        <v>-11196</v>
      </c>
      <c r="M1187" s="53">
        <v>-11196</v>
      </c>
      <c r="N1187" s="53">
        <v>-131864</v>
      </c>
      <c r="O1187" s="53">
        <v>-11196</v>
      </c>
      <c r="P1187" s="53">
        <v>-11196</v>
      </c>
      <c r="Q1187" s="53">
        <v>-11196</v>
      </c>
      <c r="R1187" s="53">
        <v>-11196</v>
      </c>
      <c r="S1187" s="53">
        <v>-11196</v>
      </c>
      <c r="T1187" s="53">
        <v>-11196</v>
      </c>
      <c r="U1187" s="53">
        <v>-11196</v>
      </c>
      <c r="V1187" s="53">
        <v>-11196</v>
      </c>
      <c r="W1187" s="53">
        <v>-11196</v>
      </c>
      <c r="X1187" s="53">
        <v>-11196</v>
      </c>
      <c r="Y1187" s="53">
        <v>-11196</v>
      </c>
      <c r="Z1187" s="53">
        <v>-11196</v>
      </c>
      <c r="AA1187" s="53">
        <v>-134352</v>
      </c>
      <c r="AB1187" s="53">
        <v>-11196</v>
      </c>
      <c r="AC1187" s="53">
        <v>-11196</v>
      </c>
      <c r="AD1187" s="53">
        <v>-11196</v>
      </c>
      <c r="AE1187" s="53">
        <v>-11196</v>
      </c>
      <c r="AF1187" s="53">
        <v>-11196</v>
      </c>
      <c r="AG1187" s="53">
        <v>-11196</v>
      </c>
      <c r="AH1187" s="53">
        <v>-11196</v>
      </c>
      <c r="AI1187" s="53">
        <v>-11196</v>
      </c>
      <c r="AJ1187" s="53">
        <v>-11196</v>
      </c>
      <c r="AK1187" s="53">
        <v>-11196</v>
      </c>
      <c r="AL1187" s="53">
        <v>-11196</v>
      </c>
      <c r="AM1187" s="53">
        <v>-11196</v>
      </c>
      <c r="AN1187" s="53">
        <v>-134352</v>
      </c>
      <c r="AO1187" s="53">
        <v>-11196</v>
      </c>
      <c r="AP1187" s="53">
        <v>-11196</v>
      </c>
      <c r="AQ1187" s="53">
        <v>-11196</v>
      </c>
      <c r="AR1187" s="53">
        <v>-11196</v>
      </c>
      <c r="AS1187" s="53">
        <v>-11196</v>
      </c>
      <c r="AT1187" s="53">
        <v>-11196</v>
      </c>
      <c r="AU1187" s="53">
        <v>-11196</v>
      </c>
      <c r="AV1187" s="53">
        <v>-11196</v>
      </c>
      <c r="AW1187" s="53">
        <v>-11196</v>
      </c>
      <c r="AX1187" s="53">
        <v>-11196</v>
      </c>
      <c r="AY1187" s="53">
        <v>-11196</v>
      </c>
      <c r="AZ1187" s="53">
        <v>-11196</v>
      </c>
      <c r="BA1187" s="53">
        <v>-134352</v>
      </c>
      <c r="BB1187" s="53">
        <v>-11196</v>
      </c>
      <c r="BC1187" s="53">
        <v>-11196</v>
      </c>
      <c r="BD1187" s="53">
        <v>-11196</v>
      </c>
      <c r="BE1187" s="53">
        <v>-11196</v>
      </c>
      <c r="BF1187" s="53">
        <v>-11196</v>
      </c>
      <c r="BG1187" s="53">
        <v>-11196</v>
      </c>
      <c r="BH1187" s="53">
        <v>-11196</v>
      </c>
      <c r="BI1187" s="53">
        <v>-11196</v>
      </c>
      <c r="BJ1187" s="53">
        <v>-11196</v>
      </c>
      <c r="BK1187" s="53">
        <v>-11196</v>
      </c>
      <c r="BL1187" s="53">
        <v>-11196</v>
      </c>
      <c r="BM1187" s="53">
        <v>-11196</v>
      </c>
      <c r="BN1187" s="53">
        <v>-134352</v>
      </c>
      <c r="BO1187" s="53">
        <v>-11196</v>
      </c>
      <c r="BP1187" s="53">
        <v>-11196</v>
      </c>
      <c r="BQ1187" s="53">
        <v>-11196</v>
      </c>
      <c r="BR1187" s="53">
        <v>-11196</v>
      </c>
      <c r="BS1187" s="53">
        <v>-11196</v>
      </c>
      <c r="BT1187" s="53">
        <v>-11196</v>
      </c>
      <c r="BU1187" s="53">
        <v>-11196</v>
      </c>
      <c r="BV1187" s="53">
        <v>-11196</v>
      </c>
      <c r="BW1187" s="53">
        <v>-11196</v>
      </c>
      <c r="BX1187" s="53">
        <v>-11196</v>
      </c>
      <c r="BY1187" s="53">
        <v>-11196</v>
      </c>
      <c r="BZ1187" s="53">
        <v>-11196</v>
      </c>
      <c r="CA1187" s="53">
        <v>-134352</v>
      </c>
      <c r="CB1187" s="53"/>
      <c r="CC1187" s="53"/>
      <c r="CD1187" s="53"/>
      <c r="CE1187" s="53"/>
      <c r="CF1187" s="53"/>
      <c r="CG1187" s="53"/>
      <c r="CH1187" s="53"/>
      <c r="CI1187" s="53"/>
      <c r="CJ1187" s="53"/>
      <c r="CK1187" s="53"/>
      <c r="CL1187" s="53"/>
      <c r="CM1187" s="53"/>
      <c r="CN1187" s="53"/>
    </row>
    <row r="1188" spans="1:92">
      <c r="A1188" s="52" t="s">
        <v>1473</v>
      </c>
      <c r="B1188" s="53">
        <v>81049508.280000001</v>
      </c>
      <c r="C1188" s="53">
        <v>84549231.260000005</v>
      </c>
      <c r="D1188" s="53">
        <v>96121998.780000001</v>
      </c>
      <c r="E1188" s="53">
        <v>96376551.790000096</v>
      </c>
      <c r="F1188" s="53">
        <v>86906450.349999994</v>
      </c>
      <c r="G1188" s="53">
        <v>98964200.719999999</v>
      </c>
      <c r="H1188" s="53">
        <v>97156528.280000001</v>
      </c>
      <c r="I1188" s="53">
        <v>104376752.059999</v>
      </c>
      <c r="J1188" s="53">
        <v>115556949.38</v>
      </c>
      <c r="K1188" s="53">
        <v>105181795.63</v>
      </c>
      <c r="L1188" s="53">
        <v>84242999.180000007</v>
      </c>
      <c r="M1188" s="53">
        <v>82648779.129999995</v>
      </c>
      <c r="N1188" s="53">
        <v>82648779.129999995</v>
      </c>
      <c r="O1188" s="53">
        <v>82044638.103821993</v>
      </c>
      <c r="P1188" s="53">
        <v>81440497.077644005</v>
      </c>
      <c r="Q1188" s="53">
        <v>81475244.940354899</v>
      </c>
      <c r="R1188" s="53">
        <v>81197955.766028702</v>
      </c>
      <c r="S1188" s="53">
        <v>80583166.591702595</v>
      </c>
      <c r="T1188" s="53">
        <v>79968377.417376399</v>
      </c>
      <c r="U1188" s="53">
        <v>79353588.243050307</v>
      </c>
      <c r="V1188" s="53">
        <v>78738799.068724096</v>
      </c>
      <c r="W1188" s="53">
        <v>78124009.894398004</v>
      </c>
      <c r="X1188" s="53">
        <v>77509220.720071793</v>
      </c>
      <c r="Y1188" s="53">
        <v>76894431.545745701</v>
      </c>
      <c r="Z1188" s="53">
        <v>76279642.371419504</v>
      </c>
      <c r="AA1188" s="53">
        <v>76279642.371419504</v>
      </c>
      <c r="AB1188" s="53">
        <v>75664853.197093397</v>
      </c>
      <c r="AC1188" s="53">
        <v>75050064.022767201</v>
      </c>
      <c r="AD1188" s="53">
        <v>75074163.737330005</v>
      </c>
      <c r="AE1188" s="53">
        <v>74448726.414855599</v>
      </c>
      <c r="AF1188" s="53">
        <v>73823289.092381299</v>
      </c>
      <c r="AG1188" s="53">
        <v>73197851.769906998</v>
      </c>
      <c r="AH1188" s="53">
        <v>72572414.447432697</v>
      </c>
      <c r="AI1188" s="53">
        <v>71946977.124958396</v>
      </c>
      <c r="AJ1188" s="53">
        <v>71321539.802484095</v>
      </c>
      <c r="AK1188" s="53">
        <v>70696102.480009794</v>
      </c>
      <c r="AL1188" s="53">
        <v>70070665.157535493</v>
      </c>
      <c r="AM1188" s="53">
        <v>69445227.835061103</v>
      </c>
      <c r="AN1188" s="53">
        <v>69445227.835061103</v>
      </c>
      <c r="AO1188" s="53">
        <v>68819790.512586802</v>
      </c>
      <c r="AP1188" s="53">
        <v>68194353.190112501</v>
      </c>
      <c r="AQ1188" s="53">
        <v>68207804.756527096</v>
      </c>
      <c r="AR1188" s="53">
        <v>67571719.285904601</v>
      </c>
      <c r="AS1188" s="53">
        <v>66935633.815282203</v>
      </c>
      <c r="AT1188" s="53">
        <v>66299548.344659701</v>
      </c>
      <c r="AU1188" s="53">
        <v>65663462.874037303</v>
      </c>
      <c r="AV1188" s="53">
        <v>65027377.403414801</v>
      </c>
      <c r="AW1188" s="53">
        <v>64391291.932792298</v>
      </c>
      <c r="AX1188" s="53">
        <v>63755206.462169901</v>
      </c>
      <c r="AY1188" s="53">
        <v>63119120.991547398</v>
      </c>
      <c r="AZ1188" s="53">
        <v>62483035.520925</v>
      </c>
      <c r="BA1188" s="53">
        <v>62483035.520925</v>
      </c>
      <c r="BB1188" s="53">
        <v>61846950.050302498</v>
      </c>
      <c r="BC1188" s="53">
        <v>61210864.579680003</v>
      </c>
      <c r="BD1188" s="53">
        <v>61213667.997946501</v>
      </c>
      <c r="BE1188" s="53">
        <v>60904434.379175901</v>
      </c>
      <c r="BF1188" s="53">
        <v>60257700.760405302</v>
      </c>
      <c r="BG1188" s="53">
        <v>59610967.141634703</v>
      </c>
      <c r="BH1188" s="53">
        <v>58964233.522864103</v>
      </c>
      <c r="BI1188" s="53">
        <v>58317499.9040934</v>
      </c>
      <c r="BJ1188" s="53">
        <v>57670766.2853228</v>
      </c>
      <c r="BK1188" s="53">
        <v>57024032.666552201</v>
      </c>
      <c r="BL1188" s="53">
        <v>56377299.047781602</v>
      </c>
      <c r="BM1188" s="53">
        <v>55730565.429011002</v>
      </c>
      <c r="BN1188" s="53">
        <v>55730565.429011002</v>
      </c>
      <c r="BO1188" s="53">
        <v>55083831.810240403</v>
      </c>
      <c r="BP1188" s="53">
        <v>54437098.191469803</v>
      </c>
      <c r="BQ1188" s="53">
        <v>54429253.4615881</v>
      </c>
      <c r="BR1188" s="53">
        <v>53771871.694669299</v>
      </c>
      <c r="BS1188" s="53">
        <v>53114489.927750602</v>
      </c>
      <c r="BT1188" s="53">
        <v>52457108.160831802</v>
      </c>
      <c r="BU1188" s="53">
        <v>51846726.393913098</v>
      </c>
      <c r="BV1188" s="53">
        <v>51236344.626994297</v>
      </c>
      <c r="BW1188" s="53">
        <v>50625962.8600756</v>
      </c>
      <c r="BX1188" s="53">
        <v>50015581.0931568</v>
      </c>
      <c r="BY1188" s="53">
        <v>49405199.326238103</v>
      </c>
      <c r="BZ1188" s="53">
        <v>48794817.559319302</v>
      </c>
      <c r="CA1188" s="53">
        <v>48794817.559319302</v>
      </c>
      <c r="CB1188" s="53"/>
      <c r="CC1188" s="53">
        <v>-1000000</v>
      </c>
      <c r="CD1188" s="53"/>
      <c r="CE1188" s="53"/>
      <c r="CF1188" s="53"/>
      <c r="CG1188" s="53"/>
      <c r="CH1188" s="53"/>
      <c r="CI1188" s="53"/>
      <c r="CJ1188" s="53"/>
      <c r="CK1188" s="53"/>
      <c r="CL1188" s="53"/>
      <c r="CM1188" s="53"/>
      <c r="CN1188" s="53">
        <v>-1000000</v>
      </c>
    </row>
    <row r="1189" spans="1:92">
      <c r="A1189" s="52" t="s">
        <v>1474</v>
      </c>
      <c r="B1189" s="53">
        <v>881904.02</v>
      </c>
      <c r="C1189" s="53">
        <v>-400788.31999999902</v>
      </c>
      <c r="D1189" s="53">
        <v>-1471800.31</v>
      </c>
      <c r="E1189" s="53">
        <v>-2173983.0299999998</v>
      </c>
      <c r="F1189" s="53">
        <v>-3146130.9099999899</v>
      </c>
      <c r="G1189" s="53">
        <v>-3555467.4199999901</v>
      </c>
      <c r="H1189" s="53">
        <v>-3397541.72</v>
      </c>
      <c r="I1189" s="53">
        <v>-4541229.54</v>
      </c>
      <c r="J1189" s="53">
        <v>-5234629.04</v>
      </c>
      <c r="K1189" s="53">
        <v>-6478114.6599999899</v>
      </c>
      <c r="L1189" s="53">
        <v>-6125394.6799999904</v>
      </c>
      <c r="M1189" s="53">
        <v>0</v>
      </c>
      <c r="N1189" s="53">
        <v>0</v>
      </c>
      <c r="O1189" s="53">
        <v>0</v>
      </c>
      <c r="P1189" s="53">
        <v>0</v>
      </c>
      <c r="Q1189" s="53">
        <v>0</v>
      </c>
      <c r="R1189" s="53">
        <v>0</v>
      </c>
      <c r="S1189" s="53">
        <v>0</v>
      </c>
      <c r="T1189" s="53">
        <v>0</v>
      </c>
      <c r="U1189" s="53">
        <v>0</v>
      </c>
      <c r="V1189" s="53">
        <v>0</v>
      </c>
      <c r="W1189" s="53">
        <v>0</v>
      </c>
      <c r="X1189" s="53">
        <v>0</v>
      </c>
      <c r="Y1189" s="53">
        <v>0</v>
      </c>
      <c r="Z1189" s="53">
        <v>0</v>
      </c>
      <c r="AA1189" s="53">
        <v>0</v>
      </c>
      <c r="AB1189" s="53">
        <v>0</v>
      </c>
      <c r="AC1189" s="53">
        <v>0</v>
      </c>
      <c r="AD1189" s="53">
        <v>0</v>
      </c>
      <c r="AE1189" s="53">
        <v>0</v>
      </c>
      <c r="AF1189" s="53">
        <v>0</v>
      </c>
      <c r="AG1189" s="53">
        <v>0</v>
      </c>
      <c r="AH1189" s="53">
        <v>0</v>
      </c>
      <c r="AI1189" s="53">
        <v>0</v>
      </c>
      <c r="AJ1189" s="53">
        <v>0</v>
      </c>
      <c r="AK1189" s="53">
        <v>0</v>
      </c>
      <c r="AL1189" s="53">
        <v>0</v>
      </c>
      <c r="AM1189" s="53">
        <v>0</v>
      </c>
      <c r="AN1189" s="53">
        <v>0</v>
      </c>
      <c r="AO1189" s="53">
        <v>0</v>
      </c>
      <c r="AP1189" s="53">
        <v>0</v>
      </c>
      <c r="AQ1189" s="53">
        <v>0</v>
      </c>
      <c r="AR1189" s="53">
        <v>0</v>
      </c>
      <c r="AS1189" s="53">
        <v>0</v>
      </c>
      <c r="AT1189" s="53">
        <v>0</v>
      </c>
      <c r="AU1189" s="53">
        <v>0</v>
      </c>
      <c r="AV1189" s="53">
        <v>0</v>
      </c>
      <c r="AW1189" s="53">
        <v>0</v>
      </c>
      <c r="AX1189" s="53">
        <v>0</v>
      </c>
      <c r="AY1189" s="53">
        <v>0</v>
      </c>
      <c r="AZ1189" s="53">
        <v>0</v>
      </c>
      <c r="BA1189" s="53">
        <v>0</v>
      </c>
      <c r="BB1189" s="53">
        <v>0</v>
      </c>
      <c r="BC1189" s="53">
        <v>0</v>
      </c>
      <c r="BD1189" s="53">
        <v>0</v>
      </c>
      <c r="BE1189" s="53">
        <v>0</v>
      </c>
      <c r="BF1189" s="53">
        <v>0</v>
      </c>
      <c r="BG1189" s="53">
        <v>0</v>
      </c>
      <c r="BH1189" s="53">
        <v>0</v>
      </c>
      <c r="BI1189" s="53">
        <v>0</v>
      </c>
      <c r="BJ1189" s="53">
        <v>0</v>
      </c>
      <c r="BK1189" s="53">
        <v>0</v>
      </c>
      <c r="BL1189" s="53">
        <v>0</v>
      </c>
      <c r="BM1189" s="53">
        <v>0</v>
      </c>
      <c r="BN1189" s="53">
        <v>0</v>
      </c>
      <c r="BO1189" s="53">
        <v>0</v>
      </c>
      <c r="BP1189" s="53">
        <v>0</v>
      </c>
      <c r="BQ1189" s="53">
        <v>0</v>
      </c>
      <c r="BR1189" s="53">
        <v>0</v>
      </c>
      <c r="BS1189" s="53">
        <v>0</v>
      </c>
      <c r="BT1189" s="53">
        <v>0</v>
      </c>
      <c r="BU1189" s="53">
        <v>0</v>
      </c>
      <c r="BV1189" s="53">
        <v>0</v>
      </c>
      <c r="BW1189" s="53">
        <v>0</v>
      </c>
      <c r="BX1189" s="53">
        <v>0</v>
      </c>
      <c r="BY1189" s="53">
        <v>0</v>
      </c>
      <c r="BZ1189" s="53">
        <v>0</v>
      </c>
      <c r="CA1189" s="53">
        <v>0</v>
      </c>
      <c r="CB1189" s="53">
        <v>134023135.84</v>
      </c>
      <c r="CC1189" s="53">
        <v>123383135.84</v>
      </c>
      <c r="CD1189" s="53">
        <v>113743135.84</v>
      </c>
      <c r="CE1189" s="53">
        <v>104103135.84</v>
      </c>
      <c r="CF1189" s="53">
        <v>94463135.840000004</v>
      </c>
      <c r="CG1189" s="53">
        <v>84823135.840000004</v>
      </c>
      <c r="CH1189" s="53">
        <v>75183135.840000004</v>
      </c>
      <c r="CI1189" s="53">
        <v>65543135.840000004</v>
      </c>
      <c r="CJ1189" s="53">
        <v>55903135.840000004</v>
      </c>
      <c r="CK1189" s="53">
        <v>46263135.840000004</v>
      </c>
      <c r="CL1189" s="53">
        <v>36623135.840000004</v>
      </c>
      <c r="CM1189" s="53">
        <v>26983135.84</v>
      </c>
      <c r="CN1189" s="53">
        <v>26983135.84</v>
      </c>
    </row>
    <row r="1190" spans="1:92">
      <c r="A1190" s="52" t="s">
        <v>1475</v>
      </c>
      <c r="B1190" s="53">
        <v>0</v>
      </c>
      <c r="C1190" s="53">
        <v>0</v>
      </c>
      <c r="D1190" s="53">
        <v>0</v>
      </c>
      <c r="E1190" s="53">
        <v>0</v>
      </c>
      <c r="F1190" s="53">
        <v>0</v>
      </c>
      <c r="G1190" s="53">
        <v>0</v>
      </c>
      <c r="H1190" s="53">
        <v>0</v>
      </c>
      <c r="I1190" s="53">
        <v>0</v>
      </c>
      <c r="J1190" s="53">
        <v>0</v>
      </c>
      <c r="K1190" s="53">
        <v>0</v>
      </c>
      <c r="L1190" s="53">
        <v>0</v>
      </c>
      <c r="M1190" s="53">
        <v>0</v>
      </c>
      <c r="N1190" s="53">
        <v>0</v>
      </c>
      <c r="O1190" s="53">
        <v>0</v>
      </c>
      <c r="P1190" s="53">
        <v>0</v>
      </c>
      <c r="Q1190" s="53">
        <v>0</v>
      </c>
      <c r="R1190" s="53">
        <v>0</v>
      </c>
      <c r="S1190" s="53">
        <v>0</v>
      </c>
      <c r="T1190" s="53">
        <v>0</v>
      </c>
      <c r="U1190" s="53">
        <v>0</v>
      </c>
      <c r="V1190" s="53">
        <v>0</v>
      </c>
      <c r="W1190" s="53">
        <v>0</v>
      </c>
      <c r="X1190" s="53">
        <v>0</v>
      </c>
      <c r="Y1190" s="53">
        <v>0</v>
      </c>
      <c r="Z1190" s="53">
        <v>0</v>
      </c>
      <c r="AA1190" s="53">
        <v>0</v>
      </c>
      <c r="AB1190" s="53">
        <v>0</v>
      </c>
      <c r="AC1190" s="53">
        <v>0</v>
      </c>
      <c r="AD1190" s="53">
        <v>0</v>
      </c>
      <c r="AE1190" s="53">
        <v>0</v>
      </c>
      <c r="AF1190" s="53">
        <v>0</v>
      </c>
      <c r="AG1190" s="53">
        <v>0</v>
      </c>
      <c r="AH1190" s="53">
        <v>0</v>
      </c>
      <c r="AI1190" s="53">
        <v>0</v>
      </c>
      <c r="AJ1190" s="53">
        <v>0</v>
      </c>
      <c r="AK1190" s="53">
        <v>0</v>
      </c>
      <c r="AL1190" s="53">
        <v>0</v>
      </c>
      <c r="AM1190" s="53">
        <v>0</v>
      </c>
      <c r="AN1190" s="53">
        <v>0</v>
      </c>
      <c r="AO1190" s="53">
        <v>0</v>
      </c>
      <c r="AP1190" s="53">
        <v>0</v>
      </c>
      <c r="AQ1190" s="53">
        <v>0</v>
      </c>
      <c r="AR1190" s="53">
        <v>0</v>
      </c>
      <c r="AS1190" s="53">
        <v>0</v>
      </c>
      <c r="AT1190" s="53">
        <v>0</v>
      </c>
      <c r="AU1190" s="53">
        <v>0</v>
      </c>
      <c r="AV1190" s="53">
        <v>0</v>
      </c>
      <c r="AW1190" s="53">
        <v>0</v>
      </c>
      <c r="AX1190" s="53">
        <v>0</v>
      </c>
      <c r="AY1190" s="53">
        <v>0</v>
      </c>
      <c r="AZ1190" s="53">
        <v>0</v>
      </c>
      <c r="BA1190" s="53">
        <v>0</v>
      </c>
      <c r="BB1190" s="53">
        <v>0</v>
      </c>
      <c r="BC1190" s="53">
        <v>0</v>
      </c>
      <c r="BD1190" s="53">
        <v>0</v>
      </c>
      <c r="BE1190" s="53">
        <v>0</v>
      </c>
      <c r="BF1190" s="53">
        <v>0</v>
      </c>
      <c r="BG1190" s="53">
        <v>0</v>
      </c>
      <c r="BH1190" s="53">
        <v>0</v>
      </c>
      <c r="BI1190" s="53">
        <v>0</v>
      </c>
      <c r="BJ1190" s="53">
        <v>0</v>
      </c>
      <c r="BK1190" s="53">
        <v>0</v>
      </c>
      <c r="BL1190" s="53">
        <v>0</v>
      </c>
      <c r="BM1190" s="53">
        <v>0</v>
      </c>
      <c r="BN1190" s="53">
        <v>0</v>
      </c>
      <c r="BO1190" s="53">
        <v>0</v>
      </c>
      <c r="BP1190" s="53">
        <v>0</v>
      </c>
      <c r="BQ1190" s="53">
        <v>0</v>
      </c>
      <c r="BR1190" s="53">
        <v>0</v>
      </c>
      <c r="BS1190" s="53">
        <v>0</v>
      </c>
      <c r="BT1190" s="53">
        <v>0</v>
      </c>
      <c r="BU1190" s="53">
        <v>0</v>
      </c>
      <c r="BV1190" s="53">
        <v>0</v>
      </c>
      <c r="BW1190" s="53">
        <v>0</v>
      </c>
      <c r="BX1190" s="53">
        <v>0</v>
      </c>
      <c r="BY1190" s="53">
        <v>0</v>
      </c>
      <c r="BZ1190" s="53">
        <v>0</v>
      </c>
      <c r="CA1190" s="53">
        <v>0</v>
      </c>
      <c r="CB1190" s="53">
        <v>143663135.84</v>
      </c>
      <c r="CC1190" s="53">
        <v>134023135.84</v>
      </c>
      <c r="CD1190" s="53">
        <v>123383135.84</v>
      </c>
      <c r="CE1190" s="53">
        <v>113743135.84</v>
      </c>
      <c r="CF1190" s="53">
        <v>104103135.84</v>
      </c>
      <c r="CG1190" s="53">
        <v>94463135.840000004</v>
      </c>
      <c r="CH1190" s="53">
        <v>84823135.840000004</v>
      </c>
      <c r="CI1190" s="53">
        <v>75183135.840000004</v>
      </c>
      <c r="CJ1190" s="53">
        <v>65543135.840000004</v>
      </c>
      <c r="CK1190" s="53">
        <v>55903135.840000004</v>
      </c>
      <c r="CL1190" s="53">
        <v>46263135.840000004</v>
      </c>
      <c r="CM1190" s="53">
        <v>36623135.840000004</v>
      </c>
      <c r="CN1190" s="53">
        <v>143663135.84</v>
      </c>
    </row>
    <row r="1191" spans="1:92">
      <c r="A1191" s="52" t="s">
        <v>1476</v>
      </c>
      <c r="B1191" s="53">
        <v>0</v>
      </c>
      <c r="C1191" s="53">
        <v>0</v>
      </c>
      <c r="D1191" s="53">
        <v>0</v>
      </c>
      <c r="E1191" s="53">
        <v>0</v>
      </c>
      <c r="F1191" s="53">
        <v>0</v>
      </c>
      <c r="G1191" s="53">
        <v>0</v>
      </c>
      <c r="H1191" s="53">
        <v>0</v>
      </c>
      <c r="I1191" s="53">
        <v>0</v>
      </c>
      <c r="J1191" s="53">
        <v>0</v>
      </c>
      <c r="K1191" s="53">
        <v>0</v>
      </c>
      <c r="L1191" s="53">
        <v>0</v>
      </c>
      <c r="M1191" s="53">
        <v>0</v>
      </c>
      <c r="N1191" s="53">
        <v>0</v>
      </c>
      <c r="O1191" s="53">
        <v>0</v>
      </c>
      <c r="P1191" s="53">
        <v>0</v>
      </c>
      <c r="Q1191" s="53">
        <v>0</v>
      </c>
      <c r="R1191" s="53">
        <v>0</v>
      </c>
      <c r="S1191" s="53">
        <v>0</v>
      </c>
      <c r="T1191" s="53">
        <v>0</v>
      </c>
      <c r="U1191" s="53">
        <v>0</v>
      </c>
      <c r="V1191" s="53">
        <v>0</v>
      </c>
      <c r="W1191" s="53">
        <v>0</v>
      </c>
      <c r="X1191" s="53">
        <v>0</v>
      </c>
      <c r="Y1191" s="53">
        <v>0</v>
      </c>
      <c r="Z1191" s="53">
        <v>0</v>
      </c>
      <c r="AA1191" s="53">
        <v>0</v>
      </c>
      <c r="AB1191" s="53">
        <v>0</v>
      </c>
      <c r="AC1191" s="53">
        <v>0</v>
      </c>
      <c r="AD1191" s="53">
        <v>0</v>
      </c>
      <c r="AE1191" s="53">
        <v>0</v>
      </c>
      <c r="AF1191" s="53">
        <v>0</v>
      </c>
      <c r="AG1191" s="53">
        <v>0</v>
      </c>
      <c r="AH1191" s="53">
        <v>0</v>
      </c>
      <c r="AI1191" s="53">
        <v>0</v>
      </c>
      <c r="AJ1191" s="53">
        <v>0</v>
      </c>
      <c r="AK1191" s="53">
        <v>0</v>
      </c>
      <c r="AL1191" s="53">
        <v>0</v>
      </c>
      <c r="AM1191" s="53">
        <v>0</v>
      </c>
      <c r="AN1191" s="53">
        <v>0</v>
      </c>
      <c r="AO1191" s="53">
        <v>0</v>
      </c>
      <c r="AP1191" s="53">
        <v>0</v>
      </c>
      <c r="AQ1191" s="53">
        <v>0</v>
      </c>
      <c r="AR1191" s="53">
        <v>0</v>
      </c>
      <c r="AS1191" s="53">
        <v>0</v>
      </c>
      <c r="AT1191" s="53">
        <v>0</v>
      </c>
      <c r="AU1191" s="53">
        <v>0</v>
      </c>
      <c r="AV1191" s="53">
        <v>0</v>
      </c>
      <c r="AW1191" s="53">
        <v>0</v>
      </c>
      <c r="AX1191" s="53">
        <v>0</v>
      </c>
      <c r="AY1191" s="53">
        <v>0</v>
      </c>
      <c r="AZ1191" s="53">
        <v>0</v>
      </c>
      <c r="BA1191" s="53">
        <v>0</v>
      </c>
      <c r="BB1191" s="53">
        <v>0</v>
      </c>
      <c r="BC1191" s="53">
        <v>0</v>
      </c>
      <c r="BD1191" s="53">
        <v>0</v>
      </c>
      <c r="BE1191" s="53">
        <v>0</v>
      </c>
      <c r="BF1191" s="53">
        <v>0</v>
      </c>
      <c r="BG1191" s="53">
        <v>0</v>
      </c>
      <c r="BH1191" s="53">
        <v>0</v>
      </c>
      <c r="BI1191" s="53">
        <v>0</v>
      </c>
      <c r="BJ1191" s="53">
        <v>0</v>
      </c>
      <c r="BK1191" s="53">
        <v>0</v>
      </c>
      <c r="BL1191" s="53">
        <v>0</v>
      </c>
      <c r="BM1191" s="53">
        <v>0</v>
      </c>
      <c r="BN1191" s="53">
        <v>0</v>
      </c>
      <c r="BO1191" s="53">
        <v>0</v>
      </c>
      <c r="BP1191" s="53">
        <v>0</v>
      </c>
      <c r="BQ1191" s="53">
        <v>0</v>
      </c>
      <c r="BR1191" s="53">
        <v>0</v>
      </c>
      <c r="BS1191" s="53">
        <v>0</v>
      </c>
      <c r="BT1191" s="53">
        <v>0</v>
      </c>
      <c r="BU1191" s="53">
        <v>0</v>
      </c>
      <c r="BV1191" s="53">
        <v>0</v>
      </c>
      <c r="BW1191" s="53">
        <v>0</v>
      </c>
      <c r="BX1191" s="53">
        <v>0</v>
      </c>
      <c r="BY1191" s="53">
        <v>0</v>
      </c>
      <c r="BZ1191" s="53">
        <v>0</v>
      </c>
      <c r="CA1191" s="53">
        <v>0</v>
      </c>
      <c r="CB1191" s="53"/>
      <c r="CC1191" s="53"/>
      <c r="CD1191" s="53"/>
      <c r="CE1191" s="53"/>
      <c r="CF1191" s="53"/>
      <c r="CG1191" s="53"/>
      <c r="CH1191" s="53"/>
      <c r="CI1191" s="53"/>
      <c r="CJ1191" s="53"/>
      <c r="CK1191" s="53"/>
      <c r="CL1191" s="53"/>
      <c r="CM1191" s="53"/>
      <c r="CN1191" s="53"/>
    </row>
    <row r="1192" spans="1:92">
      <c r="A1192" s="52" t="s">
        <v>1477</v>
      </c>
      <c r="B1192" s="53">
        <v>12433672</v>
      </c>
      <c r="C1192" s="53">
        <v>12433672</v>
      </c>
      <c r="D1192" s="53">
        <v>12433672</v>
      </c>
      <c r="E1192" s="53">
        <v>12433672</v>
      </c>
      <c r="F1192" s="53">
        <v>12433672</v>
      </c>
      <c r="G1192" s="53">
        <v>-10000</v>
      </c>
      <c r="H1192" s="53">
        <v>-10000</v>
      </c>
      <c r="I1192" s="53">
        <v>-10000</v>
      </c>
      <c r="J1192" s="53">
        <v>-10000</v>
      </c>
      <c r="K1192" s="53">
        <v>-10000</v>
      </c>
      <c r="L1192" s="53">
        <v>-10000</v>
      </c>
      <c r="M1192" s="53">
        <v>-10000</v>
      </c>
      <c r="N1192" s="53">
        <v>-10000</v>
      </c>
      <c r="O1192" s="53">
        <v>-10000</v>
      </c>
      <c r="P1192" s="53">
        <v>-10000</v>
      </c>
      <c r="Q1192" s="53">
        <v>-10000</v>
      </c>
      <c r="R1192" s="53">
        <v>-10000</v>
      </c>
      <c r="S1192" s="53">
        <v>-10000</v>
      </c>
      <c r="T1192" s="53">
        <v>-10000</v>
      </c>
      <c r="U1192" s="53">
        <v>-10000</v>
      </c>
      <c r="V1192" s="53">
        <v>-10000</v>
      </c>
      <c r="W1192" s="53">
        <v>-10000</v>
      </c>
      <c r="X1192" s="53">
        <v>-10000</v>
      </c>
      <c r="Y1192" s="53">
        <v>-10000</v>
      </c>
      <c r="Z1192" s="53">
        <v>-10000</v>
      </c>
      <c r="AA1192" s="53">
        <v>-10000</v>
      </c>
      <c r="AB1192" s="53">
        <v>-10000</v>
      </c>
      <c r="AC1192" s="53">
        <v>-10000</v>
      </c>
      <c r="AD1192" s="53">
        <v>-10000</v>
      </c>
      <c r="AE1192" s="53">
        <v>-10000</v>
      </c>
      <c r="AF1192" s="53">
        <v>-10000</v>
      </c>
      <c r="AG1192" s="53">
        <v>-10000</v>
      </c>
      <c r="AH1192" s="53">
        <v>-10000</v>
      </c>
      <c r="AI1192" s="53">
        <v>-10000</v>
      </c>
      <c r="AJ1192" s="53">
        <v>-10000</v>
      </c>
      <c r="AK1192" s="53">
        <v>-10000</v>
      </c>
      <c r="AL1192" s="53">
        <v>-10000</v>
      </c>
      <c r="AM1192" s="53">
        <v>-10000</v>
      </c>
      <c r="AN1192" s="53">
        <v>-10000</v>
      </c>
      <c r="AO1192" s="53">
        <v>-10000</v>
      </c>
      <c r="AP1192" s="53">
        <v>-10000</v>
      </c>
      <c r="AQ1192" s="53">
        <v>-10000</v>
      </c>
      <c r="AR1192" s="53">
        <v>-10000</v>
      </c>
      <c r="AS1192" s="53">
        <v>-10000</v>
      </c>
      <c r="AT1192" s="53">
        <v>-10000</v>
      </c>
      <c r="AU1192" s="53">
        <v>-10000</v>
      </c>
      <c r="AV1192" s="53">
        <v>-10000</v>
      </c>
      <c r="AW1192" s="53">
        <v>-10000</v>
      </c>
      <c r="AX1192" s="53">
        <v>-10000</v>
      </c>
      <c r="AY1192" s="53">
        <v>-10000</v>
      </c>
      <c r="AZ1192" s="53">
        <v>-10000</v>
      </c>
      <c r="BA1192" s="53">
        <v>-10000</v>
      </c>
      <c r="BB1192" s="53">
        <v>-10000</v>
      </c>
      <c r="BC1192" s="53">
        <v>-10000</v>
      </c>
      <c r="BD1192" s="53">
        <v>-10000</v>
      </c>
      <c r="BE1192" s="53">
        <v>-10000</v>
      </c>
      <c r="BF1192" s="53">
        <v>-10000</v>
      </c>
      <c r="BG1192" s="53">
        <v>-10000</v>
      </c>
      <c r="BH1192" s="53">
        <v>-10000</v>
      </c>
      <c r="BI1192" s="53">
        <v>-10000</v>
      </c>
      <c r="BJ1192" s="53">
        <v>-10000</v>
      </c>
      <c r="BK1192" s="53">
        <v>-10000</v>
      </c>
      <c r="BL1192" s="53">
        <v>-10000</v>
      </c>
      <c r="BM1192" s="53">
        <v>-10000</v>
      </c>
      <c r="BN1192" s="53">
        <v>-10000</v>
      </c>
      <c r="BO1192" s="53">
        <v>-10000</v>
      </c>
      <c r="BP1192" s="53">
        <v>-10000</v>
      </c>
      <c r="BQ1192" s="53">
        <v>-10000</v>
      </c>
      <c r="BR1192" s="53">
        <v>-10000</v>
      </c>
      <c r="BS1192" s="53">
        <v>-10000</v>
      </c>
      <c r="BT1192" s="53">
        <v>-10000</v>
      </c>
      <c r="BU1192" s="53">
        <v>-10000</v>
      </c>
      <c r="BV1192" s="53">
        <v>-10000</v>
      </c>
      <c r="BW1192" s="53">
        <v>-10000</v>
      </c>
      <c r="BX1192" s="53">
        <v>-10000</v>
      </c>
      <c r="BY1192" s="53">
        <v>-10000</v>
      </c>
      <c r="BZ1192" s="53">
        <v>-10000</v>
      </c>
      <c r="CA1192" s="53">
        <v>-10000</v>
      </c>
      <c r="CB1192" s="53"/>
      <c r="CC1192" s="53"/>
      <c r="CD1192" s="53"/>
      <c r="CE1192" s="53"/>
      <c r="CF1192" s="53"/>
      <c r="CG1192" s="53"/>
      <c r="CH1192" s="53"/>
      <c r="CI1192" s="53"/>
      <c r="CJ1192" s="53"/>
      <c r="CK1192" s="53"/>
      <c r="CL1192" s="53"/>
      <c r="CM1192" s="53"/>
      <c r="CN1192" s="53"/>
    </row>
    <row r="1193" spans="1:92">
      <c r="A1193" s="52" t="s">
        <v>1478</v>
      </c>
      <c r="B1193" s="53">
        <v>0</v>
      </c>
      <c r="C1193" s="53">
        <v>0</v>
      </c>
      <c r="D1193" s="53">
        <v>0</v>
      </c>
      <c r="E1193" s="53">
        <v>0</v>
      </c>
      <c r="F1193" s="53">
        <v>0</v>
      </c>
      <c r="G1193" s="53">
        <v>0</v>
      </c>
      <c r="H1193" s="53">
        <v>0</v>
      </c>
      <c r="I1193" s="53">
        <v>0</v>
      </c>
      <c r="J1193" s="53">
        <v>0</v>
      </c>
      <c r="K1193" s="53">
        <v>0</v>
      </c>
      <c r="L1193" s="53">
        <v>0</v>
      </c>
      <c r="M1193" s="53">
        <v>0</v>
      </c>
      <c r="N1193" s="53">
        <v>0</v>
      </c>
      <c r="O1193" s="53">
        <v>0</v>
      </c>
      <c r="P1193" s="53">
        <v>0</v>
      </c>
      <c r="Q1193" s="53">
        <v>0</v>
      </c>
      <c r="R1193" s="53">
        <v>0</v>
      </c>
      <c r="S1193" s="53">
        <v>0</v>
      </c>
      <c r="T1193" s="53">
        <v>0</v>
      </c>
      <c r="U1193" s="53">
        <v>0</v>
      </c>
      <c r="V1193" s="53">
        <v>0</v>
      </c>
      <c r="W1193" s="53">
        <v>0</v>
      </c>
      <c r="X1193" s="53">
        <v>0</v>
      </c>
      <c r="Y1193" s="53">
        <v>0</v>
      </c>
      <c r="Z1193" s="53">
        <v>0</v>
      </c>
      <c r="AA1193" s="53">
        <v>0</v>
      </c>
      <c r="AB1193" s="53">
        <v>0</v>
      </c>
      <c r="AC1193" s="53">
        <v>0</v>
      </c>
      <c r="AD1193" s="53">
        <v>0</v>
      </c>
      <c r="AE1193" s="53">
        <v>0</v>
      </c>
      <c r="AF1193" s="53">
        <v>0</v>
      </c>
      <c r="AG1193" s="53">
        <v>0</v>
      </c>
      <c r="AH1193" s="53">
        <v>0</v>
      </c>
      <c r="AI1193" s="53">
        <v>0</v>
      </c>
      <c r="AJ1193" s="53">
        <v>0</v>
      </c>
      <c r="AK1193" s="53">
        <v>0</v>
      </c>
      <c r="AL1193" s="53">
        <v>0</v>
      </c>
      <c r="AM1193" s="53">
        <v>0</v>
      </c>
      <c r="AN1193" s="53">
        <v>0</v>
      </c>
      <c r="AO1193" s="53">
        <v>0</v>
      </c>
      <c r="AP1193" s="53">
        <v>0</v>
      </c>
      <c r="AQ1193" s="53">
        <v>0</v>
      </c>
      <c r="AR1193" s="53">
        <v>0</v>
      </c>
      <c r="AS1193" s="53">
        <v>0</v>
      </c>
      <c r="AT1193" s="53">
        <v>0</v>
      </c>
      <c r="AU1193" s="53">
        <v>0</v>
      </c>
      <c r="AV1193" s="53">
        <v>0</v>
      </c>
      <c r="AW1193" s="53">
        <v>0</v>
      </c>
      <c r="AX1193" s="53">
        <v>0</v>
      </c>
      <c r="AY1193" s="53">
        <v>0</v>
      </c>
      <c r="AZ1193" s="53">
        <v>0</v>
      </c>
      <c r="BA1193" s="53">
        <v>0</v>
      </c>
      <c r="BB1193" s="53">
        <v>0</v>
      </c>
      <c r="BC1193" s="53">
        <v>0</v>
      </c>
      <c r="BD1193" s="53">
        <v>0</v>
      </c>
      <c r="BE1193" s="53">
        <v>0</v>
      </c>
      <c r="BF1193" s="53">
        <v>0</v>
      </c>
      <c r="BG1193" s="53">
        <v>0</v>
      </c>
      <c r="BH1193" s="53">
        <v>0</v>
      </c>
      <c r="BI1193" s="53">
        <v>0</v>
      </c>
      <c r="BJ1193" s="53">
        <v>0</v>
      </c>
      <c r="BK1193" s="53">
        <v>0</v>
      </c>
      <c r="BL1193" s="53">
        <v>0</v>
      </c>
      <c r="BM1193" s="53">
        <v>0</v>
      </c>
      <c r="BN1193" s="53">
        <v>0</v>
      </c>
      <c r="BO1193" s="53">
        <v>0</v>
      </c>
      <c r="BP1193" s="53">
        <v>0</v>
      </c>
      <c r="BQ1193" s="53">
        <v>0</v>
      </c>
      <c r="BR1193" s="53">
        <v>0</v>
      </c>
      <c r="BS1193" s="53">
        <v>0</v>
      </c>
      <c r="BT1193" s="53">
        <v>0</v>
      </c>
      <c r="BU1193" s="53">
        <v>0</v>
      </c>
      <c r="BV1193" s="53">
        <v>0</v>
      </c>
      <c r="BW1193" s="53">
        <v>0</v>
      </c>
      <c r="BX1193" s="53">
        <v>0</v>
      </c>
      <c r="BY1193" s="53">
        <v>0</v>
      </c>
      <c r="BZ1193" s="53">
        <v>0</v>
      </c>
      <c r="CA1193" s="53">
        <v>0</v>
      </c>
      <c r="CB1193" s="53"/>
      <c r="CC1193" s="53"/>
      <c r="CD1193" s="53"/>
      <c r="CE1193" s="53"/>
      <c r="CF1193" s="53"/>
      <c r="CG1193" s="53"/>
      <c r="CH1193" s="53"/>
      <c r="CI1193" s="53"/>
      <c r="CJ1193" s="53"/>
      <c r="CK1193" s="53"/>
      <c r="CL1193" s="53"/>
      <c r="CM1193" s="53"/>
      <c r="CN1193" s="53"/>
    </row>
    <row r="1194" spans="1:92">
      <c r="A1194" s="52" t="s">
        <v>1479</v>
      </c>
      <c r="B1194" s="53">
        <v>0</v>
      </c>
      <c r="C1194" s="53">
        <v>0</v>
      </c>
      <c r="D1194" s="53">
        <v>0</v>
      </c>
      <c r="E1194" s="53">
        <v>0</v>
      </c>
      <c r="F1194" s="53">
        <v>0</v>
      </c>
      <c r="G1194" s="53">
        <v>0</v>
      </c>
      <c r="H1194" s="53">
        <v>0</v>
      </c>
      <c r="I1194" s="53">
        <v>0</v>
      </c>
      <c r="J1194" s="53">
        <v>0</v>
      </c>
      <c r="K1194" s="53">
        <v>0</v>
      </c>
      <c r="L1194" s="53">
        <v>0</v>
      </c>
      <c r="M1194" s="53">
        <v>0</v>
      </c>
      <c r="N1194" s="53">
        <v>0</v>
      </c>
      <c r="O1194" s="53">
        <v>0</v>
      </c>
      <c r="P1194" s="53">
        <v>0</v>
      </c>
      <c r="Q1194" s="53">
        <v>0</v>
      </c>
      <c r="R1194" s="53">
        <v>0</v>
      </c>
      <c r="S1194" s="53">
        <v>0</v>
      </c>
      <c r="T1194" s="53">
        <v>0</v>
      </c>
      <c r="U1194" s="53">
        <v>0</v>
      </c>
      <c r="V1194" s="53">
        <v>0</v>
      </c>
      <c r="W1194" s="53">
        <v>0</v>
      </c>
      <c r="X1194" s="53">
        <v>0</v>
      </c>
      <c r="Y1194" s="53">
        <v>0</v>
      </c>
      <c r="Z1194" s="53">
        <v>0</v>
      </c>
      <c r="AA1194" s="53">
        <v>0</v>
      </c>
      <c r="AB1194" s="53">
        <v>0</v>
      </c>
      <c r="AC1194" s="53">
        <v>0</v>
      </c>
      <c r="AD1194" s="53">
        <v>0</v>
      </c>
      <c r="AE1194" s="53">
        <v>0</v>
      </c>
      <c r="AF1194" s="53">
        <v>0</v>
      </c>
      <c r="AG1194" s="53">
        <v>0</v>
      </c>
      <c r="AH1194" s="53">
        <v>0</v>
      </c>
      <c r="AI1194" s="53">
        <v>0</v>
      </c>
      <c r="AJ1194" s="53">
        <v>0</v>
      </c>
      <c r="AK1194" s="53">
        <v>0</v>
      </c>
      <c r="AL1194" s="53">
        <v>0</v>
      </c>
      <c r="AM1194" s="53">
        <v>0</v>
      </c>
      <c r="AN1194" s="53">
        <v>0</v>
      </c>
      <c r="AO1194" s="53">
        <v>0</v>
      </c>
      <c r="AP1194" s="53">
        <v>0</v>
      </c>
      <c r="AQ1194" s="53">
        <v>0</v>
      </c>
      <c r="AR1194" s="53">
        <v>0</v>
      </c>
      <c r="AS1194" s="53">
        <v>0</v>
      </c>
      <c r="AT1194" s="53">
        <v>0</v>
      </c>
      <c r="AU1194" s="53">
        <v>0</v>
      </c>
      <c r="AV1194" s="53">
        <v>0</v>
      </c>
      <c r="AW1194" s="53">
        <v>0</v>
      </c>
      <c r="AX1194" s="53">
        <v>0</v>
      </c>
      <c r="AY1194" s="53">
        <v>0</v>
      </c>
      <c r="AZ1194" s="53">
        <v>0</v>
      </c>
      <c r="BA1194" s="53">
        <v>0</v>
      </c>
      <c r="BB1194" s="53">
        <v>0</v>
      </c>
      <c r="BC1194" s="53">
        <v>0</v>
      </c>
      <c r="BD1194" s="53">
        <v>0</v>
      </c>
      <c r="BE1194" s="53">
        <v>0</v>
      </c>
      <c r="BF1194" s="53">
        <v>0</v>
      </c>
      <c r="BG1194" s="53">
        <v>0</v>
      </c>
      <c r="BH1194" s="53">
        <v>0</v>
      </c>
      <c r="BI1194" s="53">
        <v>0</v>
      </c>
      <c r="BJ1194" s="53">
        <v>0</v>
      </c>
      <c r="BK1194" s="53">
        <v>0</v>
      </c>
      <c r="BL1194" s="53">
        <v>0</v>
      </c>
      <c r="BM1194" s="53">
        <v>0</v>
      </c>
      <c r="BN1194" s="53">
        <v>0</v>
      </c>
      <c r="BO1194" s="53">
        <v>0</v>
      </c>
      <c r="BP1194" s="53">
        <v>0</v>
      </c>
      <c r="BQ1194" s="53">
        <v>0</v>
      </c>
      <c r="BR1194" s="53">
        <v>0</v>
      </c>
      <c r="BS1194" s="53">
        <v>0</v>
      </c>
      <c r="BT1194" s="53">
        <v>0</v>
      </c>
      <c r="BU1194" s="53">
        <v>0</v>
      </c>
      <c r="BV1194" s="53">
        <v>0</v>
      </c>
      <c r="BW1194" s="53">
        <v>0</v>
      </c>
      <c r="BX1194" s="53">
        <v>0</v>
      </c>
      <c r="BY1194" s="53">
        <v>0</v>
      </c>
      <c r="BZ1194" s="53">
        <v>0</v>
      </c>
      <c r="CA1194" s="53">
        <v>0</v>
      </c>
      <c r="CB1194" s="53"/>
      <c r="CC1194" s="53"/>
      <c r="CD1194" s="53"/>
      <c r="CE1194" s="53"/>
      <c r="CF1194" s="53"/>
      <c r="CG1194" s="53"/>
      <c r="CH1194" s="53"/>
      <c r="CI1194" s="53"/>
      <c r="CJ1194" s="53"/>
      <c r="CK1194" s="53"/>
      <c r="CL1194" s="53"/>
      <c r="CM1194" s="53"/>
      <c r="CN1194" s="53"/>
    </row>
    <row r="1195" spans="1:92">
      <c r="A1195" s="52" t="s">
        <v>1480</v>
      </c>
      <c r="B1195" s="53">
        <v>0</v>
      </c>
      <c r="C1195" s="53">
        <v>0</v>
      </c>
      <c r="D1195" s="53">
        <v>0</v>
      </c>
      <c r="E1195" s="53">
        <v>0</v>
      </c>
      <c r="F1195" s="53">
        <v>0</v>
      </c>
      <c r="G1195" s="53">
        <v>0</v>
      </c>
      <c r="H1195" s="53">
        <v>0</v>
      </c>
      <c r="I1195" s="53">
        <v>0</v>
      </c>
      <c r="J1195" s="53">
        <v>0</v>
      </c>
      <c r="K1195" s="53">
        <v>0</v>
      </c>
      <c r="L1195" s="53">
        <v>0</v>
      </c>
      <c r="M1195" s="53">
        <v>0</v>
      </c>
      <c r="N1195" s="53">
        <v>0</v>
      </c>
      <c r="O1195" s="53">
        <v>0</v>
      </c>
      <c r="P1195" s="53">
        <v>0</v>
      </c>
      <c r="Q1195" s="53">
        <v>0</v>
      </c>
      <c r="R1195" s="53">
        <v>0</v>
      </c>
      <c r="S1195" s="53">
        <v>0</v>
      </c>
      <c r="T1195" s="53">
        <v>0</v>
      </c>
      <c r="U1195" s="53">
        <v>0</v>
      </c>
      <c r="V1195" s="53">
        <v>0</v>
      </c>
      <c r="W1195" s="53">
        <v>0</v>
      </c>
      <c r="X1195" s="53">
        <v>0</v>
      </c>
      <c r="Y1195" s="53">
        <v>0</v>
      </c>
      <c r="Z1195" s="53">
        <v>0</v>
      </c>
      <c r="AA1195" s="53">
        <v>0</v>
      </c>
      <c r="AB1195" s="53">
        <v>0</v>
      </c>
      <c r="AC1195" s="53">
        <v>0</v>
      </c>
      <c r="AD1195" s="53">
        <v>0</v>
      </c>
      <c r="AE1195" s="53">
        <v>0</v>
      </c>
      <c r="AF1195" s="53">
        <v>0</v>
      </c>
      <c r="AG1195" s="53">
        <v>0</v>
      </c>
      <c r="AH1195" s="53">
        <v>0</v>
      </c>
      <c r="AI1195" s="53">
        <v>0</v>
      </c>
      <c r="AJ1195" s="53">
        <v>0</v>
      </c>
      <c r="AK1195" s="53">
        <v>0</v>
      </c>
      <c r="AL1195" s="53">
        <v>0</v>
      </c>
      <c r="AM1195" s="53">
        <v>0</v>
      </c>
      <c r="AN1195" s="53">
        <v>0</v>
      </c>
      <c r="AO1195" s="53">
        <v>0</v>
      </c>
      <c r="AP1195" s="53">
        <v>0</v>
      </c>
      <c r="AQ1195" s="53">
        <v>0</v>
      </c>
      <c r="AR1195" s="53">
        <v>0</v>
      </c>
      <c r="AS1195" s="53">
        <v>0</v>
      </c>
      <c r="AT1195" s="53">
        <v>0</v>
      </c>
      <c r="AU1195" s="53">
        <v>0</v>
      </c>
      <c r="AV1195" s="53">
        <v>0</v>
      </c>
      <c r="AW1195" s="53">
        <v>0</v>
      </c>
      <c r="AX1195" s="53">
        <v>0</v>
      </c>
      <c r="AY1195" s="53">
        <v>0</v>
      </c>
      <c r="AZ1195" s="53">
        <v>0</v>
      </c>
      <c r="BA1195" s="53">
        <v>0</v>
      </c>
      <c r="BB1195" s="53">
        <v>0</v>
      </c>
      <c r="BC1195" s="53">
        <v>0</v>
      </c>
      <c r="BD1195" s="53">
        <v>0</v>
      </c>
      <c r="BE1195" s="53">
        <v>0</v>
      </c>
      <c r="BF1195" s="53">
        <v>0</v>
      </c>
      <c r="BG1195" s="53">
        <v>0</v>
      </c>
      <c r="BH1195" s="53">
        <v>0</v>
      </c>
      <c r="BI1195" s="53">
        <v>0</v>
      </c>
      <c r="BJ1195" s="53">
        <v>0</v>
      </c>
      <c r="BK1195" s="53">
        <v>0</v>
      </c>
      <c r="BL1195" s="53">
        <v>0</v>
      </c>
      <c r="BM1195" s="53">
        <v>0</v>
      </c>
      <c r="BN1195" s="53">
        <v>0</v>
      </c>
      <c r="BO1195" s="53">
        <v>0</v>
      </c>
      <c r="BP1195" s="53">
        <v>0</v>
      </c>
      <c r="BQ1195" s="53">
        <v>0</v>
      </c>
      <c r="BR1195" s="53">
        <v>0</v>
      </c>
      <c r="BS1195" s="53">
        <v>0</v>
      </c>
      <c r="BT1195" s="53">
        <v>0</v>
      </c>
      <c r="BU1195" s="53">
        <v>0</v>
      </c>
      <c r="BV1195" s="53">
        <v>0</v>
      </c>
      <c r="BW1195" s="53">
        <v>0</v>
      </c>
      <c r="BX1195" s="53">
        <v>0</v>
      </c>
      <c r="BY1195" s="53">
        <v>0</v>
      </c>
      <c r="BZ1195" s="53">
        <v>0</v>
      </c>
      <c r="CA1195" s="53">
        <v>0</v>
      </c>
      <c r="CB1195" s="53"/>
      <c r="CC1195" s="53"/>
      <c r="CD1195" s="53"/>
      <c r="CE1195" s="53"/>
      <c r="CF1195" s="53"/>
      <c r="CG1195" s="53"/>
      <c r="CH1195" s="53"/>
      <c r="CI1195" s="53"/>
      <c r="CJ1195" s="53"/>
      <c r="CK1195" s="53"/>
      <c r="CL1195" s="53"/>
      <c r="CM1195" s="53"/>
      <c r="CN1195" s="53"/>
    </row>
    <row r="1196" spans="1:92">
      <c r="A1196" s="52" t="s">
        <v>1481</v>
      </c>
      <c r="B1196" s="53">
        <v>0</v>
      </c>
      <c r="C1196" s="53">
        <v>0</v>
      </c>
      <c r="D1196" s="53">
        <v>0</v>
      </c>
      <c r="E1196" s="53">
        <v>0</v>
      </c>
      <c r="F1196" s="53">
        <v>0</v>
      </c>
      <c r="G1196" s="53">
        <v>0</v>
      </c>
      <c r="H1196" s="53">
        <v>0</v>
      </c>
      <c r="I1196" s="53">
        <v>51.45</v>
      </c>
      <c r="J1196" s="53">
        <v>51.45</v>
      </c>
      <c r="K1196" s="53">
        <v>0</v>
      </c>
      <c r="L1196" s="53">
        <v>0</v>
      </c>
      <c r="M1196" s="53">
        <v>0</v>
      </c>
      <c r="N1196" s="53">
        <v>0</v>
      </c>
      <c r="O1196" s="53">
        <v>0</v>
      </c>
      <c r="P1196" s="53">
        <v>0</v>
      </c>
      <c r="Q1196" s="53">
        <v>0</v>
      </c>
      <c r="R1196" s="53">
        <v>0</v>
      </c>
      <c r="S1196" s="53">
        <v>0</v>
      </c>
      <c r="T1196" s="53">
        <v>0</v>
      </c>
      <c r="U1196" s="53">
        <v>0</v>
      </c>
      <c r="V1196" s="53">
        <v>0</v>
      </c>
      <c r="W1196" s="53">
        <v>0</v>
      </c>
      <c r="X1196" s="53">
        <v>0</v>
      </c>
      <c r="Y1196" s="53">
        <v>0</v>
      </c>
      <c r="Z1196" s="53">
        <v>0</v>
      </c>
      <c r="AA1196" s="53">
        <v>0</v>
      </c>
      <c r="AB1196" s="53">
        <v>0</v>
      </c>
      <c r="AC1196" s="53">
        <v>0</v>
      </c>
      <c r="AD1196" s="53">
        <v>0</v>
      </c>
      <c r="AE1196" s="53">
        <v>0</v>
      </c>
      <c r="AF1196" s="53">
        <v>0</v>
      </c>
      <c r="AG1196" s="53">
        <v>0</v>
      </c>
      <c r="AH1196" s="53">
        <v>0</v>
      </c>
      <c r="AI1196" s="53">
        <v>0</v>
      </c>
      <c r="AJ1196" s="53">
        <v>0</v>
      </c>
      <c r="AK1196" s="53">
        <v>0</v>
      </c>
      <c r="AL1196" s="53">
        <v>0</v>
      </c>
      <c r="AM1196" s="53">
        <v>0</v>
      </c>
      <c r="AN1196" s="53">
        <v>0</v>
      </c>
      <c r="AO1196" s="53">
        <v>0</v>
      </c>
      <c r="AP1196" s="53">
        <v>0</v>
      </c>
      <c r="AQ1196" s="53">
        <v>0</v>
      </c>
      <c r="AR1196" s="53">
        <v>0</v>
      </c>
      <c r="AS1196" s="53">
        <v>0</v>
      </c>
      <c r="AT1196" s="53">
        <v>0</v>
      </c>
      <c r="AU1196" s="53">
        <v>0</v>
      </c>
      <c r="AV1196" s="53">
        <v>0</v>
      </c>
      <c r="AW1196" s="53">
        <v>0</v>
      </c>
      <c r="AX1196" s="53">
        <v>0</v>
      </c>
      <c r="AY1196" s="53">
        <v>0</v>
      </c>
      <c r="AZ1196" s="53">
        <v>0</v>
      </c>
      <c r="BA1196" s="53">
        <v>0</v>
      </c>
      <c r="BB1196" s="53">
        <v>0</v>
      </c>
      <c r="BC1196" s="53">
        <v>0</v>
      </c>
      <c r="BD1196" s="53">
        <v>0</v>
      </c>
      <c r="BE1196" s="53">
        <v>0</v>
      </c>
      <c r="BF1196" s="53">
        <v>0</v>
      </c>
      <c r="BG1196" s="53">
        <v>0</v>
      </c>
      <c r="BH1196" s="53">
        <v>0</v>
      </c>
      <c r="BI1196" s="53">
        <v>0</v>
      </c>
      <c r="BJ1196" s="53">
        <v>0</v>
      </c>
      <c r="BK1196" s="53">
        <v>0</v>
      </c>
      <c r="BL1196" s="53">
        <v>0</v>
      </c>
      <c r="BM1196" s="53">
        <v>0</v>
      </c>
      <c r="BN1196" s="53">
        <v>0</v>
      </c>
      <c r="BO1196" s="53">
        <v>0</v>
      </c>
      <c r="BP1196" s="53">
        <v>0</v>
      </c>
      <c r="BQ1196" s="53">
        <v>0</v>
      </c>
      <c r="BR1196" s="53">
        <v>0</v>
      </c>
      <c r="BS1196" s="53">
        <v>0</v>
      </c>
      <c r="BT1196" s="53">
        <v>0</v>
      </c>
      <c r="BU1196" s="53">
        <v>0</v>
      </c>
      <c r="BV1196" s="53">
        <v>0</v>
      </c>
      <c r="BW1196" s="53">
        <v>0</v>
      </c>
      <c r="BX1196" s="53">
        <v>0</v>
      </c>
      <c r="BY1196" s="53">
        <v>0</v>
      </c>
      <c r="BZ1196" s="53">
        <v>0</v>
      </c>
      <c r="CA1196" s="53">
        <v>0</v>
      </c>
      <c r="CB1196" s="53"/>
      <c r="CC1196" s="53"/>
      <c r="CD1196" s="53"/>
      <c r="CE1196" s="53"/>
      <c r="CF1196" s="53"/>
      <c r="CG1196" s="53"/>
      <c r="CH1196" s="53"/>
      <c r="CI1196" s="53"/>
      <c r="CJ1196" s="53"/>
      <c r="CK1196" s="53"/>
      <c r="CL1196" s="53"/>
      <c r="CM1196" s="53"/>
      <c r="CN1196" s="53"/>
    </row>
    <row r="1197" spans="1:92">
      <c r="A1197" s="52" t="s">
        <v>1482</v>
      </c>
      <c r="B1197" s="53">
        <v>3212696</v>
      </c>
      <c r="C1197" s="53">
        <v>3212696</v>
      </c>
      <c r="D1197" s="53">
        <v>3211382.55</v>
      </c>
      <c r="E1197" s="53">
        <v>3211382.55</v>
      </c>
      <c r="F1197" s="53">
        <v>3210153.45</v>
      </c>
      <c r="G1197" s="53">
        <v>3210153.45</v>
      </c>
      <c r="H1197" s="53">
        <v>3210153.45</v>
      </c>
      <c r="I1197" s="53">
        <v>3210153.45</v>
      </c>
      <c r="J1197" s="53">
        <v>3210153.45</v>
      </c>
      <c r="K1197" s="53">
        <v>3210153.45</v>
      </c>
      <c r="L1197" s="53">
        <v>3210153.45</v>
      </c>
      <c r="M1197" s="53">
        <v>3210153.45</v>
      </c>
      <c r="N1197" s="53">
        <v>3210153.45</v>
      </c>
      <c r="O1197" s="53">
        <v>3210153.45</v>
      </c>
      <c r="P1197" s="53">
        <v>3210153.45</v>
      </c>
      <c r="Q1197" s="53">
        <v>3210153.45</v>
      </c>
      <c r="R1197" s="53">
        <v>3210153.45</v>
      </c>
      <c r="S1197" s="53">
        <v>3210153.45</v>
      </c>
      <c r="T1197" s="53">
        <v>3210153.45</v>
      </c>
      <c r="U1197" s="53">
        <v>3210153.45</v>
      </c>
      <c r="V1197" s="53">
        <v>3210153.45</v>
      </c>
      <c r="W1197" s="53">
        <v>3210153.45</v>
      </c>
      <c r="X1197" s="53">
        <v>3210153.45</v>
      </c>
      <c r="Y1197" s="53">
        <v>3210153.45</v>
      </c>
      <c r="Z1197" s="53">
        <v>3210153.45</v>
      </c>
      <c r="AA1197" s="53">
        <v>3210153.45</v>
      </c>
      <c r="AB1197" s="53">
        <v>3210153.45</v>
      </c>
      <c r="AC1197" s="53">
        <v>3210153.45</v>
      </c>
      <c r="AD1197" s="53">
        <v>3210153.45</v>
      </c>
      <c r="AE1197" s="53">
        <v>3210153.45</v>
      </c>
      <c r="AF1197" s="53">
        <v>3210153.45</v>
      </c>
      <c r="AG1197" s="53">
        <v>3210153.45</v>
      </c>
      <c r="AH1197" s="53">
        <v>3210153.45</v>
      </c>
      <c r="AI1197" s="53">
        <v>3210153.45</v>
      </c>
      <c r="AJ1197" s="53">
        <v>3210153.45</v>
      </c>
      <c r="AK1197" s="53">
        <v>3210153.45</v>
      </c>
      <c r="AL1197" s="53">
        <v>3210153.45</v>
      </c>
      <c r="AM1197" s="53">
        <v>3210153.45</v>
      </c>
      <c r="AN1197" s="53">
        <v>3210153.45</v>
      </c>
      <c r="AO1197" s="53">
        <v>3210153.45</v>
      </c>
      <c r="AP1197" s="53">
        <v>3210153.45</v>
      </c>
      <c r="AQ1197" s="53">
        <v>3210153.45</v>
      </c>
      <c r="AR1197" s="53">
        <v>3210153.45</v>
      </c>
      <c r="AS1197" s="53">
        <v>3210153.45</v>
      </c>
      <c r="AT1197" s="53">
        <v>3210153.45</v>
      </c>
      <c r="AU1197" s="53">
        <v>3210153.45</v>
      </c>
      <c r="AV1197" s="53">
        <v>3210153.45</v>
      </c>
      <c r="AW1197" s="53">
        <v>3210153.45</v>
      </c>
      <c r="AX1197" s="53">
        <v>3210153.45</v>
      </c>
      <c r="AY1197" s="53">
        <v>3210153.45</v>
      </c>
      <c r="AZ1197" s="53">
        <v>3210153.45</v>
      </c>
      <c r="BA1197" s="53">
        <v>3210153.45</v>
      </c>
      <c r="BB1197" s="53">
        <v>3210153.45</v>
      </c>
      <c r="BC1197" s="53">
        <v>3210153.45</v>
      </c>
      <c r="BD1197" s="53">
        <v>3210153.45</v>
      </c>
      <c r="BE1197" s="53">
        <v>3210153.45</v>
      </c>
      <c r="BF1197" s="53">
        <v>3210153.45</v>
      </c>
      <c r="BG1197" s="53">
        <v>3210153.45</v>
      </c>
      <c r="BH1197" s="53">
        <v>3210153.45</v>
      </c>
      <c r="BI1197" s="53">
        <v>3210153.45</v>
      </c>
      <c r="BJ1197" s="53">
        <v>3210153.45</v>
      </c>
      <c r="BK1197" s="53">
        <v>3210153.45</v>
      </c>
      <c r="BL1197" s="53">
        <v>3210153.45</v>
      </c>
      <c r="BM1197" s="53">
        <v>3210153.45</v>
      </c>
      <c r="BN1197" s="53">
        <v>3210153.45</v>
      </c>
      <c r="BO1197" s="53">
        <v>3210153.45</v>
      </c>
      <c r="BP1197" s="53">
        <v>3210153.45</v>
      </c>
      <c r="BQ1197" s="53">
        <v>3210153.45</v>
      </c>
      <c r="BR1197" s="53">
        <v>3210153.45</v>
      </c>
      <c r="BS1197" s="53">
        <v>3210153.45</v>
      </c>
      <c r="BT1197" s="53">
        <v>3210153.45</v>
      </c>
      <c r="BU1197" s="53">
        <v>3210153.45</v>
      </c>
      <c r="BV1197" s="53">
        <v>3210153.45</v>
      </c>
      <c r="BW1197" s="53">
        <v>3210153.45</v>
      </c>
      <c r="BX1197" s="53">
        <v>3210153.45</v>
      </c>
      <c r="BY1197" s="53">
        <v>3210153.45</v>
      </c>
      <c r="BZ1197" s="53">
        <v>3210153.45</v>
      </c>
      <c r="CA1197" s="53">
        <v>3210153.45</v>
      </c>
      <c r="CB1197" s="53"/>
      <c r="CC1197" s="53"/>
      <c r="CD1197" s="53"/>
      <c r="CE1197" s="53"/>
      <c r="CF1197" s="53"/>
      <c r="CG1197" s="53"/>
      <c r="CH1197" s="53"/>
      <c r="CI1197" s="53"/>
      <c r="CJ1197" s="53"/>
      <c r="CK1197" s="53"/>
      <c r="CL1197" s="53"/>
      <c r="CM1197" s="53"/>
      <c r="CN1197" s="53"/>
    </row>
    <row r="1198" spans="1:92">
      <c r="A1198" s="52" t="s">
        <v>1483</v>
      </c>
      <c r="B1198" s="53">
        <v>0</v>
      </c>
      <c r="C1198" s="53">
        <v>0</v>
      </c>
      <c r="D1198" s="53">
        <v>0</v>
      </c>
      <c r="E1198" s="53">
        <v>0</v>
      </c>
      <c r="F1198" s="53">
        <v>0</v>
      </c>
      <c r="G1198" s="53">
        <v>0</v>
      </c>
      <c r="H1198" s="53">
        <v>0</v>
      </c>
      <c r="I1198" s="53">
        <v>0</v>
      </c>
      <c r="J1198" s="53">
        <v>0</v>
      </c>
      <c r="K1198" s="53">
        <v>0</v>
      </c>
      <c r="L1198" s="53">
        <v>0</v>
      </c>
      <c r="M1198" s="53">
        <v>0</v>
      </c>
      <c r="N1198" s="53">
        <v>0</v>
      </c>
      <c r="O1198" s="53">
        <v>0</v>
      </c>
      <c r="P1198" s="53">
        <v>0</v>
      </c>
      <c r="Q1198" s="53">
        <v>0</v>
      </c>
      <c r="R1198" s="53">
        <v>0</v>
      </c>
      <c r="S1198" s="53">
        <v>0</v>
      </c>
      <c r="T1198" s="53">
        <v>0</v>
      </c>
      <c r="U1198" s="53">
        <v>0</v>
      </c>
      <c r="V1198" s="53">
        <v>0</v>
      </c>
      <c r="W1198" s="53">
        <v>0</v>
      </c>
      <c r="X1198" s="53">
        <v>0</v>
      </c>
      <c r="Y1198" s="53">
        <v>0</v>
      </c>
      <c r="Z1198" s="53">
        <v>0</v>
      </c>
      <c r="AA1198" s="53">
        <v>0</v>
      </c>
      <c r="AB1198" s="53">
        <v>0</v>
      </c>
      <c r="AC1198" s="53">
        <v>0</v>
      </c>
      <c r="AD1198" s="53">
        <v>0</v>
      </c>
      <c r="AE1198" s="53">
        <v>0</v>
      </c>
      <c r="AF1198" s="53">
        <v>0</v>
      </c>
      <c r="AG1198" s="53">
        <v>0</v>
      </c>
      <c r="AH1198" s="53">
        <v>0</v>
      </c>
      <c r="AI1198" s="53">
        <v>0</v>
      </c>
      <c r="AJ1198" s="53">
        <v>0</v>
      </c>
      <c r="AK1198" s="53">
        <v>0</v>
      </c>
      <c r="AL1198" s="53">
        <v>0</v>
      </c>
      <c r="AM1198" s="53">
        <v>0</v>
      </c>
      <c r="AN1198" s="53">
        <v>0</v>
      </c>
      <c r="AO1198" s="53">
        <v>0</v>
      </c>
      <c r="AP1198" s="53">
        <v>0</v>
      </c>
      <c r="AQ1198" s="53">
        <v>0</v>
      </c>
      <c r="AR1198" s="53">
        <v>0</v>
      </c>
      <c r="AS1198" s="53">
        <v>0</v>
      </c>
      <c r="AT1198" s="53">
        <v>0</v>
      </c>
      <c r="AU1198" s="53">
        <v>0</v>
      </c>
      <c r="AV1198" s="53">
        <v>0</v>
      </c>
      <c r="AW1198" s="53">
        <v>0</v>
      </c>
      <c r="AX1198" s="53">
        <v>0</v>
      </c>
      <c r="AY1198" s="53">
        <v>0</v>
      </c>
      <c r="AZ1198" s="53">
        <v>0</v>
      </c>
      <c r="BA1198" s="53">
        <v>0</v>
      </c>
      <c r="BB1198" s="53">
        <v>0</v>
      </c>
      <c r="BC1198" s="53">
        <v>0</v>
      </c>
      <c r="BD1198" s="53">
        <v>0</v>
      </c>
      <c r="BE1198" s="53">
        <v>0</v>
      </c>
      <c r="BF1198" s="53">
        <v>0</v>
      </c>
      <c r="BG1198" s="53">
        <v>0</v>
      </c>
      <c r="BH1198" s="53">
        <v>0</v>
      </c>
      <c r="BI1198" s="53">
        <v>0</v>
      </c>
      <c r="BJ1198" s="53">
        <v>0</v>
      </c>
      <c r="BK1198" s="53">
        <v>0</v>
      </c>
      <c r="BL1198" s="53">
        <v>0</v>
      </c>
      <c r="BM1198" s="53">
        <v>0</v>
      </c>
      <c r="BN1198" s="53">
        <v>0</v>
      </c>
      <c r="BO1198" s="53">
        <v>0</v>
      </c>
      <c r="BP1198" s="53">
        <v>0</v>
      </c>
      <c r="BQ1198" s="53">
        <v>0</v>
      </c>
      <c r="BR1198" s="53">
        <v>0</v>
      </c>
      <c r="BS1198" s="53">
        <v>0</v>
      </c>
      <c r="BT1198" s="53">
        <v>0</v>
      </c>
      <c r="BU1198" s="53">
        <v>0</v>
      </c>
      <c r="BV1198" s="53">
        <v>0</v>
      </c>
      <c r="BW1198" s="53">
        <v>0</v>
      </c>
      <c r="BX1198" s="53">
        <v>0</v>
      </c>
      <c r="BY1198" s="53">
        <v>0</v>
      </c>
      <c r="BZ1198" s="53">
        <v>0</v>
      </c>
      <c r="CA1198" s="53">
        <v>0</v>
      </c>
      <c r="CB1198" s="53">
        <v>-9640000</v>
      </c>
      <c r="CC1198" s="53">
        <v>-9640000</v>
      </c>
      <c r="CD1198" s="53">
        <v>-9640000</v>
      </c>
      <c r="CE1198" s="53">
        <v>-9640000</v>
      </c>
      <c r="CF1198" s="53">
        <v>-9640000</v>
      </c>
      <c r="CG1198" s="53">
        <v>-9640000</v>
      </c>
      <c r="CH1198" s="53">
        <v>-9640000</v>
      </c>
      <c r="CI1198" s="53">
        <v>-9640000</v>
      </c>
      <c r="CJ1198" s="53">
        <v>-9640000</v>
      </c>
      <c r="CK1198" s="53">
        <v>-9640000</v>
      </c>
      <c r="CL1198" s="53">
        <v>-9640000</v>
      </c>
      <c r="CM1198" s="53">
        <v>-9640000</v>
      </c>
      <c r="CN1198" s="53">
        <v>-115680000</v>
      </c>
    </row>
    <row r="1199" spans="1:92">
      <c r="A1199" s="52" t="s">
        <v>1484</v>
      </c>
      <c r="B1199" s="53">
        <v>0</v>
      </c>
      <c r="C1199" s="53">
        <v>0</v>
      </c>
      <c r="D1199" s="53">
        <v>0</v>
      </c>
      <c r="E1199" s="53">
        <v>0</v>
      </c>
      <c r="F1199" s="53">
        <v>0</v>
      </c>
      <c r="G1199" s="53">
        <v>0</v>
      </c>
      <c r="H1199" s="53">
        <v>0</v>
      </c>
      <c r="I1199" s="53">
        <v>0</v>
      </c>
      <c r="J1199" s="53">
        <v>0</v>
      </c>
      <c r="K1199" s="53">
        <v>0</v>
      </c>
      <c r="L1199" s="53">
        <v>0</v>
      </c>
      <c r="M1199" s="53">
        <v>0</v>
      </c>
      <c r="N1199" s="53">
        <v>0</v>
      </c>
      <c r="O1199" s="53">
        <v>0</v>
      </c>
      <c r="P1199" s="53">
        <v>0</v>
      </c>
      <c r="Q1199" s="53">
        <v>0</v>
      </c>
      <c r="R1199" s="53">
        <v>0</v>
      </c>
      <c r="S1199" s="53">
        <v>0</v>
      </c>
      <c r="T1199" s="53">
        <v>0</v>
      </c>
      <c r="U1199" s="53">
        <v>0</v>
      </c>
      <c r="V1199" s="53">
        <v>0</v>
      </c>
      <c r="W1199" s="53">
        <v>0</v>
      </c>
      <c r="X1199" s="53">
        <v>0</v>
      </c>
      <c r="Y1199" s="53">
        <v>0</v>
      </c>
      <c r="Z1199" s="53">
        <v>0</v>
      </c>
      <c r="AA1199" s="53">
        <v>0</v>
      </c>
      <c r="AB1199" s="53">
        <v>0</v>
      </c>
      <c r="AC1199" s="53">
        <v>0</v>
      </c>
      <c r="AD1199" s="53">
        <v>0</v>
      </c>
      <c r="AE1199" s="53">
        <v>0</v>
      </c>
      <c r="AF1199" s="53">
        <v>0</v>
      </c>
      <c r="AG1199" s="53">
        <v>0</v>
      </c>
      <c r="AH1199" s="53">
        <v>0</v>
      </c>
      <c r="AI1199" s="53">
        <v>0</v>
      </c>
      <c r="AJ1199" s="53">
        <v>0</v>
      </c>
      <c r="AK1199" s="53">
        <v>0</v>
      </c>
      <c r="AL1199" s="53">
        <v>0</v>
      </c>
      <c r="AM1199" s="53">
        <v>0</v>
      </c>
      <c r="AN1199" s="53">
        <v>0</v>
      </c>
      <c r="AO1199" s="53">
        <v>0</v>
      </c>
      <c r="AP1199" s="53">
        <v>0</v>
      </c>
      <c r="AQ1199" s="53">
        <v>0</v>
      </c>
      <c r="AR1199" s="53">
        <v>0</v>
      </c>
      <c r="AS1199" s="53">
        <v>0</v>
      </c>
      <c r="AT1199" s="53">
        <v>0</v>
      </c>
      <c r="AU1199" s="53">
        <v>0</v>
      </c>
      <c r="AV1199" s="53">
        <v>0</v>
      </c>
      <c r="AW1199" s="53">
        <v>0</v>
      </c>
      <c r="AX1199" s="53">
        <v>0</v>
      </c>
      <c r="AY1199" s="53">
        <v>0</v>
      </c>
      <c r="AZ1199" s="53">
        <v>0</v>
      </c>
      <c r="BA1199" s="53">
        <v>0</v>
      </c>
      <c r="BB1199" s="53">
        <v>0</v>
      </c>
      <c r="BC1199" s="53">
        <v>0</v>
      </c>
      <c r="BD1199" s="53">
        <v>0</v>
      </c>
      <c r="BE1199" s="53">
        <v>0</v>
      </c>
      <c r="BF1199" s="53">
        <v>0</v>
      </c>
      <c r="BG1199" s="53">
        <v>0</v>
      </c>
      <c r="BH1199" s="53">
        <v>0</v>
      </c>
      <c r="BI1199" s="53">
        <v>0</v>
      </c>
      <c r="BJ1199" s="53">
        <v>0</v>
      </c>
      <c r="BK1199" s="53">
        <v>0</v>
      </c>
      <c r="BL1199" s="53">
        <v>0</v>
      </c>
      <c r="BM1199" s="53">
        <v>0</v>
      </c>
      <c r="BN1199" s="53">
        <v>0</v>
      </c>
      <c r="BO1199" s="53">
        <v>0</v>
      </c>
      <c r="BP1199" s="53">
        <v>0</v>
      </c>
      <c r="BQ1199" s="53">
        <v>0</v>
      </c>
      <c r="BR1199" s="53">
        <v>0</v>
      </c>
      <c r="BS1199" s="53">
        <v>0</v>
      </c>
      <c r="BT1199" s="53">
        <v>0</v>
      </c>
      <c r="BU1199" s="53">
        <v>0</v>
      </c>
      <c r="BV1199" s="53">
        <v>0</v>
      </c>
      <c r="BW1199" s="53">
        <v>0</v>
      </c>
      <c r="BX1199" s="53">
        <v>0</v>
      </c>
      <c r="BY1199" s="53">
        <v>0</v>
      </c>
      <c r="BZ1199" s="53">
        <v>0</v>
      </c>
      <c r="CA1199" s="53">
        <v>0</v>
      </c>
      <c r="CB1199" s="53"/>
      <c r="CC1199" s="53"/>
      <c r="CD1199" s="53"/>
      <c r="CE1199" s="53"/>
      <c r="CF1199" s="53"/>
      <c r="CG1199" s="53"/>
      <c r="CH1199" s="53"/>
      <c r="CI1199" s="53"/>
      <c r="CJ1199" s="53"/>
      <c r="CK1199" s="53"/>
      <c r="CL1199" s="53"/>
      <c r="CM1199" s="53"/>
      <c r="CN1199" s="53"/>
    </row>
    <row r="1200" spans="1:92">
      <c r="A1200" s="52" t="s">
        <v>1485</v>
      </c>
      <c r="B1200" s="53">
        <v>0</v>
      </c>
      <c r="C1200" s="53">
        <v>0</v>
      </c>
      <c r="D1200" s="53">
        <v>0</v>
      </c>
      <c r="E1200" s="53">
        <v>0</v>
      </c>
      <c r="F1200" s="53">
        <v>0</v>
      </c>
      <c r="G1200" s="53">
        <v>0</v>
      </c>
      <c r="H1200" s="53">
        <v>0</v>
      </c>
      <c r="I1200" s="53">
        <v>0</v>
      </c>
      <c r="J1200" s="53">
        <v>0</v>
      </c>
      <c r="K1200" s="53">
        <v>0</v>
      </c>
      <c r="L1200" s="53">
        <v>0</v>
      </c>
      <c r="M1200" s="53">
        <v>0</v>
      </c>
      <c r="N1200" s="53">
        <v>0</v>
      </c>
      <c r="O1200" s="53">
        <v>0</v>
      </c>
      <c r="P1200" s="53">
        <v>0</v>
      </c>
      <c r="Q1200" s="53">
        <v>0</v>
      </c>
      <c r="R1200" s="53">
        <v>0</v>
      </c>
      <c r="S1200" s="53">
        <v>0</v>
      </c>
      <c r="T1200" s="53">
        <v>0</v>
      </c>
      <c r="U1200" s="53">
        <v>0</v>
      </c>
      <c r="V1200" s="53">
        <v>0</v>
      </c>
      <c r="W1200" s="53">
        <v>0</v>
      </c>
      <c r="X1200" s="53">
        <v>0</v>
      </c>
      <c r="Y1200" s="53">
        <v>0</v>
      </c>
      <c r="Z1200" s="53">
        <v>0</v>
      </c>
      <c r="AA1200" s="53">
        <v>0</v>
      </c>
      <c r="AB1200" s="53">
        <v>0</v>
      </c>
      <c r="AC1200" s="53">
        <v>0</v>
      </c>
      <c r="AD1200" s="53">
        <v>0</v>
      </c>
      <c r="AE1200" s="53">
        <v>0</v>
      </c>
      <c r="AF1200" s="53">
        <v>0</v>
      </c>
      <c r="AG1200" s="53">
        <v>0</v>
      </c>
      <c r="AH1200" s="53">
        <v>0</v>
      </c>
      <c r="AI1200" s="53">
        <v>0</v>
      </c>
      <c r="AJ1200" s="53">
        <v>0</v>
      </c>
      <c r="AK1200" s="53">
        <v>0</v>
      </c>
      <c r="AL1200" s="53">
        <v>0</v>
      </c>
      <c r="AM1200" s="53">
        <v>0</v>
      </c>
      <c r="AN1200" s="53">
        <v>0</v>
      </c>
      <c r="AO1200" s="53">
        <v>0</v>
      </c>
      <c r="AP1200" s="53">
        <v>0</v>
      </c>
      <c r="AQ1200" s="53">
        <v>0</v>
      </c>
      <c r="AR1200" s="53">
        <v>0</v>
      </c>
      <c r="AS1200" s="53">
        <v>0</v>
      </c>
      <c r="AT1200" s="53">
        <v>0</v>
      </c>
      <c r="AU1200" s="53">
        <v>0</v>
      </c>
      <c r="AV1200" s="53">
        <v>0</v>
      </c>
      <c r="AW1200" s="53">
        <v>0</v>
      </c>
      <c r="AX1200" s="53">
        <v>0</v>
      </c>
      <c r="AY1200" s="53">
        <v>0</v>
      </c>
      <c r="AZ1200" s="53">
        <v>0</v>
      </c>
      <c r="BA1200" s="53">
        <v>0</v>
      </c>
      <c r="BB1200" s="53">
        <v>0</v>
      </c>
      <c r="BC1200" s="53">
        <v>0</v>
      </c>
      <c r="BD1200" s="53">
        <v>0</v>
      </c>
      <c r="BE1200" s="53">
        <v>0</v>
      </c>
      <c r="BF1200" s="53">
        <v>0</v>
      </c>
      <c r="BG1200" s="53">
        <v>0</v>
      </c>
      <c r="BH1200" s="53">
        <v>0</v>
      </c>
      <c r="BI1200" s="53">
        <v>0</v>
      </c>
      <c r="BJ1200" s="53">
        <v>0</v>
      </c>
      <c r="BK1200" s="53">
        <v>0</v>
      </c>
      <c r="BL1200" s="53">
        <v>0</v>
      </c>
      <c r="BM1200" s="53">
        <v>0</v>
      </c>
      <c r="BN1200" s="53">
        <v>0</v>
      </c>
      <c r="BO1200" s="53">
        <v>0</v>
      </c>
      <c r="BP1200" s="53">
        <v>0</v>
      </c>
      <c r="BQ1200" s="53">
        <v>0</v>
      </c>
      <c r="BR1200" s="53">
        <v>0</v>
      </c>
      <c r="BS1200" s="53">
        <v>0</v>
      </c>
      <c r="BT1200" s="53">
        <v>0</v>
      </c>
      <c r="BU1200" s="53">
        <v>0</v>
      </c>
      <c r="BV1200" s="53">
        <v>0</v>
      </c>
      <c r="BW1200" s="53">
        <v>0</v>
      </c>
      <c r="BX1200" s="53">
        <v>0</v>
      </c>
      <c r="BY1200" s="53">
        <v>0</v>
      </c>
      <c r="BZ1200" s="53">
        <v>0</v>
      </c>
      <c r="CA1200" s="53">
        <v>0</v>
      </c>
      <c r="CB1200" s="53"/>
      <c r="CC1200" s="53">
        <v>-1000000</v>
      </c>
      <c r="CD1200" s="53"/>
      <c r="CE1200" s="53"/>
      <c r="CF1200" s="53"/>
      <c r="CG1200" s="53"/>
      <c r="CH1200" s="53"/>
      <c r="CI1200" s="53"/>
      <c r="CJ1200" s="53"/>
      <c r="CK1200" s="53"/>
      <c r="CL1200" s="53"/>
      <c r="CM1200" s="53"/>
      <c r="CN1200" s="53">
        <v>-1000000</v>
      </c>
    </row>
    <row r="1201" spans="1:92">
      <c r="A1201" s="52" t="s">
        <v>1486</v>
      </c>
      <c r="B1201" s="53">
        <v>0</v>
      </c>
      <c r="C1201" s="53">
        <v>0</v>
      </c>
      <c r="D1201" s="53">
        <v>0</v>
      </c>
      <c r="E1201" s="53">
        <v>0</v>
      </c>
      <c r="F1201" s="53">
        <v>0</v>
      </c>
      <c r="G1201" s="53">
        <v>0</v>
      </c>
      <c r="H1201" s="53">
        <v>0</v>
      </c>
      <c r="I1201" s="53">
        <v>0</v>
      </c>
      <c r="J1201" s="53">
        <v>0</v>
      </c>
      <c r="K1201" s="53">
        <v>0</v>
      </c>
      <c r="L1201" s="53">
        <v>0</v>
      </c>
      <c r="M1201" s="53">
        <v>0</v>
      </c>
      <c r="N1201" s="53">
        <v>0</v>
      </c>
      <c r="O1201" s="53">
        <v>0</v>
      </c>
      <c r="P1201" s="53">
        <v>0</v>
      </c>
      <c r="Q1201" s="53">
        <v>0</v>
      </c>
      <c r="R1201" s="53">
        <v>0</v>
      </c>
      <c r="S1201" s="53">
        <v>0</v>
      </c>
      <c r="T1201" s="53">
        <v>0</v>
      </c>
      <c r="U1201" s="53">
        <v>0</v>
      </c>
      <c r="V1201" s="53">
        <v>0</v>
      </c>
      <c r="W1201" s="53">
        <v>0</v>
      </c>
      <c r="X1201" s="53">
        <v>0</v>
      </c>
      <c r="Y1201" s="53">
        <v>0</v>
      </c>
      <c r="Z1201" s="53">
        <v>0</v>
      </c>
      <c r="AA1201" s="53">
        <v>0</v>
      </c>
      <c r="AB1201" s="53">
        <v>0</v>
      </c>
      <c r="AC1201" s="53">
        <v>0</v>
      </c>
      <c r="AD1201" s="53">
        <v>0</v>
      </c>
      <c r="AE1201" s="53">
        <v>0</v>
      </c>
      <c r="AF1201" s="53">
        <v>0</v>
      </c>
      <c r="AG1201" s="53">
        <v>0</v>
      </c>
      <c r="AH1201" s="53">
        <v>0</v>
      </c>
      <c r="AI1201" s="53">
        <v>0</v>
      </c>
      <c r="AJ1201" s="53">
        <v>0</v>
      </c>
      <c r="AK1201" s="53">
        <v>0</v>
      </c>
      <c r="AL1201" s="53">
        <v>0</v>
      </c>
      <c r="AM1201" s="53">
        <v>0</v>
      </c>
      <c r="AN1201" s="53">
        <v>0</v>
      </c>
      <c r="AO1201" s="53">
        <v>0</v>
      </c>
      <c r="AP1201" s="53">
        <v>0</v>
      </c>
      <c r="AQ1201" s="53">
        <v>0</v>
      </c>
      <c r="AR1201" s="53">
        <v>0</v>
      </c>
      <c r="AS1201" s="53">
        <v>0</v>
      </c>
      <c r="AT1201" s="53">
        <v>0</v>
      </c>
      <c r="AU1201" s="53">
        <v>0</v>
      </c>
      <c r="AV1201" s="53">
        <v>0</v>
      </c>
      <c r="AW1201" s="53">
        <v>0</v>
      </c>
      <c r="AX1201" s="53">
        <v>0</v>
      </c>
      <c r="AY1201" s="53">
        <v>0</v>
      </c>
      <c r="AZ1201" s="53">
        <v>0</v>
      </c>
      <c r="BA1201" s="53">
        <v>0</v>
      </c>
      <c r="BB1201" s="53">
        <v>0</v>
      </c>
      <c r="BC1201" s="53">
        <v>0</v>
      </c>
      <c r="BD1201" s="53">
        <v>0</v>
      </c>
      <c r="BE1201" s="53">
        <v>0</v>
      </c>
      <c r="BF1201" s="53">
        <v>0</v>
      </c>
      <c r="BG1201" s="53">
        <v>0</v>
      </c>
      <c r="BH1201" s="53">
        <v>0</v>
      </c>
      <c r="BI1201" s="53">
        <v>0</v>
      </c>
      <c r="BJ1201" s="53">
        <v>0</v>
      </c>
      <c r="BK1201" s="53">
        <v>0</v>
      </c>
      <c r="BL1201" s="53">
        <v>0</v>
      </c>
      <c r="BM1201" s="53">
        <v>0</v>
      </c>
      <c r="BN1201" s="53">
        <v>0</v>
      </c>
      <c r="BO1201" s="53">
        <v>0</v>
      </c>
      <c r="BP1201" s="53">
        <v>0</v>
      </c>
      <c r="BQ1201" s="53">
        <v>0</v>
      </c>
      <c r="BR1201" s="53">
        <v>0</v>
      </c>
      <c r="BS1201" s="53">
        <v>0</v>
      </c>
      <c r="BT1201" s="53">
        <v>0</v>
      </c>
      <c r="BU1201" s="53">
        <v>0</v>
      </c>
      <c r="BV1201" s="53">
        <v>0</v>
      </c>
      <c r="BW1201" s="53">
        <v>0</v>
      </c>
      <c r="BX1201" s="53">
        <v>0</v>
      </c>
      <c r="BY1201" s="53">
        <v>0</v>
      </c>
      <c r="BZ1201" s="53">
        <v>0</v>
      </c>
      <c r="CA1201" s="53">
        <v>0</v>
      </c>
      <c r="CB1201" s="53">
        <v>134023135.84</v>
      </c>
      <c r="CC1201" s="53">
        <v>123383135.84</v>
      </c>
      <c r="CD1201" s="53">
        <v>113743135.84</v>
      </c>
      <c r="CE1201" s="53">
        <v>104103135.84</v>
      </c>
      <c r="CF1201" s="53">
        <v>94463135.840000004</v>
      </c>
      <c r="CG1201" s="53">
        <v>84823135.840000004</v>
      </c>
      <c r="CH1201" s="53">
        <v>75183135.840000004</v>
      </c>
      <c r="CI1201" s="53">
        <v>65543135.840000004</v>
      </c>
      <c r="CJ1201" s="53">
        <v>55903135.840000004</v>
      </c>
      <c r="CK1201" s="53">
        <v>46263135.840000004</v>
      </c>
      <c r="CL1201" s="53">
        <v>36623135.840000004</v>
      </c>
      <c r="CM1201" s="53">
        <v>26983135.84</v>
      </c>
      <c r="CN1201" s="53">
        <v>26983135.84</v>
      </c>
    </row>
    <row r="1202" spans="1:92">
      <c r="A1202" s="52" t="s">
        <v>1487</v>
      </c>
      <c r="B1202" s="53">
        <v>0</v>
      </c>
      <c r="C1202" s="53">
        <v>0</v>
      </c>
      <c r="D1202" s="53">
        <v>0</v>
      </c>
      <c r="E1202" s="53">
        <v>0</v>
      </c>
      <c r="F1202" s="53">
        <v>0</v>
      </c>
      <c r="G1202" s="53">
        <v>0</v>
      </c>
      <c r="H1202" s="53">
        <v>0</v>
      </c>
      <c r="I1202" s="53">
        <v>0</v>
      </c>
      <c r="J1202" s="53">
        <v>0</v>
      </c>
      <c r="K1202" s="53">
        <v>0</v>
      </c>
      <c r="L1202" s="53">
        <v>0</v>
      </c>
      <c r="M1202" s="53">
        <v>0</v>
      </c>
      <c r="N1202" s="53">
        <v>0</v>
      </c>
      <c r="O1202" s="53">
        <v>0</v>
      </c>
      <c r="P1202" s="53">
        <v>0</v>
      </c>
      <c r="Q1202" s="53">
        <v>0</v>
      </c>
      <c r="R1202" s="53">
        <v>0</v>
      </c>
      <c r="S1202" s="53">
        <v>0</v>
      </c>
      <c r="T1202" s="53">
        <v>0</v>
      </c>
      <c r="U1202" s="53">
        <v>0</v>
      </c>
      <c r="V1202" s="53">
        <v>0</v>
      </c>
      <c r="W1202" s="53">
        <v>0</v>
      </c>
      <c r="X1202" s="53">
        <v>0</v>
      </c>
      <c r="Y1202" s="53">
        <v>0</v>
      </c>
      <c r="Z1202" s="53">
        <v>0</v>
      </c>
      <c r="AA1202" s="53">
        <v>0</v>
      </c>
      <c r="AB1202" s="53">
        <v>0</v>
      </c>
      <c r="AC1202" s="53">
        <v>0</v>
      </c>
      <c r="AD1202" s="53">
        <v>0</v>
      </c>
      <c r="AE1202" s="53">
        <v>0</v>
      </c>
      <c r="AF1202" s="53">
        <v>0</v>
      </c>
      <c r="AG1202" s="53">
        <v>0</v>
      </c>
      <c r="AH1202" s="53">
        <v>0</v>
      </c>
      <c r="AI1202" s="53">
        <v>0</v>
      </c>
      <c r="AJ1202" s="53">
        <v>0</v>
      </c>
      <c r="AK1202" s="53">
        <v>0</v>
      </c>
      <c r="AL1202" s="53">
        <v>0</v>
      </c>
      <c r="AM1202" s="53">
        <v>0</v>
      </c>
      <c r="AN1202" s="53">
        <v>0</v>
      </c>
      <c r="AO1202" s="53">
        <v>0</v>
      </c>
      <c r="AP1202" s="53">
        <v>0</v>
      </c>
      <c r="AQ1202" s="53">
        <v>0</v>
      </c>
      <c r="AR1202" s="53">
        <v>0</v>
      </c>
      <c r="AS1202" s="53">
        <v>0</v>
      </c>
      <c r="AT1202" s="53">
        <v>0</v>
      </c>
      <c r="AU1202" s="53">
        <v>0</v>
      </c>
      <c r="AV1202" s="53">
        <v>0</v>
      </c>
      <c r="AW1202" s="53">
        <v>0</v>
      </c>
      <c r="AX1202" s="53">
        <v>0</v>
      </c>
      <c r="AY1202" s="53">
        <v>0</v>
      </c>
      <c r="AZ1202" s="53">
        <v>0</v>
      </c>
      <c r="BA1202" s="53">
        <v>0</v>
      </c>
      <c r="BB1202" s="53">
        <v>0</v>
      </c>
      <c r="BC1202" s="53">
        <v>0</v>
      </c>
      <c r="BD1202" s="53">
        <v>0</v>
      </c>
      <c r="BE1202" s="53">
        <v>0</v>
      </c>
      <c r="BF1202" s="53">
        <v>0</v>
      </c>
      <c r="BG1202" s="53">
        <v>0</v>
      </c>
      <c r="BH1202" s="53">
        <v>0</v>
      </c>
      <c r="BI1202" s="53">
        <v>0</v>
      </c>
      <c r="BJ1202" s="53">
        <v>0</v>
      </c>
      <c r="BK1202" s="53">
        <v>0</v>
      </c>
      <c r="BL1202" s="53">
        <v>0</v>
      </c>
      <c r="BM1202" s="53">
        <v>0</v>
      </c>
      <c r="BN1202" s="53">
        <v>0</v>
      </c>
      <c r="BO1202" s="53">
        <v>0</v>
      </c>
      <c r="BP1202" s="53">
        <v>0</v>
      </c>
      <c r="BQ1202" s="53">
        <v>0</v>
      </c>
      <c r="BR1202" s="53">
        <v>0</v>
      </c>
      <c r="BS1202" s="53">
        <v>0</v>
      </c>
      <c r="BT1202" s="53">
        <v>0</v>
      </c>
      <c r="BU1202" s="53">
        <v>0</v>
      </c>
      <c r="BV1202" s="53">
        <v>0</v>
      </c>
      <c r="BW1202" s="53">
        <v>0</v>
      </c>
      <c r="BX1202" s="53">
        <v>0</v>
      </c>
      <c r="BY1202" s="53">
        <v>0</v>
      </c>
      <c r="BZ1202" s="53">
        <v>0</v>
      </c>
      <c r="CA1202" s="53">
        <v>0</v>
      </c>
      <c r="CB1202" s="53"/>
      <c r="CC1202" s="53"/>
      <c r="CD1202" s="53"/>
      <c r="CE1202" s="53"/>
      <c r="CF1202" s="53"/>
      <c r="CG1202" s="53"/>
      <c r="CH1202" s="53"/>
      <c r="CI1202" s="53"/>
      <c r="CJ1202" s="53"/>
      <c r="CK1202" s="53"/>
      <c r="CL1202" s="53"/>
      <c r="CM1202" s="53"/>
      <c r="CN1202" s="53"/>
    </row>
    <row r="1203" spans="1:92">
      <c r="A1203" s="52" t="s">
        <v>1488</v>
      </c>
      <c r="B1203" s="53">
        <v>0</v>
      </c>
      <c r="C1203" s="53">
        <v>0</v>
      </c>
      <c r="D1203" s="53">
        <v>0</v>
      </c>
      <c r="E1203" s="53">
        <v>0</v>
      </c>
      <c r="F1203" s="53">
        <v>0</v>
      </c>
      <c r="G1203" s="53">
        <v>0</v>
      </c>
      <c r="H1203" s="53">
        <v>0</v>
      </c>
      <c r="I1203" s="53">
        <v>0</v>
      </c>
      <c r="J1203" s="53">
        <v>0</v>
      </c>
      <c r="K1203" s="53">
        <v>0</v>
      </c>
      <c r="L1203" s="53">
        <v>0</v>
      </c>
      <c r="M1203" s="53">
        <v>0</v>
      </c>
      <c r="N1203" s="53">
        <v>0</v>
      </c>
      <c r="O1203" s="53">
        <v>0</v>
      </c>
      <c r="P1203" s="53">
        <v>0</v>
      </c>
      <c r="Q1203" s="53">
        <v>0</v>
      </c>
      <c r="R1203" s="53">
        <v>0</v>
      </c>
      <c r="S1203" s="53">
        <v>0</v>
      </c>
      <c r="T1203" s="53">
        <v>0</v>
      </c>
      <c r="U1203" s="53">
        <v>0</v>
      </c>
      <c r="V1203" s="53">
        <v>0</v>
      </c>
      <c r="W1203" s="53">
        <v>0</v>
      </c>
      <c r="X1203" s="53">
        <v>0</v>
      </c>
      <c r="Y1203" s="53">
        <v>0</v>
      </c>
      <c r="Z1203" s="53">
        <v>0</v>
      </c>
      <c r="AA1203" s="53">
        <v>0</v>
      </c>
      <c r="AB1203" s="53">
        <v>0</v>
      </c>
      <c r="AC1203" s="53">
        <v>0</v>
      </c>
      <c r="AD1203" s="53">
        <v>0</v>
      </c>
      <c r="AE1203" s="53">
        <v>0</v>
      </c>
      <c r="AF1203" s="53">
        <v>0</v>
      </c>
      <c r="AG1203" s="53">
        <v>0</v>
      </c>
      <c r="AH1203" s="53">
        <v>0</v>
      </c>
      <c r="AI1203" s="53">
        <v>0</v>
      </c>
      <c r="AJ1203" s="53">
        <v>0</v>
      </c>
      <c r="AK1203" s="53">
        <v>0</v>
      </c>
      <c r="AL1203" s="53">
        <v>0</v>
      </c>
      <c r="AM1203" s="53">
        <v>0</v>
      </c>
      <c r="AN1203" s="53">
        <v>0</v>
      </c>
      <c r="AO1203" s="53">
        <v>0</v>
      </c>
      <c r="AP1203" s="53">
        <v>0</v>
      </c>
      <c r="AQ1203" s="53">
        <v>0</v>
      </c>
      <c r="AR1203" s="53">
        <v>0</v>
      </c>
      <c r="AS1203" s="53">
        <v>0</v>
      </c>
      <c r="AT1203" s="53">
        <v>0</v>
      </c>
      <c r="AU1203" s="53">
        <v>0</v>
      </c>
      <c r="AV1203" s="53">
        <v>0</v>
      </c>
      <c r="AW1203" s="53">
        <v>0</v>
      </c>
      <c r="AX1203" s="53">
        <v>0</v>
      </c>
      <c r="AY1203" s="53">
        <v>0</v>
      </c>
      <c r="AZ1203" s="53">
        <v>0</v>
      </c>
      <c r="BA1203" s="53">
        <v>0</v>
      </c>
      <c r="BB1203" s="53">
        <v>0</v>
      </c>
      <c r="BC1203" s="53">
        <v>0</v>
      </c>
      <c r="BD1203" s="53">
        <v>0</v>
      </c>
      <c r="BE1203" s="53">
        <v>0</v>
      </c>
      <c r="BF1203" s="53">
        <v>0</v>
      </c>
      <c r="BG1203" s="53">
        <v>0</v>
      </c>
      <c r="BH1203" s="53">
        <v>0</v>
      </c>
      <c r="BI1203" s="53">
        <v>0</v>
      </c>
      <c r="BJ1203" s="53">
        <v>0</v>
      </c>
      <c r="BK1203" s="53">
        <v>0</v>
      </c>
      <c r="BL1203" s="53">
        <v>0</v>
      </c>
      <c r="BM1203" s="53">
        <v>0</v>
      </c>
      <c r="BN1203" s="53">
        <v>0</v>
      </c>
      <c r="BO1203" s="53">
        <v>0</v>
      </c>
      <c r="BP1203" s="53">
        <v>0</v>
      </c>
      <c r="BQ1203" s="53">
        <v>0</v>
      </c>
      <c r="BR1203" s="53">
        <v>0</v>
      </c>
      <c r="BS1203" s="53">
        <v>0</v>
      </c>
      <c r="BT1203" s="53">
        <v>0</v>
      </c>
      <c r="BU1203" s="53">
        <v>0</v>
      </c>
      <c r="BV1203" s="53">
        <v>0</v>
      </c>
      <c r="BW1203" s="53">
        <v>0</v>
      </c>
      <c r="BX1203" s="53">
        <v>0</v>
      </c>
      <c r="BY1203" s="53">
        <v>0</v>
      </c>
      <c r="BZ1203" s="53">
        <v>0</v>
      </c>
      <c r="CA1203" s="53">
        <v>0</v>
      </c>
      <c r="CB1203" s="53">
        <v>764923.18</v>
      </c>
      <c r="CC1203" s="53">
        <v>764923.18</v>
      </c>
      <c r="CD1203" s="53">
        <v>764923.18</v>
      </c>
      <c r="CE1203" s="53">
        <v>764923.18</v>
      </c>
      <c r="CF1203" s="53">
        <v>764923.18</v>
      </c>
      <c r="CG1203" s="53">
        <v>764923.18</v>
      </c>
      <c r="CH1203" s="53">
        <v>764923.18</v>
      </c>
      <c r="CI1203" s="53">
        <v>764923.18</v>
      </c>
      <c r="CJ1203" s="53">
        <v>764923.18</v>
      </c>
      <c r="CK1203" s="53">
        <v>764923.18</v>
      </c>
      <c r="CL1203" s="53">
        <v>764923.18</v>
      </c>
      <c r="CM1203" s="53">
        <v>764923.18</v>
      </c>
      <c r="CN1203" s="53">
        <v>764923.18</v>
      </c>
    </row>
    <row r="1204" spans="1:92">
      <c r="A1204" s="52" t="s">
        <v>1489</v>
      </c>
      <c r="B1204" s="53">
        <v>0</v>
      </c>
      <c r="C1204" s="53">
        <v>0</v>
      </c>
      <c r="D1204" s="53">
        <v>0</v>
      </c>
      <c r="E1204" s="53">
        <v>0</v>
      </c>
      <c r="F1204" s="53">
        <v>0</v>
      </c>
      <c r="G1204" s="53">
        <v>0</v>
      </c>
      <c r="H1204" s="53">
        <v>0</v>
      </c>
      <c r="I1204" s="53">
        <v>0</v>
      </c>
      <c r="J1204" s="53">
        <v>0</v>
      </c>
      <c r="K1204" s="53">
        <v>0</v>
      </c>
      <c r="L1204" s="53">
        <v>0</v>
      </c>
      <c r="M1204" s="53">
        <v>0</v>
      </c>
      <c r="N1204" s="53">
        <v>0</v>
      </c>
      <c r="O1204" s="53">
        <v>0</v>
      </c>
      <c r="P1204" s="53">
        <v>0</v>
      </c>
      <c r="Q1204" s="53">
        <v>0</v>
      </c>
      <c r="R1204" s="53">
        <v>0</v>
      </c>
      <c r="S1204" s="53">
        <v>0</v>
      </c>
      <c r="T1204" s="53">
        <v>0</v>
      </c>
      <c r="U1204" s="53">
        <v>0</v>
      </c>
      <c r="V1204" s="53">
        <v>0</v>
      </c>
      <c r="W1204" s="53">
        <v>0</v>
      </c>
      <c r="X1204" s="53">
        <v>0</v>
      </c>
      <c r="Y1204" s="53">
        <v>0</v>
      </c>
      <c r="Z1204" s="53">
        <v>0</v>
      </c>
      <c r="AA1204" s="53">
        <v>0</v>
      </c>
      <c r="AB1204" s="53">
        <v>0</v>
      </c>
      <c r="AC1204" s="53">
        <v>0</v>
      </c>
      <c r="AD1204" s="53">
        <v>0</v>
      </c>
      <c r="AE1204" s="53">
        <v>0</v>
      </c>
      <c r="AF1204" s="53">
        <v>0</v>
      </c>
      <c r="AG1204" s="53">
        <v>0</v>
      </c>
      <c r="AH1204" s="53">
        <v>0</v>
      </c>
      <c r="AI1204" s="53">
        <v>0</v>
      </c>
      <c r="AJ1204" s="53">
        <v>0</v>
      </c>
      <c r="AK1204" s="53">
        <v>0</v>
      </c>
      <c r="AL1204" s="53">
        <v>0</v>
      </c>
      <c r="AM1204" s="53">
        <v>0</v>
      </c>
      <c r="AN1204" s="53">
        <v>0</v>
      </c>
      <c r="AO1204" s="53">
        <v>0</v>
      </c>
      <c r="AP1204" s="53">
        <v>0</v>
      </c>
      <c r="AQ1204" s="53">
        <v>0</v>
      </c>
      <c r="AR1204" s="53">
        <v>0</v>
      </c>
      <c r="AS1204" s="53">
        <v>0</v>
      </c>
      <c r="AT1204" s="53">
        <v>0</v>
      </c>
      <c r="AU1204" s="53">
        <v>0</v>
      </c>
      <c r="AV1204" s="53">
        <v>0</v>
      </c>
      <c r="AW1204" s="53">
        <v>0</v>
      </c>
      <c r="AX1204" s="53">
        <v>0</v>
      </c>
      <c r="AY1204" s="53">
        <v>0</v>
      </c>
      <c r="AZ1204" s="53">
        <v>0</v>
      </c>
      <c r="BA1204" s="53">
        <v>0</v>
      </c>
      <c r="BB1204" s="53">
        <v>0</v>
      </c>
      <c r="BC1204" s="53">
        <v>0</v>
      </c>
      <c r="BD1204" s="53">
        <v>0</v>
      </c>
      <c r="BE1204" s="53">
        <v>0</v>
      </c>
      <c r="BF1204" s="53">
        <v>0</v>
      </c>
      <c r="BG1204" s="53">
        <v>0</v>
      </c>
      <c r="BH1204" s="53">
        <v>0</v>
      </c>
      <c r="BI1204" s="53">
        <v>0</v>
      </c>
      <c r="BJ1204" s="53">
        <v>0</v>
      </c>
      <c r="BK1204" s="53">
        <v>0</v>
      </c>
      <c r="BL1204" s="53">
        <v>0</v>
      </c>
      <c r="BM1204" s="53">
        <v>0</v>
      </c>
      <c r="BN1204" s="53">
        <v>0</v>
      </c>
      <c r="BO1204" s="53">
        <v>0</v>
      </c>
      <c r="BP1204" s="53">
        <v>0</v>
      </c>
      <c r="BQ1204" s="53">
        <v>0</v>
      </c>
      <c r="BR1204" s="53">
        <v>0</v>
      </c>
      <c r="BS1204" s="53">
        <v>0</v>
      </c>
      <c r="BT1204" s="53">
        <v>0</v>
      </c>
      <c r="BU1204" s="53">
        <v>0</v>
      </c>
      <c r="BV1204" s="53">
        <v>0</v>
      </c>
      <c r="BW1204" s="53">
        <v>0</v>
      </c>
      <c r="BX1204" s="53">
        <v>0</v>
      </c>
      <c r="BY1204" s="53">
        <v>0</v>
      </c>
      <c r="BZ1204" s="53">
        <v>0</v>
      </c>
      <c r="CA1204" s="53">
        <v>0</v>
      </c>
      <c r="CB1204" s="53">
        <v>764923.18</v>
      </c>
      <c r="CC1204" s="53">
        <v>764923.18</v>
      </c>
      <c r="CD1204" s="53">
        <v>764923.18</v>
      </c>
      <c r="CE1204" s="53">
        <v>764923.18</v>
      </c>
      <c r="CF1204" s="53">
        <v>764923.18</v>
      </c>
      <c r="CG1204" s="53">
        <v>764923.18</v>
      </c>
      <c r="CH1204" s="53">
        <v>764923.18</v>
      </c>
      <c r="CI1204" s="53">
        <v>764923.18</v>
      </c>
      <c r="CJ1204" s="53">
        <v>764923.18</v>
      </c>
      <c r="CK1204" s="53">
        <v>764923.18</v>
      </c>
      <c r="CL1204" s="53">
        <v>764923.18</v>
      </c>
      <c r="CM1204" s="53">
        <v>764923.18</v>
      </c>
      <c r="CN1204" s="53">
        <v>764923.18</v>
      </c>
    </row>
    <row r="1205" spans="1:92">
      <c r="A1205" s="52" t="s">
        <v>1490</v>
      </c>
      <c r="B1205" s="53">
        <v>2158525.7200000002</v>
      </c>
      <c r="C1205" s="53">
        <v>2114919.16</v>
      </c>
      <c r="D1205" s="53">
        <v>2818030.33</v>
      </c>
      <c r="E1205" s="53">
        <v>2770721.5</v>
      </c>
      <c r="F1205" s="53">
        <v>2723412.68</v>
      </c>
      <c r="G1205" s="53">
        <v>2676103.85</v>
      </c>
      <c r="H1205" s="53">
        <v>2628795.02</v>
      </c>
      <c r="I1205" s="53">
        <v>2581486.19</v>
      </c>
      <c r="J1205" s="53">
        <v>2534177.37</v>
      </c>
      <c r="K1205" s="53">
        <v>2486868.54</v>
      </c>
      <c r="L1205" s="53">
        <v>2439559.71</v>
      </c>
      <c r="M1205" s="53">
        <v>2392250.88</v>
      </c>
      <c r="N1205" s="53">
        <v>2392250.88</v>
      </c>
      <c r="O1205" s="53">
        <v>2392250.88</v>
      </c>
      <c r="P1205" s="53">
        <v>2392250.88</v>
      </c>
      <c r="Q1205" s="53">
        <v>2392250.88</v>
      </c>
      <c r="R1205" s="53">
        <v>2392250.88</v>
      </c>
      <c r="S1205" s="53">
        <v>2392250.88</v>
      </c>
      <c r="T1205" s="53">
        <v>2392250.88</v>
      </c>
      <c r="U1205" s="53">
        <v>2392250.88</v>
      </c>
      <c r="V1205" s="53">
        <v>2392250.88</v>
      </c>
      <c r="W1205" s="53">
        <v>2392250.88</v>
      </c>
      <c r="X1205" s="53">
        <v>2392250.88</v>
      </c>
      <c r="Y1205" s="53">
        <v>2392250.88</v>
      </c>
      <c r="Z1205" s="53">
        <v>2392250.88</v>
      </c>
      <c r="AA1205" s="53">
        <v>2392250.88</v>
      </c>
      <c r="AB1205" s="53">
        <v>2392250.88</v>
      </c>
      <c r="AC1205" s="53">
        <v>2392250.88</v>
      </c>
      <c r="AD1205" s="53">
        <v>2392250.88</v>
      </c>
      <c r="AE1205" s="53">
        <v>2392250.88</v>
      </c>
      <c r="AF1205" s="53">
        <v>2392250.88</v>
      </c>
      <c r="AG1205" s="53">
        <v>2392250.88</v>
      </c>
      <c r="AH1205" s="53">
        <v>2392250.88</v>
      </c>
      <c r="AI1205" s="53">
        <v>2392250.88</v>
      </c>
      <c r="AJ1205" s="53">
        <v>2392250.88</v>
      </c>
      <c r="AK1205" s="53">
        <v>2392250.88</v>
      </c>
      <c r="AL1205" s="53">
        <v>2392250.88</v>
      </c>
      <c r="AM1205" s="53">
        <v>2392250.88</v>
      </c>
      <c r="AN1205" s="53">
        <v>2392250.88</v>
      </c>
      <c r="AO1205" s="53">
        <v>2392250.88</v>
      </c>
      <c r="AP1205" s="53">
        <v>2392250.88</v>
      </c>
      <c r="AQ1205" s="53">
        <v>2392250.88</v>
      </c>
      <c r="AR1205" s="53">
        <v>2392250.88</v>
      </c>
      <c r="AS1205" s="53">
        <v>2392250.88</v>
      </c>
      <c r="AT1205" s="53">
        <v>2392250.88</v>
      </c>
      <c r="AU1205" s="53">
        <v>2392250.88</v>
      </c>
      <c r="AV1205" s="53">
        <v>2392250.88</v>
      </c>
      <c r="AW1205" s="53">
        <v>2392250.88</v>
      </c>
      <c r="AX1205" s="53">
        <v>2392250.88</v>
      </c>
      <c r="AY1205" s="53">
        <v>2392250.88</v>
      </c>
      <c r="AZ1205" s="53">
        <v>2392250.88</v>
      </c>
      <c r="BA1205" s="53">
        <v>2392250.88</v>
      </c>
      <c r="BB1205" s="53">
        <v>2392250.88</v>
      </c>
      <c r="BC1205" s="53">
        <v>2392250.88</v>
      </c>
      <c r="BD1205" s="53">
        <v>2392250.88</v>
      </c>
      <c r="BE1205" s="53">
        <v>2392250.88</v>
      </c>
      <c r="BF1205" s="53">
        <v>2392250.88</v>
      </c>
      <c r="BG1205" s="53">
        <v>2392250.88</v>
      </c>
      <c r="BH1205" s="53">
        <v>2392250.88</v>
      </c>
      <c r="BI1205" s="53">
        <v>2392250.88</v>
      </c>
      <c r="BJ1205" s="53">
        <v>2392250.88</v>
      </c>
      <c r="BK1205" s="53">
        <v>2392250.88</v>
      </c>
      <c r="BL1205" s="53">
        <v>2392250.88</v>
      </c>
      <c r="BM1205" s="53">
        <v>2392250.88</v>
      </c>
      <c r="BN1205" s="53">
        <v>2392250.88</v>
      </c>
      <c r="BO1205" s="53">
        <v>2392250.88</v>
      </c>
      <c r="BP1205" s="53">
        <v>2392250.88</v>
      </c>
      <c r="BQ1205" s="53">
        <v>2392250.88</v>
      </c>
      <c r="BR1205" s="53">
        <v>2392250.88</v>
      </c>
      <c r="BS1205" s="53">
        <v>2392250.88</v>
      </c>
      <c r="BT1205" s="53">
        <v>2392250.88</v>
      </c>
      <c r="BU1205" s="53">
        <v>2392250.88</v>
      </c>
      <c r="BV1205" s="53">
        <v>2392250.88</v>
      </c>
      <c r="BW1205" s="53">
        <v>2392250.88</v>
      </c>
      <c r="BX1205" s="53">
        <v>2392250.88</v>
      </c>
      <c r="BY1205" s="53">
        <v>2392250.88</v>
      </c>
      <c r="BZ1205" s="53">
        <v>2392250.88</v>
      </c>
      <c r="CA1205" s="53">
        <v>2392250.88</v>
      </c>
      <c r="CB1205" s="53"/>
      <c r="CC1205" s="53"/>
      <c r="CD1205" s="53"/>
      <c r="CE1205" s="53"/>
      <c r="CF1205" s="53"/>
      <c r="CG1205" s="53"/>
      <c r="CH1205" s="53"/>
      <c r="CI1205" s="53"/>
      <c r="CJ1205" s="53"/>
      <c r="CK1205" s="53"/>
      <c r="CL1205" s="53"/>
      <c r="CM1205" s="53"/>
      <c r="CN1205" s="53"/>
    </row>
    <row r="1206" spans="1:92">
      <c r="A1206" s="52" t="s">
        <v>1491</v>
      </c>
      <c r="B1206" s="53">
        <v>0</v>
      </c>
      <c r="C1206" s="53">
        <v>0</v>
      </c>
      <c r="D1206" s="53">
        <v>0</v>
      </c>
      <c r="E1206" s="53">
        <v>0</v>
      </c>
      <c r="F1206" s="53">
        <v>0</v>
      </c>
      <c r="G1206" s="53">
        <v>0</v>
      </c>
      <c r="H1206" s="53">
        <v>0</v>
      </c>
      <c r="I1206" s="53">
        <v>0</v>
      </c>
      <c r="J1206" s="53">
        <v>0</v>
      </c>
      <c r="K1206" s="53">
        <v>0</v>
      </c>
      <c r="L1206" s="53">
        <v>0</v>
      </c>
      <c r="M1206" s="53">
        <v>0</v>
      </c>
      <c r="N1206" s="53">
        <v>0</v>
      </c>
      <c r="O1206" s="53">
        <v>0</v>
      </c>
      <c r="P1206" s="53">
        <v>0</v>
      </c>
      <c r="Q1206" s="53">
        <v>0</v>
      </c>
      <c r="R1206" s="53">
        <v>0</v>
      </c>
      <c r="S1206" s="53">
        <v>0</v>
      </c>
      <c r="T1206" s="53">
        <v>0</v>
      </c>
      <c r="U1206" s="53">
        <v>0</v>
      </c>
      <c r="V1206" s="53">
        <v>0</v>
      </c>
      <c r="W1206" s="53">
        <v>0</v>
      </c>
      <c r="X1206" s="53">
        <v>0</v>
      </c>
      <c r="Y1206" s="53">
        <v>0</v>
      </c>
      <c r="Z1206" s="53">
        <v>0</v>
      </c>
      <c r="AA1206" s="53">
        <v>0</v>
      </c>
      <c r="AB1206" s="53">
        <v>0</v>
      </c>
      <c r="AC1206" s="53">
        <v>0</v>
      </c>
      <c r="AD1206" s="53">
        <v>0</v>
      </c>
      <c r="AE1206" s="53">
        <v>0</v>
      </c>
      <c r="AF1206" s="53">
        <v>0</v>
      </c>
      <c r="AG1206" s="53">
        <v>0</v>
      </c>
      <c r="AH1206" s="53">
        <v>0</v>
      </c>
      <c r="AI1206" s="53">
        <v>0</v>
      </c>
      <c r="AJ1206" s="53">
        <v>0</v>
      </c>
      <c r="AK1206" s="53">
        <v>0</v>
      </c>
      <c r="AL1206" s="53">
        <v>0</v>
      </c>
      <c r="AM1206" s="53">
        <v>0</v>
      </c>
      <c r="AN1206" s="53">
        <v>0</v>
      </c>
      <c r="AO1206" s="53">
        <v>0</v>
      </c>
      <c r="AP1206" s="53">
        <v>0</v>
      </c>
      <c r="AQ1206" s="53">
        <v>0</v>
      </c>
      <c r="AR1206" s="53">
        <v>0</v>
      </c>
      <c r="AS1206" s="53">
        <v>0</v>
      </c>
      <c r="AT1206" s="53">
        <v>0</v>
      </c>
      <c r="AU1206" s="53">
        <v>0</v>
      </c>
      <c r="AV1206" s="53">
        <v>0</v>
      </c>
      <c r="AW1206" s="53">
        <v>0</v>
      </c>
      <c r="AX1206" s="53">
        <v>0</v>
      </c>
      <c r="AY1206" s="53">
        <v>0</v>
      </c>
      <c r="AZ1206" s="53">
        <v>0</v>
      </c>
      <c r="BA1206" s="53">
        <v>0</v>
      </c>
      <c r="BB1206" s="53">
        <v>0</v>
      </c>
      <c r="BC1206" s="53">
        <v>0</v>
      </c>
      <c r="BD1206" s="53">
        <v>0</v>
      </c>
      <c r="BE1206" s="53">
        <v>0</v>
      </c>
      <c r="BF1206" s="53">
        <v>0</v>
      </c>
      <c r="BG1206" s="53">
        <v>0</v>
      </c>
      <c r="BH1206" s="53">
        <v>0</v>
      </c>
      <c r="BI1206" s="53">
        <v>0</v>
      </c>
      <c r="BJ1206" s="53">
        <v>0</v>
      </c>
      <c r="BK1206" s="53">
        <v>0</v>
      </c>
      <c r="BL1206" s="53">
        <v>0</v>
      </c>
      <c r="BM1206" s="53">
        <v>0</v>
      </c>
      <c r="BN1206" s="53">
        <v>0</v>
      </c>
      <c r="BO1206" s="53">
        <v>0</v>
      </c>
      <c r="BP1206" s="53">
        <v>0</v>
      </c>
      <c r="BQ1206" s="53">
        <v>0</v>
      </c>
      <c r="BR1206" s="53">
        <v>0</v>
      </c>
      <c r="BS1206" s="53">
        <v>0</v>
      </c>
      <c r="BT1206" s="53">
        <v>0</v>
      </c>
      <c r="BU1206" s="53">
        <v>0</v>
      </c>
      <c r="BV1206" s="53">
        <v>0</v>
      </c>
      <c r="BW1206" s="53">
        <v>0</v>
      </c>
      <c r="BX1206" s="53">
        <v>0</v>
      </c>
      <c r="BY1206" s="53">
        <v>0</v>
      </c>
      <c r="BZ1206" s="53">
        <v>0</v>
      </c>
      <c r="CA1206" s="53">
        <v>0</v>
      </c>
      <c r="CB1206" s="53">
        <v>0</v>
      </c>
      <c r="CC1206" s="53">
        <v>0</v>
      </c>
      <c r="CD1206" s="53">
        <v>0</v>
      </c>
      <c r="CE1206" s="53">
        <v>0</v>
      </c>
      <c r="CF1206" s="53">
        <v>0</v>
      </c>
      <c r="CG1206" s="53">
        <v>0</v>
      </c>
      <c r="CH1206" s="53">
        <v>0</v>
      </c>
      <c r="CI1206" s="53">
        <v>0</v>
      </c>
      <c r="CJ1206" s="53">
        <v>0</v>
      </c>
      <c r="CK1206" s="53">
        <v>0</v>
      </c>
      <c r="CL1206" s="53">
        <v>0</v>
      </c>
      <c r="CM1206" s="53">
        <v>0</v>
      </c>
      <c r="CN1206" s="53">
        <v>0</v>
      </c>
    </row>
    <row r="1207" spans="1:92">
      <c r="A1207" s="52" t="s">
        <v>1492</v>
      </c>
      <c r="B1207" s="53">
        <v>0</v>
      </c>
      <c r="C1207" s="53">
        <v>0</v>
      </c>
      <c r="D1207" s="53">
        <v>0</v>
      </c>
      <c r="E1207" s="53">
        <v>0</v>
      </c>
      <c r="F1207" s="53">
        <v>0</v>
      </c>
      <c r="G1207" s="53">
        <v>0</v>
      </c>
      <c r="H1207" s="53">
        <v>0</v>
      </c>
      <c r="I1207" s="53">
        <v>0</v>
      </c>
      <c r="J1207" s="53">
        <v>0</v>
      </c>
      <c r="K1207" s="53">
        <v>0</v>
      </c>
      <c r="L1207" s="53">
        <v>0</v>
      </c>
      <c r="M1207" s="53">
        <v>0</v>
      </c>
      <c r="N1207" s="53">
        <v>0</v>
      </c>
      <c r="O1207" s="53">
        <v>0</v>
      </c>
      <c r="P1207" s="53">
        <v>0</v>
      </c>
      <c r="Q1207" s="53">
        <v>0</v>
      </c>
      <c r="R1207" s="53">
        <v>0</v>
      </c>
      <c r="S1207" s="53">
        <v>0</v>
      </c>
      <c r="T1207" s="53">
        <v>0</v>
      </c>
      <c r="U1207" s="53">
        <v>0</v>
      </c>
      <c r="V1207" s="53">
        <v>0</v>
      </c>
      <c r="W1207" s="53">
        <v>0</v>
      </c>
      <c r="X1207" s="53">
        <v>0</v>
      </c>
      <c r="Y1207" s="53">
        <v>0</v>
      </c>
      <c r="Z1207" s="53">
        <v>0</v>
      </c>
      <c r="AA1207" s="53">
        <v>0</v>
      </c>
      <c r="AB1207" s="53">
        <v>0</v>
      </c>
      <c r="AC1207" s="53">
        <v>0</v>
      </c>
      <c r="AD1207" s="53">
        <v>0</v>
      </c>
      <c r="AE1207" s="53">
        <v>0</v>
      </c>
      <c r="AF1207" s="53">
        <v>0</v>
      </c>
      <c r="AG1207" s="53">
        <v>0</v>
      </c>
      <c r="AH1207" s="53">
        <v>0</v>
      </c>
      <c r="AI1207" s="53">
        <v>0</v>
      </c>
      <c r="AJ1207" s="53">
        <v>0</v>
      </c>
      <c r="AK1207" s="53">
        <v>0</v>
      </c>
      <c r="AL1207" s="53">
        <v>0</v>
      </c>
      <c r="AM1207" s="53">
        <v>0</v>
      </c>
      <c r="AN1207" s="53">
        <v>0</v>
      </c>
      <c r="AO1207" s="53">
        <v>0</v>
      </c>
      <c r="AP1207" s="53">
        <v>0</v>
      </c>
      <c r="AQ1207" s="53">
        <v>0</v>
      </c>
      <c r="AR1207" s="53">
        <v>0</v>
      </c>
      <c r="AS1207" s="53">
        <v>0</v>
      </c>
      <c r="AT1207" s="53">
        <v>0</v>
      </c>
      <c r="AU1207" s="53">
        <v>0</v>
      </c>
      <c r="AV1207" s="53">
        <v>0</v>
      </c>
      <c r="AW1207" s="53">
        <v>0</v>
      </c>
      <c r="AX1207" s="53">
        <v>0</v>
      </c>
      <c r="AY1207" s="53">
        <v>0</v>
      </c>
      <c r="AZ1207" s="53">
        <v>0</v>
      </c>
      <c r="BA1207" s="53">
        <v>0</v>
      </c>
      <c r="BB1207" s="53">
        <v>0</v>
      </c>
      <c r="BC1207" s="53">
        <v>0</v>
      </c>
      <c r="BD1207" s="53">
        <v>0</v>
      </c>
      <c r="BE1207" s="53">
        <v>0</v>
      </c>
      <c r="BF1207" s="53">
        <v>0</v>
      </c>
      <c r="BG1207" s="53">
        <v>0</v>
      </c>
      <c r="BH1207" s="53">
        <v>0</v>
      </c>
      <c r="BI1207" s="53">
        <v>0</v>
      </c>
      <c r="BJ1207" s="53">
        <v>0</v>
      </c>
      <c r="BK1207" s="53">
        <v>0</v>
      </c>
      <c r="BL1207" s="53">
        <v>0</v>
      </c>
      <c r="BM1207" s="53">
        <v>0</v>
      </c>
      <c r="BN1207" s="53">
        <v>0</v>
      </c>
      <c r="BO1207" s="53">
        <v>0</v>
      </c>
      <c r="BP1207" s="53">
        <v>0</v>
      </c>
      <c r="BQ1207" s="53">
        <v>0</v>
      </c>
      <c r="BR1207" s="53">
        <v>0</v>
      </c>
      <c r="BS1207" s="53">
        <v>0</v>
      </c>
      <c r="BT1207" s="53">
        <v>0</v>
      </c>
      <c r="BU1207" s="53">
        <v>0</v>
      </c>
      <c r="BV1207" s="53">
        <v>0</v>
      </c>
      <c r="BW1207" s="53">
        <v>0</v>
      </c>
      <c r="BX1207" s="53">
        <v>0</v>
      </c>
      <c r="BY1207" s="53">
        <v>0</v>
      </c>
      <c r="BZ1207" s="53">
        <v>0</v>
      </c>
      <c r="CA1207" s="53">
        <v>0</v>
      </c>
      <c r="CB1207" s="53">
        <v>0</v>
      </c>
      <c r="CC1207" s="53">
        <v>0</v>
      </c>
      <c r="CD1207" s="53">
        <v>0</v>
      </c>
      <c r="CE1207" s="53">
        <v>0</v>
      </c>
      <c r="CF1207" s="53">
        <v>0</v>
      </c>
      <c r="CG1207" s="53">
        <v>0</v>
      </c>
      <c r="CH1207" s="53">
        <v>0</v>
      </c>
      <c r="CI1207" s="53">
        <v>0</v>
      </c>
      <c r="CJ1207" s="53">
        <v>0</v>
      </c>
      <c r="CK1207" s="53">
        <v>0</v>
      </c>
      <c r="CL1207" s="53">
        <v>0</v>
      </c>
      <c r="CM1207" s="53">
        <v>0</v>
      </c>
      <c r="CN1207" s="53">
        <v>0</v>
      </c>
    </row>
    <row r="1208" spans="1:92" outlineLevel="1">
      <c r="A1208" s="52" t="s">
        <v>1493</v>
      </c>
      <c r="B1208" s="53">
        <v>0</v>
      </c>
      <c r="C1208" s="53">
        <v>0</v>
      </c>
      <c r="D1208" s="53">
        <v>0</v>
      </c>
      <c r="E1208" s="53">
        <v>0</v>
      </c>
      <c r="F1208" s="53">
        <v>0</v>
      </c>
      <c r="G1208" s="53">
        <v>0</v>
      </c>
      <c r="H1208" s="53">
        <v>0</v>
      </c>
      <c r="I1208" s="53">
        <v>0</v>
      </c>
      <c r="J1208" s="53">
        <v>0</v>
      </c>
      <c r="K1208" s="53">
        <v>0</v>
      </c>
      <c r="L1208" s="53">
        <v>0</v>
      </c>
      <c r="M1208" s="53">
        <v>0</v>
      </c>
      <c r="N1208" s="53">
        <v>0</v>
      </c>
      <c r="O1208" s="53">
        <v>0</v>
      </c>
      <c r="P1208" s="53">
        <v>0</v>
      </c>
      <c r="Q1208" s="53">
        <v>0</v>
      </c>
      <c r="R1208" s="53">
        <v>0</v>
      </c>
      <c r="S1208" s="53">
        <v>0</v>
      </c>
      <c r="T1208" s="53">
        <v>0</v>
      </c>
      <c r="U1208" s="53">
        <v>0</v>
      </c>
      <c r="V1208" s="53">
        <v>0</v>
      </c>
      <c r="W1208" s="53">
        <v>0</v>
      </c>
      <c r="X1208" s="53">
        <v>0</v>
      </c>
      <c r="Y1208" s="53">
        <v>0</v>
      </c>
      <c r="Z1208" s="53">
        <v>0</v>
      </c>
      <c r="AA1208" s="53">
        <v>0</v>
      </c>
      <c r="AB1208" s="53">
        <v>0</v>
      </c>
      <c r="AC1208" s="53">
        <v>0</v>
      </c>
      <c r="AD1208" s="53">
        <v>0</v>
      </c>
      <c r="AE1208" s="53">
        <v>0</v>
      </c>
      <c r="AF1208" s="53">
        <v>0</v>
      </c>
      <c r="AG1208" s="53">
        <v>0</v>
      </c>
      <c r="AH1208" s="53">
        <v>0</v>
      </c>
      <c r="AI1208" s="53">
        <v>0</v>
      </c>
      <c r="AJ1208" s="53">
        <v>0</v>
      </c>
      <c r="AK1208" s="53">
        <v>0</v>
      </c>
      <c r="AL1208" s="53">
        <v>0</v>
      </c>
      <c r="AM1208" s="53">
        <v>0</v>
      </c>
      <c r="AN1208" s="53">
        <v>0</v>
      </c>
      <c r="AO1208" s="53">
        <v>0</v>
      </c>
      <c r="AP1208" s="53">
        <v>0</v>
      </c>
      <c r="AQ1208" s="53">
        <v>0</v>
      </c>
      <c r="AR1208" s="53">
        <v>0</v>
      </c>
      <c r="AS1208" s="53">
        <v>0</v>
      </c>
      <c r="AT1208" s="53">
        <v>0</v>
      </c>
      <c r="AU1208" s="53">
        <v>0</v>
      </c>
      <c r="AV1208" s="53">
        <v>0</v>
      </c>
      <c r="AW1208" s="53">
        <v>0</v>
      </c>
      <c r="AX1208" s="53">
        <v>0</v>
      </c>
      <c r="AY1208" s="53">
        <v>0</v>
      </c>
      <c r="AZ1208" s="53">
        <v>0</v>
      </c>
      <c r="BA1208" s="53">
        <v>0</v>
      </c>
      <c r="BB1208" s="53">
        <v>0</v>
      </c>
      <c r="BC1208" s="53">
        <v>0</v>
      </c>
      <c r="BD1208" s="53">
        <v>0</v>
      </c>
      <c r="BE1208" s="53">
        <v>0</v>
      </c>
      <c r="BF1208" s="53">
        <v>0</v>
      </c>
      <c r="BG1208" s="53">
        <v>0</v>
      </c>
      <c r="BH1208" s="53">
        <v>0</v>
      </c>
      <c r="BI1208" s="53">
        <v>0</v>
      </c>
      <c r="BJ1208" s="53">
        <v>0</v>
      </c>
      <c r="BK1208" s="53">
        <v>0</v>
      </c>
      <c r="BL1208" s="53">
        <v>0</v>
      </c>
      <c r="BM1208" s="53">
        <v>0</v>
      </c>
      <c r="BN1208" s="53">
        <v>0</v>
      </c>
      <c r="BO1208" s="53">
        <v>0</v>
      </c>
      <c r="BP1208" s="53">
        <v>0</v>
      </c>
      <c r="BQ1208" s="53">
        <v>0</v>
      </c>
      <c r="BR1208" s="53">
        <v>0</v>
      </c>
      <c r="BS1208" s="53">
        <v>0</v>
      </c>
      <c r="BT1208" s="53">
        <v>0</v>
      </c>
      <c r="BU1208" s="53">
        <v>0</v>
      </c>
      <c r="BV1208" s="53">
        <v>0</v>
      </c>
      <c r="BW1208" s="53">
        <v>0</v>
      </c>
      <c r="BX1208" s="53">
        <v>0</v>
      </c>
      <c r="BY1208" s="53">
        <v>0</v>
      </c>
      <c r="BZ1208" s="53">
        <v>0</v>
      </c>
      <c r="CA1208" s="53">
        <v>0</v>
      </c>
      <c r="CB1208" s="53">
        <v>0</v>
      </c>
      <c r="CC1208" s="53">
        <v>0</v>
      </c>
      <c r="CD1208" s="53">
        <v>0</v>
      </c>
      <c r="CE1208" s="53">
        <v>0</v>
      </c>
      <c r="CF1208" s="53">
        <v>0</v>
      </c>
      <c r="CG1208" s="53">
        <v>0</v>
      </c>
      <c r="CH1208" s="53">
        <v>0</v>
      </c>
      <c r="CI1208" s="53">
        <v>0</v>
      </c>
      <c r="CJ1208" s="53">
        <v>0</v>
      </c>
      <c r="CK1208" s="53">
        <v>0</v>
      </c>
      <c r="CL1208" s="53">
        <v>0</v>
      </c>
      <c r="CM1208" s="53">
        <v>0</v>
      </c>
      <c r="CN1208" s="53">
        <v>0</v>
      </c>
    </row>
    <row r="1209" spans="1:92" outlineLevel="1">
      <c r="A1209" s="52" t="s">
        <v>1494</v>
      </c>
      <c r="B1209" s="53">
        <v>0</v>
      </c>
      <c r="C1209" s="53">
        <v>0</v>
      </c>
      <c r="D1209" s="53">
        <v>0</v>
      </c>
      <c r="E1209" s="53">
        <v>0</v>
      </c>
      <c r="F1209" s="53">
        <v>0</v>
      </c>
      <c r="G1209" s="53">
        <v>0</v>
      </c>
      <c r="H1209" s="53">
        <v>0</v>
      </c>
      <c r="I1209" s="53">
        <v>0</v>
      </c>
      <c r="J1209" s="53">
        <v>0</v>
      </c>
      <c r="K1209" s="53">
        <v>0</v>
      </c>
      <c r="L1209" s="53">
        <v>0</v>
      </c>
      <c r="M1209" s="53">
        <v>0</v>
      </c>
      <c r="N1209" s="53">
        <v>0</v>
      </c>
      <c r="O1209" s="53">
        <v>0</v>
      </c>
      <c r="P1209" s="53">
        <v>0</v>
      </c>
      <c r="Q1209" s="53">
        <v>0</v>
      </c>
      <c r="R1209" s="53">
        <v>0</v>
      </c>
      <c r="S1209" s="53">
        <v>0</v>
      </c>
      <c r="T1209" s="53">
        <v>0</v>
      </c>
      <c r="U1209" s="53">
        <v>0</v>
      </c>
      <c r="V1209" s="53">
        <v>0</v>
      </c>
      <c r="W1209" s="53">
        <v>0</v>
      </c>
      <c r="X1209" s="53">
        <v>0</v>
      </c>
      <c r="Y1209" s="53">
        <v>0</v>
      </c>
      <c r="Z1209" s="53">
        <v>0</v>
      </c>
      <c r="AA1209" s="53">
        <v>0</v>
      </c>
      <c r="AB1209" s="53">
        <v>0</v>
      </c>
      <c r="AC1209" s="53">
        <v>0</v>
      </c>
      <c r="AD1209" s="53">
        <v>0</v>
      </c>
      <c r="AE1209" s="53">
        <v>0</v>
      </c>
      <c r="AF1209" s="53">
        <v>0</v>
      </c>
      <c r="AG1209" s="53">
        <v>0</v>
      </c>
      <c r="AH1209" s="53">
        <v>0</v>
      </c>
      <c r="AI1209" s="53">
        <v>0</v>
      </c>
      <c r="AJ1209" s="53">
        <v>0</v>
      </c>
      <c r="AK1209" s="53">
        <v>0</v>
      </c>
      <c r="AL1209" s="53">
        <v>0</v>
      </c>
      <c r="AM1209" s="53">
        <v>0</v>
      </c>
      <c r="AN1209" s="53">
        <v>0</v>
      </c>
      <c r="AO1209" s="53">
        <v>0</v>
      </c>
      <c r="AP1209" s="53">
        <v>0</v>
      </c>
      <c r="AQ1209" s="53">
        <v>0</v>
      </c>
      <c r="AR1209" s="53">
        <v>0</v>
      </c>
      <c r="AS1209" s="53">
        <v>0</v>
      </c>
      <c r="AT1209" s="53">
        <v>0</v>
      </c>
      <c r="AU1209" s="53">
        <v>0</v>
      </c>
      <c r="AV1209" s="53">
        <v>0</v>
      </c>
      <c r="AW1209" s="53">
        <v>0</v>
      </c>
      <c r="AX1209" s="53">
        <v>0</v>
      </c>
      <c r="AY1209" s="53">
        <v>0</v>
      </c>
      <c r="AZ1209" s="53">
        <v>0</v>
      </c>
      <c r="BA1209" s="53">
        <v>0</v>
      </c>
      <c r="BB1209" s="53">
        <v>0</v>
      </c>
      <c r="BC1209" s="53">
        <v>0</v>
      </c>
      <c r="BD1209" s="53">
        <v>0</v>
      </c>
      <c r="BE1209" s="53">
        <v>0</v>
      </c>
      <c r="BF1209" s="53">
        <v>0</v>
      </c>
      <c r="BG1209" s="53">
        <v>0</v>
      </c>
      <c r="BH1209" s="53">
        <v>0</v>
      </c>
      <c r="BI1209" s="53">
        <v>0</v>
      </c>
      <c r="BJ1209" s="53">
        <v>0</v>
      </c>
      <c r="BK1209" s="53">
        <v>0</v>
      </c>
      <c r="BL1209" s="53">
        <v>0</v>
      </c>
      <c r="BM1209" s="53">
        <v>0</v>
      </c>
      <c r="BN1209" s="53">
        <v>0</v>
      </c>
      <c r="BO1209" s="53">
        <v>0</v>
      </c>
      <c r="BP1209" s="53">
        <v>0</v>
      </c>
      <c r="BQ1209" s="53">
        <v>0</v>
      </c>
      <c r="BR1209" s="53">
        <v>0</v>
      </c>
      <c r="BS1209" s="53">
        <v>0</v>
      </c>
      <c r="BT1209" s="53">
        <v>0</v>
      </c>
      <c r="BU1209" s="53">
        <v>0</v>
      </c>
      <c r="BV1209" s="53">
        <v>0</v>
      </c>
      <c r="BW1209" s="53">
        <v>0</v>
      </c>
      <c r="BX1209" s="53">
        <v>0</v>
      </c>
      <c r="BY1209" s="53">
        <v>0</v>
      </c>
      <c r="BZ1209" s="53">
        <v>0</v>
      </c>
      <c r="CA1209" s="53">
        <v>0</v>
      </c>
      <c r="CB1209" s="53"/>
      <c r="CC1209" s="53"/>
      <c r="CD1209" s="53"/>
      <c r="CE1209" s="53"/>
      <c r="CF1209" s="53"/>
      <c r="CG1209" s="53"/>
      <c r="CH1209" s="53"/>
      <c r="CI1209" s="53"/>
      <c r="CJ1209" s="53"/>
      <c r="CK1209" s="53"/>
      <c r="CL1209" s="53"/>
      <c r="CM1209" s="53"/>
      <c r="CN1209" s="53"/>
    </row>
    <row r="1210" spans="1:92" outlineLevel="1">
      <c r="A1210" s="52" t="s">
        <v>1495</v>
      </c>
      <c r="B1210" s="53">
        <v>0</v>
      </c>
      <c r="C1210" s="53">
        <v>0</v>
      </c>
      <c r="D1210" s="53">
        <v>0</v>
      </c>
      <c r="E1210" s="53">
        <v>0</v>
      </c>
      <c r="F1210" s="53">
        <v>0</v>
      </c>
      <c r="G1210" s="53">
        <v>0</v>
      </c>
      <c r="H1210" s="53">
        <v>0</v>
      </c>
      <c r="I1210" s="53">
        <v>0</v>
      </c>
      <c r="J1210" s="53">
        <v>0</v>
      </c>
      <c r="K1210" s="53">
        <v>0</v>
      </c>
      <c r="L1210" s="53">
        <v>0</v>
      </c>
      <c r="M1210" s="53">
        <v>0</v>
      </c>
      <c r="N1210" s="53">
        <v>0</v>
      </c>
      <c r="O1210" s="53">
        <v>0</v>
      </c>
      <c r="P1210" s="53">
        <v>0</v>
      </c>
      <c r="Q1210" s="53">
        <v>0</v>
      </c>
      <c r="R1210" s="53">
        <v>0</v>
      </c>
      <c r="S1210" s="53">
        <v>0</v>
      </c>
      <c r="T1210" s="53">
        <v>0</v>
      </c>
      <c r="U1210" s="53">
        <v>0</v>
      </c>
      <c r="V1210" s="53">
        <v>0</v>
      </c>
      <c r="W1210" s="53">
        <v>0</v>
      </c>
      <c r="X1210" s="53">
        <v>0</v>
      </c>
      <c r="Y1210" s="53">
        <v>0</v>
      </c>
      <c r="Z1210" s="53">
        <v>0</v>
      </c>
      <c r="AA1210" s="53">
        <v>0</v>
      </c>
      <c r="AB1210" s="53">
        <v>0</v>
      </c>
      <c r="AC1210" s="53">
        <v>0</v>
      </c>
      <c r="AD1210" s="53">
        <v>0</v>
      </c>
      <c r="AE1210" s="53">
        <v>0</v>
      </c>
      <c r="AF1210" s="53">
        <v>0</v>
      </c>
      <c r="AG1210" s="53">
        <v>0</v>
      </c>
      <c r="AH1210" s="53">
        <v>0</v>
      </c>
      <c r="AI1210" s="53">
        <v>0</v>
      </c>
      <c r="AJ1210" s="53">
        <v>0</v>
      </c>
      <c r="AK1210" s="53">
        <v>0</v>
      </c>
      <c r="AL1210" s="53">
        <v>0</v>
      </c>
      <c r="AM1210" s="53">
        <v>0</v>
      </c>
      <c r="AN1210" s="53">
        <v>0</v>
      </c>
      <c r="AO1210" s="53">
        <v>0</v>
      </c>
      <c r="AP1210" s="53">
        <v>0</v>
      </c>
      <c r="AQ1210" s="53">
        <v>0</v>
      </c>
      <c r="AR1210" s="53">
        <v>0</v>
      </c>
      <c r="AS1210" s="53">
        <v>0</v>
      </c>
      <c r="AT1210" s="53">
        <v>0</v>
      </c>
      <c r="AU1210" s="53">
        <v>0</v>
      </c>
      <c r="AV1210" s="53">
        <v>0</v>
      </c>
      <c r="AW1210" s="53">
        <v>0</v>
      </c>
      <c r="AX1210" s="53">
        <v>0</v>
      </c>
      <c r="AY1210" s="53">
        <v>0</v>
      </c>
      <c r="AZ1210" s="53">
        <v>0</v>
      </c>
      <c r="BA1210" s="53">
        <v>0</v>
      </c>
      <c r="BB1210" s="53">
        <v>0</v>
      </c>
      <c r="BC1210" s="53">
        <v>0</v>
      </c>
      <c r="BD1210" s="53">
        <v>0</v>
      </c>
      <c r="BE1210" s="53">
        <v>0</v>
      </c>
      <c r="BF1210" s="53">
        <v>0</v>
      </c>
      <c r="BG1210" s="53">
        <v>0</v>
      </c>
      <c r="BH1210" s="53">
        <v>0</v>
      </c>
      <c r="BI1210" s="53">
        <v>0</v>
      </c>
      <c r="BJ1210" s="53">
        <v>0</v>
      </c>
      <c r="BK1210" s="53">
        <v>0</v>
      </c>
      <c r="BL1210" s="53">
        <v>0</v>
      </c>
      <c r="BM1210" s="53">
        <v>0</v>
      </c>
      <c r="BN1210" s="53">
        <v>0</v>
      </c>
      <c r="BO1210" s="53">
        <v>0</v>
      </c>
      <c r="BP1210" s="53">
        <v>0</v>
      </c>
      <c r="BQ1210" s="53">
        <v>0</v>
      </c>
      <c r="BR1210" s="53">
        <v>0</v>
      </c>
      <c r="BS1210" s="53">
        <v>0</v>
      </c>
      <c r="BT1210" s="53">
        <v>0</v>
      </c>
      <c r="BU1210" s="53">
        <v>0</v>
      </c>
      <c r="BV1210" s="53">
        <v>0</v>
      </c>
      <c r="BW1210" s="53">
        <v>0</v>
      </c>
      <c r="BX1210" s="53">
        <v>0</v>
      </c>
      <c r="BY1210" s="53">
        <v>0</v>
      </c>
      <c r="BZ1210" s="53">
        <v>0</v>
      </c>
      <c r="CA1210" s="53">
        <v>0</v>
      </c>
      <c r="CB1210" s="53">
        <v>1.2141754268668499E-7</v>
      </c>
      <c r="CC1210" s="53">
        <v>1.2141754268668499E-7</v>
      </c>
      <c r="CD1210" s="53">
        <v>1.2141754268668499E-7</v>
      </c>
      <c r="CE1210" s="53">
        <v>1.2141754268668499E-7</v>
      </c>
      <c r="CF1210" s="53">
        <v>1.2141754268668499E-7</v>
      </c>
      <c r="CG1210" s="53">
        <v>1.2141754268668499E-7</v>
      </c>
      <c r="CH1210" s="53">
        <v>1.2141754268668499E-7</v>
      </c>
      <c r="CI1210" s="53">
        <v>1.2141754268668499E-7</v>
      </c>
      <c r="CJ1210" s="53">
        <v>1.2141754268668499E-7</v>
      </c>
      <c r="CK1210" s="53">
        <v>1.2141754268668499E-7</v>
      </c>
      <c r="CL1210" s="53">
        <v>1.2141754268668499E-7</v>
      </c>
      <c r="CM1210" s="53">
        <v>1.2141754268668499E-7</v>
      </c>
      <c r="CN1210" s="53">
        <v>1.2141754268668499E-7</v>
      </c>
    </row>
    <row r="1211" spans="1:92" outlineLevel="1">
      <c r="A1211" s="52" t="s">
        <v>1496</v>
      </c>
      <c r="B1211" s="53">
        <v>0</v>
      </c>
      <c r="C1211" s="53">
        <v>0</v>
      </c>
      <c r="D1211" s="53">
        <v>0</v>
      </c>
      <c r="E1211" s="53">
        <v>2.91038304567337E-8</v>
      </c>
      <c r="F1211" s="53">
        <v>2.91038304567337E-8</v>
      </c>
      <c r="G1211" s="53">
        <v>0</v>
      </c>
      <c r="H1211" s="53">
        <v>0</v>
      </c>
      <c r="I1211" s="53">
        <v>0</v>
      </c>
      <c r="J1211" s="53">
        <v>0</v>
      </c>
      <c r="K1211" s="53">
        <v>0</v>
      </c>
      <c r="L1211" s="53">
        <v>1.4551915228366801E-8</v>
      </c>
      <c r="M1211" s="53">
        <v>0</v>
      </c>
      <c r="N1211" s="53">
        <v>0</v>
      </c>
      <c r="O1211" s="53">
        <v>0</v>
      </c>
      <c r="P1211" s="53">
        <v>0</v>
      </c>
      <c r="Q1211" s="53">
        <v>0</v>
      </c>
      <c r="R1211" s="53">
        <v>0</v>
      </c>
      <c r="S1211" s="53">
        <v>0</v>
      </c>
      <c r="T1211" s="53">
        <v>0</v>
      </c>
      <c r="U1211" s="53">
        <v>0</v>
      </c>
      <c r="V1211" s="53">
        <v>0</v>
      </c>
      <c r="W1211" s="53">
        <v>0</v>
      </c>
      <c r="X1211" s="53">
        <v>0</v>
      </c>
      <c r="Y1211" s="53">
        <v>0</v>
      </c>
      <c r="Z1211" s="53">
        <v>0</v>
      </c>
      <c r="AA1211" s="53">
        <v>0</v>
      </c>
      <c r="AB1211" s="53">
        <v>0</v>
      </c>
      <c r="AC1211" s="53">
        <v>0</v>
      </c>
      <c r="AD1211" s="53">
        <v>0</v>
      </c>
      <c r="AE1211" s="53">
        <v>0</v>
      </c>
      <c r="AF1211" s="53">
        <v>0</v>
      </c>
      <c r="AG1211" s="53">
        <v>0</v>
      </c>
      <c r="AH1211" s="53">
        <v>0</v>
      </c>
      <c r="AI1211" s="53">
        <v>0</v>
      </c>
      <c r="AJ1211" s="53">
        <v>0</v>
      </c>
      <c r="AK1211" s="53">
        <v>0</v>
      </c>
      <c r="AL1211" s="53">
        <v>0</v>
      </c>
      <c r="AM1211" s="53">
        <v>0</v>
      </c>
      <c r="AN1211" s="53">
        <v>0</v>
      </c>
      <c r="AO1211" s="53">
        <v>0</v>
      </c>
      <c r="AP1211" s="53">
        <v>0</v>
      </c>
      <c r="AQ1211" s="53">
        <v>0</v>
      </c>
      <c r="AR1211" s="53">
        <v>0</v>
      </c>
      <c r="AS1211" s="53">
        <v>0</v>
      </c>
      <c r="AT1211" s="53">
        <v>0</v>
      </c>
      <c r="AU1211" s="53">
        <v>0</v>
      </c>
      <c r="AV1211" s="53">
        <v>0</v>
      </c>
      <c r="AW1211" s="53">
        <v>0</v>
      </c>
      <c r="AX1211" s="53">
        <v>0</v>
      </c>
      <c r="AY1211" s="53">
        <v>0</v>
      </c>
      <c r="AZ1211" s="53">
        <v>0</v>
      </c>
      <c r="BA1211" s="53">
        <v>0</v>
      </c>
      <c r="BB1211" s="53">
        <v>0</v>
      </c>
      <c r="BC1211" s="53">
        <v>0</v>
      </c>
      <c r="BD1211" s="53">
        <v>0</v>
      </c>
      <c r="BE1211" s="53">
        <v>0</v>
      </c>
      <c r="BF1211" s="53">
        <v>0</v>
      </c>
      <c r="BG1211" s="53">
        <v>0</v>
      </c>
      <c r="BH1211" s="53">
        <v>0</v>
      </c>
      <c r="BI1211" s="53">
        <v>0</v>
      </c>
      <c r="BJ1211" s="53">
        <v>0</v>
      </c>
      <c r="BK1211" s="53">
        <v>0</v>
      </c>
      <c r="BL1211" s="53">
        <v>0</v>
      </c>
      <c r="BM1211" s="53">
        <v>0</v>
      </c>
      <c r="BN1211" s="53">
        <v>0</v>
      </c>
      <c r="BO1211" s="53">
        <v>0</v>
      </c>
      <c r="BP1211" s="53">
        <v>0</v>
      </c>
      <c r="BQ1211" s="53">
        <v>0</v>
      </c>
      <c r="BR1211" s="53">
        <v>0</v>
      </c>
      <c r="BS1211" s="53">
        <v>0</v>
      </c>
      <c r="BT1211" s="53">
        <v>0</v>
      </c>
      <c r="BU1211" s="53">
        <v>0</v>
      </c>
      <c r="BV1211" s="53">
        <v>0</v>
      </c>
      <c r="BW1211" s="53">
        <v>0</v>
      </c>
      <c r="BX1211" s="53">
        <v>0</v>
      </c>
      <c r="BY1211" s="53">
        <v>0</v>
      </c>
      <c r="BZ1211" s="53">
        <v>0</v>
      </c>
      <c r="CA1211" s="53">
        <v>0</v>
      </c>
      <c r="CB1211" s="53">
        <v>0</v>
      </c>
      <c r="CC1211" s="53">
        <v>0</v>
      </c>
      <c r="CD1211" s="53">
        <v>0</v>
      </c>
      <c r="CE1211" s="53">
        <v>0</v>
      </c>
      <c r="CF1211" s="53">
        <v>0</v>
      </c>
      <c r="CG1211" s="53">
        <v>0</v>
      </c>
      <c r="CH1211" s="53">
        <v>0</v>
      </c>
      <c r="CI1211" s="53">
        <v>0</v>
      </c>
      <c r="CJ1211" s="53">
        <v>0</v>
      </c>
      <c r="CK1211" s="53">
        <v>0</v>
      </c>
      <c r="CL1211" s="53">
        <v>0</v>
      </c>
      <c r="CM1211" s="53">
        <v>0</v>
      </c>
      <c r="CN1211" s="53">
        <v>0</v>
      </c>
    </row>
    <row r="1212" spans="1:92" outlineLevel="1">
      <c r="A1212" s="52" t="s">
        <v>1497</v>
      </c>
      <c r="B1212" s="53">
        <v>0</v>
      </c>
      <c r="C1212" s="53">
        <v>0</v>
      </c>
      <c r="D1212" s="53">
        <v>0</v>
      </c>
      <c r="E1212" s="53">
        <v>0</v>
      </c>
      <c r="F1212" s="53">
        <v>0</v>
      </c>
      <c r="G1212" s="53">
        <v>0</v>
      </c>
      <c r="H1212" s="53">
        <v>0</v>
      </c>
      <c r="I1212" s="53">
        <v>0</v>
      </c>
      <c r="J1212" s="53">
        <v>0</v>
      </c>
      <c r="K1212" s="53">
        <v>0</v>
      </c>
      <c r="L1212" s="53">
        <v>0</v>
      </c>
      <c r="M1212" s="53">
        <v>0</v>
      </c>
      <c r="N1212" s="53">
        <v>0</v>
      </c>
      <c r="O1212" s="53">
        <v>0</v>
      </c>
      <c r="P1212" s="53">
        <v>0</v>
      </c>
      <c r="Q1212" s="53">
        <v>0</v>
      </c>
      <c r="R1212" s="53">
        <v>0</v>
      </c>
      <c r="S1212" s="53">
        <v>0</v>
      </c>
      <c r="T1212" s="53">
        <v>0</v>
      </c>
      <c r="U1212" s="53">
        <v>0</v>
      </c>
      <c r="V1212" s="53">
        <v>0</v>
      </c>
      <c r="W1212" s="53">
        <v>0</v>
      </c>
      <c r="X1212" s="53">
        <v>0</v>
      </c>
      <c r="Y1212" s="53">
        <v>0</v>
      </c>
      <c r="Z1212" s="53">
        <v>0</v>
      </c>
      <c r="AA1212" s="53">
        <v>0</v>
      </c>
      <c r="AB1212" s="53">
        <v>0</v>
      </c>
      <c r="AC1212" s="53">
        <v>0</v>
      </c>
      <c r="AD1212" s="53">
        <v>0</v>
      </c>
      <c r="AE1212" s="53">
        <v>0</v>
      </c>
      <c r="AF1212" s="53">
        <v>0</v>
      </c>
      <c r="AG1212" s="53">
        <v>0</v>
      </c>
      <c r="AH1212" s="53">
        <v>0</v>
      </c>
      <c r="AI1212" s="53">
        <v>0</v>
      </c>
      <c r="AJ1212" s="53">
        <v>0</v>
      </c>
      <c r="AK1212" s="53">
        <v>0</v>
      </c>
      <c r="AL1212" s="53">
        <v>0</v>
      </c>
      <c r="AM1212" s="53">
        <v>0</v>
      </c>
      <c r="AN1212" s="53">
        <v>0</v>
      </c>
      <c r="AO1212" s="53">
        <v>0</v>
      </c>
      <c r="AP1212" s="53">
        <v>0</v>
      </c>
      <c r="AQ1212" s="53">
        <v>0</v>
      </c>
      <c r="AR1212" s="53">
        <v>0</v>
      </c>
      <c r="AS1212" s="53">
        <v>0</v>
      </c>
      <c r="AT1212" s="53">
        <v>0</v>
      </c>
      <c r="AU1212" s="53">
        <v>0</v>
      </c>
      <c r="AV1212" s="53">
        <v>0</v>
      </c>
      <c r="AW1212" s="53">
        <v>0</v>
      </c>
      <c r="AX1212" s="53">
        <v>0</v>
      </c>
      <c r="AY1212" s="53">
        <v>0</v>
      </c>
      <c r="AZ1212" s="53">
        <v>0</v>
      </c>
      <c r="BA1212" s="53">
        <v>0</v>
      </c>
      <c r="BB1212" s="53">
        <v>0</v>
      </c>
      <c r="BC1212" s="53">
        <v>0</v>
      </c>
      <c r="BD1212" s="53">
        <v>0</v>
      </c>
      <c r="BE1212" s="53">
        <v>0</v>
      </c>
      <c r="BF1212" s="53">
        <v>0</v>
      </c>
      <c r="BG1212" s="53">
        <v>0</v>
      </c>
      <c r="BH1212" s="53">
        <v>0</v>
      </c>
      <c r="BI1212" s="53">
        <v>0</v>
      </c>
      <c r="BJ1212" s="53">
        <v>0</v>
      </c>
      <c r="BK1212" s="53">
        <v>0</v>
      </c>
      <c r="BL1212" s="53">
        <v>0</v>
      </c>
      <c r="BM1212" s="53">
        <v>0</v>
      </c>
      <c r="BN1212" s="53">
        <v>0</v>
      </c>
      <c r="BO1212" s="53">
        <v>0</v>
      </c>
      <c r="BP1212" s="53">
        <v>0</v>
      </c>
      <c r="BQ1212" s="53">
        <v>0</v>
      </c>
      <c r="BR1212" s="53">
        <v>0</v>
      </c>
      <c r="BS1212" s="53">
        <v>0</v>
      </c>
      <c r="BT1212" s="53">
        <v>0</v>
      </c>
      <c r="BU1212" s="53">
        <v>0</v>
      </c>
      <c r="BV1212" s="53">
        <v>0</v>
      </c>
      <c r="BW1212" s="53">
        <v>0</v>
      </c>
      <c r="BX1212" s="53">
        <v>0</v>
      </c>
      <c r="BY1212" s="53">
        <v>0</v>
      </c>
      <c r="BZ1212" s="53">
        <v>0</v>
      </c>
      <c r="CA1212" s="53">
        <v>0</v>
      </c>
      <c r="CB1212" s="53">
        <v>0</v>
      </c>
      <c r="CC1212" s="53">
        <v>0</v>
      </c>
      <c r="CD1212" s="53">
        <v>0</v>
      </c>
      <c r="CE1212" s="53">
        <v>0</v>
      </c>
      <c r="CF1212" s="53">
        <v>0</v>
      </c>
      <c r="CG1212" s="53">
        <v>0</v>
      </c>
      <c r="CH1212" s="53">
        <v>0</v>
      </c>
      <c r="CI1212" s="53">
        <v>0</v>
      </c>
      <c r="CJ1212" s="53">
        <v>0</v>
      </c>
      <c r="CK1212" s="53">
        <v>0</v>
      </c>
      <c r="CL1212" s="53">
        <v>0</v>
      </c>
      <c r="CM1212" s="53">
        <v>0</v>
      </c>
      <c r="CN1212" s="53">
        <v>0</v>
      </c>
    </row>
    <row r="1213" spans="1:92" outlineLevel="1">
      <c r="A1213" s="52" t="s">
        <v>1498</v>
      </c>
      <c r="B1213" s="53">
        <v>0</v>
      </c>
      <c r="C1213" s="53">
        <v>0</v>
      </c>
      <c r="D1213" s="53">
        <v>0</v>
      </c>
      <c r="E1213" s="53">
        <v>0</v>
      </c>
      <c r="F1213" s="53">
        <v>0</v>
      </c>
      <c r="G1213" s="53">
        <v>0</v>
      </c>
      <c r="H1213" s="53">
        <v>0</v>
      </c>
      <c r="I1213" s="53">
        <v>0</v>
      </c>
      <c r="J1213" s="53">
        <v>0</v>
      </c>
      <c r="K1213" s="53">
        <v>0</v>
      </c>
      <c r="L1213" s="53">
        <v>0</v>
      </c>
      <c r="M1213" s="53">
        <v>0</v>
      </c>
      <c r="N1213" s="53">
        <v>0</v>
      </c>
      <c r="O1213" s="53">
        <v>0</v>
      </c>
      <c r="P1213" s="53">
        <v>0</v>
      </c>
      <c r="Q1213" s="53">
        <v>0</v>
      </c>
      <c r="R1213" s="53">
        <v>0</v>
      </c>
      <c r="S1213" s="53">
        <v>0</v>
      </c>
      <c r="T1213" s="53">
        <v>0</v>
      </c>
      <c r="U1213" s="53">
        <v>0</v>
      </c>
      <c r="V1213" s="53">
        <v>0</v>
      </c>
      <c r="W1213" s="53">
        <v>0</v>
      </c>
      <c r="X1213" s="53">
        <v>0</v>
      </c>
      <c r="Y1213" s="53">
        <v>0</v>
      </c>
      <c r="Z1213" s="53">
        <v>0</v>
      </c>
      <c r="AA1213" s="53">
        <v>0</v>
      </c>
      <c r="AB1213" s="53">
        <v>0</v>
      </c>
      <c r="AC1213" s="53">
        <v>0</v>
      </c>
      <c r="AD1213" s="53">
        <v>0</v>
      </c>
      <c r="AE1213" s="53">
        <v>0</v>
      </c>
      <c r="AF1213" s="53">
        <v>0</v>
      </c>
      <c r="AG1213" s="53">
        <v>0</v>
      </c>
      <c r="AH1213" s="53">
        <v>0</v>
      </c>
      <c r="AI1213" s="53">
        <v>0</v>
      </c>
      <c r="AJ1213" s="53">
        <v>0</v>
      </c>
      <c r="AK1213" s="53">
        <v>0</v>
      </c>
      <c r="AL1213" s="53">
        <v>0</v>
      </c>
      <c r="AM1213" s="53">
        <v>0</v>
      </c>
      <c r="AN1213" s="53">
        <v>0</v>
      </c>
      <c r="AO1213" s="53">
        <v>0</v>
      </c>
      <c r="AP1213" s="53">
        <v>0</v>
      </c>
      <c r="AQ1213" s="53">
        <v>0</v>
      </c>
      <c r="AR1213" s="53">
        <v>0</v>
      </c>
      <c r="AS1213" s="53">
        <v>0</v>
      </c>
      <c r="AT1213" s="53">
        <v>0</v>
      </c>
      <c r="AU1213" s="53">
        <v>0</v>
      </c>
      <c r="AV1213" s="53">
        <v>0</v>
      </c>
      <c r="AW1213" s="53">
        <v>0</v>
      </c>
      <c r="AX1213" s="53">
        <v>0</v>
      </c>
      <c r="AY1213" s="53">
        <v>0</v>
      </c>
      <c r="AZ1213" s="53">
        <v>0</v>
      </c>
      <c r="BA1213" s="53">
        <v>0</v>
      </c>
      <c r="BB1213" s="53">
        <v>0</v>
      </c>
      <c r="BC1213" s="53">
        <v>0</v>
      </c>
      <c r="BD1213" s="53">
        <v>0</v>
      </c>
      <c r="BE1213" s="53">
        <v>0</v>
      </c>
      <c r="BF1213" s="53">
        <v>0</v>
      </c>
      <c r="BG1213" s="53">
        <v>0</v>
      </c>
      <c r="BH1213" s="53">
        <v>0</v>
      </c>
      <c r="BI1213" s="53">
        <v>0</v>
      </c>
      <c r="BJ1213" s="53">
        <v>0</v>
      </c>
      <c r="BK1213" s="53">
        <v>0</v>
      </c>
      <c r="BL1213" s="53">
        <v>0</v>
      </c>
      <c r="BM1213" s="53">
        <v>0</v>
      </c>
      <c r="BN1213" s="53">
        <v>0</v>
      </c>
      <c r="BO1213" s="53">
        <v>0</v>
      </c>
      <c r="BP1213" s="53">
        <v>0</v>
      </c>
      <c r="BQ1213" s="53">
        <v>0</v>
      </c>
      <c r="BR1213" s="53">
        <v>0</v>
      </c>
      <c r="BS1213" s="53">
        <v>0</v>
      </c>
      <c r="BT1213" s="53">
        <v>0</v>
      </c>
      <c r="BU1213" s="53">
        <v>0</v>
      </c>
      <c r="BV1213" s="53">
        <v>0</v>
      </c>
      <c r="BW1213" s="53">
        <v>0</v>
      </c>
      <c r="BX1213" s="53">
        <v>0</v>
      </c>
      <c r="BY1213" s="53">
        <v>0</v>
      </c>
      <c r="BZ1213" s="53">
        <v>0</v>
      </c>
      <c r="CA1213" s="53">
        <v>0</v>
      </c>
      <c r="CB1213" s="53">
        <v>1.2141754268668499E-7</v>
      </c>
      <c r="CC1213" s="53">
        <v>1.2141754268668499E-7</v>
      </c>
      <c r="CD1213" s="53">
        <v>1.2141754268668499E-7</v>
      </c>
      <c r="CE1213" s="53">
        <v>1.2141754268668499E-7</v>
      </c>
      <c r="CF1213" s="53">
        <v>1.2141754268668499E-7</v>
      </c>
      <c r="CG1213" s="53">
        <v>1.2141754268668499E-7</v>
      </c>
      <c r="CH1213" s="53">
        <v>1.2141754268668499E-7</v>
      </c>
      <c r="CI1213" s="53">
        <v>1.2141754268668499E-7</v>
      </c>
      <c r="CJ1213" s="53">
        <v>1.2141754268668499E-7</v>
      </c>
      <c r="CK1213" s="53">
        <v>1.2141754268668499E-7</v>
      </c>
      <c r="CL1213" s="53">
        <v>1.2141754268668499E-7</v>
      </c>
      <c r="CM1213" s="53">
        <v>1.2141754268668499E-7</v>
      </c>
      <c r="CN1213" s="53">
        <v>1.2141754268668499E-7</v>
      </c>
    </row>
    <row r="1214" spans="1:92" outlineLevel="1">
      <c r="A1214" s="52" t="s">
        <v>1499</v>
      </c>
      <c r="B1214" s="53">
        <v>0</v>
      </c>
      <c r="C1214" s="53">
        <v>0</v>
      </c>
      <c r="D1214" s="53">
        <v>0</v>
      </c>
      <c r="E1214" s="53">
        <v>0</v>
      </c>
      <c r="F1214" s="53">
        <v>0</v>
      </c>
      <c r="G1214" s="53">
        <v>0</v>
      </c>
      <c r="H1214" s="53">
        <v>0</v>
      </c>
      <c r="I1214" s="53">
        <v>0</v>
      </c>
      <c r="J1214" s="53">
        <v>0</v>
      </c>
      <c r="K1214" s="53">
        <v>0</v>
      </c>
      <c r="L1214" s="53">
        <v>0</v>
      </c>
      <c r="M1214" s="53">
        <v>0</v>
      </c>
      <c r="N1214" s="53">
        <v>0</v>
      </c>
      <c r="O1214" s="53">
        <v>0</v>
      </c>
      <c r="P1214" s="53">
        <v>0</v>
      </c>
      <c r="Q1214" s="53">
        <v>0</v>
      </c>
      <c r="R1214" s="53">
        <v>0</v>
      </c>
      <c r="S1214" s="53">
        <v>0</v>
      </c>
      <c r="T1214" s="53">
        <v>0</v>
      </c>
      <c r="U1214" s="53">
        <v>0</v>
      </c>
      <c r="V1214" s="53">
        <v>0</v>
      </c>
      <c r="W1214" s="53">
        <v>0</v>
      </c>
      <c r="X1214" s="53">
        <v>0</v>
      </c>
      <c r="Y1214" s="53">
        <v>0</v>
      </c>
      <c r="Z1214" s="53">
        <v>0</v>
      </c>
      <c r="AA1214" s="53">
        <v>0</v>
      </c>
      <c r="AB1214" s="53">
        <v>0</v>
      </c>
      <c r="AC1214" s="53">
        <v>0</v>
      </c>
      <c r="AD1214" s="53">
        <v>0</v>
      </c>
      <c r="AE1214" s="53">
        <v>0</v>
      </c>
      <c r="AF1214" s="53">
        <v>0</v>
      </c>
      <c r="AG1214" s="53">
        <v>0</v>
      </c>
      <c r="AH1214" s="53">
        <v>0</v>
      </c>
      <c r="AI1214" s="53">
        <v>0</v>
      </c>
      <c r="AJ1214" s="53">
        <v>0</v>
      </c>
      <c r="AK1214" s="53">
        <v>0</v>
      </c>
      <c r="AL1214" s="53">
        <v>0</v>
      </c>
      <c r="AM1214" s="53">
        <v>0</v>
      </c>
      <c r="AN1214" s="53">
        <v>0</v>
      </c>
      <c r="AO1214" s="53">
        <v>0</v>
      </c>
      <c r="AP1214" s="53">
        <v>0</v>
      </c>
      <c r="AQ1214" s="53">
        <v>0</v>
      </c>
      <c r="AR1214" s="53">
        <v>0</v>
      </c>
      <c r="AS1214" s="53">
        <v>0</v>
      </c>
      <c r="AT1214" s="53">
        <v>0</v>
      </c>
      <c r="AU1214" s="53">
        <v>0</v>
      </c>
      <c r="AV1214" s="53">
        <v>0</v>
      </c>
      <c r="AW1214" s="53">
        <v>0</v>
      </c>
      <c r="AX1214" s="53">
        <v>0</v>
      </c>
      <c r="AY1214" s="53">
        <v>0</v>
      </c>
      <c r="AZ1214" s="53">
        <v>0</v>
      </c>
      <c r="BA1214" s="53">
        <v>0</v>
      </c>
      <c r="BB1214" s="53">
        <v>0</v>
      </c>
      <c r="BC1214" s="53">
        <v>0</v>
      </c>
      <c r="BD1214" s="53">
        <v>0</v>
      </c>
      <c r="BE1214" s="53">
        <v>0</v>
      </c>
      <c r="BF1214" s="53">
        <v>0</v>
      </c>
      <c r="BG1214" s="53">
        <v>0</v>
      </c>
      <c r="BH1214" s="53">
        <v>0</v>
      </c>
      <c r="BI1214" s="53">
        <v>0</v>
      </c>
      <c r="BJ1214" s="53">
        <v>0</v>
      </c>
      <c r="BK1214" s="53">
        <v>0</v>
      </c>
      <c r="BL1214" s="53">
        <v>0</v>
      </c>
      <c r="BM1214" s="53">
        <v>0</v>
      </c>
      <c r="BN1214" s="53">
        <v>0</v>
      </c>
      <c r="BO1214" s="53">
        <v>0</v>
      </c>
      <c r="BP1214" s="53">
        <v>0</v>
      </c>
      <c r="BQ1214" s="53">
        <v>0</v>
      </c>
      <c r="BR1214" s="53">
        <v>0</v>
      </c>
      <c r="BS1214" s="53">
        <v>0</v>
      </c>
      <c r="BT1214" s="53">
        <v>0</v>
      </c>
      <c r="BU1214" s="53">
        <v>0</v>
      </c>
      <c r="BV1214" s="53">
        <v>0</v>
      </c>
      <c r="BW1214" s="53">
        <v>0</v>
      </c>
      <c r="BX1214" s="53">
        <v>0</v>
      </c>
      <c r="BY1214" s="53">
        <v>0</v>
      </c>
      <c r="BZ1214" s="53">
        <v>0</v>
      </c>
      <c r="CA1214" s="53">
        <v>0</v>
      </c>
      <c r="CB1214" s="53"/>
      <c r="CC1214" s="53"/>
      <c r="CD1214" s="53"/>
      <c r="CE1214" s="53"/>
      <c r="CF1214" s="53"/>
      <c r="CG1214" s="53"/>
      <c r="CH1214" s="53"/>
      <c r="CI1214" s="53"/>
      <c r="CJ1214" s="53"/>
      <c r="CK1214" s="53"/>
      <c r="CL1214" s="53"/>
      <c r="CM1214" s="53"/>
      <c r="CN1214" s="53"/>
    </row>
    <row r="1215" spans="1:92" outlineLevel="1">
      <c r="A1215" s="52" t="s">
        <v>1500</v>
      </c>
      <c r="B1215" s="53">
        <v>0</v>
      </c>
      <c r="C1215" s="53">
        <v>0</v>
      </c>
      <c r="D1215" s="53">
        <v>0</v>
      </c>
      <c r="E1215" s="53">
        <v>0</v>
      </c>
      <c r="F1215" s="53">
        <v>0</v>
      </c>
      <c r="G1215" s="53">
        <v>0</v>
      </c>
      <c r="H1215" s="53">
        <v>0</v>
      </c>
      <c r="I1215" s="53">
        <v>0</v>
      </c>
      <c r="J1215" s="53">
        <v>0</v>
      </c>
      <c r="K1215" s="53">
        <v>0</v>
      </c>
      <c r="L1215" s="53">
        <v>0</v>
      </c>
      <c r="M1215" s="53">
        <v>0</v>
      </c>
      <c r="N1215" s="53">
        <v>0</v>
      </c>
      <c r="O1215" s="53">
        <v>0</v>
      </c>
      <c r="P1215" s="53">
        <v>0</v>
      </c>
      <c r="Q1215" s="53">
        <v>0</v>
      </c>
      <c r="R1215" s="53">
        <v>0</v>
      </c>
      <c r="S1215" s="53">
        <v>0</v>
      </c>
      <c r="T1215" s="53">
        <v>0</v>
      </c>
      <c r="U1215" s="53">
        <v>0</v>
      </c>
      <c r="V1215" s="53">
        <v>0</v>
      </c>
      <c r="W1215" s="53">
        <v>0</v>
      </c>
      <c r="X1215" s="53">
        <v>0</v>
      </c>
      <c r="Y1215" s="53">
        <v>0</v>
      </c>
      <c r="Z1215" s="53">
        <v>0</v>
      </c>
      <c r="AA1215" s="53">
        <v>0</v>
      </c>
      <c r="AB1215" s="53">
        <v>0</v>
      </c>
      <c r="AC1215" s="53">
        <v>0</v>
      </c>
      <c r="AD1215" s="53">
        <v>0</v>
      </c>
      <c r="AE1215" s="53">
        <v>0</v>
      </c>
      <c r="AF1215" s="53">
        <v>0</v>
      </c>
      <c r="AG1215" s="53">
        <v>0</v>
      </c>
      <c r="AH1215" s="53">
        <v>0</v>
      </c>
      <c r="AI1215" s="53">
        <v>0</v>
      </c>
      <c r="AJ1215" s="53">
        <v>0</v>
      </c>
      <c r="AK1215" s="53">
        <v>0</v>
      </c>
      <c r="AL1215" s="53">
        <v>0</v>
      </c>
      <c r="AM1215" s="53">
        <v>0</v>
      </c>
      <c r="AN1215" s="53">
        <v>0</v>
      </c>
      <c r="AO1215" s="53">
        <v>0</v>
      </c>
      <c r="AP1215" s="53">
        <v>0</v>
      </c>
      <c r="AQ1215" s="53">
        <v>0</v>
      </c>
      <c r="AR1215" s="53">
        <v>0</v>
      </c>
      <c r="AS1215" s="53">
        <v>0</v>
      </c>
      <c r="AT1215" s="53">
        <v>0</v>
      </c>
      <c r="AU1215" s="53">
        <v>0</v>
      </c>
      <c r="AV1215" s="53">
        <v>0</v>
      </c>
      <c r="AW1215" s="53">
        <v>0</v>
      </c>
      <c r="AX1215" s="53">
        <v>0</v>
      </c>
      <c r="AY1215" s="53">
        <v>0</v>
      </c>
      <c r="AZ1215" s="53">
        <v>0</v>
      </c>
      <c r="BA1215" s="53">
        <v>0</v>
      </c>
      <c r="BB1215" s="53">
        <v>0</v>
      </c>
      <c r="BC1215" s="53">
        <v>0</v>
      </c>
      <c r="BD1215" s="53">
        <v>0</v>
      </c>
      <c r="BE1215" s="53">
        <v>0</v>
      </c>
      <c r="BF1215" s="53">
        <v>0</v>
      </c>
      <c r="BG1215" s="53">
        <v>0</v>
      </c>
      <c r="BH1215" s="53">
        <v>0</v>
      </c>
      <c r="BI1215" s="53">
        <v>0</v>
      </c>
      <c r="BJ1215" s="53">
        <v>0</v>
      </c>
      <c r="BK1215" s="53">
        <v>0</v>
      </c>
      <c r="BL1215" s="53">
        <v>0</v>
      </c>
      <c r="BM1215" s="53">
        <v>0</v>
      </c>
      <c r="BN1215" s="53">
        <v>0</v>
      </c>
      <c r="BO1215" s="53">
        <v>0</v>
      </c>
      <c r="BP1215" s="53">
        <v>0</v>
      </c>
      <c r="BQ1215" s="53">
        <v>0</v>
      </c>
      <c r="BR1215" s="53">
        <v>0</v>
      </c>
      <c r="BS1215" s="53">
        <v>0</v>
      </c>
      <c r="BT1215" s="53">
        <v>0</v>
      </c>
      <c r="BU1215" s="53">
        <v>0</v>
      </c>
      <c r="BV1215" s="53">
        <v>0</v>
      </c>
      <c r="BW1215" s="53">
        <v>0</v>
      </c>
      <c r="BX1215" s="53">
        <v>0</v>
      </c>
      <c r="BY1215" s="53">
        <v>0</v>
      </c>
      <c r="BZ1215" s="53">
        <v>0</v>
      </c>
      <c r="CA1215" s="53">
        <v>0</v>
      </c>
      <c r="CB1215" s="53">
        <v>23915849.5</v>
      </c>
      <c r="CC1215" s="53">
        <v>23915849.5</v>
      </c>
      <c r="CD1215" s="53">
        <v>23915849.5</v>
      </c>
      <c r="CE1215" s="53">
        <v>23915849.5</v>
      </c>
      <c r="CF1215" s="53">
        <v>23915849.5</v>
      </c>
      <c r="CG1215" s="53">
        <v>23915849.5</v>
      </c>
      <c r="CH1215" s="53">
        <v>23915849.5</v>
      </c>
      <c r="CI1215" s="53">
        <v>23915849.5</v>
      </c>
      <c r="CJ1215" s="53">
        <v>23915849.5</v>
      </c>
      <c r="CK1215" s="53">
        <v>23915849.5</v>
      </c>
      <c r="CL1215" s="53">
        <v>23915849.5</v>
      </c>
      <c r="CM1215" s="53">
        <v>23915849.5</v>
      </c>
      <c r="CN1215" s="53">
        <v>23915849.5</v>
      </c>
    </row>
    <row r="1216" spans="1:92" outlineLevel="1">
      <c r="A1216" s="52" t="s">
        <v>1501</v>
      </c>
      <c r="B1216" s="53">
        <v>0</v>
      </c>
      <c r="C1216" s="53">
        <v>0</v>
      </c>
      <c r="D1216" s="53">
        <v>0</v>
      </c>
      <c r="E1216" s="53">
        <v>0</v>
      </c>
      <c r="F1216" s="53">
        <v>0</v>
      </c>
      <c r="G1216" s="53">
        <v>0</v>
      </c>
      <c r="H1216" s="53">
        <v>0</v>
      </c>
      <c r="I1216" s="53">
        <v>0</v>
      </c>
      <c r="J1216" s="53">
        <v>0</v>
      </c>
      <c r="K1216" s="53">
        <v>0</v>
      </c>
      <c r="L1216" s="53">
        <v>0</v>
      </c>
      <c r="M1216" s="53">
        <v>0</v>
      </c>
      <c r="N1216" s="53">
        <v>0</v>
      </c>
      <c r="O1216" s="53">
        <v>0</v>
      </c>
      <c r="P1216" s="53">
        <v>0</v>
      </c>
      <c r="Q1216" s="53">
        <v>0</v>
      </c>
      <c r="R1216" s="53">
        <v>0</v>
      </c>
      <c r="S1216" s="53">
        <v>0</v>
      </c>
      <c r="T1216" s="53">
        <v>0</v>
      </c>
      <c r="U1216" s="53">
        <v>0</v>
      </c>
      <c r="V1216" s="53">
        <v>0</v>
      </c>
      <c r="W1216" s="53">
        <v>0</v>
      </c>
      <c r="X1216" s="53">
        <v>0</v>
      </c>
      <c r="Y1216" s="53">
        <v>0</v>
      </c>
      <c r="Z1216" s="53">
        <v>0</v>
      </c>
      <c r="AA1216" s="53">
        <v>0</v>
      </c>
      <c r="AB1216" s="53">
        <v>0</v>
      </c>
      <c r="AC1216" s="53">
        <v>0</v>
      </c>
      <c r="AD1216" s="53">
        <v>0</v>
      </c>
      <c r="AE1216" s="53">
        <v>0</v>
      </c>
      <c r="AF1216" s="53">
        <v>0</v>
      </c>
      <c r="AG1216" s="53">
        <v>0</v>
      </c>
      <c r="AH1216" s="53">
        <v>0</v>
      </c>
      <c r="AI1216" s="53">
        <v>0</v>
      </c>
      <c r="AJ1216" s="53">
        <v>0</v>
      </c>
      <c r="AK1216" s="53">
        <v>0</v>
      </c>
      <c r="AL1216" s="53">
        <v>0</v>
      </c>
      <c r="AM1216" s="53">
        <v>0</v>
      </c>
      <c r="AN1216" s="53">
        <v>0</v>
      </c>
      <c r="AO1216" s="53">
        <v>0</v>
      </c>
      <c r="AP1216" s="53">
        <v>0</v>
      </c>
      <c r="AQ1216" s="53">
        <v>0</v>
      </c>
      <c r="AR1216" s="53">
        <v>0</v>
      </c>
      <c r="AS1216" s="53">
        <v>0</v>
      </c>
      <c r="AT1216" s="53">
        <v>0</v>
      </c>
      <c r="AU1216" s="53">
        <v>0</v>
      </c>
      <c r="AV1216" s="53">
        <v>0</v>
      </c>
      <c r="AW1216" s="53">
        <v>0</v>
      </c>
      <c r="AX1216" s="53">
        <v>0</v>
      </c>
      <c r="AY1216" s="53">
        <v>0</v>
      </c>
      <c r="AZ1216" s="53">
        <v>0</v>
      </c>
      <c r="BA1216" s="53">
        <v>0</v>
      </c>
      <c r="BB1216" s="53">
        <v>0</v>
      </c>
      <c r="BC1216" s="53">
        <v>0</v>
      </c>
      <c r="BD1216" s="53">
        <v>0</v>
      </c>
      <c r="BE1216" s="53">
        <v>0</v>
      </c>
      <c r="BF1216" s="53">
        <v>0</v>
      </c>
      <c r="BG1216" s="53">
        <v>0</v>
      </c>
      <c r="BH1216" s="53">
        <v>0</v>
      </c>
      <c r="BI1216" s="53">
        <v>0</v>
      </c>
      <c r="BJ1216" s="53">
        <v>0</v>
      </c>
      <c r="BK1216" s="53">
        <v>0</v>
      </c>
      <c r="BL1216" s="53">
        <v>0</v>
      </c>
      <c r="BM1216" s="53">
        <v>0</v>
      </c>
      <c r="BN1216" s="53">
        <v>0</v>
      </c>
      <c r="BO1216" s="53">
        <v>0</v>
      </c>
      <c r="BP1216" s="53">
        <v>0</v>
      </c>
      <c r="BQ1216" s="53">
        <v>0</v>
      </c>
      <c r="BR1216" s="53">
        <v>0</v>
      </c>
      <c r="BS1216" s="53">
        <v>0</v>
      </c>
      <c r="BT1216" s="53">
        <v>0</v>
      </c>
      <c r="BU1216" s="53">
        <v>0</v>
      </c>
      <c r="BV1216" s="53">
        <v>0</v>
      </c>
      <c r="BW1216" s="53">
        <v>0</v>
      </c>
      <c r="BX1216" s="53">
        <v>0</v>
      </c>
      <c r="BY1216" s="53">
        <v>0</v>
      </c>
      <c r="BZ1216" s="53">
        <v>0</v>
      </c>
      <c r="CA1216" s="53">
        <v>0</v>
      </c>
      <c r="CB1216" s="53">
        <v>0</v>
      </c>
      <c r="CC1216" s="53">
        <v>0</v>
      </c>
      <c r="CD1216" s="53">
        <v>0</v>
      </c>
      <c r="CE1216" s="53">
        <v>0</v>
      </c>
      <c r="CF1216" s="53">
        <v>0</v>
      </c>
      <c r="CG1216" s="53">
        <v>0</v>
      </c>
      <c r="CH1216" s="53">
        <v>0</v>
      </c>
      <c r="CI1216" s="53">
        <v>0</v>
      </c>
      <c r="CJ1216" s="53">
        <v>0</v>
      </c>
      <c r="CK1216" s="53">
        <v>0</v>
      </c>
      <c r="CL1216" s="53">
        <v>0</v>
      </c>
      <c r="CM1216" s="53">
        <v>0</v>
      </c>
      <c r="CN1216" s="53">
        <v>0</v>
      </c>
    </row>
    <row r="1217" spans="1:92" outlineLevel="1">
      <c r="A1217" s="52" t="s">
        <v>1218</v>
      </c>
      <c r="B1217" s="53">
        <v>398806981.542</v>
      </c>
      <c r="C1217" s="53">
        <v>399025828.94999999</v>
      </c>
      <c r="D1217" s="53">
        <v>402063796.85000002</v>
      </c>
      <c r="E1217" s="53">
        <v>416149345.13</v>
      </c>
      <c r="F1217" s="53">
        <v>418919534.94</v>
      </c>
      <c r="G1217" s="53">
        <v>408719206.29000002</v>
      </c>
      <c r="H1217" s="53">
        <v>405009396.93000001</v>
      </c>
      <c r="I1217" s="53">
        <v>400819068.55000001</v>
      </c>
      <c r="J1217" s="53">
        <v>405581800.02999997</v>
      </c>
      <c r="K1217" s="53">
        <v>428329628.36000001</v>
      </c>
      <c r="L1217" s="53">
        <v>419230153.62</v>
      </c>
      <c r="M1217" s="53">
        <v>403325872.21999902</v>
      </c>
      <c r="N1217" s="53">
        <v>398806981.542</v>
      </c>
      <c r="O1217" s="53">
        <v>369271497.10000002</v>
      </c>
      <c r="P1217" s="53">
        <v>368667356.07382202</v>
      </c>
      <c r="Q1217" s="53">
        <v>368063215.04764402</v>
      </c>
      <c r="R1217" s="53">
        <v>368097962.91035497</v>
      </c>
      <c r="S1217" s="53">
        <v>367820673.73602802</v>
      </c>
      <c r="T1217" s="53">
        <v>367205884.56170201</v>
      </c>
      <c r="U1217" s="53">
        <v>366591095.38737601</v>
      </c>
      <c r="V1217" s="53">
        <v>365976306.21305001</v>
      </c>
      <c r="W1217" s="53">
        <v>365361517.03872401</v>
      </c>
      <c r="X1217" s="53">
        <v>364746727.864398</v>
      </c>
      <c r="Y1217" s="53">
        <v>364131938.69007099</v>
      </c>
      <c r="Z1217" s="53">
        <v>363517149.51574498</v>
      </c>
      <c r="AA1217" s="53">
        <v>369271497.10000002</v>
      </c>
      <c r="AB1217" s="53">
        <v>362902360.34141898</v>
      </c>
      <c r="AC1217" s="53">
        <v>362287571.16709298</v>
      </c>
      <c r="AD1217" s="53">
        <v>361672781.99276698</v>
      </c>
      <c r="AE1217" s="53">
        <v>361696881.70732999</v>
      </c>
      <c r="AF1217" s="53">
        <v>361071444.38485497</v>
      </c>
      <c r="AG1217" s="53">
        <v>360446007.06238103</v>
      </c>
      <c r="AH1217" s="53">
        <v>359820569.73990703</v>
      </c>
      <c r="AI1217" s="53">
        <v>359195132.41743201</v>
      </c>
      <c r="AJ1217" s="53">
        <v>358569695.09495801</v>
      </c>
      <c r="AK1217" s="53">
        <v>357944257.772484</v>
      </c>
      <c r="AL1217" s="53">
        <v>357318820.45000899</v>
      </c>
      <c r="AM1217" s="53">
        <v>356693383.12753499</v>
      </c>
      <c r="AN1217" s="53">
        <v>362902360.34141898</v>
      </c>
      <c r="AO1217" s="53">
        <v>356067945.80506098</v>
      </c>
      <c r="AP1217" s="53">
        <v>355442508.48258603</v>
      </c>
      <c r="AQ1217" s="53">
        <v>354817071.16011202</v>
      </c>
      <c r="AR1217" s="53">
        <v>354830522.72652698</v>
      </c>
      <c r="AS1217" s="53">
        <v>354194437.25590402</v>
      </c>
      <c r="AT1217" s="53">
        <v>353558351.78528202</v>
      </c>
      <c r="AU1217" s="53">
        <v>352922266.314659</v>
      </c>
      <c r="AV1217" s="53">
        <v>352286180.844037</v>
      </c>
      <c r="AW1217" s="53">
        <v>351650095.37341398</v>
      </c>
      <c r="AX1217" s="53">
        <v>351014009.90279198</v>
      </c>
      <c r="AY1217" s="53">
        <v>350377924.43216902</v>
      </c>
      <c r="AZ1217" s="53">
        <v>349741838.96154702</v>
      </c>
      <c r="BA1217" s="53">
        <v>356067945.80506098</v>
      </c>
      <c r="BB1217" s="53">
        <v>349105753.49092501</v>
      </c>
      <c r="BC1217" s="53">
        <v>348469668.020302</v>
      </c>
      <c r="BD1217" s="53">
        <v>347833582.54967999</v>
      </c>
      <c r="BE1217" s="53">
        <v>347836385.96794599</v>
      </c>
      <c r="BF1217" s="53">
        <v>347527152.34917498</v>
      </c>
      <c r="BG1217" s="53">
        <v>346880418.73040497</v>
      </c>
      <c r="BH1217" s="53">
        <v>346233685.11163402</v>
      </c>
      <c r="BI1217" s="53">
        <v>345586951.49286401</v>
      </c>
      <c r="BJ1217" s="53">
        <v>344940217.874093</v>
      </c>
      <c r="BK1217" s="53">
        <v>344293484.25532198</v>
      </c>
      <c r="BL1217" s="53">
        <v>343646750.63655198</v>
      </c>
      <c r="BM1217" s="53">
        <v>343000017.01778102</v>
      </c>
      <c r="BN1217" s="53">
        <v>349105753.49092501</v>
      </c>
      <c r="BO1217" s="53">
        <v>342353283.39901102</v>
      </c>
      <c r="BP1217" s="53">
        <v>341706549.78024</v>
      </c>
      <c r="BQ1217" s="53">
        <v>341059816.16146898</v>
      </c>
      <c r="BR1217" s="53">
        <v>341051971.43158799</v>
      </c>
      <c r="BS1217" s="53">
        <v>340394589.66466898</v>
      </c>
      <c r="BT1217" s="53">
        <v>339737207.89775002</v>
      </c>
      <c r="BU1217" s="53">
        <v>339079826.130831</v>
      </c>
      <c r="BV1217" s="53">
        <v>338469444.363913</v>
      </c>
      <c r="BW1217" s="53">
        <v>337859062.59699398</v>
      </c>
      <c r="BX1217" s="53">
        <v>337248680.83007503</v>
      </c>
      <c r="BY1217" s="53">
        <v>336638299.06315601</v>
      </c>
      <c r="BZ1217" s="53">
        <v>336027917.29623801</v>
      </c>
      <c r="CA1217" s="53">
        <v>342353283.39901102</v>
      </c>
      <c r="CB1217" s="53">
        <v>0</v>
      </c>
      <c r="CC1217" s="53">
        <v>0</v>
      </c>
      <c r="CD1217" s="53">
        <v>0</v>
      </c>
      <c r="CE1217" s="53">
        <v>0</v>
      </c>
      <c r="CF1217" s="53">
        <v>0</v>
      </c>
      <c r="CG1217" s="53">
        <v>0</v>
      </c>
      <c r="CH1217" s="53">
        <v>0</v>
      </c>
      <c r="CI1217" s="53">
        <v>0</v>
      </c>
      <c r="CJ1217" s="53">
        <v>0</v>
      </c>
      <c r="CK1217" s="53">
        <v>0</v>
      </c>
      <c r="CL1217" s="53">
        <v>0</v>
      </c>
      <c r="CM1217" s="53">
        <v>0</v>
      </c>
      <c r="CN1217" s="53">
        <v>0</v>
      </c>
    </row>
    <row r="1218" spans="1:92" outlineLevel="1">
      <c r="A1218" s="52" t="s">
        <v>699</v>
      </c>
      <c r="B1218" s="53"/>
      <c r="C1218" s="53"/>
      <c r="D1218" s="53"/>
      <c r="E1218" s="53"/>
      <c r="F1218" s="53"/>
      <c r="G1218" s="53"/>
      <c r="H1218" s="53"/>
      <c r="I1218" s="53"/>
      <c r="J1218" s="53"/>
      <c r="K1218" s="53"/>
      <c r="L1218" s="53"/>
      <c r="M1218" s="53"/>
      <c r="N1218" s="53"/>
      <c r="O1218" s="53"/>
      <c r="P1218" s="53"/>
      <c r="Q1218" s="53"/>
      <c r="R1218" s="53"/>
      <c r="S1218" s="53"/>
      <c r="T1218" s="53"/>
      <c r="U1218" s="53"/>
      <c r="V1218" s="53"/>
      <c r="W1218" s="53"/>
      <c r="X1218" s="53"/>
      <c r="Y1218" s="53"/>
      <c r="Z1218" s="53"/>
      <c r="AA1218" s="53"/>
      <c r="AB1218" s="53"/>
      <c r="AC1218" s="53"/>
      <c r="AD1218" s="53"/>
      <c r="AE1218" s="53"/>
      <c r="AF1218" s="53"/>
      <c r="AG1218" s="53"/>
      <c r="AH1218" s="53"/>
      <c r="AI1218" s="53"/>
      <c r="AJ1218" s="53"/>
      <c r="AK1218" s="53"/>
      <c r="AL1218" s="53"/>
      <c r="AM1218" s="53"/>
      <c r="AN1218" s="53"/>
      <c r="AO1218" s="53"/>
      <c r="AP1218" s="53"/>
      <c r="AQ1218" s="53"/>
      <c r="AR1218" s="53"/>
      <c r="AS1218" s="53"/>
      <c r="AT1218" s="53"/>
      <c r="AU1218" s="53"/>
      <c r="AV1218" s="53"/>
      <c r="AW1218" s="53"/>
      <c r="AX1218" s="53"/>
      <c r="AY1218" s="53"/>
      <c r="AZ1218" s="53"/>
      <c r="BA1218" s="53"/>
      <c r="BB1218" s="53"/>
      <c r="BC1218" s="53"/>
      <c r="BD1218" s="53"/>
      <c r="BE1218" s="53"/>
      <c r="BF1218" s="53"/>
      <c r="BG1218" s="53"/>
      <c r="BH1218" s="53"/>
      <c r="BI1218" s="53"/>
      <c r="BJ1218" s="53"/>
      <c r="BK1218" s="53"/>
      <c r="BL1218" s="53"/>
      <c r="BM1218" s="53"/>
      <c r="BN1218" s="53"/>
      <c r="BO1218" s="53"/>
      <c r="BP1218" s="53"/>
      <c r="BQ1218" s="53"/>
      <c r="BR1218" s="53"/>
      <c r="BS1218" s="53"/>
      <c r="BT1218" s="53"/>
      <c r="BU1218" s="53"/>
      <c r="BV1218" s="53"/>
      <c r="BW1218" s="53"/>
      <c r="BX1218" s="53"/>
      <c r="BY1218" s="53"/>
      <c r="BZ1218" s="53"/>
      <c r="CA1218" s="53"/>
      <c r="CB1218" s="53">
        <v>0</v>
      </c>
      <c r="CC1218" s="53">
        <v>0</v>
      </c>
      <c r="CD1218" s="53">
        <v>0</v>
      </c>
      <c r="CE1218" s="53">
        <v>0</v>
      </c>
      <c r="CF1218" s="53">
        <v>0</v>
      </c>
      <c r="CG1218" s="53">
        <v>0</v>
      </c>
      <c r="CH1218" s="53">
        <v>0</v>
      </c>
      <c r="CI1218" s="53">
        <v>0</v>
      </c>
      <c r="CJ1218" s="53">
        <v>0</v>
      </c>
      <c r="CK1218" s="53">
        <v>0</v>
      </c>
      <c r="CL1218" s="53">
        <v>0</v>
      </c>
      <c r="CM1218" s="53">
        <v>0</v>
      </c>
      <c r="CN1218" s="53">
        <v>0</v>
      </c>
    </row>
    <row r="1219" spans="1:92" outlineLevel="1">
      <c r="A1219" s="52" t="s">
        <v>741</v>
      </c>
      <c r="B1219" s="53"/>
      <c r="C1219" s="53"/>
      <c r="D1219" s="53"/>
      <c r="E1219" s="53"/>
      <c r="F1219" s="53"/>
      <c r="G1219" s="53"/>
      <c r="H1219" s="53"/>
      <c r="I1219" s="53"/>
      <c r="J1219" s="53"/>
      <c r="K1219" s="53"/>
      <c r="L1219" s="53"/>
      <c r="M1219" s="53"/>
      <c r="N1219" s="53"/>
      <c r="O1219" s="53"/>
      <c r="P1219" s="53"/>
      <c r="Q1219" s="53"/>
      <c r="R1219" s="53"/>
      <c r="S1219" s="53"/>
      <c r="T1219" s="53"/>
      <c r="U1219" s="53"/>
      <c r="V1219" s="53"/>
      <c r="W1219" s="53"/>
      <c r="X1219" s="53"/>
      <c r="Y1219" s="53"/>
      <c r="Z1219" s="53"/>
      <c r="AA1219" s="53"/>
      <c r="AB1219" s="53"/>
      <c r="AC1219" s="53"/>
      <c r="AD1219" s="53"/>
      <c r="AE1219" s="53"/>
      <c r="AF1219" s="53"/>
      <c r="AG1219" s="53"/>
      <c r="AH1219" s="53"/>
      <c r="AI1219" s="53"/>
      <c r="AJ1219" s="53"/>
      <c r="AK1219" s="53"/>
      <c r="AL1219" s="53"/>
      <c r="AM1219" s="53"/>
      <c r="AN1219" s="53"/>
      <c r="AO1219" s="53"/>
      <c r="AP1219" s="53"/>
      <c r="AQ1219" s="53"/>
      <c r="AR1219" s="53"/>
      <c r="AS1219" s="53"/>
      <c r="AT1219" s="53"/>
      <c r="AU1219" s="53"/>
      <c r="AV1219" s="53"/>
      <c r="AW1219" s="53"/>
      <c r="AX1219" s="53"/>
      <c r="AY1219" s="53"/>
      <c r="AZ1219" s="53"/>
      <c r="BA1219" s="53"/>
      <c r="BB1219" s="53"/>
      <c r="BC1219" s="53"/>
      <c r="BD1219" s="53"/>
      <c r="BE1219" s="53"/>
      <c r="BF1219" s="53"/>
      <c r="BG1219" s="53"/>
      <c r="BH1219" s="53"/>
      <c r="BI1219" s="53"/>
      <c r="BJ1219" s="53"/>
      <c r="BK1219" s="53"/>
      <c r="BL1219" s="53"/>
      <c r="BM1219" s="53"/>
      <c r="BN1219" s="53"/>
      <c r="BO1219" s="53"/>
      <c r="BP1219" s="53"/>
      <c r="BQ1219" s="53"/>
      <c r="BR1219" s="53"/>
      <c r="BS1219" s="53"/>
      <c r="BT1219" s="53"/>
      <c r="BU1219" s="53"/>
      <c r="BV1219" s="53"/>
      <c r="BW1219" s="53"/>
      <c r="BX1219" s="53"/>
      <c r="BY1219" s="53"/>
      <c r="BZ1219" s="53"/>
      <c r="CA1219" s="53"/>
      <c r="CB1219" s="53">
        <v>53225010.829999998</v>
      </c>
      <c r="CC1219" s="53">
        <v>53225010.829999998</v>
      </c>
      <c r="CD1219" s="53">
        <v>53225010.829999998</v>
      </c>
      <c r="CE1219" s="53">
        <v>53225010.829999998</v>
      </c>
      <c r="CF1219" s="53">
        <v>53225010.829999998</v>
      </c>
      <c r="CG1219" s="53">
        <v>53225010.829999998</v>
      </c>
      <c r="CH1219" s="53">
        <v>53225010.829999998</v>
      </c>
      <c r="CI1219" s="53">
        <v>53225010.829999998</v>
      </c>
      <c r="CJ1219" s="53">
        <v>53225010.829999998</v>
      </c>
      <c r="CK1219" s="53">
        <v>53225010.829999998</v>
      </c>
      <c r="CL1219" s="53">
        <v>53225010.829999998</v>
      </c>
      <c r="CM1219" s="53">
        <v>53225010.829999998</v>
      </c>
      <c r="CN1219" s="53">
        <v>53225010.829999998</v>
      </c>
    </row>
    <row r="1220" spans="1:92" outlineLevel="1">
      <c r="A1220" s="52" t="s">
        <v>1470</v>
      </c>
      <c r="B1220" s="53"/>
      <c r="C1220" s="53"/>
      <c r="D1220" s="53"/>
      <c r="E1220" s="53"/>
      <c r="F1220" s="53"/>
      <c r="G1220" s="53"/>
      <c r="H1220" s="53"/>
      <c r="I1220" s="53"/>
      <c r="J1220" s="53"/>
      <c r="K1220" s="53"/>
      <c r="L1220" s="53"/>
      <c r="M1220" s="53"/>
      <c r="N1220" s="53"/>
      <c r="O1220" s="53"/>
      <c r="P1220" s="53"/>
      <c r="Q1220" s="53"/>
      <c r="R1220" s="53"/>
      <c r="S1220" s="53"/>
      <c r="T1220" s="53"/>
      <c r="U1220" s="53"/>
      <c r="V1220" s="53"/>
      <c r="W1220" s="53"/>
      <c r="X1220" s="53"/>
      <c r="Y1220" s="53"/>
      <c r="Z1220" s="53"/>
      <c r="AA1220" s="53"/>
      <c r="AB1220" s="53"/>
      <c r="AC1220" s="53"/>
      <c r="AD1220" s="53"/>
      <c r="AE1220" s="53"/>
      <c r="AF1220" s="53"/>
      <c r="AG1220" s="53"/>
      <c r="AH1220" s="53"/>
      <c r="AI1220" s="53"/>
      <c r="AJ1220" s="53"/>
      <c r="AK1220" s="53"/>
      <c r="AL1220" s="53"/>
      <c r="AM1220" s="53"/>
      <c r="AN1220" s="53"/>
      <c r="AO1220" s="53"/>
      <c r="AP1220" s="53"/>
      <c r="AQ1220" s="53"/>
      <c r="AR1220" s="53"/>
      <c r="AS1220" s="53"/>
      <c r="AT1220" s="53"/>
      <c r="AU1220" s="53"/>
      <c r="AV1220" s="53"/>
      <c r="AW1220" s="53"/>
      <c r="AX1220" s="53"/>
      <c r="AY1220" s="53"/>
      <c r="AZ1220" s="53"/>
      <c r="BA1220" s="53"/>
      <c r="BB1220" s="53"/>
      <c r="BC1220" s="53"/>
      <c r="BD1220" s="53"/>
      <c r="BE1220" s="53"/>
      <c r="BF1220" s="53"/>
      <c r="BG1220" s="53"/>
      <c r="BH1220" s="53"/>
      <c r="BI1220" s="53"/>
      <c r="BJ1220" s="53"/>
      <c r="BK1220" s="53"/>
      <c r="BL1220" s="53"/>
      <c r="BM1220" s="53"/>
      <c r="BN1220" s="53"/>
      <c r="BO1220" s="53"/>
      <c r="BP1220" s="53"/>
      <c r="BQ1220" s="53"/>
      <c r="BR1220" s="53"/>
      <c r="BS1220" s="53"/>
      <c r="BT1220" s="53"/>
      <c r="BU1220" s="53"/>
      <c r="BV1220" s="53"/>
      <c r="BW1220" s="53"/>
      <c r="BX1220" s="53"/>
      <c r="BY1220" s="53"/>
      <c r="BZ1220" s="53"/>
      <c r="CA1220" s="53"/>
      <c r="CB1220" s="53">
        <v>0</v>
      </c>
      <c r="CC1220" s="53">
        <v>0</v>
      </c>
      <c r="CD1220" s="53">
        <v>0</v>
      </c>
      <c r="CE1220" s="53">
        <v>0</v>
      </c>
      <c r="CF1220" s="53">
        <v>0</v>
      </c>
      <c r="CG1220" s="53">
        <v>0</v>
      </c>
      <c r="CH1220" s="53">
        <v>0</v>
      </c>
      <c r="CI1220" s="53">
        <v>0</v>
      </c>
      <c r="CJ1220" s="53">
        <v>0</v>
      </c>
      <c r="CK1220" s="53">
        <v>0</v>
      </c>
      <c r="CL1220" s="53">
        <v>0</v>
      </c>
      <c r="CM1220" s="53">
        <v>0</v>
      </c>
      <c r="CN1220" s="53">
        <v>0</v>
      </c>
    </row>
    <row r="1221" spans="1:92" outlineLevel="1">
      <c r="A1221" s="52" t="s">
        <v>649</v>
      </c>
      <c r="B1221" s="53"/>
      <c r="C1221" s="53"/>
      <c r="D1221" s="53"/>
      <c r="E1221" s="53"/>
      <c r="F1221" s="53"/>
      <c r="G1221" s="53"/>
      <c r="H1221" s="53"/>
      <c r="I1221" s="53"/>
      <c r="J1221" s="53"/>
      <c r="K1221" s="53"/>
      <c r="L1221" s="53"/>
      <c r="M1221" s="53"/>
      <c r="N1221" s="53"/>
      <c r="O1221" s="53"/>
      <c r="P1221" s="53"/>
      <c r="Q1221" s="53">
        <v>638888.88888888899</v>
      </c>
      <c r="R1221" s="53"/>
      <c r="S1221" s="53"/>
      <c r="T1221" s="53"/>
      <c r="U1221" s="53"/>
      <c r="V1221" s="53"/>
      <c r="W1221" s="53"/>
      <c r="X1221" s="53"/>
      <c r="Y1221" s="53"/>
      <c r="Z1221" s="53"/>
      <c r="AA1221" s="53">
        <v>638888.88888888899</v>
      </c>
      <c r="AB1221" s="53"/>
      <c r="AC1221" s="53"/>
      <c r="AD1221" s="53">
        <v>638888.88888888899</v>
      </c>
      <c r="AE1221" s="53"/>
      <c r="AF1221" s="53"/>
      <c r="AG1221" s="53"/>
      <c r="AH1221" s="53"/>
      <c r="AI1221" s="53"/>
      <c r="AJ1221" s="53"/>
      <c r="AK1221" s="53"/>
      <c r="AL1221" s="53"/>
      <c r="AM1221" s="53"/>
      <c r="AN1221" s="53">
        <v>638888.88888888899</v>
      </c>
      <c r="AO1221" s="53"/>
      <c r="AP1221" s="53"/>
      <c r="AQ1221" s="53">
        <v>638888.88888888899</v>
      </c>
      <c r="AR1221" s="53"/>
      <c r="AS1221" s="53"/>
      <c r="AT1221" s="53"/>
      <c r="AU1221" s="53"/>
      <c r="AV1221" s="53"/>
      <c r="AW1221" s="53"/>
      <c r="AX1221" s="53"/>
      <c r="AY1221" s="53"/>
      <c r="AZ1221" s="53"/>
      <c r="BA1221" s="53">
        <v>638888.88888888899</v>
      </c>
      <c r="BB1221" s="53"/>
      <c r="BC1221" s="53"/>
      <c r="BD1221" s="53">
        <v>638888.88888888899</v>
      </c>
      <c r="BE1221" s="53"/>
      <c r="BF1221" s="53"/>
      <c r="BG1221" s="53"/>
      <c r="BH1221" s="53"/>
      <c r="BI1221" s="53"/>
      <c r="BJ1221" s="53"/>
      <c r="BK1221" s="53"/>
      <c r="BL1221" s="53"/>
      <c r="BM1221" s="53"/>
      <c r="BN1221" s="53">
        <v>638888.88888888899</v>
      </c>
      <c r="BO1221" s="53"/>
      <c r="BP1221" s="53"/>
      <c r="BQ1221" s="53">
        <v>638888.88888888899</v>
      </c>
      <c r="BR1221" s="53"/>
      <c r="BS1221" s="53"/>
      <c r="BT1221" s="53"/>
      <c r="BU1221" s="53"/>
      <c r="BV1221" s="53"/>
      <c r="BW1221" s="53"/>
      <c r="BX1221" s="53"/>
      <c r="BY1221" s="53"/>
      <c r="BZ1221" s="53"/>
      <c r="CA1221" s="53">
        <v>638888.88888888899</v>
      </c>
      <c r="CB1221" s="53">
        <v>0</v>
      </c>
      <c r="CC1221" s="53">
        <v>0</v>
      </c>
      <c r="CD1221" s="53">
        <v>0</v>
      </c>
      <c r="CE1221" s="53">
        <v>0</v>
      </c>
      <c r="CF1221" s="53">
        <v>0</v>
      </c>
      <c r="CG1221" s="53">
        <v>0</v>
      </c>
      <c r="CH1221" s="53">
        <v>0</v>
      </c>
      <c r="CI1221" s="53">
        <v>0</v>
      </c>
      <c r="CJ1221" s="53">
        <v>0</v>
      </c>
      <c r="CK1221" s="53">
        <v>0</v>
      </c>
      <c r="CL1221" s="53">
        <v>0</v>
      </c>
      <c r="CM1221" s="53">
        <v>0</v>
      </c>
      <c r="CN1221" s="53">
        <v>0</v>
      </c>
    </row>
    <row r="1222" spans="1:92" outlineLevel="1">
      <c r="A1222" s="52" t="s">
        <v>1471</v>
      </c>
      <c r="B1222" s="53"/>
      <c r="C1222" s="53"/>
      <c r="D1222" s="53"/>
      <c r="E1222" s="53"/>
      <c r="F1222" s="53"/>
      <c r="G1222" s="53"/>
      <c r="H1222" s="53"/>
      <c r="I1222" s="53"/>
      <c r="J1222" s="53"/>
      <c r="K1222" s="53"/>
      <c r="L1222" s="53"/>
      <c r="M1222" s="53"/>
      <c r="N1222" s="53"/>
      <c r="O1222" s="53"/>
      <c r="P1222" s="53"/>
      <c r="Q1222" s="53"/>
      <c r="R1222" s="53"/>
      <c r="S1222" s="53"/>
      <c r="T1222" s="53"/>
      <c r="U1222" s="53"/>
      <c r="V1222" s="53"/>
      <c r="W1222" s="53"/>
      <c r="X1222" s="53"/>
      <c r="Y1222" s="53"/>
      <c r="Z1222" s="53"/>
      <c r="AA1222" s="53"/>
      <c r="AB1222" s="53"/>
      <c r="AC1222" s="53"/>
      <c r="AD1222" s="53"/>
      <c r="AE1222" s="53"/>
      <c r="AF1222" s="53"/>
      <c r="AG1222" s="53"/>
      <c r="AH1222" s="53"/>
      <c r="AI1222" s="53"/>
      <c r="AJ1222" s="53"/>
      <c r="AK1222" s="53"/>
      <c r="AL1222" s="53"/>
      <c r="AM1222" s="53"/>
      <c r="AN1222" s="53"/>
      <c r="AO1222" s="53"/>
      <c r="AP1222" s="53"/>
      <c r="AQ1222" s="53"/>
      <c r="AR1222" s="53"/>
      <c r="AS1222" s="53"/>
      <c r="AT1222" s="53"/>
      <c r="AU1222" s="53"/>
      <c r="AV1222" s="53"/>
      <c r="AW1222" s="53"/>
      <c r="AX1222" s="53"/>
      <c r="AY1222" s="53"/>
      <c r="AZ1222" s="53"/>
      <c r="BA1222" s="53"/>
      <c r="BB1222" s="53"/>
      <c r="BC1222" s="53"/>
      <c r="BD1222" s="53"/>
      <c r="BE1222" s="53"/>
      <c r="BF1222" s="53"/>
      <c r="BG1222" s="53"/>
      <c r="BH1222" s="53"/>
      <c r="BI1222" s="53"/>
      <c r="BJ1222" s="53"/>
      <c r="BK1222" s="53"/>
      <c r="BL1222" s="53"/>
      <c r="BM1222" s="53"/>
      <c r="BN1222" s="53"/>
      <c r="BO1222" s="53"/>
      <c r="BP1222" s="53"/>
      <c r="BQ1222" s="53"/>
      <c r="BR1222" s="53"/>
      <c r="BS1222" s="53"/>
      <c r="BT1222" s="53"/>
      <c r="BU1222" s="53"/>
      <c r="BV1222" s="53"/>
      <c r="BW1222" s="53"/>
      <c r="BX1222" s="53"/>
      <c r="BY1222" s="53"/>
      <c r="BZ1222" s="53"/>
      <c r="CA1222" s="53"/>
      <c r="CB1222" s="53">
        <v>218376209.91999999</v>
      </c>
      <c r="CC1222" s="53">
        <v>218376209.91999999</v>
      </c>
      <c r="CD1222" s="53">
        <v>218376209.91999999</v>
      </c>
      <c r="CE1222" s="53">
        <v>218376209.91999999</v>
      </c>
      <c r="CF1222" s="53">
        <v>218376209.91999999</v>
      </c>
      <c r="CG1222" s="53">
        <v>218376209.91999999</v>
      </c>
      <c r="CH1222" s="53">
        <v>218376209.91999999</v>
      </c>
      <c r="CI1222" s="53">
        <v>218376209.91999999</v>
      </c>
      <c r="CJ1222" s="53">
        <v>218376209.91999999</v>
      </c>
      <c r="CK1222" s="53">
        <v>218376209.91999999</v>
      </c>
      <c r="CL1222" s="53">
        <v>218376209.91999999</v>
      </c>
      <c r="CM1222" s="53">
        <v>218376209.91999999</v>
      </c>
      <c r="CN1222" s="53">
        <v>218376209.91999999</v>
      </c>
    </row>
    <row r="1223" spans="1:92" outlineLevel="1">
      <c r="A1223" s="52" t="s">
        <v>649</v>
      </c>
      <c r="B1223" s="53"/>
      <c r="C1223" s="53"/>
      <c r="D1223" s="53"/>
      <c r="E1223" s="53"/>
      <c r="F1223" s="53"/>
      <c r="G1223" s="53"/>
      <c r="H1223" s="53"/>
      <c r="I1223" s="53"/>
      <c r="J1223" s="53"/>
      <c r="K1223" s="53"/>
      <c r="L1223" s="53"/>
      <c r="M1223" s="53"/>
      <c r="N1223" s="53"/>
      <c r="O1223" s="53"/>
      <c r="P1223" s="53"/>
      <c r="Q1223" s="53"/>
      <c r="R1223" s="53">
        <v>337500</v>
      </c>
      <c r="S1223" s="53"/>
      <c r="T1223" s="53"/>
      <c r="U1223" s="53"/>
      <c r="V1223" s="53"/>
      <c r="W1223" s="53"/>
      <c r="X1223" s="53"/>
      <c r="Y1223" s="53"/>
      <c r="Z1223" s="53"/>
      <c r="AA1223" s="53">
        <v>337500</v>
      </c>
      <c r="AB1223" s="53"/>
      <c r="AC1223" s="53"/>
      <c r="AD1223" s="53"/>
      <c r="AE1223" s="53"/>
      <c r="AF1223" s="53"/>
      <c r="AG1223" s="53"/>
      <c r="AH1223" s="53"/>
      <c r="AI1223" s="53"/>
      <c r="AJ1223" s="53"/>
      <c r="AK1223" s="53"/>
      <c r="AL1223" s="53"/>
      <c r="AM1223" s="53"/>
      <c r="AN1223" s="53"/>
      <c r="AO1223" s="53"/>
      <c r="AP1223" s="53"/>
      <c r="AQ1223" s="53"/>
      <c r="AR1223" s="53"/>
      <c r="AS1223" s="53"/>
      <c r="AT1223" s="53"/>
      <c r="AU1223" s="53"/>
      <c r="AV1223" s="53"/>
      <c r="AW1223" s="53"/>
      <c r="AX1223" s="53"/>
      <c r="AY1223" s="53"/>
      <c r="AZ1223" s="53"/>
      <c r="BA1223" s="53"/>
      <c r="BB1223" s="53"/>
      <c r="BC1223" s="53"/>
      <c r="BD1223" s="53"/>
      <c r="BE1223" s="53">
        <v>337500</v>
      </c>
      <c r="BF1223" s="53"/>
      <c r="BG1223" s="53"/>
      <c r="BH1223" s="53"/>
      <c r="BI1223" s="53"/>
      <c r="BJ1223" s="53"/>
      <c r="BK1223" s="53"/>
      <c r="BL1223" s="53"/>
      <c r="BM1223" s="53"/>
      <c r="BN1223" s="53">
        <v>337500</v>
      </c>
      <c r="BO1223" s="53"/>
      <c r="BP1223" s="53"/>
      <c r="BQ1223" s="53"/>
      <c r="BR1223" s="53"/>
      <c r="BS1223" s="53"/>
      <c r="BT1223" s="53"/>
      <c r="BU1223" s="53"/>
      <c r="BV1223" s="53"/>
      <c r="BW1223" s="53"/>
      <c r="BX1223" s="53"/>
      <c r="BY1223" s="53"/>
      <c r="BZ1223" s="53"/>
      <c r="CA1223" s="53"/>
      <c r="CB1223" s="53">
        <v>0</v>
      </c>
      <c r="CC1223" s="53">
        <v>0</v>
      </c>
      <c r="CD1223" s="53">
        <v>0</v>
      </c>
      <c r="CE1223" s="53">
        <v>0</v>
      </c>
      <c r="CF1223" s="53">
        <v>0</v>
      </c>
      <c r="CG1223" s="53">
        <v>0</v>
      </c>
      <c r="CH1223" s="53">
        <v>0</v>
      </c>
      <c r="CI1223" s="53">
        <v>0</v>
      </c>
      <c r="CJ1223" s="53">
        <v>0</v>
      </c>
      <c r="CK1223" s="53">
        <v>0</v>
      </c>
      <c r="CL1223" s="53">
        <v>0</v>
      </c>
      <c r="CM1223" s="53">
        <v>0</v>
      </c>
      <c r="CN1223" s="53">
        <v>0</v>
      </c>
    </row>
    <row r="1224" spans="1:92" outlineLevel="1">
      <c r="A1224" s="52" t="s">
        <v>650</v>
      </c>
      <c r="B1224" s="53"/>
      <c r="C1224" s="53"/>
      <c r="D1224" s="53"/>
      <c r="E1224" s="53"/>
      <c r="F1224" s="53"/>
      <c r="G1224" s="53"/>
      <c r="H1224" s="53"/>
      <c r="I1224" s="53"/>
      <c r="J1224" s="53"/>
      <c r="K1224" s="53"/>
      <c r="L1224" s="53"/>
      <c r="M1224" s="53"/>
      <c r="N1224" s="53"/>
      <c r="O1224" s="53"/>
      <c r="P1224" s="53"/>
      <c r="Q1224" s="53"/>
      <c r="R1224" s="53"/>
      <c r="S1224" s="53"/>
      <c r="T1224" s="53"/>
      <c r="U1224" s="53"/>
      <c r="V1224" s="53"/>
      <c r="W1224" s="53"/>
      <c r="X1224" s="53"/>
      <c r="Y1224" s="53"/>
      <c r="Z1224" s="53"/>
      <c r="AA1224" s="53"/>
      <c r="AB1224" s="53"/>
      <c r="AC1224" s="53"/>
      <c r="AD1224" s="53"/>
      <c r="AE1224" s="53"/>
      <c r="AF1224" s="53"/>
      <c r="AG1224" s="53"/>
      <c r="AH1224" s="53"/>
      <c r="AI1224" s="53"/>
      <c r="AJ1224" s="53"/>
      <c r="AK1224" s="53"/>
      <c r="AL1224" s="53"/>
      <c r="AM1224" s="53"/>
      <c r="AN1224" s="53"/>
      <c r="AO1224" s="53"/>
      <c r="AP1224" s="53"/>
      <c r="AQ1224" s="53"/>
      <c r="AR1224" s="53"/>
      <c r="AS1224" s="53"/>
      <c r="AT1224" s="53"/>
      <c r="AU1224" s="53"/>
      <c r="AV1224" s="53"/>
      <c r="AW1224" s="53"/>
      <c r="AX1224" s="53"/>
      <c r="AY1224" s="53"/>
      <c r="AZ1224" s="53"/>
      <c r="BA1224" s="53"/>
      <c r="BB1224" s="53"/>
      <c r="BC1224" s="53"/>
      <c r="BD1224" s="53"/>
      <c r="BE1224" s="53"/>
      <c r="BF1224" s="53"/>
      <c r="BG1224" s="53"/>
      <c r="BH1224" s="53"/>
      <c r="BI1224" s="53"/>
      <c r="BJ1224" s="53"/>
      <c r="BK1224" s="53"/>
      <c r="BL1224" s="53"/>
      <c r="BM1224" s="53"/>
      <c r="BN1224" s="53"/>
      <c r="BO1224" s="53"/>
      <c r="BP1224" s="53"/>
      <c r="BQ1224" s="53"/>
      <c r="BR1224" s="53"/>
      <c r="BS1224" s="53"/>
      <c r="BT1224" s="53"/>
      <c r="BU1224" s="53"/>
      <c r="BV1224" s="53"/>
      <c r="BW1224" s="53"/>
      <c r="BX1224" s="53"/>
      <c r="BY1224" s="53"/>
      <c r="BZ1224" s="53"/>
      <c r="CA1224" s="53"/>
      <c r="CB1224" s="53">
        <v>57866522.504317299</v>
      </c>
      <c r="CC1224" s="53">
        <v>57235525.811472602</v>
      </c>
      <c r="CD1224" s="53">
        <v>56604529.118627898</v>
      </c>
      <c r="CE1224" s="53">
        <v>56411032.425783202</v>
      </c>
      <c r="CF1224" s="53">
        <v>56155244.066271901</v>
      </c>
      <c r="CG1224" s="53">
        <v>55561955.706760503</v>
      </c>
      <c r="CH1224" s="53">
        <v>54968667.347249202</v>
      </c>
      <c r="CI1224" s="53">
        <v>54375378.987737797</v>
      </c>
      <c r="CJ1224" s="53">
        <v>53782090.628226496</v>
      </c>
      <c r="CK1224" s="53">
        <v>53188802.268715099</v>
      </c>
      <c r="CL1224" s="53">
        <v>52595513.909203798</v>
      </c>
      <c r="CM1224" s="53">
        <v>52002225.5496924</v>
      </c>
      <c r="CN1224" s="53">
        <v>57866522.504317299</v>
      </c>
    </row>
    <row r="1225" spans="1:92" outlineLevel="1">
      <c r="A1225" s="52" t="s">
        <v>1472</v>
      </c>
      <c r="B1225" s="53"/>
      <c r="C1225" s="53"/>
      <c r="D1225" s="53"/>
      <c r="E1225" s="53"/>
      <c r="F1225" s="53"/>
      <c r="G1225" s="53"/>
      <c r="H1225" s="53"/>
      <c r="I1225" s="53"/>
      <c r="J1225" s="53"/>
      <c r="K1225" s="53"/>
      <c r="L1225" s="53"/>
      <c r="M1225" s="53"/>
      <c r="N1225" s="53"/>
      <c r="O1225" s="53"/>
      <c r="P1225" s="53"/>
      <c r="Q1225" s="53"/>
      <c r="R1225" s="53"/>
      <c r="S1225" s="53"/>
      <c r="T1225" s="53"/>
      <c r="U1225" s="53"/>
      <c r="V1225" s="53"/>
      <c r="W1225" s="53"/>
      <c r="X1225" s="53"/>
      <c r="Y1225" s="53"/>
      <c r="Z1225" s="53"/>
      <c r="AA1225" s="53"/>
      <c r="AB1225" s="53"/>
      <c r="AC1225" s="53"/>
      <c r="AD1225" s="53"/>
      <c r="AE1225" s="53"/>
      <c r="AF1225" s="53"/>
      <c r="AG1225" s="53"/>
      <c r="AH1225" s="53"/>
      <c r="AI1225" s="53"/>
      <c r="AJ1225" s="53"/>
      <c r="AK1225" s="53"/>
      <c r="AL1225" s="53"/>
      <c r="AM1225" s="53"/>
      <c r="AN1225" s="53"/>
      <c r="AO1225" s="53"/>
      <c r="AP1225" s="53"/>
      <c r="AQ1225" s="53"/>
      <c r="AR1225" s="53"/>
      <c r="AS1225" s="53"/>
      <c r="AT1225" s="53"/>
      <c r="AU1225" s="53"/>
      <c r="AV1225" s="53"/>
      <c r="AW1225" s="53"/>
      <c r="AX1225" s="53"/>
      <c r="AY1225" s="53"/>
      <c r="AZ1225" s="53"/>
      <c r="BA1225" s="53"/>
      <c r="BB1225" s="53"/>
      <c r="BC1225" s="53"/>
      <c r="BD1225" s="53"/>
      <c r="BE1225" s="53"/>
      <c r="BF1225" s="53"/>
      <c r="BG1225" s="53"/>
      <c r="BH1225" s="53"/>
      <c r="BI1225" s="53"/>
      <c r="BJ1225" s="53"/>
      <c r="BK1225" s="53"/>
      <c r="BL1225" s="53"/>
      <c r="BM1225" s="53"/>
      <c r="BN1225" s="53"/>
      <c r="BO1225" s="53"/>
      <c r="BP1225" s="53"/>
      <c r="BQ1225" s="53"/>
      <c r="BR1225" s="53"/>
      <c r="BS1225" s="53"/>
      <c r="BT1225" s="53"/>
      <c r="BU1225" s="53"/>
      <c r="BV1225" s="53"/>
      <c r="BW1225" s="53"/>
      <c r="BX1225" s="53"/>
      <c r="BY1225" s="53"/>
      <c r="BZ1225" s="53"/>
      <c r="CA1225" s="53"/>
      <c r="CB1225" s="53"/>
      <c r="CC1225" s="53"/>
      <c r="CD1225" s="53"/>
      <c r="CE1225" s="53"/>
      <c r="CF1225" s="53"/>
      <c r="CG1225" s="53"/>
      <c r="CH1225" s="53"/>
      <c r="CI1225" s="53"/>
      <c r="CJ1225" s="53"/>
      <c r="CK1225" s="53"/>
      <c r="CL1225" s="53"/>
      <c r="CM1225" s="53"/>
      <c r="CN1225" s="53"/>
    </row>
    <row r="1226" spans="1:92" outlineLevel="1">
      <c r="A1226" s="52" t="s">
        <v>649</v>
      </c>
      <c r="B1226" s="53">
        <v>1086.683238481</v>
      </c>
      <c r="C1226" s="53">
        <v>1086.683238481</v>
      </c>
      <c r="D1226" s="53">
        <v>1086.683238481</v>
      </c>
      <c r="E1226" s="53">
        <v>1086.683238481</v>
      </c>
      <c r="F1226" s="53">
        <v>1086.683238481</v>
      </c>
      <c r="G1226" s="53">
        <v>1086.683238481</v>
      </c>
      <c r="H1226" s="53">
        <v>1086.683238481</v>
      </c>
      <c r="I1226" s="53">
        <v>1086.683238481</v>
      </c>
      <c r="J1226" s="53">
        <v>1086.683238481</v>
      </c>
      <c r="K1226" s="53">
        <v>1086.683238481</v>
      </c>
      <c r="L1226" s="53">
        <v>1086.683238481</v>
      </c>
      <c r="M1226" s="53">
        <v>1086.683238481</v>
      </c>
      <c r="N1226" s="53">
        <v>13040.1988617719</v>
      </c>
      <c r="O1226" s="53"/>
      <c r="P1226" s="53"/>
      <c r="Q1226" s="53"/>
      <c r="R1226" s="53"/>
      <c r="S1226" s="53"/>
      <c r="T1226" s="53"/>
      <c r="U1226" s="53"/>
      <c r="V1226" s="53"/>
      <c r="W1226" s="53"/>
      <c r="X1226" s="53"/>
      <c r="Y1226" s="53"/>
      <c r="Z1226" s="53"/>
      <c r="AA1226" s="53"/>
      <c r="AB1226" s="53"/>
      <c r="AC1226" s="53"/>
      <c r="AD1226" s="53"/>
      <c r="AE1226" s="53"/>
      <c r="AF1226" s="53"/>
      <c r="AG1226" s="53"/>
      <c r="AH1226" s="53"/>
      <c r="AI1226" s="53"/>
      <c r="AJ1226" s="53"/>
      <c r="AK1226" s="53"/>
      <c r="AL1226" s="53"/>
      <c r="AM1226" s="53"/>
      <c r="AN1226" s="53"/>
      <c r="AO1226" s="53"/>
      <c r="AP1226" s="53"/>
      <c r="AQ1226" s="53"/>
      <c r="AR1226" s="53"/>
      <c r="AS1226" s="53"/>
      <c r="AT1226" s="53"/>
      <c r="AU1226" s="53"/>
      <c r="AV1226" s="53"/>
      <c r="AW1226" s="53"/>
      <c r="AX1226" s="53"/>
      <c r="AY1226" s="53"/>
      <c r="AZ1226" s="53"/>
      <c r="BA1226" s="53"/>
      <c r="BB1226" s="53"/>
      <c r="BC1226" s="53"/>
      <c r="BD1226" s="53"/>
      <c r="BE1226" s="53"/>
      <c r="BF1226" s="53"/>
      <c r="BG1226" s="53"/>
      <c r="BH1226" s="53"/>
      <c r="BI1226" s="53"/>
      <c r="BJ1226" s="53"/>
      <c r="BK1226" s="53"/>
      <c r="BL1226" s="53"/>
      <c r="BM1226" s="53"/>
      <c r="BN1226" s="53"/>
      <c r="BO1226" s="53"/>
      <c r="BP1226" s="53"/>
      <c r="BQ1226" s="53"/>
      <c r="BR1226" s="53"/>
      <c r="BS1226" s="53"/>
      <c r="BT1226" s="53"/>
      <c r="BU1226" s="53"/>
      <c r="BV1226" s="53"/>
      <c r="BW1226" s="53"/>
      <c r="BX1226" s="53"/>
      <c r="BY1226" s="53"/>
      <c r="BZ1226" s="53"/>
      <c r="CA1226" s="53"/>
      <c r="CB1226" s="53"/>
      <c r="CC1226" s="53"/>
      <c r="CD1226" s="53"/>
      <c r="CE1226" s="53"/>
      <c r="CF1226" s="53"/>
      <c r="CG1226" s="53"/>
      <c r="CH1226" s="53"/>
      <c r="CI1226" s="53"/>
      <c r="CJ1226" s="53"/>
      <c r="CK1226" s="53"/>
      <c r="CL1226" s="53"/>
      <c r="CM1226" s="53"/>
      <c r="CN1226" s="53"/>
    </row>
    <row r="1227" spans="1:92" outlineLevel="1">
      <c r="A1227" s="52" t="s">
        <v>672</v>
      </c>
      <c r="B1227" s="53"/>
      <c r="C1227" s="53"/>
      <c r="D1227" s="53"/>
      <c r="E1227" s="53"/>
      <c r="F1227" s="53"/>
      <c r="G1227" s="53"/>
      <c r="H1227" s="53"/>
      <c r="I1227" s="53"/>
      <c r="J1227" s="53"/>
      <c r="K1227" s="53"/>
      <c r="L1227" s="53"/>
      <c r="M1227" s="53"/>
      <c r="N1227" s="53"/>
      <c r="O1227" s="53"/>
      <c r="P1227" s="53"/>
      <c r="Q1227" s="53"/>
      <c r="R1227" s="53"/>
      <c r="S1227" s="53"/>
      <c r="T1227" s="53"/>
      <c r="U1227" s="53"/>
      <c r="V1227" s="53"/>
      <c r="W1227" s="53"/>
      <c r="X1227" s="53"/>
      <c r="Y1227" s="53"/>
      <c r="Z1227" s="53"/>
      <c r="AA1227" s="53"/>
      <c r="AB1227" s="53"/>
      <c r="AC1227" s="53"/>
      <c r="AD1227" s="53"/>
      <c r="AE1227" s="53"/>
      <c r="AF1227" s="53"/>
      <c r="AG1227" s="53"/>
      <c r="AH1227" s="53"/>
      <c r="AI1227" s="53"/>
      <c r="AJ1227" s="53"/>
      <c r="AK1227" s="53"/>
      <c r="AL1227" s="53"/>
      <c r="AM1227" s="53"/>
      <c r="AN1227" s="53"/>
      <c r="AO1227" s="53"/>
      <c r="AP1227" s="53"/>
      <c r="AQ1227" s="53"/>
      <c r="AR1227" s="53"/>
      <c r="AS1227" s="53"/>
      <c r="AT1227" s="53"/>
      <c r="AU1227" s="53"/>
      <c r="AV1227" s="53"/>
      <c r="AW1227" s="53"/>
      <c r="AX1227" s="53"/>
      <c r="AY1227" s="53"/>
      <c r="AZ1227" s="53"/>
      <c r="BA1227" s="53"/>
      <c r="BB1227" s="53"/>
      <c r="BC1227" s="53"/>
      <c r="BD1227" s="53"/>
      <c r="BE1227" s="53"/>
      <c r="BF1227" s="53"/>
      <c r="BG1227" s="53"/>
      <c r="BH1227" s="53"/>
      <c r="BI1227" s="53"/>
      <c r="BJ1227" s="53"/>
      <c r="BK1227" s="53"/>
      <c r="BL1227" s="53"/>
      <c r="BM1227" s="53"/>
      <c r="BN1227" s="53"/>
      <c r="BO1227" s="53"/>
      <c r="BP1227" s="53"/>
      <c r="BQ1227" s="53"/>
      <c r="BR1227" s="53"/>
      <c r="BS1227" s="53"/>
      <c r="BT1227" s="53"/>
      <c r="BU1227" s="53"/>
      <c r="BV1227" s="53"/>
      <c r="BW1227" s="53"/>
      <c r="BX1227" s="53"/>
      <c r="BY1227" s="53"/>
      <c r="BZ1227" s="53"/>
      <c r="CA1227" s="53"/>
      <c r="CB1227" s="53"/>
      <c r="CC1227" s="53"/>
      <c r="CD1227" s="53"/>
      <c r="CE1227" s="53"/>
      <c r="CF1227" s="53"/>
      <c r="CG1227" s="53"/>
      <c r="CH1227" s="53"/>
      <c r="CI1227" s="53"/>
      <c r="CJ1227" s="53"/>
      <c r="CK1227" s="53"/>
      <c r="CL1227" s="53"/>
      <c r="CM1227" s="53"/>
      <c r="CN1227" s="53"/>
    </row>
    <row r="1228" spans="1:92" outlineLevel="1">
      <c r="A1228" s="52" t="s">
        <v>675</v>
      </c>
      <c r="B1228" s="53"/>
      <c r="C1228" s="53"/>
      <c r="D1228" s="53"/>
      <c r="E1228" s="53"/>
      <c r="F1228" s="53"/>
      <c r="G1228" s="53"/>
      <c r="H1228" s="53"/>
      <c r="I1228" s="53"/>
      <c r="J1228" s="53"/>
      <c r="K1228" s="53"/>
      <c r="L1228" s="53"/>
      <c r="M1228" s="53"/>
      <c r="N1228" s="53"/>
      <c r="O1228" s="53"/>
      <c r="P1228" s="53"/>
      <c r="Q1228" s="53"/>
      <c r="R1228" s="53"/>
      <c r="S1228" s="53"/>
      <c r="T1228" s="53"/>
      <c r="U1228" s="53"/>
      <c r="V1228" s="53"/>
      <c r="W1228" s="53"/>
      <c r="X1228" s="53"/>
      <c r="Y1228" s="53"/>
      <c r="Z1228" s="53"/>
      <c r="AA1228" s="53"/>
      <c r="AB1228" s="53"/>
      <c r="AC1228" s="53"/>
      <c r="AD1228" s="53"/>
      <c r="AE1228" s="53"/>
      <c r="AF1228" s="53"/>
      <c r="AG1228" s="53"/>
      <c r="AH1228" s="53"/>
      <c r="AI1228" s="53"/>
      <c r="AJ1228" s="53"/>
      <c r="AK1228" s="53"/>
      <c r="AL1228" s="53"/>
      <c r="AM1228" s="53"/>
      <c r="AN1228" s="53"/>
      <c r="AO1228" s="53"/>
      <c r="AP1228" s="53"/>
      <c r="AQ1228" s="53"/>
      <c r="AR1228" s="53"/>
      <c r="AS1228" s="53"/>
      <c r="AT1228" s="53"/>
      <c r="AU1228" s="53"/>
      <c r="AV1228" s="53"/>
      <c r="AW1228" s="53"/>
      <c r="AX1228" s="53"/>
      <c r="AY1228" s="53"/>
      <c r="AZ1228" s="53"/>
      <c r="BA1228" s="53"/>
      <c r="BB1228" s="53"/>
      <c r="BC1228" s="53"/>
      <c r="BD1228" s="53"/>
      <c r="BE1228" s="53"/>
      <c r="BF1228" s="53"/>
      <c r="BG1228" s="53"/>
      <c r="BH1228" s="53"/>
      <c r="BI1228" s="53"/>
      <c r="BJ1228" s="53"/>
      <c r="BK1228" s="53"/>
      <c r="BL1228" s="53"/>
      <c r="BM1228" s="53"/>
      <c r="BN1228" s="53"/>
      <c r="BO1228" s="53"/>
      <c r="BP1228" s="53"/>
      <c r="BQ1228" s="53"/>
      <c r="BR1228" s="53"/>
      <c r="BS1228" s="53"/>
      <c r="BT1228" s="53"/>
      <c r="BU1228" s="53"/>
      <c r="BV1228" s="53"/>
      <c r="BW1228" s="53"/>
      <c r="BX1228" s="53"/>
      <c r="BY1228" s="53"/>
      <c r="BZ1228" s="53"/>
      <c r="CA1228" s="53"/>
      <c r="CB1228" s="53"/>
      <c r="CC1228" s="53"/>
      <c r="CD1228" s="53">
        <v>437500</v>
      </c>
      <c r="CE1228" s="53"/>
      <c r="CF1228" s="53"/>
      <c r="CG1228" s="53"/>
      <c r="CH1228" s="53"/>
      <c r="CI1228" s="53"/>
      <c r="CJ1228" s="53"/>
      <c r="CK1228" s="53"/>
      <c r="CL1228" s="53"/>
      <c r="CM1228" s="53"/>
      <c r="CN1228" s="53">
        <v>437500</v>
      </c>
    </row>
    <row r="1229" spans="1:92" outlineLevel="1">
      <c r="A1229" s="52" t="s">
        <v>787</v>
      </c>
      <c r="B1229" s="53"/>
      <c r="C1229" s="53"/>
      <c r="D1229" s="53"/>
      <c r="E1229" s="53"/>
      <c r="F1229" s="53"/>
      <c r="G1229" s="53"/>
      <c r="H1229" s="53"/>
      <c r="I1229" s="53"/>
      <c r="J1229" s="53"/>
      <c r="K1229" s="53"/>
      <c r="L1229" s="53"/>
      <c r="M1229" s="53"/>
      <c r="N1229" s="53"/>
      <c r="O1229" s="53"/>
      <c r="P1229" s="53"/>
      <c r="Q1229" s="53"/>
      <c r="R1229" s="53"/>
      <c r="S1229" s="53"/>
      <c r="T1229" s="53"/>
      <c r="U1229" s="53"/>
      <c r="V1229" s="53"/>
      <c r="W1229" s="53"/>
      <c r="X1229" s="53"/>
      <c r="Y1229" s="53"/>
      <c r="Z1229" s="53"/>
      <c r="AA1229" s="53"/>
      <c r="AB1229" s="53"/>
      <c r="AC1229" s="53"/>
      <c r="AD1229" s="53"/>
      <c r="AE1229" s="53"/>
      <c r="AF1229" s="53"/>
      <c r="AG1229" s="53"/>
      <c r="AH1229" s="53"/>
      <c r="AI1229" s="53"/>
      <c r="AJ1229" s="53"/>
      <c r="AK1229" s="53"/>
      <c r="AL1229" s="53"/>
      <c r="AM1229" s="53"/>
      <c r="AN1229" s="53"/>
      <c r="AO1229" s="53"/>
      <c r="AP1229" s="53"/>
      <c r="AQ1229" s="53"/>
      <c r="AR1229" s="53"/>
      <c r="AS1229" s="53"/>
      <c r="AT1229" s="53"/>
      <c r="AU1229" s="53"/>
      <c r="AV1229" s="53"/>
      <c r="AW1229" s="53"/>
      <c r="AX1229" s="53"/>
      <c r="AY1229" s="53"/>
      <c r="AZ1229" s="53"/>
      <c r="BA1229" s="53"/>
      <c r="BB1229" s="53"/>
      <c r="BC1229" s="53"/>
      <c r="BD1229" s="53"/>
      <c r="BE1229" s="53"/>
      <c r="BF1229" s="53"/>
      <c r="BG1229" s="53"/>
      <c r="BH1229" s="53"/>
      <c r="BI1229" s="53"/>
      <c r="BJ1229" s="53"/>
      <c r="BK1229" s="53"/>
      <c r="BL1229" s="53"/>
      <c r="BM1229" s="53"/>
      <c r="BN1229" s="53"/>
      <c r="BO1229" s="53"/>
      <c r="BP1229" s="53"/>
      <c r="BQ1229" s="53"/>
      <c r="BR1229" s="53"/>
      <c r="BS1229" s="53"/>
      <c r="BT1229" s="53"/>
      <c r="BU1229" s="53"/>
      <c r="BV1229" s="53"/>
      <c r="BW1229" s="53"/>
      <c r="BX1229" s="53"/>
      <c r="BY1229" s="53"/>
      <c r="BZ1229" s="53"/>
      <c r="CA1229" s="53"/>
      <c r="CB1229" s="53"/>
      <c r="CC1229" s="53"/>
      <c r="CD1229" s="53"/>
      <c r="CE1229" s="53"/>
      <c r="CF1229" s="53"/>
      <c r="CG1229" s="53"/>
      <c r="CH1229" s="53"/>
      <c r="CI1229" s="53"/>
      <c r="CJ1229" s="53"/>
      <c r="CK1229" s="53"/>
      <c r="CL1229" s="53"/>
      <c r="CM1229" s="53"/>
      <c r="CN1229" s="53"/>
    </row>
    <row r="1230" spans="1:92" outlineLevel="1">
      <c r="A1230" s="52" t="s">
        <v>649</v>
      </c>
      <c r="B1230" s="53">
        <v>-545945.02617801004</v>
      </c>
      <c r="C1230" s="53">
        <v>-545945.02617801004</v>
      </c>
      <c r="D1230" s="53">
        <v>-545945.02617801004</v>
      </c>
      <c r="E1230" s="53">
        <v>-545945.02617801004</v>
      </c>
      <c r="F1230" s="53">
        <v>-545945.02617801004</v>
      </c>
      <c r="G1230" s="53">
        <v>-545945.02617801004</v>
      </c>
      <c r="H1230" s="53">
        <v>-545945.02617801004</v>
      </c>
      <c r="I1230" s="53">
        <v>-545945.02617801004</v>
      </c>
      <c r="J1230" s="53">
        <v>-545945.02617801004</v>
      </c>
      <c r="K1230" s="53">
        <v>-545945.02617801004</v>
      </c>
      <c r="L1230" s="53">
        <v>-545945.02617801004</v>
      </c>
      <c r="M1230" s="53">
        <v>-545945.02617801004</v>
      </c>
      <c r="N1230" s="53">
        <v>-6551340.3141361196</v>
      </c>
      <c r="O1230" s="53">
        <v>-545945.02617801004</v>
      </c>
      <c r="P1230" s="53">
        <v>-545945.02617801004</v>
      </c>
      <c r="Q1230" s="53">
        <v>-545945.02617801004</v>
      </c>
      <c r="R1230" s="53">
        <v>-545945.02617801004</v>
      </c>
      <c r="S1230" s="53">
        <v>-545945.02617801004</v>
      </c>
      <c r="T1230" s="53">
        <v>-545945.02617801004</v>
      </c>
      <c r="U1230" s="53">
        <v>-545945.02617801004</v>
      </c>
      <c r="V1230" s="53">
        <v>-545945.02617801004</v>
      </c>
      <c r="W1230" s="53">
        <v>-545945.02617801004</v>
      </c>
      <c r="X1230" s="53">
        <v>-545945.02617801004</v>
      </c>
      <c r="Y1230" s="53">
        <v>-545945.02617801004</v>
      </c>
      <c r="Z1230" s="53">
        <v>-545945.02617801004</v>
      </c>
      <c r="AA1230" s="53">
        <v>-6551340.3141361196</v>
      </c>
      <c r="AB1230" s="53">
        <v>-545945.02617801004</v>
      </c>
      <c r="AC1230" s="53">
        <v>-545945.02617801004</v>
      </c>
      <c r="AD1230" s="53">
        <v>-545945.02617801004</v>
      </c>
      <c r="AE1230" s="53">
        <v>-545945.02617801004</v>
      </c>
      <c r="AF1230" s="53">
        <v>-545945.02617801004</v>
      </c>
      <c r="AG1230" s="53">
        <v>-545945.02617801004</v>
      </c>
      <c r="AH1230" s="53">
        <v>-545945.02617801004</v>
      </c>
      <c r="AI1230" s="53">
        <v>-545945.02617801004</v>
      </c>
      <c r="AJ1230" s="53">
        <v>-545945.02617801004</v>
      </c>
      <c r="AK1230" s="53">
        <v>-545945.02617801004</v>
      </c>
      <c r="AL1230" s="53">
        <v>-545945.02617801004</v>
      </c>
      <c r="AM1230" s="53">
        <v>-545945.02617801004</v>
      </c>
      <c r="AN1230" s="53">
        <v>-6551340.3141361196</v>
      </c>
      <c r="AO1230" s="53">
        <v>-545945.02617801004</v>
      </c>
      <c r="AP1230" s="53">
        <v>-545945.02617801004</v>
      </c>
      <c r="AQ1230" s="53">
        <v>-545945.02617801004</v>
      </c>
      <c r="AR1230" s="53">
        <v>-545945.02617801004</v>
      </c>
      <c r="AS1230" s="53">
        <v>-545945.02617801004</v>
      </c>
      <c r="AT1230" s="53">
        <v>-545945.02617801004</v>
      </c>
      <c r="AU1230" s="53">
        <v>-545945.02617801004</v>
      </c>
      <c r="AV1230" s="53">
        <v>-545945.02617801004</v>
      </c>
      <c r="AW1230" s="53">
        <v>-545945.02617801004</v>
      </c>
      <c r="AX1230" s="53">
        <v>-545945.02617801004</v>
      </c>
      <c r="AY1230" s="53">
        <v>-545945.02617801004</v>
      </c>
      <c r="AZ1230" s="53">
        <v>-545945.02617801004</v>
      </c>
      <c r="BA1230" s="53">
        <v>-6551340.3141361196</v>
      </c>
      <c r="BB1230" s="53">
        <v>-545945.02617801004</v>
      </c>
      <c r="BC1230" s="53">
        <v>-545945.02617801004</v>
      </c>
      <c r="BD1230" s="53">
        <v>-545945.02617801004</v>
      </c>
      <c r="BE1230" s="53">
        <v>-545945.02617801004</v>
      </c>
      <c r="BF1230" s="53">
        <v>-545945.02617801004</v>
      </c>
      <c r="BG1230" s="53">
        <v>-545945.02617801004</v>
      </c>
      <c r="BH1230" s="53">
        <v>-545945.02617801004</v>
      </c>
      <c r="BI1230" s="53">
        <v>-545945.02617801004</v>
      </c>
      <c r="BJ1230" s="53">
        <v>-545945.02617801004</v>
      </c>
      <c r="BK1230" s="53">
        <v>-545945.02617801004</v>
      </c>
      <c r="BL1230" s="53">
        <v>-545945.02617801004</v>
      </c>
      <c r="BM1230" s="53">
        <v>-545945.02617801004</v>
      </c>
      <c r="BN1230" s="53">
        <v>-6551340.3141361196</v>
      </c>
      <c r="BO1230" s="53">
        <v>-545945.02617801004</v>
      </c>
      <c r="BP1230" s="53">
        <v>-545945.02617801004</v>
      </c>
      <c r="BQ1230" s="53">
        <v>-545945.02617801004</v>
      </c>
      <c r="BR1230" s="53">
        <v>-545945.02617801004</v>
      </c>
      <c r="BS1230" s="53">
        <v>-545945.02617801004</v>
      </c>
      <c r="BT1230" s="53">
        <v>-545945.02617801004</v>
      </c>
      <c r="BU1230" s="53">
        <v>-545945.02617801004</v>
      </c>
      <c r="BV1230" s="53">
        <v>-545945.02617801004</v>
      </c>
      <c r="BW1230" s="53">
        <v>-545945.02617801004</v>
      </c>
      <c r="BX1230" s="53">
        <v>-545945.02617801004</v>
      </c>
      <c r="BY1230" s="53">
        <v>-545945.02617801004</v>
      </c>
      <c r="BZ1230" s="53">
        <v>-545945.02617801004</v>
      </c>
      <c r="CA1230" s="53">
        <v>-6551340.3141361196</v>
      </c>
      <c r="CB1230" s="53"/>
      <c r="CC1230" s="53"/>
      <c r="CD1230" s="53"/>
      <c r="CE1230" s="53">
        <v>337500</v>
      </c>
      <c r="CF1230" s="53"/>
      <c r="CG1230" s="53"/>
      <c r="CH1230" s="53"/>
      <c r="CI1230" s="53"/>
      <c r="CJ1230" s="53"/>
      <c r="CK1230" s="53"/>
      <c r="CL1230" s="53"/>
      <c r="CM1230" s="53"/>
      <c r="CN1230" s="53">
        <v>337500</v>
      </c>
    </row>
    <row r="1231" spans="1:92" outlineLevel="1">
      <c r="A1231" s="52" t="s">
        <v>741</v>
      </c>
      <c r="B1231" s="53"/>
      <c r="C1231" s="53"/>
      <c r="D1231" s="53"/>
      <c r="E1231" s="53"/>
      <c r="F1231" s="53"/>
      <c r="G1231" s="53"/>
      <c r="H1231" s="53"/>
      <c r="I1231" s="53"/>
      <c r="J1231" s="53"/>
      <c r="K1231" s="53"/>
      <c r="L1231" s="53"/>
      <c r="M1231" s="53"/>
      <c r="N1231" s="53"/>
      <c r="O1231" s="53"/>
      <c r="P1231" s="53"/>
      <c r="Q1231" s="53"/>
      <c r="R1231" s="53"/>
      <c r="S1231" s="53"/>
      <c r="T1231" s="53"/>
      <c r="U1231" s="53"/>
      <c r="V1231" s="53"/>
      <c r="W1231" s="53"/>
      <c r="X1231" s="53"/>
      <c r="Y1231" s="53"/>
      <c r="Z1231" s="53"/>
      <c r="AA1231" s="53"/>
      <c r="AB1231" s="53"/>
      <c r="AC1231" s="53"/>
      <c r="AD1231" s="53"/>
      <c r="AE1231" s="53"/>
      <c r="AF1231" s="53"/>
      <c r="AG1231" s="53"/>
      <c r="AH1231" s="53"/>
      <c r="AI1231" s="53"/>
      <c r="AJ1231" s="53"/>
      <c r="AK1231" s="53"/>
      <c r="AL1231" s="53"/>
      <c r="AM1231" s="53"/>
      <c r="AN1231" s="53"/>
      <c r="AO1231" s="53"/>
      <c r="AP1231" s="53"/>
      <c r="AQ1231" s="53"/>
      <c r="AR1231" s="53"/>
      <c r="AS1231" s="53"/>
      <c r="AT1231" s="53"/>
      <c r="AU1231" s="53"/>
      <c r="AV1231" s="53"/>
      <c r="AW1231" s="53"/>
      <c r="AX1231" s="53"/>
      <c r="AY1231" s="53"/>
      <c r="AZ1231" s="53"/>
      <c r="BA1231" s="53"/>
      <c r="BB1231" s="53"/>
      <c r="BC1231" s="53"/>
      <c r="BD1231" s="53"/>
      <c r="BE1231" s="53"/>
      <c r="BF1231" s="53"/>
      <c r="BG1231" s="53"/>
      <c r="BH1231" s="53"/>
      <c r="BI1231" s="53"/>
      <c r="BJ1231" s="53"/>
      <c r="BK1231" s="53"/>
      <c r="BL1231" s="53"/>
      <c r="BM1231" s="53"/>
      <c r="BN1231" s="53"/>
      <c r="BO1231" s="53"/>
      <c r="BP1231" s="53"/>
      <c r="BQ1231" s="53"/>
      <c r="BR1231" s="53"/>
      <c r="BS1231" s="53"/>
      <c r="BT1231" s="53"/>
      <c r="BU1231" s="53"/>
      <c r="BV1231" s="53"/>
      <c r="BW1231" s="53"/>
      <c r="BX1231" s="53"/>
      <c r="BY1231" s="53"/>
      <c r="BZ1231" s="53"/>
      <c r="CA1231" s="53"/>
      <c r="CB1231" s="53"/>
      <c r="CC1231" s="53"/>
      <c r="CD1231" s="53"/>
      <c r="CE1231" s="53"/>
      <c r="CF1231" s="53"/>
      <c r="CG1231" s="53"/>
      <c r="CH1231" s="53"/>
      <c r="CI1231" s="53"/>
      <c r="CJ1231" s="53"/>
      <c r="CK1231" s="53"/>
      <c r="CL1231" s="53"/>
      <c r="CM1231" s="53"/>
      <c r="CN1231" s="53"/>
    </row>
    <row r="1232" spans="1:92">
      <c r="A1232" s="52" t="s">
        <v>742</v>
      </c>
      <c r="B1232" s="53"/>
      <c r="C1232" s="53"/>
      <c r="D1232" s="53"/>
      <c r="E1232" s="53"/>
      <c r="F1232" s="53"/>
      <c r="G1232" s="53"/>
      <c r="H1232" s="53"/>
      <c r="I1232" s="53"/>
      <c r="J1232" s="53"/>
      <c r="K1232" s="53"/>
      <c r="L1232" s="53"/>
      <c r="M1232" s="53"/>
      <c r="N1232" s="53"/>
      <c r="O1232" s="53"/>
      <c r="P1232" s="53"/>
      <c r="Q1232" s="53"/>
      <c r="R1232" s="53"/>
      <c r="S1232" s="53"/>
      <c r="T1232" s="53"/>
      <c r="U1232" s="53"/>
      <c r="V1232" s="53"/>
      <c r="W1232" s="53"/>
      <c r="X1232" s="53"/>
      <c r="Y1232" s="53"/>
      <c r="Z1232" s="53"/>
      <c r="AA1232" s="53"/>
      <c r="AB1232" s="53"/>
      <c r="AC1232" s="53"/>
      <c r="AD1232" s="53"/>
      <c r="AE1232" s="53"/>
      <c r="AF1232" s="53"/>
      <c r="AG1232" s="53"/>
      <c r="AH1232" s="53"/>
      <c r="AI1232" s="53"/>
      <c r="AJ1232" s="53"/>
      <c r="AK1232" s="53"/>
      <c r="AL1232" s="53"/>
      <c r="AM1232" s="53"/>
      <c r="AN1232" s="53"/>
      <c r="AO1232" s="53"/>
      <c r="AP1232" s="53"/>
      <c r="AQ1232" s="53"/>
      <c r="AR1232" s="53"/>
      <c r="AS1232" s="53"/>
      <c r="AT1232" s="53"/>
      <c r="AU1232" s="53"/>
      <c r="AV1232" s="53"/>
      <c r="AW1232" s="53"/>
      <c r="AX1232" s="53"/>
      <c r="AY1232" s="53"/>
      <c r="AZ1232" s="53"/>
      <c r="BA1232" s="53"/>
      <c r="BB1232" s="53"/>
      <c r="BC1232" s="53"/>
      <c r="BD1232" s="53"/>
      <c r="BE1232" s="53"/>
      <c r="BF1232" s="53"/>
      <c r="BG1232" s="53"/>
      <c r="BH1232" s="53"/>
      <c r="BI1232" s="53"/>
      <c r="BJ1232" s="53"/>
      <c r="BK1232" s="53"/>
      <c r="BL1232" s="53"/>
      <c r="BM1232" s="53"/>
      <c r="BN1232" s="53"/>
      <c r="BO1232" s="53"/>
      <c r="BP1232" s="53"/>
      <c r="BQ1232" s="53"/>
      <c r="BR1232" s="53"/>
      <c r="BS1232" s="53"/>
      <c r="BT1232" s="53"/>
      <c r="BU1232" s="53"/>
      <c r="BV1232" s="53"/>
      <c r="BW1232" s="53"/>
      <c r="BX1232" s="53"/>
      <c r="BY1232" s="53"/>
      <c r="BZ1232" s="53"/>
      <c r="CA1232" s="53"/>
      <c r="CB1232" s="53"/>
      <c r="CC1232" s="53"/>
      <c r="CD1232" s="53"/>
      <c r="CE1232" s="53"/>
      <c r="CF1232" s="53"/>
      <c r="CG1232" s="53"/>
      <c r="CH1232" s="53"/>
      <c r="CI1232" s="53"/>
      <c r="CJ1232" s="53"/>
      <c r="CK1232" s="53"/>
      <c r="CL1232" s="53"/>
      <c r="CM1232" s="53"/>
      <c r="CN1232" s="53"/>
    </row>
    <row r="1233" spans="1:92" outlineLevel="1">
      <c r="A1233" s="52" t="s">
        <v>649</v>
      </c>
      <c r="B1233" s="53">
        <v>-47000</v>
      </c>
      <c r="C1233" s="53">
        <v>-47000</v>
      </c>
      <c r="D1233" s="53">
        <v>-47000</v>
      </c>
      <c r="E1233" s="53">
        <v>-47000</v>
      </c>
      <c r="F1233" s="53">
        <v>-47000</v>
      </c>
      <c r="G1233" s="53">
        <v>-47000</v>
      </c>
      <c r="H1233" s="53">
        <v>-47000</v>
      </c>
      <c r="I1233" s="53">
        <v>-47000</v>
      </c>
      <c r="J1233" s="53">
        <v>-47000</v>
      </c>
      <c r="K1233" s="53">
        <v>-47000</v>
      </c>
      <c r="L1233" s="53">
        <v>-47000</v>
      </c>
      <c r="M1233" s="53">
        <v>-47000</v>
      </c>
      <c r="N1233" s="53">
        <v>-564000</v>
      </c>
      <c r="O1233" s="53">
        <v>-47000</v>
      </c>
      <c r="P1233" s="53">
        <v>-47000</v>
      </c>
      <c r="Q1233" s="53">
        <v>-47000</v>
      </c>
      <c r="R1233" s="53">
        <v>-57648.148148148102</v>
      </c>
      <c r="S1233" s="53">
        <v>-57648.148148148102</v>
      </c>
      <c r="T1233" s="53">
        <v>-57648.148148148102</v>
      </c>
      <c r="U1233" s="53">
        <v>-57648.148148148102</v>
      </c>
      <c r="V1233" s="53">
        <v>-57648.148148148102</v>
      </c>
      <c r="W1233" s="53">
        <v>-57648.148148148102</v>
      </c>
      <c r="X1233" s="53">
        <v>-57648.148148148102</v>
      </c>
      <c r="Y1233" s="53">
        <v>-57648.148148148102</v>
      </c>
      <c r="Z1233" s="53">
        <v>-57648.148148148102</v>
      </c>
      <c r="AA1233" s="53">
        <v>-659833.33333333302</v>
      </c>
      <c r="AB1233" s="53">
        <v>-57648.148148148102</v>
      </c>
      <c r="AC1233" s="53">
        <v>-57648.148148148102</v>
      </c>
      <c r="AD1233" s="53">
        <v>-57648.148148148102</v>
      </c>
      <c r="AE1233" s="53">
        <v>-68296.296296296307</v>
      </c>
      <c r="AF1233" s="53">
        <v>-68296.296296296307</v>
      </c>
      <c r="AG1233" s="53">
        <v>-68296.296296296307</v>
      </c>
      <c r="AH1233" s="53">
        <v>-68296.296296296307</v>
      </c>
      <c r="AI1233" s="53">
        <v>-68296.296296296307</v>
      </c>
      <c r="AJ1233" s="53">
        <v>-68296.296296296307</v>
      </c>
      <c r="AK1233" s="53">
        <v>-68296.296296296307</v>
      </c>
      <c r="AL1233" s="53">
        <v>-68296.296296296307</v>
      </c>
      <c r="AM1233" s="53">
        <v>-68296.296296296307</v>
      </c>
      <c r="AN1233" s="53">
        <v>-787611.11111111101</v>
      </c>
      <c r="AO1233" s="53">
        <v>-68296.296296296307</v>
      </c>
      <c r="AP1233" s="53">
        <v>-68296.296296296307</v>
      </c>
      <c r="AQ1233" s="53">
        <v>-68296.296296296307</v>
      </c>
      <c r="AR1233" s="53">
        <v>-78944.444444444394</v>
      </c>
      <c r="AS1233" s="53">
        <v>-78944.444444444394</v>
      </c>
      <c r="AT1233" s="53">
        <v>-78944.444444444394</v>
      </c>
      <c r="AU1233" s="53">
        <v>-78944.444444444394</v>
      </c>
      <c r="AV1233" s="53">
        <v>-78944.444444444394</v>
      </c>
      <c r="AW1233" s="53">
        <v>-78944.444444444394</v>
      </c>
      <c r="AX1233" s="53">
        <v>-78944.444444444394</v>
      </c>
      <c r="AY1233" s="53">
        <v>-78944.444444444394</v>
      </c>
      <c r="AZ1233" s="53">
        <v>-78944.444444444394</v>
      </c>
      <c r="BA1233" s="53">
        <v>-915388.88888888794</v>
      </c>
      <c r="BB1233" s="53">
        <v>-78944.444444444394</v>
      </c>
      <c r="BC1233" s="53">
        <v>-78944.444444444394</v>
      </c>
      <c r="BD1233" s="53">
        <v>-78944.444444444394</v>
      </c>
      <c r="BE1233" s="53">
        <v>-89592.592592592599</v>
      </c>
      <c r="BF1233" s="53">
        <v>-89592.592592592599</v>
      </c>
      <c r="BG1233" s="53">
        <v>-89592.592592592599</v>
      </c>
      <c r="BH1233" s="53">
        <v>-89592.592592592599</v>
      </c>
      <c r="BI1233" s="53">
        <v>-89592.592592592599</v>
      </c>
      <c r="BJ1233" s="53">
        <v>-89592.592592592599</v>
      </c>
      <c r="BK1233" s="53">
        <v>-89592.592592592599</v>
      </c>
      <c r="BL1233" s="53">
        <v>-89592.592592592599</v>
      </c>
      <c r="BM1233" s="53">
        <v>-89592.592592592599</v>
      </c>
      <c r="BN1233" s="53">
        <v>-1043166.66666666</v>
      </c>
      <c r="BO1233" s="53">
        <v>-89592.592592592599</v>
      </c>
      <c r="BP1233" s="53">
        <v>-89592.592592592599</v>
      </c>
      <c r="BQ1233" s="53">
        <v>-89592.592592592599</v>
      </c>
      <c r="BR1233" s="53">
        <v>-100240.74074074101</v>
      </c>
      <c r="BS1233" s="53">
        <v>-100240.74074074101</v>
      </c>
      <c r="BT1233" s="53">
        <v>-100240.74074074101</v>
      </c>
      <c r="BU1233" s="53">
        <v>-53240.740740740701</v>
      </c>
      <c r="BV1233" s="53">
        <v>-53240.740740740701</v>
      </c>
      <c r="BW1233" s="53">
        <v>-53240.740740740701</v>
      </c>
      <c r="BX1233" s="53">
        <v>-53240.740740740701</v>
      </c>
      <c r="BY1233" s="53">
        <v>-53240.740740740701</v>
      </c>
      <c r="BZ1233" s="53">
        <v>-53240.740740740701</v>
      </c>
      <c r="CA1233" s="53">
        <v>-888944.44444444403</v>
      </c>
      <c r="CB1233" s="53"/>
      <c r="CC1233" s="53"/>
      <c r="CD1233" s="53"/>
      <c r="CE1233" s="53"/>
      <c r="CF1233" s="53"/>
      <c r="CG1233" s="53"/>
      <c r="CH1233" s="53"/>
      <c r="CI1233" s="53"/>
      <c r="CJ1233" s="53"/>
      <c r="CK1233" s="53"/>
      <c r="CL1233" s="53"/>
      <c r="CM1233" s="53"/>
      <c r="CN1233" s="53"/>
    </row>
    <row r="1234" spans="1:92" outlineLevel="1">
      <c r="A1234" s="52" t="s">
        <v>744</v>
      </c>
      <c r="B1234" s="53"/>
      <c r="C1234" s="53"/>
      <c r="D1234" s="53"/>
      <c r="E1234" s="53"/>
      <c r="F1234" s="53"/>
      <c r="G1234" s="53"/>
      <c r="H1234" s="53"/>
      <c r="I1234" s="53"/>
      <c r="J1234" s="53"/>
      <c r="K1234" s="53"/>
      <c r="L1234" s="53"/>
      <c r="M1234" s="53"/>
      <c r="N1234" s="53"/>
      <c r="O1234" s="53"/>
      <c r="P1234" s="53"/>
      <c r="Q1234" s="53"/>
      <c r="R1234" s="53"/>
      <c r="S1234" s="53"/>
      <c r="T1234" s="53"/>
      <c r="U1234" s="53"/>
      <c r="V1234" s="53"/>
      <c r="W1234" s="53"/>
      <c r="X1234" s="53"/>
      <c r="Y1234" s="53"/>
      <c r="Z1234" s="53"/>
      <c r="AA1234" s="53"/>
      <c r="AB1234" s="53"/>
      <c r="AC1234" s="53"/>
      <c r="AD1234" s="53"/>
      <c r="AE1234" s="53"/>
      <c r="AF1234" s="53"/>
      <c r="AG1234" s="53"/>
      <c r="AH1234" s="53"/>
      <c r="AI1234" s="53"/>
      <c r="AJ1234" s="53"/>
      <c r="AK1234" s="53"/>
      <c r="AL1234" s="53"/>
      <c r="AM1234" s="53"/>
      <c r="AN1234" s="53"/>
      <c r="AO1234" s="53"/>
      <c r="AP1234" s="53"/>
      <c r="AQ1234" s="53"/>
      <c r="AR1234" s="53"/>
      <c r="AS1234" s="53"/>
      <c r="AT1234" s="53"/>
      <c r="AU1234" s="53"/>
      <c r="AV1234" s="53"/>
      <c r="AW1234" s="53"/>
      <c r="AX1234" s="53"/>
      <c r="AY1234" s="53"/>
      <c r="AZ1234" s="53"/>
      <c r="BA1234" s="53"/>
      <c r="BB1234" s="53"/>
      <c r="BC1234" s="53"/>
      <c r="BD1234" s="53"/>
      <c r="BE1234" s="53"/>
      <c r="BF1234" s="53"/>
      <c r="BG1234" s="53"/>
      <c r="BH1234" s="53"/>
      <c r="BI1234" s="53"/>
      <c r="BJ1234" s="53"/>
      <c r="BK1234" s="53"/>
      <c r="BL1234" s="53"/>
      <c r="BM1234" s="53"/>
      <c r="BN1234" s="53"/>
      <c r="BO1234" s="53"/>
      <c r="BP1234" s="53"/>
      <c r="BQ1234" s="53"/>
      <c r="BR1234" s="53"/>
      <c r="BS1234" s="53"/>
      <c r="BT1234" s="53"/>
      <c r="BU1234" s="53"/>
      <c r="BV1234" s="53"/>
      <c r="BW1234" s="53"/>
      <c r="BX1234" s="53"/>
      <c r="BY1234" s="53"/>
      <c r="BZ1234" s="53"/>
      <c r="CA1234" s="53"/>
      <c r="CB1234" s="53"/>
      <c r="CC1234" s="53"/>
      <c r="CD1234" s="53"/>
      <c r="CE1234" s="53"/>
      <c r="CF1234" s="53"/>
      <c r="CG1234" s="53"/>
      <c r="CH1234" s="53"/>
      <c r="CI1234" s="53"/>
      <c r="CJ1234" s="53"/>
      <c r="CK1234" s="53"/>
      <c r="CL1234" s="53"/>
      <c r="CM1234" s="53"/>
      <c r="CN1234" s="53"/>
    </row>
    <row r="1235" spans="1:92" outlineLevel="1">
      <c r="A1235" s="52" t="s">
        <v>649</v>
      </c>
      <c r="B1235" s="53">
        <v>-10885</v>
      </c>
      <c r="C1235" s="53">
        <v>-10885</v>
      </c>
      <c r="D1235" s="53">
        <v>-10885</v>
      </c>
      <c r="E1235" s="53">
        <v>-10885</v>
      </c>
      <c r="F1235" s="53">
        <v>-10885</v>
      </c>
      <c r="G1235" s="53">
        <v>-10885</v>
      </c>
      <c r="H1235" s="53">
        <v>-10885</v>
      </c>
      <c r="I1235" s="53">
        <v>-10885</v>
      </c>
      <c r="J1235" s="53">
        <v>-11196</v>
      </c>
      <c r="K1235" s="53">
        <v>-11196</v>
      </c>
      <c r="L1235" s="53">
        <v>-11196</v>
      </c>
      <c r="M1235" s="53">
        <v>-11196</v>
      </c>
      <c r="N1235" s="53">
        <v>-131864</v>
      </c>
      <c r="O1235" s="53">
        <v>-11196</v>
      </c>
      <c r="P1235" s="53">
        <v>-11196</v>
      </c>
      <c r="Q1235" s="53">
        <v>-11196</v>
      </c>
      <c r="R1235" s="53">
        <v>-11196</v>
      </c>
      <c r="S1235" s="53">
        <v>-11196</v>
      </c>
      <c r="T1235" s="53">
        <v>-11196</v>
      </c>
      <c r="U1235" s="53">
        <v>-11196</v>
      </c>
      <c r="V1235" s="53">
        <v>-11196</v>
      </c>
      <c r="W1235" s="53">
        <v>-11196</v>
      </c>
      <c r="X1235" s="53">
        <v>-11196</v>
      </c>
      <c r="Y1235" s="53">
        <v>-11196</v>
      </c>
      <c r="Z1235" s="53">
        <v>-11196</v>
      </c>
      <c r="AA1235" s="53">
        <v>-134352</v>
      </c>
      <c r="AB1235" s="53">
        <v>-11196</v>
      </c>
      <c r="AC1235" s="53">
        <v>-11196</v>
      </c>
      <c r="AD1235" s="53">
        <v>-11196</v>
      </c>
      <c r="AE1235" s="53">
        <v>-11196</v>
      </c>
      <c r="AF1235" s="53">
        <v>-11196</v>
      </c>
      <c r="AG1235" s="53">
        <v>-11196</v>
      </c>
      <c r="AH1235" s="53">
        <v>-11196</v>
      </c>
      <c r="AI1235" s="53">
        <v>-11196</v>
      </c>
      <c r="AJ1235" s="53">
        <v>-11196</v>
      </c>
      <c r="AK1235" s="53">
        <v>-11196</v>
      </c>
      <c r="AL1235" s="53">
        <v>-11196</v>
      </c>
      <c r="AM1235" s="53">
        <v>-11196</v>
      </c>
      <c r="AN1235" s="53">
        <v>-134352</v>
      </c>
      <c r="AO1235" s="53">
        <v>-11196</v>
      </c>
      <c r="AP1235" s="53">
        <v>-11196</v>
      </c>
      <c r="AQ1235" s="53">
        <v>-11196</v>
      </c>
      <c r="AR1235" s="53">
        <v>-11196</v>
      </c>
      <c r="AS1235" s="53">
        <v>-11196</v>
      </c>
      <c r="AT1235" s="53">
        <v>-11196</v>
      </c>
      <c r="AU1235" s="53">
        <v>-11196</v>
      </c>
      <c r="AV1235" s="53">
        <v>-11196</v>
      </c>
      <c r="AW1235" s="53">
        <v>-11196</v>
      </c>
      <c r="AX1235" s="53">
        <v>-11196</v>
      </c>
      <c r="AY1235" s="53">
        <v>-11196</v>
      </c>
      <c r="AZ1235" s="53">
        <v>-11196</v>
      </c>
      <c r="BA1235" s="53">
        <v>-134352</v>
      </c>
      <c r="BB1235" s="53">
        <v>-11196</v>
      </c>
      <c r="BC1235" s="53">
        <v>-11196</v>
      </c>
      <c r="BD1235" s="53">
        <v>-11196</v>
      </c>
      <c r="BE1235" s="53">
        <v>-11196</v>
      </c>
      <c r="BF1235" s="53">
        <v>-11196</v>
      </c>
      <c r="BG1235" s="53">
        <v>-11196</v>
      </c>
      <c r="BH1235" s="53">
        <v>-11196</v>
      </c>
      <c r="BI1235" s="53">
        <v>-11196</v>
      </c>
      <c r="BJ1235" s="53">
        <v>-11196</v>
      </c>
      <c r="BK1235" s="53">
        <v>-11196</v>
      </c>
      <c r="BL1235" s="53">
        <v>-11196</v>
      </c>
      <c r="BM1235" s="53">
        <v>-11196</v>
      </c>
      <c r="BN1235" s="53">
        <v>-134352</v>
      </c>
      <c r="BO1235" s="53">
        <v>-11196</v>
      </c>
      <c r="BP1235" s="53">
        <v>-11196</v>
      </c>
      <c r="BQ1235" s="53">
        <v>-11196</v>
      </c>
      <c r="BR1235" s="53">
        <v>-11196</v>
      </c>
      <c r="BS1235" s="53">
        <v>-11196</v>
      </c>
      <c r="BT1235" s="53">
        <v>-11196</v>
      </c>
      <c r="BU1235" s="53">
        <v>-11196</v>
      </c>
      <c r="BV1235" s="53">
        <v>-11196</v>
      </c>
      <c r="BW1235" s="53">
        <v>-11196</v>
      </c>
      <c r="BX1235" s="53">
        <v>-11196</v>
      </c>
      <c r="BY1235" s="53">
        <v>-11196</v>
      </c>
      <c r="BZ1235" s="53">
        <v>-11196</v>
      </c>
      <c r="CA1235" s="53">
        <v>-134352</v>
      </c>
      <c r="CB1235" s="53"/>
      <c r="CC1235" s="53"/>
      <c r="CD1235" s="53"/>
      <c r="CE1235" s="53"/>
      <c r="CF1235" s="53"/>
      <c r="CG1235" s="53"/>
      <c r="CH1235" s="53"/>
      <c r="CI1235" s="53"/>
      <c r="CJ1235" s="53"/>
      <c r="CK1235" s="53"/>
      <c r="CL1235" s="53"/>
      <c r="CM1235" s="53"/>
      <c r="CN1235" s="53"/>
    </row>
    <row r="1236" spans="1:92" outlineLevel="1">
      <c r="A1236" s="59" t="s">
        <v>1502</v>
      </c>
      <c r="B1236" s="53">
        <v>399025828.94999999</v>
      </c>
      <c r="C1236" s="53">
        <v>402063796.85000002</v>
      </c>
      <c r="D1236" s="53">
        <v>416149345.13</v>
      </c>
      <c r="E1236" s="53">
        <v>418919534.94</v>
      </c>
      <c r="F1236" s="53">
        <v>408719206.29000002</v>
      </c>
      <c r="G1236" s="53">
        <v>405009396.93000001</v>
      </c>
      <c r="H1236" s="53">
        <v>400819068.55000001</v>
      </c>
      <c r="I1236" s="53">
        <v>405581800.02999997</v>
      </c>
      <c r="J1236" s="53">
        <v>428329628.36000001</v>
      </c>
      <c r="K1236" s="53">
        <v>419230153.62</v>
      </c>
      <c r="L1236" s="53">
        <v>403325872.21999902</v>
      </c>
      <c r="M1236" s="53">
        <v>369271497.10000002</v>
      </c>
      <c r="N1236" s="53">
        <v>369271497.10000002</v>
      </c>
      <c r="O1236" s="53">
        <v>368667356.07382202</v>
      </c>
      <c r="P1236" s="53">
        <v>368063215.04764402</v>
      </c>
      <c r="Q1236" s="53">
        <v>368097962.91035497</v>
      </c>
      <c r="R1236" s="53">
        <v>367820673.73602802</v>
      </c>
      <c r="S1236" s="53">
        <v>367205884.56170201</v>
      </c>
      <c r="T1236" s="53">
        <v>366591095.38737601</v>
      </c>
      <c r="U1236" s="53">
        <v>365976306.21305001</v>
      </c>
      <c r="V1236" s="53">
        <v>365361517.03872401</v>
      </c>
      <c r="W1236" s="53">
        <v>364746727.864398</v>
      </c>
      <c r="X1236" s="53">
        <v>364131938.69007099</v>
      </c>
      <c r="Y1236" s="53">
        <v>363517149.51574498</v>
      </c>
      <c r="Z1236" s="53">
        <v>362902360.34141898</v>
      </c>
      <c r="AA1236" s="53">
        <v>362902360.34141898</v>
      </c>
      <c r="AB1236" s="53">
        <v>362287571.16709298</v>
      </c>
      <c r="AC1236" s="53">
        <v>361672781.99276698</v>
      </c>
      <c r="AD1236" s="53">
        <v>361696881.70732999</v>
      </c>
      <c r="AE1236" s="53">
        <v>361071444.38485497</v>
      </c>
      <c r="AF1236" s="53">
        <v>360446007.06238103</v>
      </c>
      <c r="AG1236" s="53">
        <v>359820569.73990703</v>
      </c>
      <c r="AH1236" s="53">
        <v>359195132.41743201</v>
      </c>
      <c r="AI1236" s="53">
        <v>358569695.09495801</v>
      </c>
      <c r="AJ1236" s="53">
        <v>357944257.772484</v>
      </c>
      <c r="AK1236" s="53">
        <v>357318820.45000899</v>
      </c>
      <c r="AL1236" s="53">
        <v>356693383.12753499</v>
      </c>
      <c r="AM1236" s="53">
        <v>356067945.80506098</v>
      </c>
      <c r="AN1236" s="53">
        <v>356067945.80506098</v>
      </c>
      <c r="AO1236" s="53">
        <v>355442508.48258603</v>
      </c>
      <c r="AP1236" s="53">
        <v>354817071.16011202</v>
      </c>
      <c r="AQ1236" s="53">
        <v>354830522.72652698</v>
      </c>
      <c r="AR1236" s="53">
        <v>354194437.25590402</v>
      </c>
      <c r="AS1236" s="53">
        <v>353558351.78528202</v>
      </c>
      <c r="AT1236" s="53">
        <v>352922266.314659</v>
      </c>
      <c r="AU1236" s="53">
        <v>352286180.844037</v>
      </c>
      <c r="AV1236" s="53">
        <v>351650095.37341398</v>
      </c>
      <c r="AW1236" s="53">
        <v>351014009.90279198</v>
      </c>
      <c r="AX1236" s="53">
        <v>350377924.43216902</v>
      </c>
      <c r="AY1236" s="53">
        <v>349741838.96154702</v>
      </c>
      <c r="AZ1236" s="53">
        <v>349105753.49092501</v>
      </c>
      <c r="BA1236" s="53">
        <v>349105753.49092501</v>
      </c>
      <c r="BB1236" s="53">
        <v>348469668.020302</v>
      </c>
      <c r="BC1236" s="53">
        <v>347833582.54967999</v>
      </c>
      <c r="BD1236" s="53">
        <v>347836385.96794599</v>
      </c>
      <c r="BE1236" s="53">
        <v>347527152.34917498</v>
      </c>
      <c r="BF1236" s="53">
        <v>346880418.73040497</v>
      </c>
      <c r="BG1236" s="53">
        <v>346233685.11163402</v>
      </c>
      <c r="BH1236" s="53">
        <v>345586951.49286401</v>
      </c>
      <c r="BI1236" s="53">
        <v>344940217.874093</v>
      </c>
      <c r="BJ1236" s="53">
        <v>344293484.25532198</v>
      </c>
      <c r="BK1236" s="53">
        <v>343646750.63655198</v>
      </c>
      <c r="BL1236" s="53">
        <v>343000017.01778102</v>
      </c>
      <c r="BM1236" s="53">
        <v>342353283.39901102</v>
      </c>
      <c r="BN1236" s="53">
        <v>342353283.39901102</v>
      </c>
      <c r="BO1236" s="53">
        <v>341706549.78024</v>
      </c>
      <c r="BP1236" s="53">
        <v>341059816.16146898</v>
      </c>
      <c r="BQ1236" s="53">
        <v>341051971.43158799</v>
      </c>
      <c r="BR1236" s="53">
        <v>340394589.66466898</v>
      </c>
      <c r="BS1236" s="53">
        <v>339737207.89775002</v>
      </c>
      <c r="BT1236" s="53">
        <v>339079826.130831</v>
      </c>
      <c r="BU1236" s="53">
        <v>338469444.363913</v>
      </c>
      <c r="BV1236" s="53">
        <v>337859062.59699398</v>
      </c>
      <c r="BW1236" s="53">
        <v>337248680.83007503</v>
      </c>
      <c r="BX1236" s="53">
        <v>336638299.06315601</v>
      </c>
      <c r="BY1236" s="53">
        <v>336027917.29623801</v>
      </c>
      <c r="BZ1236" s="53">
        <v>335417535.52931899</v>
      </c>
      <c r="CA1236" s="53">
        <v>335417535.52931899</v>
      </c>
      <c r="CB1236" s="53"/>
      <c r="CC1236" s="53"/>
      <c r="CD1236" s="53"/>
      <c r="CE1236" s="53"/>
      <c r="CF1236" s="53"/>
      <c r="CG1236" s="53"/>
      <c r="CH1236" s="53"/>
      <c r="CI1236" s="53"/>
      <c r="CJ1236" s="53"/>
      <c r="CK1236" s="53"/>
      <c r="CL1236" s="53"/>
      <c r="CM1236" s="53"/>
      <c r="CN1236" s="53"/>
    </row>
    <row r="1237" spans="1:92" outlineLevel="1">
      <c r="A1237" s="52" t="s">
        <v>1218</v>
      </c>
      <c r="B1237" s="53">
        <v>1822186981.4319999</v>
      </c>
      <c r="C1237" s="53">
        <v>1969777258.01</v>
      </c>
      <c r="D1237" s="53">
        <v>1916999830.78</v>
      </c>
      <c r="E1237" s="53">
        <v>1921155296.2</v>
      </c>
      <c r="F1237" s="53">
        <v>1911876184.96</v>
      </c>
      <c r="G1237" s="53">
        <v>1864339220.0699999</v>
      </c>
      <c r="H1237" s="53">
        <v>1900834152.45</v>
      </c>
      <c r="I1237" s="53">
        <v>1891814566.8299999</v>
      </c>
      <c r="J1237" s="53">
        <v>1894670878.5</v>
      </c>
      <c r="K1237" s="53">
        <v>2030316857.6700001</v>
      </c>
      <c r="L1237" s="53">
        <v>2157997582.9299998</v>
      </c>
      <c r="M1237" s="53">
        <v>2196767790.6399999</v>
      </c>
      <c r="N1237" s="53">
        <v>1822186981.4319999</v>
      </c>
      <c r="O1237" s="53">
        <v>2356523146.8000002</v>
      </c>
      <c r="P1237" s="53">
        <v>2346447061.5238099</v>
      </c>
      <c r="Q1237" s="53">
        <v>2336374244.0946999</v>
      </c>
      <c r="R1237" s="53">
        <v>2325374179.4419999</v>
      </c>
      <c r="S1237" s="53">
        <v>2278984656.9022899</v>
      </c>
      <c r="T1237" s="53">
        <v>2232145899.8999</v>
      </c>
      <c r="U1237" s="53">
        <v>2183609091.0695901</v>
      </c>
      <c r="V1237" s="53">
        <v>2137195264.57743</v>
      </c>
      <c r="W1237" s="53">
        <v>2090622183.04636</v>
      </c>
      <c r="X1237" s="53">
        <v>2042321900.2941101</v>
      </c>
      <c r="Y1237" s="53">
        <v>1995445123.9629099</v>
      </c>
      <c r="Z1237" s="53">
        <v>1948437185.01087</v>
      </c>
      <c r="AA1237" s="53">
        <v>2356523146.8000002</v>
      </c>
      <c r="AB1237" s="53">
        <v>1899887376.1042099</v>
      </c>
      <c r="AC1237" s="53">
        <v>1855901350.5331099</v>
      </c>
      <c r="AD1237" s="53">
        <v>1811913673.9619999</v>
      </c>
      <c r="AE1237" s="53">
        <v>1766995782.45979</v>
      </c>
      <c r="AF1237" s="53">
        <v>1760712540.74053</v>
      </c>
      <c r="AG1237" s="53">
        <v>1754436253.0212801</v>
      </c>
      <c r="AH1237" s="53">
        <v>1746594255.4820299</v>
      </c>
      <c r="AI1237" s="53">
        <v>1740326051.7627699</v>
      </c>
      <c r="AJ1237" s="53">
        <v>1734060372.04352</v>
      </c>
      <c r="AK1237" s="53">
        <v>1726222100.5042701</v>
      </c>
      <c r="AL1237" s="53">
        <v>1719957716.7850101</v>
      </c>
      <c r="AM1237" s="53">
        <v>1713699401.0657599</v>
      </c>
      <c r="AN1237" s="53">
        <v>1899887376.1042099</v>
      </c>
      <c r="AO1237" s="53">
        <v>1705872889.52651</v>
      </c>
      <c r="AP1237" s="53">
        <v>1669671990.3792601</v>
      </c>
      <c r="AQ1237" s="53">
        <v>1662471091.2320099</v>
      </c>
      <c r="AR1237" s="53">
        <v>1654338742.1536601</v>
      </c>
      <c r="AS1237" s="53">
        <v>1647127194.8582599</v>
      </c>
      <c r="AT1237" s="53">
        <v>1639915647.56287</v>
      </c>
      <c r="AU1237" s="53">
        <v>1631133761.4474699</v>
      </c>
      <c r="AV1237" s="53">
        <v>1623922214.1520801</v>
      </c>
      <c r="AW1237" s="53">
        <v>1616710666.8566799</v>
      </c>
      <c r="AX1237" s="53">
        <v>1607997763.0885401</v>
      </c>
      <c r="AY1237" s="53">
        <v>1600999503.1403999</v>
      </c>
      <c r="AZ1237" s="53">
        <v>1594001243.19225</v>
      </c>
      <c r="BA1237" s="53">
        <v>1705872889.52651</v>
      </c>
      <c r="BB1237" s="53">
        <v>1585432644.4241099</v>
      </c>
      <c r="BC1237" s="53">
        <v>1579616889.7337</v>
      </c>
      <c r="BD1237" s="53">
        <v>1573801135.0432799</v>
      </c>
      <c r="BE1237" s="53">
        <v>1567053930.4217601</v>
      </c>
      <c r="BF1237" s="53">
        <v>1561565027.5832</v>
      </c>
      <c r="BG1237" s="53">
        <v>1555738624.7446499</v>
      </c>
      <c r="BH1237" s="53">
        <v>1548341883.0860901</v>
      </c>
      <c r="BI1237" s="53">
        <v>1542515480.24753</v>
      </c>
      <c r="BJ1237" s="53">
        <v>1536689077.4089701</v>
      </c>
      <c r="BK1237" s="53">
        <v>1529292335.7504101</v>
      </c>
      <c r="BL1237" s="53">
        <v>1523465932.91185</v>
      </c>
      <c r="BM1237" s="53">
        <v>1517639530.0732901</v>
      </c>
      <c r="BN1237" s="53">
        <v>1585432644.4241099</v>
      </c>
      <c r="BO1237" s="53">
        <v>1510242788.4147301</v>
      </c>
      <c r="BP1237" s="53">
        <v>1507460540.45118</v>
      </c>
      <c r="BQ1237" s="53">
        <v>1504678292.4876201</v>
      </c>
      <c r="BR1237" s="53">
        <v>1500964594.5929501</v>
      </c>
      <c r="BS1237" s="53">
        <v>1498171698.48124</v>
      </c>
      <c r="BT1237" s="53">
        <v>1495378802.36953</v>
      </c>
      <c r="BU1237" s="53">
        <v>1491015567.43783</v>
      </c>
      <c r="BV1237" s="53">
        <v>1488261264.38627</v>
      </c>
      <c r="BW1237" s="53">
        <v>1485498554.39486</v>
      </c>
      <c r="BX1237" s="53">
        <v>1481874478.40346</v>
      </c>
      <c r="BY1237" s="53">
        <v>1479111768.41205</v>
      </c>
      <c r="BZ1237" s="53">
        <v>1476349058.42065</v>
      </c>
      <c r="CA1237" s="53">
        <v>1510242788.4147301</v>
      </c>
      <c r="CB1237" s="53">
        <v>-545945.02617801004</v>
      </c>
      <c r="CC1237" s="53">
        <v>-545945.02617801004</v>
      </c>
      <c r="CD1237" s="53">
        <v>-545945.02617801004</v>
      </c>
      <c r="CE1237" s="53">
        <v>-545945.02617801004</v>
      </c>
      <c r="CF1237" s="53">
        <v>-545945.02617801004</v>
      </c>
      <c r="CG1237" s="53">
        <v>-545945.02617801004</v>
      </c>
      <c r="CH1237" s="53">
        <v>-545945.02617801004</v>
      </c>
      <c r="CI1237" s="53">
        <v>-545945.02617801004</v>
      </c>
      <c r="CJ1237" s="53">
        <v>-545945.02617801004</v>
      </c>
      <c r="CK1237" s="53">
        <v>-545945.02617801004</v>
      </c>
      <c r="CL1237" s="53">
        <v>-545945.02617801004</v>
      </c>
      <c r="CM1237" s="53">
        <v>-545945.02617801004</v>
      </c>
      <c r="CN1237" s="53">
        <v>-6551340.3141361196</v>
      </c>
    </row>
    <row r="1238" spans="1:92" outlineLevel="1">
      <c r="A1238" s="52" t="s">
        <v>699</v>
      </c>
      <c r="B1238" s="53"/>
      <c r="C1238" s="53"/>
      <c r="D1238" s="53"/>
      <c r="E1238" s="53"/>
      <c r="F1238" s="53"/>
      <c r="G1238" s="53"/>
      <c r="H1238" s="53"/>
      <c r="I1238" s="53"/>
      <c r="J1238" s="53"/>
      <c r="K1238" s="53"/>
      <c r="L1238" s="53"/>
      <c r="M1238" s="53"/>
      <c r="N1238" s="53"/>
      <c r="O1238" s="53"/>
      <c r="P1238" s="53"/>
      <c r="Q1238" s="53"/>
      <c r="R1238" s="53"/>
      <c r="S1238" s="53"/>
      <c r="T1238" s="53"/>
      <c r="U1238" s="53"/>
      <c r="V1238" s="53"/>
      <c r="W1238" s="53"/>
      <c r="X1238" s="53"/>
      <c r="Y1238" s="53"/>
      <c r="Z1238" s="53"/>
      <c r="AA1238" s="53"/>
      <c r="AB1238" s="53"/>
      <c r="AC1238" s="53"/>
      <c r="AD1238" s="53"/>
      <c r="AE1238" s="53"/>
      <c r="AF1238" s="53"/>
      <c r="AG1238" s="53"/>
      <c r="AH1238" s="53"/>
      <c r="AI1238" s="53"/>
      <c r="AJ1238" s="53"/>
      <c r="AK1238" s="53"/>
      <c r="AL1238" s="53"/>
      <c r="AM1238" s="53"/>
      <c r="AN1238" s="53"/>
      <c r="AO1238" s="53"/>
      <c r="AP1238" s="53"/>
      <c r="AQ1238" s="53"/>
      <c r="AR1238" s="53"/>
      <c r="AS1238" s="53"/>
      <c r="AT1238" s="53"/>
      <c r="AU1238" s="53"/>
      <c r="AV1238" s="53"/>
      <c r="AW1238" s="53"/>
      <c r="AX1238" s="53"/>
      <c r="AY1238" s="53"/>
      <c r="AZ1238" s="53"/>
      <c r="BA1238" s="53"/>
      <c r="BB1238" s="53"/>
      <c r="BC1238" s="53"/>
      <c r="BD1238" s="53"/>
      <c r="BE1238" s="53"/>
      <c r="BF1238" s="53"/>
      <c r="BG1238" s="53"/>
      <c r="BH1238" s="53"/>
      <c r="BI1238" s="53"/>
      <c r="BJ1238" s="53"/>
      <c r="BK1238" s="53"/>
      <c r="BL1238" s="53"/>
      <c r="BM1238" s="53"/>
      <c r="BN1238" s="53"/>
      <c r="BO1238" s="53"/>
      <c r="BP1238" s="53"/>
      <c r="BQ1238" s="53"/>
      <c r="BR1238" s="53"/>
      <c r="BS1238" s="53"/>
      <c r="BT1238" s="53"/>
      <c r="BU1238" s="53"/>
      <c r="BV1238" s="53"/>
      <c r="BW1238" s="53"/>
      <c r="BX1238" s="53"/>
      <c r="BY1238" s="53"/>
      <c r="BZ1238" s="53"/>
      <c r="CA1238" s="53"/>
      <c r="CB1238" s="53"/>
      <c r="CC1238" s="53"/>
      <c r="CD1238" s="53"/>
      <c r="CE1238" s="53"/>
      <c r="CF1238" s="53"/>
      <c r="CG1238" s="53"/>
      <c r="CH1238" s="53"/>
      <c r="CI1238" s="53"/>
      <c r="CJ1238" s="53"/>
      <c r="CK1238" s="53"/>
      <c r="CL1238" s="53"/>
      <c r="CM1238" s="53"/>
      <c r="CN1238" s="53"/>
    </row>
    <row r="1239" spans="1:92" outlineLevel="1">
      <c r="A1239" s="52" t="s">
        <v>741</v>
      </c>
      <c r="B1239" s="53"/>
      <c r="C1239" s="53"/>
      <c r="D1239" s="53"/>
      <c r="E1239" s="53"/>
      <c r="F1239" s="53"/>
      <c r="G1239" s="53"/>
      <c r="H1239" s="53"/>
      <c r="I1239" s="53"/>
      <c r="J1239" s="53"/>
      <c r="K1239" s="53"/>
      <c r="L1239" s="53"/>
      <c r="M1239" s="53"/>
      <c r="N1239" s="53"/>
      <c r="O1239" s="53"/>
      <c r="P1239" s="53"/>
      <c r="Q1239" s="53"/>
      <c r="R1239" s="53"/>
      <c r="S1239" s="53"/>
      <c r="T1239" s="53"/>
      <c r="U1239" s="53"/>
      <c r="V1239" s="53"/>
      <c r="W1239" s="53"/>
      <c r="X1239" s="53"/>
      <c r="Y1239" s="53"/>
      <c r="Z1239" s="53"/>
      <c r="AA1239" s="53"/>
      <c r="AB1239" s="53"/>
      <c r="AC1239" s="53"/>
      <c r="AD1239" s="53"/>
      <c r="AE1239" s="53"/>
      <c r="AF1239" s="53"/>
      <c r="AG1239" s="53"/>
      <c r="AH1239" s="53"/>
      <c r="AI1239" s="53"/>
      <c r="AJ1239" s="53"/>
      <c r="AK1239" s="53"/>
      <c r="AL1239" s="53"/>
      <c r="AM1239" s="53"/>
      <c r="AN1239" s="53"/>
      <c r="AO1239" s="53"/>
      <c r="AP1239" s="53"/>
      <c r="AQ1239" s="53"/>
      <c r="AR1239" s="53"/>
      <c r="AS1239" s="53"/>
      <c r="AT1239" s="53"/>
      <c r="AU1239" s="53"/>
      <c r="AV1239" s="53"/>
      <c r="AW1239" s="53"/>
      <c r="AX1239" s="53"/>
      <c r="AY1239" s="53"/>
      <c r="AZ1239" s="53"/>
      <c r="BA1239" s="53"/>
      <c r="BB1239" s="53"/>
      <c r="BC1239" s="53"/>
      <c r="BD1239" s="53"/>
      <c r="BE1239" s="53"/>
      <c r="BF1239" s="53"/>
      <c r="BG1239" s="53"/>
      <c r="BH1239" s="53"/>
      <c r="BI1239" s="53"/>
      <c r="BJ1239" s="53"/>
      <c r="BK1239" s="53"/>
      <c r="BL1239" s="53"/>
      <c r="BM1239" s="53"/>
      <c r="BN1239" s="53"/>
      <c r="BO1239" s="53"/>
      <c r="BP1239" s="53"/>
      <c r="BQ1239" s="53"/>
      <c r="BR1239" s="53"/>
      <c r="BS1239" s="53"/>
      <c r="BT1239" s="53"/>
      <c r="BU1239" s="53"/>
      <c r="BV1239" s="53"/>
      <c r="BW1239" s="53"/>
      <c r="BX1239" s="53"/>
      <c r="BY1239" s="53"/>
      <c r="BZ1239" s="53"/>
      <c r="CA1239" s="53"/>
      <c r="CB1239" s="53"/>
      <c r="CC1239" s="53"/>
      <c r="CD1239" s="53"/>
      <c r="CE1239" s="53"/>
      <c r="CF1239" s="53"/>
      <c r="CG1239" s="53"/>
      <c r="CH1239" s="53"/>
      <c r="CI1239" s="53"/>
      <c r="CJ1239" s="53"/>
      <c r="CK1239" s="53"/>
      <c r="CL1239" s="53"/>
      <c r="CM1239" s="53"/>
      <c r="CN1239" s="53"/>
    </row>
    <row r="1240" spans="1:92" outlineLevel="1">
      <c r="A1240" s="52" t="s">
        <v>1470</v>
      </c>
      <c r="B1240" s="53"/>
      <c r="C1240" s="53"/>
      <c r="D1240" s="53"/>
      <c r="E1240" s="53"/>
      <c r="F1240" s="53"/>
      <c r="G1240" s="53"/>
      <c r="H1240" s="53"/>
      <c r="I1240" s="53"/>
      <c r="J1240" s="53"/>
      <c r="K1240" s="53"/>
      <c r="L1240" s="53"/>
      <c r="M1240" s="53"/>
      <c r="N1240" s="53"/>
      <c r="O1240" s="53"/>
      <c r="P1240" s="53"/>
      <c r="Q1240" s="53"/>
      <c r="R1240" s="53"/>
      <c r="S1240" s="53"/>
      <c r="T1240" s="53"/>
      <c r="U1240" s="53"/>
      <c r="V1240" s="53"/>
      <c r="W1240" s="53"/>
      <c r="X1240" s="53"/>
      <c r="Y1240" s="53"/>
      <c r="Z1240" s="53"/>
      <c r="AA1240" s="53"/>
      <c r="AB1240" s="53"/>
      <c r="AC1240" s="53"/>
      <c r="AD1240" s="53"/>
      <c r="AE1240" s="53"/>
      <c r="AF1240" s="53"/>
      <c r="AG1240" s="53"/>
      <c r="AH1240" s="53"/>
      <c r="AI1240" s="53"/>
      <c r="AJ1240" s="53"/>
      <c r="AK1240" s="53"/>
      <c r="AL1240" s="53"/>
      <c r="AM1240" s="53"/>
      <c r="AN1240" s="53"/>
      <c r="AO1240" s="53"/>
      <c r="AP1240" s="53"/>
      <c r="AQ1240" s="53"/>
      <c r="AR1240" s="53"/>
      <c r="AS1240" s="53"/>
      <c r="AT1240" s="53"/>
      <c r="AU1240" s="53"/>
      <c r="AV1240" s="53"/>
      <c r="AW1240" s="53"/>
      <c r="AX1240" s="53"/>
      <c r="AY1240" s="53"/>
      <c r="AZ1240" s="53"/>
      <c r="BA1240" s="53"/>
      <c r="BB1240" s="53"/>
      <c r="BC1240" s="53"/>
      <c r="BD1240" s="53"/>
      <c r="BE1240" s="53"/>
      <c r="BF1240" s="53"/>
      <c r="BG1240" s="53"/>
      <c r="BH1240" s="53"/>
      <c r="BI1240" s="53"/>
      <c r="BJ1240" s="53"/>
      <c r="BK1240" s="53"/>
      <c r="BL1240" s="53"/>
      <c r="BM1240" s="53"/>
      <c r="BN1240" s="53"/>
      <c r="BO1240" s="53"/>
      <c r="BP1240" s="53"/>
      <c r="BQ1240" s="53"/>
      <c r="BR1240" s="53"/>
      <c r="BS1240" s="53"/>
      <c r="BT1240" s="53"/>
      <c r="BU1240" s="53"/>
      <c r="BV1240" s="53"/>
      <c r="BW1240" s="53"/>
      <c r="BX1240" s="53"/>
      <c r="BY1240" s="53"/>
      <c r="BZ1240" s="53"/>
      <c r="CA1240" s="53"/>
      <c r="CB1240" s="53">
        <v>-74166.666666666701</v>
      </c>
      <c r="CC1240" s="53">
        <v>-74166.666666666701</v>
      </c>
      <c r="CD1240" s="53">
        <v>-74166.666666666701</v>
      </c>
      <c r="CE1240" s="53">
        <v>-36458.333333333299</v>
      </c>
      <c r="CF1240" s="53">
        <v>-36458.333333333299</v>
      </c>
      <c r="CG1240" s="53">
        <v>-36458.333333333299</v>
      </c>
      <c r="CH1240" s="53">
        <v>-36458.333333333299</v>
      </c>
      <c r="CI1240" s="53">
        <v>-36458.333333333299</v>
      </c>
      <c r="CJ1240" s="53">
        <v>-36458.333333333299</v>
      </c>
      <c r="CK1240" s="53">
        <v>-36458.333333333299</v>
      </c>
      <c r="CL1240" s="53">
        <v>-36458.333333333299</v>
      </c>
      <c r="CM1240" s="53">
        <v>-36458.333333333299</v>
      </c>
      <c r="CN1240" s="53">
        <v>-550624.99999999895</v>
      </c>
    </row>
    <row r="1241" spans="1:92" outlineLevel="1">
      <c r="A1241" s="52" t="s">
        <v>649</v>
      </c>
      <c r="B1241" s="53"/>
      <c r="C1241" s="53"/>
      <c r="D1241" s="53"/>
      <c r="E1241" s="53"/>
      <c r="F1241" s="53"/>
      <c r="G1241" s="53"/>
      <c r="H1241" s="53"/>
      <c r="I1241" s="53"/>
      <c r="J1241" s="53"/>
      <c r="K1241" s="53"/>
      <c r="L1241" s="53"/>
      <c r="M1241" s="53"/>
      <c r="N1241" s="53"/>
      <c r="O1241" s="53"/>
      <c r="P1241" s="53"/>
      <c r="Q1241" s="53">
        <v>638888.88888888899</v>
      </c>
      <c r="R1241" s="53"/>
      <c r="S1241" s="53"/>
      <c r="T1241" s="53"/>
      <c r="U1241" s="53"/>
      <c r="V1241" s="53"/>
      <c r="W1241" s="53"/>
      <c r="X1241" s="53"/>
      <c r="Y1241" s="53"/>
      <c r="Z1241" s="53"/>
      <c r="AA1241" s="53">
        <v>638888.88888888899</v>
      </c>
      <c r="AB1241" s="53"/>
      <c r="AC1241" s="53"/>
      <c r="AD1241" s="53">
        <v>638888.88888888899</v>
      </c>
      <c r="AE1241" s="53"/>
      <c r="AF1241" s="53"/>
      <c r="AG1241" s="53"/>
      <c r="AH1241" s="53"/>
      <c r="AI1241" s="53"/>
      <c r="AJ1241" s="53"/>
      <c r="AK1241" s="53"/>
      <c r="AL1241" s="53"/>
      <c r="AM1241" s="53"/>
      <c r="AN1241" s="53">
        <v>638888.88888888899</v>
      </c>
      <c r="AO1241" s="53"/>
      <c r="AP1241" s="53"/>
      <c r="AQ1241" s="53">
        <v>638888.88888888899</v>
      </c>
      <c r="AR1241" s="53"/>
      <c r="AS1241" s="53"/>
      <c r="AT1241" s="53"/>
      <c r="AU1241" s="53"/>
      <c r="AV1241" s="53"/>
      <c r="AW1241" s="53"/>
      <c r="AX1241" s="53"/>
      <c r="AY1241" s="53"/>
      <c r="AZ1241" s="53"/>
      <c r="BA1241" s="53">
        <v>638888.88888888899</v>
      </c>
      <c r="BB1241" s="53"/>
      <c r="BC1241" s="53"/>
      <c r="BD1241" s="53">
        <v>638888.88888888899</v>
      </c>
      <c r="BE1241" s="53"/>
      <c r="BF1241" s="53"/>
      <c r="BG1241" s="53"/>
      <c r="BH1241" s="53"/>
      <c r="BI1241" s="53"/>
      <c r="BJ1241" s="53"/>
      <c r="BK1241" s="53"/>
      <c r="BL1241" s="53"/>
      <c r="BM1241" s="53"/>
      <c r="BN1241" s="53">
        <v>638888.88888888899</v>
      </c>
      <c r="BO1241" s="53"/>
      <c r="BP1241" s="53"/>
      <c r="BQ1241" s="53">
        <v>638888.88888888899</v>
      </c>
      <c r="BR1241" s="53"/>
      <c r="BS1241" s="53"/>
      <c r="BT1241" s="53"/>
      <c r="BU1241" s="53"/>
      <c r="BV1241" s="53"/>
      <c r="BW1241" s="53"/>
      <c r="BX1241" s="53"/>
      <c r="BY1241" s="53"/>
      <c r="BZ1241" s="53"/>
      <c r="CA1241" s="53">
        <v>638888.88888888899</v>
      </c>
      <c r="CB1241" s="53"/>
      <c r="CC1241" s="53"/>
      <c r="CD1241" s="53"/>
      <c r="CE1241" s="53"/>
      <c r="CF1241" s="53"/>
      <c r="CG1241" s="53"/>
      <c r="CH1241" s="53"/>
      <c r="CI1241" s="53"/>
      <c r="CJ1241" s="53"/>
      <c r="CK1241" s="53"/>
      <c r="CL1241" s="53"/>
      <c r="CM1241" s="53"/>
      <c r="CN1241" s="53"/>
    </row>
    <row r="1242" spans="1:92" outlineLevel="1">
      <c r="A1242" s="52" t="s">
        <v>1471</v>
      </c>
      <c r="B1242" s="53"/>
      <c r="C1242" s="53"/>
      <c r="D1242" s="53"/>
      <c r="E1242" s="53"/>
      <c r="F1242" s="53"/>
      <c r="G1242" s="53"/>
      <c r="H1242" s="53"/>
      <c r="I1242" s="53"/>
      <c r="J1242" s="53"/>
      <c r="K1242" s="53"/>
      <c r="L1242" s="53"/>
      <c r="M1242" s="53"/>
      <c r="N1242" s="53"/>
      <c r="O1242" s="53"/>
      <c r="P1242" s="53"/>
      <c r="Q1242" s="53"/>
      <c r="R1242" s="53"/>
      <c r="S1242" s="53"/>
      <c r="T1242" s="53"/>
      <c r="U1242" s="53"/>
      <c r="V1242" s="53"/>
      <c r="W1242" s="53"/>
      <c r="X1242" s="53"/>
      <c r="Y1242" s="53"/>
      <c r="Z1242" s="53"/>
      <c r="AA1242" s="53"/>
      <c r="AB1242" s="53"/>
      <c r="AC1242" s="53"/>
      <c r="AD1242" s="53"/>
      <c r="AE1242" s="53"/>
      <c r="AF1242" s="53"/>
      <c r="AG1242" s="53"/>
      <c r="AH1242" s="53"/>
      <c r="AI1242" s="53"/>
      <c r="AJ1242" s="53"/>
      <c r="AK1242" s="53"/>
      <c r="AL1242" s="53"/>
      <c r="AM1242" s="53"/>
      <c r="AN1242" s="53"/>
      <c r="AO1242" s="53"/>
      <c r="AP1242" s="53"/>
      <c r="AQ1242" s="53"/>
      <c r="AR1242" s="53"/>
      <c r="AS1242" s="53"/>
      <c r="AT1242" s="53"/>
      <c r="AU1242" s="53"/>
      <c r="AV1242" s="53"/>
      <c r="AW1242" s="53"/>
      <c r="AX1242" s="53"/>
      <c r="AY1242" s="53"/>
      <c r="AZ1242" s="53"/>
      <c r="BA1242" s="53"/>
      <c r="BB1242" s="53"/>
      <c r="BC1242" s="53"/>
      <c r="BD1242" s="53"/>
      <c r="BE1242" s="53"/>
      <c r="BF1242" s="53"/>
      <c r="BG1242" s="53"/>
      <c r="BH1242" s="53"/>
      <c r="BI1242" s="53"/>
      <c r="BJ1242" s="53"/>
      <c r="BK1242" s="53"/>
      <c r="BL1242" s="53"/>
      <c r="BM1242" s="53"/>
      <c r="BN1242" s="53"/>
      <c r="BO1242" s="53"/>
      <c r="BP1242" s="53"/>
      <c r="BQ1242" s="53"/>
      <c r="BR1242" s="53"/>
      <c r="BS1242" s="53"/>
      <c r="BT1242" s="53"/>
      <c r="BU1242" s="53"/>
      <c r="BV1242" s="53"/>
      <c r="BW1242" s="53"/>
      <c r="BX1242" s="53"/>
      <c r="BY1242" s="53"/>
      <c r="BZ1242" s="53"/>
      <c r="CA1242" s="53"/>
      <c r="CB1242" s="53">
        <v>-10885</v>
      </c>
      <c r="CC1242" s="53">
        <v>-10885</v>
      </c>
      <c r="CD1242" s="53">
        <v>-10885</v>
      </c>
      <c r="CE1242" s="53">
        <v>-10885</v>
      </c>
      <c r="CF1242" s="53">
        <v>-10885</v>
      </c>
      <c r="CG1242" s="53">
        <v>-10885</v>
      </c>
      <c r="CH1242" s="53">
        <v>-10885</v>
      </c>
      <c r="CI1242" s="53">
        <v>-10885</v>
      </c>
      <c r="CJ1242" s="53">
        <v>-10885</v>
      </c>
      <c r="CK1242" s="53">
        <v>-10885</v>
      </c>
      <c r="CL1242" s="53">
        <v>-10885</v>
      </c>
      <c r="CM1242" s="53">
        <v>-10885</v>
      </c>
      <c r="CN1242" s="53">
        <v>-130620</v>
      </c>
    </row>
    <row r="1243" spans="1:92" outlineLevel="1">
      <c r="A1243" s="52" t="s">
        <v>649</v>
      </c>
      <c r="B1243" s="53"/>
      <c r="C1243" s="53"/>
      <c r="D1243" s="53"/>
      <c r="E1243" s="53"/>
      <c r="F1243" s="53"/>
      <c r="G1243" s="53"/>
      <c r="H1243" s="53"/>
      <c r="I1243" s="53"/>
      <c r="J1243" s="53"/>
      <c r="K1243" s="53"/>
      <c r="L1243" s="53"/>
      <c r="M1243" s="53"/>
      <c r="N1243" s="53"/>
      <c r="O1243" s="53"/>
      <c r="P1243" s="53"/>
      <c r="Q1243" s="53"/>
      <c r="R1243" s="53">
        <v>337500</v>
      </c>
      <c r="S1243" s="53"/>
      <c r="T1243" s="53"/>
      <c r="U1243" s="53"/>
      <c r="V1243" s="53"/>
      <c r="W1243" s="53"/>
      <c r="X1243" s="53"/>
      <c r="Y1243" s="53"/>
      <c r="Z1243" s="53"/>
      <c r="AA1243" s="53">
        <v>337500</v>
      </c>
      <c r="AB1243" s="53"/>
      <c r="AC1243" s="53"/>
      <c r="AD1243" s="53"/>
      <c r="AE1243" s="53"/>
      <c r="AF1243" s="53"/>
      <c r="AG1243" s="53"/>
      <c r="AH1243" s="53"/>
      <c r="AI1243" s="53"/>
      <c r="AJ1243" s="53"/>
      <c r="AK1243" s="53"/>
      <c r="AL1243" s="53"/>
      <c r="AM1243" s="53"/>
      <c r="AN1243" s="53"/>
      <c r="AO1243" s="53"/>
      <c r="AP1243" s="53"/>
      <c r="AQ1243" s="53"/>
      <c r="AR1243" s="53"/>
      <c r="AS1243" s="53"/>
      <c r="AT1243" s="53"/>
      <c r="AU1243" s="53"/>
      <c r="AV1243" s="53"/>
      <c r="AW1243" s="53"/>
      <c r="AX1243" s="53"/>
      <c r="AY1243" s="53"/>
      <c r="AZ1243" s="53"/>
      <c r="BA1243" s="53"/>
      <c r="BB1243" s="53"/>
      <c r="BC1243" s="53"/>
      <c r="BD1243" s="53"/>
      <c r="BE1243" s="53">
        <v>337500</v>
      </c>
      <c r="BF1243" s="53"/>
      <c r="BG1243" s="53"/>
      <c r="BH1243" s="53"/>
      <c r="BI1243" s="53"/>
      <c r="BJ1243" s="53"/>
      <c r="BK1243" s="53"/>
      <c r="BL1243" s="53"/>
      <c r="BM1243" s="53"/>
      <c r="BN1243" s="53">
        <v>337500</v>
      </c>
      <c r="BO1243" s="53"/>
      <c r="BP1243" s="53"/>
      <c r="BQ1243" s="53"/>
      <c r="BR1243" s="53"/>
      <c r="BS1243" s="53"/>
      <c r="BT1243" s="53"/>
      <c r="BU1243" s="53"/>
      <c r="BV1243" s="53"/>
      <c r="BW1243" s="53"/>
      <c r="BX1243" s="53"/>
      <c r="BY1243" s="53"/>
      <c r="BZ1243" s="53"/>
      <c r="CA1243" s="53"/>
      <c r="CB1243" s="53">
        <v>57235525.811472602</v>
      </c>
      <c r="CC1243" s="53">
        <v>56604529.118627898</v>
      </c>
      <c r="CD1243" s="53">
        <v>56411032.425783202</v>
      </c>
      <c r="CE1243" s="53">
        <v>56155244.066271901</v>
      </c>
      <c r="CF1243" s="53">
        <v>55561955.706760503</v>
      </c>
      <c r="CG1243" s="53">
        <v>54968667.347249202</v>
      </c>
      <c r="CH1243" s="53">
        <v>54375378.987737797</v>
      </c>
      <c r="CI1243" s="53">
        <v>53782090.628226496</v>
      </c>
      <c r="CJ1243" s="53">
        <v>53188802.268715099</v>
      </c>
      <c r="CK1243" s="53">
        <v>52595513.909203798</v>
      </c>
      <c r="CL1243" s="53">
        <v>52002225.5496924</v>
      </c>
      <c r="CM1243" s="53">
        <v>51408937.190181099</v>
      </c>
      <c r="CN1243" s="53">
        <v>51408937.190181099</v>
      </c>
    </row>
    <row r="1244" spans="1:92" outlineLevel="1">
      <c r="A1244" s="52" t="s">
        <v>650</v>
      </c>
      <c r="B1244" s="53"/>
      <c r="C1244" s="53"/>
      <c r="D1244" s="53"/>
      <c r="E1244" s="53"/>
      <c r="F1244" s="53"/>
      <c r="G1244" s="53"/>
      <c r="H1244" s="53"/>
      <c r="I1244" s="53"/>
      <c r="J1244" s="53"/>
      <c r="K1244" s="53"/>
      <c r="L1244" s="53"/>
      <c r="M1244" s="53"/>
      <c r="N1244" s="53"/>
      <c r="O1244" s="53"/>
      <c r="P1244" s="53"/>
      <c r="Q1244" s="53"/>
      <c r="R1244" s="53"/>
      <c r="S1244" s="53"/>
      <c r="T1244" s="53"/>
      <c r="U1244" s="53"/>
      <c r="V1244" s="53"/>
      <c r="W1244" s="53"/>
      <c r="X1244" s="53"/>
      <c r="Y1244" s="53"/>
      <c r="Z1244" s="53"/>
      <c r="AA1244" s="53"/>
      <c r="AB1244" s="53"/>
      <c r="AC1244" s="53"/>
      <c r="AD1244" s="53"/>
      <c r="AE1244" s="53"/>
      <c r="AF1244" s="53"/>
      <c r="AG1244" s="53"/>
      <c r="AH1244" s="53"/>
      <c r="AI1244" s="53"/>
      <c r="AJ1244" s="53"/>
      <c r="AK1244" s="53"/>
      <c r="AL1244" s="53"/>
      <c r="AM1244" s="53"/>
      <c r="AN1244" s="53"/>
      <c r="AO1244" s="53"/>
      <c r="AP1244" s="53"/>
      <c r="AQ1244" s="53"/>
      <c r="AR1244" s="53"/>
      <c r="AS1244" s="53"/>
      <c r="AT1244" s="53"/>
      <c r="AU1244" s="53"/>
      <c r="AV1244" s="53"/>
      <c r="AW1244" s="53"/>
      <c r="AX1244" s="53"/>
      <c r="AY1244" s="53"/>
      <c r="AZ1244" s="53"/>
      <c r="BA1244" s="53"/>
      <c r="BB1244" s="53"/>
      <c r="BC1244" s="53"/>
      <c r="BD1244" s="53"/>
      <c r="BE1244" s="53"/>
      <c r="BF1244" s="53"/>
      <c r="BG1244" s="53"/>
      <c r="BH1244" s="53"/>
      <c r="BI1244" s="53"/>
      <c r="BJ1244" s="53"/>
      <c r="BK1244" s="53"/>
      <c r="BL1244" s="53"/>
      <c r="BM1244" s="53"/>
      <c r="BN1244" s="53"/>
      <c r="BO1244" s="53"/>
      <c r="BP1244" s="53"/>
      <c r="BQ1244" s="53"/>
      <c r="BR1244" s="53"/>
      <c r="BS1244" s="53"/>
      <c r="BT1244" s="53"/>
      <c r="BU1244" s="53"/>
      <c r="BV1244" s="53"/>
      <c r="BW1244" s="53"/>
      <c r="BX1244" s="53"/>
      <c r="BY1244" s="53"/>
      <c r="BZ1244" s="53"/>
      <c r="CA1244" s="53"/>
      <c r="CB1244" s="53">
        <v>0</v>
      </c>
      <c r="CC1244" s="53">
        <v>0</v>
      </c>
      <c r="CD1244" s="53">
        <v>0</v>
      </c>
      <c r="CE1244" s="53">
        <v>0</v>
      </c>
      <c r="CF1244" s="53">
        <v>0</v>
      </c>
      <c r="CG1244" s="53">
        <v>0</v>
      </c>
      <c r="CH1244" s="53">
        <v>0</v>
      </c>
      <c r="CI1244" s="53">
        <v>0</v>
      </c>
      <c r="CJ1244" s="53">
        <v>0</v>
      </c>
      <c r="CK1244" s="53">
        <v>0</v>
      </c>
      <c r="CL1244" s="53">
        <v>0</v>
      </c>
      <c r="CM1244" s="53">
        <v>0</v>
      </c>
      <c r="CN1244" s="53">
        <v>0</v>
      </c>
    </row>
    <row r="1245" spans="1:92" outlineLevel="1">
      <c r="A1245" s="52" t="s">
        <v>1401</v>
      </c>
      <c r="B1245" s="53"/>
      <c r="C1245" s="53"/>
      <c r="D1245" s="53"/>
      <c r="E1245" s="53"/>
      <c r="F1245" s="53"/>
      <c r="G1245" s="53"/>
      <c r="H1245" s="53"/>
      <c r="I1245" s="53"/>
      <c r="J1245" s="53"/>
      <c r="K1245" s="53"/>
      <c r="L1245" s="53"/>
      <c r="M1245" s="53"/>
      <c r="N1245" s="53"/>
      <c r="O1245" s="53"/>
      <c r="P1245" s="53"/>
      <c r="Q1245" s="53"/>
      <c r="R1245" s="53"/>
      <c r="S1245" s="53"/>
      <c r="T1245" s="53"/>
      <c r="U1245" s="53"/>
      <c r="V1245" s="53"/>
      <c r="W1245" s="53"/>
      <c r="X1245" s="53"/>
      <c r="Y1245" s="53"/>
      <c r="Z1245" s="53"/>
      <c r="AA1245" s="53"/>
      <c r="AB1245" s="53"/>
      <c r="AC1245" s="53"/>
      <c r="AD1245" s="53"/>
      <c r="AE1245" s="53"/>
      <c r="AF1245" s="53"/>
      <c r="AG1245" s="53"/>
      <c r="AH1245" s="53"/>
      <c r="AI1245" s="53"/>
      <c r="AJ1245" s="53"/>
      <c r="AK1245" s="53"/>
      <c r="AL1245" s="53"/>
      <c r="AM1245" s="53"/>
      <c r="AN1245" s="53"/>
      <c r="AO1245" s="53"/>
      <c r="AP1245" s="53"/>
      <c r="AQ1245" s="53"/>
      <c r="AR1245" s="53"/>
      <c r="AS1245" s="53"/>
      <c r="AT1245" s="53"/>
      <c r="AU1245" s="53"/>
      <c r="AV1245" s="53"/>
      <c r="AW1245" s="53"/>
      <c r="AX1245" s="53"/>
      <c r="AY1245" s="53"/>
      <c r="AZ1245" s="53"/>
      <c r="BA1245" s="53"/>
      <c r="BB1245" s="53"/>
      <c r="BC1245" s="53"/>
      <c r="BD1245" s="53"/>
      <c r="BE1245" s="53"/>
      <c r="BF1245" s="53"/>
      <c r="BG1245" s="53"/>
      <c r="BH1245" s="53"/>
      <c r="BI1245" s="53"/>
      <c r="BJ1245" s="53"/>
      <c r="BK1245" s="53"/>
      <c r="BL1245" s="53"/>
      <c r="BM1245" s="53"/>
      <c r="BN1245" s="53"/>
      <c r="BO1245" s="53"/>
      <c r="BP1245" s="53"/>
      <c r="BQ1245" s="53"/>
      <c r="BR1245" s="53"/>
      <c r="BS1245" s="53"/>
      <c r="BT1245" s="53"/>
      <c r="BU1245" s="53"/>
      <c r="BV1245" s="53"/>
      <c r="BW1245" s="53"/>
      <c r="BX1245" s="53"/>
      <c r="BY1245" s="53"/>
      <c r="BZ1245" s="53"/>
      <c r="CA1245" s="53"/>
      <c r="CB1245" s="53">
        <v>0</v>
      </c>
      <c r="CC1245" s="53">
        <v>0</v>
      </c>
      <c r="CD1245" s="53">
        <v>0</v>
      </c>
      <c r="CE1245" s="53">
        <v>0</v>
      </c>
      <c r="CF1245" s="53">
        <v>0</v>
      </c>
      <c r="CG1245" s="53">
        <v>0</v>
      </c>
      <c r="CH1245" s="53">
        <v>0</v>
      </c>
      <c r="CI1245" s="53">
        <v>0</v>
      </c>
      <c r="CJ1245" s="53">
        <v>0</v>
      </c>
      <c r="CK1245" s="53">
        <v>0</v>
      </c>
      <c r="CL1245" s="53">
        <v>0</v>
      </c>
      <c r="CM1245" s="53">
        <v>0</v>
      </c>
      <c r="CN1245" s="53">
        <v>0</v>
      </c>
    </row>
    <row r="1246" spans="1:92" outlineLevel="1">
      <c r="A1246" s="52" t="s">
        <v>649</v>
      </c>
      <c r="B1246" s="53">
        <v>221439.91666666599</v>
      </c>
      <c r="C1246" s="53">
        <v>221439.91666666599</v>
      </c>
      <c r="D1246" s="53">
        <v>221439.91666666599</v>
      </c>
      <c r="E1246" s="53">
        <v>221439.91666666599</v>
      </c>
      <c r="F1246" s="53">
        <v>221439.91666666599</v>
      </c>
      <c r="G1246" s="53">
        <v>221439.91666666599</v>
      </c>
      <c r="H1246" s="53">
        <v>221439.91666666599</v>
      </c>
      <c r="I1246" s="53">
        <v>221439.91666666599</v>
      </c>
      <c r="J1246" s="53">
        <v>221439.91666666599</v>
      </c>
      <c r="K1246" s="53">
        <v>221439.91666666599</v>
      </c>
      <c r="L1246" s="53">
        <v>221439.91666666599</v>
      </c>
      <c r="M1246" s="53">
        <v>221439.91666666599</v>
      </c>
      <c r="N1246" s="53">
        <v>2657279</v>
      </c>
      <c r="O1246" s="53"/>
      <c r="P1246" s="53"/>
      <c r="Q1246" s="53"/>
      <c r="R1246" s="53"/>
      <c r="S1246" s="53"/>
      <c r="T1246" s="53"/>
      <c r="U1246" s="53"/>
      <c r="V1246" s="53"/>
      <c r="W1246" s="53"/>
      <c r="X1246" s="53"/>
      <c r="Y1246" s="53"/>
      <c r="Z1246" s="53"/>
      <c r="AA1246" s="53"/>
      <c r="AB1246" s="53"/>
      <c r="AC1246" s="53"/>
      <c r="AD1246" s="53"/>
      <c r="AE1246" s="53"/>
      <c r="AF1246" s="53"/>
      <c r="AG1246" s="53"/>
      <c r="AH1246" s="53"/>
      <c r="AI1246" s="53"/>
      <c r="AJ1246" s="53"/>
      <c r="AK1246" s="53"/>
      <c r="AL1246" s="53"/>
      <c r="AM1246" s="53"/>
      <c r="AN1246" s="53"/>
      <c r="AO1246" s="53"/>
      <c r="AP1246" s="53"/>
      <c r="AQ1246" s="53"/>
      <c r="AR1246" s="53"/>
      <c r="AS1246" s="53"/>
      <c r="AT1246" s="53"/>
      <c r="AU1246" s="53"/>
      <c r="AV1246" s="53"/>
      <c r="AW1246" s="53"/>
      <c r="AX1246" s="53"/>
      <c r="AY1246" s="53"/>
      <c r="AZ1246" s="53"/>
      <c r="BA1246" s="53"/>
      <c r="BB1246" s="53"/>
      <c r="BC1246" s="53"/>
      <c r="BD1246" s="53"/>
      <c r="BE1246" s="53"/>
      <c r="BF1246" s="53"/>
      <c r="BG1246" s="53"/>
      <c r="BH1246" s="53"/>
      <c r="BI1246" s="53"/>
      <c r="BJ1246" s="53"/>
      <c r="BK1246" s="53"/>
      <c r="BL1246" s="53"/>
      <c r="BM1246" s="53"/>
      <c r="BN1246" s="53"/>
      <c r="BO1246" s="53"/>
      <c r="BP1246" s="53"/>
      <c r="BQ1246" s="53"/>
      <c r="BR1246" s="53"/>
      <c r="BS1246" s="53"/>
      <c r="BT1246" s="53"/>
      <c r="BU1246" s="53"/>
      <c r="BV1246" s="53"/>
      <c r="BW1246" s="53"/>
      <c r="BX1246" s="53"/>
      <c r="BY1246" s="53"/>
      <c r="BZ1246" s="53"/>
      <c r="CA1246" s="53"/>
      <c r="CB1246" s="53">
        <v>0</v>
      </c>
      <c r="CC1246" s="53">
        <v>0</v>
      </c>
      <c r="CD1246" s="53">
        <v>0</v>
      </c>
      <c r="CE1246" s="53">
        <v>0</v>
      </c>
      <c r="CF1246" s="53">
        <v>0</v>
      </c>
      <c r="CG1246" s="53">
        <v>0</v>
      </c>
      <c r="CH1246" s="53">
        <v>0</v>
      </c>
      <c r="CI1246" s="53">
        <v>0</v>
      </c>
      <c r="CJ1246" s="53">
        <v>0</v>
      </c>
      <c r="CK1246" s="53">
        <v>0</v>
      </c>
      <c r="CL1246" s="53">
        <v>0</v>
      </c>
      <c r="CM1246" s="53">
        <v>0</v>
      </c>
      <c r="CN1246" s="53">
        <v>0</v>
      </c>
    </row>
    <row r="1247" spans="1:92" outlineLevel="1">
      <c r="A1247" s="52" t="s">
        <v>1472</v>
      </c>
      <c r="B1247" s="53"/>
      <c r="C1247" s="53"/>
      <c r="D1247" s="53"/>
      <c r="E1247" s="53"/>
      <c r="F1247" s="53"/>
      <c r="G1247" s="53"/>
      <c r="H1247" s="53"/>
      <c r="I1247" s="53"/>
      <c r="J1247" s="53"/>
      <c r="K1247" s="53"/>
      <c r="L1247" s="53"/>
      <c r="M1247" s="53"/>
      <c r="N1247" s="53"/>
      <c r="O1247" s="53"/>
      <c r="P1247" s="53"/>
      <c r="Q1247" s="53"/>
      <c r="R1247" s="53"/>
      <c r="S1247" s="53"/>
      <c r="T1247" s="53"/>
      <c r="U1247" s="53"/>
      <c r="V1247" s="53"/>
      <c r="W1247" s="53"/>
      <c r="X1247" s="53"/>
      <c r="Y1247" s="53"/>
      <c r="Z1247" s="53"/>
      <c r="AA1247" s="53"/>
      <c r="AB1247" s="53"/>
      <c r="AC1247" s="53"/>
      <c r="AD1247" s="53"/>
      <c r="AE1247" s="53"/>
      <c r="AF1247" s="53"/>
      <c r="AG1247" s="53"/>
      <c r="AH1247" s="53"/>
      <c r="AI1247" s="53"/>
      <c r="AJ1247" s="53"/>
      <c r="AK1247" s="53"/>
      <c r="AL1247" s="53"/>
      <c r="AM1247" s="53"/>
      <c r="AN1247" s="53"/>
      <c r="AO1247" s="53"/>
      <c r="AP1247" s="53"/>
      <c r="AQ1247" s="53"/>
      <c r="AR1247" s="53"/>
      <c r="AS1247" s="53"/>
      <c r="AT1247" s="53"/>
      <c r="AU1247" s="53"/>
      <c r="AV1247" s="53"/>
      <c r="AW1247" s="53"/>
      <c r="AX1247" s="53"/>
      <c r="AY1247" s="53"/>
      <c r="AZ1247" s="53"/>
      <c r="BA1247" s="53"/>
      <c r="BB1247" s="53"/>
      <c r="BC1247" s="53"/>
      <c r="BD1247" s="53"/>
      <c r="BE1247" s="53"/>
      <c r="BF1247" s="53"/>
      <c r="BG1247" s="53"/>
      <c r="BH1247" s="53"/>
      <c r="BI1247" s="53"/>
      <c r="BJ1247" s="53"/>
      <c r="BK1247" s="53"/>
      <c r="BL1247" s="53"/>
      <c r="BM1247" s="53"/>
      <c r="BN1247" s="53"/>
      <c r="BO1247" s="53"/>
      <c r="BP1247" s="53"/>
      <c r="BQ1247" s="53"/>
      <c r="BR1247" s="53"/>
      <c r="BS1247" s="53"/>
      <c r="BT1247" s="53"/>
      <c r="BU1247" s="53"/>
      <c r="BV1247" s="53"/>
      <c r="BW1247" s="53"/>
      <c r="BX1247" s="53"/>
      <c r="BY1247" s="53"/>
      <c r="BZ1247" s="53"/>
      <c r="CA1247" s="53"/>
      <c r="CB1247" s="53">
        <v>12433672</v>
      </c>
      <c r="CC1247" s="53">
        <v>12433672</v>
      </c>
      <c r="CD1247" s="53">
        <v>12433672</v>
      </c>
      <c r="CE1247" s="53">
        <v>12433672</v>
      </c>
      <c r="CF1247" s="53">
        <v>12433672</v>
      </c>
      <c r="CG1247" s="53">
        <v>12433672</v>
      </c>
      <c r="CH1247" s="53">
        <v>12433672</v>
      </c>
      <c r="CI1247" s="53">
        <v>12433672</v>
      </c>
      <c r="CJ1247" s="53">
        <v>12433672</v>
      </c>
      <c r="CK1247" s="53">
        <v>12433672</v>
      </c>
      <c r="CL1247" s="53">
        <v>12433672</v>
      </c>
      <c r="CM1247" s="53">
        <v>12433672</v>
      </c>
      <c r="CN1247" s="53">
        <v>12433672</v>
      </c>
    </row>
    <row r="1248" spans="1:92" outlineLevel="1">
      <c r="A1248" s="52" t="s">
        <v>649</v>
      </c>
      <c r="B1248" s="53">
        <v>1086.683238481</v>
      </c>
      <c r="C1248" s="53">
        <v>1086.683238481</v>
      </c>
      <c r="D1248" s="53">
        <v>1086.683238481</v>
      </c>
      <c r="E1248" s="53">
        <v>1086.683238481</v>
      </c>
      <c r="F1248" s="53">
        <v>1086.683238481</v>
      </c>
      <c r="G1248" s="53">
        <v>1086.683238481</v>
      </c>
      <c r="H1248" s="53">
        <v>1086.683238481</v>
      </c>
      <c r="I1248" s="53">
        <v>1086.683238481</v>
      </c>
      <c r="J1248" s="53">
        <v>1086.683238481</v>
      </c>
      <c r="K1248" s="53">
        <v>1086.683238481</v>
      </c>
      <c r="L1248" s="53">
        <v>1086.683238481</v>
      </c>
      <c r="M1248" s="53">
        <v>1086.683238481</v>
      </c>
      <c r="N1248" s="53">
        <v>13040.1988617719</v>
      </c>
      <c r="O1248" s="53"/>
      <c r="P1248" s="53"/>
      <c r="Q1248" s="53"/>
      <c r="R1248" s="53"/>
      <c r="S1248" s="53"/>
      <c r="T1248" s="53"/>
      <c r="U1248" s="53"/>
      <c r="V1248" s="53"/>
      <c r="W1248" s="53"/>
      <c r="X1248" s="53"/>
      <c r="Y1248" s="53"/>
      <c r="Z1248" s="53"/>
      <c r="AA1248" s="53"/>
      <c r="AB1248" s="53"/>
      <c r="AC1248" s="53"/>
      <c r="AD1248" s="53"/>
      <c r="AE1248" s="53"/>
      <c r="AF1248" s="53"/>
      <c r="AG1248" s="53"/>
      <c r="AH1248" s="53"/>
      <c r="AI1248" s="53"/>
      <c r="AJ1248" s="53"/>
      <c r="AK1248" s="53"/>
      <c r="AL1248" s="53"/>
      <c r="AM1248" s="53"/>
      <c r="AN1248" s="53"/>
      <c r="AO1248" s="53"/>
      <c r="AP1248" s="53"/>
      <c r="AQ1248" s="53"/>
      <c r="AR1248" s="53"/>
      <c r="AS1248" s="53"/>
      <c r="AT1248" s="53"/>
      <c r="AU1248" s="53"/>
      <c r="AV1248" s="53"/>
      <c r="AW1248" s="53"/>
      <c r="AX1248" s="53"/>
      <c r="AY1248" s="53"/>
      <c r="AZ1248" s="53"/>
      <c r="BA1248" s="53"/>
      <c r="BB1248" s="53"/>
      <c r="BC1248" s="53"/>
      <c r="BD1248" s="53"/>
      <c r="BE1248" s="53"/>
      <c r="BF1248" s="53"/>
      <c r="BG1248" s="53"/>
      <c r="BH1248" s="53"/>
      <c r="BI1248" s="53"/>
      <c r="BJ1248" s="53"/>
      <c r="BK1248" s="53"/>
      <c r="BL1248" s="53"/>
      <c r="BM1248" s="53"/>
      <c r="BN1248" s="53"/>
      <c r="BO1248" s="53"/>
      <c r="BP1248" s="53"/>
      <c r="BQ1248" s="53"/>
      <c r="BR1248" s="53"/>
      <c r="BS1248" s="53"/>
      <c r="BT1248" s="53"/>
      <c r="BU1248" s="53"/>
      <c r="BV1248" s="53"/>
      <c r="BW1248" s="53"/>
      <c r="BX1248" s="53"/>
      <c r="BY1248" s="53"/>
      <c r="BZ1248" s="53"/>
      <c r="CA1248" s="53"/>
      <c r="CB1248" s="53">
        <v>0</v>
      </c>
      <c r="CC1248" s="53">
        <v>0</v>
      </c>
      <c r="CD1248" s="53">
        <v>0</v>
      </c>
      <c r="CE1248" s="53">
        <v>0</v>
      </c>
      <c r="CF1248" s="53">
        <v>0</v>
      </c>
      <c r="CG1248" s="53">
        <v>0</v>
      </c>
      <c r="CH1248" s="53">
        <v>0</v>
      </c>
      <c r="CI1248" s="53">
        <v>0</v>
      </c>
      <c r="CJ1248" s="53">
        <v>0</v>
      </c>
      <c r="CK1248" s="53">
        <v>0</v>
      </c>
      <c r="CL1248" s="53">
        <v>0</v>
      </c>
      <c r="CM1248" s="53">
        <v>0</v>
      </c>
      <c r="CN1248" s="53">
        <v>0</v>
      </c>
    </row>
    <row r="1249" spans="1:92" outlineLevel="1">
      <c r="A1249" s="52" t="s">
        <v>1427</v>
      </c>
      <c r="B1249" s="53"/>
      <c r="C1249" s="53"/>
      <c r="D1249" s="53"/>
      <c r="E1249" s="53"/>
      <c r="F1249" s="53"/>
      <c r="G1249" s="53"/>
      <c r="H1249" s="53"/>
      <c r="I1249" s="53"/>
      <c r="J1249" s="53"/>
      <c r="K1249" s="53"/>
      <c r="L1249" s="53"/>
      <c r="M1249" s="53"/>
      <c r="N1249" s="53"/>
      <c r="O1249" s="53"/>
      <c r="P1249" s="53"/>
      <c r="Q1249" s="53"/>
      <c r="R1249" s="53"/>
      <c r="S1249" s="53"/>
      <c r="T1249" s="53"/>
      <c r="U1249" s="53"/>
      <c r="V1249" s="53"/>
      <c r="W1249" s="53"/>
      <c r="X1249" s="53"/>
      <c r="Y1249" s="53"/>
      <c r="Z1249" s="53"/>
      <c r="AA1249" s="53"/>
      <c r="AB1249" s="53"/>
      <c r="AC1249" s="53"/>
      <c r="AD1249" s="53"/>
      <c r="AE1249" s="53"/>
      <c r="AF1249" s="53"/>
      <c r="AG1249" s="53"/>
      <c r="AH1249" s="53"/>
      <c r="AI1249" s="53"/>
      <c r="AJ1249" s="53"/>
      <c r="AK1249" s="53"/>
      <c r="AL1249" s="53"/>
      <c r="AM1249" s="53"/>
      <c r="AN1249" s="53"/>
      <c r="AO1249" s="53"/>
      <c r="AP1249" s="53"/>
      <c r="AQ1249" s="53"/>
      <c r="AR1249" s="53"/>
      <c r="AS1249" s="53"/>
      <c r="AT1249" s="53"/>
      <c r="AU1249" s="53"/>
      <c r="AV1249" s="53"/>
      <c r="AW1249" s="53"/>
      <c r="AX1249" s="53"/>
      <c r="AY1249" s="53"/>
      <c r="AZ1249" s="53"/>
      <c r="BA1249" s="53"/>
      <c r="BB1249" s="53"/>
      <c r="BC1249" s="53"/>
      <c r="BD1249" s="53"/>
      <c r="BE1249" s="53"/>
      <c r="BF1249" s="53"/>
      <c r="BG1249" s="53"/>
      <c r="BH1249" s="53"/>
      <c r="BI1249" s="53"/>
      <c r="BJ1249" s="53"/>
      <c r="BK1249" s="53"/>
      <c r="BL1249" s="53"/>
      <c r="BM1249" s="53"/>
      <c r="BN1249" s="53"/>
      <c r="BO1249" s="53"/>
      <c r="BP1249" s="53"/>
      <c r="BQ1249" s="53"/>
      <c r="BR1249" s="53"/>
      <c r="BS1249" s="53"/>
      <c r="BT1249" s="53"/>
      <c r="BU1249" s="53"/>
      <c r="BV1249" s="53"/>
      <c r="BW1249" s="53"/>
      <c r="BX1249" s="53"/>
      <c r="BY1249" s="53"/>
      <c r="BZ1249" s="53"/>
      <c r="CA1249" s="53"/>
      <c r="CB1249" s="53">
        <v>0</v>
      </c>
      <c r="CC1249" s="53">
        <v>0</v>
      </c>
      <c r="CD1249" s="53">
        <v>0</v>
      </c>
      <c r="CE1249" s="53">
        <v>0</v>
      </c>
      <c r="CF1249" s="53">
        <v>0</v>
      </c>
      <c r="CG1249" s="53">
        <v>0</v>
      </c>
      <c r="CH1249" s="53">
        <v>0</v>
      </c>
      <c r="CI1249" s="53">
        <v>0</v>
      </c>
      <c r="CJ1249" s="53">
        <v>0</v>
      </c>
      <c r="CK1249" s="53">
        <v>0</v>
      </c>
      <c r="CL1249" s="53">
        <v>0</v>
      </c>
      <c r="CM1249" s="53">
        <v>0</v>
      </c>
      <c r="CN1249" s="53">
        <v>0</v>
      </c>
    </row>
    <row r="1250" spans="1:92" outlineLevel="1">
      <c r="A1250" s="52" t="s">
        <v>649</v>
      </c>
      <c r="B1250" s="53">
        <v>252166.66666666701</v>
      </c>
      <c r="C1250" s="53">
        <v>252166.66666666701</v>
      </c>
      <c r="D1250" s="53">
        <v>252166.66666666701</v>
      </c>
      <c r="E1250" s="53">
        <v>252166.66666666701</v>
      </c>
      <c r="F1250" s="53">
        <v>252166.66666666701</v>
      </c>
      <c r="G1250" s="53">
        <v>252166.66666666701</v>
      </c>
      <c r="H1250" s="53">
        <v>252166.66666666701</v>
      </c>
      <c r="I1250" s="53">
        <v>252166.66666666701</v>
      </c>
      <c r="J1250" s="53">
        <v>252166.66666666701</v>
      </c>
      <c r="K1250" s="53">
        <v>252166.66666666701</v>
      </c>
      <c r="L1250" s="53">
        <v>252166.66666666701</v>
      </c>
      <c r="M1250" s="53">
        <v>252166.66666666701</v>
      </c>
      <c r="N1250" s="53">
        <v>3026000</v>
      </c>
      <c r="O1250" s="53">
        <v>48833.333333333299</v>
      </c>
      <c r="P1250" s="53">
        <v>48833.333333333299</v>
      </c>
      <c r="Q1250" s="53">
        <v>48833.333333333299</v>
      </c>
      <c r="R1250" s="53">
        <v>48833.333333333299</v>
      </c>
      <c r="S1250" s="53">
        <v>48833.333333333299</v>
      </c>
      <c r="T1250" s="53">
        <v>48833.333333333299</v>
      </c>
      <c r="U1250" s="53">
        <v>48833.333333333299</v>
      </c>
      <c r="V1250" s="53">
        <v>48833.333333333299</v>
      </c>
      <c r="W1250" s="53">
        <v>48833.333333333299</v>
      </c>
      <c r="X1250" s="53">
        <v>48833.333333333299</v>
      </c>
      <c r="Y1250" s="53">
        <v>48833.333333333299</v>
      </c>
      <c r="Z1250" s="53">
        <v>48833.333333333299</v>
      </c>
      <c r="AA1250" s="53">
        <v>585999.99999999895</v>
      </c>
      <c r="AB1250" s="53">
        <v>44750</v>
      </c>
      <c r="AC1250" s="53">
        <v>44750</v>
      </c>
      <c r="AD1250" s="53">
        <v>44750</v>
      </c>
      <c r="AE1250" s="53">
        <v>44750</v>
      </c>
      <c r="AF1250" s="53">
        <v>44750</v>
      </c>
      <c r="AG1250" s="53">
        <v>44750</v>
      </c>
      <c r="AH1250" s="53">
        <v>44750</v>
      </c>
      <c r="AI1250" s="53">
        <v>44750</v>
      </c>
      <c r="AJ1250" s="53">
        <v>44750</v>
      </c>
      <c r="AK1250" s="53">
        <v>44750</v>
      </c>
      <c r="AL1250" s="53">
        <v>44750</v>
      </c>
      <c r="AM1250" s="53">
        <v>44750</v>
      </c>
      <c r="AN1250" s="53">
        <v>537000</v>
      </c>
      <c r="AO1250" s="53"/>
      <c r="AP1250" s="53"/>
      <c r="AQ1250" s="53"/>
      <c r="AR1250" s="53"/>
      <c r="AS1250" s="53"/>
      <c r="AT1250" s="53"/>
      <c r="AU1250" s="53"/>
      <c r="AV1250" s="53"/>
      <c r="AW1250" s="53"/>
      <c r="AX1250" s="53"/>
      <c r="AY1250" s="53"/>
      <c r="AZ1250" s="53"/>
      <c r="BA1250" s="53"/>
      <c r="BB1250" s="53"/>
      <c r="BC1250" s="53"/>
      <c r="BD1250" s="53"/>
      <c r="BE1250" s="53"/>
      <c r="BF1250" s="53"/>
      <c r="BG1250" s="53"/>
      <c r="BH1250" s="53"/>
      <c r="BI1250" s="53"/>
      <c r="BJ1250" s="53"/>
      <c r="BK1250" s="53"/>
      <c r="BL1250" s="53"/>
      <c r="BM1250" s="53"/>
      <c r="BN1250" s="53"/>
      <c r="BO1250" s="53"/>
      <c r="BP1250" s="53"/>
      <c r="BQ1250" s="53"/>
      <c r="BR1250" s="53"/>
      <c r="BS1250" s="53"/>
      <c r="BT1250" s="53"/>
      <c r="BU1250" s="53"/>
      <c r="BV1250" s="53"/>
      <c r="BW1250" s="53"/>
      <c r="BX1250" s="53"/>
      <c r="BY1250" s="53"/>
      <c r="BZ1250" s="53"/>
      <c r="CA1250" s="53"/>
      <c r="CB1250" s="53">
        <v>0</v>
      </c>
      <c r="CC1250" s="53">
        <v>0</v>
      </c>
      <c r="CD1250" s="53">
        <v>0</v>
      </c>
      <c r="CE1250" s="53">
        <v>0</v>
      </c>
      <c r="CF1250" s="53">
        <v>0</v>
      </c>
      <c r="CG1250" s="53">
        <v>0</v>
      </c>
      <c r="CH1250" s="53">
        <v>0</v>
      </c>
      <c r="CI1250" s="53">
        <v>0</v>
      </c>
      <c r="CJ1250" s="53">
        <v>0</v>
      </c>
      <c r="CK1250" s="53">
        <v>0</v>
      </c>
      <c r="CL1250" s="53">
        <v>0</v>
      </c>
      <c r="CM1250" s="53">
        <v>0</v>
      </c>
      <c r="CN1250" s="53">
        <v>0</v>
      </c>
    </row>
    <row r="1251" spans="1:92" outlineLevel="1">
      <c r="A1251" s="52" t="s">
        <v>1428</v>
      </c>
      <c r="B1251" s="53"/>
      <c r="C1251" s="53"/>
      <c r="D1251" s="53"/>
      <c r="E1251" s="53"/>
      <c r="F1251" s="53"/>
      <c r="G1251" s="53"/>
      <c r="H1251" s="53"/>
      <c r="I1251" s="53"/>
      <c r="J1251" s="53"/>
      <c r="K1251" s="53"/>
      <c r="L1251" s="53"/>
      <c r="M1251" s="53"/>
      <c r="N1251" s="53"/>
      <c r="O1251" s="53"/>
      <c r="P1251" s="53"/>
      <c r="Q1251" s="53"/>
      <c r="R1251" s="53"/>
      <c r="S1251" s="53"/>
      <c r="T1251" s="53"/>
      <c r="U1251" s="53"/>
      <c r="V1251" s="53"/>
      <c r="W1251" s="53"/>
      <c r="X1251" s="53"/>
      <c r="Y1251" s="53"/>
      <c r="Z1251" s="53"/>
      <c r="AA1251" s="53"/>
      <c r="AB1251" s="53"/>
      <c r="AC1251" s="53"/>
      <c r="AD1251" s="53"/>
      <c r="AE1251" s="53"/>
      <c r="AF1251" s="53"/>
      <c r="AG1251" s="53"/>
      <c r="AH1251" s="53"/>
      <c r="AI1251" s="53"/>
      <c r="AJ1251" s="53"/>
      <c r="AK1251" s="53"/>
      <c r="AL1251" s="53"/>
      <c r="AM1251" s="53"/>
      <c r="AN1251" s="53"/>
      <c r="AO1251" s="53"/>
      <c r="AP1251" s="53"/>
      <c r="AQ1251" s="53"/>
      <c r="AR1251" s="53"/>
      <c r="AS1251" s="53"/>
      <c r="AT1251" s="53"/>
      <c r="AU1251" s="53"/>
      <c r="AV1251" s="53"/>
      <c r="AW1251" s="53"/>
      <c r="AX1251" s="53"/>
      <c r="AY1251" s="53"/>
      <c r="AZ1251" s="53"/>
      <c r="BA1251" s="53"/>
      <c r="BB1251" s="53"/>
      <c r="BC1251" s="53"/>
      <c r="BD1251" s="53"/>
      <c r="BE1251" s="53"/>
      <c r="BF1251" s="53"/>
      <c r="BG1251" s="53"/>
      <c r="BH1251" s="53"/>
      <c r="BI1251" s="53"/>
      <c r="BJ1251" s="53"/>
      <c r="BK1251" s="53"/>
      <c r="BL1251" s="53"/>
      <c r="BM1251" s="53"/>
      <c r="BN1251" s="53"/>
      <c r="BO1251" s="53"/>
      <c r="BP1251" s="53"/>
      <c r="BQ1251" s="53"/>
      <c r="BR1251" s="53"/>
      <c r="BS1251" s="53"/>
      <c r="BT1251" s="53"/>
      <c r="BU1251" s="53"/>
      <c r="BV1251" s="53"/>
      <c r="BW1251" s="53"/>
      <c r="BX1251" s="53"/>
      <c r="BY1251" s="53"/>
      <c r="BZ1251" s="53"/>
      <c r="CA1251" s="53"/>
      <c r="CB1251" s="53">
        <v>0</v>
      </c>
      <c r="CC1251" s="53">
        <v>0</v>
      </c>
      <c r="CD1251" s="53">
        <v>0</v>
      </c>
      <c r="CE1251" s="53">
        <v>0</v>
      </c>
      <c r="CF1251" s="53">
        <v>0</v>
      </c>
      <c r="CG1251" s="53">
        <v>0</v>
      </c>
      <c r="CH1251" s="53">
        <v>0</v>
      </c>
      <c r="CI1251" s="53">
        <v>0</v>
      </c>
      <c r="CJ1251" s="53">
        <v>0</v>
      </c>
      <c r="CK1251" s="53">
        <v>0</v>
      </c>
      <c r="CL1251" s="53">
        <v>0</v>
      </c>
      <c r="CM1251" s="53">
        <v>0</v>
      </c>
      <c r="CN1251" s="53">
        <v>0</v>
      </c>
    </row>
    <row r="1252" spans="1:92" outlineLevel="1">
      <c r="A1252" s="52" t="s">
        <v>649</v>
      </c>
      <c r="B1252" s="53">
        <v>3648</v>
      </c>
      <c r="C1252" s="53">
        <v>3648</v>
      </c>
      <c r="D1252" s="53">
        <v>3648</v>
      </c>
      <c r="E1252" s="53">
        <v>3648</v>
      </c>
      <c r="F1252" s="53">
        <v>3648</v>
      </c>
      <c r="G1252" s="53">
        <v>3648</v>
      </c>
      <c r="H1252" s="53">
        <v>3648</v>
      </c>
      <c r="I1252" s="53">
        <v>3648</v>
      </c>
      <c r="J1252" s="53">
        <v>3648</v>
      </c>
      <c r="K1252" s="53">
        <v>3648</v>
      </c>
      <c r="L1252" s="53">
        <v>3648</v>
      </c>
      <c r="M1252" s="53">
        <v>3648</v>
      </c>
      <c r="N1252" s="53">
        <v>43776</v>
      </c>
      <c r="O1252" s="53"/>
      <c r="P1252" s="53"/>
      <c r="Q1252" s="53"/>
      <c r="R1252" s="53"/>
      <c r="S1252" s="53"/>
      <c r="T1252" s="53"/>
      <c r="U1252" s="53"/>
      <c r="V1252" s="53"/>
      <c r="W1252" s="53"/>
      <c r="X1252" s="53"/>
      <c r="Y1252" s="53"/>
      <c r="Z1252" s="53"/>
      <c r="AA1252" s="53"/>
      <c r="AB1252" s="53">
        <v>36893.25</v>
      </c>
      <c r="AC1252" s="53">
        <v>36893.25</v>
      </c>
      <c r="AD1252" s="53">
        <v>36893.25</v>
      </c>
      <c r="AE1252" s="53">
        <v>36893.25</v>
      </c>
      <c r="AF1252" s="53">
        <v>36893.25</v>
      </c>
      <c r="AG1252" s="53">
        <v>36893.25</v>
      </c>
      <c r="AH1252" s="53">
        <v>36893.25</v>
      </c>
      <c r="AI1252" s="53">
        <v>36893.25</v>
      </c>
      <c r="AJ1252" s="53">
        <v>36893.25</v>
      </c>
      <c r="AK1252" s="53">
        <v>36893.25</v>
      </c>
      <c r="AL1252" s="53">
        <v>36893.25</v>
      </c>
      <c r="AM1252" s="53">
        <v>36893.25</v>
      </c>
      <c r="AN1252" s="53">
        <v>442719</v>
      </c>
      <c r="AO1252" s="53"/>
      <c r="AP1252" s="53"/>
      <c r="AQ1252" s="53"/>
      <c r="AR1252" s="53"/>
      <c r="AS1252" s="53"/>
      <c r="AT1252" s="53"/>
      <c r="AU1252" s="53"/>
      <c r="AV1252" s="53"/>
      <c r="AW1252" s="53"/>
      <c r="AX1252" s="53"/>
      <c r="AY1252" s="53"/>
      <c r="AZ1252" s="53"/>
      <c r="BA1252" s="53"/>
      <c r="BB1252" s="53"/>
      <c r="BC1252" s="53"/>
      <c r="BD1252" s="53"/>
      <c r="BE1252" s="53"/>
      <c r="BF1252" s="53"/>
      <c r="BG1252" s="53"/>
      <c r="BH1252" s="53"/>
      <c r="BI1252" s="53"/>
      <c r="BJ1252" s="53"/>
      <c r="BK1252" s="53"/>
      <c r="BL1252" s="53"/>
      <c r="BM1252" s="53"/>
      <c r="BN1252" s="53"/>
      <c r="BO1252" s="53"/>
      <c r="BP1252" s="53"/>
      <c r="BQ1252" s="53"/>
      <c r="BR1252" s="53"/>
      <c r="BS1252" s="53"/>
      <c r="BT1252" s="53"/>
      <c r="BU1252" s="53"/>
      <c r="BV1252" s="53"/>
      <c r="BW1252" s="53"/>
      <c r="BX1252" s="53"/>
      <c r="BY1252" s="53"/>
      <c r="BZ1252" s="53"/>
      <c r="CA1252" s="53"/>
      <c r="CB1252" s="53">
        <v>3212783.45</v>
      </c>
      <c r="CC1252" s="53">
        <v>3212783.45</v>
      </c>
      <c r="CD1252" s="53">
        <v>3212783.45</v>
      </c>
      <c r="CE1252" s="53">
        <v>3212783.45</v>
      </c>
      <c r="CF1252" s="53">
        <v>3212783.45</v>
      </c>
      <c r="CG1252" s="53">
        <v>3212783.45</v>
      </c>
      <c r="CH1252" s="53">
        <v>3212783.45</v>
      </c>
      <c r="CI1252" s="53">
        <v>3212783.45</v>
      </c>
      <c r="CJ1252" s="53">
        <v>3212783.45</v>
      </c>
      <c r="CK1252" s="53">
        <v>3212783.45</v>
      </c>
      <c r="CL1252" s="53">
        <v>3212783.45</v>
      </c>
      <c r="CM1252" s="53">
        <v>3212783.45</v>
      </c>
      <c r="CN1252" s="53">
        <v>3212783.45</v>
      </c>
    </row>
    <row r="1253" spans="1:92" outlineLevel="1">
      <c r="A1253" s="52" t="s">
        <v>1429</v>
      </c>
      <c r="B1253" s="53"/>
      <c r="C1253" s="53"/>
      <c r="D1253" s="53"/>
      <c r="E1253" s="53"/>
      <c r="F1253" s="53"/>
      <c r="G1253" s="53"/>
      <c r="H1253" s="53"/>
      <c r="I1253" s="53"/>
      <c r="J1253" s="53"/>
      <c r="K1253" s="53"/>
      <c r="L1253" s="53"/>
      <c r="M1253" s="53"/>
      <c r="N1253" s="53"/>
      <c r="O1253" s="53"/>
      <c r="P1253" s="53"/>
      <c r="Q1253" s="53"/>
      <c r="R1253" s="53"/>
      <c r="S1253" s="53"/>
      <c r="T1253" s="53"/>
      <c r="U1253" s="53"/>
      <c r="V1253" s="53"/>
      <c r="W1253" s="53"/>
      <c r="X1253" s="53"/>
      <c r="Y1253" s="53"/>
      <c r="Z1253" s="53"/>
      <c r="AA1253" s="53"/>
      <c r="AB1253" s="53"/>
      <c r="AC1253" s="53"/>
      <c r="AD1253" s="53"/>
      <c r="AE1253" s="53"/>
      <c r="AF1253" s="53"/>
      <c r="AG1253" s="53"/>
      <c r="AH1253" s="53"/>
      <c r="AI1253" s="53"/>
      <c r="AJ1253" s="53"/>
      <c r="AK1253" s="53"/>
      <c r="AL1253" s="53"/>
      <c r="AM1253" s="53"/>
      <c r="AN1253" s="53"/>
      <c r="AO1253" s="53"/>
      <c r="AP1253" s="53"/>
      <c r="AQ1253" s="53"/>
      <c r="AR1253" s="53"/>
      <c r="AS1253" s="53"/>
      <c r="AT1253" s="53"/>
      <c r="AU1253" s="53"/>
      <c r="AV1253" s="53"/>
      <c r="AW1253" s="53"/>
      <c r="AX1253" s="53"/>
      <c r="AY1253" s="53"/>
      <c r="AZ1253" s="53"/>
      <c r="BA1253" s="53"/>
      <c r="BB1253" s="53"/>
      <c r="BC1253" s="53"/>
      <c r="BD1253" s="53"/>
      <c r="BE1253" s="53"/>
      <c r="BF1253" s="53"/>
      <c r="BG1253" s="53"/>
      <c r="BH1253" s="53"/>
      <c r="BI1253" s="53"/>
      <c r="BJ1253" s="53"/>
      <c r="BK1253" s="53"/>
      <c r="BL1253" s="53"/>
      <c r="BM1253" s="53"/>
      <c r="BN1253" s="53"/>
      <c r="BO1253" s="53"/>
      <c r="BP1253" s="53"/>
      <c r="BQ1253" s="53"/>
      <c r="BR1253" s="53"/>
      <c r="BS1253" s="53"/>
      <c r="BT1253" s="53"/>
      <c r="BU1253" s="53"/>
      <c r="BV1253" s="53"/>
      <c r="BW1253" s="53"/>
      <c r="BX1253" s="53"/>
      <c r="BY1253" s="53"/>
      <c r="BZ1253" s="53"/>
      <c r="CA1253" s="53"/>
      <c r="CB1253" s="53">
        <v>0</v>
      </c>
      <c r="CC1253" s="53">
        <v>0</v>
      </c>
      <c r="CD1253" s="53">
        <v>0</v>
      </c>
      <c r="CE1253" s="53">
        <v>0</v>
      </c>
      <c r="CF1253" s="53">
        <v>0</v>
      </c>
      <c r="CG1253" s="53">
        <v>0</v>
      </c>
      <c r="CH1253" s="53">
        <v>0</v>
      </c>
      <c r="CI1253" s="53">
        <v>0</v>
      </c>
      <c r="CJ1253" s="53">
        <v>0</v>
      </c>
      <c r="CK1253" s="53">
        <v>0</v>
      </c>
      <c r="CL1253" s="53">
        <v>0</v>
      </c>
      <c r="CM1253" s="53">
        <v>0</v>
      </c>
      <c r="CN1253" s="53">
        <v>0</v>
      </c>
    </row>
    <row r="1254" spans="1:92" outlineLevel="1">
      <c r="A1254" s="52" t="s">
        <v>649</v>
      </c>
      <c r="B1254" s="53"/>
      <c r="C1254" s="53"/>
      <c r="D1254" s="53"/>
      <c r="E1254" s="53"/>
      <c r="F1254" s="53"/>
      <c r="G1254" s="53"/>
      <c r="H1254" s="53"/>
      <c r="I1254" s="53"/>
      <c r="J1254" s="53"/>
      <c r="K1254" s="53"/>
      <c r="L1254" s="53"/>
      <c r="M1254" s="53"/>
      <c r="N1254" s="53"/>
      <c r="O1254" s="53"/>
      <c r="P1254" s="53"/>
      <c r="Q1254" s="53"/>
      <c r="R1254" s="53"/>
      <c r="S1254" s="53"/>
      <c r="T1254" s="53"/>
      <c r="U1254" s="53"/>
      <c r="V1254" s="53"/>
      <c r="W1254" s="53"/>
      <c r="X1254" s="53"/>
      <c r="Y1254" s="53"/>
      <c r="Z1254" s="53"/>
      <c r="AA1254" s="53"/>
      <c r="AB1254" s="53">
        <v>35382.87055</v>
      </c>
      <c r="AC1254" s="53">
        <v>35382.87055</v>
      </c>
      <c r="AD1254" s="53">
        <v>35382.87055</v>
      </c>
      <c r="AE1254" s="53">
        <v>35382.87055</v>
      </c>
      <c r="AF1254" s="53">
        <v>35382.87055</v>
      </c>
      <c r="AG1254" s="53">
        <v>35382.87055</v>
      </c>
      <c r="AH1254" s="53">
        <v>35382.87055</v>
      </c>
      <c r="AI1254" s="53">
        <v>35382.87055</v>
      </c>
      <c r="AJ1254" s="53">
        <v>35382.87055</v>
      </c>
      <c r="AK1254" s="53">
        <v>35382.87055</v>
      </c>
      <c r="AL1254" s="53">
        <v>35382.87055</v>
      </c>
      <c r="AM1254" s="53">
        <v>35382.87055</v>
      </c>
      <c r="AN1254" s="53">
        <v>424594.44660000002</v>
      </c>
      <c r="AO1254" s="53"/>
      <c r="AP1254" s="53"/>
      <c r="AQ1254" s="53"/>
      <c r="AR1254" s="53"/>
      <c r="AS1254" s="53"/>
      <c r="AT1254" s="53"/>
      <c r="AU1254" s="53"/>
      <c r="AV1254" s="53"/>
      <c r="AW1254" s="53"/>
      <c r="AX1254" s="53"/>
      <c r="AY1254" s="53"/>
      <c r="AZ1254" s="53"/>
      <c r="BA1254" s="53"/>
      <c r="BB1254" s="53"/>
      <c r="BC1254" s="53"/>
      <c r="BD1254" s="53"/>
      <c r="BE1254" s="53"/>
      <c r="BF1254" s="53"/>
      <c r="BG1254" s="53"/>
      <c r="BH1254" s="53"/>
      <c r="BI1254" s="53"/>
      <c r="BJ1254" s="53"/>
      <c r="BK1254" s="53"/>
      <c r="BL1254" s="53"/>
      <c r="BM1254" s="53"/>
      <c r="BN1254" s="53"/>
      <c r="BO1254" s="53"/>
      <c r="BP1254" s="53"/>
      <c r="BQ1254" s="53"/>
      <c r="BR1254" s="53"/>
      <c r="BS1254" s="53"/>
      <c r="BT1254" s="53"/>
      <c r="BU1254" s="53"/>
      <c r="BV1254" s="53"/>
      <c r="BW1254" s="53"/>
      <c r="BX1254" s="53"/>
      <c r="BY1254" s="53"/>
      <c r="BZ1254" s="53"/>
      <c r="CA1254" s="53"/>
      <c r="CB1254" s="53">
        <v>0</v>
      </c>
      <c r="CC1254" s="53">
        <v>0</v>
      </c>
      <c r="CD1254" s="53">
        <v>0</v>
      </c>
      <c r="CE1254" s="53">
        <v>0</v>
      </c>
      <c r="CF1254" s="53">
        <v>0</v>
      </c>
      <c r="CG1254" s="53">
        <v>0</v>
      </c>
      <c r="CH1254" s="53">
        <v>0</v>
      </c>
      <c r="CI1254" s="53">
        <v>0</v>
      </c>
      <c r="CJ1254" s="53">
        <v>0</v>
      </c>
      <c r="CK1254" s="53">
        <v>0</v>
      </c>
      <c r="CL1254" s="53">
        <v>0</v>
      </c>
      <c r="CM1254" s="53">
        <v>0</v>
      </c>
      <c r="CN1254" s="53">
        <v>0</v>
      </c>
    </row>
    <row r="1255" spans="1:92" outlineLevel="1">
      <c r="A1255" s="52" t="s">
        <v>1430</v>
      </c>
      <c r="B1255" s="53"/>
      <c r="C1255" s="53"/>
      <c r="D1255" s="53"/>
      <c r="E1255" s="53"/>
      <c r="F1255" s="53"/>
      <c r="G1255" s="53"/>
      <c r="H1255" s="53"/>
      <c r="I1255" s="53"/>
      <c r="J1255" s="53"/>
      <c r="K1255" s="53"/>
      <c r="L1255" s="53"/>
      <c r="M1255" s="53"/>
      <c r="N1255" s="53"/>
      <c r="O1255" s="53"/>
      <c r="P1255" s="53"/>
      <c r="Q1255" s="53"/>
      <c r="R1255" s="53"/>
      <c r="S1255" s="53"/>
      <c r="T1255" s="53"/>
      <c r="U1255" s="53"/>
      <c r="V1255" s="53"/>
      <c r="W1255" s="53"/>
      <c r="X1255" s="53"/>
      <c r="Y1255" s="53"/>
      <c r="Z1255" s="53"/>
      <c r="AA1255" s="53"/>
      <c r="AB1255" s="53"/>
      <c r="AC1255" s="53"/>
      <c r="AD1255" s="53"/>
      <c r="AE1255" s="53"/>
      <c r="AF1255" s="53"/>
      <c r="AG1255" s="53"/>
      <c r="AH1255" s="53"/>
      <c r="AI1255" s="53"/>
      <c r="AJ1255" s="53"/>
      <c r="AK1255" s="53"/>
      <c r="AL1255" s="53"/>
      <c r="AM1255" s="53"/>
      <c r="AN1255" s="53"/>
      <c r="AO1255" s="53"/>
      <c r="AP1255" s="53"/>
      <c r="AQ1255" s="53"/>
      <c r="AR1255" s="53"/>
      <c r="AS1255" s="53"/>
      <c r="AT1255" s="53"/>
      <c r="AU1255" s="53"/>
      <c r="AV1255" s="53"/>
      <c r="AW1255" s="53"/>
      <c r="AX1255" s="53"/>
      <c r="AY1255" s="53"/>
      <c r="AZ1255" s="53"/>
      <c r="BA1255" s="53"/>
      <c r="BB1255" s="53"/>
      <c r="BC1255" s="53"/>
      <c r="BD1255" s="53"/>
      <c r="BE1255" s="53"/>
      <c r="BF1255" s="53"/>
      <c r="BG1255" s="53"/>
      <c r="BH1255" s="53"/>
      <c r="BI1255" s="53"/>
      <c r="BJ1255" s="53"/>
      <c r="BK1255" s="53"/>
      <c r="BL1255" s="53"/>
      <c r="BM1255" s="53"/>
      <c r="BN1255" s="53"/>
      <c r="BO1255" s="53"/>
      <c r="BP1255" s="53"/>
      <c r="BQ1255" s="53"/>
      <c r="BR1255" s="53"/>
      <c r="BS1255" s="53"/>
      <c r="BT1255" s="53"/>
      <c r="BU1255" s="53"/>
      <c r="BV1255" s="53"/>
      <c r="BW1255" s="53"/>
      <c r="BX1255" s="53"/>
      <c r="BY1255" s="53"/>
      <c r="BZ1255" s="53"/>
      <c r="CA1255" s="53"/>
      <c r="CB1255" s="53">
        <v>0</v>
      </c>
      <c r="CC1255" s="53">
        <v>0</v>
      </c>
      <c r="CD1255" s="53">
        <v>0</v>
      </c>
      <c r="CE1255" s="53">
        <v>0</v>
      </c>
      <c r="CF1255" s="53">
        <v>0</v>
      </c>
      <c r="CG1255" s="53">
        <v>0</v>
      </c>
      <c r="CH1255" s="53">
        <v>0</v>
      </c>
      <c r="CI1255" s="53">
        <v>0</v>
      </c>
      <c r="CJ1255" s="53">
        <v>0</v>
      </c>
      <c r="CK1255" s="53">
        <v>0</v>
      </c>
      <c r="CL1255" s="53">
        <v>0</v>
      </c>
      <c r="CM1255" s="53">
        <v>0</v>
      </c>
      <c r="CN1255" s="53">
        <v>0</v>
      </c>
    </row>
    <row r="1256" spans="1:92" outlineLevel="1">
      <c r="A1256" s="52" t="s">
        <v>649</v>
      </c>
      <c r="B1256" s="53">
        <v>1293389.1000000001</v>
      </c>
      <c r="C1256" s="53">
        <v>1293389.1000000001</v>
      </c>
      <c r="D1256" s="53">
        <v>1293389.1000000001</v>
      </c>
      <c r="E1256" s="53">
        <v>1293389.1000000001</v>
      </c>
      <c r="F1256" s="53">
        <v>1293389.1000000001</v>
      </c>
      <c r="G1256" s="53">
        <v>1293389.1000000001</v>
      </c>
      <c r="H1256" s="53">
        <v>1293389.1000000001</v>
      </c>
      <c r="I1256" s="53">
        <v>1293389.1000000001</v>
      </c>
      <c r="J1256" s="53">
        <v>1293389.1000000001</v>
      </c>
      <c r="K1256" s="53">
        <v>1293389.1000000001</v>
      </c>
      <c r="L1256" s="53">
        <v>1293389.1000000001</v>
      </c>
      <c r="M1256" s="53">
        <v>1293389.1000000001</v>
      </c>
      <c r="N1256" s="53">
        <v>15520669.199999999</v>
      </c>
      <c r="O1256" s="53">
        <v>1356596.1</v>
      </c>
      <c r="P1256" s="53">
        <v>1356596.1</v>
      </c>
      <c r="Q1256" s="53">
        <v>1356596.1</v>
      </c>
      <c r="R1256" s="53">
        <v>1356596.1</v>
      </c>
      <c r="S1256" s="53">
        <v>1356596.1</v>
      </c>
      <c r="T1256" s="53">
        <v>1356596.1</v>
      </c>
      <c r="U1256" s="53">
        <v>1356596.1</v>
      </c>
      <c r="V1256" s="53">
        <v>1356596.1</v>
      </c>
      <c r="W1256" s="53">
        <v>1356596.1</v>
      </c>
      <c r="X1256" s="53">
        <v>1356596.1</v>
      </c>
      <c r="Y1256" s="53">
        <v>1356596.1</v>
      </c>
      <c r="Z1256" s="53">
        <v>1356596.1</v>
      </c>
      <c r="AA1256" s="53">
        <v>16279153.199999999</v>
      </c>
      <c r="AB1256" s="53">
        <v>1356596.1</v>
      </c>
      <c r="AC1256" s="53">
        <v>1356596.1</v>
      </c>
      <c r="AD1256" s="53">
        <v>1356596.1</v>
      </c>
      <c r="AE1256" s="53">
        <v>1356596.1</v>
      </c>
      <c r="AF1256" s="53">
        <v>1356596.1</v>
      </c>
      <c r="AG1256" s="53">
        <v>1356596.1</v>
      </c>
      <c r="AH1256" s="53">
        <v>1356596.1</v>
      </c>
      <c r="AI1256" s="53">
        <v>1356596.1</v>
      </c>
      <c r="AJ1256" s="53">
        <v>1356596.1</v>
      </c>
      <c r="AK1256" s="53">
        <v>1356596.1</v>
      </c>
      <c r="AL1256" s="53">
        <v>1356596.1</v>
      </c>
      <c r="AM1256" s="53">
        <v>1356596.1</v>
      </c>
      <c r="AN1256" s="53">
        <v>16279153.199999999</v>
      </c>
      <c r="AO1256" s="53"/>
      <c r="AP1256" s="53"/>
      <c r="AQ1256" s="53"/>
      <c r="AR1256" s="53"/>
      <c r="AS1256" s="53"/>
      <c r="AT1256" s="53"/>
      <c r="AU1256" s="53"/>
      <c r="AV1256" s="53"/>
      <c r="AW1256" s="53"/>
      <c r="AX1256" s="53"/>
      <c r="AY1256" s="53"/>
      <c r="AZ1256" s="53"/>
      <c r="BA1256" s="53"/>
      <c r="BB1256" s="53"/>
      <c r="BC1256" s="53"/>
      <c r="BD1256" s="53"/>
      <c r="BE1256" s="53"/>
      <c r="BF1256" s="53"/>
      <c r="BG1256" s="53"/>
      <c r="BH1256" s="53"/>
      <c r="BI1256" s="53"/>
      <c r="BJ1256" s="53"/>
      <c r="BK1256" s="53"/>
      <c r="BL1256" s="53"/>
      <c r="BM1256" s="53"/>
      <c r="BN1256" s="53"/>
      <c r="BO1256" s="53"/>
      <c r="BP1256" s="53"/>
      <c r="BQ1256" s="53"/>
      <c r="BR1256" s="53"/>
      <c r="BS1256" s="53"/>
      <c r="BT1256" s="53"/>
      <c r="BU1256" s="53"/>
      <c r="BV1256" s="53"/>
      <c r="BW1256" s="53"/>
      <c r="BX1256" s="53"/>
      <c r="BY1256" s="53"/>
      <c r="BZ1256" s="53"/>
      <c r="CA1256" s="53"/>
      <c r="CB1256" s="53">
        <v>0</v>
      </c>
      <c r="CC1256" s="53">
        <v>0</v>
      </c>
      <c r="CD1256" s="53">
        <v>0</v>
      </c>
      <c r="CE1256" s="53">
        <v>0</v>
      </c>
      <c r="CF1256" s="53">
        <v>0</v>
      </c>
      <c r="CG1256" s="53">
        <v>0</v>
      </c>
      <c r="CH1256" s="53">
        <v>0</v>
      </c>
      <c r="CI1256" s="53">
        <v>0</v>
      </c>
      <c r="CJ1256" s="53">
        <v>0</v>
      </c>
      <c r="CK1256" s="53">
        <v>0</v>
      </c>
      <c r="CL1256" s="53">
        <v>0</v>
      </c>
      <c r="CM1256" s="53">
        <v>0</v>
      </c>
      <c r="CN1256" s="53">
        <v>0</v>
      </c>
    </row>
    <row r="1257" spans="1:92" outlineLevel="1">
      <c r="A1257" s="52" t="s">
        <v>1431</v>
      </c>
      <c r="B1257" s="53"/>
      <c r="C1257" s="53"/>
      <c r="D1257" s="53"/>
      <c r="E1257" s="53"/>
      <c r="F1257" s="53"/>
      <c r="G1257" s="53"/>
      <c r="H1257" s="53"/>
      <c r="I1257" s="53"/>
      <c r="J1257" s="53"/>
      <c r="K1257" s="53"/>
      <c r="L1257" s="53"/>
      <c r="M1257" s="53"/>
      <c r="N1257" s="53"/>
      <c r="O1257" s="53"/>
      <c r="P1257" s="53"/>
      <c r="Q1257" s="53"/>
      <c r="R1257" s="53"/>
      <c r="S1257" s="53"/>
      <c r="T1257" s="53"/>
      <c r="U1257" s="53"/>
      <c r="V1257" s="53"/>
      <c r="W1257" s="53"/>
      <c r="X1257" s="53"/>
      <c r="Y1257" s="53"/>
      <c r="Z1257" s="53"/>
      <c r="AA1257" s="53"/>
      <c r="AB1257" s="53"/>
      <c r="AC1257" s="53"/>
      <c r="AD1257" s="53"/>
      <c r="AE1257" s="53"/>
      <c r="AF1257" s="53"/>
      <c r="AG1257" s="53"/>
      <c r="AH1257" s="53"/>
      <c r="AI1257" s="53"/>
      <c r="AJ1257" s="53"/>
      <c r="AK1257" s="53"/>
      <c r="AL1257" s="53"/>
      <c r="AM1257" s="53"/>
      <c r="AN1257" s="53"/>
      <c r="AO1257" s="53"/>
      <c r="AP1257" s="53"/>
      <c r="AQ1257" s="53"/>
      <c r="AR1257" s="53"/>
      <c r="AS1257" s="53"/>
      <c r="AT1257" s="53"/>
      <c r="AU1257" s="53"/>
      <c r="AV1257" s="53"/>
      <c r="AW1257" s="53"/>
      <c r="AX1257" s="53"/>
      <c r="AY1257" s="53"/>
      <c r="AZ1257" s="53"/>
      <c r="BA1257" s="53"/>
      <c r="BB1257" s="53"/>
      <c r="BC1257" s="53"/>
      <c r="BD1257" s="53"/>
      <c r="BE1257" s="53"/>
      <c r="BF1257" s="53"/>
      <c r="BG1257" s="53"/>
      <c r="BH1257" s="53"/>
      <c r="BI1257" s="53"/>
      <c r="BJ1257" s="53"/>
      <c r="BK1257" s="53"/>
      <c r="BL1257" s="53"/>
      <c r="BM1257" s="53"/>
      <c r="BN1257" s="53"/>
      <c r="BO1257" s="53"/>
      <c r="BP1257" s="53"/>
      <c r="BQ1257" s="53"/>
      <c r="BR1257" s="53"/>
      <c r="BS1257" s="53"/>
      <c r="BT1257" s="53"/>
      <c r="BU1257" s="53"/>
      <c r="BV1257" s="53"/>
      <c r="BW1257" s="53"/>
      <c r="BX1257" s="53"/>
      <c r="BY1257" s="53"/>
      <c r="BZ1257" s="53"/>
      <c r="CA1257" s="53"/>
      <c r="CB1257" s="53">
        <v>0</v>
      </c>
      <c r="CC1257" s="53">
        <v>0</v>
      </c>
      <c r="CD1257" s="53">
        <v>0</v>
      </c>
      <c r="CE1257" s="53">
        <v>0</v>
      </c>
      <c r="CF1257" s="53">
        <v>0</v>
      </c>
      <c r="CG1257" s="53">
        <v>0</v>
      </c>
      <c r="CH1257" s="53">
        <v>0</v>
      </c>
      <c r="CI1257" s="53">
        <v>0</v>
      </c>
      <c r="CJ1257" s="53">
        <v>0</v>
      </c>
      <c r="CK1257" s="53">
        <v>0</v>
      </c>
      <c r="CL1257" s="53">
        <v>0</v>
      </c>
      <c r="CM1257" s="53">
        <v>0</v>
      </c>
      <c r="CN1257" s="53">
        <v>0</v>
      </c>
    </row>
    <row r="1258" spans="1:92" outlineLevel="1">
      <c r="A1258" s="52" t="s">
        <v>649</v>
      </c>
      <c r="B1258" s="53">
        <v>29000000</v>
      </c>
      <c r="C1258" s="53"/>
      <c r="D1258" s="53"/>
      <c r="E1258" s="53"/>
      <c r="F1258" s="53"/>
      <c r="G1258" s="53"/>
      <c r="H1258" s="53"/>
      <c r="I1258" s="53"/>
      <c r="J1258" s="53"/>
      <c r="K1258" s="53"/>
      <c r="L1258" s="53"/>
      <c r="M1258" s="53"/>
      <c r="N1258" s="53">
        <v>29000000</v>
      </c>
      <c r="O1258" s="53"/>
      <c r="P1258" s="53"/>
      <c r="Q1258" s="53"/>
      <c r="R1258" s="53"/>
      <c r="S1258" s="53"/>
      <c r="T1258" s="53"/>
      <c r="U1258" s="53"/>
      <c r="V1258" s="53"/>
      <c r="W1258" s="53"/>
      <c r="X1258" s="53"/>
      <c r="Y1258" s="53"/>
      <c r="Z1258" s="53"/>
      <c r="AA1258" s="53"/>
      <c r="AB1258" s="53"/>
      <c r="AC1258" s="53"/>
      <c r="AD1258" s="53"/>
      <c r="AE1258" s="53"/>
      <c r="AF1258" s="53"/>
      <c r="AG1258" s="53"/>
      <c r="AH1258" s="53"/>
      <c r="AI1258" s="53"/>
      <c r="AJ1258" s="53"/>
      <c r="AK1258" s="53"/>
      <c r="AL1258" s="53"/>
      <c r="AM1258" s="53"/>
      <c r="AN1258" s="53"/>
      <c r="AO1258" s="53"/>
      <c r="AP1258" s="53"/>
      <c r="AQ1258" s="53"/>
      <c r="AR1258" s="53"/>
      <c r="AS1258" s="53"/>
      <c r="AT1258" s="53"/>
      <c r="AU1258" s="53"/>
      <c r="AV1258" s="53"/>
      <c r="AW1258" s="53"/>
      <c r="AX1258" s="53"/>
      <c r="AY1258" s="53"/>
      <c r="AZ1258" s="53"/>
      <c r="BA1258" s="53"/>
      <c r="BB1258" s="53"/>
      <c r="BC1258" s="53"/>
      <c r="BD1258" s="53"/>
      <c r="BE1258" s="53"/>
      <c r="BF1258" s="53"/>
      <c r="BG1258" s="53"/>
      <c r="BH1258" s="53"/>
      <c r="BI1258" s="53"/>
      <c r="BJ1258" s="53"/>
      <c r="BK1258" s="53"/>
      <c r="BL1258" s="53"/>
      <c r="BM1258" s="53"/>
      <c r="BN1258" s="53"/>
      <c r="BO1258" s="53"/>
      <c r="BP1258" s="53"/>
      <c r="BQ1258" s="53"/>
      <c r="BR1258" s="53"/>
      <c r="BS1258" s="53"/>
      <c r="BT1258" s="53"/>
      <c r="BU1258" s="53"/>
      <c r="BV1258" s="53"/>
      <c r="BW1258" s="53"/>
      <c r="BX1258" s="53"/>
      <c r="BY1258" s="53"/>
      <c r="BZ1258" s="53"/>
      <c r="CA1258" s="53"/>
      <c r="CB1258" s="53">
        <v>0</v>
      </c>
      <c r="CC1258" s="53">
        <v>0</v>
      </c>
      <c r="CD1258" s="53">
        <v>0</v>
      </c>
      <c r="CE1258" s="53">
        <v>0</v>
      </c>
      <c r="CF1258" s="53">
        <v>0</v>
      </c>
      <c r="CG1258" s="53">
        <v>0</v>
      </c>
      <c r="CH1258" s="53">
        <v>0</v>
      </c>
      <c r="CI1258" s="53">
        <v>0</v>
      </c>
      <c r="CJ1258" s="53">
        <v>0</v>
      </c>
      <c r="CK1258" s="53">
        <v>0</v>
      </c>
      <c r="CL1258" s="53">
        <v>0</v>
      </c>
      <c r="CM1258" s="53">
        <v>0</v>
      </c>
      <c r="CN1258" s="53">
        <v>0</v>
      </c>
    </row>
    <row r="1259" spans="1:92" outlineLevel="1">
      <c r="A1259" s="52" t="s">
        <v>1432</v>
      </c>
      <c r="B1259" s="53"/>
      <c r="C1259" s="53"/>
      <c r="D1259" s="53"/>
      <c r="E1259" s="53"/>
      <c r="F1259" s="53"/>
      <c r="G1259" s="53"/>
      <c r="H1259" s="53"/>
      <c r="I1259" s="53"/>
      <c r="J1259" s="53"/>
      <c r="K1259" s="53"/>
      <c r="L1259" s="53"/>
      <c r="M1259" s="53"/>
      <c r="N1259" s="53"/>
      <c r="O1259" s="53"/>
      <c r="P1259" s="53"/>
      <c r="Q1259" s="53"/>
      <c r="R1259" s="53"/>
      <c r="S1259" s="53"/>
      <c r="T1259" s="53"/>
      <c r="U1259" s="53"/>
      <c r="V1259" s="53"/>
      <c r="W1259" s="53"/>
      <c r="X1259" s="53"/>
      <c r="Y1259" s="53"/>
      <c r="Z1259" s="53"/>
      <c r="AA1259" s="53"/>
      <c r="AB1259" s="53"/>
      <c r="AC1259" s="53"/>
      <c r="AD1259" s="53"/>
      <c r="AE1259" s="53"/>
      <c r="AF1259" s="53"/>
      <c r="AG1259" s="53"/>
      <c r="AH1259" s="53"/>
      <c r="AI1259" s="53"/>
      <c r="AJ1259" s="53"/>
      <c r="AK1259" s="53"/>
      <c r="AL1259" s="53"/>
      <c r="AM1259" s="53"/>
      <c r="AN1259" s="53"/>
      <c r="AO1259" s="53"/>
      <c r="AP1259" s="53"/>
      <c r="AQ1259" s="53"/>
      <c r="AR1259" s="53"/>
      <c r="AS1259" s="53"/>
      <c r="AT1259" s="53"/>
      <c r="AU1259" s="53"/>
      <c r="AV1259" s="53"/>
      <c r="AW1259" s="53"/>
      <c r="AX1259" s="53"/>
      <c r="AY1259" s="53"/>
      <c r="AZ1259" s="53"/>
      <c r="BA1259" s="53"/>
      <c r="BB1259" s="53"/>
      <c r="BC1259" s="53"/>
      <c r="BD1259" s="53"/>
      <c r="BE1259" s="53"/>
      <c r="BF1259" s="53"/>
      <c r="BG1259" s="53"/>
      <c r="BH1259" s="53"/>
      <c r="BI1259" s="53"/>
      <c r="BJ1259" s="53"/>
      <c r="BK1259" s="53"/>
      <c r="BL1259" s="53"/>
      <c r="BM1259" s="53"/>
      <c r="BN1259" s="53"/>
      <c r="BO1259" s="53"/>
      <c r="BP1259" s="53"/>
      <c r="BQ1259" s="53"/>
      <c r="BR1259" s="53"/>
      <c r="BS1259" s="53"/>
      <c r="BT1259" s="53"/>
      <c r="BU1259" s="53"/>
      <c r="BV1259" s="53"/>
      <c r="BW1259" s="53"/>
      <c r="BX1259" s="53"/>
      <c r="BY1259" s="53"/>
      <c r="BZ1259" s="53"/>
      <c r="CA1259" s="53"/>
      <c r="CB1259" s="53">
        <v>0</v>
      </c>
      <c r="CC1259" s="53">
        <v>0</v>
      </c>
      <c r="CD1259" s="53">
        <v>0</v>
      </c>
      <c r="CE1259" s="53">
        <v>0</v>
      </c>
      <c r="CF1259" s="53">
        <v>0</v>
      </c>
      <c r="CG1259" s="53">
        <v>0</v>
      </c>
      <c r="CH1259" s="53">
        <v>0</v>
      </c>
      <c r="CI1259" s="53">
        <v>0</v>
      </c>
      <c r="CJ1259" s="53">
        <v>0</v>
      </c>
      <c r="CK1259" s="53">
        <v>0</v>
      </c>
      <c r="CL1259" s="53">
        <v>0</v>
      </c>
      <c r="CM1259" s="53">
        <v>0</v>
      </c>
      <c r="CN1259" s="53">
        <v>0</v>
      </c>
    </row>
    <row r="1260" spans="1:92" outlineLevel="1">
      <c r="A1260" s="52" t="s">
        <v>649</v>
      </c>
      <c r="B1260" s="53"/>
      <c r="C1260" s="53"/>
      <c r="D1260" s="53"/>
      <c r="E1260" s="53"/>
      <c r="F1260" s="53"/>
      <c r="G1260" s="53"/>
      <c r="H1260" s="53"/>
      <c r="I1260" s="53"/>
      <c r="J1260" s="53"/>
      <c r="K1260" s="53"/>
      <c r="L1260" s="53"/>
      <c r="M1260" s="53"/>
      <c r="N1260" s="53"/>
      <c r="O1260" s="53">
        <v>216833.99999999901</v>
      </c>
      <c r="P1260" s="53">
        <v>216833.99999999901</v>
      </c>
      <c r="Q1260" s="53">
        <v>216833.99999999901</v>
      </c>
      <c r="R1260" s="53">
        <v>216833.99999999901</v>
      </c>
      <c r="S1260" s="53">
        <v>216833.99999999901</v>
      </c>
      <c r="T1260" s="53">
        <v>216833.99999999901</v>
      </c>
      <c r="U1260" s="53">
        <v>216833.99999999901</v>
      </c>
      <c r="V1260" s="53">
        <v>216833.99999999901</v>
      </c>
      <c r="W1260" s="53">
        <v>216833.99999999901</v>
      </c>
      <c r="X1260" s="53">
        <v>216833.99999999901</v>
      </c>
      <c r="Y1260" s="53">
        <v>216833.99999999901</v>
      </c>
      <c r="Z1260" s="53">
        <v>216833.99999999901</v>
      </c>
      <c r="AA1260" s="53">
        <v>2602008</v>
      </c>
      <c r="AB1260" s="53">
        <v>216833.99999999901</v>
      </c>
      <c r="AC1260" s="53">
        <v>216833.99999999901</v>
      </c>
      <c r="AD1260" s="53">
        <v>216833.99999999901</v>
      </c>
      <c r="AE1260" s="53">
        <v>216833.99999999901</v>
      </c>
      <c r="AF1260" s="53">
        <v>216833.99999999901</v>
      </c>
      <c r="AG1260" s="53">
        <v>216833.99999999901</v>
      </c>
      <c r="AH1260" s="53">
        <v>216833.99999999901</v>
      </c>
      <c r="AI1260" s="53">
        <v>216833.99999999901</v>
      </c>
      <c r="AJ1260" s="53">
        <v>216833.99999999901</v>
      </c>
      <c r="AK1260" s="53">
        <v>216833.99999999901</v>
      </c>
      <c r="AL1260" s="53">
        <v>216833.99999999901</v>
      </c>
      <c r="AM1260" s="53">
        <v>216833.99999999901</v>
      </c>
      <c r="AN1260" s="53">
        <v>2602007.99999998</v>
      </c>
      <c r="AO1260" s="53">
        <v>216833.99999999901</v>
      </c>
      <c r="AP1260" s="53">
        <v>216833.99999999901</v>
      </c>
      <c r="AQ1260" s="53">
        <v>216833.99999999901</v>
      </c>
      <c r="AR1260" s="53">
        <v>216833.99999999901</v>
      </c>
      <c r="AS1260" s="53">
        <v>216833.99999999901</v>
      </c>
      <c r="AT1260" s="53">
        <v>216833.99999999901</v>
      </c>
      <c r="AU1260" s="53">
        <v>216833.99999999901</v>
      </c>
      <c r="AV1260" s="53">
        <v>216833.99999999901</v>
      </c>
      <c r="AW1260" s="53">
        <v>216833.99999999901</v>
      </c>
      <c r="AX1260" s="53">
        <v>216833.99999999901</v>
      </c>
      <c r="AY1260" s="53">
        <v>216833.99999999901</v>
      </c>
      <c r="AZ1260" s="53">
        <v>216833.99999999901</v>
      </c>
      <c r="BA1260" s="53">
        <v>2602007.99999998</v>
      </c>
      <c r="BB1260" s="53">
        <v>216833.99999999901</v>
      </c>
      <c r="BC1260" s="53">
        <v>216833.99999999901</v>
      </c>
      <c r="BD1260" s="53">
        <v>216833.99999999901</v>
      </c>
      <c r="BE1260" s="53">
        <v>216833.99999999901</v>
      </c>
      <c r="BF1260" s="53">
        <v>216833.99999999901</v>
      </c>
      <c r="BG1260" s="53">
        <v>216833.99999999901</v>
      </c>
      <c r="BH1260" s="53">
        <v>216833.99999999901</v>
      </c>
      <c r="BI1260" s="53">
        <v>216833.99999999901</v>
      </c>
      <c r="BJ1260" s="53">
        <v>216833.99999999901</v>
      </c>
      <c r="BK1260" s="53">
        <v>216833.99999999901</v>
      </c>
      <c r="BL1260" s="53">
        <v>216833.99999999901</v>
      </c>
      <c r="BM1260" s="53">
        <v>216833.99999999901</v>
      </c>
      <c r="BN1260" s="53">
        <v>2602007.99999998</v>
      </c>
      <c r="BO1260" s="53">
        <v>216833.99999999901</v>
      </c>
      <c r="BP1260" s="53">
        <v>216833.99999999901</v>
      </c>
      <c r="BQ1260" s="53">
        <v>216833.99999999901</v>
      </c>
      <c r="BR1260" s="53">
        <v>216833.99999999901</v>
      </c>
      <c r="BS1260" s="53">
        <v>216833.99999999901</v>
      </c>
      <c r="BT1260" s="53">
        <v>216833.99999999901</v>
      </c>
      <c r="BU1260" s="53">
        <v>216833.99999999901</v>
      </c>
      <c r="BV1260" s="53">
        <v>216833.99999999901</v>
      </c>
      <c r="BW1260" s="53">
        <v>216833.99999999901</v>
      </c>
      <c r="BX1260" s="53">
        <v>216833.99999999901</v>
      </c>
      <c r="BY1260" s="53">
        <v>216833.99999999901</v>
      </c>
      <c r="BZ1260" s="53">
        <v>216833.99999999901</v>
      </c>
      <c r="CA1260" s="53">
        <v>2602007.99999998</v>
      </c>
      <c r="CB1260" s="53">
        <v>2202132.2799999998</v>
      </c>
      <c r="CC1260" s="53">
        <v>2202132.2799999998</v>
      </c>
      <c r="CD1260" s="53">
        <v>2202132.2799999998</v>
      </c>
      <c r="CE1260" s="53">
        <v>2202132.2799999998</v>
      </c>
      <c r="CF1260" s="53">
        <v>2202132.2799999998</v>
      </c>
      <c r="CG1260" s="53">
        <v>2202132.2799999998</v>
      </c>
      <c r="CH1260" s="53">
        <v>2202132.2799999998</v>
      </c>
      <c r="CI1260" s="53">
        <v>2202132.2799999998</v>
      </c>
      <c r="CJ1260" s="53">
        <v>2202132.2799999998</v>
      </c>
      <c r="CK1260" s="53">
        <v>2202132.2799999998</v>
      </c>
      <c r="CL1260" s="53">
        <v>2202132.2799999998</v>
      </c>
      <c r="CM1260" s="53">
        <v>2202132.2799999998</v>
      </c>
      <c r="CN1260" s="53">
        <v>2202132.2799999998</v>
      </c>
    </row>
    <row r="1261" spans="1:92" outlineLevel="1">
      <c r="A1261" s="52" t="s">
        <v>1402</v>
      </c>
      <c r="B1261" s="53"/>
      <c r="C1261" s="53"/>
      <c r="D1261" s="53"/>
      <c r="E1261" s="53"/>
      <c r="F1261" s="53"/>
      <c r="G1261" s="53"/>
      <c r="H1261" s="53"/>
      <c r="I1261" s="53"/>
      <c r="J1261" s="53"/>
      <c r="K1261" s="53"/>
      <c r="L1261" s="53"/>
      <c r="M1261" s="53"/>
      <c r="N1261" s="53"/>
      <c r="O1261" s="53"/>
      <c r="P1261" s="53"/>
      <c r="Q1261" s="53"/>
      <c r="R1261" s="53"/>
      <c r="S1261" s="53"/>
      <c r="T1261" s="53"/>
      <c r="U1261" s="53"/>
      <c r="V1261" s="53"/>
      <c r="W1261" s="53"/>
      <c r="X1261" s="53"/>
      <c r="Y1261" s="53"/>
      <c r="Z1261" s="53"/>
      <c r="AA1261" s="53"/>
      <c r="AB1261" s="53"/>
      <c r="AC1261" s="53"/>
      <c r="AD1261" s="53"/>
      <c r="AE1261" s="53"/>
      <c r="AF1261" s="53"/>
      <c r="AG1261" s="53"/>
      <c r="AH1261" s="53"/>
      <c r="AI1261" s="53"/>
      <c r="AJ1261" s="53"/>
      <c r="AK1261" s="53"/>
      <c r="AL1261" s="53"/>
      <c r="AM1261" s="53"/>
      <c r="AN1261" s="53"/>
      <c r="AO1261" s="53"/>
      <c r="AP1261" s="53"/>
      <c r="AQ1261" s="53"/>
      <c r="AR1261" s="53"/>
      <c r="AS1261" s="53"/>
      <c r="AT1261" s="53"/>
      <c r="AU1261" s="53"/>
      <c r="AV1261" s="53"/>
      <c r="AW1261" s="53"/>
      <c r="AX1261" s="53"/>
      <c r="AY1261" s="53"/>
      <c r="AZ1261" s="53"/>
      <c r="BA1261" s="53"/>
      <c r="BB1261" s="53"/>
      <c r="BC1261" s="53"/>
      <c r="BD1261" s="53"/>
      <c r="BE1261" s="53"/>
      <c r="BF1261" s="53"/>
      <c r="BG1261" s="53"/>
      <c r="BH1261" s="53"/>
      <c r="BI1261" s="53"/>
      <c r="BJ1261" s="53"/>
      <c r="BK1261" s="53"/>
      <c r="BL1261" s="53"/>
      <c r="BM1261" s="53"/>
      <c r="BN1261" s="53"/>
      <c r="BO1261" s="53"/>
      <c r="BP1261" s="53"/>
      <c r="BQ1261" s="53"/>
      <c r="BR1261" s="53"/>
      <c r="BS1261" s="53"/>
      <c r="BT1261" s="53"/>
      <c r="BU1261" s="53"/>
      <c r="BV1261" s="53"/>
      <c r="BW1261" s="53"/>
      <c r="BX1261" s="53"/>
      <c r="BY1261" s="53"/>
      <c r="BZ1261" s="53"/>
      <c r="CA1261" s="53"/>
      <c r="CB1261" s="53">
        <v>0</v>
      </c>
      <c r="CC1261" s="53">
        <v>0</v>
      </c>
      <c r="CD1261" s="53">
        <v>0</v>
      </c>
      <c r="CE1261" s="53">
        <v>0</v>
      </c>
      <c r="CF1261" s="53">
        <v>0</v>
      </c>
      <c r="CG1261" s="53">
        <v>0</v>
      </c>
      <c r="CH1261" s="53">
        <v>0</v>
      </c>
      <c r="CI1261" s="53">
        <v>0</v>
      </c>
      <c r="CJ1261" s="53">
        <v>0</v>
      </c>
      <c r="CK1261" s="53">
        <v>0</v>
      </c>
      <c r="CL1261" s="53">
        <v>0</v>
      </c>
      <c r="CM1261" s="53">
        <v>0</v>
      </c>
      <c r="CN1261" s="53">
        <v>0</v>
      </c>
    </row>
    <row r="1262" spans="1:92" outlineLevel="1">
      <c r="A1262" s="52" t="s">
        <v>649</v>
      </c>
      <c r="B1262" s="53"/>
      <c r="C1262" s="53"/>
      <c r="D1262" s="53"/>
      <c r="E1262" s="53"/>
      <c r="F1262" s="53"/>
      <c r="G1262" s="53"/>
      <c r="H1262" s="53"/>
      <c r="I1262" s="53"/>
      <c r="J1262" s="53"/>
      <c r="K1262" s="53"/>
      <c r="L1262" s="53"/>
      <c r="M1262" s="53">
        <v>-12916000</v>
      </c>
      <c r="N1262" s="53">
        <v>-12916000</v>
      </c>
      <c r="O1262" s="53"/>
      <c r="P1262" s="53"/>
      <c r="Q1262" s="53"/>
      <c r="R1262" s="53"/>
      <c r="S1262" s="53"/>
      <c r="T1262" s="53"/>
      <c r="U1262" s="53"/>
      <c r="V1262" s="53"/>
      <c r="W1262" s="53"/>
      <c r="X1262" s="53"/>
      <c r="Y1262" s="53"/>
      <c r="Z1262" s="53"/>
      <c r="AA1262" s="53"/>
      <c r="AB1262" s="53"/>
      <c r="AC1262" s="53"/>
      <c r="AD1262" s="53"/>
      <c r="AE1262" s="53"/>
      <c r="AF1262" s="53"/>
      <c r="AG1262" s="53"/>
      <c r="AH1262" s="53"/>
      <c r="AI1262" s="53"/>
      <c r="AJ1262" s="53"/>
      <c r="AK1262" s="53"/>
      <c r="AL1262" s="53"/>
      <c r="AM1262" s="53"/>
      <c r="AN1262" s="53"/>
      <c r="AO1262" s="53"/>
      <c r="AP1262" s="53"/>
      <c r="AQ1262" s="53"/>
      <c r="AR1262" s="53"/>
      <c r="AS1262" s="53"/>
      <c r="AT1262" s="53"/>
      <c r="AU1262" s="53"/>
      <c r="AV1262" s="53"/>
      <c r="AW1262" s="53"/>
      <c r="AX1262" s="53"/>
      <c r="AY1262" s="53"/>
      <c r="AZ1262" s="53"/>
      <c r="BA1262" s="53"/>
      <c r="BB1262" s="53"/>
      <c r="BC1262" s="53"/>
      <c r="BD1262" s="53"/>
      <c r="BE1262" s="53"/>
      <c r="BF1262" s="53"/>
      <c r="BG1262" s="53"/>
      <c r="BH1262" s="53"/>
      <c r="BI1262" s="53"/>
      <c r="BJ1262" s="53"/>
      <c r="BK1262" s="53"/>
      <c r="BL1262" s="53"/>
      <c r="BM1262" s="53"/>
      <c r="BN1262" s="53"/>
      <c r="BO1262" s="53"/>
      <c r="BP1262" s="53"/>
      <c r="BQ1262" s="53"/>
      <c r="BR1262" s="53"/>
      <c r="BS1262" s="53"/>
      <c r="BT1262" s="53"/>
      <c r="BU1262" s="53"/>
      <c r="BV1262" s="53"/>
      <c r="BW1262" s="53"/>
      <c r="BX1262" s="53"/>
      <c r="BY1262" s="53"/>
      <c r="BZ1262" s="53"/>
      <c r="CA1262" s="53"/>
      <c r="CB1262" s="53">
        <v>0</v>
      </c>
      <c r="CC1262" s="53">
        <v>0</v>
      </c>
      <c r="CD1262" s="53">
        <v>0</v>
      </c>
      <c r="CE1262" s="53">
        <v>0</v>
      </c>
      <c r="CF1262" s="53">
        <v>0</v>
      </c>
      <c r="CG1262" s="53">
        <v>0</v>
      </c>
      <c r="CH1262" s="53">
        <v>0</v>
      </c>
      <c r="CI1262" s="53">
        <v>0</v>
      </c>
      <c r="CJ1262" s="53">
        <v>0</v>
      </c>
      <c r="CK1262" s="53">
        <v>0</v>
      </c>
      <c r="CL1262" s="53">
        <v>0</v>
      </c>
      <c r="CM1262" s="53">
        <v>0</v>
      </c>
      <c r="CN1262" s="53">
        <v>0</v>
      </c>
    </row>
    <row r="1263" spans="1:92" outlineLevel="1">
      <c r="A1263" s="52" t="s">
        <v>672</v>
      </c>
      <c r="B1263" s="53"/>
      <c r="C1263" s="53"/>
      <c r="D1263" s="53"/>
      <c r="E1263" s="53"/>
      <c r="F1263" s="53"/>
      <c r="G1263" s="53"/>
      <c r="H1263" s="53"/>
      <c r="I1263" s="53"/>
      <c r="J1263" s="53"/>
      <c r="K1263" s="53"/>
      <c r="L1263" s="53"/>
      <c r="M1263" s="53"/>
      <c r="N1263" s="53"/>
      <c r="O1263" s="53"/>
      <c r="P1263" s="53"/>
      <c r="Q1263" s="53"/>
      <c r="R1263" s="53"/>
      <c r="S1263" s="53"/>
      <c r="T1263" s="53"/>
      <c r="U1263" s="53"/>
      <c r="V1263" s="53"/>
      <c r="W1263" s="53"/>
      <c r="X1263" s="53"/>
      <c r="Y1263" s="53"/>
      <c r="Z1263" s="53"/>
      <c r="AA1263" s="53"/>
      <c r="AB1263" s="53"/>
      <c r="AC1263" s="53"/>
      <c r="AD1263" s="53"/>
      <c r="AE1263" s="53"/>
      <c r="AF1263" s="53"/>
      <c r="AG1263" s="53"/>
      <c r="AH1263" s="53"/>
      <c r="AI1263" s="53"/>
      <c r="AJ1263" s="53"/>
      <c r="AK1263" s="53"/>
      <c r="AL1263" s="53"/>
      <c r="AM1263" s="53"/>
      <c r="AN1263" s="53"/>
      <c r="AO1263" s="53"/>
      <c r="AP1263" s="53"/>
      <c r="AQ1263" s="53"/>
      <c r="AR1263" s="53"/>
      <c r="AS1263" s="53"/>
      <c r="AT1263" s="53"/>
      <c r="AU1263" s="53"/>
      <c r="AV1263" s="53"/>
      <c r="AW1263" s="53"/>
      <c r="AX1263" s="53"/>
      <c r="AY1263" s="53"/>
      <c r="AZ1263" s="53"/>
      <c r="BA1263" s="53"/>
      <c r="BB1263" s="53"/>
      <c r="BC1263" s="53"/>
      <c r="BD1263" s="53"/>
      <c r="BE1263" s="53"/>
      <c r="BF1263" s="53"/>
      <c r="BG1263" s="53"/>
      <c r="BH1263" s="53"/>
      <c r="BI1263" s="53"/>
      <c r="BJ1263" s="53"/>
      <c r="BK1263" s="53"/>
      <c r="BL1263" s="53"/>
      <c r="BM1263" s="53"/>
      <c r="BN1263" s="53"/>
      <c r="BO1263" s="53"/>
      <c r="BP1263" s="53"/>
      <c r="BQ1263" s="53"/>
      <c r="BR1263" s="53"/>
      <c r="BS1263" s="53"/>
      <c r="BT1263" s="53"/>
      <c r="BU1263" s="53"/>
      <c r="BV1263" s="53"/>
      <c r="BW1263" s="53"/>
      <c r="BX1263" s="53"/>
      <c r="BY1263" s="53"/>
      <c r="BZ1263" s="53"/>
      <c r="CA1263" s="53"/>
      <c r="CB1263" s="53">
        <v>0</v>
      </c>
      <c r="CC1263" s="53">
        <v>0</v>
      </c>
      <c r="CD1263" s="53">
        <v>0</v>
      </c>
      <c r="CE1263" s="53">
        <v>0</v>
      </c>
      <c r="CF1263" s="53">
        <v>0</v>
      </c>
      <c r="CG1263" s="53">
        <v>0</v>
      </c>
      <c r="CH1263" s="53">
        <v>0</v>
      </c>
      <c r="CI1263" s="53">
        <v>0</v>
      </c>
      <c r="CJ1263" s="53">
        <v>0</v>
      </c>
      <c r="CK1263" s="53">
        <v>0</v>
      </c>
      <c r="CL1263" s="53">
        <v>0</v>
      </c>
      <c r="CM1263" s="53">
        <v>0</v>
      </c>
      <c r="CN1263" s="53">
        <v>0</v>
      </c>
    </row>
    <row r="1264" spans="1:92" outlineLevel="1">
      <c r="A1264" s="52" t="s">
        <v>758</v>
      </c>
      <c r="B1264" s="53"/>
      <c r="C1264" s="53"/>
      <c r="D1264" s="53"/>
      <c r="E1264" s="53"/>
      <c r="F1264" s="53"/>
      <c r="G1264" s="53"/>
      <c r="H1264" s="53"/>
      <c r="I1264" s="53"/>
      <c r="J1264" s="53"/>
      <c r="K1264" s="53"/>
      <c r="L1264" s="53"/>
      <c r="M1264" s="53"/>
      <c r="N1264" s="53"/>
      <c r="O1264" s="53"/>
      <c r="P1264" s="53"/>
      <c r="Q1264" s="53"/>
      <c r="R1264" s="53"/>
      <c r="S1264" s="53"/>
      <c r="T1264" s="53"/>
      <c r="U1264" s="53"/>
      <c r="V1264" s="53"/>
      <c r="W1264" s="53"/>
      <c r="X1264" s="53"/>
      <c r="Y1264" s="53"/>
      <c r="Z1264" s="53"/>
      <c r="AA1264" s="53"/>
      <c r="AB1264" s="53"/>
      <c r="AC1264" s="53"/>
      <c r="AD1264" s="53"/>
      <c r="AE1264" s="53"/>
      <c r="AF1264" s="53"/>
      <c r="AG1264" s="53"/>
      <c r="AH1264" s="53"/>
      <c r="AI1264" s="53"/>
      <c r="AJ1264" s="53"/>
      <c r="AK1264" s="53"/>
      <c r="AL1264" s="53"/>
      <c r="AM1264" s="53"/>
      <c r="AN1264" s="53"/>
      <c r="AO1264" s="53"/>
      <c r="AP1264" s="53"/>
      <c r="AQ1264" s="53"/>
      <c r="AR1264" s="53"/>
      <c r="AS1264" s="53"/>
      <c r="AT1264" s="53"/>
      <c r="AU1264" s="53"/>
      <c r="AV1264" s="53"/>
      <c r="AW1264" s="53"/>
      <c r="AX1264" s="53"/>
      <c r="AY1264" s="53"/>
      <c r="AZ1264" s="53"/>
      <c r="BA1264" s="53"/>
      <c r="BB1264" s="53"/>
      <c r="BC1264" s="53"/>
      <c r="BD1264" s="53"/>
      <c r="BE1264" s="53"/>
      <c r="BF1264" s="53"/>
      <c r="BG1264" s="53"/>
      <c r="BH1264" s="53"/>
      <c r="BI1264" s="53"/>
      <c r="BJ1264" s="53"/>
      <c r="BK1264" s="53"/>
      <c r="BL1264" s="53"/>
      <c r="BM1264" s="53"/>
      <c r="BN1264" s="53"/>
      <c r="BO1264" s="53"/>
      <c r="BP1264" s="53"/>
      <c r="BQ1264" s="53"/>
      <c r="BR1264" s="53"/>
      <c r="BS1264" s="53"/>
      <c r="BT1264" s="53"/>
      <c r="BU1264" s="53"/>
      <c r="BV1264" s="53"/>
      <c r="BW1264" s="53"/>
      <c r="BX1264" s="53"/>
      <c r="BY1264" s="53"/>
      <c r="BZ1264" s="53"/>
      <c r="CA1264" s="53"/>
      <c r="CB1264" s="53">
        <v>0</v>
      </c>
      <c r="CC1264" s="53">
        <v>0</v>
      </c>
      <c r="CD1264" s="53">
        <v>0</v>
      </c>
      <c r="CE1264" s="53">
        <v>0</v>
      </c>
      <c r="CF1264" s="53">
        <v>0</v>
      </c>
      <c r="CG1264" s="53">
        <v>0</v>
      </c>
      <c r="CH1264" s="53">
        <v>0</v>
      </c>
      <c r="CI1264" s="53">
        <v>0</v>
      </c>
      <c r="CJ1264" s="53">
        <v>0</v>
      </c>
      <c r="CK1264" s="53">
        <v>0</v>
      </c>
      <c r="CL1264" s="53">
        <v>0</v>
      </c>
      <c r="CM1264" s="53">
        <v>0</v>
      </c>
      <c r="CN1264" s="53">
        <v>0</v>
      </c>
    </row>
    <row r="1265" spans="1:92" outlineLevel="1">
      <c r="A1265" s="52" t="s">
        <v>759</v>
      </c>
      <c r="B1265" s="53"/>
      <c r="C1265" s="53"/>
      <c r="D1265" s="53"/>
      <c r="E1265" s="53"/>
      <c r="F1265" s="53"/>
      <c r="G1265" s="53"/>
      <c r="H1265" s="53"/>
      <c r="I1265" s="53"/>
      <c r="J1265" s="53"/>
      <c r="K1265" s="53"/>
      <c r="L1265" s="53"/>
      <c r="M1265" s="53"/>
      <c r="N1265" s="53"/>
      <c r="O1265" s="53"/>
      <c r="P1265" s="53"/>
      <c r="Q1265" s="53"/>
      <c r="R1265" s="53"/>
      <c r="S1265" s="53"/>
      <c r="T1265" s="53"/>
      <c r="U1265" s="53"/>
      <c r="V1265" s="53"/>
      <c r="W1265" s="53"/>
      <c r="X1265" s="53"/>
      <c r="Y1265" s="53"/>
      <c r="Z1265" s="53"/>
      <c r="AA1265" s="53"/>
      <c r="AB1265" s="53"/>
      <c r="AC1265" s="53"/>
      <c r="AD1265" s="53"/>
      <c r="AE1265" s="53"/>
      <c r="AF1265" s="53"/>
      <c r="AG1265" s="53"/>
      <c r="AH1265" s="53"/>
      <c r="AI1265" s="53"/>
      <c r="AJ1265" s="53"/>
      <c r="AK1265" s="53"/>
      <c r="AL1265" s="53"/>
      <c r="AM1265" s="53"/>
      <c r="AN1265" s="53"/>
      <c r="AO1265" s="53"/>
      <c r="AP1265" s="53"/>
      <c r="AQ1265" s="53"/>
      <c r="AR1265" s="53"/>
      <c r="AS1265" s="53"/>
      <c r="AT1265" s="53"/>
      <c r="AU1265" s="53"/>
      <c r="AV1265" s="53"/>
      <c r="AW1265" s="53"/>
      <c r="AX1265" s="53"/>
      <c r="AY1265" s="53"/>
      <c r="AZ1265" s="53"/>
      <c r="BA1265" s="53"/>
      <c r="BB1265" s="53"/>
      <c r="BC1265" s="53"/>
      <c r="BD1265" s="53"/>
      <c r="BE1265" s="53"/>
      <c r="BF1265" s="53"/>
      <c r="BG1265" s="53"/>
      <c r="BH1265" s="53"/>
      <c r="BI1265" s="53"/>
      <c r="BJ1265" s="53"/>
      <c r="BK1265" s="53"/>
      <c r="BL1265" s="53"/>
      <c r="BM1265" s="53"/>
      <c r="BN1265" s="53"/>
      <c r="BO1265" s="53"/>
      <c r="BP1265" s="53"/>
      <c r="BQ1265" s="53"/>
      <c r="BR1265" s="53"/>
      <c r="BS1265" s="53"/>
      <c r="BT1265" s="53"/>
      <c r="BU1265" s="53"/>
      <c r="BV1265" s="53"/>
      <c r="BW1265" s="53"/>
      <c r="BX1265" s="53"/>
      <c r="BY1265" s="53"/>
      <c r="BZ1265" s="53"/>
      <c r="CA1265" s="53"/>
      <c r="CB1265" s="53">
        <v>0</v>
      </c>
      <c r="CC1265" s="53">
        <v>0</v>
      </c>
      <c r="CD1265" s="53">
        <v>0</v>
      </c>
      <c r="CE1265" s="53">
        <v>0</v>
      </c>
      <c r="CF1265" s="53">
        <v>0</v>
      </c>
      <c r="CG1265" s="53">
        <v>0</v>
      </c>
      <c r="CH1265" s="53">
        <v>0</v>
      </c>
      <c r="CI1265" s="53">
        <v>0</v>
      </c>
      <c r="CJ1265" s="53">
        <v>0</v>
      </c>
      <c r="CK1265" s="53">
        <v>0</v>
      </c>
      <c r="CL1265" s="53">
        <v>0</v>
      </c>
      <c r="CM1265" s="53">
        <v>0</v>
      </c>
      <c r="CN1265" s="53">
        <v>0</v>
      </c>
    </row>
    <row r="1266" spans="1:92" outlineLevel="1">
      <c r="A1266" s="52" t="s">
        <v>649</v>
      </c>
      <c r="B1266" s="53">
        <v>-547443.16240302799</v>
      </c>
      <c r="C1266" s="53">
        <v>-547521.15582030395</v>
      </c>
      <c r="D1266" s="53">
        <v>-547600.06559509097</v>
      </c>
      <c r="E1266" s="53">
        <v>-547679.90797247598</v>
      </c>
      <c r="F1266" s="53">
        <v>-547760.69958381797</v>
      </c>
      <c r="G1266" s="53">
        <v>-547842.45745829202</v>
      </c>
      <c r="H1266" s="53">
        <v>-547925.19903486304</v>
      </c>
      <c r="I1266" s="53">
        <v>-548008.94217468204</v>
      </c>
      <c r="J1266" s="53">
        <v>-548093.70517394098</v>
      </c>
      <c r="K1266" s="53">
        <v>-548179.50677719899</v>
      </c>
      <c r="L1266" s="53">
        <v>-548266.36619120499</v>
      </c>
      <c r="M1266" s="53">
        <v>-548354.30309922795</v>
      </c>
      <c r="N1266" s="53">
        <v>-6574675.4712841203</v>
      </c>
      <c r="O1266" s="53">
        <v>-548443.33767592395</v>
      </c>
      <c r="P1266" s="53">
        <v>-548533.49060277699</v>
      </c>
      <c r="Q1266" s="53">
        <v>-548624.78308410302</v>
      </c>
      <c r="R1266" s="53">
        <v>-548717.23686368705</v>
      </c>
      <c r="S1266" s="53">
        <v>-548810.87424204196</v>
      </c>
      <c r="T1266" s="53">
        <v>-548905.718094346</v>
      </c>
      <c r="U1266" s="53">
        <v>-549001.79188906995</v>
      </c>
      <c r="V1266" s="53">
        <v>-549099.11970733898</v>
      </c>
      <c r="W1266" s="53">
        <v>-549197.72626305802</v>
      </c>
      <c r="X1266" s="53">
        <v>-549297.63692382805</v>
      </c>
      <c r="Y1266" s="53">
        <v>-549398.87773270998</v>
      </c>
      <c r="Z1266" s="53">
        <v>-479667</v>
      </c>
      <c r="AA1266" s="53">
        <v>-6517697.5930788796</v>
      </c>
      <c r="AB1266" s="53"/>
      <c r="AC1266" s="53"/>
      <c r="AD1266" s="53"/>
      <c r="AE1266" s="53"/>
      <c r="AF1266" s="53"/>
      <c r="AG1266" s="53"/>
      <c r="AH1266" s="53"/>
      <c r="AI1266" s="53"/>
      <c r="AJ1266" s="53"/>
      <c r="AK1266" s="53"/>
      <c r="AL1266" s="53"/>
      <c r="AM1266" s="53"/>
      <c r="AN1266" s="53"/>
      <c r="AO1266" s="53"/>
      <c r="AP1266" s="53"/>
      <c r="AQ1266" s="53"/>
      <c r="AR1266" s="53"/>
      <c r="AS1266" s="53"/>
      <c r="AT1266" s="53"/>
      <c r="AU1266" s="53"/>
      <c r="AV1266" s="53"/>
      <c r="AW1266" s="53"/>
      <c r="AX1266" s="53"/>
      <c r="AY1266" s="53"/>
      <c r="AZ1266" s="53"/>
      <c r="BA1266" s="53"/>
      <c r="BB1266" s="53"/>
      <c r="BC1266" s="53"/>
      <c r="BD1266" s="53"/>
      <c r="BE1266" s="53"/>
      <c r="BF1266" s="53"/>
      <c r="BG1266" s="53"/>
      <c r="BH1266" s="53"/>
      <c r="BI1266" s="53"/>
      <c r="BJ1266" s="53"/>
      <c r="BK1266" s="53"/>
      <c r="BL1266" s="53"/>
      <c r="BM1266" s="53"/>
      <c r="BN1266" s="53"/>
      <c r="BO1266" s="53"/>
      <c r="BP1266" s="53"/>
      <c r="BQ1266" s="53"/>
      <c r="BR1266" s="53"/>
      <c r="BS1266" s="53"/>
      <c r="BT1266" s="53"/>
      <c r="BU1266" s="53"/>
      <c r="BV1266" s="53"/>
      <c r="BW1266" s="53"/>
      <c r="BX1266" s="53"/>
      <c r="BY1266" s="53"/>
      <c r="BZ1266" s="53"/>
      <c r="CA1266" s="53"/>
      <c r="CB1266" s="53">
        <v>0</v>
      </c>
      <c r="CC1266" s="53">
        <v>0</v>
      </c>
      <c r="CD1266" s="53">
        <v>0</v>
      </c>
      <c r="CE1266" s="53">
        <v>0</v>
      </c>
      <c r="CF1266" s="53">
        <v>0</v>
      </c>
      <c r="CG1266" s="53">
        <v>0</v>
      </c>
      <c r="CH1266" s="53">
        <v>0</v>
      </c>
      <c r="CI1266" s="53">
        <v>0</v>
      </c>
      <c r="CJ1266" s="53">
        <v>0</v>
      </c>
      <c r="CK1266" s="53">
        <v>0</v>
      </c>
      <c r="CL1266" s="53">
        <v>0</v>
      </c>
      <c r="CM1266" s="53">
        <v>0</v>
      </c>
      <c r="CN1266" s="53">
        <v>0</v>
      </c>
    </row>
    <row r="1267" spans="1:92" outlineLevel="1">
      <c r="A1267" s="52" t="s">
        <v>1403</v>
      </c>
      <c r="B1267" s="53"/>
      <c r="C1267" s="53"/>
      <c r="D1267" s="53"/>
      <c r="E1267" s="53"/>
      <c r="F1267" s="53"/>
      <c r="G1267" s="53"/>
      <c r="H1267" s="53"/>
      <c r="I1267" s="53"/>
      <c r="J1267" s="53"/>
      <c r="K1267" s="53"/>
      <c r="L1267" s="53"/>
      <c r="M1267" s="53"/>
      <c r="N1267" s="53"/>
      <c r="O1267" s="53"/>
      <c r="P1267" s="53"/>
      <c r="Q1267" s="53"/>
      <c r="R1267" s="53"/>
      <c r="S1267" s="53"/>
      <c r="T1267" s="53"/>
      <c r="U1267" s="53"/>
      <c r="V1267" s="53"/>
      <c r="W1267" s="53"/>
      <c r="X1267" s="53"/>
      <c r="Y1267" s="53"/>
      <c r="Z1267" s="53"/>
      <c r="AA1267" s="53"/>
      <c r="AB1267" s="53"/>
      <c r="AC1267" s="53"/>
      <c r="AD1267" s="53"/>
      <c r="AE1267" s="53"/>
      <c r="AF1267" s="53"/>
      <c r="AG1267" s="53"/>
      <c r="AH1267" s="53"/>
      <c r="AI1267" s="53"/>
      <c r="AJ1267" s="53"/>
      <c r="AK1267" s="53"/>
      <c r="AL1267" s="53"/>
      <c r="AM1267" s="53"/>
      <c r="AN1267" s="53"/>
      <c r="AO1267" s="53"/>
      <c r="AP1267" s="53"/>
      <c r="AQ1267" s="53"/>
      <c r="AR1267" s="53"/>
      <c r="AS1267" s="53"/>
      <c r="AT1267" s="53"/>
      <c r="AU1267" s="53"/>
      <c r="AV1267" s="53"/>
      <c r="AW1267" s="53"/>
      <c r="AX1267" s="53"/>
      <c r="AY1267" s="53"/>
      <c r="AZ1267" s="53"/>
      <c r="BA1267" s="53"/>
      <c r="BB1267" s="53"/>
      <c r="BC1267" s="53"/>
      <c r="BD1267" s="53"/>
      <c r="BE1267" s="53"/>
      <c r="BF1267" s="53"/>
      <c r="BG1267" s="53"/>
      <c r="BH1267" s="53"/>
      <c r="BI1267" s="53"/>
      <c r="BJ1267" s="53"/>
      <c r="BK1267" s="53"/>
      <c r="BL1267" s="53"/>
      <c r="BM1267" s="53"/>
      <c r="BN1267" s="53"/>
      <c r="BO1267" s="53"/>
      <c r="BP1267" s="53"/>
      <c r="BQ1267" s="53"/>
      <c r="BR1267" s="53"/>
      <c r="BS1267" s="53"/>
      <c r="BT1267" s="53"/>
      <c r="BU1267" s="53"/>
      <c r="BV1267" s="53"/>
      <c r="BW1267" s="53"/>
      <c r="BX1267" s="53"/>
      <c r="BY1267" s="53"/>
      <c r="BZ1267" s="53"/>
      <c r="CA1267" s="53"/>
      <c r="CB1267" s="53">
        <v>0</v>
      </c>
      <c r="CC1267" s="53">
        <v>0</v>
      </c>
      <c r="CD1267" s="53">
        <v>0</v>
      </c>
      <c r="CE1267" s="53">
        <v>0</v>
      </c>
      <c r="CF1267" s="53">
        <v>0</v>
      </c>
      <c r="CG1267" s="53">
        <v>0</v>
      </c>
      <c r="CH1267" s="53">
        <v>0</v>
      </c>
      <c r="CI1267" s="53">
        <v>0</v>
      </c>
      <c r="CJ1267" s="53">
        <v>0</v>
      </c>
      <c r="CK1267" s="53">
        <v>0</v>
      </c>
      <c r="CL1267" s="53">
        <v>0</v>
      </c>
      <c r="CM1267" s="53">
        <v>0</v>
      </c>
      <c r="CN1267" s="53">
        <v>0</v>
      </c>
    </row>
    <row r="1268" spans="1:92" outlineLevel="1">
      <c r="A1268" s="52" t="s">
        <v>649</v>
      </c>
      <c r="B1268" s="53">
        <v>463732.38999999902</v>
      </c>
      <c r="C1268" s="53">
        <v>463732.38999999902</v>
      </c>
      <c r="D1268" s="53">
        <v>463732.38999999902</v>
      </c>
      <c r="E1268" s="53">
        <v>463732.38999999902</v>
      </c>
      <c r="F1268" s="53">
        <v>463732.38999999902</v>
      </c>
      <c r="G1268" s="53">
        <v>463732.38999999902</v>
      </c>
      <c r="H1268" s="53">
        <v>463732.38999999902</v>
      </c>
      <c r="I1268" s="53">
        <v>463732.38999999902</v>
      </c>
      <c r="J1268" s="53">
        <v>463732.38999999902</v>
      </c>
      <c r="K1268" s="53">
        <v>463732.38999999902</v>
      </c>
      <c r="L1268" s="53">
        <v>463732.38999999902</v>
      </c>
      <c r="M1268" s="53">
        <v>463732.38999999902</v>
      </c>
      <c r="N1268" s="53">
        <v>5564788.6799999997</v>
      </c>
      <c r="O1268" s="53">
        <v>770478.27166666603</v>
      </c>
      <c r="P1268" s="53">
        <v>770478.27166666603</v>
      </c>
      <c r="Q1268" s="53">
        <v>770478.27166666603</v>
      </c>
      <c r="R1268" s="53">
        <v>770478.27166666603</v>
      </c>
      <c r="S1268" s="53">
        <v>770478.27166666603</v>
      </c>
      <c r="T1268" s="53">
        <v>770478.27166666603</v>
      </c>
      <c r="U1268" s="53">
        <v>770478.27166666603</v>
      </c>
      <c r="V1268" s="53">
        <v>770478.27166666603</v>
      </c>
      <c r="W1268" s="53">
        <v>770478.27166666603</v>
      </c>
      <c r="X1268" s="53">
        <v>770478.27166666603</v>
      </c>
      <c r="Y1268" s="53">
        <v>770478.27166666603</v>
      </c>
      <c r="Z1268" s="53">
        <v>770478.27166666603</v>
      </c>
      <c r="AA1268" s="53">
        <v>9245739.2599999998</v>
      </c>
      <c r="AB1268" s="53">
        <v>6.8306841664404301E-9</v>
      </c>
      <c r="AC1268" s="53">
        <v>6.8306841664404301E-9</v>
      </c>
      <c r="AD1268" s="53">
        <v>6.8306841664404301E-9</v>
      </c>
      <c r="AE1268" s="53">
        <v>6.8306841664404301E-9</v>
      </c>
      <c r="AF1268" s="53">
        <v>6.8306841664404301E-9</v>
      </c>
      <c r="AG1268" s="53">
        <v>6.8306841664404301E-9</v>
      </c>
      <c r="AH1268" s="53">
        <v>6.8306841664404301E-9</v>
      </c>
      <c r="AI1268" s="53">
        <v>6.8306841664404301E-9</v>
      </c>
      <c r="AJ1268" s="53">
        <v>6.8306841664404301E-9</v>
      </c>
      <c r="AK1268" s="53">
        <v>6.8306841664404301E-9</v>
      </c>
      <c r="AL1268" s="53">
        <v>6.8306841664404301E-9</v>
      </c>
      <c r="AM1268" s="53">
        <v>6.8306841664404301E-9</v>
      </c>
      <c r="AN1268" s="53">
        <v>8.1968209997285105E-8</v>
      </c>
      <c r="AO1268" s="53">
        <v>4.9635357552486098E-9</v>
      </c>
      <c r="AP1268" s="53">
        <v>4.9635357552486098E-9</v>
      </c>
      <c r="AQ1268" s="53">
        <v>4.9635357552486098E-9</v>
      </c>
      <c r="AR1268" s="53">
        <v>4.9635357552486098E-9</v>
      </c>
      <c r="AS1268" s="53">
        <v>4.9635357552486098E-9</v>
      </c>
      <c r="AT1268" s="53">
        <v>4.9635357552486098E-9</v>
      </c>
      <c r="AU1268" s="53">
        <v>4.9635357552486098E-9</v>
      </c>
      <c r="AV1268" s="53">
        <v>4.9635357552486098E-9</v>
      </c>
      <c r="AW1268" s="53">
        <v>4.9635357552486098E-9</v>
      </c>
      <c r="AX1268" s="53">
        <v>4.9635357552486098E-9</v>
      </c>
      <c r="AY1268" s="53">
        <v>4.9635357552486098E-9</v>
      </c>
      <c r="AZ1268" s="53">
        <v>4.9635357552486098E-9</v>
      </c>
      <c r="BA1268" s="53">
        <v>5.9562429062983301E-8</v>
      </c>
      <c r="BB1268" s="53">
        <v>-6.4100165504728298E-10</v>
      </c>
      <c r="BC1268" s="53">
        <v>-6.4100165504728298E-10</v>
      </c>
      <c r="BD1268" s="53">
        <v>-6.4100165504728298E-10</v>
      </c>
      <c r="BE1268" s="53">
        <v>-6.4100165504728298E-10</v>
      </c>
      <c r="BF1268" s="53">
        <v>-6.4100165504728298E-10</v>
      </c>
      <c r="BG1268" s="53">
        <v>-6.4100165504728298E-10</v>
      </c>
      <c r="BH1268" s="53">
        <v>-6.4100165504728298E-10</v>
      </c>
      <c r="BI1268" s="53">
        <v>-6.4100165504728298E-10</v>
      </c>
      <c r="BJ1268" s="53">
        <v>-6.4100165504728298E-10</v>
      </c>
      <c r="BK1268" s="53">
        <v>-6.4100165504728298E-10</v>
      </c>
      <c r="BL1268" s="53">
        <v>-6.4100165504728298E-10</v>
      </c>
      <c r="BM1268" s="53">
        <v>-6.4100165504728298E-10</v>
      </c>
      <c r="BN1268" s="53">
        <v>-7.6920198605673903E-9</v>
      </c>
      <c r="BO1268" s="53">
        <v>1.05523271876347E-10</v>
      </c>
      <c r="BP1268" s="53">
        <v>1.05523271876347E-10</v>
      </c>
      <c r="BQ1268" s="53">
        <v>1.05523271876347E-10</v>
      </c>
      <c r="BR1268" s="53">
        <v>1.05523271876347E-10</v>
      </c>
      <c r="BS1268" s="53">
        <v>1.05523271876347E-10</v>
      </c>
      <c r="BT1268" s="53">
        <v>1.05523271876347E-10</v>
      </c>
      <c r="BU1268" s="53">
        <v>1.05523271876347E-10</v>
      </c>
      <c r="BV1268" s="53">
        <v>1.05523271876347E-10</v>
      </c>
      <c r="BW1268" s="53">
        <v>1.05523271876347E-10</v>
      </c>
      <c r="BX1268" s="53">
        <v>1.05523271876347E-10</v>
      </c>
      <c r="BY1268" s="53">
        <v>1.05523271876347E-10</v>
      </c>
      <c r="BZ1268" s="53">
        <v>1.05523271876347E-10</v>
      </c>
      <c r="CA1268" s="53">
        <v>1.26627926251617E-9</v>
      </c>
      <c r="CB1268" s="53">
        <v>0</v>
      </c>
      <c r="CC1268" s="53">
        <v>0</v>
      </c>
      <c r="CD1268" s="53">
        <v>0</v>
      </c>
      <c r="CE1268" s="53">
        <v>0</v>
      </c>
      <c r="CF1268" s="53">
        <v>0</v>
      </c>
      <c r="CG1268" s="53">
        <v>0</v>
      </c>
      <c r="CH1268" s="53">
        <v>0</v>
      </c>
      <c r="CI1268" s="53">
        <v>0</v>
      </c>
      <c r="CJ1268" s="53">
        <v>0</v>
      </c>
      <c r="CK1268" s="53">
        <v>0</v>
      </c>
      <c r="CL1268" s="53">
        <v>0</v>
      </c>
      <c r="CM1268" s="53">
        <v>0</v>
      </c>
      <c r="CN1268" s="53">
        <v>0</v>
      </c>
    </row>
    <row r="1269" spans="1:92" outlineLevel="1">
      <c r="A1269" s="52" t="s">
        <v>675</v>
      </c>
      <c r="B1269" s="53"/>
      <c r="C1269" s="53"/>
      <c r="D1269" s="53"/>
      <c r="E1269" s="53"/>
      <c r="F1269" s="53"/>
      <c r="G1269" s="53"/>
      <c r="H1269" s="53"/>
      <c r="I1269" s="53"/>
      <c r="J1269" s="53"/>
      <c r="K1269" s="53"/>
      <c r="L1269" s="53"/>
      <c r="M1269" s="53"/>
      <c r="N1269" s="53"/>
      <c r="O1269" s="53"/>
      <c r="P1269" s="53"/>
      <c r="Q1269" s="53"/>
      <c r="R1269" s="53"/>
      <c r="S1269" s="53"/>
      <c r="T1269" s="53"/>
      <c r="U1269" s="53"/>
      <c r="V1269" s="53"/>
      <c r="W1269" s="53"/>
      <c r="X1269" s="53"/>
      <c r="Y1269" s="53"/>
      <c r="Z1269" s="53"/>
      <c r="AA1269" s="53"/>
      <c r="AB1269" s="53"/>
      <c r="AC1269" s="53"/>
      <c r="AD1269" s="53"/>
      <c r="AE1269" s="53"/>
      <c r="AF1269" s="53"/>
      <c r="AG1269" s="53"/>
      <c r="AH1269" s="53"/>
      <c r="AI1269" s="53"/>
      <c r="AJ1269" s="53"/>
      <c r="AK1269" s="53"/>
      <c r="AL1269" s="53"/>
      <c r="AM1269" s="53"/>
      <c r="AN1269" s="53"/>
      <c r="AO1269" s="53"/>
      <c r="AP1269" s="53"/>
      <c r="AQ1269" s="53"/>
      <c r="AR1269" s="53"/>
      <c r="AS1269" s="53"/>
      <c r="AT1269" s="53"/>
      <c r="AU1269" s="53"/>
      <c r="AV1269" s="53"/>
      <c r="AW1269" s="53"/>
      <c r="AX1269" s="53"/>
      <c r="AY1269" s="53"/>
      <c r="AZ1269" s="53"/>
      <c r="BA1269" s="53"/>
      <c r="BB1269" s="53"/>
      <c r="BC1269" s="53"/>
      <c r="BD1269" s="53"/>
      <c r="BE1269" s="53"/>
      <c r="BF1269" s="53"/>
      <c r="BG1269" s="53"/>
      <c r="BH1269" s="53"/>
      <c r="BI1269" s="53"/>
      <c r="BJ1269" s="53"/>
      <c r="BK1269" s="53"/>
      <c r="BL1269" s="53"/>
      <c r="BM1269" s="53"/>
      <c r="BN1269" s="53"/>
      <c r="BO1269" s="53"/>
      <c r="BP1269" s="53"/>
      <c r="BQ1269" s="53"/>
      <c r="BR1269" s="53"/>
      <c r="BS1269" s="53"/>
      <c r="BT1269" s="53"/>
      <c r="BU1269" s="53"/>
      <c r="BV1269" s="53"/>
      <c r="BW1269" s="53"/>
      <c r="BX1269" s="53"/>
      <c r="BY1269" s="53"/>
      <c r="BZ1269" s="53"/>
      <c r="CA1269" s="53"/>
      <c r="CB1269" s="53">
        <v>0</v>
      </c>
      <c r="CC1269" s="53">
        <v>0</v>
      </c>
      <c r="CD1269" s="53">
        <v>0</v>
      </c>
      <c r="CE1269" s="53">
        <v>0</v>
      </c>
      <c r="CF1269" s="53">
        <v>0</v>
      </c>
      <c r="CG1269" s="53">
        <v>0</v>
      </c>
      <c r="CH1269" s="53">
        <v>0</v>
      </c>
      <c r="CI1269" s="53">
        <v>0</v>
      </c>
      <c r="CJ1269" s="53">
        <v>0</v>
      </c>
      <c r="CK1269" s="53">
        <v>0</v>
      </c>
      <c r="CL1269" s="53">
        <v>0</v>
      </c>
      <c r="CM1269" s="53">
        <v>0</v>
      </c>
      <c r="CN1269" s="53">
        <v>0</v>
      </c>
    </row>
    <row r="1270" spans="1:92" outlineLevel="1">
      <c r="A1270" s="52" t="s">
        <v>787</v>
      </c>
      <c r="B1270" s="53"/>
      <c r="C1270" s="53"/>
      <c r="D1270" s="53"/>
      <c r="E1270" s="53"/>
      <c r="F1270" s="53"/>
      <c r="G1270" s="53"/>
      <c r="H1270" s="53"/>
      <c r="I1270" s="53"/>
      <c r="J1270" s="53"/>
      <c r="K1270" s="53"/>
      <c r="L1270" s="53"/>
      <c r="M1270" s="53"/>
      <c r="N1270" s="53"/>
      <c r="O1270" s="53"/>
      <c r="P1270" s="53"/>
      <c r="Q1270" s="53"/>
      <c r="R1270" s="53"/>
      <c r="S1270" s="53"/>
      <c r="T1270" s="53"/>
      <c r="U1270" s="53"/>
      <c r="V1270" s="53"/>
      <c r="W1270" s="53"/>
      <c r="X1270" s="53"/>
      <c r="Y1270" s="53"/>
      <c r="Z1270" s="53"/>
      <c r="AA1270" s="53"/>
      <c r="AB1270" s="53"/>
      <c r="AC1270" s="53"/>
      <c r="AD1270" s="53"/>
      <c r="AE1270" s="53"/>
      <c r="AF1270" s="53"/>
      <c r="AG1270" s="53"/>
      <c r="AH1270" s="53"/>
      <c r="AI1270" s="53"/>
      <c r="AJ1270" s="53"/>
      <c r="AK1270" s="53"/>
      <c r="AL1270" s="53"/>
      <c r="AM1270" s="53"/>
      <c r="AN1270" s="53"/>
      <c r="AO1270" s="53"/>
      <c r="AP1270" s="53"/>
      <c r="AQ1270" s="53"/>
      <c r="AR1270" s="53"/>
      <c r="AS1270" s="53"/>
      <c r="AT1270" s="53"/>
      <c r="AU1270" s="53"/>
      <c r="AV1270" s="53"/>
      <c r="AW1270" s="53"/>
      <c r="AX1270" s="53"/>
      <c r="AY1270" s="53"/>
      <c r="AZ1270" s="53"/>
      <c r="BA1270" s="53"/>
      <c r="BB1270" s="53"/>
      <c r="BC1270" s="53"/>
      <c r="BD1270" s="53"/>
      <c r="BE1270" s="53"/>
      <c r="BF1270" s="53"/>
      <c r="BG1270" s="53"/>
      <c r="BH1270" s="53"/>
      <c r="BI1270" s="53"/>
      <c r="BJ1270" s="53"/>
      <c r="BK1270" s="53"/>
      <c r="BL1270" s="53"/>
      <c r="BM1270" s="53"/>
      <c r="BN1270" s="53"/>
      <c r="BO1270" s="53"/>
      <c r="BP1270" s="53"/>
      <c r="BQ1270" s="53"/>
      <c r="BR1270" s="53"/>
      <c r="BS1270" s="53"/>
      <c r="BT1270" s="53"/>
      <c r="BU1270" s="53"/>
      <c r="BV1270" s="53"/>
      <c r="BW1270" s="53"/>
      <c r="BX1270" s="53"/>
      <c r="BY1270" s="53"/>
      <c r="BZ1270" s="53"/>
      <c r="CA1270" s="53"/>
      <c r="CB1270" s="53">
        <v>0</v>
      </c>
      <c r="CC1270" s="53">
        <v>0</v>
      </c>
      <c r="CD1270" s="53">
        <v>0</v>
      </c>
      <c r="CE1270" s="53">
        <v>0</v>
      </c>
      <c r="CF1270" s="53">
        <v>0</v>
      </c>
      <c r="CG1270" s="53">
        <v>0</v>
      </c>
      <c r="CH1270" s="53">
        <v>0</v>
      </c>
      <c r="CI1270" s="53">
        <v>0</v>
      </c>
      <c r="CJ1270" s="53">
        <v>0</v>
      </c>
      <c r="CK1270" s="53">
        <v>0</v>
      </c>
      <c r="CL1270" s="53">
        <v>0</v>
      </c>
      <c r="CM1270" s="53">
        <v>0</v>
      </c>
      <c r="CN1270" s="53">
        <v>0</v>
      </c>
    </row>
    <row r="1271" spans="1:92" outlineLevel="1">
      <c r="A1271" s="52" t="s">
        <v>649</v>
      </c>
      <c r="B1271" s="53">
        <v>-545945.02617801004</v>
      </c>
      <c r="C1271" s="53">
        <v>-545945.02617801004</v>
      </c>
      <c r="D1271" s="53">
        <v>-545945.02617801004</v>
      </c>
      <c r="E1271" s="53">
        <v>-545945.02617801004</v>
      </c>
      <c r="F1271" s="53">
        <v>-545945.02617801004</v>
      </c>
      <c r="G1271" s="53">
        <v>-545945.02617801004</v>
      </c>
      <c r="H1271" s="53">
        <v>-545945.02617801004</v>
      </c>
      <c r="I1271" s="53">
        <v>-545945.02617801004</v>
      </c>
      <c r="J1271" s="53">
        <v>-545945.02617801004</v>
      </c>
      <c r="K1271" s="53">
        <v>-545945.02617801004</v>
      </c>
      <c r="L1271" s="53">
        <v>-545945.02617801004</v>
      </c>
      <c r="M1271" s="53">
        <v>-545945.02617801004</v>
      </c>
      <c r="N1271" s="53">
        <v>-6551340.3141361196</v>
      </c>
      <c r="O1271" s="53">
        <v>-545945.02617801004</v>
      </c>
      <c r="P1271" s="53">
        <v>-545945.02617801004</v>
      </c>
      <c r="Q1271" s="53">
        <v>-545945.02617801004</v>
      </c>
      <c r="R1271" s="53">
        <v>-545945.02617801004</v>
      </c>
      <c r="S1271" s="53">
        <v>-545945.02617801004</v>
      </c>
      <c r="T1271" s="53">
        <v>-545945.02617801004</v>
      </c>
      <c r="U1271" s="53">
        <v>-545945.02617801004</v>
      </c>
      <c r="V1271" s="53">
        <v>-545945.02617801004</v>
      </c>
      <c r="W1271" s="53">
        <v>-545945.02617801004</v>
      </c>
      <c r="X1271" s="53">
        <v>-545945.02617801004</v>
      </c>
      <c r="Y1271" s="53">
        <v>-545945.02617801004</v>
      </c>
      <c r="Z1271" s="53">
        <v>-545945.02617801004</v>
      </c>
      <c r="AA1271" s="53">
        <v>-6551340.3141361196</v>
      </c>
      <c r="AB1271" s="53">
        <v>-545945.02617801004</v>
      </c>
      <c r="AC1271" s="53">
        <v>-545945.02617801004</v>
      </c>
      <c r="AD1271" s="53">
        <v>-545945.02617801004</v>
      </c>
      <c r="AE1271" s="53">
        <v>-545945.02617801004</v>
      </c>
      <c r="AF1271" s="53">
        <v>-545945.02617801004</v>
      </c>
      <c r="AG1271" s="53">
        <v>-545945.02617801004</v>
      </c>
      <c r="AH1271" s="53">
        <v>-545945.02617801004</v>
      </c>
      <c r="AI1271" s="53">
        <v>-545945.02617801004</v>
      </c>
      <c r="AJ1271" s="53">
        <v>-545945.02617801004</v>
      </c>
      <c r="AK1271" s="53">
        <v>-545945.02617801004</v>
      </c>
      <c r="AL1271" s="53">
        <v>-545945.02617801004</v>
      </c>
      <c r="AM1271" s="53">
        <v>-545945.02617801004</v>
      </c>
      <c r="AN1271" s="53">
        <v>-6551340.3141361196</v>
      </c>
      <c r="AO1271" s="53">
        <v>-545945.02617801004</v>
      </c>
      <c r="AP1271" s="53">
        <v>-545945.02617801004</v>
      </c>
      <c r="AQ1271" s="53">
        <v>-545945.02617801004</v>
      </c>
      <c r="AR1271" s="53">
        <v>-545945.02617801004</v>
      </c>
      <c r="AS1271" s="53">
        <v>-545945.02617801004</v>
      </c>
      <c r="AT1271" s="53">
        <v>-545945.02617801004</v>
      </c>
      <c r="AU1271" s="53">
        <v>-545945.02617801004</v>
      </c>
      <c r="AV1271" s="53">
        <v>-545945.02617801004</v>
      </c>
      <c r="AW1271" s="53">
        <v>-545945.02617801004</v>
      </c>
      <c r="AX1271" s="53">
        <v>-545945.02617801004</v>
      </c>
      <c r="AY1271" s="53">
        <v>-545945.02617801004</v>
      </c>
      <c r="AZ1271" s="53">
        <v>-545945.02617801004</v>
      </c>
      <c r="BA1271" s="53">
        <v>-6551340.3141361196</v>
      </c>
      <c r="BB1271" s="53">
        <v>-545945.02617801004</v>
      </c>
      <c r="BC1271" s="53">
        <v>-545945.02617801004</v>
      </c>
      <c r="BD1271" s="53">
        <v>-545945.02617801004</v>
      </c>
      <c r="BE1271" s="53">
        <v>-545945.02617801004</v>
      </c>
      <c r="BF1271" s="53">
        <v>-545945.02617801004</v>
      </c>
      <c r="BG1271" s="53">
        <v>-545945.02617801004</v>
      </c>
      <c r="BH1271" s="53">
        <v>-545945.02617801004</v>
      </c>
      <c r="BI1271" s="53">
        <v>-545945.02617801004</v>
      </c>
      <c r="BJ1271" s="53">
        <v>-545945.02617801004</v>
      </c>
      <c r="BK1271" s="53">
        <v>-545945.02617801004</v>
      </c>
      <c r="BL1271" s="53">
        <v>-545945.02617801004</v>
      </c>
      <c r="BM1271" s="53">
        <v>-545945.02617801004</v>
      </c>
      <c r="BN1271" s="53">
        <v>-6551340.3141361196</v>
      </c>
      <c r="BO1271" s="53">
        <v>-545945.02617801004</v>
      </c>
      <c r="BP1271" s="53">
        <v>-545945.02617801004</v>
      </c>
      <c r="BQ1271" s="53">
        <v>-545945.02617801004</v>
      </c>
      <c r="BR1271" s="53">
        <v>-545945.02617801004</v>
      </c>
      <c r="BS1271" s="53">
        <v>-545945.02617801004</v>
      </c>
      <c r="BT1271" s="53">
        <v>-545945.02617801004</v>
      </c>
      <c r="BU1271" s="53">
        <v>-545945.02617801004</v>
      </c>
      <c r="BV1271" s="53">
        <v>-545945.02617801004</v>
      </c>
      <c r="BW1271" s="53">
        <v>-545945.02617801004</v>
      </c>
      <c r="BX1271" s="53">
        <v>-545945.02617801004</v>
      </c>
      <c r="BY1271" s="53">
        <v>-545945.02617801004</v>
      </c>
      <c r="BZ1271" s="53">
        <v>-545945.02617801004</v>
      </c>
      <c r="CA1271" s="53">
        <v>-6551340.3141361196</v>
      </c>
      <c r="CB1271" s="53">
        <v>371232180.484317</v>
      </c>
      <c r="CC1271" s="53">
        <v>370601183.79147202</v>
      </c>
      <c r="CD1271" s="53">
        <v>369970187.09862798</v>
      </c>
      <c r="CE1271" s="53">
        <v>369776690.405783</v>
      </c>
      <c r="CF1271" s="53">
        <v>369520902.04627103</v>
      </c>
      <c r="CG1271" s="53">
        <v>368927613.68676001</v>
      </c>
      <c r="CH1271" s="53">
        <v>368334325.32724899</v>
      </c>
      <c r="CI1271" s="53">
        <v>367741036.96773702</v>
      </c>
      <c r="CJ1271" s="53">
        <v>367147748.608226</v>
      </c>
      <c r="CK1271" s="53">
        <v>366554460.24871498</v>
      </c>
      <c r="CL1271" s="53">
        <v>365961171.88920301</v>
      </c>
      <c r="CM1271" s="53">
        <v>365367883.52969199</v>
      </c>
      <c r="CN1271" s="53">
        <v>371232180.484317</v>
      </c>
    </row>
    <row r="1272" spans="1:92" outlineLevel="1">
      <c r="A1272" s="52" t="s">
        <v>788</v>
      </c>
      <c r="B1272" s="53"/>
      <c r="C1272" s="53"/>
      <c r="D1272" s="53"/>
      <c r="E1272" s="53"/>
      <c r="F1272" s="53"/>
      <c r="G1272" s="53"/>
      <c r="H1272" s="53"/>
      <c r="I1272" s="53"/>
      <c r="J1272" s="53"/>
      <c r="K1272" s="53"/>
      <c r="L1272" s="53"/>
      <c r="M1272" s="53"/>
      <c r="N1272" s="53"/>
      <c r="O1272" s="53"/>
      <c r="P1272" s="53"/>
      <c r="Q1272" s="53"/>
      <c r="R1272" s="53"/>
      <c r="S1272" s="53"/>
      <c r="T1272" s="53"/>
      <c r="U1272" s="53"/>
      <c r="V1272" s="53"/>
      <c r="W1272" s="53"/>
      <c r="X1272" s="53"/>
      <c r="Y1272" s="53"/>
      <c r="Z1272" s="53"/>
      <c r="AA1272" s="53"/>
      <c r="AB1272" s="53"/>
      <c r="AC1272" s="53"/>
      <c r="AD1272" s="53"/>
      <c r="AE1272" s="53"/>
      <c r="AF1272" s="53"/>
      <c r="AG1272" s="53"/>
      <c r="AH1272" s="53"/>
      <c r="AI1272" s="53"/>
      <c r="AJ1272" s="53"/>
      <c r="AK1272" s="53"/>
      <c r="AL1272" s="53"/>
      <c r="AM1272" s="53"/>
      <c r="AN1272" s="53"/>
      <c r="AO1272" s="53"/>
      <c r="AP1272" s="53"/>
      <c r="AQ1272" s="53"/>
      <c r="AR1272" s="53"/>
      <c r="AS1272" s="53"/>
      <c r="AT1272" s="53"/>
      <c r="AU1272" s="53"/>
      <c r="AV1272" s="53"/>
      <c r="AW1272" s="53"/>
      <c r="AX1272" s="53"/>
      <c r="AY1272" s="53"/>
      <c r="AZ1272" s="53"/>
      <c r="BA1272" s="53"/>
      <c r="BB1272" s="53"/>
      <c r="BC1272" s="53"/>
      <c r="BD1272" s="53"/>
      <c r="BE1272" s="53"/>
      <c r="BF1272" s="53"/>
      <c r="BG1272" s="53"/>
      <c r="BH1272" s="53"/>
      <c r="BI1272" s="53"/>
      <c r="BJ1272" s="53"/>
      <c r="BK1272" s="53"/>
      <c r="BL1272" s="53"/>
      <c r="BM1272" s="53"/>
      <c r="BN1272" s="53"/>
      <c r="BO1272" s="53"/>
      <c r="BP1272" s="53"/>
      <c r="BQ1272" s="53"/>
      <c r="BR1272" s="53"/>
      <c r="BS1272" s="53"/>
      <c r="BT1272" s="53"/>
      <c r="BU1272" s="53"/>
      <c r="BV1272" s="53"/>
      <c r="BW1272" s="53"/>
      <c r="BX1272" s="53"/>
      <c r="BY1272" s="53"/>
      <c r="BZ1272" s="53"/>
      <c r="CA1272" s="53"/>
      <c r="CB1272" s="53"/>
      <c r="CC1272" s="53"/>
      <c r="CD1272" s="53"/>
      <c r="CE1272" s="53"/>
      <c r="CF1272" s="53"/>
      <c r="CG1272" s="53"/>
      <c r="CH1272" s="53"/>
      <c r="CI1272" s="53"/>
      <c r="CJ1272" s="53"/>
      <c r="CK1272" s="53"/>
      <c r="CL1272" s="53"/>
      <c r="CM1272" s="53"/>
      <c r="CN1272" s="53"/>
    </row>
    <row r="1273" spans="1:92" outlineLevel="1">
      <c r="A1273" s="52" t="s">
        <v>649</v>
      </c>
      <c r="B1273" s="53">
        <v>-221439.91666666599</v>
      </c>
      <c r="C1273" s="53">
        <v>-221439.91666666599</v>
      </c>
      <c r="D1273" s="53">
        <v>-221439.91666666599</v>
      </c>
      <c r="E1273" s="53">
        <v>-221439.91666666599</v>
      </c>
      <c r="F1273" s="53">
        <v>-221439.91666666599</v>
      </c>
      <c r="G1273" s="53">
        <v>-221439.91666666599</v>
      </c>
      <c r="H1273" s="53">
        <v>-221439.91666666599</v>
      </c>
      <c r="I1273" s="53">
        <v>-221439.91666666599</v>
      </c>
      <c r="J1273" s="53">
        <v>-221439.91666666599</v>
      </c>
      <c r="K1273" s="53">
        <v>-221439.91666666599</v>
      </c>
      <c r="L1273" s="53">
        <v>-221439.91666666599</v>
      </c>
      <c r="M1273" s="53">
        <v>-221439.91666666599</v>
      </c>
      <c r="N1273" s="53">
        <v>-2657279</v>
      </c>
      <c r="O1273" s="53"/>
      <c r="P1273" s="53"/>
      <c r="Q1273" s="53"/>
      <c r="R1273" s="53"/>
      <c r="S1273" s="53"/>
      <c r="T1273" s="53"/>
      <c r="U1273" s="53"/>
      <c r="V1273" s="53"/>
      <c r="W1273" s="53"/>
      <c r="X1273" s="53"/>
      <c r="Y1273" s="53"/>
      <c r="Z1273" s="53"/>
      <c r="AA1273" s="53"/>
      <c r="AB1273" s="53"/>
      <c r="AC1273" s="53"/>
      <c r="AD1273" s="53"/>
      <c r="AE1273" s="53"/>
      <c r="AF1273" s="53"/>
      <c r="AG1273" s="53"/>
      <c r="AH1273" s="53"/>
      <c r="AI1273" s="53"/>
      <c r="AJ1273" s="53"/>
      <c r="AK1273" s="53"/>
      <c r="AL1273" s="53"/>
      <c r="AM1273" s="53"/>
      <c r="AN1273" s="53"/>
      <c r="AO1273" s="53"/>
      <c r="AP1273" s="53"/>
      <c r="AQ1273" s="53"/>
      <c r="AR1273" s="53"/>
      <c r="AS1273" s="53"/>
      <c r="AT1273" s="53"/>
      <c r="AU1273" s="53"/>
      <c r="AV1273" s="53"/>
      <c r="AW1273" s="53"/>
      <c r="AX1273" s="53"/>
      <c r="AY1273" s="53"/>
      <c r="AZ1273" s="53"/>
      <c r="BA1273" s="53"/>
      <c r="BB1273" s="53"/>
      <c r="BC1273" s="53"/>
      <c r="BD1273" s="53"/>
      <c r="BE1273" s="53"/>
      <c r="BF1273" s="53"/>
      <c r="BG1273" s="53"/>
      <c r="BH1273" s="53"/>
      <c r="BI1273" s="53"/>
      <c r="BJ1273" s="53"/>
      <c r="BK1273" s="53"/>
      <c r="BL1273" s="53"/>
      <c r="BM1273" s="53"/>
      <c r="BN1273" s="53"/>
      <c r="BO1273" s="53"/>
      <c r="BP1273" s="53"/>
      <c r="BQ1273" s="53"/>
      <c r="BR1273" s="53"/>
      <c r="BS1273" s="53"/>
      <c r="BT1273" s="53"/>
      <c r="BU1273" s="53"/>
      <c r="BV1273" s="53"/>
      <c r="BW1273" s="53"/>
      <c r="BX1273" s="53"/>
      <c r="BY1273" s="53"/>
      <c r="BZ1273" s="53"/>
      <c r="CA1273" s="53"/>
      <c r="CB1273" s="53"/>
      <c r="CC1273" s="53"/>
      <c r="CD1273" s="53"/>
      <c r="CE1273" s="53"/>
      <c r="CF1273" s="53"/>
      <c r="CG1273" s="53"/>
      <c r="CH1273" s="53"/>
      <c r="CI1273" s="53"/>
      <c r="CJ1273" s="53"/>
      <c r="CK1273" s="53"/>
      <c r="CL1273" s="53"/>
      <c r="CM1273" s="53"/>
      <c r="CN1273" s="53"/>
    </row>
    <row r="1274" spans="1:92" outlineLevel="1">
      <c r="A1274" s="52" t="s">
        <v>709</v>
      </c>
      <c r="B1274" s="53"/>
      <c r="C1274" s="53"/>
      <c r="D1274" s="53"/>
      <c r="E1274" s="53"/>
      <c r="F1274" s="53"/>
      <c r="G1274" s="53"/>
      <c r="H1274" s="53"/>
      <c r="I1274" s="53"/>
      <c r="J1274" s="53"/>
      <c r="K1274" s="53"/>
      <c r="L1274" s="53"/>
      <c r="M1274" s="53"/>
      <c r="N1274" s="53"/>
      <c r="O1274" s="53"/>
      <c r="P1274" s="53"/>
      <c r="Q1274" s="53"/>
      <c r="R1274" s="53"/>
      <c r="S1274" s="53"/>
      <c r="T1274" s="53"/>
      <c r="U1274" s="53"/>
      <c r="V1274" s="53"/>
      <c r="W1274" s="53"/>
      <c r="X1274" s="53"/>
      <c r="Y1274" s="53"/>
      <c r="Z1274" s="53"/>
      <c r="AA1274" s="53"/>
      <c r="AB1274" s="53"/>
      <c r="AC1274" s="53"/>
      <c r="AD1274" s="53"/>
      <c r="AE1274" s="53"/>
      <c r="AF1274" s="53"/>
      <c r="AG1274" s="53"/>
      <c r="AH1274" s="53"/>
      <c r="AI1274" s="53"/>
      <c r="AJ1274" s="53"/>
      <c r="AK1274" s="53"/>
      <c r="AL1274" s="53"/>
      <c r="AM1274" s="53"/>
      <c r="AN1274" s="53"/>
      <c r="AO1274" s="53"/>
      <c r="AP1274" s="53"/>
      <c r="AQ1274" s="53"/>
      <c r="AR1274" s="53"/>
      <c r="AS1274" s="53"/>
      <c r="AT1274" s="53"/>
      <c r="AU1274" s="53"/>
      <c r="AV1274" s="53"/>
      <c r="AW1274" s="53"/>
      <c r="AX1274" s="53"/>
      <c r="AY1274" s="53"/>
      <c r="AZ1274" s="53"/>
      <c r="BA1274" s="53"/>
      <c r="BB1274" s="53"/>
      <c r="BC1274" s="53"/>
      <c r="BD1274" s="53"/>
      <c r="BE1274" s="53"/>
      <c r="BF1274" s="53"/>
      <c r="BG1274" s="53"/>
      <c r="BH1274" s="53"/>
      <c r="BI1274" s="53"/>
      <c r="BJ1274" s="53"/>
      <c r="BK1274" s="53"/>
      <c r="BL1274" s="53"/>
      <c r="BM1274" s="53"/>
      <c r="BN1274" s="53"/>
      <c r="BO1274" s="53"/>
      <c r="BP1274" s="53"/>
      <c r="BQ1274" s="53"/>
      <c r="BR1274" s="53"/>
      <c r="BS1274" s="53"/>
      <c r="BT1274" s="53"/>
      <c r="BU1274" s="53"/>
      <c r="BV1274" s="53"/>
      <c r="BW1274" s="53"/>
      <c r="BX1274" s="53"/>
      <c r="BY1274" s="53"/>
      <c r="BZ1274" s="53"/>
      <c r="CA1274" s="53"/>
      <c r="CB1274" s="53"/>
      <c r="CC1274" s="53"/>
      <c r="CD1274" s="53"/>
      <c r="CE1274" s="53"/>
      <c r="CF1274" s="53"/>
      <c r="CG1274" s="53"/>
      <c r="CH1274" s="53"/>
      <c r="CI1274" s="53"/>
      <c r="CJ1274" s="53"/>
      <c r="CK1274" s="53"/>
      <c r="CL1274" s="53"/>
      <c r="CM1274" s="53"/>
      <c r="CN1274" s="53"/>
    </row>
    <row r="1275" spans="1:92" outlineLevel="1">
      <c r="A1275" s="52" t="s">
        <v>1301</v>
      </c>
      <c r="B1275" s="53"/>
      <c r="C1275" s="53"/>
      <c r="D1275" s="53"/>
      <c r="E1275" s="53"/>
      <c r="F1275" s="53"/>
      <c r="G1275" s="53"/>
      <c r="H1275" s="53"/>
      <c r="I1275" s="53"/>
      <c r="J1275" s="53"/>
      <c r="K1275" s="53"/>
      <c r="L1275" s="53"/>
      <c r="M1275" s="53"/>
      <c r="N1275" s="53"/>
      <c r="O1275" s="53"/>
      <c r="P1275" s="53"/>
      <c r="Q1275" s="53"/>
      <c r="R1275" s="53"/>
      <c r="S1275" s="53"/>
      <c r="T1275" s="53"/>
      <c r="U1275" s="53"/>
      <c r="V1275" s="53"/>
      <c r="W1275" s="53"/>
      <c r="X1275" s="53"/>
      <c r="Y1275" s="53"/>
      <c r="Z1275" s="53"/>
      <c r="AA1275" s="53"/>
      <c r="AB1275" s="53"/>
      <c r="AC1275" s="53"/>
      <c r="AD1275" s="53"/>
      <c r="AE1275" s="53"/>
      <c r="AF1275" s="53"/>
      <c r="AG1275" s="53"/>
      <c r="AH1275" s="53"/>
      <c r="AI1275" s="53"/>
      <c r="AJ1275" s="53"/>
      <c r="AK1275" s="53"/>
      <c r="AL1275" s="53"/>
      <c r="AM1275" s="53"/>
      <c r="AN1275" s="53"/>
      <c r="AO1275" s="53"/>
      <c r="AP1275" s="53"/>
      <c r="AQ1275" s="53"/>
      <c r="AR1275" s="53"/>
      <c r="AS1275" s="53"/>
      <c r="AT1275" s="53"/>
      <c r="AU1275" s="53"/>
      <c r="AV1275" s="53"/>
      <c r="AW1275" s="53"/>
      <c r="AX1275" s="53"/>
      <c r="AY1275" s="53"/>
      <c r="AZ1275" s="53"/>
      <c r="BA1275" s="53"/>
      <c r="BB1275" s="53"/>
      <c r="BC1275" s="53"/>
      <c r="BD1275" s="53"/>
      <c r="BE1275" s="53"/>
      <c r="BF1275" s="53"/>
      <c r="BG1275" s="53"/>
      <c r="BH1275" s="53"/>
      <c r="BI1275" s="53"/>
      <c r="BJ1275" s="53"/>
      <c r="BK1275" s="53"/>
      <c r="BL1275" s="53"/>
      <c r="BM1275" s="53"/>
      <c r="BN1275" s="53"/>
      <c r="BO1275" s="53"/>
      <c r="BP1275" s="53"/>
      <c r="BQ1275" s="53"/>
      <c r="BR1275" s="53"/>
      <c r="BS1275" s="53"/>
      <c r="BT1275" s="53"/>
      <c r="BU1275" s="53"/>
      <c r="BV1275" s="53"/>
      <c r="BW1275" s="53"/>
      <c r="BX1275" s="53"/>
      <c r="BY1275" s="53"/>
      <c r="BZ1275" s="53"/>
      <c r="CA1275" s="53"/>
      <c r="CB1275" s="53"/>
      <c r="CC1275" s="53"/>
      <c r="CD1275" s="53">
        <v>437500</v>
      </c>
      <c r="CE1275" s="53"/>
      <c r="CF1275" s="53"/>
      <c r="CG1275" s="53"/>
      <c r="CH1275" s="53"/>
      <c r="CI1275" s="53"/>
      <c r="CJ1275" s="53"/>
      <c r="CK1275" s="53"/>
      <c r="CL1275" s="53"/>
      <c r="CM1275" s="53"/>
      <c r="CN1275" s="53">
        <v>437500</v>
      </c>
    </row>
    <row r="1276" spans="1:92" outlineLevel="1">
      <c r="A1276" s="52" t="s">
        <v>713</v>
      </c>
      <c r="B1276" s="53">
        <v>-26552.407932011301</v>
      </c>
      <c r="C1276" s="53">
        <v>-26552.407932011301</v>
      </c>
      <c r="D1276" s="53">
        <v>-26552.407932011301</v>
      </c>
      <c r="E1276" s="53">
        <v>-26552.407932011301</v>
      </c>
      <c r="F1276" s="53">
        <v>-26552.407932011301</v>
      </c>
      <c r="G1276" s="53">
        <v>-26552.407932011301</v>
      </c>
      <c r="H1276" s="53">
        <v>-26552.407932011301</v>
      </c>
      <c r="I1276" s="53">
        <v>-26552.407932011301</v>
      </c>
      <c r="J1276" s="53">
        <v>-26552.407932011301</v>
      </c>
      <c r="K1276" s="53">
        <v>-26552.407932011301</v>
      </c>
      <c r="L1276" s="53">
        <v>-26552.407932011301</v>
      </c>
      <c r="M1276" s="53">
        <v>-26552.407932011301</v>
      </c>
      <c r="N1276" s="53">
        <v>-318628.895184136</v>
      </c>
      <c r="O1276" s="53">
        <v>-26552.407932011301</v>
      </c>
      <c r="P1276" s="53">
        <v>-26552.407932011301</v>
      </c>
      <c r="Q1276" s="53">
        <v>-26552.407932011301</v>
      </c>
      <c r="R1276" s="53">
        <v>-26552.407932011301</v>
      </c>
      <c r="S1276" s="53">
        <v>-26552.407932011301</v>
      </c>
      <c r="T1276" s="53">
        <v>-26552.407932011301</v>
      </c>
      <c r="U1276" s="53">
        <v>-26552.407932011301</v>
      </c>
      <c r="V1276" s="53">
        <v>-26552.407932011301</v>
      </c>
      <c r="W1276" s="53">
        <v>-26552.407932011301</v>
      </c>
      <c r="X1276" s="53">
        <v>-26552.407932011301</v>
      </c>
      <c r="Y1276" s="53">
        <v>-26552.407932011301</v>
      </c>
      <c r="Z1276" s="53">
        <v>-26552.407932011301</v>
      </c>
      <c r="AA1276" s="53">
        <v>-318628.895184136</v>
      </c>
      <c r="AB1276" s="53">
        <v>-26552.407932011301</v>
      </c>
      <c r="AC1276" s="53">
        <v>-26552.407932011301</v>
      </c>
      <c r="AD1276" s="53">
        <v>-26552.407932011301</v>
      </c>
      <c r="AE1276" s="53">
        <v>-26552.407932011301</v>
      </c>
      <c r="AF1276" s="53">
        <v>-26552.407932011301</v>
      </c>
      <c r="AG1276" s="53">
        <v>-26552.407932011301</v>
      </c>
      <c r="AH1276" s="53">
        <v>-26552.407932011301</v>
      </c>
      <c r="AI1276" s="53">
        <v>-26552.407932011301</v>
      </c>
      <c r="AJ1276" s="53">
        <v>-26552.407932011301</v>
      </c>
      <c r="AK1276" s="53">
        <v>-26552.407932011301</v>
      </c>
      <c r="AL1276" s="53">
        <v>-26552.407932011301</v>
      </c>
      <c r="AM1276" s="53">
        <v>-26552.407932011301</v>
      </c>
      <c r="AN1276" s="53">
        <v>-318628.895184136</v>
      </c>
      <c r="AO1276" s="53">
        <v>-26552.407932011301</v>
      </c>
      <c r="AP1276" s="53">
        <v>-26552.407932011301</v>
      </c>
      <c r="AQ1276" s="53">
        <v>-26552.407932011301</v>
      </c>
      <c r="AR1276" s="53">
        <v>-26552.407932011301</v>
      </c>
      <c r="AS1276" s="53">
        <v>-26552.407932011301</v>
      </c>
      <c r="AT1276" s="53">
        <v>-26552.407932011301</v>
      </c>
      <c r="AU1276" s="53">
        <v>-26552.407932011301</v>
      </c>
      <c r="AV1276" s="53">
        <v>-26552.407932011301</v>
      </c>
      <c r="AW1276" s="53">
        <v>-26552.407932011301</v>
      </c>
      <c r="AX1276" s="53">
        <v>-26552.407932011301</v>
      </c>
      <c r="AY1276" s="53">
        <v>-26552.407932011301</v>
      </c>
      <c r="AZ1276" s="53">
        <v>-26552.407932011301</v>
      </c>
      <c r="BA1276" s="53">
        <v>-318628.895184136</v>
      </c>
      <c r="BB1276" s="53">
        <v>-26552.407932011301</v>
      </c>
      <c r="BC1276" s="53">
        <v>-26552.407932011301</v>
      </c>
      <c r="BD1276" s="53">
        <v>-26552.407932011301</v>
      </c>
      <c r="BE1276" s="53">
        <v>-26552.407932011301</v>
      </c>
      <c r="BF1276" s="53">
        <v>-26552.407932011301</v>
      </c>
      <c r="BG1276" s="53">
        <v>-26552.407932011301</v>
      </c>
      <c r="BH1276" s="53">
        <v>-26552.407932011301</v>
      </c>
      <c r="BI1276" s="53">
        <v>-26552.4079320114</v>
      </c>
      <c r="BJ1276" s="53">
        <v>-26552.407932011301</v>
      </c>
      <c r="BK1276" s="53">
        <v>-26552.407932011301</v>
      </c>
      <c r="BL1276" s="53">
        <v>-26552.4079320114</v>
      </c>
      <c r="BM1276" s="53">
        <v>-26552.4079320114</v>
      </c>
      <c r="BN1276" s="53">
        <v>-318628.895184136</v>
      </c>
      <c r="BO1276" s="53">
        <v>-26552.4079320114</v>
      </c>
      <c r="BP1276" s="53">
        <v>-26552.4079320114</v>
      </c>
      <c r="BQ1276" s="53">
        <v>-26552.4079320114</v>
      </c>
      <c r="BR1276" s="53">
        <v>-26552.4079320114</v>
      </c>
      <c r="BS1276" s="53">
        <v>-26552.4079320114</v>
      </c>
      <c r="BT1276" s="53">
        <v>-26552.4079320114</v>
      </c>
      <c r="BU1276" s="53">
        <v>-26552.4079320114</v>
      </c>
      <c r="BV1276" s="53">
        <v>-26552.4079320114</v>
      </c>
      <c r="BW1276" s="53">
        <v>-26552.4079320114</v>
      </c>
      <c r="BX1276" s="53">
        <v>-26552.4079320114</v>
      </c>
      <c r="BY1276" s="53">
        <v>-26552.4079320114</v>
      </c>
      <c r="BZ1276" s="53">
        <v>-26552.4079320114</v>
      </c>
      <c r="CA1276" s="53">
        <v>-318628.89518413699</v>
      </c>
      <c r="CB1276" s="53"/>
      <c r="CC1276" s="53"/>
      <c r="CD1276" s="53"/>
      <c r="CE1276" s="53"/>
      <c r="CF1276" s="53"/>
      <c r="CG1276" s="53"/>
      <c r="CH1276" s="53"/>
      <c r="CI1276" s="53"/>
      <c r="CJ1276" s="53"/>
      <c r="CK1276" s="53"/>
      <c r="CL1276" s="53"/>
      <c r="CM1276" s="53"/>
      <c r="CN1276" s="53"/>
    </row>
    <row r="1277" spans="1:92" outlineLevel="1">
      <c r="A1277" s="52" t="s">
        <v>716</v>
      </c>
      <c r="B1277" s="53">
        <v>24171.148247978399</v>
      </c>
      <c r="C1277" s="53">
        <v>24171.148247978399</v>
      </c>
      <c r="D1277" s="53">
        <v>24171.148247978399</v>
      </c>
      <c r="E1277" s="53">
        <v>24171.148247978399</v>
      </c>
      <c r="F1277" s="53">
        <v>24171.148247978399</v>
      </c>
      <c r="G1277" s="53">
        <v>24171.148247978399</v>
      </c>
      <c r="H1277" s="53">
        <v>24171.148247978399</v>
      </c>
      <c r="I1277" s="53">
        <v>24171.148247978399</v>
      </c>
      <c r="J1277" s="53">
        <v>24171.148247978399</v>
      </c>
      <c r="K1277" s="53">
        <v>24171.148247978399</v>
      </c>
      <c r="L1277" s="53">
        <v>24171.148247978399</v>
      </c>
      <c r="M1277" s="53">
        <v>24171.148247978399</v>
      </c>
      <c r="N1277" s="53">
        <v>290053.77897574101</v>
      </c>
      <c r="O1277" s="53">
        <v>24171.148247978399</v>
      </c>
      <c r="P1277" s="53">
        <v>24171.148247978399</v>
      </c>
      <c r="Q1277" s="53">
        <v>24171.148247978399</v>
      </c>
      <c r="R1277" s="53">
        <v>24171.148247978399</v>
      </c>
      <c r="S1277" s="53">
        <v>24171.148247978399</v>
      </c>
      <c r="T1277" s="53">
        <v>24171.148247978399</v>
      </c>
      <c r="U1277" s="53">
        <v>24171.148247978399</v>
      </c>
      <c r="V1277" s="53">
        <v>24171.148247978399</v>
      </c>
      <c r="W1277" s="53">
        <v>24171.148247978399</v>
      </c>
      <c r="X1277" s="53">
        <v>24171.148247978399</v>
      </c>
      <c r="Y1277" s="53">
        <v>24171.148247978399</v>
      </c>
      <c r="Z1277" s="53">
        <v>24171.148247978399</v>
      </c>
      <c r="AA1277" s="53">
        <v>290053.77897574002</v>
      </c>
      <c r="AB1277" s="53">
        <v>24171.148247978399</v>
      </c>
      <c r="AC1277" s="53">
        <v>24171.148247978399</v>
      </c>
      <c r="AD1277" s="53">
        <v>24171.148247978399</v>
      </c>
      <c r="AE1277" s="53">
        <v>24171.148247978399</v>
      </c>
      <c r="AF1277" s="53">
        <v>24171.148247978399</v>
      </c>
      <c r="AG1277" s="53">
        <v>24171.148247978399</v>
      </c>
      <c r="AH1277" s="53">
        <v>24171.148247978399</v>
      </c>
      <c r="AI1277" s="53">
        <v>24171.148247978399</v>
      </c>
      <c r="AJ1277" s="53">
        <v>24171.148247978399</v>
      </c>
      <c r="AK1277" s="53">
        <v>24171.148247978399</v>
      </c>
      <c r="AL1277" s="53">
        <v>24171.148247978399</v>
      </c>
      <c r="AM1277" s="53">
        <v>24171.148247978399</v>
      </c>
      <c r="AN1277" s="53">
        <v>290053.77897574002</v>
      </c>
      <c r="AO1277" s="53">
        <v>24171.148247978399</v>
      </c>
      <c r="AP1277" s="53">
        <v>24171.148247978399</v>
      </c>
      <c r="AQ1277" s="53">
        <v>24171.148247978399</v>
      </c>
      <c r="AR1277" s="53">
        <v>24171.148247978399</v>
      </c>
      <c r="AS1277" s="53">
        <v>24171.148247978399</v>
      </c>
      <c r="AT1277" s="53">
        <v>24171.148247978399</v>
      </c>
      <c r="AU1277" s="53">
        <v>24171.148247978399</v>
      </c>
      <c r="AV1277" s="53">
        <v>24171.148247978399</v>
      </c>
      <c r="AW1277" s="53">
        <v>24171.148247978399</v>
      </c>
      <c r="AX1277" s="53">
        <v>24171.148247978399</v>
      </c>
      <c r="AY1277" s="53">
        <v>24171.148247978399</v>
      </c>
      <c r="AZ1277" s="53">
        <v>24171.148247978399</v>
      </c>
      <c r="BA1277" s="53">
        <v>290053.77897574002</v>
      </c>
      <c r="BB1277" s="53">
        <v>24171.148247978399</v>
      </c>
      <c r="BC1277" s="53">
        <v>24171.148247978399</v>
      </c>
      <c r="BD1277" s="53">
        <v>24171.148247978399</v>
      </c>
      <c r="BE1277" s="53">
        <v>24171.148247978399</v>
      </c>
      <c r="BF1277" s="53">
        <v>24171.148247978399</v>
      </c>
      <c r="BG1277" s="53">
        <v>24171.148247978399</v>
      </c>
      <c r="BH1277" s="53">
        <v>24171.148247978399</v>
      </c>
      <c r="BI1277" s="53">
        <v>24171.148247978399</v>
      </c>
      <c r="BJ1277" s="53">
        <v>24171.148247978399</v>
      </c>
      <c r="BK1277" s="53">
        <v>24171.148247978399</v>
      </c>
      <c r="BL1277" s="53">
        <v>24171.148247978399</v>
      </c>
      <c r="BM1277" s="53">
        <v>24171.148247978399</v>
      </c>
      <c r="BN1277" s="53">
        <v>290053.77897574002</v>
      </c>
      <c r="BO1277" s="53">
        <v>24171.148247978399</v>
      </c>
      <c r="BP1277" s="53">
        <v>24171.148247978399</v>
      </c>
      <c r="BQ1277" s="53">
        <v>24171.148247978399</v>
      </c>
      <c r="BR1277" s="53">
        <v>24171.148247978399</v>
      </c>
      <c r="BS1277" s="53">
        <v>24171.148247978399</v>
      </c>
      <c r="BT1277" s="53">
        <v>24171.148247978399</v>
      </c>
      <c r="BU1277" s="53">
        <v>24171.148247978399</v>
      </c>
      <c r="BV1277" s="53">
        <v>24171.148247978399</v>
      </c>
      <c r="BW1277" s="53">
        <v>24171.148247978399</v>
      </c>
      <c r="BX1277" s="53">
        <v>24171.148247978399</v>
      </c>
      <c r="BY1277" s="53">
        <v>24171.148247978399</v>
      </c>
      <c r="BZ1277" s="53">
        <v>24171.148247978399</v>
      </c>
      <c r="CA1277" s="53">
        <v>290053.77897574002</v>
      </c>
      <c r="CB1277" s="53"/>
      <c r="CC1277" s="53"/>
      <c r="CD1277" s="53"/>
      <c r="CE1277" s="53">
        <v>337500</v>
      </c>
      <c r="CF1277" s="53"/>
      <c r="CG1277" s="53"/>
      <c r="CH1277" s="53"/>
      <c r="CI1277" s="53"/>
      <c r="CJ1277" s="53"/>
      <c r="CK1277" s="53"/>
      <c r="CL1277" s="53"/>
      <c r="CM1277" s="53"/>
      <c r="CN1277" s="53">
        <v>337500</v>
      </c>
    </row>
    <row r="1278" spans="1:92" outlineLevel="1">
      <c r="A1278" s="52" t="s">
        <v>725</v>
      </c>
      <c r="B1278" s="53">
        <v>16813.8796992481</v>
      </c>
      <c r="C1278" s="53">
        <v>16813.8796992481</v>
      </c>
      <c r="D1278" s="53">
        <v>16813.8796992481</v>
      </c>
      <c r="E1278" s="53">
        <v>16813.8796992481</v>
      </c>
      <c r="F1278" s="53">
        <v>16813.8796992481</v>
      </c>
      <c r="G1278" s="53">
        <v>16813.8796992481</v>
      </c>
      <c r="H1278" s="53">
        <v>16813.8796992481</v>
      </c>
      <c r="I1278" s="53">
        <v>16813.8796992481</v>
      </c>
      <c r="J1278" s="53">
        <v>16813.8796992481</v>
      </c>
      <c r="K1278" s="53">
        <v>16813.8796992481</v>
      </c>
      <c r="L1278" s="53">
        <v>16813.8796992481</v>
      </c>
      <c r="M1278" s="53">
        <v>16813.8796992481</v>
      </c>
      <c r="N1278" s="53">
        <v>201766.556390977</v>
      </c>
      <c r="O1278" s="53">
        <v>16813.8796992481</v>
      </c>
      <c r="P1278" s="53">
        <v>16813.8796992481</v>
      </c>
      <c r="Q1278" s="53">
        <v>16813.8796992481</v>
      </c>
      <c r="R1278" s="53">
        <v>16813.8796992481</v>
      </c>
      <c r="S1278" s="53">
        <v>16813.8796992481</v>
      </c>
      <c r="T1278" s="53">
        <v>16813.8796992481</v>
      </c>
      <c r="U1278" s="53">
        <v>16813.8796992481</v>
      </c>
      <c r="V1278" s="53">
        <v>16813.8796992481</v>
      </c>
      <c r="W1278" s="53">
        <v>16813.8796992481</v>
      </c>
      <c r="X1278" s="53">
        <v>16813.8796992481</v>
      </c>
      <c r="Y1278" s="53">
        <v>16813.8796992481</v>
      </c>
      <c r="Z1278" s="53">
        <v>16813.8796992481</v>
      </c>
      <c r="AA1278" s="53">
        <v>201766.556390977</v>
      </c>
      <c r="AB1278" s="53">
        <v>16813.8796992481</v>
      </c>
      <c r="AC1278" s="53">
        <v>16813.8796992481</v>
      </c>
      <c r="AD1278" s="53">
        <v>16813.8796992481</v>
      </c>
      <c r="AE1278" s="53">
        <v>16813.8796992481</v>
      </c>
      <c r="AF1278" s="53">
        <v>16813.8796992481</v>
      </c>
      <c r="AG1278" s="53">
        <v>16813.8796992481</v>
      </c>
      <c r="AH1278" s="53">
        <v>16813.8796992481</v>
      </c>
      <c r="AI1278" s="53">
        <v>16813.8796992481</v>
      </c>
      <c r="AJ1278" s="53">
        <v>16813.8796992481</v>
      </c>
      <c r="AK1278" s="53">
        <v>16813.8796992481</v>
      </c>
      <c r="AL1278" s="53">
        <v>16813.8796992481</v>
      </c>
      <c r="AM1278" s="53">
        <v>16813.8796992481</v>
      </c>
      <c r="AN1278" s="53">
        <v>201766.556390977</v>
      </c>
      <c r="AO1278" s="53">
        <v>16813.8796992481</v>
      </c>
      <c r="AP1278" s="53">
        <v>16813.8796992481</v>
      </c>
      <c r="AQ1278" s="53">
        <v>16813.8796992481</v>
      </c>
      <c r="AR1278" s="53">
        <v>16813.8796992481</v>
      </c>
      <c r="AS1278" s="53">
        <v>16813.8796992481</v>
      </c>
      <c r="AT1278" s="53">
        <v>16813.8796992481</v>
      </c>
      <c r="AU1278" s="53">
        <v>16813.8796992481</v>
      </c>
      <c r="AV1278" s="53">
        <v>16813.8796992481</v>
      </c>
      <c r="AW1278" s="53">
        <v>16813.8796992481</v>
      </c>
      <c r="AX1278" s="53">
        <v>16813.8796992481</v>
      </c>
      <c r="AY1278" s="53">
        <v>16813.8796992481</v>
      </c>
      <c r="AZ1278" s="53">
        <v>16813.8796992481</v>
      </c>
      <c r="BA1278" s="53">
        <v>201766.556390977</v>
      </c>
      <c r="BB1278" s="53">
        <v>16813.8796992481</v>
      </c>
      <c r="BC1278" s="53">
        <v>16813.8796992481</v>
      </c>
      <c r="BD1278" s="53">
        <v>16813.8796992481</v>
      </c>
      <c r="BE1278" s="53">
        <v>16813.8796992481</v>
      </c>
      <c r="BF1278" s="53">
        <v>16813.8796992481</v>
      </c>
      <c r="BG1278" s="53">
        <v>16813.8796992481</v>
      </c>
      <c r="BH1278" s="53">
        <v>16813.8796992481</v>
      </c>
      <c r="BI1278" s="53">
        <v>16813.8796992481</v>
      </c>
      <c r="BJ1278" s="53">
        <v>16813.8796992481</v>
      </c>
      <c r="BK1278" s="53">
        <v>16813.8796992481</v>
      </c>
      <c r="BL1278" s="53">
        <v>16813.8796992481</v>
      </c>
      <c r="BM1278" s="53">
        <v>16813.8796992481</v>
      </c>
      <c r="BN1278" s="53">
        <v>201766.556390977</v>
      </c>
      <c r="BO1278" s="53">
        <v>16813.8796992481</v>
      </c>
      <c r="BP1278" s="53">
        <v>16813.8796992481</v>
      </c>
      <c r="BQ1278" s="53">
        <v>16813.8796992481</v>
      </c>
      <c r="BR1278" s="53">
        <v>16813.8796992481</v>
      </c>
      <c r="BS1278" s="53">
        <v>16813.8796992481</v>
      </c>
      <c r="BT1278" s="53">
        <v>16813.8796992481</v>
      </c>
      <c r="BU1278" s="53">
        <v>8406.9398496240701</v>
      </c>
      <c r="BV1278" s="53"/>
      <c r="BW1278" s="53"/>
      <c r="BX1278" s="53"/>
      <c r="BY1278" s="53"/>
      <c r="BZ1278" s="53"/>
      <c r="CA1278" s="53">
        <v>109290.21804511199</v>
      </c>
      <c r="CB1278" s="53"/>
      <c r="CC1278" s="53"/>
      <c r="CD1278" s="53"/>
      <c r="CE1278" s="53"/>
      <c r="CF1278" s="53"/>
      <c r="CG1278" s="53"/>
      <c r="CH1278" s="53"/>
      <c r="CI1278" s="53"/>
      <c r="CJ1278" s="53"/>
      <c r="CK1278" s="53"/>
      <c r="CL1278" s="53"/>
      <c r="CM1278" s="53"/>
      <c r="CN1278" s="53"/>
    </row>
    <row r="1279" spans="1:92" outlineLevel="1">
      <c r="A1279" s="52" t="s">
        <v>726</v>
      </c>
      <c r="B1279" s="53">
        <v>-308004.32530120399</v>
      </c>
      <c r="C1279" s="53">
        <v>-308004.32530120399</v>
      </c>
      <c r="D1279" s="53">
        <v>-308004.32530120399</v>
      </c>
      <c r="E1279" s="53">
        <v>-308004.32530120399</v>
      </c>
      <c r="F1279" s="53">
        <v>-308004.32530120399</v>
      </c>
      <c r="G1279" s="53">
        <v>-308004.32530120399</v>
      </c>
      <c r="H1279" s="53">
        <v>-308004.32530120399</v>
      </c>
      <c r="I1279" s="53">
        <v>-308004.32530120399</v>
      </c>
      <c r="J1279" s="53">
        <v>-308004.32530120399</v>
      </c>
      <c r="K1279" s="53">
        <v>-308004.32530120399</v>
      </c>
      <c r="L1279" s="53">
        <v>-308004.32530120399</v>
      </c>
      <c r="M1279" s="53">
        <v>-308004.32530120399</v>
      </c>
      <c r="N1279" s="53">
        <v>-3696051.9036144498</v>
      </c>
      <c r="O1279" s="53">
        <v>-308004.32530120399</v>
      </c>
      <c r="P1279" s="53">
        <v>-308004.32530120399</v>
      </c>
      <c r="Q1279" s="53">
        <v>-308004.32530120399</v>
      </c>
      <c r="R1279" s="53">
        <v>-308004.32530120399</v>
      </c>
      <c r="S1279" s="53">
        <v>-308004.32530120399</v>
      </c>
      <c r="T1279" s="53">
        <v>-308004.32530120399</v>
      </c>
      <c r="U1279" s="53">
        <v>-308004.32530120399</v>
      </c>
      <c r="V1279" s="53">
        <v>-308004.32530120399</v>
      </c>
      <c r="W1279" s="53">
        <v>-308004.32530120399</v>
      </c>
      <c r="X1279" s="53">
        <v>-308004.32530120399</v>
      </c>
      <c r="Y1279" s="53">
        <v>-308004.32530120498</v>
      </c>
      <c r="Z1279" s="53">
        <v>-308004.32530120399</v>
      </c>
      <c r="AA1279" s="53">
        <v>-3696051.9036144498</v>
      </c>
      <c r="AB1279" s="53">
        <v>-308004.32530120498</v>
      </c>
      <c r="AC1279" s="53">
        <v>-308004.32530120498</v>
      </c>
      <c r="AD1279" s="53">
        <v>-308004.32530120498</v>
      </c>
      <c r="AE1279" s="53">
        <v>-308004.32530120498</v>
      </c>
      <c r="AF1279" s="53">
        <v>-308004.32530120498</v>
      </c>
      <c r="AG1279" s="53">
        <v>-308004.32530120498</v>
      </c>
      <c r="AH1279" s="53">
        <v>-308004.32530120498</v>
      </c>
      <c r="AI1279" s="53">
        <v>-308004.32530120498</v>
      </c>
      <c r="AJ1279" s="53">
        <v>-308004.32530120498</v>
      </c>
      <c r="AK1279" s="53">
        <v>-308004.32530120498</v>
      </c>
      <c r="AL1279" s="53">
        <v>-308004.32530120498</v>
      </c>
      <c r="AM1279" s="53">
        <v>-308004.32530120498</v>
      </c>
      <c r="AN1279" s="53">
        <v>-3696051.9036144498</v>
      </c>
      <c r="AO1279" s="53">
        <v>-308004.32530120498</v>
      </c>
      <c r="AP1279" s="53">
        <v>-308004.32530120498</v>
      </c>
      <c r="AQ1279" s="53">
        <v>-308004.32530120498</v>
      </c>
      <c r="AR1279" s="53">
        <v>-308004.32530120498</v>
      </c>
      <c r="AS1279" s="53">
        <v>-308004.32530120498</v>
      </c>
      <c r="AT1279" s="53">
        <v>-308004.32530120498</v>
      </c>
      <c r="AU1279" s="53">
        <v>-308004.32530120498</v>
      </c>
      <c r="AV1279" s="53">
        <v>-308004.32530120498</v>
      </c>
      <c r="AW1279" s="53">
        <v>-308004.32530120498</v>
      </c>
      <c r="AX1279" s="53">
        <v>-308004.32530120498</v>
      </c>
      <c r="AY1279" s="53">
        <v>-308004.32530120498</v>
      </c>
      <c r="AZ1279" s="53">
        <v>-308004.32530120498</v>
      </c>
      <c r="BA1279" s="53">
        <v>-3696051.90361446</v>
      </c>
      <c r="BB1279" s="53">
        <v>-308004.32530120498</v>
      </c>
      <c r="BC1279" s="53">
        <v>-308004.32530120498</v>
      </c>
      <c r="BD1279" s="53">
        <v>-308004.32530120498</v>
      </c>
      <c r="BE1279" s="53">
        <v>-308004.32530120498</v>
      </c>
      <c r="BF1279" s="53">
        <v>-308004.32530120498</v>
      </c>
      <c r="BG1279" s="53">
        <v>-308004.32530120498</v>
      </c>
      <c r="BH1279" s="53">
        <v>-308004.32530120498</v>
      </c>
      <c r="BI1279" s="53">
        <v>-308004.32530120498</v>
      </c>
      <c r="BJ1279" s="53">
        <v>-308004.32530120498</v>
      </c>
      <c r="BK1279" s="53">
        <v>-308004.32530120498</v>
      </c>
      <c r="BL1279" s="53">
        <v>-308004.32530120498</v>
      </c>
      <c r="BM1279" s="53">
        <v>-308004.32530120498</v>
      </c>
      <c r="BN1279" s="53">
        <v>-3696051.90361446</v>
      </c>
      <c r="BO1279" s="53">
        <v>-308004.32530120498</v>
      </c>
      <c r="BP1279" s="53">
        <v>-308004.32530120498</v>
      </c>
      <c r="BQ1279" s="53">
        <v>-308004.32530120498</v>
      </c>
      <c r="BR1279" s="53">
        <v>-308004.32530120498</v>
      </c>
      <c r="BS1279" s="53">
        <v>-308004.32530120498</v>
      </c>
      <c r="BT1279" s="53">
        <v>-308004.32530120498</v>
      </c>
      <c r="BU1279" s="53">
        <v>-308004.32530120498</v>
      </c>
      <c r="BV1279" s="53">
        <v>-308004.32530120498</v>
      </c>
      <c r="BW1279" s="53">
        <v>-308004.32530120498</v>
      </c>
      <c r="BX1279" s="53">
        <v>-308004.32530120498</v>
      </c>
      <c r="BY1279" s="53">
        <v>-308004.32530120498</v>
      </c>
      <c r="BZ1279" s="53">
        <v>-308004.32530120498</v>
      </c>
      <c r="CA1279" s="53">
        <v>-3696051.90361446</v>
      </c>
      <c r="CB1279" s="53"/>
      <c r="CC1279" s="53"/>
      <c r="CD1279" s="53"/>
      <c r="CE1279" s="53"/>
      <c r="CF1279" s="53"/>
      <c r="CG1279" s="53"/>
      <c r="CH1279" s="53"/>
      <c r="CI1279" s="53"/>
      <c r="CJ1279" s="53"/>
      <c r="CK1279" s="53"/>
      <c r="CL1279" s="53"/>
      <c r="CM1279" s="53"/>
      <c r="CN1279" s="53"/>
    </row>
    <row r="1280" spans="1:92" outlineLevel="1">
      <c r="A1280" s="52" t="s">
        <v>728</v>
      </c>
      <c r="B1280" s="53">
        <v>-199670.97206703899</v>
      </c>
      <c r="C1280" s="53">
        <v>-199670.97206703899</v>
      </c>
      <c r="D1280" s="53">
        <v>-199670.97206703899</v>
      </c>
      <c r="E1280" s="53">
        <v>-199670.97206703899</v>
      </c>
      <c r="F1280" s="53">
        <v>-199670.97206703899</v>
      </c>
      <c r="G1280" s="53">
        <v>-199670.97206703899</v>
      </c>
      <c r="H1280" s="53">
        <v>-199670.97206703899</v>
      </c>
      <c r="I1280" s="53">
        <v>-199670.972067038</v>
      </c>
      <c r="J1280" s="53">
        <v>-199670.972067038</v>
      </c>
      <c r="K1280" s="53">
        <v>-199670.972067038</v>
      </c>
      <c r="L1280" s="53">
        <v>-199670.97206703899</v>
      </c>
      <c r="M1280" s="53">
        <v>-199670.97206703899</v>
      </c>
      <c r="N1280" s="53">
        <v>-2396051.66480446</v>
      </c>
      <c r="O1280" s="53">
        <v>-199670.97206703899</v>
      </c>
      <c r="P1280" s="53">
        <v>-199670.97206703899</v>
      </c>
      <c r="Q1280" s="53">
        <v>-199670.97206703899</v>
      </c>
      <c r="R1280" s="53">
        <v>-199670.97206703899</v>
      </c>
      <c r="S1280" s="53">
        <v>-199670.97206703899</v>
      </c>
      <c r="T1280" s="53">
        <v>-199670.97206703899</v>
      </c>
      <c r="U1280" s="53">
        <v>-199670.97206703899</v>
      </c>
      <c r="V1280" s="53">
        <v>-199670.97206703899</v>
      </c>
      <c r="W1280" s="53">
        <v>-199670.97206703899</v>
      </c>
      <c r="X1280" s="53">
        <v>-199670.97206703899</v>
      </c>
      <c r="Y1280" s="53">
        <v>-199670.97206703899</v>
      </c>
      <c r="Z1280" s="53">
        <v>-199670.97206703899</v>
      </c>
      <c r="AA1280" s="53">
        <v>-2396051.66480446</v>
      </c>
      <c r="AB1280" s="53">
        <v>-199670.97206703899</v>
      </c>
      <c r="AC1280" s="53">
        <v>-199670.97206703899</v>
      </c>
      <c r="AD1280" s="53">
        <v>-199670.97206703899</v>
      </c>
      <c r="AE1280" s="53">
        <v>-199670.97206703899</v>
      </c>
      <c r="AF1280" s="53">
        <v>-199670.97206703899</v>
      </c>
      <c r="AG1280" s="53">
        <v>-199670.97206703899</v>
      </c>
      <c r="AH1280" s="53">
        <v>-199670.97206703899</v>
      </c>
      <c r="AI1280" s="53">
        <v>-199670.97206703899</v>
      </c>
      <c r="AJ1280" s="53">
        <v>-199670.97206703899</v>
      </c>
      <c r="AK1280" s="53">
        <v>-199670.97206703899</v>
      </c>
      <c r="AL1280" s="53">
        <v>-199670.97206703899</v>
      </c>
      <c r="AM1280" s="53">
        <v>-199670.97206703899</v>
      </c>
      <c r="AN1280" s="53">
        <v>-2396051.66480446</v>
      </c>
      <c r="AO1280" s="53">
        <v>-199670.97206703899</v>
      </c>
      <c r="AP1280" s="53">
        <v>-199670.97206703899</v>
      </c>
      <c r="AQ1280" s="53">
        <v>-199670.97206703899</v>
      </c>
      <c r="AR1280" s="53">
        <v>-199670.97206703899</v>
      </c>
      <c r="AS1280" s="53">
        <v>-199670.97206703899</v>
      </c>
      <c r="AT1280" s="53">
        <v>-199670.97206703899</v>
      </c>
      <c r="AU1280" s="53">
        <v>-199670.97206703899</v>
      </c>
      <c r="AV1280" s="53">
        <v>-199670.97206703899</v>
      </c>
      <c r="AW1280" s="53">
        <v>-199670.97206703899</v>
      </c>
      <c r="AX1280" s="53">
        <v>-199670.97206703899</v>
      </c>
      <c r="AY1280" s="53">
        <v>-199670.97206703899</v>
      </c>
      <c r="AZ1280" s="53">
        <v>-199670.97206703899</v>
      </c>
      <c r="BA1280" s="53">
        <v>-2396051.6648044698</v>
      </c>
      <c r="BB1280" s="53">
        <v>-199670.97206703899</v>
      </c>
      <c r="BC1280" s="53">
        <v>-199670.97206703899</v>
      </c>
      <c r="BD1280" s="53">
        <v>-199670.97206703899</v>
      </c>
      <c r="BE1280" s="53">
        <v>-199670.97206703899</v>
      </c>
      <c r="BF1280" s="53">
        <v>-199670.97206703899</v>
      </c>
      <c r="BG1280" s="53">
        <v>-199670.97206703899</v>
      </c>
      <c r="BH1280" s="53">
        <v>-199670.97206703899</v>
      </c>
      <c r="BI1280" s="53">
        <v>-199670.97206703899</v>
      </c>
      <c r="BJ1280" s="53">
        <v>-199670.97206703899</v>
      </c>
      <c r="BK1280" s="53">
        <v>-199670.97206703899</v>
      </c>
      <c r="BL1280" s="53">
        <v>-199670.97206703899</v>
      </c>
      <c r="BM1280" s="53">
        <v>-199670.97206703899</v>
      </c>
      <c r="BN1280" s="53">
        <v>-2396051.6648044698</v>
      </c>
      <c r="BO1280" s="53">
        <v>-199670.97206703899</v>
      </c>
      <c r="BP1280" s="53">
        <v>-199670.97206703899</v>
      </c>
      <c r="BQ1280" s="53">
        <v>-199670.97206703899</v>
      </c>
      <c r="BR1280" s="53">
        <v>-199670.97206703899</v>
      </c>
      <c r="BS1280" s="53">
        <v>-199670.97206703899</v>
      </c>
      <c r="BT1280" s="53">
        <v>-199670.97206703899</v>
      </c>
      <c r="BU1280" s="53">
        <v>-199670.97206703899</v>
      </c>
      <c r="BV1280" s="53">
        <v>-199670.97206703899</v>
      </c>
      <c r="BW1280" s="53">
        <v>-199670.97206703899</v>
      </c>
      <c r="BX1280" s="53">
        <v>-199670.97206703899</v>
      </c>
      <c r="BY1280" s="53">
        <v>-199670.97206703899</v>
      </c>
      <c r="BZ1280" s="53">
        <v>-199670.97206703899</v>
      </c>
      <c r="CA1280" s="53">
        <v>-2396051.6648044698</v>
      </c>
      <c r="CB1280" s="53"/>
      <c r="CC1280" s="53"/>
      <c r="CD1280" s="53"/>
      <c r="CE1280" s="53"/>
      <c r="CF1280" s="53"/>
      <c r="CG1280" s="53"/>
      <c r="CH1280" s="53"/>
      <c r="CI1280" s="53"/>
      <c r="CJ1280" s="53"/>
      <c r="CK1280" s="53"/>
      <c r="CL1280" s="53"/>
      <c r="CM1280" s="53"/>
      <c r="CN1280" s="53"/>
    </row>
    <row r="1281" spans="1:92" outlineLevel="1">
      <c r="A1281" s="52" t="s">
        <v>729</v>
      </c>
      <c r="B1281" s="53">
        <v>-115069.469767441</v>
      </c>
      <c r="C1281" s="53">
        <v>-115069.469767441</v>
      </c>
      <c r="D1281" s="53">
        <v>-115069.469767441</v>
      </c>
      <c r="E1281" s="53">
        <v>-115069.469767441</v>
      </c>
      <c r="F1281" s="53">
        <v>-115069.469767441</v>
      </c>
      <c r="G1281" s="53">
        <v>-115069.469767441</v>
      </c>
      <c r="H1281" s="53">
        <v>-115069.469767441</v>
      </c>
      <c r="I1281" s="53">
        <v>-115069.469767441</v>
      </c>
      <c r="J1281" s="53">
        <v>-115069.469767441</v>
      </c>
      <c r="K1281" s="53">
        <v>-115069.469767441</v>
      </c>
      <c r="L1281" s="53">
        <v>-115069.469767441</v>
      </c>
      <c r="M1281" s="53">
        <v>-115069.469767441</v>
      </c>
      <c r="N1281" s="53">
        <v>-1380833.6372093</v>
      </c>
      <c r="O1281" s="53">
        <v>-115069.469767441</v>
      </c>
      <c r="P1281" s="53">
        <v>-115069.469767441</v>
      </c>
      <c r="Q1281" s="53">
        <v>-115069.469767441</v>
      </c>
      <c r="R1281" s="53">
        <v>-115069.469767441</v>
      </c>
      <c r="S1281" s="53">
        <v>-115069.469767441</v>
      </c>
      <c r="T1281" s="53">
        <v>-115069.469767441</v>
      </c>
      <c r="U1281" s="53">
        <v>-115069.469767441</v>
      </c>
      <c r="V1281" s="53">
        <v>-115069.469767441</v>
      </c>
      <c r="W1281" s="53">
        <v>-115069.469767441</v>
      </c>
      <c r="X1281" s="53">
        <v>-115069.469767441</v>
      </c>
      <c r="Y1281" s="53">
        <v>-115069.469767441</v>
      </c>
      <c r="Z1281" s="53">
        <v>-115069.469767441</v>
      </c>
      <c r="AA1281" s="53">
        <v>-1380833.6372093</v>
      </c>
      <c r="AB1281" s="53">
        <v>-115069.469767441</v>
      </c>
      <c r="AC1281" s="53">
        <v>-115069.469767441</v>
      </c>
      <c r="AD1281" s="53">
        <v>-115069.469767441</v>
      </c>
      <c r="AE1281" s="53">
        <v>-115069.469767441</v>
      </c>
      <c r="AF1281" s="53">
        <v>-115069.469767441</v>
      </c>
      <c r="AG1281" s="53">
        <v>-115069.469767441</v>
      </c>
      <c r="AH1281" s="53">
        <v>-115069.469767441</v>
      </c>
      <c r="AI1281" s="53">
        <v>-115069.469767441</v>
      </c>
      <c r="AJ1281" s="53">
        <v>-115069.469767441</v>
      </c>
      <c r="AK1281" s="53">
        <v>-115069.469767441</v>
      </c>
      <c r="AL1281" s="53">
        <v>-115069.469767441</v>
      </c>
      <c r="AM1281" s="53">
        <v>-115069.469767441</v>
      </c>
      <c r="AN1281" s="53">
        <v>-1380833.6372093</v>
      </c>
      <c r="AO1281" s="53">
        <v>-115069.469767441</v>
      </c>
      <c r="AP1281" s="53">
        <v>-115069.469767441</v>
      </c>
      <c r="AQ1281" s="53">
        <v>-115069.469767441</v>
      </c>
      <c r="AR1281" s="53">
        <v>-115069.469767441</v>
      </c>
      <c r="AS1281" s="53">
        <v>-115069.469767441</v>
      </c>
      <c r="AT1281" s="53">
        <v>-115069.469767441</v>
      </c>
      <c r="AU1281" s="53">
        <v>-115069.469767441</v>
      </c>
      <c r="AV1281" s="53">
        <v>-115069.469767441</v>
      </c>
      <c r="AW1281" s="53">
        <v>-115069.469767441</v>
      </c>
      <c r="AX1281" s="53">
        <v>-115069.469767441</v>
      </c>
      <c r="AY1281" s="53">
        <v>-115069.469767441</v>
      </c>
      <c r="AZ1281" s="53">
        <v>-115069.469767441</v>
      </c>
      <c r="BA1281" s="53">
        <v>-1380833.6372093</v>
      </c>
      <c r="BB1281" s="53">
        <v>-115069.469767441</v>
      </c>
      <c r="BC1281" s="53">
        <v>-115069.469767441</v>
      </c>
      <c r="BD1281" s="53">
        <v>-115069.469767441</v>
      </c>
      <c r="BE1281" s="53">
        <v>-115069.469767441</v>
      </c>
      <c r="BF1281" s="53">
        <v>-115069.469767441</v>
      </c>
      <c r="BG1281" s="53">
        <v>-115069.469767441</v>
      </c>
      <c r="BH1281" s="53">
        <v>-115069.469767441</v>
      </c>
      <c r="BI1281" s="53">
        <v>-115069.469767441</v>
      </c>
      <c r="BJ1281" s="53">
        <v>-115069.469767441</v>
      </c>
      <c r="BK1281" s="53">
        <v>-115069.469767441</v>
      </c>
      <c r="BL1281" s="53">
        <v>-115069.469767441</v>
      </c>
      <c r="BM1281" s="53">
        <v>-115069.469767441</v>
      </c>
      <c r="BN1281" s="53">
        <v>-1380833.6372093</v>
      </c>
      <c r="BO1281" s="53">
        <v>-115069.469767441</v>
      </c>
      <c r="BP1281" s="53">
        <v>-115069.469767441</v>
      </c>
      <c r="BQ1281" s="53">
        <v>-115069.469767441</v>
      </c>
      <c r="BR1281" s="53">
        <v>-115069.469767441</v>
      </c>
      <c r="BS1281" s="53">
        <v>-115069.469767441</v>
      </c>
      <c r="BT1281" s="53">
        <v>-115069.469767441</v>
      </c>
      <c r="BU1281" s="53">
        <v>-115069.469767441</v>
      </c>
      <c r="BV1281" s="53">
        <v>-115069.469767441</v>
      </c>
      <c r="BW1281" s="53">
        <v>-115069.469767441</v>
      </c>
      <c r="BX1281" s="53">
        <v>-115069.469767441</v>
      </c>
      <c r="BY1281" s="53">
        <v>-115069.469767441</v>
      </c>
      <c r="BZ1281" s="53">
        <v>-115069.469767441</v>
      </c>
      <c r="CA1281" s="53">
        <v>-1380833.6372093</v>
      </c>
      <c r="CB1281" s="53"/>
      <c r="CC1281" s="53"/>
      <c r="CD1281" s="53"/>
      <c r="CE1281" s="53"/>
      <c r="CF1281" s="53"/>
      <c r="CG1281" s="53"/>
      <c r="CH1281" s="53"/>
      <c r="CI1281" s="53"/>
      <c r="CJ1281" s="53"/>
      <c r="CK1281" s="53"/>
      <c r="CL1281" s="53"/>
      <c r="CM1281" s="53"/>
      <c r="CN1281" s="53"/>
    </row>
    <row r="1282" spans="1:92" outlineLevel="1">
      <c r="A1282" s="52" t="s">
        <v>735</v>
      </c>
      <c r="B1282" s="53"/>
      <c r="C1282" s="53"/>
      <c r="D1282" s="53"/>
      <c r="E1282" s="53"/>
      <c r="F1282" s="53"/>
      <c r="G1282" s="53"/>
      <c r="H1282" s="53"/>
      <c r="I1282" s="53"/>
      <c r="J1282" s="53"/>
      <c r="K1282" s="53"/>
      <c r="L1282" s="53"/>
      <c r="M1282" s="53"/>
      <c r="N1282" s="53"/>
      <c r="O1282" s="53"/>
      <c r="P1282" s="53"/>
      <c r="Q1282" s="53"/>
      <c r="R1282" s="53"/>
      <c r="S1282" s="53"/>
      <c r="T1282" s="53"/>
      <c r="U1282" s="53"/>
      <c r="V1282" s="53"/>
      <c r="W1282" s="53"/>
      <c r="X1282" s="53"/>
      <c r="Y1282" s="53"/>
      <c r="Z1282" s="53"/>
      <c r="AA1282" s="53"/>
      <c r="AB1282" s="53"/>
      <c r="AC1282" s="53"/>
      <c r="AD1282" s="53"/>
      <c r="AE1282" s="53"/>
      <c r="AF1282" s="53"/>
      <c r="AG1282" s="53"/>
      <c r="AH1282" s="53"/>
      <c r="AI1282" s="53"/>
      <c r="AJ1282" s="53"/>
      <c r="AK1282" s="53"/>
      <c r="AL1282" s="53"/>
      <c r="AM1282" s="53"/>
      <c r="AN1282" s="53"/>
      <c r="AO1282" s="53"/>
      <c r="AP1282" s="53"/>
      <c r="AQ1282" s="53"/>
      <c r="AR1282" s="53"/>
      <c r="AS1282" s="53"/>
      <c r="AT1282" s="53"/>
      <c r="AU1282" s="53"/>
      <c r="AV1282" s="53"/>
      <c r="AW1282" s="53"/>
      <c r="AX1282" s="53"/>
      <c r="AY1282" s="53"/>
      <c r="AZ1282" s="53"/>
      <c r="BA1282" s="53"/>
      <c r="BB1282" s="53"/>
      <c r="BC1282" s="53"/>
      <c r="BD1282" s="53"/>
      <c r="BE1282" s="53"/>
      <c r="BF1282" s="53"/>
      <c r="BG1282" s="53"/>
      <c r="BH1282" s="53"/>
      <c r="BI1282" s="53"/>
      <c r="BJ1282" s="53"/>
      <c r="BK1282" s="53"/>
      <c r="BL1282" s="53"/>
      <c r="BM1282" s="53"/>
      <c r="BN1282" s="53"/>
      <c r="BO1282" s="53"/>
      <c r="BP1282" s="53"/>
      <c r="BQ1282" s="53"/>
      <c r="BR1282" s="53"/>
      <c r="BS1282" s="53"/>
      <c r="BT1282" s="53"/>
      <c r="BU1282" s="53"/>
      <c r="BV1282" s="53"/>
      <c r="BW1282" s="53"/>
      <c r="BX1282" s="53"/>
      <c r="BY1282" s="53"/>
      <c r="BZ1282" s="53"/>
      <c r="CA1282" s="53"/>
      <c r="CB1282" s="53"/>
      <c r="CC1282" s="53"/>
      <c r="CD1282" s="53"/>
      <c r="CE1282" s="53"/>
      <c r="CF1282" s="53"/>
      <c r="CG1282" s="53"/>
      <c r="CH1282" s="53"/>
      <c r="CI1282" s="53"/>
      <c r="CJ1282" s="53"/>
      <c r="CK1282" s="53"/>
      <c r="CL1282" s="53"/>
      <c r="CM1282" s="53"/>
      <c r="CN1282" s="53"/>
    </row>
    <row r="1283" spans="1:92" outlineLevel="1">
      <c r="A1283" s="52" t="s">
        <v>736</v>
      </c>
      <c r="B1283" s="53"/>
      <c r="C1283" s="53"/>
      <c r="D1283" s="53"/>
      <c r="E1283" s="53"/>
      <c r="F1283" s="53"/>
      <c r="G1283" s="53"/>
      <c r="H1283" s="53"/>
      <c r="I1283" s="53"/>
      <c r="J1283" s="53"/>
      <c r="K1283" s="53"/>
      <c r="L1283" s="53"/>
      <c r="M1283" s="53"/>
      <c r="N1283" s="53"/>
      <c r="O1283" s="53"/>
      <c r="P1283" s="53"/>
      <c r="Q1283" s="53"/>
      <c r="R1283" s="53"/>
      <c r="S1283" s="53"/>
      <c r="T1283" s="53"/>
      <c r="U1283" s="53"/>
      <c r="V1283" s="53"/>
      <c r="W1283" s="53"/>
      <c r="X1283" s="53"/>
      <c r="Y1283" s="53"/>
      <c r="Z1283" s="53"/>
      <c r="AA1283" s="53"/>
      <c r="AB1283" s="53"/>
      <c r="AC1283" s="53"/>
      <c r="AD1283" s="53"/>
      <c r="AE1283" s="53"/>
      <c r="AF1283" s="53"/>
      <c r="AG1283" s="53"/>
      <c r="AH1283" s="53"/>
      <c r="AI1283" s="53"/>
      <c r="AJ1283" s="53"/>
      <c r="AK1283" s="53"/>
      <c r="AL1283" s="53"/>
      <c r="AM1283" s="53"/>
      <c r="AN1283" s="53"/>
      <c r="AO1283" s="53"/>
      <c r="AP1283" s="53"/>
      <c r="AQ1283" s="53"/>
      <c r="AR1283" s="53"/>
      <c r="AS1283" s="53"/>
      <c r="AT1283" s="53"/>
      <c r="AU1283" s="53"/>
      <c r="AV1283" s="53"/>
      <c r="AW1283" s="53"/>
      <c r="AX1283" s="53"/>
      <c r="AY1283" s="53"/>
      <c r="AZ1283" s="53"/>
      <c r="BA1283" s="53"/>
      <c r="BB1283" s="53"/>
      <c r="BC1283" s="53"/>
      <c r="BD1283" s="53"/>
      <c r="BE1283" s="53"/>
      <c r="BF1283" s="53"/>
      <c r="BG1283" s="53"/>
      <c r="BH1283" s="53"/>
      <c r="BI1283" s="53"/>
      <c r="BJ1283" s="53"/>
      <c r="BK1283" s="53"/>
      <c r="BL1283" s="53"/>
      <c r="BM1283" s="53"/>
      <c r="BN1283" s="53"/>
      <c r="BO1283" s="53"/>
      <c r="BP1283" s="53"/>
      <c r="BQ1283" s="53"/>
      <c r="BR1283" s="53"/>
      <c r="BS1283" s="53"/>
      <c r="BT1283" s="53"/>
      <c r="BU1283" s="53"/>
      <c r="BV1283" s="53"/>
      <c r="BW1283" s="53"/>
      <c r="BX1283" s="53"/>
      <c r="BY1283" s="53"/>
      <c r="BZ1283" s="53"/>
      <c r="CA1283" s="53"/>
      <c r="CB1283" s="53"/>
      <c r="CC1283" s="53"/>
      <c r="CD1283" s="53"/>
      <c r="CE1283" s="53"/>
      <c r="CF1283" s="53"/>
      <c r="CG1283" s="53"/>
      <c r="CH1283" s="53"/>
      <c r="CI1283" s="53"/>
      <c r="CJ1283" s="53"/>
      <c r="CK1283" s="53"/>
      <c r="CL1283" s="53"/>
      <c r="CM1283" s="53"/>
      <c r="CN1283" s="53"/>
    </row>
    <row r="1284" spans="1:92" outlineLevel="1">
      <c r="A1284" s="52" t="s">
        <v>737</v>
      </c>
      <c r="B1284" s="53">
        <v>-8902.2999999999993</v>
      </c>
      <c r="C1284" s="53">
        <v>-8902.3050847457598</v>
      </c>
      <c r="D1284" s="53">
        <v>-8902.2931034482699</v>
      </c>
      <c r="E1284" s="53">
        <v>-8902.2982456140307</v>
      </c>
      <c r="F1284" s="53">
        <v>-8902.3035714285706</v>
      </c>
      <c r="G1284" s="53">
        <v>-8902.3090909090897</v>
      </c>
      <c r="H1284" s="53">
        <v>-8902.2962962962902</v>
      </c>
      <c r="I1284" s="53">
        <v>-8902.3018867924493</v>
      </c>
      <c r="J1284" s="53">
        <v>-8902.3076923076896</v>
      </c>
      <c r="K1284" s="53">
        <v>-8902.2941176470504</v>
      </c>
      <c r="L1284" s="53">
        <v>-8902.2999999999993</v>
      </c>
      <c r="M1284" s="53">
        <v>-8902.3061224489793</v>
      </c>
      <c r="N1284" s="53">
        <v>-106827.615211638</v>
      </c>
      <c r="O1284" s="53">
        <v>-8902.2916666666606</v>
      </c>
      <c r="P1284" s="53">
        <v>-8902.2916666666606</v>
      </c>
      <c r="Q1284" s="53">
        <v>-8902.2916666666606</v>
      </c>
      <c r="R1284" s="53">
        <v>-8902.2916666666606</v>
      </c>
      <c r="S1284" s="53">
        <v>-8902.2916666666606</v>
      </c>
      <c r="T1284" s="53">
        <v>-8902.2916666666606</v>
      </c>
      <c r="U1284" s="53">
        <v>-8902.2916666666606</v>
      </c>
      <c r="V1284" s="53">
        <v>-8902.2916666666606</v>
      </c>
      <c r="W1284" s="53">
        <v>-8902.2916666666606</v>
      </c>
      <c r="X1284" s="53">
        <v>-8902.2916666666606</v>
      </c>
      <c r="Y1284" s="53">
        <v>-8902.2916666666606</v>
      </c>
      <c r="Z1284" s="53">
        <v>-8902.2916666666697</v>
      </c>
      <c r="AA1284" s="53">
        <v>-106827.5</v>
      </c>
      <c r="AB1284" s="53">
        <v>-8902.2916666666697</v>
      </c>
      <c r="AC1284" s="53">
        <v>-8902.2916666666697</v>
      </c>
      <c r="AD1284" s="53">
        <v>-8902.2916666666697</v>
      </c>
      <c r="AE1284" s="53">
        <v>-8902.2916666666697</v>
      </c>
      <c r="AF1284" s="53">
        <v>-8902.2916666666697</v>
      </c>
      <c r="AG1284" s="53">
        <v>-8902.2916666666697</v>
      </c>
      <c r="AH1284" s="53">
        <v>-8902.2916666666697</v>
      </c>
      <c r="AI1284" s="53">
        <v>-8902.2916666666697</v>
      </c>
      <c r="AJ1284" s="53">
        <v>-8902.2916666666697</v>
      </c>
      <c r="AK1284" s="53">
        <v>-8902.2916666666697</v>
      </c>
      <c r="AL1284" s="53">
        <v>-8902.2916666666697</v>
      </c>
      <c r="AM1284" s="53">
        <v>-8902.2916666666697</v>
      </c>
      <c r="AN1284" s="53">
        <v>-106827.5</v>
      </c>
      <c r="AO1284" s="53">
        <v>-8902.2916666666697</v>
      </c>
      <c r="AP1284" s="53">
        <v>-8902.2916666666697</v>
      </c>
      <c r="AQ1284" s="53">
        <v>-8902.2916666666697</v>
      </c>
      <c r="AR1284" s="53">
        <v>-8902.2916666666697</v>
      </c>
      <c r="AS1284" s="53">
        <v>-8902.2916666666697</v>
      </c>
      <c r="AT1284" s="53">
        <v>-8902.2916666666697</v>
      </c>
      <c r="AU1284" s="53">
        <v>-8902.2916666666697</v>
      </c>
      <c r="AV1284" s="53">
        <v>-8902.2916666666697</v>
      </c>
      <c r="AW1284" s="53">
        <v>-8902.2916666666697</v>
      </c>
      <c r="AX1284" s="53">
        <v>-8902.2916666666697</v>
      </c>
      <c r="AY1284" s="53">
        <v>-8902.2916666666697</v>
      </c>
      <c r="AZ1284" s="53">
        <v>-8902.2916666666697</v>
      </c>
      <c r="BA1284" s="53">
        <v>-106827.5</v>
      </c>
      <c r="BB1284" s="53">
        <v>-8902.2916666666697</v>
      </c>
      <c r="BC1284" s="53">
        <v>-8902.2916666666697</v>
      </c>
      <c r="BD1284" s="53">
        <v>-8902.2916666666697</v>
      </c>
      <c r="BE1284" s="53">
        <v>-8902.2916666666697</v>
      </c>
      <c r="BF1284" s="53">
        <v>-8902.2916666666697</v>
      </c>
      <c r="BG1284" s="53">
        <v>-8902.2916666666697</v>
      </c>
      <c r="BH1284" s="53">
        <v>-8902.2916666666697</v>
      </c>
      <c r="BI1284" s="53">
        <v>-8902.2916666666697</v>
      </c>
      <c r="BJ1284" s="53">
        <v>-8902.2916666666697</v>
      </c>
      <c r="BK1284" s="53">
        <v>-8902.2916666666697</v>
      </c>
      <c r="BL1284" s="53">
        <v>-8902.2916666666697</v>
      </c>
      <c r="BM1284" s="53">
        <v>-8902.2916666666697</v>
      </c>
      <c r="BN1284" s="53">
        <v>-106827.5</v>
      </c>
      <c r="BO1284" s="53"/>
      <c r="BP1284" s="53"/>
      <c r="BQ1284" s="53"/>
      <c r="BR1284" s="53"/>
      <c r="BS1284" s="53"/>
      <c r="BT1284" s="53"/>
      <c r="BU1284" s="53"/>
      <c r="BV1284" s="53"/>
      <c r="BW1284" s="53"/>
      <c r="BX1284" s="53"/>
      <c r="BY1284" s="53"/>
      <c r="BZ1284" s="53"/>
      <c r="CA1284" s="53"/>
      <c r="CB1284" s="53">
        <v>-545945.02617801004</v>
      </c>
      <c r="CC1284" s="53">
        <v>-545945.02617801004</v>
      </c>
      <c r="CD1284" s="53">
        <v>-545945.02617801004</v>
      </c>
      <c r="CE1284" s="53">
        <v>-545945.02617801004</v>
      </c>
      <c r="CF1284" s="53">
        <v>-545945.02617801004</v>
      </c>
      <c r="CG1284" s="53">
        <v>-545945.02617801004</v>
      </c>
      <c r="CH1284" s="53">
        <v>-545945.02617801004</v>
      </c>
      <c r="CI1284" s="53">
        <v>-545945.02617801004</v>
      </c>
      <c r="CJ1284" s="53">
        <v>-545945.02617801004</v>
      </c>
      <c r="CK1284" s="53">
        <v>-545945.02617801004</v>
      </c>
      <c r="CL1284" s="53">
        <v>-545945.02617801004</v>
      </c>
      <c r="CM1284" s="53">
        <v>-545945.02617801004</v>
      </c>
      <c r="CN1284" s="53">
        <v>-6551340.3141361196</v>
      </c>
    </row>
    <row r="1285" spans="1:92" outlineLevel="1">
      <c r="A1285" s="52" t="s">
        <v>741</v>
      </c>
      <c r="B1285" s="53"/>
      <c r="C1285" s="53"/>
      <c r="D1285" s="53"/>
      <c r="E1285" s="53"/>
      <c r="F1285" s="53"/>
      <c r="G1285" s="53"/>
      <c r="H1285" s="53"/>
      <c r="I1285" s="53"/>
      <c r="J1285" s="53"/>
      <c r="K1285" s="53"/>
      <c r="L1285" s="53"/>
      <c r="M1285" s="53"/>
      <c r="N1285" s="53"/>
      <c r="O1285" s="53"/>
      <c r="P1285" s="53"/>
      <c r="Q1285" s="53"/>
      <c r="R1285" s="53"/>
      <c r="S1285" s="53"/>
      <c r="T1285" s="53"/>
      <c r="U1285" s="53"/>
      <c r="V1285" s="53"/>
      <c r="W1285" s="53"/>
      <c r="X1285" s="53"/>
      <c r="Y1285" s="53"/>
      <c r="Z1285" s="53"/>
      <c r="AA1285" s="53"/>
      <c r="AB1285" s="53"/>
      <c r="AC1285" s="53"/>
      <c r="AD1285" s="53"/>
      <c r="AE1285" s="53"/>
      <c r="AF1285" s="53"/>
      <c r="AG1285" s="53"/>
      <c r="AH1285" s="53"/>
      <c r="AI1285" s="53"/>
      <c r="AJ1285" s="53"/>
      <c r="AK1285" s="53"/>
      <c r="AL1285" s="53"/>
      <c r="AM1285" s="53"/>
      <c r="AN1285" s="53"/>
      <c r="AO1285" s="53"/>
      <c r="AP1285" s="53"/>
      <c r="AQ1285" s="53"/>
      <c r="AR1285" s="53"/>
      <c r="AS1285" s="53"/>
      <c r="AT1285" s="53"/>
      <c r="AU1285" s="53"/>
      <c r="AV1285" s="53"/>
      <c r="AW1285" s="53"/>
      <c r="AX1285" s="53"/>
      <c r="AY1285" s="53"/>
      <c r="AZ1285" s="53"/>
      <c r="BA1285" s="53"/>
      <c r="BB1285" s="53"/>
      <c r="BC1285" s="53"/>
      <c r="BD1285" s="53"/>
      <c r="BE1285" s="53"/>
      <c r="BF1285" s="53"/>
      <c r="BG1285" s="53"/>
      <c r="BH1285" s="53"/>
      <c r="BI1285" s="53"/>
      <c r="BJ1285" s="53"/>
      <c r="BK1285" s="53"/>
      <c r="BL1285" s="53"/>
      <c r="BM1285" s="53"/>
      <c r="BN1285" s="53"/>
      <c r="BO1285" s="53"/>
      <c r="BP1285" s="53"/>
      <c r="BQ1285" s="53"/>
      <c r="BR1285" s="53"/>
      <c r="BS1285" s="53"/>
      <c r="BT1285" s="53"/>
      <c r="BU1285" s="53"/>
      <c r="BV1285" s="53"/>
      <c r="BW1285" s="53"/>
      <c r="BX1285" s="53"/>
      <c r="BY1285" s="53"/>
      <c r="BZ1285" s="53"/>
      <c r="CA1285" s="53"/>
      <c r="CB1285" s="53"/>
      <c r="CC1285" s="53"/>
      <c r="CD1285" s="53"/>
      <c r="CE1285" s="53"/>
      <c r="CF1285" s="53"/>
      <c r="CG1285" s="53"/>
      <c r="CH1285" s="53"/>
      <c r="CI1285" s="53"/>
      <c r="CJ1285" s="53"/>
      <c r="CK1285" s="53"/>
      <c r="CL1285" s="53"/>
      <c r="CM1285" s="53"/>
      <c r="CN1285" s="53"/>
    </row>
    <row r="1286" spans="1:92" outlineLevel="1">
      <c r="A1286" s="52" t="s">
        <v>742</v>
      </c>
      <c r="B1286" s="53"/>
      <c r="C1286" s="53"/>
      <c r="D1286" s="53"/>
      <c r="E1286" s="53"/>
      <c r="F1286" s="53"/>
      <c r="G1286" s="53"/>
      <c r="H1286" s="53"/>
      <c r="I1286" s="53"/>
      <c r="J1286" s="53"/>
      <c r="K1286" s="53"/>
      <c r="L1286" s="53"/>
      <c r="M1286" s="53"/>
      <c r="N1286" s="53"/>
      <c r="O1286" s="53"/>
      <c r="P1286" s="53"/>
      <c r="Q1286" s="53"/>
      <c r="R1286" s="53"/>
      <c r="S1286" s="53"/>
      <c r="T1286" s="53"/>
      <c r="U1286" s="53"/>
      <c r="V1286" s="53"/>
      <c r="W1286" s="53"/>
      <c r="X1286" s="53"/>
      <c r="Y1286" s="53"/>
      <c r="Z1286" s="53"/>
      <c r="AA1286" s="53"/>
      <c r="AB1286" s="53"/>
      <c r="AC1286" s="53"/>
      <c r="AD1286" s="53"/>
      <c r="AE1286" s="53"/>
      <c r="AF1286" s="53"/>
      <c r="AG1286" s="53"/>
      <c r="AH1286" s="53"/>
      <c r="AI1286" s="53"/>
      <c r="AJ1286" s="53"/>
      <c r="AK1286" s="53"/>
      <c r="AL1286" s="53"/>
      <c r="AM1286" s="53"/>
      <c r="AN1286" s="53"/>
      <c r="AO1286" s="53"/>
      <c r="AP1286" s="53"/>
      <c r="AQ1286" s="53"/>
      <c r="AR1286" s="53"/>
      <c r="AS1286" s="53"/>
      <c r="AT1286" s="53"/>
      <c r="AU1286" s="53"/>
      <c r="AV1286" s="53"/>
      <c r="AW1286" s="53"/>
      <c r="AX1286" s="53"/>
      <c r="AY1286" s="53"/>
      <c r="AZ1286" s="53"/>
      <c r="BA1286" s="53"/>
      <c r="BB1286" s="53"/>
      <c r="BC1286" s="53"/>
      <c r="BD1286" s="53"/>
      <c r="BE1286" s="53"/>
      <c r="BF1286" s="53"/>
      <c r="BG1286" s="53"/>
      <c r="BH1286" s="53"/>
      <c r="BI1286" s="53"/>
      <c r="BJ1286" s="53"/>
      <c r="BK1286" s="53"/>
      <c r="BL1286" s="53"/>
      <c r="BM1286" s="53"/>
      <c r="BN1286" s="53"/>
      <c r="BO1286" s="53"/>
      <c r="BP1286" s="53"/>
      <c r="BQ1286" s="53"/>
      <c r="BR1286" s="53"/>
      <c r="BS1286" s="53"/>
      <c r="BT1286" s="53"/>
      <c r="BU1286" s="53"/>
      <c r="BV1286" s="53"/>
      <c r="BW1286" s="53"/>
      <c r="BX1286" s="53"/>
      <c r="BY1286" s="53"/>
      <c r="BZ1286" s="53"/>
      <c r="CA1286" s="53"/>
      <c r="CB1286" s="53"/>
      <c r="CC1286" s="53"/>
      <c r="CD1286" s="53"/>
      <c r="CE1286" s="53"/>
      <c r="CF1286" s="53"/>
      <c r="CG1286" s="53"/>
      <c r="CH1286" s="53"/>
      <c r="CI1286" s="53"/>
      <c r="CJ1286" s="53"/>
      <c r="CK1286" s="53"/>
      <c r="CL1286" s="53"/>
      <c r="CM1286" s="53"/>
      <c r="CN1286" s="53"/>
    </row>
    <row r="1287" spans="1:92" outlineLevel="1">
      <c r="A1287" s="52" t="s">
        <v>649</v>
      </c>
      <c r="B1287" s="53">
        <v>-47000</v>
      </c>
      <c r="C1287" s="53">
        <v>-47000</v>
      </c>
      <c r="D1287" s="53">
        <v>-47000</v>
      </c>
      <c r="E1287" s="53">
        <v>-47000</v>
      </c>
      <c r="F1287" s="53">
        <v>-47000</v>
      </c>
      <c r="G1287" s="53">
        <v>-47000</v>
      </c>
      <c r="H1287" s="53">
        <v>-47000</v>
      </c>
      <c r="I1287" s="53">
        <v>-47000</v>
      </c>
      <c r="J1287" s="53">
        <v>-47000</v>
      </c>
      <c r="K1287" s="53">
        <v>-47000</v>
      </c>
      <c r="L1287" s="53">
        <v>-47000</v>
      </c>
      <c r="M1287" s="53">
        <v>-47000</v>
      </c>
      <c r="N1287" s="53">
        <v>-564000</v>
      </c>
      <c r="O1287" s="53">
        <v>-47000</v>
      </c>
      <c r="P1287" s="53">
        <v>-47000</v>
      </c>
      <c r="Q1287" s="53">
        <v>-47000</v>
      </c>
      <c r="R1287" s="53">
        <v>-57648.148148148102</v>
      </c>
      <c r="S1287" s="53">
        <v>-57648.148148148102</v>
      </c>
      <c r="T1287" s="53">
        <v>-57648.148148148102</v>
      </c>
      <c r="U1287" s="53">
        <v>-57648.148148148102</v>
      </c>
      <c r="V1287" s="53">
        <v>-57648.148148148102</v>
      </c>
      <c r="W1287" s="53">
        <v>-57648.148148148102</v>
      </c>
      <c r="X1287" s="53">
        <v>-57648.148148148102</v>
      </c>
      <c r="Y1287" s="53">
        <v>-57648.148148148102</v>
      </c>
      <c r="Z1287" s="53">
        <v>-57648.148148148102</v>
      </c>
      <c r="AA1287" s="53">
        <v>-659833.33333333302</v>
      </c>
      <c r="AB1287" s="53">
        <v>-57648.148148148102</v>
      </c>
      <c r="AC1287" s="53">
        <v>-57648.148148148102</v>
      </c>
      <c r="AD1287" s="53">
        <v>-57648.148148148102</v>
      </c>
      <c r="AE1287" s="53">
        <v>-68296.296296296307</v>
      </c>
      <c r="AF1287" s="53">
        <v>-68296.296296296307</v>
      </c>
      <c r="AG1287" s="53">
        <v>-68296.296296296307</v>
      </c>
      <c r="AH1287" s="53">
        <v>-68296.296296296307</v>
      </c>
      <c r="AI1287" s="53">
        <v>-68296.296296296307</v>
      </c>
      <c r="AJ1287" s="53">
        <v>-68296.296296296307</v>
      </c>
      <c r="AK1287" s="53">
        <v>-68296.296296296307</v>
      </c>
      <c r="AL1287" s="53">
        <v>-68296.296296296307</v>
      </c>
      <c r="AM1287" s="53">
        <v>-68296.296296296307</v>
      </c>
      <c r="AN1287" s="53">
        <v>-787611.11111111101</v>
      </c>
      <c r="AO1287" s="53">
        <v>-68296.296296296307</v>
      </c>
      <c r="AP1287" s="53">
        <v>-68296.296296296307</v>
      </c>
      <c r="AQ1287" s="53">
        <v>-68296.296296296307</v>
      </c>
      <c r="AR1287" s="53">
        <v>-78944.444444444394</v>
      </c>
      <c r="AS1287" s="53">
        <v>-78944.444444444394</v>
      </c>
      <c r="AT1287" s="53">
        <v>-78944.444444444394</v>
      </c>
      <c r="AU1287" s="53">
        <v>-78944.444444444394</v>
      </c>
      <c r="AV1287" s="53">
        <v>-78944.444444444394</v>
      </c>
      <c r="AW1287" s="53">
        <v>-78944.444444444394</v>
      </c>
      <c r="AX1287" s="53">
        <v>-78944.444444444394</v>
      </c>
      <c r="AY1287" s="53">
        <v>-78944.444444444394</v>
      </c>
      <c r="AZ1287" s="53">
        <v>-78944.444444444394</v>
      </c>
      <c r="BA1287" s="53">
        <v>-915388.88888888794</v>
      </c>
      <c r="BB1287" s="53">
        <v>-78944.444444444394</v>
      </c>
      <c r="BC1287" s="53">
        <v>-78944.444444444394</v>
      </c>
      <c r="BD1287" s="53">
        <v>-78944.444444444394</v>
      </c>
      <c r="BE1287" s="53">
        <v>-89592.592592592599</v>
      </c>
      <c r="BF1287" s="53">
        <v>-89592.592592592599</v>
      </c>
      <c r="BG1287" s="53">
        <v>-89592.592592592599</v>
      </c>
      <c r="BH1287" s="53">
        <v>-89592.592592592599</v>
      </c>
      <c r="BI1287" s="53">
        <v>-89592.592592592599</v>
      </c>
      <c r="BJ1287" s="53">
        <v>-89592.592592592599</v>
      </c>
      <c r="BK1287" s="53">
        <v>-89592.592592592599</v>
      </c>
      <c r="BL1287" s="53">
        <v>-89592.592592592599</v>
      </c>
      <c r="BM1287" s="53">
        <v>-89592.592592592599</v>
      </c>
      <c r="BN1287" s="53">
        <v>-1043166.66666666</v>
      </c>
      <c r="BO1287" s="53">
        <v>-89592.592592592599</v>
      </c>
      <c r="BP1287" s="53">
        <v>-89592.592592592599</v>
      </c>
      <c r="BQ1287" s="53">
        <v>-89592.592592592599</v>
      </c>
      <c r="BR1287" s="53">
        <v>-100240.74074074101</v>
      </c>
      <c r="BS1287" s="53">
        <v>-100240.74074074101</v>
      </c>
      <c r="BT1287" s="53">
        <v>-100240.74074074101</v>
      </c>
      <c r="BU1287" s="53">
        <v>-53240.740740740701</v>
      </c>
      <c r="BV1287" s="53">
        <v>-53240.740740740701</v>
      </c>
      <c r="BW1287" s="53">
        <v>-53240.740740740701</v>
      </c>
      <c r="BX1287" s="53">
        <v>-53240.740740740701</v>
      </c>
      <c r="BY1287" s="53">
        <v>-53240.740740740701</v>
      </c>
      <c r="BZ1287" s="53">
        <v>-53240.740740740701</v>
      </c>
      <c r="CA1287" s="53">
        <v>-888944.44444444403</v>
      </c>
      <c r="CB1287" s="53">
        <v>-74166.666666666701</v>
      </c>
      <c r="CC1287" s="53">
        <v>-74166.666666666701</v>
      </c>
      <c r="CD1287" s="53">
        <v>-74166.666666666701</v>
      </c>
      <c r="CE1287" s="53">
        <v>-36458.333333333299</v>
      </c>
      <c r="CF1287" s="53">
        <v>-36458.333333333299</v>
      </c>
      <c r="CG1287" s="53">
        <v>-36458.333333333299</v>
      </c>
      <c r="CH1287" s="53">
        <v>-36458.333333333299</v>
      </c>
      <c r="CI1287" s="53">
        <v>-36458.333333333299</v>
      </c>
      <c r="CJ1287" s="53">
        <v>-36458.333333333299</v>
      </c>
      <c r="CK1287" s="53">
        <v>-36458.333333333299</v>
      </c>
      <c r="CL1287" s="53">
        <v>-36458.333333333299</v>
      </c>
      <c r="CM1287" s="53">
        <v>-36458.333333333299</v>
      </c>
      <c r="CN1287" s="53">
        <v>-550624.99999999895</v>
      </c>
    </row>
    <row r="1288" spans="1:92" outlineLevel="1">
      <c r="A1288" s="52" t="s">
        <v>744</v>
      </c>
      <c r="B1288" s="53"/>
      <c r="C1288" s="53"/>
      <c r="D1288" s="53"/>
      <c r="E1288" s="53"/>
      <c r="F1288" s="53"/>
      <c r="G1288" s="53"/>
      <c r="H1288" s="53"/>
      <c r="I1288" s="53"/>
      <c r="J1288" s="53"/>
      <c r="K1288" s="53"/>
      <c r="L1288" s="53"/>
      <c r="M1288" s="53"/>
      <c r="N1288" s="53"/>
      <c r="O1288" s="53"/>
      <c r="P1288" s="53"/>
      <c r="Q1288" s="53"/>
      <c r="R1288" s="53"/>
      <c r="S1288" s="53"/>
      <c r="T1288" s="53"/>
      <c r="U1288" s="53"/>
      <c r="V1288" s="53"/>
      <c r="W1288" s="53"/>
      <c r="X1288" s="53"/>
      <c r="Y1288" s="53"/>
      <c r="Z1288" s="53"/>
      <c r="AA1288" s="53"/>
      <c r="AB1288" s="53"/>
      <c r="AC1288" s="53"/>
      <c r="AD1288" s="53"/>
      <c r="AE1288" s="53"/>
      <c r="AF1288" s="53"/>
      <c r="AG1288" s="53"/>
      <c r="AH1288" s="53"/>
      <c r="AI1288" s="53"/>
      <c r="AJ1288" s="53"/>
      <c r="AK1288" s="53"/>
      <c r="AL1288" s="53"/>
      <c r="AM1288" s="53"/>
      <c r="AN1288" s="53"/>
      <c r="AO1288" s="53"/>
      <c r="AP1288" s="53"/>
      <c r="AQ1288" s="53"/>
      <c r="AR1288" s="53"/>
      <c r="AS1288" s="53"/>
      <c r="AT1288" s="53"/>
      <c r="AU1288" s="53"/>
      <c r="AV1288" s="53"/>
      <c r="AW1288" s="53"/>
      <c r="AX1288" s="53"/>
      <c r="AY1288" s="53"/>
      <c r="AZ1288" s="53"/>
      <c r="BA1288" s="53"/>
      <c r="BB1288" s="53"/>
      <c r="BC1288" s="53"/>
      <c r="BD1288" s="53"/>
      <c r="BE1288" s="53"/>
      <c r="BF1288" s="53"/>
      <c r="BG1288" s="53"/>
      <c r="BH1288" s="53"/>
      <c r="BI1288" s="53"/>
      <c r="BJ1288" s="53"/>
      <c r="BK1288" s="53"/>
      <c r="BL1288" s="53"/>
      <c r="BM1288" s="53"/>
      <c r="BN1288" s="53"/>
      <c r="BO1288" s="53"/>
      <c r="BP1288" s="53"/>
      <c r="BQ1288" s="53"/>
      <c r="BR1288" s="53"/>
      <c r="BS1288" s="53"/>
      <c r="BT1288" s="53"/>
      <c r="BU1288" s="53"/>
      <c r="BV1288" s="53"/>
      <c r="BW1288" s="53"/>
      <c r="BX1288" s="53"/>
      <c r="BY1288" s="53"/>
      <c r="BZ1288" s="53"/>
      <c r="CA1288" s="53"/>
      <c r="CB1288" s="53"/>
      <c r="CC1288" s="53"/>
      <c r="CD1288" s="53"/>
      <c r="CE1288" s="53"/>
      <c r="CF1288" s="53"/>
      <c r="CG1288" s="53"/>
      <c r="CH1288" s="53"/>
      <c r="CI1288" s="53"/>
      <c r="CJ1288" s="53"/>
      <c r="CK1288" s="53"/>
      <c r="CL1288" s="53"/>
      <c r="CM1288" s="53"/>
      <c r="CN1288" s="53"/>
    </row>
    <row r="1289" spans="1:92" outlineLevel="1">
      <c r="A1289" s="52" t="s">
        <v>649</v>
      </c>
      <c r="B1289" s="53">
        <v>-10885</v>
      </c>
      <c r="C1289" s="53">
        <v>-10885</v>
      </c>
      <c r="D1289" s="53">
        <v>-10885</v>
      </c>
      <c r="E1289" s="53">
        <v>-10885</v>
      </c>
      <c r="F1289" s="53">
        <v>-10885</v>
      </c>
      <c r="G1289" s="53">
        <v>-10885</v>
      </c>
      <c r="H1289" s="53">
        <v>-10885</v>
      </c>
      <c r="I1289" s="53">
        <v>-10885</v>
      </c>
      <c r="J1289" s="53">
        <v>-11196</v>
      </c>
      <c r="K1289" s="53">
        <v>-11196</v>
      </c>
      <c r="L1289" s="53">
        <v>-11196</v>
      </c>
      <c r="M1289" s="53">
        <v>-11196</v>
      </c>
      <c r="N1289" s="53">
        <v>-131864</v>
      </c>
      <c r="O1289" s="53">
        <v>-11196</v>
      </c>
      <c r="P1289" s="53">
        <v>-11196</v>
      </c>
      <c r="Q1289" s="53">
        <v>-11196</v>
      </c>
      <c r="R1289" s="53">
        <v>-11196</v>
      </c>
      <c r="S1289" s="53">
        <v>-11196</v>
      </c>
      <c r="T1289" s="53">
        <v>-11196</v>
      </c>
      <c r="U1289" s="53">
        <v>-11196</v>
      </c>
      <c r="V1289" s="53">
        <v>-11196</v>
      </c>
      <c r="W1289" s="53">
        <v>-11196</v>
      </c>
      <c r="X1289" s="53">
        <v>-11196</v>
      </c>
      <c r="Y1289" s="53">
        <v>-11196</v>
      </c>
      <c r="Z1289" s="53">
        <v>-11196</v>
      </c>
      <c r="AA1289" s="53">
        <v>-134352</v>
      </c>
      <c r="AB1289" s="53">
        <v>-11196</v>
      </c>
      <c r="AC1289" s="53">
        <v>-11196</v>
      </c>
      <c r="AD1289" s="53">
        <v>-11196</v>
      </c>
      <c r="AE1289" s="53">
        <v>-11196</v>
      </c>
      <c r="AF1289" s="53">
        <v>-11196</v>
      </c>
      <c r="AG1289" s="53">
        <v>-11196</v>
      </c>
      <c r="AH1289" s="53">
        <v>-11196</v>
      </c>
      <c r="AI1289" s="53">
        <v>-11196</v>
      </c>
      <c r="AJ1289" s="53">
        <v>-11196</v>
      </c>
      <c r="AK1289" s="53">
        <v>-11196</v>
      </c>
      <c r="AL1289" s="53">
        <v>-11196</v>
      </c>
      <c r="AM1289" s="53">
        <v>-11196</v>
      </c>
      <c r="AN1289" s="53">
        <v>-134352</v>
      </c>
      <c r="AO1289" s="53">
        <v>-11196</v>
      </c>
      <c r="AP1289" s="53">
        <v>-11196</v>
      </c>
      <c r="AQ1289" s="53">
        <v>-11196</v>
      </c>
      <c r="AR1289" s="53">
        <v>-11196</v>
      </c>
      <c r="AS1289" s="53">
        <v>-11196</v>
      </c>
      <c r="AT1289" s="53">
        <v>-11196</v>
      </c>
      <c r="AU1289" s="53">
        <v>-11196</v>
      </c>
      <c r="AV1289" s="53">
        <v>-11196</v>
      </c>
      <c r="AW1289" s="53">
        <v>-11196</v>
      </c>
      <c r="AX1289" s="53">
        <v>-11196</v>
      </c>
      <c r="AY1289" s="53">
        <v>-11196</v>
      </c>
      <c r="AZ1289" s="53">
        <v>-11196</v>
      </c>
      <c r="BA1289" s="53">
        <v>-134352</v>
      </c>
      <c r="BB1289" s="53">
        <v>-11196</v>
      </c>
      <c r="BC1289" s="53">
        <v>-11196</v>
      </c>
      <c r="BD1289" s="53">
        <v>-11196</v>
      </c>
      <c r="BE1289" s="53">
        <v>-11196</v>
      </c>
      <c r="BF1289" s="53">
        <v>-11196</v>
      </c>
      <c r="BG1289" s="53">
        <v>-11196</v>
      </c>
      <c r="BH1289" s="53">
        <v>-11196</v>
      </c>
      <c r="BI1289" s="53">
        <v>-11196</v>
      </c>
      <c r="BJ1289" s="53">
        <v>-11196</v>
      </c>
      <c r="BK1289" s="53">
        <v>-11196</v>
      </c>
      <c r="BL1289" s="53">
        <v>-11196</v>
      </c>
      <c r="BM1289" s="53">
        <v>-11196</v>
      </c>
      <c r="BN1289" s="53">
        <v>-134352</v>
      </c>
      <c r="BO1289" s="53">
        <v>-11196</v>
      </c>
      <c r="BP1289" s="53">
        <v>-11196</v>
      </c>
      <c r="BQ1289" s="53">
        <v>-11196</v>
      </c>
      <c r="BR1289" s="53">
        <v>-11196</v>
      </c>
      <c r="BS1289" s="53">
        <v>-11196</v>
      </c>
      <c r="BT1289" s="53">
        <v>-11196</v>
      </c>
      <c r="BU1289" s="53">
        <v>-11196</v>
      </c>
      <c r="BV1289" s="53">
        <v>-11196</v>
      </c>
      <c r="BW1289" s="53">
        <v>-11196</v>
      </c>
      <c r="BX1289" s="53">
        <v>-11196</v>
      </c>
      <c r="BY1289" s="53">
        <v>-11196</v>
      </c>
      <c r="BZ1289" s="53">
        <v>-11196</v>
      </c>
      <c r="CA1289" s="53">
        <v>-134352</v>
      </c>
      <c r="CB1289" s="53">
        <v>-10885</v>
      </c>
      <c r="CC1289" s="53">
        <v>-10885</v>
      </c>
      <c r="CD1289" s="53">
        <v>-10885</v>
      </c>
      <c r="CE1289" s="53">
        <v>-10885</v>
      </c>
      <c r="CF1289" s="53">
        <v>-10885</v>
      </c>
      <c r="CG1289" s="53">
        <v>-10885</v>
      </c>
      <c r="CH1289" s="53">
        <v>-10885</v>
      </c>
      <c r="CI1289" s="53">
        <v>-10885</v>
      </c>
      <c r="CJ1289" s="53">
        <v>-10885</v>
      </c>
      <c r="CK1289" s="53">
        <v>-10885</v>
      </c>
      <c r="CL1289" s="53">
        <v>-10885</v>
      </c>
      <c r="CM1289" s="53">
        <v>-10885</v>
      </c>
      <c r="CN1289" s="53">
        <v>-130620</v>
      </c>
    </row>
    <row r="1290" spans="1:92" outlineLevel="1">
      <c r="A1290" s="52" t="s">
        <v>650</v>
      </c>
      <c r="B1290" s="53"/>
      <c r="C1290" s="53"/>
      <c r="D1290" s="53"/>
      <c r="E1290" s="53"/>
      <c r="F1290" s="53"/>
      <c r="G1290" s="53"/>
      <c r="H1290" s="53"/>
      <c r="I1290" s="53"/>
      <c r="J1290" s="53"/>
      <c r="K1290" s="53"/>
      <c r="L1290" s="53"/>
      <c r="M1290" s="53"/>
      <c r="N1290" s="53"/>
      <c r="O1290" s="53"/>
      <c r="P1290" s="53"/>
      <c r="Q1290" s="53"/>
      <c r="R1290" s="53"/>
      <c r="S1290" s="53"/>
      <c r="T1290" s="53"/>
      <c r="U1290" s="53"/>
      <c r="V1290" s="53"/>
      <c r="W1290" s="53"/>
      <c r="X1290" s="53"/>
      <c r="Y1290" s="53"/>
      <c r="Z1290" s="53"/>
      <c r="AA1290" s="53"/>
      <c r="AB1290" s="53"/>
      <c r="AC1290" s="53"/>
      <c r="AD1290" s="53"/>
      <c r="AE1290" s="53"/>
      <c r="AF1290" s="53"/>
      <c r="AG1290" s="53"/>
      <c r="AH1290" s="53"/>
      <c r="AI1290" s="53"/>
      <c r="AJ1290" s="53"/>
      <c r="AK1290" s="53"/>
      <c r="AL1290" s="53"/>
      <c r="AM1290" s="53"/>
      <c r="AN1290" s="53"/>
      <c r="AO1290" s="53"/>
      <c r="AP1290" s="53"/>
      <c r="AQ1290" s="53"/>
      <c r="AR1290" s="53"/>
      <c r="AS1290" s="53"/>
      <c r="AT1290" s="53"/>
      <c r="AU1290" s="53"/>
      <c r="AV1290" s="53"/>
      <c r="AW1290" s="53"/>
      <c r="AX1290" s="53"/>
      <c r="AY1290" s="53"/>
      <c r="AZ1290" s="53"/>
      <c r="BA1290" s="53"/>
      <c r="BB1290" s="53"/>
      <c r="BC1290" s="53"/>
      <c r="BD1290" s="53"/>
      <c r="BE1290" s="53"/>
      <c r="BF1290" s="53"/>
      <c r="BG1290" s="53"/>
      <c r="BH1290" s="53"/>
      <c r="BI1290" s="53"/>
      <c r="BJ1290" s="53"/>
      <c r="BK1290" s="53"/>
      <c r="BL1290" s="53"/>
      <c r="BM1290" s="53"/>
      <c r="BN1290" s="53"/>
      <c r="BO1290" s="53"/>
      <c r="BP1290" s="53"/>
      <c r="BQ1290" s="53"/>
      <c r="BR1290" s="53"/>
      <c r="BS1290" s="53"/>
      <c r="BT1290" s="53"/>
      <c r="BU1290" s="53"/>
      <c r="BV1290" s="53"/>
      <c r="BW1290" s="53"/>
      <c r="BX1290" s="53"/>
      <c r="BY1290" s="53"/>
      <c r="BZ1290" s="53"/>
      <c r="CA1290" s="53"/>
      <c r="CB1290" s="53">
        <v>370601183.79147202</v>
      </c>
      <c r="CC1290" s="53">
        <v>369970187.09862798</v>
      </c>
      <c r="CD1290" s="53">
        <v>369776690.405783</v>
      </c>
      <c r="CE1290" s="53">
        <v>369520902.04627103</v>
      </c>
      <c r="CF1290" s="53">
        <v>368927613.68676001</v>
      </c>
      <c r="CG1290" s="53">
        <v>368334325.32724899</v>
      </c>
      <c r="CH1290" s="53">
        <v>367741036.96773702</v>
      </c>
      <c r="CI1290" s="53">
        <v>367147748.608226</v>
      </c>
      <c r="CJ1290" s="53">
        <v>366554460.24871498</v>
      </c>
      <c r="CK1290" s="53">
        <v>365961171.88920301</v>
      </c>
      <c r="CL1290" s="53">
        <v>365367883.52969199</v>
      </c>
      <c r="CM1290" s="53">
        <v>364774595.17018098</v>
      </c>
      <c r="CN1290" s="53">
        <v>364774595.17018098</v>
      </c>
    </row>
    <row r="1291" spans="1:92" outlineLevel="1">
      <c r="A1291" s="52" t="s">
        <v>1404</v>
      </c>
      <c r="B1291" s="53"/>
      <c r="C1291" s="53"/>
      <c r="D1291" s="53"/>
      <c r="E1291" s="53"/>
      <c r="F1291" s="53"/>
      <c r="G1291" s="53"/>
      <c r="H1291" s="53"/>
      <c r="I1291" s="53"/>
      <c r="J1291" s="53"/>
      <c r="K1291" s="53"/>
      <c r="L1291" s="53"/>
      <c r="M1291" s="53"/>
      <c r="N1291" s="53"/>
      <c r="O1291" s="53"/>
      <c r="P1291" s="53"/>
      <c r="Q1291" s="53"/>
      <c r="R1291" s="53"/>
      <c r="S1291" s="53"/>
      <c r="T1291" s="53"/>
      <c r="U1291" s="53"/>
      <c r="V1291" s="53"/>
      <c r="W1291" s="53"/>
      <c r="X1291" s="53"/>
      <c r="Y1291" s="53"/>
      <c r="Z1291" s="53"/>
      <c r="AA1291" s="53"/>
      <c r="AB1291" s="53"/>
      <c r="AC1291" s="53"/>
      <c r="AD1291" s="53"/>
      <c r="AE1291" s="53"/>
      <c r="AF1291" s="53"/>
      <c r="AG1291" s="53"/>
      <c r="AH1291" s="53"/>
      <c r="AI1291" s="53"/>
      <c r="AJ1291" s="53"/>
      <c r="AK1291" s="53"/>
      <c r="AL1291" s="53"/>
      <c r="AM1291" s="53"/>
      <c r="AN1291" s="53"/>
      <c r="AO1291" s="53"/>
      <c r="AP1291" s="53"/>
      <c r="AQ1291" s="53"/>
      <c r="AR1291" s="53"/>
      <c r="AS1291" s="53"/>
      <c r="AT1291" s="53"/>
      <c r="AU1291" s="53"/>
      <c r="AV1291" s="53"/>
      <c r="AW1291" s="53"/>
      <c r="AX1291" s="53"/>
      <c r="AY1291" s="53"/>
      <c r="AZ1291" s="53"/>
      <c r="BA1291" s="53"/>
      <c r="BB1291" s="53"/>
      <c r="BC1291" s="53"/>
      <c r="BD1291" s="53"/>
      <c r="BE1291" s="53"/>
      <c r="BF1291" s="53"/>
      <c r="BG1291" s="53"/>
      <c r="BH1291" s="53"/>
      <c r="BI1291" s="53"/>
      <c r="BJ1291" s="53"/>
      <c r="BK1291" s="53"/>
      <c r="BL1291" s="53"/>
      <c r="BM1291" s="53"/>
      <c r="BN1291" s="53"/>
      <c r="BO1291" s="53"/>
      <c r="BP1291" s="53"/>
      <c r="BQ1291" s="53"/>
      <c r="BR1291" s="53"/>
      <c r="BS1291" s="53"/>
      <c r="BT1291" s="53"/>
      <c r="BU1291" s="53"/>
      <c r="BV1291" s="53"/>
      <c r="BW1291" s="53"/>
      <c r="BX1291" s="53"/>
      <c r="BY1291" s="53"/>
      <c r="BZ1291" s="53"/>
      <c r="CA1291" s="53"/>
      <c r="CB1291" s="53">
        <v>875579402.29578495</v>
      </c>
      <c r="CC1291" s="53">
        <v>870224182.09810805</v>
      </c>
      <c r="CD1291" s="53">
        <v>863513307.82233202</v>
      </c>
      <c r="CE1291" s="53">
        <v>854353282.63756704</v>
      </c>
      <c r="CF1291" s="53">
        <v>838642943.51887703</v>
      </c>
      <c r="CG1291" s="53">
        <v>820356423.06774402</v>
      </c>
      <c r="CH1291" s="53">
        <v>799096257.68034995</v>
      </c>
      <c r="CI1291" s="53">
        <v>780062810.63636804</v>
      </c>
      <c r="CJ1291" s="53">
        <v>762069140.35475504</v>
      </c>
      <c r="CK1291" s="53">
        <v>744165747.24845505</v>
      </c>
      <c r="CL1291" s="53">
        <v>728692214.93903995</v>
      </c>
      <c r="CM1291" s="53">
        <v>719076410.98638797</v>
      </c>
      <c r="CN1291" s="53">
        <v>875579402.29578495</v>
      </c>
    </row>
    <row r="1292" spans="1:92" outlineLevel="1">
      <c r="A1292" s="52" t="s">
        <v>649</v>
      </c>
      <c r="B1292" s="53"/>
      <c r="C1292" s="53"/>
      <c r="D1292" s="53"/>
      <c r="E1292" s="53"/>
      <c r="F1292" s="53"/>
      <c r="G1292" s="53"/>
      <c r="H1292" s="53"/>
      <c r="I1292" s="53"/>
      <c r="J1292" s="53"/>
      <c r="K1292" s="53"/>
      <c r="L1292" s="53"/>
      <c r="M1292" s="53"/>
      <c r="N1292" s="53"/>
      <c r="O1292" s="53"/>
      <c r="P1292" s="53"/>
      <c r="Q1292" s="53"/>
      <c r="R1292" s="53">
        <v>1056106.7838025701</v>
      </c>
      <c r="S1292" s="53">
        <v>939504.95851226896</v>
      </c>
      <c r="T1292" s="53">
        <v>806225.79444331594</v>
      </c>
      <c r="U1292" s="53">
        <v>655766.38637625903</v>
      </c>
      <c r="V1292" s="53">
        <v>494810.67529495398</v>
      </c>
      <c r="W1292" s="53">
        <v>331686.88066475</v>
      </c>
      <c r="X1292" s="53">
        <v>177165.39238004401</v>
      </c>
      <c r="Y1292" s="53">
        <v>42049.012347483302</v>
      </c>
      <c r="Z1292" s="53"/>
      <c r="AA1292" s="53">
        <v>4503315.8838216504</v>
      </c>
      <c r="AB1292" s="53"/>
      <c r="AC1292" s="53"/>
      <c r="AD1292" s="53"/>
      <c r="AE1292" s="53"/>
      <c r="AF1292" s="53"/>
      <c r="AG1292" s="53"/>
      <c r="AH1292" s="53"/>
      <c r="AI1292" s="53"/>
      <c r="AJ1292" s="53"/>
      <c r="AK1292" s="53"/>
      <c r="AL1292" s="53"/>
      <c r="AM1292" s="53"/>
      <c r="AN1292" s="53"/>
      <c r="AO1292" s="53"/>
      <c r="AP1292" s="53"/>
      <c r="AQ1292" s="53"/>
      <c r="AR1292" s="53"/>
      <c r="AS1292" s="53"/>
      <c r="AT1292" s="53"/>
      <c r="AU1292" s="53"/>
      <c r="AV1292" s="53"/>
      <c r="AW1292" s="53"/>
      <c r="AX1292" s="53"/>
      <c r="AY1292" s="53"/>
      <c r="AZ1292" s="53"/>
      <c r="BA1292" s="53"/>
      <c r="BB1292" s="53"/>
      <c r="BC1292" s="53"/>
      <c r="BD1292" s="53"/>
      <c r="BE1292" s="53"/>
      <c r="BF1292" s="53"/>
      <c r="BG1292" s="53"/>
      <c r="BH1292" s="53"/>
      <c r="BI1292" s="53"/>
      <c r="BJ1292" s="53"/>
      <c r="BK1292" s="53"/>
      <c r="BL1292" s="53"/>
      <c r="BM1292" s="53"/>
      <c r="BN1292" s="53"/>
      <c r="BO1292" s="53"/>
      <c r="BP1292" s="53"/>
      <c r="BQ1292" s="53"/>
      <c r="BR1292" s="53"/>
      <c r="BS1292" s="53"/>
      <c r="BT1292" s="53"/>
      <c r="BU1292" s="53"/>
      <c r="BV1292" s="53"/>
      <c r="BW1292" s="53"/>
      <c r="BX1292" s="53"/>
      <c r="BY1292" s="53"/>
      <c r="BZ1292" s="53"/>
      <c r="CA1292" s="53"/>
      <c r="CB1292" s="53"/>
      <c r="CC1292" s="53"/>
      <c r="CD1292" s="53"/>
      <c r="CE1292" s="53"/>
      <c r="CF1292" s="53"/>
      <c r="CG1292" s="53"/>
      <c r="CH1292" s="53"/>
      <c r="CI1292" s="53"/>
      <c r="CJ1292" s="53"/>
      <c r="CK1292" s="53"/>
      <c r="CL1292" s="53"/>
      <c r="CM1292" s="53"/>
      <c r="CN1292" s="53"/>
    </row>
    <row r="1293" spans="1:92" outlineLevel="1">
      <c r="A1293" s="52" t="s">
        <v>1405</v>
      </c>
      <c r="B1293" s="53"/>
      <c r="C1293" s="53"/>
      <c r="D1293" s="53"/>
      <c r="E1293" s="53"/>
      <c r="F1293" s="53"/>
      <c r="G1293" s="53"/>
      <c r="H1293" s="53"/>
      <c r="I1293" s="53"/>
      <c r="J1293" s="53"/>
      <c r="K1293" s="53"/>
      <c r="L1293" s="53"/>
      <c r="M1293" s="53"/>
      <c r="N1293" s="53"/>
      <c r="O1293" s="53"/>
      <c r="P1293" s="53"/>
      <c r="Q1293" s="53"/>
      <c r="R1293" s="53"/>
      <c r="S1293" s="53"/>
      <c r="T1293" s="53"/>
      <c r="U1293" s="53"/>
      <c r="V1293" s="53"/>
      <c r="W1293" s="53"/>
      <c r="X1293" s="53"/>
      <c r="Y1293" s="53"/>
      <c r="Z1293" s="53"/>
      <c r="AA1293" s="53"/>
      <c r="AB1293" s="53"/>
      <c r="AC1293" s="53"/>
      <c r="AD1293" s="53"/>
      <c r="AE1293" s="53"/>
      <c r="AF1293" s="53"/>
      <c r="AG1293" s="53"/>
      <c r="AH1293" s="53"/>
      <c r="AI1293" s="53"/>
      <c r="AJ1293" s="53"/>
      <c r="AK1293" s="53"/>
      <c r="AL1293" s="53"/>
      <c r="AM1293" s="53"/>
      <c r="AN1293" s="53"/>
      <c r="AO1293" s="53"/>
      <c r="AP1293" s="53"/>
      <c r="AQ1293" s="53"/>
      <c r="AR1293" s="53"/>
      <c r="AS1293" s="53"/>
      <c r="AT1293" s="53"/>
      <c r="AU1293" s="53"/>
      <c r="AV1293" s="53"/>
      <c r="AW1293" s="53"/>
      <c r="AX1293" s="53"/>
      <c r="AY1293" s="53"/>
      <c r="AZ1293" s="53"/>
      <c r="BA1293" s="53"/>
      <c r="BB1293" s="53"/>
      <c r="BC1293" s="53"/>
      <c r="BD1293" s="53"/>
      <c r="BE1293" s="53"/>
      <c r="BF1293" s="53"/>
      <c r="BG1293" s="53"/>
      <c r="BH1293" s="53"/>
      <c r="BI1293" s="53"/>
      <c r="BJ1293" s="53"/>
      <c r="BK1293" s="53"/>
      <c r="BL1293" s="53"/>
      <c r="BM1293" s="53"/>
      <c r="BN1293" s="53"/>
      <c r="BO1293" s="53"/>
      <c r="BP1293" s="53"/>
      <c r="BQ1293" s="53"/>
      <c r="BR1293" s="53"/>
      <c r="BS1293" s="53"/>
      <c r="BT1293" s="53"/>
      <c r="BU1293" s="53"/>
      <c r="BV1293" s="53"/>
      <c r="BW1293" s="53"/>
      <c r="BX1293" s="53"/>
      <c r="BY1293" s="53"/>
      <c r="BZ1293" s="53"/>
      <c r="CA1293" s="53"/>
      <c r="CB1293" s="53"/>
      <c r="CC1293" s="53"/>
      <c r="CD1293" s="53"/>
      <c r="CE1293" s="53"/>
      <c r="CF1293" s="53"/>
      <c r="CG1293" s="53"/>
      <c r="CH1293" s="53"/>
      <c r="CI1293" s="53"/>
      <c r="CJ1293" s="53"/>
      <c r="CK1293" s="53"/>
      <c r="CL1293" s="53"/>
      <c r="CM1293" s="53"/>
      <c r="CN1293" s="53"/>
    </row>
    <row r="1294" spans="1:92" outlineLevel="1">
      <c r="A1294" s="52" t="s">
        <v>649</v>
      </c>
      <c r="B1294" s="53"/>
      <c r="C1294" s="53"/>
      <c r="D1294" s="53"/>
      <c r="E1294" s="53"/>
      <c r="F1294" s="53"/>
      <c r="G1294" s="53"/>
      <c r="H1294" s="53"/>
      <c r="I1294" s="53"/>
      <c r="J1294" s="53"/>
      <c r="K1294" s="53"/>
      <c r="L1294" s="53"/>
      <c r="M1294" s="53"/>
      <c r="N1294" s="53"/>
      <c r="O1294" s="53">
        <v>-459444.44399999903</v>
      </c>
      <c r="P1294" s="53">
        <v>-459444.44399999903</v>
      </c>
      <c r="Q1294" s="53">
        <v>-459444.44399999903</v>
      </c>
      <c r="R1294" s="53">
        <v>-459444.44399999903</v>
      </c>
      <c r="S1294" s="53">
        <v>-459444.44399999903</v>
      </c>
      <c r="T1294" s="53">
        <v>-459444.44399999903</v>
      </c>
      <c r="U1294" s="53">
        <v>-459444.44399999903</v>
      </c>
      <c r="V1294" s="53">
        <v>-459444.44399999903</v>
      </c>
      <c r="W1294" s="53">
        <v>-459444.44399999903</v>
      </c>
      <c r="X1294" s="53">
        <v>-459444.44399999903</v>
      </c>
      <c r="Y1294" s="53">
        <v>-459444.44399999903</v>
      </c>
      <c r="Z1294" s="53">
        <v>-459444.44399999903</v>
      </c>
      <c r="AA1294" s="53">
        <v>-5513333.3279999904</v>
      </c>
      <c r="AB1294" s="53">
        <v>-459444.44399999903</v>
      </c>
      <c r="AC1294" s="53">
        <v>-459444.44399999903</v>
      </c>
      <c r="AD1294" s="53">
        <v>-459444.44399999903</v>
      </c>
      <c r="AE1294" s="53">
        <v>-459444.44399999903</v>
      </c>
      <c r="AF1294" s="53">
        <v>-459444.44399999903</v>
      </c>
      <c r="AG1294" s="53">
        <v>-459444.44399999903</v>
      </c>
      <c r="AH1294" s="53">
        <v>-459444.44399999903</v>
      </c>
      <c r="AI1294" s="53">
        <v>-459444.44399999903</v>
      </c>
      <c r="AJ1294" s="53">
        <v>-459444.44399999903</v>
      </c>
      <c r="AK1294" s="53">
        <v>-459444.44399999903</v>
      </c>
      <c r="AL1294" s="53">
        <v>-459444.44399999903</v>
      </c>
      <c r="AM1294" s="53">
        <v>-459444.44399999903</v>
      </c>
      <c r="AN1294" s="53">
        <v>-5513333.3279999904</v>
      </c>
      <c r="AO1294" s="53">
        <v>-459444.44399999903</v>
      </c>
      <c r="AP1294" s="53">
        <v>-459444.44399999903</v>
      </c>
      <c r="AQ1294" s="53">
        <v>-459444.44399999903</v>
      </c>
      <c r="AR1294" s="53">
        <v>-459444.44399999903</v>
      </c>
      <c r="AS1294" s="53">
        <v>-459444.44399999903</v>
      </c>
      <c r="AT1294" s="53">
        <v>-459444.44399999903</v>
      </c>
      <c r="AU1294" s="53">
        <v>-459444.44399999903</v>
      </c>
      <c r="AV1294" s="53">
        <v>-459444.44399999903</v>
      </c>
      <c r="AW1294" s="53">
        <v>-459444.44399999903</v>
      </c>
      <c r="AX1294" s="53">
        <v>-459444.44399999903</v>
      </c>
      <c r="AY1294" s="53">
        <v>-459444.44399999903</v>
      </c>
      <c r="AZ1294" s="53">
        <v>-459444.44399999903</v>
      </c>
      <c r="BA1294" s="53">
        <v>-5513333.3279999904</v>
      </c>
      <c r="BB1294" s="53">
        <v>-459444.44399999903</v>
      </c>
      <c r="BC1294" s="53">
        <v>-459444.44399999903</v>
      </c>
      <c r="BD1294" s="53">
        <v>-459444.44399999903</v>
      </c>
      <c r="BE1294" s="53">
        <v>-459444.44399999903</v>
      </c>
      <c r="BF1294" s="53">
        <v>-459444.44399999903</v>
      </c>
      <c r="BG1294" s="53">
        <v>-459444.44399999903</v>
      </c>
      <c r="BH1294" s="53">
        <v>-459444.44399999903</v>
      </c>
      <c r="BI1294" s="53">
        <v>-459444.44399999903</v>
      </c>
      <c r="BJ1294" s="53">
        <v>-459444.44399999903</v>
      </c>
      <c r="BK1294" s="53">
        <v>-459444.44399999903</v>
      </c>
      <c r="BL1294" s="53">
        <v>-459444.44399999903</v>
      </c>
      <c r="BM1294" s="53">
        <v>-459444.44399999903</v>
      </c>
      <c r="BN1294" s="53">
        <v>-5513333.3279999904</v>
      </c>
      <c r="BO1294" s="53">
        <v>-459444.44399999903</v>
      </c>
      <c r="BP1294" s="53">
        <v>-459444.44399999903</v>
      </c>
      <c r="BQ1294" s="53">
        <v>-459444.44399999903</v>
      </c>
      <c r="BR1294" s="53">
        <v>-459444.44399999903</v>
      </c>
      <c r="BS1294" s="53">
        <v>-459444.44399999903</v>
      </c>
      <c r="BT1294" s="53">
        <v>-459444.44399999903</v>
      </c>
      <c r="BU1294" s="53">
        <v>-459444.44399999903</v>
      </c>
      <c r="BV1294" s="53">
        <v>-459444.44399999903</v>
      </c>
      <c r="BW1294" s="53">
        <v>-459444.44399999903</v>
      </c>
      <c r="BX1294" s="53">
        <v>-459444.44399999903</v>
      </c>
      <c r="BY1294" s="53">
        <v>-459444.44399999903</v>
      </c>
      <c r="BZ1294" s="53">
        <v>-459444.44399999903</v>
      </c>
      <c r="CA1294" s="53">
        <v>-5513333.3279999904</v>
      </c>
      <c r="CB1294" s="53"/>
      <c r="CC1294" s="53"/>
      <c r="CD1294" s="53"/>
      <c r="CE1294" s="53"/>
      <c r="CF1294" s="53"/>
      <c r="CG1294" s="53"/>
      <c r="CH1294" s="53"/>
      <c r="CI1294" s="53"/>
      <c r="CJ1294" s="53"/>
      <c r="CK1294" s="53"/>
      <c r="CL1294" s="53"/>
      <c r="CM1294" s="53"/>
      <c r="CN1294" s="53"/>
    </row>
    <row r="1295" spans="1:92" outlineLevel="1">
      <c r="A1295" s="52" t="s">
        <v>1433</v>
      </c>
      <c r="B1295" s="53"/>
      <c r="C1295" s="53"/>
      <c r="D1295" s="53"/>
      <c r="E1295" s="53"/>
      <c r="F1295" s="53"/>
      <c r="G1295" s="53"/>
      <c r="H1295" s="53"/>
      <c r="I1295" s="53"/>
      <c r="J1295" s="53"/>
      <c r="K1295" s="53"/>
      <c r="L1295" s="53"/>
      <c r="M1295" s="53"/>
      <c r="N1295" s="53"/>
      <c r="O1295" s="53"/>
      <c r="P1295" s="53"/>
      <c r="Q1295" s="53"/>
      <c r="R1295" s="53"/>
      <c r="S1295" s="53"/>
      <c r="T1295" s="53"/>
      <c r="U1295" s="53"/>
      <c r="V1295" s="53"/>
      <c r="W1295" s="53"/>
      <c r="X1295" s="53"/>
      <c r="Y1295" s="53"/>
      <c r="Z1295" s="53"/>
      <c r="AA1295" s="53"/>
      <c r="AB1295" s="53"/>
      <c r="AC1295" s="53"/>
      <c r="AD1295" s="53"/>
      <c r="AE1295" s="53"/>
      <c r="AF1295" s="53"/>
      <c r="AG1295" s="53"/>
      <c r="AH1295" s="53"/>
      <c r="AI1295" s="53"/>
      <c r="AJ1295" s="53"/>
      <c r="AK1295" s="53"/>
      <c r="AL1295" s="53"/>
      <c r="AM1295" s="53"/>
      <c r="AN1295" s="53"/>
      <c r="AO1295" s="53"/>
      <c r="AP1295" s="53"/>
      <c r="AQ1295" s="53"/>
      <c r="AR1295" s="53"/>
      <c r="AS1295" s="53"/>
      <c r="AT1295" s="53"/>
      <c r="AU1295" s="53"/>
      <c r="AV1295" s="53"/>
      <c r="AW1295" s="53"/>
      <c r="AX1295" s="53"/>
      <c r="AY1295" s="53"/>
      <c r="AZ1295" s="53"/>
      <c r="BA1295" s="53"/>
      <c r="BB1295" s="53"/>
      <c r="BC1295" s="53"/>
      <c r="BD1295" s="53"/>
      <c r="BE1295" s="53"/>
      <c r="BF1295" s="53"/>
      <c r="BG1295" s="53"/>
      <c r="BH1295" s="53"/>
      <c r="BI1295" s="53"/>
      <c r="BJ1295" s="53"/>
      <c r="BK1295" s="53"/>
      <c r="BL1295" s="53"/>
      <c r="BM1295" s="53"/>
      <c r="BN1295" s="53"/>
      <c r="BO1295" s="53"/>
      <c r="BP1295" s="53"/>
      <c r="BQ1295" s="53"/>
      <c r="BR1295" s="53"/>
      <c r="BS1295" s="53"/>
      <c r="BT1295" s="53"/>
      <c r="BU1295" s="53"/>
      <c r="BV1295" s="53"/>
      <c r="BW1295" s="53"/>
      <c r="BX1295" s="53"/>
      <c r="BY1295" s="53"/>
      <c r="BZ1295" s="53"/>
      <c r="CA1295" s="53"/>
      <c r="CB1295" s="53">
        <v>8035507.1787361503</v>
      </c>
      <c r="CC1295" s="53">
        <v>7687498.1006373698</v>
      </c>
      <c r="CD1295" s="53">
        <v>5375585.0116486195</v>
      </c>
      <c r="CE1295" s="53">
        <v>-2680035.0756096998</v>
      </c>
      <c r="CF1295" s="53">
        <v>-4913791.4080533599</v>
      </c>
      <c r="CG1295" s="53">
        <v>-6310706.5243134703</v>
      </c>
      <c r="CH1295" s="53">
        <v>-5650954.0009020399</v>
      </c>
      <c r="CI1295" s="53">
        <v>-4611177.23853298</v>
      </c>
      <c r="CJ1295" s="53">
        <v>-2950561.2432193798</v>
      </c>
      <c r="CK1295" s="53">
        <v>-2091039.2663350999</v>
      </c>
      <c r="CL1295" s="53">
        <v>3766689.0904278499</v>
      </c>
      <c r="CM1295" s="53">
        <v>5041281.7608413901</v>
      </c>
      <c r="CN1295" s="53">
        <v>698296.38532533101</v>
      </c>
    </row>
    <row r="1296" spans="1:92" outlineLevel="1">
      <c r="A1296" s="52" t="s">
        <v>649</v>
      </c>
      <c r="B1296" s="53"/>
      <c r="C1296" s="53"/>
      <c r="D1296" s="53"/>
      <c r="E1296" s="53"/>
      <c r="F1296" s="53"/>
      <c r="G1296" s="53"/>
      <c r="H1296" s="53"/>
      <c r="I1296" s="53"/>
      <c r="J1296" s="53"/>
      <c r="K1296" s="53"/>
      <c r="L1296" s="53"/>
      <c r="M1296" s="53"/>
      <c r="N1296" s="53"/>
      <c r="O1296" s="53">
        <v>-69954.984999999899</v>
      </c>
      <c r="P1296" s="53">
        <v>-69954.984999999899</v>
      </c>
      <c r="Q1296" s="53">
        <v>-69954.984999999899</v>
      </c>
      <c r="R1296" s="53">
        <v>-69954.984999999899</v>
      </c>
      <c r="S1296" s="53">
        <v>-69954.984999999899</v>
      </c>
      <c r="T1296" s="53">
        <v>-69954.984999999899</v>
      </c>
      <c r="U1296" s="53">
        <v>-69954.984999999899</v>
      </c>
      <c r="V1296" s="53">
        <v>-69954.984999999899</v>
      </c>
      <c r="W1296" s="53">
        <v>-69954.984999999899</v>
      </c>
      <c r="X1296" s="53">
        <v>-69954.984999999899</v>
      </c>
      <c r="Y1296" s="53">
        <v>-69954.984999999899</v>
      </c>
      <c r="Z1296" s="53">
        <v>-69954.984999999899</v>
      </c>
      <c r="AA1296" s="53">
        <v>-839459.81999999797</v>
      </c>
      <c r="AB1296" s="53">
        <v>-69954.984999999899</v>
      </c>
      <c r="AC1296" s="53">
        <v>-69954.984999999899</v>
      </c>
      <c r="AD1296" s="53">
        <v>-69954.984999999899</v>
      </c>
      <c r="AE1296" s="53">
        <v>-69954.984999999899</v>
      </c>
      <c r="AF1296" s="53">
        <v>-69954.984999999899</v>
      </c>
      <c r="AG1296" s="53">
        <v>-69954.984999999899</v>
      </c>
      <c r="AH1296" s="53">
        <v>-69954.984999999899</v>
      </c>
      <c r="AI1296" s="53">
        <v>-69954.984999999899</v>
      </c>
      <c r="AJ1296" s="53">
        <v>-69954.984999999899</v>
      </c>
      <c r="AK1296" s="53">
        <v>-69954.984999999899</v>
      </c>
      <c r="AL1296" s="53">
        <v>-69954.984999999899</v>
      </c>
      <c r="AM1296" s="53">
        <v>-69954.984999999899</v>
      </c>
      <c r="AN1296" s="53">
        <v>-839459.81999999797</v>
      </c>
      <c r="AO1296" s="53">
        <v>-69954.984999999899</v>
      </c>
      <c r="AP1296" s="53">
        <v>-69954.984999999899</v>
      </c>
      <c r="AQ1296" s="53">
        <v>-69954.984999999899</v>
      </c>
      <c r="AR1296" s="53">
        <v>-69954.984999999899</v>
      </c>
      <c r="AS1296" s="53">
        <v>-69954.984999999899</v>
      </c>
      <c r="AT1296" s="53">
        <v>-69954.984999999899</v>
      </c>
      <c r="AU1296" s="53">
        <v>-69954.984999999899</v>
      </c>
      <c r="AV1296" s="53">
        <v>-69954.984999999899</v>
      </c>
      <c r="AW1296" s="53">
        <v>-69954.984999999899</v>
      </c>
      <c r="AX1296" s="53">
        <v>-69954.984999999899</v>
      </c>
      <c r="AY1296" s="53">
        <v>-69954.984999999899</v>
      </c>
      <c r="AZ1296" s="53">
        <v>-69954.984999999899</v>
      </c>
      <c r="BA1296" s="53">
        <v>-839459.81999999797</v>
      </c>
      <c r="BB1296" s="53">
        <v>-67490.796224314996</v>
      </c>
      <c r="BC1296" s="53">
        <v>-67490.796224314996</v>
      </c>
      <c r="BD1296" s="53">
        <v>-67490.796224314996</v>
      </c>
      <c r="BE1296" s="53">
        <v>-67490.796224314996</v>
      </c>
      <c r="BF1296" s="53">
        <v>-67490.796224314996</v>
      </c>
      <c r="BG1296" s="53">
        <v>-67490.796224314996</v>
      </c>
      <c r="BH1296" s="53">
        <v>-67490.796224314996</v>
      </c>
      <c r="BI1296" s="53">
        <v>-67490.796224314996</v>
      </c>
      <c r="BJ1296" s="53">
        <v>-67490.796224314996</v>
      </c>
      <c r="BK1296" s="53">
        <v>-67490.796224314996</v>
      </c>
      <c r="BL1296" s="53">
        <v>-67490.796224314996</v>
      </c>
      <c r="BM1296" s="53">
        <v>-67490.796224314996</v>
      </c>
      <c r="BN1296" s="53">
        <v>-809889.55469177896</v>
      </c>
      <c r="BO1296" s="53">
        <v>-67490.796224314996</v>
      </c>
      <c r="BP1296" s="53">
        <v>-67490.796224314996</v>
      </c>
      <c r="BQ1296" s="53">
        <v>-67490.796224314996</v>
      </c>
      <c r="BR1296" s="53">
        <v>-67490.796224314996</v>
      </c>
      <c r="BS1296" s="53">
        <v>-67490.796224314996</v>
      </c>
      <c r="BT1296" s="53">
        <v>-67490.796224314996</v>
      </c>
      <c r="BU1296" s="53">
        <v>-67490.796224314996</v>
      </c>
      <c r="BV1296" s="53">
        <v>-67490.796224314996</v>
      </c>
      <c r="BW1296" s="53">
        <v>-67490.796224314996</v>
      </c>
      <c r="BX1296" s="53">
        <v>-67490.796224314996</v>
      </c>
      <c r="BY1296" s="53">
        <v>-67490.796224314996</v>
      </c>
      <c r="BZ1296" s="53">
        <v>-67490.796224314996</v>
      </c>
      <c r="CA1296" s="53">
        <v>-809889.55469177896</v>
      </c>
      <c r="CB1296" s="53"/>
      <c r="CC1296" s="53"/>
      <c r="CD1296" s="53"/>
      <c r="CE1296" s="53"/>
      <c r="CF1296" s="53"/>
      <c r="CG1296" s="53"/>
      <c r="CH1296" s="53"/>
      <c r="CI1296" s="53"/>
      <c r="CJ1296" s="53"/>
      <c r="CK1296" s="53"/>
      <c r="CL1296" s="53"/>
      <c r="CM1296" s="53"/>
      <c r="CN1296" s="53"/>
    </row>
    <row r="1297" spans="1:92" outlineLevel="1">
      <c r="A1297" s="52" t="s">
        <v>1406</v>
      </c>
      <c r="B1297" s="53"/>
      <c r="C1297" s="53"/>
      <c r="D1297" s="53"/>
      <c r="E1297" s="53"/>
      <c r="F1297" s="53"/>
      <c r="G1297" s="53"/>
      <c r="H1297" s="53"/>
      <c r="I1297" s="53"/>
      <c r="J1297" s="53"/>
      <c r="K1297" s="53"/>
      <c r="L1297" s="53"/>
      <c r="M1297" s="53"/>
      <c r="N1297" s="53"/>
      <c r="O1297" s="53"/>
      <c r="P1297" s="53"/>
      <c r="Q1297" s="53"/>
      <c r="R1297" s="53"/>
      <c r="S1297" s="53"/>
      <c r="T1297" s="53"/>
      <c r="U1297" s="53"/>
      <c r="V1297" s="53"/>
      <c r="W1297" s="53"/>
      <c r="X1297" s="53"/>
      <c r="Y1297" s="53"/>
      <c r="Z1297" s="53"/>
      <c r="AA1297" s="53"/>
      <c r="AB1297" s="53"/>
      <c r="AC1297" s="53"/>
      <c r="AD1297" s="53"/>
      <c r="AE1297" s="53"/>
      <c r="AF1297" s="53"/>
      <c r="AG1297" s="53"/>
      <c r="AH1297" s="53"/>
      <c r="AI1297" s="53"/>
      <c r="AJ1297" s="53"/>
      <c r="AK1297" s="53"/>
      <c r="AL1297" s="53"/>
      <c r="AM1297" s="53"/>
      <c r="AN1297" s="53"/>
      <c r="AO1297" s="53"/>
      <c r="AP1297" s="53"/>
      <c r="AQ1297" s="53"/>
      <c r="AR1297" s="53"/>
      <c r="AS1297" s="53"/>
      <c r="AT1297" s="53"/>
      <c r="AU1297" s="53"/>
      <c r="AV1297" s="53"/>
      <c r="AW1297" s="53"/>
      <c r="AX1297" s="53"/>
      <c r="AY1297" s="53"/>
      <c r="AZ1297" s="53"/>
      <c r="BA1297" s="53"/>
      <c r="BB1297" s="53"/>
      <c r="BC1297" s="53"/>
      <c r="BD1297" s="53"/>
      <c r="BE1297" s="53"/>
      <c r="BF1297" s="53"/>
      <c r="BG1297" s="53"/>
      <c r="BH1297" s="53"/>
      <c r="BI1297" s="53"/>
      <c r="BJ1297" s="53"/>
      <c r="BK1297" s="53"/>
      <c r="BL1297" s="53"/>
      <c r="BM1297" s="53"/>
      <c r="BN1297" s="53"/>
      <c r="BO1297" s="53"/>
      <c r="BP1297" s="53"/>
      <c r="BQ1297" s="53"/>
      <c r="BR1297" s="53"/>
      <c r="BS1297" s="53"/>
      <c r="BT1297" s="53"/>
      <c r="BU1297" s="53"/>
      <c r="BV1297" s="53"/>
      <c r="BW1297" s="53"/>
      <c r="BX1297" s="53"/>
      <c r="BY1297" s="53"/>
      <c r="BZ1297" s="53"/>
      <c r="CA1297" s="53"/>
      <c r="CB1297" s="53">
        <v>-57660.843879716398</v>
      </c>
      <c r="CC1297" s="53">
        <v>-57660.843879716398</v>
      </c>
      <c r="CD1297" s="53">
        <v>-57660.843879716398</v>
      </c>
      <c r="CE1297" s="53">
        <v>-57660.843879716398</v>
      </c>
      <c r="CF1297" s="53">
        <v>-57660.843879716398</v>
      </c>
      <c r="CG1297" s="53">
        <v>-57660.843879716398</v>
      </c>
      <c r="CH1297" s="53">
        <v>-57660.843879716398</v>
      </c>
      <c r="CI1297" s="53">
        <v>-57660.843879716398</v>
      </c>
      <c r="CJ1297" s="53">
        <v>-57660.843879716398</v>
      </c>
      <c r="CK1297" s="53">
        <v>-57660.843879716398</v>
      </c>
      <c r="CL1297" s="53">
        <v>-57660.843879716398</v>
      </c>
      <c r="CM1297" s="53">
        <v>-57660.843879716398</v>
      </c>
      <c r="CN1297" s="53">
        <v>-691930.12655659695</v>
      </c>
    </row>
    <row r="1298" spans="1:92" outlineLevel="1">
      <c r="A1298" s="52" t="s">
        <v>649</v>
      </c>
      <c r="B1298" s="53"/>
      <c r="C1298" s="53"/>
      <c r="D1298" s="53"/>
      <c r="E1298" s="53"/>
      <c r="F1298" s="53"/>
      <c r="G1298" s="53"/>
      <c r="H1298" s="53"/>
      <c r="I1298" s="53"/>
      <c r="J1298" s="53"/>
      <c r="K1298" s="53"/>
      <c r="L1298" s="53"/>
      <c r="M1298" s="53"/>
      <c r="N1298" s="53"/>
      <c r="O1298" s="53"/>
      <c r="P1298" s="53"/>
      <c r="Q1298" s="53">
        <v>-1570338.8199999901</v>
      </c>
      <c r="R1298" s="53"/>
      <c r="S1298" s="53"/>
      <c r="T1298" s="53">
        <v>-1570338.8199999901</v>
      </c>
      <c r="U1298" s="53"/>
      <c r="V1298" s="53"/>
      <c r="W1298" s="53">
        <v>-1570338.8199999901</v>
      </c>
      <c r="X1298" s="53"/>
      <c r="Y1298" s="53"/>
      <c r="Z1298" s="53">
        <v>-1570338.8199999901</v>
      </c>
      <c r="AA1298" s="53">
        <v>-6281355.27999999</v>
      </c>
      <c r="AB1298" s="53"/>
      <c r="AC1298" s="53"/>
      <c r="AD1298" s="53">
        <v>-1570338.8199999901</v>
      </c>
      <c r="AE1298" s="53"/>
      <c r="AF1298" s="53"/>
      <c r="AG1298" s="53">
        <v>-1570338.8199999901</v>
      </c>
      <c r="AH1298" s="53"/>
      <c r="AI1298" s="53"/>
      <c r="AJ1298" s="53">
        <v>-1570338.8199999901</v>
      </c>
      <c r="AK1298" s="53"/>
      <c r="AL1298" s="53"/>
      <c r="AM1298" s="53">
        <v>-1570338.8199999901</v>
      </c>
      <c r="AN1298" s="53">
        <v>-6281355.27999999</v>
      </c>
      <c r="AO1298" s="53"/>
      <c r="AP1298" s="53"/>
      <c r="AQ1298" s="53">
        <v>-1570338.8199999901</v>
      </c>
      <c r="AR1298" s="53"/>
      <c r="AS1298" s="53"/>
      <c r="AT1298" s="53">
        <v>-1570338.8199999901</v>
      </c>
      <c r="AU1298" s="53"/>
      <c r="AV1298" s="53"/>
      <c r="AW1298" s="53">
        <v>-1570338.8199999901</v>
      </c>
      <c r="AX1298" s="53"/>
      <c r="AY1298" s="53"/>
      <c r="AZ1298" s="53">
        <v>-1570338.8199999901</v>
      </c>
      <c r="BA1298" s="53">
        <v>-6281355.27999999</v>
      </c>
      <c r="BB1298" s="53"/>
      <c r="BC1298" s="53"/>
      <c r="BD1298" s="53">
        <v>-1570338.8199999901</v>
      </c>
      <c r="BE1298" s="53"/>
      <c r="BF1298" s="53"/>
      <c r="BG1298" s="53">
        <v>-1570338.8199999901</v>
      </c>
      <c r="BH1298" s="53"/>
      <c r="BI1298" s="53"/>
      <c r="BJ1298" s="53">
        <v>-1570338.8199999901</v>
      </c>
      <c r="BK1298" s="53"/>
      <c r="BL1298" s="53"/>
      <c r="BM1298" s="53">
        <v>-1570338.8199999901</v>
      </c>
      <c r="BN1298" s="53">
        <v>-6281355.27999999</v>
      </c>
      <c r="BO1298" s="53"/>
      <c r="BP1298" s="53"/>
      <c r="BQ1298" s="53">
        <v>-1570338.8199999901</v>
      </c>
      <c r="BR1298" s="53"/>
      <c r="BS1298" s="53"/>
      <c r="BT1298" s="53">
        <v>-1570338.8199999901</v>
      </c>
      <c r="BU1298" s="53"/>
      <c r="BV1298" s="53"/>
      <c r="BW1298" s="53">
        <v>-861366</v>
      </c>
      <c r="BX1298" s="53"/>
      <c r="BY1298" s="53"/>
      <c r="BZ1298" s="53"/>
      <c r="CA1298" s="53">
        <v>-4002043.6399999899</v>
      </c>
      <c r="CB1298" s="53"/>
      <c r="CC1298" s="53"/>
      <c r="CD1298" s="53"/>
      <c r="CE1298" s="53"/>
      <c r="CF1298" s="53"/>
      <c r="CG1298" s="53"/>
      <c r="CH1298" s="53"/>
      <c r="CI1298" s="53"/>
      <c r="CJ1298" s="53"/>
      <c r="CK1298" s="53"/>
      <c r="CL1298" s="53"/>
      <c r="CM1298" s="53"/>
      <c r="CN1298" s="53"/>
    </row>
    <row r="1299" spans="1:92" outlineLevel="1">
      <c r="A1299" s="52" t="s">
        <v>1407</v>
      </c>
      <c r="B1299" s="53"/>
      <c r="C1299" s="53"/>
      <c r="D1299" s="53"/>
      <c r="E1299" s="53"/>
      <c r="F1299" s="53"/>
      <c r="G1299" s="53"/>
      <c r="H1299" s="53"/>
      <c r="I1299" s="53"/>
      <c r="J1299" s="53"/>
      <c r="K1299" s="53"/>
      <c r="L1299" s="53"/>
      <c r="M1299" s="53"/>
      <c r="N1299" s="53"/>
      <c r="O1299" s="53"/>
      <c r="P1299" s="53"/>
      <c r="Q1299" s="53"/>
      <c r="R1299" s="53"/>
      <c r="S1299" s="53"/>
      <c r="T1299" s="53"/>
      <c r="U1299" s="53"/>
      <c r="V1299" s="53"/>
      <c r="W1299" s="53"/>
      <c r="X1299" s="53"/>
      <c r="Y1299" s="53"/>
      <c r="Z1299" s="53"/>
      <c r="AA1299" s="53"/>
      <c r="AB1299" s="53"/>
      <c r="AC1299" s="53"/>
      <c r="AD1299" s="53"/>
      <c r="AE1299" s="53"/>
      <c r="AF1299" s="53"/>
      <c r="AG1299" s="53"/>
      <c r="AH1299" s="53"/>
      <c r="AI1299" s="53"/>
      <c r="AJ1299" s="53"/>
      <c r="AK1299" s="53"/>
      <c r="AL1299" s="53"/>
      <c r="AM1299" s="53"/>
      <c r="AN1299" s="53"/>
      <c r="AO1299" s="53"/>
      <c r="AP1299" s="53"/>
      <c r="AQ1299" s="53"/>
      <c r="AR1299" s="53"/>
      <c r="AS1299" s="53"/>
      <c r="AT1299" s="53"/>
      <c r="AU1299" s="53"/>
      <c r="AV1299" s="53"/>
      <c r="AW1299" s="53"/>
      <c r="AX1299" s="53"/>
      <c r="AY1299" s="53"/>
      <c r="AZ1299" s="53"/>
      <c r="BA1299" s="53"/>
      <c r="BB1299" s="53"/>
      <c r="BC1299" s="53"/>
      <c r="BD1299" s="53"/>
      <c r="BE1299" s="53"/>
      <c r="BF1299" s="53"/>
      <c r="BG1299" s="53"/>
      <c r="BH1299" s="53"/>
      <c r="BI1299" s="53"/>
      <c r="BJ1299" s="53"/>
      <c r="BK1299" s="53"/>
      <c r="BL1299" s="53"/>
      <c r="BM1299" s="53"/>
      <c r="BN1299" s="53"/>
      <c r="BO1299" s="53"/>
      <c r="BP1299" s="53"/>
      <c r="BQ1299" s="53"/>
      <c r="BR1299" s="53"/>
      <c r="BS1299" s="53"/>
      <c r="BT1299" s="53"/>
      <c r="BU1299" s="53"/>
      <c r="BV1299" s="53"/>
      <c r="BW1299" s="53"/>
      <c r="BX1299" s="53"/>
      <c r="BY1299" s="53"/>
      <c r="BZ1299" s="53"/>
      <c r="CA1299" s="53"/>
      <c r="CB1299" s="53"/>
      <c r="CC1299" s="53"/>
      <c r="CD1299" s="53"/>
      <c r="CE1299" s="53"/>
      <c r="CF1299" s="53"/>
      <c r="CG1299" s="53"/>
      <c r="CH1299" s="53"/>
      <c r="CI1299" s="53"/>
      <c r="CJ1299" s="53"/>
      <c r="CK1299" s="53"/>
      <c r="CL1299" s="53"/>
      <c r="CM1299" s="53"/>
      <c r="CN1299" s="53"/>
    </row>
    <row r="1300" spans="1:92" outlineLevel="1">
      <c r="A1300" s="52" t="s">
        <v>649</v>
      </c>
      <c r="B1300" s="53">
        <v>-48418.384375000001</v>
      </c>
      <c r="C1300" s="53">
        <v>-48418.384375000001</v>
      </c>
      <c r="D1300" s="53">
        <v>-48418.384375000001</v>
      </c>
      <c r="E1300" s="53">
        <v>-48418.384375000001</v>
      </c>
      <c r="F1300" s="53">
        <v>-48418.384375000001</v>
      </c>
      <c r="G1300" s="53">
        <v>-48418.384375000001</v>
      </c>
      <c r="H1300" s="53">
        <v>-48418.384375000001</v>
      </c>
      <c r="I1300" s="53">
        <v>-48418.384375000001</v>
      </c>
      <c r="J1300" s="53">
        <v>-48418.384375000001</v>
      </c>
      <c r="K1300" s="53">
        <v>-48418.384375000001</v>
      </c>
      <c r="L1300" s="53">
        <v>-48418.384375000001</v>
      </c>
      <c r="M1300" s="53">
        <v>-48418.384375000001</v>
      </c>
      <c r="N1300" s="53">
        <v>-581020.61250000005</v>
      </c>
      <c r="O1300" s="53">
        <v>-48418.384375000001</v>
      </c>
      <c r="P1300" s="53">
        <v>-48418.384375000001</v>
      </c>
      <c r="Q1300" s="53">
        <v>-48418.384375000001</v>
      </c>
      <c r="R1300" s="53">
        <v>-48418.384375000001</v>
      </c>
      <c r="S1300" s="53">
        <v>-48418.384375000001</v>
      </c>
      <c r="T1300" s="53">
        <v>-48418.384375000001</v>
      </c>
      <c r="U1300" s="53">
        <v>-48418.384375000001</v>
      </c>
      <c r="V1300" s="53">
        <v>-48418.384375000001</v>
      </c>
      <c r="W1300" s="53">
        <v>-48418.384375000001</v>
      </c>
      <c r="X1300" s="53">
        <v>-48418.384375000001</v>
      </c>
      <c r="Y1300" s="53">
        <v>-48418.384375000001</v>
      </c>
      <c r="Z1300" s="53">
        <v>-48418.384375000001</v>
      </c>
      <c r="AA1300" s="53">
        <v>-581020.61250000005</v>
      </c>
      <c r="AB1300" s="53">
        <v>-48418.384375000001</v>
      </c>
      <c r="AC1300" s="53">
        <v>-48418.384375000001</v>
      </c>
      <c r="AD1300" s="53">
        <v>-48418.384375000001</v>
      </c>
      <c r="AE1300" s="53">
        <v>-48418.384375000001</v>
      </c>
      <c r="AF1300" s="53">
        <v>-48418.384375000001</v>
      </c>
      <c r="AG1300" s="53">
        <v>-48418.384375000001</v>
      </c>
      <c r="AH1300" s="53">
        <v>-48418.384375000001</v>
      </c>
      <c r="AI1300" s="53">
        <v>-48418.384375000001</v>
      </c>
      <c r="AJ1300" s="53">
        <v>-48418.384375000001</v>
      </c>
      <c r="AK1300" s="53">
        <v>-48418.384375000001</v>
      </c>
      <c r="AL1300" s="53">
        <v>-48418.384375000001</v>
      </c>
      <c r="AM1300" s="53">
        <v>-48418.384375000001</v>
      </c>
      <c r="AN1300" s="53">
        <v>-581020.61250000005</v>
      </c>
      <c r="AO1300" s="53">
        <v>-48418.384375000001</v>
      </c>
      <c r="AP1300" s="53">
        <v>-48418.384375000001</v>
      </c>
      <c r="AQ1300" s="53">
        <v>-48418.384375000001</v>
      </c>
      <c r="AR1300" s="53">
        <v>-48418.384375000001</v>
      </c>
      <c r="AS1300" s="53">
        <v>-48418.384375000001</v>
      </c>
      <c r="AT1300" s="53">
        <v>-48418.384375000001</v>
      </c>
      <c r="AU1300" s="53">
        <v>-48418.384375000001</v>
      </c>
      <c r="AV1300" s="53">
        <v>-48418.384375000001</v>
      </c>
      <c r="AW1300" s="53">
        <v>-48418.384375000001</v>
      </c>
      <c r="AX1300" s="53">
        <v>-48418.384375000001</v>
      </c>
      <c r="AY1300" s="53">
        <v>-48418.384375000001</v>
      </c>
      <c r="AZ1300" s="53">
        <v>-48418.384375000001</v>
      </c>
      <c r="BA1300" s="53">
        <v>-581020.61250000005</v>
      </c>
      <c r="BB1300" s="53"/>
      <c r="BC1300" s="53"/>
      <c r="BD1300" s="53"/>
      <c r="BE1300" s="53"/>
      <c r="BF1300" s="53"/>
      <c r="BG1300" s="53"/>
      <c r="BH1300" s="53"/>
      <c r="BI1300" s="53"/>
      <c r="BJ1300" s="53"/>
      <c r="BK1300" s="53"/>
      <c r="BL1300" s="53"/>
      <c r="BM1300" s="53"/>
      <c r="BN1300" s="53"/>
      <c r="BO1300" s="53"/>
      <c r="BP1300" s="53"/>
      <c r="BQ1300" s="53"/>
      <c r="BR1300" s="53"/>
      <c r="BS1300" s="53"/>
      <c r="BT1300" s="53"/>
      <c r="BU1300" s="53"/>
      <c r="BV1300" s="53"/>
      <c r="BW1300" s="53"/>
      <c r="BX1300" s="53"/>
      <c r="BY1300" s="53"/>
      <c r="BZ1300" s="53"/>
      <c r="CA1300" s="53"/>
      <c r="CB1300" s="53"/>
      <c r="CC1300" s="53"/>
      <c r="CD1300" s="53"/>
      <c r="CE1300" s="53"/>
      <c r="CF1300" s="53"/>
      <c r="CG1300" s="53"/>
      <c r="CH1300" s="53"/>
      <c r="CI1300" s="53"/>
      <c r="CJ1300" s="53"/>
      <c r="CK1300" s="53"/>
      <c r="CL1300" s="53"/>
      <c r="CM1300" s="53"/>
      <c r="CN1300" s="53"/>
    </row>
    <row r="1301" spans="1:92" outlineLevel="1">
      <c r="A1301" s="52" t="s">
        <v>1408</v>
      </c>
      <c r="B1301" s="53"/>
      <c r="C1301" s="53"/>
      <c r="D1301" s="53"/>
      <c r="E1301" s="53"/>
      <c r="F1301" s="53"/>
      <c r="G1301" s="53"/>
      <c r="H1301" s="53"/>
      <c r="I1301" s="53"/>
      <c r="J1301" s="53"/>
      <c r="K1301" s="53"/>
      <c r="L1301" s="53"/>
      <c r="M1301" s="53"/>
      <c r="N1301" s="53"/>
      <c r="O1301" s="53"/>
      <c r="P1301" s="53"/>
      <c r="Q1301" s="53"/>
      <c r="R1301" s="53"/>
      <c r="S1301" s="53"/>
      <c r="T1301" s="53"/>
      <c r="U1301" s="53"/>
      <c r="V1301" s="53"/>
      <c r="W1301" s="53"/>
      <c r="X1301" s="53"/>
      <c r="Y1301" s="53"/>
      <c r="Z1301" s="53"/>
      <c r="AA1301" s="53"/>
      <c r="AB1301" s="53"/>
      <c r="AC1301" s="53"/>
      <c r="AD1301" s="53"/>
      <c r="AE1301" s="53"/>
      <c r="AF1301" s="53"/>
      <c r="AG1301" s="53"/>
      <c r="AH1301" s="53"/>
      <c r="AI1301" s="53"/>
      <c r="AJ1301" s="53"/>
      <c r="AK1301" s="53"/>
      <c r="AL1301" s="53"/>
      <c r="AM1301" s="53"/>
      <c r="AN1301" s="53"/>
      <c r="AO1301" s="53"/>
      <c r="AP1301" s="53"/>
      <c r="AQ1301" s="53"/>
      <c r="AR1301" s="53"/>
      <c r="AS1301" s="53"/>
      <c r="AT1301" s="53"/>
      <c r="AU1301" s="53"/>
      <c r="AV1301" s="53"/>
      <c r="AW1301" s="53"/>
      <c r="AX1301" s="53"/>
      <c r="AY1301" s="53"/>
      <c r="AZ1301" s="53"/>
      <c r="BA1301" s="53"/>
      <c r="BB1301" s="53"/>
      <c r="BC1301" s="53"/>
      <c r="BD1301" s="53"/>
      <c r="BE1301" s="53"/>
      <c r="BF1301" s="53"/>
      <c r="BG1301" s="53"/>
      <c r="BH1301" s="53"/>
      <c r="BI1301" s="53"/>
      <c r="BJ1301" s="53"/>
      <c r="BK1301" s="53"/>
      <c r="BL1301" s="53"/>
      <c r="BM1301" s="53"/>
      <c r="BN1301" s="53"/>
      <c r="BO1301" s="53"/>
      <c r="BP1301" s="53"/>
      <c r="BQ1301" s="53"/>
      <c r="BR1301" s="53"/>
      <c r="BS1301" s="53"/>
      <c r="BT1301" s="53"/>
      <c r="BU1301" s="53"/>
      <c r="BV1301" s="53"/>
      <c r="BW1301" s="53"/>
      <c r="BX1301" s="53"/>
      <c r="BY1301" s="53"/>
      <c r="BZ1301" s="53"/>
      <c r="CA1301" s="53"/>
      <c r="CB1301" s="53"/>
      <c r="CC1301" s="53"/>
      <c r="CD1301" s="53"/>
      <c r="CE1301" s="53"/>
      <c r="CF1301" s="53"/>
      <c r="CG1301" s="53"/>
      <c r="CH1301" s="53"/>
      <c r="CI1301" s="53"/>
      <c r="CJ1301" s="53"/>
      <c r="CK1301" s="53"/>
      <c r="CL1301" s="53"/>
      <c r="CM1301" s="53"/>
      <c r="CN1301" s="53"/>
    </row>
    <row r="1302" spans="1:92" outlineLevel="1">
      <c r="A1302" s="52" t="s">
        <v>649</v>
      </c>
      <c r="B1302" s="53">
        <v>-19475.434583333299</v>
      </c>
      <c r="C1302" s="53">
        <v>-19475.434583333299</v>
      </c>
      <c r="D1302" s="53">
        <v>-19475.434583333299</v>
      </c>
      <c r="E1302" s="53">
        <v>-19475.434583333299</v>
      </c>
      <c r="F1302" s="53">
        <v>-19475.434583333299</v>
      </c>
      <c r="G1302" s="53">
        <v>-19475.434583333299</v>
      </c>
      <c r="H1302" s="53">
        <v>-19475.434583333299</v>
      </c>
      <c r="I1302" s="53">
        <v>-19475.434583333299</v>
      </c>
      <c r="J1302" s="53">
        <v>-19475.434583333299</v>
      </c>
      <c r="K1302" s="53">
        <v>-19475.434583333299</v>
      </c>
      <c r="L1302" s="53">
        <v>-19475.434583333299</v>
      </c>
      <c r="M1302" s="53">
        <v>-19475.434583333299</v>
      </c>
      <c r="N1302" s="53">
        <v>-233705.21499999901</v>
      </c>
      <c r="O1302" s="53">
        <v>-19475.434583333299</v>
      </c>
      <c r="P1302" s="53">
        <v>-19475.434583333299</v>
      </c>
      <c r="Q1302" s="53">
        <v>-19475.434583333299</v>
      </c>
      <c r="R1302" s="53">
        <v>-19475.434583333299</v>
      </c>
      <c r="S1302" s="53">
        <v>-19475.434583333299</v>
      </c>
      <c r="T1302" s="53">
        <v>-19475.434583333299</v>
      </c>
      <c r="U1302" s="53">
        <v>-19475.434583333299</v>
      </c>
      <c r="V1302" s="53">
        <v>-19475.434583333299</v>
      </c>
      <c r="W1302" s="53">
        <v>-19475.434583333299</v>
      </c>
      <c r="X1302" s="53">
        <v>-19475.434583333299</v>
      </c>
      <c r="Y1302" s="53">
        <v>-19475.434583333299</v>
      </c>
      <c r="Z1302" s="53">
        <v>-19475.434583333299</v>
      </c>
      <c r="AA1302" s="53">
        <v>-233705.21499999901</v>
      </c>
      <c r="AB1302" s="53">
        <v>-19475.434583333299</v>
      </c>
      <c r="AC1302" s="53">
        <v>-19475.434583333299</v>
      </c>
      <c r="AD1302" s="53">
        <v>-19475.434583333299</v>
      </c>
      <c r="AE1302" s="53">
        <v>-19475.434583333299</v>
      </c>
      <c r="AF1302" s="53">
        <v>-19475.434583333299</v>
      </c>
      <c r="AG1302" s="53">
        <v>-19475.434583333299</v>
      </c>
      <c r="AH1302" s="53">
        <v>-19475.434583333299</v>
      </c>
      <c r="AI1302" s="53">
        <v>-19475.434583333299</v>
      </c>
      <c r="AJ1302" s="53">
        <v>-19475.434583333299</v>
      </c>
      <c r="AK1302" s="53">
        <v>-19475.434583333299</v>
      </c>
      <c r="AL1302" s="53">
        <v>-19475.434583333299</v>
      </c>
      <c r="AM1302" s="53">
        <v>-19475.434583333299</v>
      </c>
      <c r="AN1302" s="53">
        <v>-233705.21499999901</v>
      </c>
      <c r="AO1302" s="53">
        <v>-19475.434583333299</v>
      </c>
      <c r="AP1302" s="53">
        <v>-19475.434583333299</v>
      </c>
      <c r="AQ1302" s="53">
        <v>-19475.434583333299</v>
      </c>
      <c r="AR1302" s="53">
        <v>-19475.434583333299</v>
      </c>
      <c r="AS1302" s="53">
        <v>-19475.434583333299</v>
      </c>
      <c r="AT1302" s="53">
        <v>-19475.434583333299</v>
      </c>
      <c r="AU1302" s="53">
        <v>-19475.434583333299</v>
      </c>
      <c r="AV1302" s="53">
        <v>-19475.434583333299</v>
      </c>
      <c r="AW1302" s="53">
        <v>-19475.434583333299</v>
      </c>
      <c r="AX1302" s="53">
        <v>-19475.434583333299</v>
      </c>
      <c r="AY1302" s="53">
        <v>-19475.434583333299</v>
      </c>
      <c r="AZ1302" s="53">
        <v>-19475.434583333299</v>
      </c>
      <c r="BA1302" s="53">
        <v>-233705.21499999901</v>
      </c>
      <c r="BB1302" s="53"/>
      <c r="BC1302" s="53"/>
      <c r="BD1302" s="53"/>
      <c r="BE1302" s="53"/>
      <c r="BF1302" s="53"/>
      <c r="BG1302" s="53"/>
      <c r="BH1302" s="53"/>
      <c r="BI1302" s="53"/>
      <c r="BJ1302" s="53"/>
      <c r="BK1302" s="53"/>
      <c r="BL1302" s="53"/>
      <c r="BM1302" s="53"/>
      <c r="BN1302" s="53"/>
      <c r="BO1302" s="53"/>
      <c r="BP1302" s="53"/>
      <c r="BQ1302" s="53"/>
      <c r="BR1302" s="53"/>
      <c r="BS1302" s="53"/>
      <c r="BT1302" s="53"/>
      <c r="BU1302" s="53"/>
      <c r="BV1302" s="53"/>
      <c r="BW1302" s="53"/>
      <c r="BX1302" s="53"/>
      <c r="BY1302" s="53"/>
      <c r="BZ1302" s="53"/>
      <c r="CA1302" s="53"/>
      <c r="CB1302" s="53"/>
      <c r="CC1302" s="53"/>
      <c r="CD1302" s="53"/>
      <c r="CE1302" s="53"/>
      <c r="CF1302" s="53"/>
      <c r="CG1302" s="53"/>
      <c r="CH1302" s="53"/>
      <c r="CI1302" s="53"/>
      <c r="CJ1302" s="53"/>
      <c r="CK1302" s="53"/>
      <c r="CL1302" s="53"/>
      <c r="CM1302" s="53"/>
      <c r="CN1302" s="53"/>
    </row>
    <row r="1303" spans="1:92" outlineLevel="1">
      <c r="A1303" s="52" t="s">
        <v>1409</v>
      </c>
      <c r="B1303" s="53"/>
      <c r="C1303" s="53"/>
      <c r="D1303" s="53"/>
      <c r="E1303" s="53"/>
      <c r="F1303" s="53"/>
      <c r="G1303" s="53"/>
      <c r="H1303" s="53"/>
      <c r="I1303" s="53"/>
      <c r="J1303" s="53"/>
      <c r="K1303" s="53"/>
      <c r="L1303" s="53"/>
      <c r="M1303" s="53"/>
      <c r="N1303" s="53"/>
      <c r="O1303" s="53"/>
      <c r="P1303" s="53"/>
      <c r="Q1303" s="53"/>
      <c r="R1303" s="53"/>
      <c r="S1303" s="53"/>
      <c r="T1303" s="53"/>
      <c r="U1303" s="53"/>
      <c r="V1303" s="53"/>
      <c r="W1303" s="53"/>
      <c r="X1303" s="53"/>
      <c r="Y1303" s="53"/>
      <c r="Z1303" s="53"/>
      <c r="AA1303" s="53"/>
      <c r="AB1303" s="53"/>
      <c r="AC1303" s="53"/>
      <c r="AD1303" s="53"/>
      <c r="AE1303" s="53"/>
      <c r="AF1303" s="53"/>
      <c r="AG1303" s="53"/>
      <c r="AH1303" s="53"/>
      <c r="AI1303" s="53"/>
      <c r="AJ1303" s="53"/>
      <c r="AK1303" s="53"/>
      <c r="AL1303" s="53"/>
      <c r="AM1303" s="53"/>
      <c r="AN1303" s="53"/>
      <c r="AO1303" s="53"/>
      <c r="AP1303" s="53"/>
      <c r="AQ1303" s="53"/>
      <c r="AR1303" s="53"/>
      <c r="AS1303" s="53"/>
      <c r="AT1303" s="53"/>
      <c r="AU1303" s="53"/>
      <c r="AV1303" s="53"/>
      <c r="AW1303" s="53"/>
      <c r="AX1303" s="53"/>
      <c r="AY1303" s="53"/>
      <c r="AZ1303" s="53"/>
      <c r="BA1303" s="53"/>
      <c r="BB1303" s="53"/>
      <c r="BC1303" s="53"/>
      <c r="BD1303" s="53"/>
      <c r="BE1303" s="53"/>
      <c r="BF1303" s="53"/>
      <c r="BG1303" s="53"/>
      <c r="BH1303" s="53"/>
      <c r="BI1303" s="53"/>
      <c r="BJ1303" s="53"/>
      <c r="BK1303" s="53"/>
      <c r="BL1303" s="53"/>
      <c r="BM1303" s="53"/>
      <c r="BN1303" s="53"/>
      <c r="BO1303" s="53"/>
      <c r="BP1303" s="53"/>
      <c r="BQ1303" s="53"/>
      <c r="BR1303" s="53"/>
      <c r="BS1303" s="53"/>
      <c r="BT1303" s="53"/>
      <c r="BU1303" s="53"/>
      <c r="BV1303" s="53"/>
      <c r="BW1303" s="53"/>
      <c r="BX1303" s="53"/>
      <c r="BY1303" s="53"/>
      <c r="BZ1303" s="53"/>
      <c r="CA1303" s="53"/>
      <c r="CB1303" s="53"/>
      <c r="CC1303" s="53"/>
      <c r="CD1303" s="53"/>
      <c r="CE1303" s="53"/>
      <c r="CF1303" s="53"/>
      <c r="CG1303" s="53"/>
      <c r="CH1303" s="53"/>
      <c r="CI1303" s="53"/>
      <c r="CJ1303" s="53"/>
      <c r="CK1303" s="53"/>
      <c r="CL1303" s="53"/>
      <c r="CM1303" s="53"/>
      <c r="CN1303" s="53"/>
    </row>
    <row r="1304" spans="1:92" outlineLevel="1">
      <c r="A1304" s="52" t="s">
        <v>649</v>
      </c>
      <c r="B1304" s="53"/>
      <c r="C1304" s="53"/>
      <c r="D1304" s="53"/>
      <c r="E1304" s="53"/>
      <c r="F1304" s="53"/>
      <c r="G1304" s="53"/>
      <c r="H1304" s="53"/>
      <c r="I1304" s="53"/>
      <c r="J1304" s="53"/>
      <c r="K1304" s="53"/>
      <c r="L1304" s="53"/>
      <c r="M1304" s="53"/>
      <c r="N1304" s="53"/>
      <c r="O1304" s="53">
        <v>111279.41666666701</v>
      </c>
      <c r="P1304" s="53">
        <v>111279.41666666701</v>
      </c>
      <c r="Q1304" s="53">
        <v>111279.41666666701</v>
      </c>
      <c r="R1304" s="53">
        <v>111279.41666666701</v>
      </c>
      <c r="S1304" s="53">
        <v>111279.41666666701</v>
      </c>
      <c r="T1304" s="53">
        <v>111279.41666666701</v>
      </c>
      <c r="U1304" s="53">
        <v>111279.41666666701</v>
      </c>
      <c r="V1304" s="53">
        <v>111279.41666666701</v>
      </c>
      <c r="W1304" s="53">
        <v>111279.41666666701</v>
      </c>
      <c r="X1304" s="53">
        <v>111279.41666666701</v>
      </c>
      <c r="Y1304" s="53">
        <v>111279.41666666701</v>
      </c>
      <c r="Z1304" s="53">
        <v>111279.41666666701</v>
      </c>
      <c r="AA1304" s="53">
        <v>1335353</v>
      </c>
      <c r="AB1304" s="53">
        <v>110447.08333333299</v>
      </c>
      <c r="AC1304" s="53">
        <v>110447.08333333299</v>
      </c>
      <c r="AD1304" s="53">
        <v>110447.08333333299</v>
      </c>
      <c r="AE1304" s="53">
        <v>110447.08333333299</v>
      </c>
      <c r="AF1304" s="53">
        <v>110447.08333333299</v>
      </c>
      <c r="AG1304" s="53">
        <v>110447.08333333299</v>
      </c>
      <c r="AH1304" s="53">
        <v>110447.08333333299</v>
      </c>
      <c r="AI1304" s="53">
        <v>110447.08333333299</v>
      </c>
      <c r="AJ1304" s="53">
        <v>110447.08333333299</v>
      </c>
      <c r="AK1304" s="53">
        <v>110447.08333333299</v>
      </c>
      <c r="AL1304" s="53">
        <v>110447.08333333299</v>
      </c>
      <c r="AM1304" s="53">
        <v>110447.08333333299</v>
      </c>
      <c r="AN1304" s="53">
        <v>1325364.99999999</v>
      </c>
      <c r="AO1304" s="53">
        <v>110280.66666666701</v>
      </c>
      <c r="AP1304" s="53">
        <v>110280.66666666701</v>
      </c>
      <c r="AQ1304" s="53">
        <v>110280.66666666701</v>
      </c>
      <c r="AR1304" s="53">
        <v>110280.66666666701</v>
      </c>
      <c r="AS1304" s="53">
        <v>110280.66666666701</v>
      </c>
      <c r="AT1304" s="53">
        <v>110280.66666666701</v>
      </c>
      <c r="AU1304" s="53">
        <v>110280.66666666701</v>
      </c>
      <c r="AV1304" s="53">
        <v>110280.66666666701</v>
      </c>
      <c r="AW1304" s="53">
        <v>110280.66666666701</v>
      </c>
      <c r="AX1304" s="53">
        <v>110280.66666666701</v>
      </c>
      <c r="AY1304" s="53">
        <v>110280.66666666701</v>
      </c>
      <c r="AZ1304" s="53">
        <v>110280.66666666701</v>
      </c>
      <c r="BA1304" s="53">
        <v>1323368</v>
      </c>
      <c r="BB1304" s="53">
        <v>94724.916666666701</v>
      </c>
      <c r="BC1304" s="53">
        <v>94724.916666666701</v>
      </c>
      <c r="BD1304" s="53">
        <v>94724.916666666701</v>
      </c>
      <c r="BE1304" s="53">
        <v>94724.916666666701</v>
      </c>
      <c r="BF1304" s="53">
        <v>94724.916666666701</v>
      </c>
      <c r="BG1304" s="53">
        <v>94724.916666666701</v>
      </c>
      <c r="BH1304" s="53">
        <v>94724.916666666701</v>
      </c>
      <c r="BI1304" s="53">
        <v>94724.916666666701</v>
      </c>
      <c r="BJ1304" s="53">
        <v>94724.916666666701</v>
      </c>
      <c r="BK1304" s="53">
        <v>94724.916666666701</v>
      </c>
      <c r="BL1304" s="53">
        <v>94724.916666666701</v>
      </c>
      <c r="BM1304" s="53">
        <v>94724.916666666701</v>
      </c>
      <c r="BN1304" s="53">
        <v>1136699</v>
      </c>
      <c r="BO1304" s="53">
        <v>81829.833333333299</v>
      </c>
      <c r="BP1304" s="53">
        <v>81829.833333333299</v>
      </c>
      <c r="BQ1304" s="53">
        <v>81829.833333333299</v>
      </c>
      <c r="BR1304" s="53">
        <v>81829.833333333299</v>
      </c>
      <c r="BS1304" s="53">
        <v>81829.833333333299</v>
      </c>
      <c r="BT1304" s="53">
        <v>81829.833333333299</v>
      </c>
      <c r="BU1304" s="53">
        <v>81829.833333333299</v>
      </c>
      <c r="BV1304" s="53">
        <v>81829.833333333299</v>
      </c>
      <c r="BW1304" s="53">
        <v>81829.833333333299</v>
      </c>
      <c r="BX1304" s="53">
        <v>81829.833333333299</v>
      </c>
      <c r="BY1304" s="53">
        <v>81829.833333333299</v>
      </c>
      <c r="BZ1304" s="53">
        <v>81829.833333333299</v>
      </c>
      <c r="CA1304" s="53">
        <v>981957.99999999895</v>
      </c>
      <c r="CB1304" s="53"/>
      <c r="CC1304" s="53"/>
      <c r="CD1304" s="53">
        <v>437500</v>
      </c>
      <c r="CE1304" s="53"/>
      <c r="CF1304" s="53"/>
      <c r="CG1304" s="53"/>
      <c r="CH1304" s="53"/>
      <c r="CI1304" s="53"/>
      <c r="CJ1304" s="53"/>
      <c r="CK1304" s="53"/>
      <c r="CL1304" s="53"/>
      <c r="CM1304" s="53"/>
      <c r="CN1304" s="53">
        <v>437500</v>
      </c>
    </row>
    <row r="1305" spans="1:92" outlineLevel="1">
      <c r="A1305" s="52" t="s">
        <v>1434</v>
      </c>
      <c r="B1305" s="53"/>
      <c r="C1305" s="53"/>
      <c r="D1305" s="53"/>
      <c r="E1305" s="53"/>
      <c r="F1305" s="53"/>
      <c r="G1305" s="53"/>
      <c r="H1305" s="53"/>
      <c r="I1305" s="53"/>
      <c r="J1305" s="53"/>
      <c r="K1305" s="53"/>
      <c r="L1305" s="53"/>
      <c r="M1305" s="53"/>
      <c r="N1305" s="53"/>
      <c r="O1305" s="53"/>
      <c r="P1305" s="53"/>
      <c r="Q1305" s="53"/>
      <c r="R1305" s="53"/>
      <c r="S1305" s="53"/>
      <c r="T1305" s="53"/>
      <c r="U1305" s="53"/>
      <c r="V1305" s="53"/>
      <c r="W1305" s="53"/>
      <c r="X1305" s="53"/>
      <c r="Y1305" s="53"/>
      <c r="Z1305" s="53"/>
      <c r="AA1305" s="53"/>
      <c r="AB1305" s="53"/>
      <c r="AC1305" s="53"/>
      <c r="AD1305" s="53"/>
      <c r="AE1305" s="53"/>
      <c r="AF1305" s="53"/>
      <c r="AG1305" s="53"/>
      <c r="AH1305" s="53"/>
      <c r="AI1305" s="53"/>
      <c r="AJ1305" s="53"/>
      <c r="AK1305" s="53"/>
      <c r="AL1305" s="53"/>
      <c r="AM1305" s="53"/>
      <c r="AN1305" s="53"/>
      <c r="AO1305" s="53"/>
      <c r="AP1305" s="53"/>
      <c r="AQ1305" s="53"/>
      <c r="AR1305" s="53"/>
      <c r="AS1305" s="53"/>
      <c r="AT1305" s="53"/>
      <c r="AU1305" s="53"/>
      <c r="AV1305" s="53"/>
      <c r="AW1305" s="53"/>
      <c r="AX1305" s="53"/>
      <c r="AY1305" s="53"/>
      <c r="AZ1305" s="53"/>
      <c r="BA1305" s="53"/>
      <c r="BB1305" s="53"/>
      <c r="BC1305" s="53"/>
      <c r="BD1305" s="53"/>
      <c r="BE1305" s="53"/>
      <c r="BF1305" s="53"/>
      <c r="BG1305" s="53"/>
      <c r="BH1305" s="53"/>
      <c r="BI1305" s="53"/>
      <c r="BJ1305" s="53"/>
      <c r="BK1305" s="53"/>
      <c r="BL1305" s="53"/>
      <c r="BM1305" s="53"/>
      <c r="BN1305" s="53"/>
      <c r="BO1305" s="53"/>
      <c r="BP1305" s="53"/>
      <c r="BQ1305" s="53"/>
      <c r="BR1305" s="53"/>
      <c r="BS1305" s="53"/>
      <c r="BT1305" s="53"/>
      <c r="BU1305" s="53"/>
      <c r="BV1305" s="53"/>
      <c r="BW1305" s="53"/>
      <c r="BX1305" s="53"/>
      <c r="BY1305" s="53"/>
      <c r="BZ1305" s="53"/>
      <c r="CA1305" s="53"/>
      <c r="CB1305" s="53"/>
      <c r="CC1305" s="53"/>
      <c r="CD1305" s="53"/>
      <c r="CE1305" s="53"/>
      <c r="CF1305" s="53"/>
      <c r="CG1305" s="53"/>
      <c r="CH1305" s="53"/>
      <c r="CI1305" s="53"/>
      <c r="CJ1305" s="53"/>
      <c r="CK1305" s="53"/>
      <c r="CL1305" s="53"/>
      <c r="CM1305" s="53"/>
      <c r="CN1305" s="53"/>
    </row>
    <row r="1306" spans="1:92" outlineLevel="1">
      <c r="A1306" s="52" t="s">
        <v>649</v>
      </c>
      <c r="B1306" s="53"/>
      <c r="C1306" s="53"/>
      <c r="D1306" s="53"/>
      <c r="E1306" s="53"/>
      <c r="F1306" s="53"/>
      <c r="G1306" s="53"/>
      <c r="H1306" s="53"/>
      <c r="I1306" s="53"/>
      <c r="J1306" s="53"/>
      <c r="K1306" s="53"/>
      <c r="L1306" s="53"/>
      <c r="M1306" s="53"/>
      <c r="N1306" s="53"/>
      <c r="O1306" s="53"/>
      <c r="P1306" s="53"/>
      <c r="Q1306" s="53"/>
      <c r="R1306" s="53"/>
      <c r="S1306" s="53"/>
      <c r="T1306" s="53"/>
      <c r="U1306" s="53"/>
      <c r="V1306" s="53"/>
      <c r="W1306" s="53"/>
      <c r="X1306" s="53"/>
      <c r="Y1306" s="53"/>
      <c r="Z1306" s="53"/>
      <c r="AA1306" s="53"/>
      <c r="AB1306" s="53"/>
      <c r="AC1306" s="53"/>
      <c r="AD1306" s="53"/>
      <c r="AE1306" s="53"/>
      <c r="AF1306" s="53"/>
      <c r="AG1306" s="53"/>
      <c r="AH1306" s="53"/>
      <c r="AI1306" s="53"/>
      <c r="AJ1306" s="53"/>
      <c r="AK1306" s="53"/>
      <c r="AL1306" s="53"/>
      <c r="AM1306" s="53"/>
      <c r="AN1306" s="53"/>
      <c r="AO1306" s="53">
        <v>-47271.890776666703</v>
      </c>
      <c r="AP1306" s="53">
        <v>-47271.890776666703</v>
      </c>
      <c r="AQ1306" s="53">
        <v>-47271.890776666703</v>
      </c>
      <c r="AR1306" s="53">
        <v>-47271.890776666703</v>
      </c>
      <c r="AS1306" s="53">
        <v>-47271.890776666703</v>
      </c>
      <c r="AT1306" s="53">
        <v>-47271.890776666703</v>
      </c>
      <c r="AU1306" s="53">
        <v>-47271.890776666703</v>
      </c>
      <c r="AV1306" s="53">
        <v>-47271.890776666703</v>
      </c>
      <c r="AW1306" s="53">
        <v>-47271.890776666703</v>
      </c>
      <c r="AX1306" s="53">
        <v>-47271.890776666703</v>
      </c>
      <c r="AY1306" s="53">
        <v>-47271.890776666703</v>
      </c>
      <c r="AZ1306" s="53">
        <v>-47271.890776666703</v>
      </c>
      <c r="BA1306" s="53">
        <v>-567262.68932</v>
      </c>
      <c r="BB1306" s="53">
        <v>-47271.890776666703</v>
      </c>
      <c r="BC1306" s="53">
        <v>-47271.890776666703</v>
      </c>
      <c r="BD1306" s="53">
        <v>-47271.890776666703</v>
      </c>
      <c r="BE1306" s="53">
        <v>-47271.890776666703</v>
      </c>
      <c r="BF1306" s="53">
        <v>-47271.890776666703</v>
      </c>
      <c r="BG1306" s="53">
        <v>-47271.890776666703</v>
      </c>
      <c r="BH1306" s="53">
        <v>-47271.890776666703</v>
      </c>
      <c r="BI1306" s="53">
        <v>-47271.890776666703</v>
      </c>
      <c r="BJ1306" s="53">
        <v>-47271.890776666703</v>
      </c>
      <c r="BK1306" s="53">
        <v>-47271.890776666703</v>
      </c>
      <c r="BL1306" s="53">
        <v>-47271.890776666703</v>
      </c>
      <c r="BM1306" s="53">
        <v>-47271.890776666703</v>
      </c>
      <c r="BN1306" s="53">
        <v>-567262.68932</v>
      </c>
      <c r="BO1306" s="53">
        <v>-47271.890776666703</v>
      </c>
      <c r="BP1306" s="53">
        <v>-47271.890776666703</v>
      </c>
      <c r="BQ1306" s="53">
        <v>-47271.890776666703</v>
      </c>
      <c r="BR1306" s="53">
        <v>-47271.890776666703</v>
      </c>
      <c r="BS1306" s="53">
        <v>-47271.890776666703</v>
      </c>
      <c r="BT1306" s="53">
        <v>-47271.890776666703</v>
      </c>
      <c r="BU1306" s="53">
        <v>-47271.890776666703</v>
      </c>
      <c r="BV1306" s="53">
        <v>-47271.890776666703</v>
      </c>
      <c r="BW1306" s="53">
        <v>-47271.890776666703</v>
      </c>
      <c r="BX1306" s="53">
        <v>-47271.890776666703</v>
      </c>
      <c r="BY1306" s="53">
        <v>-47271.890776666703</v>
      </c>
      <c r="BZ1306" s="53">
        <v>-47271.890776666703</v>
      </c>
      <c r="CA1306" s="53">
        <v>-567262.68932</v>
      </c>
      <c r="CB1306" s="53"/>
      <c r="CC1306" s="53"/>
      <c r="CD1306" s="53"/>
      <c r="CE1306" s="53">
        <v>337500</v>
      </c>
      <c r="CF1306" s="53"/>
      <c r="CG1306" s="53"/>
      <c r="CH1306" s="53"/>
      <c r="CI1306" s="53"/>
      <c r="CJ1306" s="53"/>
      <c r="CK1306" s="53"/>
      <c r="CL1306" s="53"/>
      <c r="CM1306" s="53"/>
      <c r="CN1306" s="53">
        <v>337500</v>
      </c>
    </row>
    <row r="1307" spans="1:92" outlineLevel="1">
      <c r="A1307" s="52" t="s">
        <v>1435</v>
      </c>
      <c r="B1307" s="53"/>
      <c r="C1307" s="53"/>
      <c r="D1307" s="53"/>
      <c r="E1307" s="53"/>
      <c r="F1307" s="53"/>
      <c r="G1307" s="53"/>
      <c r="H1307" s="53"/>
      <c r="I1307" s="53"/>
      <c r="J1307" s="53"/>
      <c r="K1307" s="53"/>
      <c r="L1307" s="53"/>
      <c r="M1307" s="53"/>
      <c r="N1307" s="53"/>
      <c r="O1307" s="53"/>
      <c r="P1307" s="53"/>
      <c r="Q1307" s="53"/>
      <c r="R1307" s="53"/>
      <c r="S1307" s="53"/>
      <c r="T1307" s="53"/>
      <c r="U1307" s="53"/>
      <c r="V1307" s="53"/>
      <c r="W1307" s="53"/>
      <c r="X1307" s="53"/>
      <c r="Y1307" s="53"/>
      <c r="Z1307" s="53"/>
      <c r="AA1307" s="53"/>
      <c r="AB1307" s="53"/>
      <c r="AC1307" s="53"/>
      <c r="AD1307" s="53"/>
      <c r="AE1307" s="53"/>
      <c r="AF1307" s="53"/>
      <c r="AG1307" s="53"/>
      <c r="AH1307" s="53"/>
      <c r="AI1307" s="53"/>
      <c r="AJ1307" s="53"/>
      <c r="AK1307" s="53"/>
      <c r="AL1307" s="53"/>
      <c r="AM1307" s="53"/>
      <c r="AN1307" s="53"/>
      <c r="AO1307" s="53"/>
      <c r="AP1307" s="53"/>
      <c r="AQ1307" s="53"/>
      <c r="AR1307" s="53"/>
      <c r="AS1307" s="53"/>
      <c r="AT1307" s="53"/>
      <c r="AU1307" s="53"/>
      <c r="AV1307" s="53"/>
      <c r="AW1307" s="53"/>
      <c r="AX1307" s="53"/>
      <c r="AY1307" s="53"/>
      <c r="AZ1307" s="53"/>
      <c r="BA1307" s="53"/>
      <c r="BB1307" s="53"/>
      <c r="BC1307" s="53"/>
      <c r="BD1307" s="53"/>
      <c r="BE1307" s="53"/>
      <c r="BF1307" s="53"/>
      <c r="BG1307" s="53"/>
      <c r="BH1307" s="53"/>
      <c r="BI1307" s="53"/>
      <c r="BJ1307" s="53"/>
      <c r="BK1307" s="53"/>
      <c r="BL1307" s="53"/>
      <c r="BM1307" s="53"/>
      <c r="BN1307" s="53"/>
      <c r="BO1307" s="53"/>
      <c r="BP1307" s="53"/>
      <c r="BQ1307" s="53"/>
      <c r="BR1307" s="53"/>
      <c r="BS1307" s="53"/>
      <c r="BT1307" s="53"/>
      <c r="BU1307" s="53"/>
      <c r="BV1307" s="53"/>
      <c r="BW1307" s="53"/>
      <c r="BX1307" s="53"/>
      <c r="BY1307" s="53"/>
      <c r="BZ1307" s="53"/>
      <c r="CA1307" s="53"/>
      <c r="CB1307" s="53"/>
      <c r="CC1307" s="53"/>
      <c r="CD1307" s="53"/>
      <c r="CE1307" s="53"/>
      <c r="CF1307" s="53"/>
      <c r="CG1307" s="53"/>
      <c r="CH1307" s="53"/>
      <c r="CI1307" s="53"/>
      <c r="CJ1307" s="53"/>
      <c r="CK1307" s="53"/>
      <c r="CL1307" s="53"/>
      <c r="CM1307" s="53"/>
      <c r="CN1307" s="53"/>
    </row>
    <row r="1308" spans="1:92" outlineLevel="1">
      <c r="A1308" s="52" t="s">
        <v>649</v>
      </c>
      <c r="B1308" s="53"/>
      <c r="C1308" s="53"/>
      <c r="D1308" s="53"/>
      <c r="E1308" s="53"/>
      <c r="F1308" s="53"/>
      <c r="G1308" s="53"/>
      <c r="H1308" s="53"/>
      <c r="I1308" s="53"/>
      <c r="J1308" s="53"/>
      <c r="K1308" s="53"/>
      <c r="L1308" s="53"/>
      <c r="M1308" s="53"/>
      <c r="N1308" s="53"/>
      <c r="O1308" s="53"/>
      <c r="P1308" s="53"/>
      <c r="Q1308" s="53"/>
      <c r="R1308" s="53"/>
      <c r="S1308" s="53"/>
      <c r="T1308" s="53"/>
      <c r="U1308" s="53"/>
      <c r="V1308" s="53"/>
      <c r="W1308" s="53"/>
      <c r="X1308" s="53"/>
      <c r="Y1308" s="53"/>
      <c r="Z1308" s="53"/>
      <c r="AA1308" s="53"/>
      <c r="AB1308" s="53"/>
      <c r="AC1308" s="53"/>
      <c r="AD1308" s="53"/>
      <c r="AE1308" s="53"/>
      <c r="AF1308" s="53"/>
      <c r="AG1308" s="53"/>
      <c r="AH1308" s="53"/>
      <c r="AI1308" s="53"/>
      <c r="AJ1308" s="53"/>
      <c r="AK1308" s="53"/>
      <c r="AL1308" s="53"/>
      <c r="AM1308" s="53"/>
      <c r="AN1308" s="53"/>
      <c r="AO1308" s="53">
        <v>-317982.89999999898</v>
      </c>
      <c r="AP1308" s="53">
        <v>-317982.89999999898</v>
      </c>
      <c r="AQ1308" s="53">
        <v>-317982.89999999898</v>
      </c>
      <c r="AR1308" s="53">
        <v>-317982.89999999898</v>
      </c>
      <c r="AS1308" s="53">
        <v>-317982.89999999898</v>
      </c>
      <c r="AT1308" s="53">
        <v>-317982.89999999898</v>
      </c>
      <c r="AU1308" s="53">
        <v>-317982.89999999898</v>
      </c>
      <c r="AV1308" s="53">
        <v>-317982.89999999898</v>
      </c>
      <c r="AW1308" s="53">
        <v>-317982.89999999898</v>
      </c>
      <c r="AX1308" s="53">
        <v>-317982.89999999898</v>
      </c>
      <c r="AY1308" s="53">
        <v>-317982.89999999898</v>
      </c>
      <c r="AZ1308" s="53">
        <v>-317982.89999999898</v>
      </c>
      <c r="BA1308" s="53">
        <v>-3815794.8</v>
      </c>
      <c r="BB1308" s="53">
        <v>-317982.89999999898</v>
      </c>
      <c r="BC1308" s="53">
        <v>-317982.89999999898</v>
      </c>
      <c r="BD1308" s="53">
        <v>-317982.89999999898</v>
      </c>
      <c r="BE1308" s="53">
        <v>-317982.89999999898</v>
      </c>
      <c r="BF1308" s="53">
        <v>-317982.89999999898</v>
      </c>
      <c r="BG1308" s="53">
        <v>-317982.89999999898</v>
      </c>
      <c r="BH1308" s="53">
        <v>-317982.89999999898</v>
      </c>
      <c r="BI1308" s="53">
        <v>-317982.89999999898</v>
      </c>
      <c r="BJ1308" s="53">
        <v>-317982.89999999898</v>
      </c>
      <c r="BK1308" s="53">
        <v>-317982.89999999898</v>
      </c>
      <c r="BL1308" s="53">
        <v>-317982.89999999898</v>
      </c>
      <c r="BM1308" s="53">
        <v>-317982.89999999898</v>
      </c>
      <c r="BN1308" s="53">
        <v>-3815794.8</v>
      </c>
      <c r="BO1308" s="53">
        <v>-317982.89999999898</v>
      </c>
      <c r="BP1308" s="53">
        <v>-317982.89999999898</v>
      </c>
      <c r="BQ1308" s="53">
        <v>-317982.89999999898</v>
      </c>
      <c r="BR1308" s="53">
        <v>-317982.89999999898</v>
      </c>
      <c r="BS1308" s="53">
        <v>-317982.89999999898</v>
      </c>
      <c r="BT1308" s="53">
        <v>-317982.89999999898</v>
      </c>
      <c r="BU1308" s="53">
        <v>-317982.89999999898</v>
      </c>
      <c r="BV1308" s="53">
        <v>-317982.89999999898</v>
      </c>
      <c r="BW1308" s="53">
        <v>-317982.89999999898</v>
      </c>
      <c r="BX1308" s="53">
        <v>-317982.89999999898</v>
      </c>
      <c r="BY1308" s="53">
        <v>-317982.89999999898</v>
      </c>
      <c r="BZ1308" s="53">
        <v>-317982.89999999898</v>
      </c>
      <c r="CA1308" s="53">
        <v>-3815794.8</v>
      </c>
      <c r="CB1308" s="53"/>
      <c r="CC1308" s="53"/>
      <c r="CD1308" s="53"/>
      <c r="CE1308" s="53"/>
      <c r="CF1308" s="53"/>
      <c r="CG1308" s="53"/>
      <c r="CH1308" s="53"/>
      <c r="CI1308" s="53"/>
      <c r="CJ1308" s="53"/>
      <c r="CK1308" s="53"/>
      <c r="CL1308" s="53"/>
      <c r="CM1308" s="53"/>
      <c r="CN1308" s="53"/>
    </row>
    <row r="1309" spans="1:92" outlineLevel="1">
      <c r="A1309" s="52" t="s">
        <v>1436</v>
      </c>
      <c r="B1309" s="53"/>
      <c r="C1309" s="53"/>
      <c r="D1309" s="53"/>
      <c r="E1309" s="53"/>
      <c r="F1309" s="53"/>
      <c r="G1309" s="53"/>
      <c r="H1309" s="53"/>
      <c r="I1309" s="53"/>
      <c r="J1309" s="53"/>
      <c r="K1309" s="53"/>
      <c r="L1309" s="53"/>
      <c r="M1309" s="53"/>
      <c r="N1309" s="53"/>
      <c r="O1309" s="53"/>
      <c r="P1309" s="53"/>
      <c r="Q1309" s="53"/>
      <c r="R1309" s="53"/>
      <c r="S1309" s="53"/>
      <c r="T1309" s="53"/>
      <c r="U1309" s="53"/>
      <c r="V1309" s="53"/>
      <c r="W1309" s="53"/>
      <c r="X1309" s="53"/>
      <c r="Y1309" s="53"/>
      <c r="Z1309" s="53"/>
      <c r="AA1309" s="53"/>
      <c r="AB1309" s="53"/>
      <c r="AC1309" s="53"/>
      <c r="AD1309" s="53"/>
      <c r="AE1309" s="53"/>
      <c r="AF1309" s="53"/>
      <c r="AG1309" s="53"/>
      <c r="AH1309" s="53"/>
      <c r="AI1309" s="53"/>
      <c r="AJ1309" s="53"/>
      <c r="AK1309" s="53"/>
      <c r="AL1309" s="53"/>
      <c r="AM1309" s="53"/>
      <c r="AN1309" s="53"/>
      <c r="AO1309" s="53"/>
      <c r="AP1309" s="53"/>
      <c r="AQ1309" s="53"/>
      <c r="AR1309" s="53"/>
      <c r="AS1309" s="53"/>
      <c r="AT1309" s="53"/>
      <c r="AU1309" s="53"/>
      <c r="AV1309" s="53"/>
      <c r="AW1309" s="53"/>
      <c r="AX1309" s="53"/>
      <c r="AY1309" s="53"/>
      <c r="AZ1309" s="53"/>
      <c r="BA1309" s="53"/>
      <c r="BB1309" s="53"/>
      <c r="BC1309" s="53"/>
      <c r="BD1309" s="53"/>
      <c r="BE1309" s="53"/>
      <c r="BF1309" s="53"/>
      <c r="BG1309" s="53"/>
      <c r="BH1309" s="53"/>
      <c r="BI1309" s="53"/>
      <c r="BJ1309" s="53"/>
      <c r="BK1309" s="53"/>
      <c r="BL1309" s="53"/>
      <c r="BM1309" s="53"/>
      <c r="BN1309" s="53"/>
      <c r="BO1309" s="53"/>
      <c r="BP1309" s="53"/>
      <c r="BQ1309" s="53"/>
      <c r="BR1309" s="53"/>
      <c r="BS1309" s="53"/>
      <c r="BT1309" s="53"/>
      <c r="BU1309" s="53"/>
      <c r="BV1309" s="53"/>
      <c r="BW1309" s="53"/>
      <c r="BX1309" s="53"/>
      <c r="BY1309" s="53"/>
      <c r="BZ1309" s="53"/>
      <c r="CA1309" s="53"/>
      <c r="CB1309" s="53"/>
      <c r="CC1309" s="53"/>
      <c r="CD1309" s="53"/>
      <c r="CE1309" s="53"/>
      <c r="CF1309" s="53"/>
      <c r="CG1309" s="53"/>
      <c r="CH1309" s="53"/>
      <c r="CI1309" s="53"/>
      <c r="CJ1309" s="53"/>
      <c r="CK1309" s="53"/>
      <c r="CL1309" s="53"/>
      <c r="CM1309" s="53"/>
      <c r="CN1309" s="53"/>
    </row>
    <row r="1310" spans="1:92" outlineLevel="1">
      <c r="A1310" s="52" t="s">
        <v>649</v>
      </c>
      <c r="B1310" s="53"/>
      <c r="C1310" s="53"/>
      <c r="D1310" s="53"/>
      <c r="E1310" s="53"/>
      <c r="F1310" s="53"/>
      <c r="G1310" s="53"/>
      <c r="H1310" s="53"/>
      <c r="I1310" s="53"/>
      <c r="J1310" s="53"/>
      <c r="K1310" s="53"/>
      <c r="L1310" s="53"/>
      <c r="M1310" s="53"/>
      <c r="N1310" s="53"/>
      <c r="O1310" s="53"/>
      <c r="P1310" s="53"/>
      <c r="Q1310" s="53"/>
      <c r="R1310" s="53"/>
      <c r="S1310" s="53"/>
      <c r="T1310" s="53"/>
      <c r="U1310" s="53"/>
      <c r="V1310" s="53"/>
      <c r="W1310" s="53"/>
      <c r="X1310" s="53"/>
      <c r="Y1310" s="53"/>
      <c r="Z1310" s="53"/>
      <c r="AA1310" s="53"/>
      <c r="AB1310" s="53"/>
      <c r="AC1310" s="53"/>
      <c r="AD1310" s="53"/>
      <c r="AE1310" s="53"/>
      <c r="AF1310" s="53"/>
      <c r="AG1310" s="53"/>
      <c r="AH1310" s="53"/>
      <c r="AI1310" s="53"/>
      <c r="AJ1310" s="53"/>
      <c r="AK1310" s="53"/>
      <c r="AL1310" s="53"/>
      <c r="AM1310" s="53"/>
      <c r="AN1310" s="53"/>
      <c r="AO1310" s="53">
        <v>-29000000</v>
      </c>
      <c r="AP1310" s="53"/>
      <c r="AQ1310" s="53"/>
      <c r="AR1310" s="53"/>
      <c r="AS1310" s="53"/>
      <c r="AT1310" s="53"/>
      <c r="AU1310" s="53"/>
      <c r="AV1310" s="53"/>
      <c r="AW1310" s="53"/>
      <c r="AX1310" s="53"/>
      <c r="AY1310" s="53"/>
      <c r="AZ1310" s="53"/>
      <c r="BA1310" s="53">
        <v>-29000000</v>
      </c>
      <c r="BB1310" s="53"/>
      <c r="BC1310" s="53"/>
      <c r="BD1310" s="53"/>
      <c r="BE1310" s="53"/>
      <c r="BF1310" s="53"/>
      <c r="BG1310" s="53"/>
      <c r="BH1310" s="53"/>
      <c r="BI1310" s="53"/>
      <c r="BJ1310" s="53"/>
      <c r="BK1310" s="53"/>
      <c r="BL1310" s="53"/>
      <c r="BM1310" s="53"/>
      <c r="BN1310" s="53"/>
      <c r="BO1310" s="53"/>
      <c r="BP1310" s="53"/>
      <c r="BQ1310" s="53"/>
      <c r="BR1310" s="53"/>
      <c r="BS1310" s="53"/>
      <c r="BT1310" s="53"/>
      <c r="BU1310" s="53"/>
      <c r="BV1310" s="53"/>
      <c r="BW1310" s="53"/>
      <c r="BX1310" s="53"/>
      <c r="BY1310" s="53"/>
      <c r="BZ1310" s="53"/>
      <c r="CA1310" s="53"/>
      <c r="CB1310" s="53"/>
      <c r="CC1310" s="53"/>
      <c r="CD1310" s="53"/>
      <c r="CE1310" s="53"/>
      <c r="CF1310" s="53"/>
      <c r="CG1310" s="53"/>
      <c r="CH1310" s="53"/>
      <c r="CI1310" s="53"/>
      <c r="CJ1310" s="53"/>
      <c r="CK1310" s="53"/>
      <c r="CL1310" s="53"/>
      <c r="CM1310" s="53"/>
      <c r="CN1310" s="53"/>
    </row>
    <row r="1311" spans="1:92" outlineLevel="1">
      <c r="A1311" s="52" t="s">
        <v>1437</v>
      </c>
      <c r="B1311" s="53"/>
      <c r="C1311" s="53"/>
      <c r="D1311" s="53"/>
      <c r="E1311" s="53"/>
      <c r="F1311" s="53"/>
      <c r="G1311" s="53"/>
      <c r="H1311" s="53"/>
      <c r="I1311" s="53"/>
      <c r="J1311" s="53"/>
      <c r="K1311" s="53"/>
      <c r="L1311" s="53"/>
      <c r="M1311" s="53"/>
      <c r="N1311" s="53"/>
      <c r="O1311" s="53"/>
      <c r="P1311" s="53"/>
      <c r="Q1311" s="53"/>
      <c r="R1311" s="53"/>
      <c r="S1311" s="53"/>
      <c r="T1311" s="53"/>
      <c r="U1311" s="53"/>
      <c r="V1311" s="53"/>
      <c r="W1311" s="53"/>
      <c r="X1311" s="53"/>
      <c r="Y1311" s="53"/>
      <c r="Z1311" s="53"/>
      <c r="AA1311" s="53"/>
      <c r="AB1311" s="53"/>
      <c r="AC1311" s="53"/>
      <c r="AD1311" s="53"/>
      <c r="AE1311" s="53"/>
      <c r="AF1311" s="53"/>
      <c r="AG1311" s="53"/>
      <c r="AH1311" s="53"/>
      <c r="AI1311" s="53"/>
      <c r="AJ1311" s="53"/>
      <c r="AK1311" s="53"/>
      <c r="AL1311" s="53"/>
      <c r="AM1311" s="53"/>
      <c r="AN1311" s="53"/>
      <c r="AO1311" s="53"/>
      <c r="AP1311" s="53"/>
      <c r="AQ1311" s="53"/>
      <c r="AR1311" s="53"/>
      <c r="AS1311" s="53"/>
      <c r="AT1311" s="53"/>
      <c r="AU1311" s="53"/>
      <c r="AV1311" s="53"/>
      <c r="AW1311" s="53"/>
      <c r="AX1311" s="53"/>
      <c r="AY1311" s="53"/>
      <c r="AZ1311" s="53"/>
      <c r="BA1311" s="53"/>
      <c r="BB1311" s="53"/>
      <c r="BC1311" s="53"/>
      <c r="BD1311" s="53"/>
      <c r="BE1311" s="53"/>
      <c r="BF1311" s="53"/>
      <c r="BG1311" s="53"/>
      <c r="BH1311" s="53"/>
      <c r="BI1311" s="53"/>
      <c r="BJ1311" s="53"/>
      <c r="BK1311" s="53"/>
      <c r="BL1311" s="53"/>
      <c r="BM1311" s="53"/>
      <c r="BN1311" s="53"/>
      <c r="BO1311" s="53"/>
      <c r="BP1311" s="53"/>
      <c r="BQ1311" s="53"/>
      <c r="BR1311" s="53"/>
      <c r="BS1311" s="53"/>
      <c r="BT1311" s="53"/>
      <c r="BU1311" s="53"/>
      <c r="BV1311" s="53"/>
      <c r="BW1311" s="53"/>
      <c r="BX1311" s="53"/>
      <c r="BY1311" s="53"/>
      <c r="BZ1311" s="53"/>
      <c r="CA1311" s="53"/>
      <c r="CB1311" s="53"/>
      <c r="CC1311" s="53"/>
      <c r="CD1311" s="53"/>
      <c r="CE1311" s="53"/>
      <c r="CF1311" s="53"/>
      <c r="CG1311" s="53"/>
      <c r="CH1311" s="53"/>
      <c r="CI1311" s="53"/>
      <c r="CJ1311" s="53"/>
      <c r="CK1311" s="53"/>
      <c r="CL1311" s="53"/>
      <c r="CM1311" s="53"/>
      <c r="CN1311" s="53"/>
    </row>
    <row r="1312" spans="1:92" outlineLevel="1">
      <c r="A1312" s="52" t="s">
        <v>649</v>
      </c>
      <c r="B1312" s="53">
        <v>-89506</v>
      </c>
      <c r="C1312" s="53">
        <v>-89506</v>
      </c>
      <c r="D1312" s="53">
        <v>-89506</v>
      </c>
      <c r="E1312" s="53">
        <v>-89506</v>
      </c>
      <c r="F1312" s="53">
        <v>-89506</v>
      </c>
      <c r="G1312" s="53">
        <v>-89506</v>
      </c>
      <c r="H1312" s="53">
        <v>-89506</v>
      </c>
      <c r="I1312" s="53">
        <v>-89506</v>
      </c>
      <c r="J1312" s="53">
        <v>-89506</v>
      </c>
      <c r="K1312" s="53">
        <v>-89506</v>
      </c>
      <c r="L1312" s="53">
        <v>-89506</v>
      </c>
      <c r="M1312" s="53">
        <v>-89506</v>
      </c>
      <c r="N1312" s="53">
        <v>-1074072</v>
      </c>
      <c r="O1312" s="53">
        <v>-89506</v>
      </c>
      <c r="P1312" s="53">
        <v>-89506</v>
      </c>
      <c r="Q1312" s="53">
        <v>-89506</v>
      </c>
      <c r="R1312" s="53">
        <v>-89506</v>
      </c>
      <c r="S1312" s="53">
        <v>-89506</v>
      </c>
      <c r="T1312" s="53">
        <v>-89506</v>
      </c>
      <c r="U1312" s="53">
        <v>-89506</v>
      </c>
      <c r="V1312" s="53">
        <v>-89506</v>
      </c>
      <c r="W1312" s="53">
        <v>-89506</v>
      </c>
      <c r="X1312" s="53">
        <v>-89506</v>
      </c>
      <c r="Y1312" s="53">
        <v>-89506</v>
      </c>
      <c r="Z1312" s="53">
        <v>-89506</v>
      </c>
      <c r="AA1312" s="53">
        <v>-1074072</v>
      </c>
      <c r="AB1312" s="53">
        <v>-89506</v>
      </c>
      <c r="AC1312" s="53">
        <v>-89506</v>
      </c>
      <c r="AD1312" s="53">
        <v>-89506</v>
      </c>
      <c r="AE1312" s="53">
        <v>-89506</v>
      </c>
      <c r="AF1312" s="53">
        <v>-89506</v>
      </c>
      <c r="AG1312" s="53">
        <v>-89506</v>
      </c>
      <c r="AH1312" s="53">
        <v>-89506</v>
      </c>
      <c r="AI1312" s="53">
        <v>-89506</v>
      </c>
      <c r="AJ1312" s="53">
        <v>-89506</v>
      </c>
      <c r="AK1312" s="53">
        <v>-89506</v>
      </c>
      <c r="AL1312" s="53">
        <v>-89506</v>
      </c>
      <c r="AM1312" s="53">
        <v>-89506</v>
      </c>
      <c r="AN1312" s="53">
        <v>-1074072</v>
      </c>
      <c r="AO1312" s="53">
        <v>-89506</v>
      </c>
      <c r="AP1312" s="53">
        <v>-89506</v>
      </c>
      <c r="AQ1312" s="53">
        <v>-89506</v>
      </c>
      <c r="AR1312" s="53">
        <v>-89506</v>
      </c>
      <c r="AS1312" s="53">
        <v>-89506</v>
      </c>
      <c r="AT1312" s="53">
        <v>-89506</v>
      </c>
      <c r="AU1312" s="53">
        <v>-89506</v>
      </c>
      <c r="AV1312" s="53">
        <v>-89506</v>
      </c>
      <c r="AW1312" s="53">
        <v>-89506</v>
      </c>
      <c r="AX1312" s="53">
        <v>-89506</v>
      </c>
      <c r="AY1312" s="53">
        <v>-89506</v>
      </c>
      <c r="AZ1312" s="53">
        <v>-89506</v>
      </c>
      <c r="BA1312" s="53">
        <v>-1074072</v>
      </c>
      <c r="BB1312" s="53">
        <v>-89506</v>
      </c>
      <c r="BC1312" s="53">
        <v>-89506</v>
      </c>
      <c r="BD1312" s="53">
        <v>-89506</v>
      </c>
      <c r="BE1312" s="53">
        <v>-89506</v>
      </c>
      <c r="BF1312" s="53">
        <v>-89506</v>
      </c>
      <c r="BG1312" s="53">
        <v>-89506</v>
      </c>
      <c r="BH1312" s="53">
        <v>-89506</v>
      </c>
      <c r="BI1312" s="53">
        <v>-89506</v>
      </c>
      <c r="BJ1312" s="53">
        <v>-89506</v>
      </c>
      <c r="BK1312" s="53">
        <v>-89506</v>
      </c>
      <c r="BL1312" s="53">
        <v>-89506</v>
      </c>
      <c r="BM1312" s="53">
        <v>-89506</v>
      </c>
      <c r="BN1312" s="53">
        <v>-1074072</v>
      </c>
      <c r="BO1312" s="53">
        <v>-89506</v>
      </c>
      <c r="BP1312" s="53">
        <v>-89506</v>
      </c>
      <c r="BQ1312" s="53">
        <v>-89506</v>
      </c>
      <c r="BR1312" s="53">
        <v>-89506</v>
      </c>
      <c r="BS1312" s="53">
        <v>-89506</v>
      </c>
      <c r="BT1312" s="53">
        <v>-89506</v>
      </c>
      <c r="BU1312" s="53">
        <v>-89506</v>
      </c>
      <c r="BV1312" s="53">
        <v>-89506</v>
      </c>
      <c r="BW1312" s="53">
        <v>-89506</v>
      </c>
      <c r="BX1312" s="53">
        <v>-89506</v>
      </c>
      <c r="BY1312" s="53">
        <v>-89506</v>
      </c>
      <c r="BZ1312" s="53">
        <v>-89506</v>
      </c>
      <c r="CA1312" s="53">
        <v>-1074072</v>
      </c>
      <c r="CB1312" s="53"/>
      <c r="CC1312" s="53"/>
      <c r="CD1312" s="53"/>
      <c r="CE1312" s="53"/>
      <c r="CF1312" s="53"/>
      <c r="CG1312" s="53"/>
      <c r="CH1312" s="53"/>
      <c r="CI1312" s="53"/>
      <c r="CJ1312" s="53"/>
      <c r="CK1312" s="53"/>
      <c r="CL1312" s="53"/>
      <c r="CM1312" s="53"/>
      <c r="CN1312" s="53"/>
    </row>
    <row r="1313" spans="1:92" outlineLevel="1">
      <c r="A1313" s="52" t="s">
        <v>1444</v>
      </c>
      <c r="B1313" s="53"/>
      <c r="C1313" s="53"/>
      <c r="D1313" s="53"/>
      <c r="E1313" s="53"/>
      <c r="F1313" s="53"/>
      <c r="G1313" s="53"/>
      <c r="H1313" s="53"/>
      <c r="I1313" s="53"/>
      <c r="J1313" s="53"/>
      <c r="K1313" s="53"/>
      <c r="L1313" s="53"/>
      <c r="M1313" s="53"/>
      <c r="N1313" s="53"/>
      <c r="O1313" s="53"/>
      <c r="P1313" s="53"/>
      <c r="Q1313" s="53"/>
      <c r="R1313" s="53"/>
      <c r="S1313" s="53"/>
      <c r="T1313" s="53"/>
      <c r="U1313" s="53"/>
      <c r="V1313" s="53"/>
      <c r="W1313" s="53"/>
      <c r="X1313" s="53"/>
      <c r="Y1313" s="53"/>
      <c r="Z1313" s="53"/>
      <c r="AA1313" s="53"/>
      <c r="AB1313" s="53"/>
      <c r="AC1313" s="53"/>
      <c r="AD1313" s="53"/>
      <c r="AE1313" s="53"/>
      <c r="AF1313" s="53"/>
      <c r="AG1313" s="53"/>
      <c r="AH1313" s="53"/>
      <c r="AI1313" s="53"/>
      <c r="AJ1313" s="53"/>
      <c r="AK1313" s="53"/>
      <c r="AL1313" s="53"/>
      <c r="AM1313" s="53"/>
      <c r="AN1313" s="53"/>
      <c r="AO1313" s="53"/>
      <c r="AP1313" s="53"/>
      <c r="AQ1313" s="53"/>
      <c r="AR1313" s="53"/>
      <c r="AS1313" s="53"/>
      <c r="AT1313" s="53"/>
      <c r="AU1313" s="53"/>
      <c r="AV1313" s="53"/>
      <c r="AW1313" s="53"/>
      <c r="AX1313" s="53"/>
      <c r="AY1313" s="53"/>
      <c r="AZ1313" s="53"/>
      <c r="BA1313" s="53"/>
      <c r="BB1313" s="53"/>
      <c r="BC1313" s="53"/>
      <c r="BD1313" s="53"/>
      <c r="BE1313" s="53"/>
      <c r="BF1313" s="53"/>
      <c r="BG1313" s="53"/>
      <c r="BH1313" s="53"/>
      <c r="BI1313" s="53"/>
      <c r="BJ1313" s="53"/>
      <c r="BK1313" s="53"/>
      <c r="BL1313" s="53"/>
      <c r="BM1313" s="53"/>
      <c r="BN1313" s="53"/>
      <c r="BO1313" s="53"/>
      <c r="BP1313" s="53"/>
      <c r="BQ1313" s="53"/>
      <c r="BR1313" s="53"/>
      <c r="BS1313" s="53"/>
      <c r="BT1313" s="53"/>
      <c r="BU1313" s="53"/>
      <c r="BV1313" s="53"/>
      <c r="BW1313" s="53"/>
      <c r="BX1313" s="53"/>
      <c r="BY1313" s="53"/>
      <c r="BZ1313" s="53"/>
      <c r="CA1313" s="53"/>
      <c r="CB1313" s="53"/>
      <c r="CC1313" s="53"/>
      <c r="CD1313" s="53"/>
      <c r="CE1313" s="53"/>
      <c r="CF1313" s="53"/>
      <c r="CG1313" s="53"/>
      <c r="CH1313" s="53"/>
      <c r="CI1313" s="53"/>
      <c r="CJ1313" s="53"/>
      <c r="CK1313" s="53"/>
      <c r="CL1313" s="53"/>
      <c r="CM1313" s="53"/>
      <c r="CN1313" s="53"/>
    </row>
    <row r="1314" spans="1:92" outlineLevel="1">
      <c r="A1314" s="52" t="s">
        <v>649</v>
      </c>
      <c r="B1314" s="53">
        <v>-11388500</v>
      </c>
      <c r="C1314" s="53">
        <v>-11388500</v>
      </c>
      <c r="D1314" s="53">
        <v>-11388500</v>
      </c>
      <c r="E1314" s="53">
        <v>-11388500</v>
      </c>
      <c r="F1314" s="53">
        <v>-11388500</v>
      </c>
      <c r="G1314" s="53">
        <v>-11388500</v>
      </c>
      <c r="H1314" s="53">
        <v>-11388500</v>
      </c>
      <c r="I1314" s="53">
        <v>-11388500</v>
      </c>
      <c r="J1314" s="53">
        <v>-11388500</v>
      </c>
      <c r="K1314" s="53">
        <v>-11388500</v>
      </c>
      <c r="L1314" s="53">
        <v>-11388500</v>
      </c>
      <c r="M1314" s="53">
        <v>-11388500</v>
      </c>
      <c r="N1314" s="53">
        <v>-136662000</v>
      </c>
      <c r="O1314" s="53">
        <v>-8782250</v>
      </c>
      <c r="P1314" s="53">
        <v>-8782250</v>
      </c>
      <c r="Q1314" s="53">
        <v>-8782250</v>
      </c>
      <c r="R1314" s="53">
        <v>-8782250</v>
      </c>
      <c r="S1314" s="53">
        <v>-8782250</v>
      </c>
      <c r="T1314" s="53">
        <v>-8782250</v>
      </c>
      <c r="U1314" s="53">
        <v>-8782250</v>
      </c>
      <c r="V1314" s="53">
        <v>-8782250</v>
      </c>
      <c r="W1314" s="53">
        <v>-8782250</v>
      </c>
      <c r="X1314" s="53">
        <v>-8782250</v>
      </c>
      <c r="Y1314" s="53">
        <v>-8782250</v>
      </c>
      <c r="Z1314" s="53">
        <v>-8782250</v>
      </c>
      <c r="AA1314" s="53">
        <v>-105387000</v>
      </c>
      <c r="AB1314" s="53">
        <v>-5564166.6666666698</v>
      </c>
      <c r="AC1314" s="53">
        <v>-5564166.6666666698</v>
      </c>
      <c r="AD1314" s="53">
        <v>-5564166.6666666698</v>
      </c>
      <c r="AE1314" s="53">
        <v>-5564166.6666666698</v>
      </c>
      <c r="AF1314" s="53">
        <v>-5564166.6666666698</v>
      </c>
      <c r="AG1314" s="53">
        <v>-5564166.6666666698</v>
      </c>
      <c r="AH1314" s="53">
        <v>-5564166.6666666698</v>
      </c>
      <c r="AI1314" s="53">
        <v>-5564166.6666666698</v>
      </c>
      <c r="AJ1314" s="53">
        <v>-5564166.6666666698</v>
      </c>
      <c r="AK1314" s="53">
        <v>-5564166.6666666698</v>
      </c>
      <c r="AL1314" s="53">
        <v>-5564166.6666666698</v>
      </c>
      <c r="AM1314" s="53">
        <v>-5564166.6666666698</v>
      </c>
      <c r="AN1314" s="53">
        <v>-66770000</v>
      </c>
      <c r="AO1314" s="53">
        <v>-4253666.6666666698</v>
      </c>
      <c r="AP1314" s="53">
        <v>-4253666.6666666698</v>
      </c>
      <c r="AQ1314" s="53">
        <v>-4253666.6666666698</v>
      </c>
      <c r="AR1314" s="53">
        <v>-4253666.6666666698</v>
      </c>
      <c r="AS1314" s="53">
        <v>-4253666.6666666698</v>
      </c>
      <c r="AT1314" s="53">
        <v>-4253666.6666666698</v>
      </c>
      <c r="AU1314" s="53">
        <v>-4253666.6666666698</v>
      </c>
      <c r="AV1314" s="53">
        <v>-4253666.6666666698</v>
      </c>
      <c r="AW1314" s="53">
        <v>-4253666.6666666698</v>
      </c>
      <c r="AX1314" s="53">
        <v>-4253666.6666666698</v>
      </c>
      <c r="AY1314" s="53">
        <v>-4253666.6666666698</v>
      </c>
      <c r="AZ1314" s="53">
        <v>-4253666.6666666698</v>
      </c>
      <c r="BA1314" s="53">
        <v>-51044000</v>
      </c>
      <c r="BB1314" s="53">
        <v>-3086666.6666666698</v>
      </c>
      <c r="BC1314" s="53">
        <v>-3086666.6666666698</v>
      </c>
      <c r="BD1314" s="53">
        <v>-3086666.6666666698</v>
      </c>
      <c r="BE1314" s="53">
        <v>-3086666.6666666698</v>
      </c>
      <c r="BF1314" s="53">
        <v>-3086666.6666666698</v>
      </c>
      <c r="BG1314" s="53">
        <v>-3086666.6666666698</v>
      </c>
      <c r="BH1314" s="53">
        <v>-3086666.6666666698</v>
      </c>
      <c r="BI1314" s="53">
        <v>-3086666.6666666698</v>
      </c>
      <c r="BJ1314" s="53">
        <v>-3086666.6666666698</v>
      </c>
      <c r="BK1314" s="53">
        <v>-3086666.6666666698</v>
      </c>
      <c r="BL1314" s="53">
        <v>-3086666.6666666698</v>
      </c>
      <c r="BM1314" s="53">
        <v>-3086666.6666666698</v>
      </c>
      <c r="BN1314" s="53">
        <v>-37040000</v>
      </c>
      <c r="BO1314" s="53"/>
      <c r="BP1314" s="53"/>
      <c r="BQ1314" s="53"/>
      <c r="BR1314" s="53"/>
      <c r="BS1314" s="53"/>
      <c r="BT1314" s="53"/>
      <c r="BU1314" s="53"/>
      <c r="BV1314" s="53"/>
      <c r="BW1314" s="53"/>
      <c r="BX1314" s="53"/>
      <c r="BY1314" s="53"/>
      <c r="BZ1314" s="53"/>
      <c r="CA1314" s="53"/>
      <c r="CB1314" s="53"/>
      <c r="CC1314" s="53"/>
      <c r="CD1314" s="53"/>
      <c r="CE1314" s="53"/>
      <c r="CF1314" s="53"/>
      <c r="CG1314" s="53"/>
      <c r="CH1314" s="53"/>
      <c r="CI1314" s="53"/>
      <c r="CJ1314" s="53"/>
      <c r="CK1314" s="53"/>
      <c r="CL1314" s="53"/>
      <c r="CM1314" s="53"/>
      <c r="CN1314" s="53"/>
    </row>
    <row r="1315" spans="1:92" outlineLevel="1">
      <c r="A1315" s="52" t="s">
        <v>1445</v>
      </c>
      <c r="B1315" s="53"/>
      <c r="C1315" s="53"/>
      <c r="D1315" s="53"/>
      <c r="E1315" s="53"/>
      <c r="F1315" s="53"/>
      <c r="G1315" s="53"/>
      <c r="H1315" s="53"/>
      <c r="I1315" s="53"/>
      <c r="J1315" s="53"/>
      <c r="K1315" s="53"/>
      <c r="L1315" s="53"/>
      <c r="M1315" s="53"/>
      <c r="N1315" s="53"/>
      <c r="O1315" s="53"/>
      <c r="P1315" s="53"/>
      <c r="Q1315" s="53"/>
      <c r="R1315" s="53"/>
      <c r="S1315" s="53"/>
      <c r="T1315" s="53"/>
      <c r="U1315" s="53"/>
      <c r="V1315" s="53"/>
      <c r="W1315" s="53"/>
      <c r="X1315" s="53"/>
      <c r="Y1315" s="53"/>
      <c r="Z1315" s="53"/>
      <c r="AA1315" s="53"/>
      <c r="AB1315" s="53"/>
      <c r="AC1315" s="53"/>
      <c r="AD1315" s="53"/>
      <c r="AE1315" s="53"/>
      <c r="AF1315" s="53"/>
      <c r="AG1315" s="53"/>
      <c r="AH1315" s="53"/>
      <c r="AI1315" s="53"/>
      <c r="AJ1315" s="53"/>
      <c r="AK1315" s="53"/>
      <c r="AL1315" s="53"/>
      <c r="AM1315" s="53"/>
      <c r="AN1315" s="53"/>
      <c r="AO1315" s="53"/>
      <c r="AP1315" s="53"/>
      <c r="AQ1315" s="53"/>
      <c r="AR1315" s="53"/>
      <c r="AS1315" s="53"/>
      <c r="AT1315" s="53"/>
      <c r="AU1315" s="53"/>
      <c r="AV1315" s="53"/>
      <c r="AW1315" s="53"/>
      <c r="AX1315" s="53"/>
      <c r="AY1315" s="53"/>
      <c r="AZ1315" s="53"/>
      <c r="BA1315" s="53"/>
      <c r="BB1315" s="53"/>
      <c r="BC1315" s="53"/>
      <c r="BD1315" s="53"/>
      <c r="BE1315" s="53"/>
      <c r="BF1315" s="53"/>
      <c r="BG1315" s="53"/>
      <c r="BH1315" s="53"/>
      <c r="BI1315" s="53"/>
      <c r="BJ1315" s="53"/>
      <c r="BK1315" s="53"/>
      <c r="BL1315" s="53"/>
      <c r="BM1315" s="53"/>
      <c r="BN1315" s="53"/>
      <c r="BO1315" s="53"/>
      <c r="BP1315" s="53"/>
      <c r="BQ1315" s="53"/>
      <c r="BR1315" s="53"/>
      <c r="BS1315" s="53"/>
      <c r="BT1315" s="53"/>
      <c r="BU1315" s="53"/>
      <c r="BV1315" s="53"/>
      <c r="BW1315" s="53"/>
      <c r="BX1315" s="53"/>
      <c r="BY1315" s="53"/>
      <c r="BZ1315" s="53"/>
      <c r="CA1315" s="53"/>
      <c r="CB1315" s="53"/>
      <c r="CC1315" s="53"/>
      <c r="CD1315" s="53"/>
      <c r="CE1315" s="53"/>
      <c r="CF1315" s="53"/>
      <c r="CG1315" s="53"/>
      <c r="CH1315" s="53"/>
      <c r="CI1315" s="53"/>
      <c r="CJ1315" s="53"/>
      <c r="CK1315" s="53"/>
      <c r="CL1315" s="53"/>
      <c r="CM1315" s="53"/>
      <c r="CN1315" s="53"/>
    </row>
    <row r="1316" spans="1:92" outlineLevel="1">
      <c r="A1316" s="52" t="s">
        <v>649</v>
      </c>
      <c r="B1316" s="53"/>
      <c r="C1316" s="53">
        <v>-1000000</v>
      </c>
      <c r="D1316" s="53"/>
      <c r="E1316" s="53"/>
      <c r="F1316" s="53"/>
      <c r="G1316" s="53"/>
      <c r="H1316" s="53"/>
      <c r="I1316" s="53"/>
      <c r="J1316" s="53"/>
      <c r="K1316" s="53"/>
      <c r="L1316" s="53"/>
      <c r="M1316" s="53"/>
      <c r="N1316" s="53">
        <v>-1000000</v>
      </c>
      <c r="O1316" s="53"/>
      <c r="P1316" s="53"/>
      <c r="Q1316" s="53"/>
      <c r="R1316" s="53"/>
      <c r="S1316" s="53"/>
      <c r="T1316" s="53"/>
      <c r="U1316" s="53"/>
      <c r="V1316" s="53"/>
      <c r="W1316" s="53"/>
      <c r="X1316" s="53"/>
      <c r="Y1316" s="53"/>
      <c r="Z1316" s="53"/>
      <c r="AA1316" s="53"/>
      <c r="AB1316" s="53"/>
      <c r="AC1316" s="53"/>
      <c r="AD1316" s="53"/>
      <c r="AE1316" s="53"/>
      <c r="AF1316" s="53"/>
      <c r="AG1316" s="53"/>
      <c r="AH1316" s="53"/>
      <c r="AI1316" s="53"/>
      <c r="AJ1316" s="53"/>
      <c r="AK1316" s="53"/>
      <c r="AL1316" s="53"/>
      <c r="AM1316" s="53"/>
      <c r="AN1316" s="53"/>
      <c r="AO1316" s="53"/>
      <c r="AP1316" s="53"/>
      <c r="AQ1316" s="53"/>
      <c r="AR1316" s="53"/>
      <c r="AS1316" s="53"/>
      <c r="AT1316" s="53"/>
      <c r="AU1316" s="53"/>
      <c r="AV1316" s="53"/>
      <c r="AW1316" s="53"/>
      <c r="AX1316" s="53"/>
      <c r="AY1316" s="53"/>
      <c r="AZ1316" s="53"/>
      <c r="BA1316" s="53"/>
      <c r="BB1316" s="53"/>
      <c r="BC1316" s="53"/>
      <c r="BD1316" s="53"/>
      <c r="BE1316" s="53"/>
      <c r="BF1316" s="53"/>
      <c r="BG1316" s="53"/>
      <c r="BH1316" s="53"/>
      <c r="BI1316" s="53"/>
      <c r="BJ1316" s="53"/>
      <c r="BK1316" s="53"/>
      <c r="BL1316" s="53"/>
      <c r="BM1316" s="53"/>
      <c r="BN1316" s="53"/>
      <c r="BO1316" s="53"/>
      <c r="BP1316" s="53"/>
      <c r="BQ1316" s="53"/>
      <c r="BR1316" s="53"/>
      <c r="BS1316" s="53"/>
      <c r="BT1316" s="53"/>
      <c r="BU1316" s="53"/>
      <c r="BV1316" s="53"/>
      <c r="BW1316" s="53"/>
      <c r="BX1316" s="53"/>
      <c r="BY1316" s="53"/>
      <c r="BZ1316" s="53"/>
      <c r="CA1316" s="53"/>
      <c r="CB1316" s="53"/>
      <c r="CC1316" s="53"/>
      <c r="CD1316" s="53"/>
      <c r="CE1316" s="53"/>
      <c r="CF1316" s="53"/>
      <c r="CG1316" s="53"/>
      <c r="CH1316" s="53"/>
      <c r="CI1316" s="53"/>
      <c r="CJ1316" s="53"/>
      <c r="CK1316" s="53"/>
      <c r="CL1316" s="53"/>
      <c r="CM1316" s="53"/>
      <c r="CN1316" s="53"/>
    </row>
    <row r="1317" spans="1:92" outlineLevel="1">
      <c r="A1317" s="52" t="s">
        <v>1410</v>
      </c>
      <c r="B1317" s="53"/>
      <c r="C1317" s="53"/>
      <c r="D1317" s="53"/>
      <c r="E1317" s="53"/>
      <c r="F1317" s="53"/>
      <c r="G1317" s="53"/>
      <c r="H1317" s="53"/>
      <c r="I1317" s="53"/>
      <c r="J1317" s="53"/>
      <c r="K1317" s="53"/>
      <c r="L1317" s="53"/>
      <c r="M1317" s="53"/>
      <c r="N1317" s="53"/>
      <c r="O1317" s="53"/>
      <c r="P1317" s="53"/>
      <c r="Q1317" s="53"/>
      <c r="R1317" s="53"/>
      <c r="S1317" s="53"/>
      <c r="T1317" s="53"/>
      <c r="U1317" s="53"/>
      <c r="V1317" s="53"/>
      <c r="W1317" s="53"/>
      <c r="X1317" s="53"/>
      <c r="Y1317" s="53"/>
      <c r="Z1317" s="53"/>
      <c r="AA1317" s="53"/>
      <c r="AB1317" s="53"/>
      <c r="AC1317" s="53"/>
      <c r="AD1317" s="53"/>
      <c r="AE1317" s="53"/>
      <c r="AF1317" s="53"/>
      <c r="AG1317" s="53"/>
      <c r="AH1317" s="53"/>
      <c r="AI1317" s="53"/>
      <c r="AJ1317" s="53"/>
      <c r="AK1317" s="53"/>
      <c r="AL1317" s="53"/>
      <c r="AM1317" s="53"/>
      <c r="AN1317" s="53"/>
      <c r="AO1317" s="53"/>
      <c r="AP1317" s="53"/>
      <c r="AQ1317" s="53"/>
      <c r="AR1317" s="53"/>
      <c r="AS1317" s="53"/>
      <c r="AT1317" s="53"/>
      <c r="AU1317" s="53"/>
      <c r="AV1317" s="53"/>
      <c r="AW1317" s="53"/>
      <c r="AX1317" s="53"/>
      <c r="AY1317" s="53"/>
      <c r="AZ1317" s="53"/>
      <c r="BA1317" s="53"/>
      <c r="BB1317" s="53"/>
      <c r="BC1317" s="53"/>
      <c r="BD1317" s="53"/>
      <c r="BE1317" s="53"/>
      <c r="BF1317" s="53"/>
      <c r="BG1317" s="53"/>
      <c r="BH1317" s="53"/>
      <c r="BI1317" s="53"/>
      <c r="BJ1317" s="53"/>
      <c r="BK1317" s="53"/>
      <c r="BL1317" s="53"/>
      <c r="BM1317" s="53"/>
      <c r="BN1317" s="53"/>
      <c r="BO1317" s="53"/>
      <c r="BP1317" s="53"/>
      <c r="BQ1317" s="53"/>
      <c r="BR1317" s="53"/>
      <c r="BS1317" s="53"/>
      <c r="BT1317" s="53"/>
      <c r="BU1317" s="53"/>
      <c r="BV1317" s="53"/>
      <c r="BW1317" s="53"/>
      <c r="BX1317" s="53"/>
      <c r="BY1317" s="53"/>
      <c r="BZ1317" s="53"/>
      <c r="CA1317" s="53"/>
      <c r="CB1317" s="53"/>
      <c r="CC1317" s="53"/>
      <c r="CD1317" s="53"/>
      <c r="CE1317" s="53"/>
      <c r="CF1317" s="53"/>
      <c r="CG1317" s="53"/>
      <c r="CH1317" s="53"/>
      <c r="CI1317" s="53"/>
      <c r="CJ1317" s="53"/>
      <c r="CK1317" s="53"/>
      <c r="CL1317" s="53"/>
      <c r="CM1317" s="53"/>
      <c r="CN1317" s="53"/>
    </row>
    <row r="1318" spans="1:92" outlineLevel="1">
      <c r="A1318" s="52" t="s">
        <v>649</v>
      </c>
      <c r="B1318" s="53">
        <v>-189562.24873547599</v>
      </c>
      <c r="C1318" s="53">
        <v>-189562.24873547599</v>
      </c>
      <c r="D1318" s="53">
        <v>-189562.24873547599</v>
      </c>
      <c r="E1318" s="53">
        <v>-189562.24873547599</v>
      </c>
      <c r="F1318" s="53">
        <v>-189562.24873547599</v>
      </c>
      <c r="G1318" s="53">
        <v>-189562.24873547599</v>
      </c>
      <c r="H1318" s="53">
        <v>-189562.24873547599</v>
      </c>
      <c r="I1318" s="53">
        <v>-189562.24873547599</v>
      </c>
      <c r="J1318" s="53">
        <v>-189562.24873547599</v>
      </c>
      <c r="K1318" s="53">
        <v>-189562.24873547599</v>
      </c>
      <c r="L1318" s="53">
        <v>-189562.24873547599</v>
      </c>
      <c r="M1318" s="53">
        <v>-189562.24873547599</v>
      </c>
      <c r="N1318" s="53">
        <v>-2274746.9848257098</v>
      </c>
      <c r="O1318" s="53">
        <v>-213287.34724999999</v>
      </c>
      <c r="P1318" s="53">
        <v>-213287.34724999999</v>
      </c>
      <c r="Q1318" s="53">
        <v>-213287.34724999999</v>
      </c>
      <c r="R1318" s="53">
        <v>-213287.34724999999</v>
      </c>
      <c r="S1318" s="53">
        <v>-213287.34724999999</v>
      </c>
      <c r="T1318" s="53">
        <v>-213287.34724999999</v>
      </c>
      <c r="U1318" s="53">
        <v>-213287.34724999999</v>
      </c>
      <c r="V1318" s="53">
        <v>-213287.34724999999</v>
      </c>
      <c r="W1318" s="53">
        <v>-213287.34724999999</v>
      </c>
      <c r="X1318" s="53">
        <v>-213287.34724999999</v>
      </c>
      <c r="Y1318" s="53">
        <v>-213287.34724999999</v>
      </c>
      <c r="Z1318" s="53">
        <v>-213287.34724999999</v>
      </c>
      <c r="AA1318" s="53">
        <v>-2559448.1669999999</v>
      </c>
      <c r="AB1318" s="53">
        <v>-213287.34724999999</v>
      </c>
      <c r="AC1318" s="53">
        <v>-213287.34724999999</v>
      </c>
      <c r="AD1318" s="53">
        <v>-213287.34724999999</v>
      </c>
      <c r="AE1318" s="53">
        <v>-213287.34724999999</v>
      </c>
      <c r="AF1318" s="53">
        <v>-213287.34724999999</v>
      </c>
      <c r="AG1318" s="53">
        <v>-213287.34724999999</v>
      </c>
      <c r="AH1318" s="53">
        <v>-213287.34724999999</v>
      </c>
      <c r="AI1318" s="53">
        <v>-213287.34724999999</v>
      </c>
      <c r="AJ1318" s="53">
        <v>-213287.34724999999</v>
      </c>
      <c r="AK1318" s="53">
        <v>-213287.34724999999</v>
      </c>
      <c r="AL1318" s="53">
        <v>-213287.34724999999</v>
      </c>
      <c r="AM1318" s="53">
        <v>-213287.34724999999</v>
      </c>
      <c r="AN1318" s="53">
        <v>-2559448.1669999999</v>
      </c>
      <c r="AO1318" s="53">
        <v>-213287.34724999999</v>
      </c>
      <c r="AP1318" s="53">
        <v>-213287.34724999999</v>
      </c>
      <c r="AQ1318" s="53">
        <v>-213287.34724999999</v>
      </c>
      <c r="AR1318" s="53">
        <v>-213287.34724999999</v>
      </c>
      <c r="AS1318" s="53">
        <v>-213287.34724999999</v>
      </c>
      <c r="AT1318" s="53">
        <v>-213287.34724999999</v>
      </c>
      <c r="AU1318" s="53">
        <v>-213287.34724999999</v>
      </c>
      <c r="AV1318" s="53">
        <v>-213287.34724999999</v>
      </c>
      <c r="AW1318" s="53">
        <v>-144305</v>
      </c>
      <c r="AX1318" s="53"/>
      <c r="AY1318" s="53"/>
      <c r="AZ1318" s="53"/>
      <c r="BA1318" s="53">
        <v>-1850603.7779999999</v>
      </c>
      <c r="BB1318" s="53"/>
      <c r="BC1318" s="53"/>
      <c r="BD1318" s="53"/>
      <c r="BE1318" s="53"/>
      <c r="BF1318" s="53"/>
      <c r="BG1318" s="53"/>
      <c r="BH1318" s="53"/>
      <c r="BI1318" s="53"/>
      <c r="BJ1318" s="53"/>
      <c r="BK1318" s="53"/>
      <c r="BL1318" s="53"/>
      <c r="BM1318" s="53"/>
      <c r="BN1318" s="53"/>
      <c r="BO1318" s="53"/>
      <c r="BP1318" s="53"/>
      <c r="BQ1318" s="53"/>
      <c r="BR1318" s="53"/>
      <c r="BS1318" s="53"/>
      <c r="BT1318" s="53"/>
      <c r="BU1318" s="53"/>
      <c r="BV1318" s="53"/>
      <c r="BW1318" s="53"/>
      <c r="BX1318" s="53"/>
      <c r="BY1318" s="53"/>
      <c r="BZ1318" s="53"/>
      <c r="CA1318" s="53"/>
      <c r="CB1318" s="53"/>
      <c r="CC1318" s="53"/>
      <c r="CD1318" s="53"/>
      <c r="CE1318" s="53"/>
      <c r="CF1318" s="53"/>
      <c r="CG1318" s="53"/>
      <c r="CH1318" s="53"/>
      <c r="CI1318" s="53"/>
      <c r="CJ1318" s="53"/>
      <c r="CK1318" s="53"/>
      <c r="CL1318" s="53"/>
      <c r="CM1318" s="53"/>
      <c r="CN1318" s="53"/>
    </row>
    <row r="1319" spans="1:92" outlineLevel="1">
      <c r="A1319" s="52" t="s">
        <v>1411</v>
      </c>
      <c r="B1319" s="53"/>
      <c r="C1319" s="53"/>
      <c r="D1319" s="53"/>
      <c r="E1319" s="53"/>
      <c r="F1319" s="53"/>
      <c r="G1319" s="53"/>
      <c r="H1319" s="53"/>
      <c r="I1319" s="53"/>
      <c r="J1319" s="53"/>
      <c r="K1319" s="53"/>
      <c r="L1319" s="53"/>
      <c r="M1319" s="53"/>
      <c r="N1319" s="53"/>
      <c r="O1319" s="53"/>
      <c r="P1319" s="53"/>
      <c r="Q1319" s="53"/>
      <c r="R1319" s="53"/>
      <c r="S1319" s="53"/>
      <c r="T1319" s="53"/>
      <c r="U1319" s="53"/>
      <c r="V1319" s="53"/>
      <c r="W1319" s="53"/>
      <c r="X1319" s="53"/>
      <c r="Y1319" s="53"/>
      <c r="Z1319" s="53"/>
      <c r="AA1319" s="53"/>
      <c r="AB1319" s="53"/>
      <c r="AC1319" s="53"/>
      <c r="AD1319" s="53"/>
      <c r="AE1319" s="53"/>
      <c r="AF1319" s="53"/>
      <c r="AG1319" s="53"/>
      <c r="AH1319" s="53"/>
      <c r="AI1319" s="53"/>
      <c r="AJ1319" s="53"/>
      <c r="AK1319" s="53"/>
      <c r="AL1319" s="53"/>
      <c r="AM1319" s="53"/>
      <c r="AN1319" s="53"/>
      <c r="AO1319" s="53"/>
      <c r="AP1319" s="53"/>
      <c r="AQ1319" s="53"/>
      <c r="AR1319" s="53"/>
      <c r="AS1319" s="53"/>
      <c r="AT1319" s="53"/>
      <c r="AU1319" s="53"/>
      <c r="AV1319" s="53"/>
      <c r="AW1319" s="53"/>
      <c r="AX1319" s="53"/>
      <c r="AY1319" s="53"/>
      <c r="AZ1319" s="53"/>
      <c r="BA1319" s="53"/>
      <c r="BB1319" s="53"/>
      <c r="BC1319" s="53"/>
      <c r="BD1319" s="53"/>
      <c r="BE1319" s="53"/>
      <c r="BF1319" s="53"/>
      <c r="BG1319" s="53"/>
      <c r="BH1319" s="53"/>
      <c r="BI1319" s="53"/>
      <c r="BJ1319" s="53"/>
      <c r="BK1319" s="53"/>
      <c r="BL1319" s="53"/>
      <c r="BM1319" s="53"/>
      <c r="BN1319" s="53"/>
      <c r="BO1319" s="53"/>
      <c r="BP1319" s="53"/>
      <c r="BQ1319" s="53"/>
      <c r="BR1319" s="53"/>
      <c r="BS1319" s="53"/>
      <c r="BT1319" s="53"/>
      <c r="BU1319" s="53"/>
      <c r="BV1319" s="53"/>
      <c r="BW1319" s="53"/>
      <c r="BX1319" s="53"/>
      <c r="BY1319" s="53"/>
      <c r="BZ1319" s="53"/>
      <c r="CA1319" s="53"/>
      <c r="CB1319" s="53"/>
      <c r="CC1319" s="53"/>
      <c r="CD1319" s="53"/>
      <c r="CE1319" s="53"/>
      <c r="CF1319" s="53"/>
      <c r="CG1319" s="53"/>
      <c r="CH1319" s="53"/>
      <c r="CI1319" s="53"/>
      <c r="CJ1319" s="53"/>
      <c r="CK1319" s="53"/>
      <c r="CL1319" s="53"/>
      <c r="CM1319" s="53"/>
      <c r="CN1319" s="53"/>
    </row>
    <row r="1320" spans="1:92" outlineLevel="1">
      <c r="A1320" s="52" t="s">
        <v>649</v>
      </c>
      <c r="B1320" s="53"/>
      <c r="C1320" s="53"/>
      <c r="D1320" s="53"/>
      <c r="E1320" s="53"/>
      <c r="F1320" s="53"/>
      <c r="G1320" s="53"/>
      <c r="H1320" s="53"/>
      <c r="I1320" s="53"/>
      <c r="J1320" s="53"/>
      <c r="K1320" s="53"/>
      <c r="L1320" s="53"/>
      <c r="M1320" s="53">
        <v>6822100</v>
      </c>
      <c r="N1320" s="53">
        <v>6822100</v>
      </c>
      <c r="O1320" s="53"/>
      <c r="P1320" s="53"/>
      <c r="Q1320" s="53"/>
      <c r="R1320" s="53"/>
      <c r="S1320" s="53"/>
      <c r="T1320" s="53"/>
      <c r="U1320" s="53"/>
      <c r="V1320" s="53"/>
      <c r="W1320" s="53"/>
      <c r="X1320" s="53"/>
      <c r="Y1320" s="53"/>
      <c r="Z1320" s="53"/>
      <c r="AA1320" s="53"/>
      <c r="AB1320" s="53"/>
      <c r="AC1320" s="53"/>
      <c r="AD1320" s="53"/>
      <c r="AE1320" s="53"/>
      <c r="AF1320" s="53"/>
      <c r="AG1320" s="53"/>
      <c r="AH1320" s="53"/>
      <c r="AI1320" s="53"/>
      <c r="AJ1320" s="53"/>
      <c r="AK1320" s="53"/>
      <c r="AL1320" s="53"/>
      <c r="AM1320" s="53"/>
      <c r="AN1320" s="53"/>
      <c r="AO1320" s="53"/>
      <c r="AP1320" s="53"/>
      <c r="AQ1320" s="53"/>
      <c r="AR1320" s="53"/>
      <c r="AS1320" s="53"/>
      <c r="AT1320" s="53"/>
      <c r="AU1320" s="53"/>
      <c r="AV1320" s="53"/>
      <c r="AW1320" s="53"/>
      <c r="AX1320" s="53"/>
      <c r="AY1320" s="53"/>
      <c r="AZ1320" s="53"/>
      <c r="BA1320" s="53"/>
      <c r="BB1320" s="53"/>
      <c r="BC1320" s="53"/>
      <c r="BD1320" s="53"/>
      <c r="BE1320" s="53"/>
      <c r="BF1320" s="53"/>
      <c r="BG1320" s="53"/>
      <c r="BH1320" s="53"/>
      <c r="BI1320" s="53"/>
      <c r="BJ1320" s="53"/>
      <c r="BK1320" s="53"/>
      <c r="BL1320" s="53"/>
      <c r="BM1320" s="53"/>
      <c r="BN1320" s="53"/>
      <c r="BO1320" s="53"/>
      <c r="BP1320" s="53"/>
      <c r="BQ1320" s="53"/>
      <c r="BR1320" s="53"/>
      <c r="BS1320" s="53"/>
      <c r="BT1320" s="53"/>
      <c r="BU1320" s="53"/>
      <c r="BV1320" s="53"/>
      <c r="BW1320" s="53"/>
      <c r="BX1320" s="53"/>
      <c r="BY1320" s="53"/>
      <c r="BZ1320" s="53"/>
      <c r="CA1320" s="53"/>
      <c r="CB1320" s="53"/>
      <c r="CC1320" s="53"/>
      <c r="CD1320" s="53"/>
      <c r="CE1320" s="53"/>
      <c r="CF1320" s="53"/>
      <c r="CG1320" s="53"/>
      <c r="CH1320" s="53"/>
      <c r="CI1320" s="53"/>
      <c r="CJ1320" s="53"/>
      <c r="CK1320" s="53"/>
      <c r="CL1320" s="53"/>
      <c r="CM1320" s="53"/>
      <c r="CN1320" s="53"/>
    </row>
    <row r="1321" spans="1:92" outlineLevel="1">
      <c r="A1321" s="52" t="s">
        <v>1412</v>
      </c>
      <c r="B1321" s="53"/>
      <c r="C1321" s="53"/>
      <c r="D1321" s="53"/>
      <c r="E1321" s="53"/>
      <c r="F1321" s="53"/>
      <c r="G1321" s="53"/>
      <c r="H1321" s="53"/>
      <c r="I1321" s="53"/>
      <c r="J1321" s="53"/>
      <c r="K1321" s="53"/>
      <c r="L1321" s="53"/>
      <c r="M1321" s="53"/>
      <c r="N1321" s="53"/>
      <c r="O1321" s="53"/>
      <c r="P1321" s="53"/>
      <c r="Q1321" s="53"/>
      <c r="R1321" s="53"/>
      <c r="S1321" s="53"/>
      <c r="T1321" s="53"/>
      <c r="U1321" s="53"/>
      <c r="V1321" s="53"/>
      <c r="W1321" s="53"/>
      <c r="X1321" s="53"/>
      <c r="Y1321" s="53"/>
      <c r="Z1321" s="53"/>
      <c r="AA1321" s="53"/>
      <c r="AB1321" s="53"/>
      <c r="AC1321" s="53"/>
      <c r="AD1321" s="53"/>
      <c r="AE1321" s="53"/>
      <c r="AF1321" s="53"/>
      <c r="AG1321" s="53"/>
      <c r="AH1321" s="53"/>
      <c r="AI1321" s="53"/>
      <c r="AJ1321" s="53"/>
      <c r="AK1321" s="53"/>
      <c r="AL1321" s="53"/>
      <c r="AM1321" s="53"/>
      <c r="AN1321" s="53"/>
      <c r="AO1321" s="53"/>
      <c r="AP1321" s="53"/>
      <c r="AQ1321" s="53"/>
      <c r="AR1321" s="53"/>
      <c r="AS1321" s="53"/>
      <c r="AT1321" s="53"/>
      <c r="AU1321" s="53"/>
      <c r="AV1321" s="53"/>
      <c r="AW1321" s="53"/>
      <c r="AX1321" s="53"/>
      <c r="AY1321" s="53"/>
      <c r="AZ1321" s="53"/>
      <c r="BA1321" s="53"/>
      <c r="BB1321" s="53"/>
      <c r="BC1321" s="53"/>
      <c r="BD1321" s="53"/>
      <c r="BE1321" s="53"/>
      <c r="BF1321" s="53"/>
      <c r="BG1321" s="53"/>
      <c r="BH1321" s="53"/>
      <c r="BI1321" s="53"/>
      <c r="BJ1321" s="53"/>
      <c r="BK1321" s="53"/>
      <c r="BL1321" s="53"/>
      <c r="BM1321" s="53"/>
      <c r="BN1321" s="53"/>
      <c r="BO1321" s="53"/>
      <c r="BP1321" s="53"/>
      <c r="BQ1321" s="53"/>
      <c r="BR1321" s="53"/>
      <c r="BS1321" s="53"/>
      <c r="BT1321" s="53"/>
      <c r="BU1321" s="53"/>
      <c r="BV1321" s="53"/>
      <c r="BW1321" s="53"/>
      <c r="BX1321" s="53"/>
      <c r="BY1321" s="53"/>
      <c r="BZ1321" s="53"/>
      <c r="CA1321" s="53"/>
      <c r="CB1321" s="53"/>
      <c r="CC1321" s="53"/>
      <c r="CD1321" s="53"/>
      <c r="CE1321" s="53"/>
      <c r="CF1321" s="53"/>
      <c r="CG1321" s="53"/>
      <c r="CH1321" s="53"/>
      <c r="CI1321" s="53"/>
      <c r="CJ1321" s="53"/>
      <c r="CK1321" s="53"/>
      <c r="CL1321" s="53"/>
      <c r="CM1321" s="53"/>
      <c r="CN1321" s="53"/>
    </row>
    <row r="1322" spans="1:92" outlineLevel="1">
      <c r="A1322" s="52" t="s">
        <v>649</v>
      </c>
      <c r="B1322" s="53"/>
      <c r="C1322" s="53"/>
      <c r="D1322" s="53"/>
      <c r="E1322" s="53"/>
      <c r="F1322" s="53"/>
      <c r="G1322" s="53"/>
      <c r="H1322" s="53"/>
      <c r="I1322" s="53"/>
      <c r="J1322" s="53"/>
      <c r="K1322" s="53"/>
      <c r="L1322" s="53"/>
      <c r="M1322" s="53">
        <v>6094000</v>
      </c>
      <c r="N1322" s="53">
        <v>6094000</v>
      </c>
      <c r="O1322" s="53"/>
      <c r="P1322" s="53"/>
      <c r="Q1322" s="53"/>
      <c r="R1322" s="53"/>
      <c r="S1322" s="53"/>
      <c r="T1322" s="53"/>
      <c r="U1322" s="53"/>
      <c r="V1322" s="53"/>
      <c r="W1322" s="53"/>
      <c r="X1322" s="53"/>
      <c r="Y1322" s="53"/>
      <c r="Z1322" s="53"/>
      <c r="AA1322" s="53"/>
      <c r="AB1322" s="53"/>
      <c r="AC1322" s="53"/>
      <c r="AD1322" s="53"/>
      <c r="AE1322" s="53"/>
      <c r="AF1322" s="53"/>
      <c r="AG1322" s="53"/>
      <c r="AH1322" s="53"/>
      <c r="AI1322" s="53"/>
      <c r="AJ1322" s="53"/>
      <c r="AK1322" s="53"/>
      <c r="AL1322" s="53"/>
      <c r="AM1322" s="53"/>
      <c r="AN1322" s="53"/>
      <c r="AO1322" s="53"/>
      <c r="AP1322" s="53"/>
      <c r="AQ1322" s="53"/>
      <c r="AR1322" s="53"/>
      <c r="AS1322" s="53"/>
      <c r="AT1322" s="53"/>
      <c r="AU1322" s="53"/>
      <c r="AV1322" s="53"/>
      <c r="AW1322" s="53"/>
      <c r="AX1322" s="53"/>
      <c r="AY1322" s="53"/>
      <c r="AZ1322" s="53"/>
      <c r="BA1322" s="53"/>
      <c r="BB1322" s="53"/>
      <c r="BC1322" s="53"/>
      <c r="BD1322" s="53"/>
      <c r="BE1322" s="53"/>
      <c r="BF1322" s="53"/>
      <c r="BG1322" s="53"/>
      <c r="BH1322" s="53"/>
      <c r="BI1322" s="53"/>
      <c r="BJ1322" s="53"/>
      <c r="BK1322" s="53"/>
      <c r="BL1322" s="53"/>
      <c r="BM1322" s="53"/>
      <c r="BN1322" s="53"/>
      <c r="BO1322" s="53"/>
      <c r="BP1322" s="53"/>
      <c r="BQ1322" s="53"/>
      <c r="BR1322" s="53"/>
      <c r="BS1322" s="53"/>
      <c r="BT1322" s="53"/>
      <c r="BU1322" s="53"/>
      <c r="BV1322" s="53"/>
      <c r="BW1322" s="53"/>
      <c r="BX1322" s="53"/>
      <c r="BY1322" s="53"/>
      <c r="BZ1322" s="53"/>
      <c r="CA1322" s="53"/>
      <c r="CB1322" s="53"/>
      <c r="CC1322" s="53"/>
      <c r="CD1322" s="53"/>
      <c r="CE1322" s="53"/>
      <c r="CF1322" s="53"/>
      <c r="CG1322" s="53"/>
      <c r="CH1322" s="53"/>
      <c r="CI1322" s="53"/>
      <c r="CJ1322" s="53"/>
      <c r="CK1322" s="53"/>
      <c r="CL1322" s="53"/>
      <c r="CM1322" s="53"/>
      <c r="CN1322" s="53"/>
    </row>
    <row r="1323" spans="1:92" outlineLevel="1">
      <c r="A1323" s="52" t="s">
        <v>1413</v>
      </c>
      <c r="B1323" s="53"/>
      <c r="C1323" s="53"/>
      <c r="D1323" s="53"/>
      <c r="E1323" s="53"/>
      <c r="F1323" s="53"/>
      <c r="G1323" s="53"/>
      <c r="H1323" s="53"/>
      <c r="I1323" s="53"/>
      <c r="J1323" s="53"/>
      <c r="K1323" s="53"/>
      <c r="L1323" s="53"/>
      <c r="M1323" s="53"/>
      <c r="N1323" s="53"/>
      <c r="O1323" s="53"/>
      <c r="P1323" s="53"/>
      <c r="Q1323" s="53"/>
      <c r="R1323" s="53"/>
      <c r="S1323" s="53"/>
      <c r="T1323" s="53"/>
      <c r="U1323" s="53"/>
      <c r="V1323" s="53"/>
      <c r="W1323" s="53"/>
      <c r="X1323" s="53"/>
      <c r="Y1323" s="53"/>
      <c r="Z1323" s="53"/>
      <c r="AA1323" s="53"/>
      <c r="AB1323" s="53"/>
      <c r="AC1323" s="53"/>
      <c r="AD1323" s="53"/>
      <c r="AE1323" s="53"/>
      <c r="AF1323" s="53"/>
      <c r="AG1323" s="53"/>
      <c r="AH1323" s="53"/>
      <c r="AI1323" s="53"/>
      <c r="AJ1323" s="53"/>
      <c r="AK1323" s="53"/>
      <c r="AL1323" s="53"/>
      <c r="AM1323" s="53"/>
      <c r="AN1323" s="53"/>
      <c r="AO1323" s="53"/>
      <c r="AP1323" s="53"/>
      <c r="AQ1323" s="53"/>
      <c r="AR1323" s="53"/>
      <c r="AS1323" s="53"/>
      <c r="AT1323" s="53"/>
      <c r="AU1323" s="53"/>
      <c r="AV1323" s="53"/>
      <c r="AW1323" s="53"/>
      <c r="AX1323" s="53"/>
      <c r="AY1323" s="53"/>
      <c r="AZ1323" s="53"/>
      <c r="BA1323" s="53"/>
      <c r="BB1323" s="53"/>
      <c r="BC1323" s="53"/>
      <c r="BD1323" s="53"/>
      <c r="BE1323" s="53"/>
      <c r="BF1323" s="53"/>
      <c r="BG1323" s="53"/>
      <c r="BH1323" s="53"/>
      <c r="BI1323" s="53"/>
      <c r="BJ1323" s="53"/>
      <c r="BK1323" s="53"/>
      <c r="BL1323" s="53"/>
      <c r="BM1323" s="53"/>
      <c r="BN1323" s="53"/>
      <c r="BO1323" s="53"/>
      <c r="BP1323" s="53"/>
      <c r="BQ1323" s="53"/>
      <c r="BR1323" s="53"/>
      <c r="BS1323" s="53"/>
      <c r="BT1323" s="53"/>
      <c r="BU1323" s="53"/>
      <c r="BV1323" s="53"/>
      <c r="BW1323" s="53"/>
      <c r="BX1323" s="53"/>
      <c r="BY1323" s="53"/>
      <c r="BZ1323" s="53"/>
      <c r="CA1323" s="53"/>
      <c r="CB1323" s="53"/>
      <c r="CC1323" s="53"/>
      <c r="CD1323" s="53"/>
      <c r="CE1323" s="53"/>
      <c r="CF1323" s="53"/>
      <c r="CG1323" s="53"/>
      <c r="CH1323" s="53"/>
      <c r="CI1323" s="53"/>
      <c r="CJ1323" s="53"/>
      <c r="CK1323" s="53"/>
      <c r="CL1323" s="53"/>
      <c r="CM1323" s="53"/>
      <c r="CN1323" s="53"/>
    </row>
    <row r="1324" spans="1:92" outlineLevel="1">
      <c r="A1324" s="52" t="s">
        <v>649</v>
      </c>
      <c r="B1324" s="53"/>
      <c r="C1324" s="53"/>
      <c r="D1324" s="53"/>
      <c r="E1324" s="53"/>
      <c r="F1324" s="53"/>
      <c r="G1324" s="53"/>
      <c r="H1324" s="53"/>
      <c r="I1324" s="53"/>
      <c r="J1324" s="53"/>
      <c r="K1324" s="53"/>
      <c r="L1324" s="53"/>
      <c r="M1324" s="53"/>
      <c r="N1324" s="53"/>
      <c r="O1324" s="53"/>
      <c r="P1324" s="53"/>
      <c r="Q1324" s="53"/>
      <c r="R1324" s="53"/>
      <c r="S1324" s="53"/>
      <c r="T1324" s="53"/>
      <c r="U1324" s="53"/>
      <c r="V1324" s="53"/>
      <c r="W1324" s="53"/>
      <c r="X1324" s="53"/>
      <c r="Y1324" s="53"/>
      <c r="Z1324" s="53"/>
      <c r="AA1324" s="53"/>
      <c r="AB1324" s="53"/>
      <c r="AC1324" s="53"/>
      <c r="AD1324" s="53"/>
      <c r="AE1324" s="53"/>
      <c r="AF1324" s="53"/>
      <c r="AG1324" s="53"/>
      <c r="AH1324" s="53"/>
      <c r="AI1324" s="53"/>
      <c r="AJ1324" s="53"/>
      <c r="AK1324" s="53"/>
      <c r="AL1324" s="53"/>
      <c r="AM1324" s="53"/>
      <c r="AN1324" s="53"/>
      <c r="AO1324" s="53">
        <v>-401760</v>
      </c>
      <c r="AP1324" s="53">
        <v>-401760</v>
      </c>
      <c r="AQ1324" s="53">
        <v>-401760</v>
      </c>
      <c r="AR1324" s="53">
        <v>-401760</v>
      </c>
      <c r="AS1324" s="53">
        <v>-401760</v>
      </c>
      <c r="AT1324" s="53">
        <v>-401760</v>
      </c>
      <c r="AU1324" s="53">
        <v>-401760</v>
      </c>
      <c r="AV1324" s="53">
        <v>-401760</v>
      </c>
      <c r="AW1324" s="53">
        <v>-401760</v>
      </c>
      <c r="AX1324" s="53">
        <v>-401760</v>
      </c>
      <c r="AY1324" s="53">
        <v>-401760</v>
      </c>
      <c r="AZ1324" s="53">
        <v>-401760</v>
      </c>
      <c r="BA1324" s="53">
        <v>-4821120</v>
      </c>
      <c r="BB1324" s="53">
        <v>-401760</v>
      </c>
      <c r="BC1324" s="53">
        <v>-401760</v>
      </c>
      <c r="BD1324" s="53">
        <v>-401760</v>
      </c>
      <c r="BE1324" s="53">
        <v>-401760</v>
      </c>
      <c r="BF1324" s="53">
        <v>-401760</v>
      </c>
      <c r="BG1324" s="53">
        <v>-401760</v>
      </c>
      <c r="BH1324" s="53">
        <v>-401760</v>
      </c>
      <c r="BI1324" s="53">
        <v>-401760</v>
      </c>
      <c r="BJ1324" s="53">
        <v>-401760</v>
      </c>
      <c r="BK1324" s="53">
        <v>-401760</v>
      </c>
      <c r="BL1324" s="53">
        <v>-401760</v>
      </c>
      <c r="BM1324" s="53">
        <v>-401760</v>
      </c>
      <c r="BN1324" s="53">
        <v>-4821120</v>
      </c>
      <c r="BO1324" s="53">
        <v>-401760</v>
      </c>
      <c r="BP1324" s="53">
        <v>-401760</v>
      </c>
      <c r="BQ1324" s="53">
        <v>-401760</v>
      </c>
      <c r="BR1324" s="53">
        <v>-401760</v>
      </c>
      <c r="BS1324" s="53">
        <v>-401760</v>
      </c>
      <c r="BT1324" s="53">
        <v>-401760</v>
      </c>
      <c r="BU1324" s="53">
        <v>-401760</v>
      </c>
      <c r="BV1324" s="53">
        <v>-401760</v>
      </c>
      <c r="BW1324" s="53">
        <v>-401760</v>
      </c>
      <c r="BX1324" s="53">
        <v>-401760</v>
      </c>
      <c r="BY1324" s="53">
        <v>-401760</v>
      </c>
      <c r="BZ1324" s="53">
        <v>-401760</v>
      </c>
      <c r="CA1324" s="53">
        <v>-4821120</v>
      </c>
      <c r="CB1324" s="53"/>
      <c r="CC1324" s="53"/>
      <c r="CD1324" s="53"/>
      <c r="CE1324" s="53"/>
      <c r="CF1324" s="53"/>
      <c r="CG1324" s="53"/>
      <c r="CH1324" s="53"/>
      <c r="CI1324" s="53"/>
      <c r="CJ1324" s="53"/>
      <c r="CK1324" s="53"/>
      <c r="CL1324" s="53"/>
      <c r="CM1324" s="53"/>
      <c r="CN1324" s="53"/>
    </row>
    <row r="1325" spans="1:92" outlineLevel="1">
      <c r="A1325" s="52" t="s">
        <v>1414</v>
      </c>
      <c r="B1325" s="53"/>
      <c r="C1325" s="53"/>
      <c r="D1325" s="53"/>
      <c r="E1325" s="53"/>
      <c r="F1325" s="53"/>
      <c r="G1325" s="53"/>
      <c r="H1325" s="53"/>
      <c r="I1325" s="53"/>
      <c r="J1325" s="53"/>
      <c r="K1325" s="53"/>
      <c r="L1325" s="53"/>
      <c r="M1325" s="53"/>
      <c r="N1325" s="53"/>
      <c r="O1325" s="53"/>
      <c r="P1325" s="53"/>
      <c r="Q1325" s="53"/>
      <c r="R1325" s="53"/>
      <c r="S1325" s="53"/>
      <c r="T1325" s="53"/>
      <c r="U1325" s="53"/>
      <c r="V1325" s="53"/>
      <c r="W1325" s="53"/>
      <c r="X1325" s="53"/>
      <c r="Y1325" s="53"/>
      <c r="Z1325" s="53"/>
      <c r="AA1325" s="53"/>
      <c r="AB1325" s="53"/>
      <c r="AC1325" s="53"/>
      <c r="AD1325" s="53"/>
      <c r="AE1325" s="53"/>
      <c r="AF1325" s="53"/>
      <c r="AG1325" s="53"/>
      <c r="AH1325" s="53"/>
      <c r="AI1325" s="53"/>
      <c r="AJ1325" s="53"/>
      <c r="AK1325" s="53"/>
      <c r="AL1325" s="53"/>
      <c r="AM1325" s="53"/>
      <c r="AN1325" s="53"/>
      <c r="AO1325" s="53"/>
      <c r="AP1325" s="53"/>
      <c r="AQ1325" s="53"/>
      <c r="AR1325" s="53"/>
      <c r="AS1325" s="53"/>
      <c r="AT1325" s="53"/>
      <c r="AU1325" s="53"/>
      <c r="AV1325" s="53"/>
      <c r="AW1325" s="53"/>
      <c r="AX1325" s="53"/>
      <c r="AY1325" s="53"/>
      <c r="AZ1325" s="53"/>
      <c r="BA1325" s="53"/>
      <c r="BB1325" s="53"/>
      <c r="BC1325" s="53"/>
      <c r="BD1325" s="53"/>
      <c r="BE1325" s="53"/>
      <c r="BF1325" s="53"/>
      <c r="BG1325" s="53"/>
      <c r="BH1325" s="53"/>
      <c r="BI1325" s="53"/>
      <c r="BJ1325" s="53"/>
      <c r="BK1325" s="53"/>
      <c r="BL1325" s="53"/>
      <c r="BM1325" s="53"/>
      <c r="BN1325" s="53"/>
      <c r="BO1325" s="53"/>
      <c r="BP1325" s="53"/>
      <c r="BQ1325" s="53"/>
      <c r="BR1325" s="53"/>
      <c r="BS1325" s="53"/>
      <c r="BT1325" s="53"/>
      <c r="BU1325" s="53"/>
      <c r="BV1325" s="53"/>
      <c r="BW1325" s="53"/>
      <c r="BX1325" s="53"/>
      <c r="BY1325" s="53"/>
      <c r="BZ1325" s="53"/>
      <c r="CA1325" s="53"/>
      <c r="CB1325" s="53"/>
      <c r="CC1325" s="53"/>
      <c r="CD1325" s="53"/>
      <c r="CE1325" s="53"/>
      <c r="CF1325" s="53"/>
      <c r="CG1325" s="53"/>
      <c r="CH1325" s="53"/>
      <c r="CI1325" s="53"/>
      <c r="CJ1325" s="53"/>
      <c r="CK1325" s="53"/>
      <c r="CL1325" s="53"/>
      <c r="CM1325" s="53"/>
      <c r="CN1325" s="53"/>
    </row>
    <row r="1326" spans="1:92" outlineLevel="1">
      <c r="A1326" s="52" t="s">
        <v>1415</v>
      </c>
      <c r="B1326" s="53"/>
      <c r="C1326" s="53"/>
      <c r="D1326" s="53"/>
      <c r="E1326" s="53"/>
      <c r="F1326" s="53"/>
      <c r="G1326" s="53"/>
      <c r="H1326" s="53"/>
      <c r="I1326" s="53"/>
      <c r="J1326" s="53"/>
      <c r="K1326" s="53"/>
      <c r="L1326" s="53"/>
      <c r="M1326" s="53"/>
      <c r="N1326" s="53"/>
      <c r="O1326" s="53"/>
      <c r="P1326" s="53"/>
      <c r="Q1326" s="53"/>
      <c r="R1326" s="53"/>
      <c r="S1326" s="53"/>
      <c r="T1326" s="53"/>
      <c r="U1326" s="53"/>
      <c r="V1326" s="53"/>
      <c r="W1326" s="53"/>
      <c r="X1326" s="53"/>
      <c r="Y1326" s="53"/>
      <c r="Z1326" s="53"/>
      <c r="AA1326" s="53"/>
      <c r="AB1326" s="53"/>
      <c r="AC1326" s="53"/>
      <c r="AD1326" s="53"/>
      <c r="AE1326" s="53"/>
      <c r="AF1326" s="53"/>
      <c r="AG1326" s="53"/>
      <c r="AH1326" s="53"/>
      <c r="AI1326" s="53"/>
      <c r="AJ1326" s="53"/>
      <c r="AK1326" s="53"/>
      <c r="AL1326" s="53"/>
      <c r="AM1326" s="53"/>
      <c r="AN1326" s="53"/>
      <c r="AO1326" s="53"/>
      <c r="AP1326" s="53"/>
      <c r="AQ1326" s="53"/>
      <c r="AR1326" s="53"/>
      <c r="AS1326" s="53"/>
      <c r="AT1326" s="53"/>
      <c r="AU1326" s="53"/>
      <c r="AV1326" s="53"/>
      <c r="AW1326" s="53"/>
      <c r="AX1326" s="53"/>
      <c r="AY1326" s="53"/>
      <c r="AZ1326" s="53"/>
      <c r="BA1326" s="53"/>
      <c r="BB1326" s="53"/>
      <c r="BC1326" s="53"/>
      <c r="BD1326" s="53"/>
      <c r="BE1326" s="53"/>
      <c r="BF1326" s="53"/>
      <c r="BG1326" s="53"/>
      <c r="BH1326" s="53"/>
      <c r="BI1326" s="53"/>
      <c r="BJ1326" s="53"/>
      <c r="BK1326" s="53"/>
      <c r="BL1326" s="53"/>
      <c r="BM1326" s="53"/>
      <c r="BN1326" s="53"/>
      <c r="BO1326" s="53"/>
      <c r="BP1326" s="53"/>
      <c r="BQ1326" s="53"/>
      <c r="BR1326" s="53"/>
      <c r="BS1326" s="53"/>
      <c r="BT1326" s="53"/>
      <c r="BU1326" s="53"/>
      <c r="BV1326" s="53"/>
      <c r="BW1326" s="53"/>
      <c r="BX1326" s="53"/>
      <c r="BY1326" s="53"/>
      <c r="BZ1326" s="53"/>
      <c r="CA1326" s="53"/>
      <c r="CB1326" s="53"/>
      <c r="CC1326" s="53"/>
      <c r="CD1326" s="53"/>
      <c r="CE1326" s="53"/>
      <c r="CF1326" s="53"/>
      <c r="CG1326" s="53"/>
      <c r="CH1326" s="53"/>
      <c r="CI1326" s="53"/>
      <c r="CJ1326" s="53"/>
      <c r="CK1326" s="53"/>
      <c r="CL1326" s="53"/>
      <c r="CM1326" s="53"/>
      <c r="CN1326" s="53"/>
    </row>
    <row r="1327" spans="1:92" outlineLevel="1">
      <c r="A1327" s="52" t="s">
        <v>649</v>
      </c>
      <c r="B1327" s="53"/>
      <c r="C1327" s="53"/>
      <c r="D1327" s="53"/>
      <c r="E1327" s="53"/>
      <c r="F1327" s="53"/>
      <c r="G1327" s="53"/>
      <c r="H1327" s="53"/>
      <c r="I1327" s="53"/>
      <c r="J1327" s="53"/>
      <c r="K1327" s="53"/>
      <c r="L1327" s="53"/>
      <c r="M1327" s="53"/>
      <c r="N1327" s="53"/>
      <c r="O1327" s="53">
        <v>-427971</v>
      </c>
      <c r="P1327" s="53">
        <v>-424613</v>
      </c>
      <c r="Q1327" s="53">
        <v>-420319</v>
      </c>
      <c r="R1327" s="53">
        <v>-412927</v>
      </c>
      <c r="S1327" s="53">
        <v>-407966</v>
      </c>
      <c r="T1327" s="53">
        <v>-402305</v>
      </c>
      <c r="U1327" s="53">
        <v>-399106</v>
      </c>
      <c r="V1327" s="53">
        <v>-397308</v>
      </c>
      <c r="W1327" s="53">
        <v>-390948</v>
      </c>
      <c r="X1327" s="53">
        <v>-383159</v>
      </c>
      <c r="Y1327" s="53">
        <v>-379104</v>
      </c>
      <c r="Z1327" s="53">
        <v>-378318</v>
      </c>
      <c r="AA1327" s="53">
        <v>-4824044</v>
      </c>
      <c r="AB1327" s="53">
        <v>-379506</v>
      </c>
      <c r="AC1327" s="53">
        <v>-381157</v>
      </c>
      <c r="AD1327" s="53">
        <v>-379922</v>
      </c>
      <c r="AE1327" s="53">
        <v>-377240</v>
      </c>
      <c r="AF1327" s="53">
        <v>-370286</v>
      </c>
      <c r="AG1327" s="53">
        <v>-365657</v>
      </c>
      <c r="AH1327" s="53">
        <v>-362202</v>
      </c>
      <c r="AI1327" s="53">
        <v>-359678</v>
      </c>
      <c r="AJ1327" s="53">
        <v>-361931</v>
      </c>
      <c r="AK1327" s="53">
        <v>-358382</v>
      </c>
      <c r="AL1327" s="53">
        <v>-352314</v>
      </c>
      <c r="AM1327" s="53">
        <v>-350171</v>
      </c>
      <c r="AN1327" s="53">
        <v>-4398446</v>
      </c>
      <c r="AO1327" s="53">
        <v>-364594</v>
      </c>
      <c r="AP1327" s="53">
        <v>-364594</v>
      </c>
      <c r="AQ1327" s="53">
        <v>-364594</v>
      </c>
      <c r="AR1327" s="53">
        <v>-364594</v>
      </c>
      <c r="AS1327" s="53">
        <v>-364594</v>
      </c>
      <c r="AT1327" s="53">
        <v>-364594</v>
      </c>
      <c r="AU1327" s="53">
        <v>-364594</v>
      </c>
      <c r="AV1327" s="53">
        <v>-364594</v>
      </c>
      <c r="AW1327" s="53">
        <v>-364594</v>
      </c>
      <c r="AX1327" s="53">
        <v>-364594</v>
      </c>
      <c r="AY1327" s="53">
        <v>-364594</v>
      </c>
      <c r="AZ1327" s="53">
        <v>-364594</v>
      </c>
      <c r="BA1327" s="53">
        <v>-4375128</v>
      </c>
      <c r="BB1327" s="53">
        <v>-403891</v>
      </c>
      <c r="BC1327" s="53">
        <v>-403891</v>
      </c>
      <c r="BD1327" s="53">
        <v>-403891</v>
      </c>
      <c r="BE1327" s="53">
        <v>-403891</v>
      </c>
      <c r="BF1327" s="53">
        <v>-403891</v>
      </c>
      <c r="BG1327" s="53">
        <v>-403891</v>
      </c>
      <c r="BH1327" s="53">
        <v>-403891</v>
      </c>
      <c r="BI1327" s="53">
        <v>-403891</v>
      </c>
      <c r="BJ1327" s="53">
        <v>-403891</v>
      </c>
      <c r="BK1327" s="53">
        <v>-403891</v>
      </c>
      <c r="BL1327" s="53">
        <v>-403891</v>
      </c>
      <c r="BM1327" s="53">
        <v>-403891</v>
      </c>
      <c r="BN1327" s="53">
        <v>-4846692</v>
      </c>
      <c r="BO1327" s="53">
        <v>-442410</v>
      </c>
      <c r="BP1327" s="53">
        <v>-442410</v>
      </c>
      <c r="BQ1327" s="53">
        <v>-442410</v>
      </c>
      <c r="BR1327" s="53">
        <v>-442410</v>
      </c>
      <c r="BS1327" s="53">
        <v>-442410</v>
      </c>
      <c r="BT1327" s="53">
        <v>-442410</v>
      </c>
      <c r="BU1327" s="53">
        <v>-442410</v>
      </c>
      <c r="BV1327" s="53">
        <v>-442410</v>
      </c>
      <c r="BW1327" s="53">
        <v>-442410</v>
      </c>
      <c r="BX1327" s="53">
        <v>-442410</v>
      </c>
      <c r="BY1327" s="53">
        <v>-442410</v>
      </c>
      <c r="BZ1327" s="53">
        <v>-442410</v>
      </c>
      <c r="CA1327" s="53">
        <v>-5308919.9999999898</v>
      </c>
      <c r="CB1327" s="53"/>
      <c r="CC1327" s="53"/>
      <c r="CD1327" s="53"/>
      <c r="CE1327" s="53"/>
      <c r="CF1327" s="53"/>
      <c r="CG1327" s="53"/>
      <c r="CH1327" s="53"/>
      <c r="CI1327" s="53"/>
      <c r="CJ1327" s="53"/>
      <c r="CK1327" s="53"/>
      <c r="CL1327" s="53"/>
      <c r="CM1327" s="53"/>
      <c r="CN1327" s="53"/>
    </row>
    <row r="1328" spans="1:92" outlineLevel="1">
      <c r="A1328" s="52" t="s">
        <v>1416</v>
      </c>
      <c r="B1328" s="53"/>
      <c r="C1328" s="53"/>
      <c r="D1328" s="53"/>
      <c r="E1328" s="53"/>
      <c r="F1328" s="53"/>
      <c r="G1328" s="53"/>
      <c r="H1328" s="53"/>
      <c r="I1328" s="53"/>
      <c r="J1328" s="53"/>
      <c r="K1328" s="53"/>
      <c r="L1328" s="53"/>
      <c r="M1328" s="53"/>
      <c r="N1328" s="53"/>
      <c r="O1328" s="53"/>
      <c r="P1328" s="53"/>
      <c r="Q1328" s="53"/>
      <c r="R1328" s="53"/>
      <c r="S1328" s="53"/>
      <c r="T1328" s="53"/>
      <c r="U1328" s="53"/>
      <c r="V1328" s="53"/>
      <c r="W1328" s="53"/>
      <c r="X1328" s="53"/>
      <c r="Y1328" s="53"/>
      <c r="Z1328" s="53"/>
      <c r="AA1328" s="53"/>
      <c r="AB1328" s="53"/>
      <c r="AC1328" s="53"/>
      <c r="AD1328" s="53"/>
      <c r="AE1328" s="53"/>
      <c r="AF1328" s="53"/>
      <c r="AG1328" s="53"/>
      <c r="AH1328" s="53"/>
      <c r="AI1328" s="53"/>
      <c r="AJ1328" s="53"/>
      <c r="AK1328" s="53"/>
      <c r="AL1328" s="53"/>
      <c r="AM1328" s="53"/>
      <c r="AN1328" s="53"/>
      <c r="AO1328" s="53"/>
      <c r="AP1328" s="53"/>
      <c r="AQ1328" s="53"/>
      <c r="AR1328" s="53"/>
      <c r="AS1328" s="53"/>
      <c r="AT1328" s="53"/>
      <c r="AU1328" s="53"/>
      <c r="AV1328" s="53"/>
      <c r="AW1328" s="53"/>
      <c r="AX1328" s="53"/>
      <c r="AY1328" s="53"/>
      <c r="AZ1328" s="53"/>
      <c r="BA1328" s="53"/>
      <c r="BB1328" s="53"/>
      <c r="BC1328" s="53"/>
      <c r="BD1328" s="53"/>
      <c r="BE1328" s="53"/>
      <c r="BF1328" s="53"/>
      <c r="BG1328" s="53"/>
      <c r="BH1328" s="53"/>
      <c r="BI1328" s="53"/>
      <c r="BJ1328" s="53"/>
      <c r="BK1328" s="53"/>
      <c r="BL1328" s="53"/>
      <c r="BM1328" s="53"/>
      <c r="BN1328" s="53"/>
      <c r="BO1328" s="53"/>
      <c r="BP1328" s="53"/>
      <c r="BQ1328" s="53"/>
      <c r="BR1328" s="53"/>
      <c r="BS1328" s="53"/>
      <c r="BT1328" s="53"/>
      <c r="BU1328" s="53"/>
      <c r="BV1328" s="53"/>
      <c r="BW1328" s="53"/>
      <c r="BX1328" s="53"/>
      <c r="BY1328" s="53"/>
      <c r="BZ1328" s="53"/>
      <c r="CA1328" s="53"/>
      <c r="CB1328" s="53"/>
      <c r="CC1328" s="53"/>
      <c r="CD1328" s="53"/>
      <c r="CE1328" s="53"/>
      <c r="CF1328" s="53"/>
      <c r="CG1328" s="53"/>
      <c r="CH1328" s="53"/>
      <c r="CI1328" s="53"/>
      <c r="CJ1328" s="53"/>
      <c r="CK1328" s="53"/>
      <c r="CL1328" s="53"/>
      <c r="CM1328" s="53"/>
      <c r="CN1328" s="53"/>
    </row>
    <row r="1329" spans="1:92" outlineLevel="1">
      <c r="A1329" s="52" t="s">
        <v>649</v>
      </c>
      <c r="B1329" s="53"/>
      <c r="C1329" s="53"/>
      <c r="D1329" s="53"/>
      <c r="E1329" s="53"/>
      <c r="F1329" s="53"/>
      <c r="G1329" s="53"/>
      <c r="H1329" s="53"/>
      <c r="I1329" s="53"/>
      <c r="J1329" s="53"/>
      <c r="K1329" s="53"/>
      <c r="L1329" s="53"/>
      <c r="M1329" s="53"/>
      <c r="N1329" s="53"/>
      <c r="O1329" s="53"/>
      <c r="P1329" s="53"/>
      <c r="Q1329" s="53"/>
      <c r="R1329" s="53">
        <v>-37711166</v>
      </c>
      <c r="S1329" s="53">
        <v>-37711166</v>
      </c>
      <c r="T1329" s="53">
        <v>-37711166</v>
      </c>
      <c r="U1329" s="53">
        <v>-37711166</v>
      </c>
      <c r="V1329" s="53">
        <v>-37711166</v>
      </c>
      <c r="W1329" s="53">
        <v>-37711166</v>
      </c>
      <c r="X1329" s="53">
        <v>-37711166</v>
      </c>
      <c r="Y1329" s="53">
        <v>-37711166</v>
      </c>
      <c r="Z1329" s="53">
        <v>-37711166</v>
      </c>
      <c r="AA1329" s="53">
        <v>-339400493.99999899</v>
      </c>
      <c r="AB1329" s="53">
        <v>-37711166</v>
      </c>
      <c r="AC1329" s="53">
        <v>-37711166</v>
      </c>
      <c r="AD1329" s="53">
        <v>-37711166</v>
      </c>
      <c r="AE1329" s="53"/>
      <c r="AF1329" s="53"/>
      <c r="AG1329" s="53"/>
      <c r="AH1329" s="53"/>
      <c r="AI1329" s="53"/>
      <c r="AJ1329" s="53"/>
      <c r="AK1329" s="53"/>
      <c r="AL1329" s="53"/>
      <c r="AM1329" s="53"/>
      <c r="AN1329" s="53">
        <v>-113133497.999999</v>
      </c>
      <c r="AO1329" s="53"/>
      <c r="AP1329" s="53"/>
      <c r="AQ1329" s="53"/>
      <c r="AR1329" s="53"/>
      <c r="AS1329" s="53"/>
      <c r="AT1329" s="53"/>
      <c r="AU1329" s="53"/>
      <c r="AV1329" s="53"/>
      <c r="AW1329" s="53"/>
      <c r="AX1329" s="53"/>
      <c r="AY1329" s="53"/>
      <c r="AZ1329" s="53"/>
      <c r="BA1329" s="53"/>
      <c r="BB1329" s="53"/>
      <c r="BC1329" s="53"/>
      <c r="BD1329" s="53"/>
      <c r="BE1329" s="53"/>
      <c r="BF1329" s="53"/>
      <c r="BG1329" s="53"/>
      <c r="BH1329" s="53"/>
      <c r="BI1329" s="53"/>
      <c r="BJ1329" s="53"/>
      <c r="BK1329" s="53"/>
      <c r="BL1329" s="53"/>
      <c r="BM1329" s="53"/>
      <c r="BN1329" s="53"/>
      <c r="BO1329" s="53"/>
      <c r="BP1329" s="53"/>
      <c r="BQ1329" s="53"/>
      <c r="BR1329" s="53"/>
      <c r="BS1329" s="53"/>
      <c r="BT1329" s="53"/>
      <c r="BU1329" s="53"/>
      <c r="BV1329" s="53"/>
      <c r="BW1329" s="53"/>
      <c r="BX1329" s="53"/>
      <c r="BY1329" s="53"/>
      <c r="BZ1329" s="53"/>
      <c r="CA1329" s="53"/>
      <c r="CB1329" s="53"/>
      <c r="CC1329" s="53"/>
      <c r="CD1329" s="53"/>
      <c r="CE1329" s="53"/>
      <c r="CF1329" s="53"/>
      <c r="CG1329" s="53"/>
      <c r="CH1329" s="53"/>
      <c r="CI1329" s="53"/>
      <c r="CJ1329" s="53"/>
      <c r="CK1329" s="53"/>
      <c r="CL1329" s="53"/>
      <c r="CM1329" s="53"/>
      <c r="CN1329" s="53"/>
    </row>
    <row r="1330" spans="1:92" outlineLevel="1">
      <c r="A1330" s="52" t="s">
        <v>1417</v>
      </c>
      <c r="B1330" s="53"/>
      <c r="C1330" s="53"/>
      <c r="D1330" s="53"/>
      <c r="E1330" s="53"/>
      <c r="F1330" s="53"/>
      <c r="G1330" s="53"/>
      <c r="H1330" s="53"/>
      <c r="I1330" s="53"/>
      <c r="J1330" s="53"/>
      <c r="K1330" s="53"/>
      <c r="L1330" s="53"/>
      <c r="M1330" s="53"/>
      <c r="N1330" s="53"/>
      <c r="O1330" s="53"/>
      <c r="P1330" s="53"/>
      <c r="Q1330" s="53"/>
      <c r="R1330" s="53"/>
      <c r="S1330" s="53"/>
      <c r="T1330" s="53"/>
      <c r="U1330" s="53"/>
      <c r="V1330" s="53"/>
      <c r="W1330" s="53"/>
      <c r="X1330" s="53"/>
      <c r="Y1330" s="53"/>
      <c r="Z1330" s="53"/>
      <c r="AA1330" s="53"/>
      <c r="AB1330" s="53"/>
      <c r="AC1330" s="53"/>
      <c r="AD1330" s="53"/>
      <c r="AE1330" s="53"/>
      <c r="AF1330" s="53"/>
      <c r="AG1330" s="53"/>
      <c r="AH1330" s="53"/>
      <c r="AI1330" s="53"/>
      <c r="AJ1330" s="53"/>
      <c r="AK1330" s="53"/>
      <c r="AL1330" s="53"/>
      <c r="AM1330" s="53"/>
      <c r="AN1330" s="53"/>
      <c r="AO1330" s="53"/>
      <c r="AP1330" s="53"/>
      <c r="AQ1330" s="53"/>
      <c r="AR1330" s="53"/>
      <c r="AS1330" s="53"/>
      <c r="AT1330" s="53"/>
      <c r="AU1330" s="53"/>
      <c r="AV1330" s="53"/>
      <c r="AW1330" s="53"/>
      <c r="AX1330" s="53"/>
      <c r="AY1330" s="53"/>
      <c r="AZ1330" s="53"/>
      <c r="BA1330" s="53"/>
      <c r="BB1330" s="53"/>
      <c r="BC1330" s="53"/>
      <c r="BD1330" s="53"/>
      <c r="BE1330" s="53"/>
      <c r="BF1330" s="53"/>
      <c r="BG1330" s="53"/>
      <c r="BH1330" s="53"/>
      <c r="BI1330" s="53"/>
      <c r="BJ1330" s="53"/>
      <c r="BK1330" s="53"/>
      <c r="BL1330" s="53"/>
      <c r="BM1330" s="53"/>
      <c r="BN1330" s="53"/>
      <c r="BO1330" s="53"/>
      <c r="BP1330" s="53"/>
      <c r="BQ1330" s="53"/>
      <c r="BR1330" s="53"/>
      <c r="BS1330" s="53"/>
      <c r="BT1330" s="53"/>
      <c r="BU1330" s="53"/>
      <c r="BV1330" s="53"/>
      <c r="BW1330" s="53"/>
      <c r="BX1330" s="53"/>
      <c r="BY1330" s="53"/>
      <c r="BZ1330" s="53"/>
      <c r="CA1330" s="53"/>
      <c r="CB1330" s="53"/>
      <c r="CC1330" s="53"/>
      <c r="CD1330" s="53"/>
      <c r="CE1330" s="53"/>
      <c r="CF1330" s="53"/>
      <c r="CG1330" s="53"/>
      <c r="CH1330" s="53"/>
      <c r="CI1330" s="53"/>
      <c r="CJ1330" s="53"/>
      <c r="CK1330" s="53"/>
      <c r="CL1330" s="53"/>
      <c r="CM1330" s="53"/>
      <c r="CN1330" s="53"/>
    </row>
    <row r="1331" spans="1:92" outlineLevel="1">
      <c r="A1331" s="52" t="s">
        <v>649</v>
      </c>
      <c r="B1331" s="53"/>
      <c r="C1331" s="53"/>
      <c r="D1331" s="53"/>
      <c r="E1331" s="53"/>
      <c r="F1331" s="53"/>
      <c r="G1331" s="53"/>
      <c r="H1331" s="53"/>
      <c r="I1331" s="53"/>
      <c r="J1331" s="53"/>
      <c r="K1331" s="53"/>
      <c r="L1331" s="53"/>
      <c r="M1331" s="53"/>
      <c r="N1331" s="53"/>
      <c r="O1331" s="53">
        <v>-700000</v>
      </c>
      <c r="P1331" s="53">
        <v>-700000</v>
      </c>
      <c r="Q1331" s="53">
        <v>-700000</v>
      </c>
      <c r="R1331" s="53">
        <v>-700000</v>
      </c>
      <c r="S1331" s="53">
        <v>-700000</v>
      </c>
      <c r="T1331" s="53">
        <v>-700000</v>
      </c>
      <c r="U1331" s="53"/>
      <c r="V1331" s="53"/>
      <c r="W1331" s="53"/>
      <c r="X1331" s="53"/>
      <c r="Y1331" s="53"/>
      <c r="Z1331" s="53"/>
      <c r="AA1331" s="53">
        <v>-4200000</v>
      </c>
      <c r="AB1331" s="53"/>
      <c r="AC1331" s="53"/>
      <c r="AD1331" s="53"/>
      <c r="AE1331" s="53"/>
      <c r="AF1331" s="53"/>
      <c r="AG1331" s="53"/>
      <c r="AH1331" s="53"/>
      <c r="AI1331" s="53"/>
      <c r="AJ1331" s="53"/>
      <c r="AK1331" s="53"/>
      <c r="AL1331" s="53"/>
      <c r="AM1331" s="53"/>
      <c r="AN1331" s="53"/>
      <c r="AO1331" s="53"/>
      <c r="AP1331" s="53"/>
      <c r="AQ1331" s="53"/>
      <c r="AR1331" s="53"/>
      <c r="AS1331" s="53"/>
      <c r="AT1331" s="53"/>
      <c r="AU1331" s="53"/>
      <c r="AV1331" s="53"/>
      <c r="AW1331" s="53"/>
      <c r="AX1331" s="53"/>
      <c r="AY1331" s="53"/>
      <c r="AZ1331" s="53"/>
      <c r="BA1331" s="53"/>
      <c r="BB1331" s="53"/>
      <c r="BC1331" s="53"/>
      <c r="BD1331" s="53"/>
      <c r="BE1331" s="53"/>
      <c r="BF1331" s="53"/>
      <c r="BG1331" s="53"/>
      <c r="BH1331" s="53"/>
      <c r="BI1331" s="53"/>
      <c r="BJ1331" s="53"/>
      <c r="BK1331" s="53"/>
      <c r="BL1331" s="53"/>
      <c r="BM1331" s="53"/>
      <c r="BN1331" s="53"/>
      <c r="BO1331" s="53"/>
      <c r="BP1331" s="53"/>
      <c r="BQ1331" s="53"/>
      <c r="BR1331" s="53"/>
      <c r="BS1331" s="53"/>
      <c r="BT1331" s="53"/>
      <c r="BU1331" s="53"/>
      <c r="BV1331" s="53"/>
      <c r="BW1331" s="53"/>
      <c r="BX1331" s="53"/>
      <c r="BY1331" s="53"/>
      <c r="BZ1331" s="53"/>
      <c r="CA1331" s="53"/>
      <c r="CB1331" s="53">
        <v>216833.99999999901</v>
      </c>
      <c r="CC1331" s="53">
        <v>216833.99999999901</v>
      </c>
      <c r="CD1331" s="53">
        <v>216833.99999999901</v>
      </c>
      <c r="CE1331" s="53">
        <v>216833.99999999901</v>
      </c>
      <c r="CF1331" s="53">
        <v>216833.99999999901</v>
      </c>
      <c r="CG1331" s="53">
        <v>216833.99999999901</v>
      </c>
      <c r="CH1331" s="53">
        <v>216833.99999999901</v>
      </c>
      <c r="CI1331" s="53">
        <v>216833.99999999901</v>
      </c>
      <c r="CJ1331" s="53">
        <v>216833.99999999901</v>
      </c>
      <c r="CK1331" s="53">
        <v>216833.99999999901</v>
      </c>
      <c r="CL1331" s="53">
        <v>216833.99999999901</v>
      </c>
      <c r="CM1331" s="53">
        <v>216833.99999999901</v>
      </c>
      <c r="CN1331" s="53">
        <v>2602007.99999998</v>
      </c>
    </row>
    <row r="1332" spans="1:92" outlineLevel="1">
      <c r="A1332" s="57" t="s">
        <v>1503</v>
      </c>
      <c r="B1332" s="53">
        <v>1969777258.01</v>
      </c>
      <c r="C1332" s="53">
        <v>1916999830.78</v>
      </c>
      <c r="D1332" s="53">
        <v>1921155296.2</v>
      </c>
      <c r="E1332" s="53">
        <v>1911876184.96</v>
      </c>
      <c r="F1332" s="53">
        <v>1864339220.0699999</v>
      </c>
      <c r="G1332" s="53">
        <v>1900834152.45</v>
      </c>
      <c r="H1332" s="53">
        <v>1891814566.8299999</v>
      </c>
      <c r="I1332" s="53">
        <v>1894670878.5</v>
      </c>
      <c r="J1332" s="53">
        <v>2030316857.6700001</v>
      </c>
      <c r="K1332" s="53">
        <v>2157997582.9299998</v>
      </c>
      <c r="L1332" s="53">
        <v>2196767790.6399999</v>
      </c>
      <c r="M1332" s="53">
        <v>2356523146.8000002</v>
      </c>
      <c r="N1332" s="53">
        <v>2356523146.8000002</v>
      </c>
      <c r="O1332" s="53">
        <v>2346447061.5238099</v>
      </c>
      <c r="P1332" s="53">
        <v>2336374244.0946999</v>
      </c>
      <c r="Q1332" s="53">
        <v>2325374179.4419999</v>
      </c>
      <c r="R1332" s="53">
        <v>2278984656.9022899</v>
      </c>
      <c r="S1332" s="53">
        <v>2232145899.8999</v>
      </c>
      <c r="T1332" s="53">
        <v>2183609091.0695901</v>
      </c>
      <c r="U1332" s="53">
        <v>2137195264.57743</v>
      </c>
      <c r="V1332" s="53">
        <v>2090622183.04636</v>
      </c>
      <c r="W1332" s="53">
        <v>2042321900.2941101</v>
      </c>
      <c r="X1332" s="53">
        <v>1995445123.9629099</v>
      </c>
      <c r="Y1332" s="53">
        <v>1948437185.01087</v>
      </c>
      <c r="Z1332" s="53">
        <v>1899887376.1042099</v>
      </c>
      <c r="AA1332" s="53">
        <v>1899887376.1042099</v>
      </c>
      <c r="AB1332" s="53">
        <v>1855901350.5331099</v>
      </c>
      <c r="AC1332" s="53">
        <v>1811913673.9619999</v>
      </c>
      <c r="AD1332" s="53">
        <v>1766995782.45979</v>
      </c>
      <c r="AE1332" s="53">
        <v>1760712540.74053</v>
      </c>
      <c r="AF1332" s="53">
        <v>1754436253.0212801</v>
      </c>
      <c r="AG1332" s="53">
        <v>1746594255.4820299</v>
      </c>
      <c r="AH1332" s="53">
        <v>1740326051.7627699</v>
      </c>
      <c r="AI1332" s="53">
        <v>1734060372.04352</v>
      </c>
      <c r="AJ1332" s="53">
        <v>1726222100.5042701</v>
      </c>
      <c r="AK1332" s="53">
        <v>1719957716.7850101</v>
      </c>
      <c r="AL1332" s="53">
        <v>1713699401.0657599</v>
      </c>
      <c r="AM1332" s="53">
        <v>1705872889.52651</v>
      </c>
      <c r="AN1332" s="53">
        <v>1705872889.52651</v>
      </c>
      <c r="AO1332" s="53">
        <v>1669671990.3792601</v>
      </c>
      <c r="AP1332" s="53">
        <v>1662471091.2320099</v>
      </c>
      <c r="AQ1332" s="53">
        <v>1654338742.1536601</v>
      </c>
      <c r="AR1332" s="53">
        <v>1647127194.8582599</v>
      </c>
      <c r="AS1332" s="53">
        <v>1639915647.56287</v>
      </c>
      <c r="AT1332" s="53">
        <v>1631133761.4474699</v>
      </c>
      <c r="AU1332" s="53">
        <v>1623922214.1520801</v>
      </c>
      <c r="AV1332" s="53">
        <v>1616710666.8566799</v>
      </c>
      <c r="AW1332" s="53">
        <v>1607997763.0885401</v>
      </c>
      <c r="AX1332" s="53">
        <v>1600999503.1403999</v>
      </c>
      <c r="AY1332" s="53">
        <v>1594001243.19225</v>
      </c>
      <c r="AZ1332" s="53">
        <v>1585432644.4241099</v>
      </c>
      <c r="BA1332" s="53">
        <v>1585432644.4241099</v>
      </c>
      <c r="BB1332" s="53">
        <v>1579616889.7337</v>
      </c>
      <c r="BC1332" s="53">
        <v>1573801135.0432799</v>
      </c>
      <c r="BD1332" s="53">
        <v>1567053930.4217601</v>
      </c>
      <c r="BE1332" s="53">
        <v>1561565027.5832</v>
      </c>
      <c r="BF1332" s="53">
        <v>1555738624.7446499</v>
      </c>
      <c r="BG1332" s="53">
        <v>1548341883.0860901</v>
      </c>
      <c r="BH1332" s="53">
        <v>1542515480.24753</v>
      </c>
      <c r="BI1332" s="53">
        <v>1536689077.4089701</v>
      </c>
      <c r="BJ1332" s="53">
        <v>1529292335.7504101</v>
      </c>
      <c r="BK1332" s="53">
        <v>1523465932.91185</v>
      </c>
      <c r="BL1332" s="53">
        <v>1517639530.0732901</v>
      </c>
      <c r="BM1332" s="53">
        <v>1510242788.4147301</v>
      </c>
      <c r="BN1332" s="53">
        <v>1510242788.4147301</v>
      </c>
      <c r="BO1332" s="53">
        <v>1507460540.45118</v>
      </c>
      <c r="BP1332" s="53">
        <v>1504678292.4876201</v>
      </c>
      <c r="BQ1332" s="53">
        <v>1500964594.5929501</v>
      </c>
      <c r="BR1332" s="53">
        <v>1498171698.48124</v>
      </c>
      <c r="BS1332" s="53">
        <v>1495378802.36953</v>
      </c>
      <c r="BT1332" s="53">
        <v>1491015567.43783</v>
      </c>
      <c r="BU1332" s="53">
        <v>1488261264.38627</v>
      </c>
      <c r="BV1332" s="53">
        <v>1485498554.39486</v>
      </c>
      <c r="BW1332" s="53">
        <v>1481874478.40346</v>
      </c>
      <c r="BX1332" s="53">
        <v>1479111768.41205</v>
      </c>
      <c r="BY1332" s="53">
        <v>1476349058.42065</v>
      </c>
      <c r="BZ1332" s="53">
        <v>1473586348.42924</v>
      </c>
      <c r="CA1332" s="53">
        <v>1473586348.42924</v>
      </c>
      <c r="CB1332" s="53"/>
      <c r="CC1332" s="53"/>
      <c r="CD1332" s="53"/>
      <c r="CE1332" s="53"/>
      <c r="CF1332" s="53"/>
      <c r="CG1332" s="53"/>
      <c r="CH1332" s="53"/>
      <c r="CI1332" s="53"/>
      <c r="CJ1332" s="53"/>
      <c r="CK1332" s="53"/>
      <c r="CL1332" s="53"/>
      <c r="CM1332" s="53"/>
      <c r="CN1332" s="53"/>
    </row>
    <row r="1333" spans="1:92" outlineLevel="1">
      <c r="A1333" s="52" t="s">
        <v>1504</v>
      </c>
      <c r="B1333" s="53"/>
      <c r="C1333" s="53"/>
      <c r="D1333" s="53"/>
      <c r="E1333" s="53"/>
      <c r="F1333" s="53"/>
      <c r="G1333" s="53"/>
      <c r="H1333" s="53"/>
      <c r="I1333" s="53"/>
      <c r="J1333" s="53"/>
      <c r="K1333" s="53"/>
      <c r="L1333" s="53"/>
      <c r="M1333" s="53"/>
      <c r="N1333" s="53"/>
      <c r="O1333" s="53"/>
      <c r="P1333" s="53"/>
      <c r="Q1333" s="53"/>
      <c r="R1333" s="53"/>
      <c r="S1333" s="53"/>
      <c r="T1333" s="53"/>
      <c r="U1333" s="53"/>
      <c r="V1333" s="53"/>
      <c r="W1333" s="53"/>
      <c r="X1333" s="53"/>
      <c r="Y1333" s="53"/>
      <c r="Z1333" s="53"/>
      <c r="AA1333" s="53"/>
      <c r="AB1333" s="53"/>
      <c r="AC1333" s="53"/>
      <c r="AD1333" s="53"/>
      <c r="AE1333" s="53"/>
      <c r="AF1333" s="53"/>
      <c r="AG1333" s="53"/>
      <c r="AH1333" s="53"/>
      <c r="AI1333" s="53"/>
      <c r="AJ1333" s="53"/>
      <c r="AK1333" s="53"/>
      <c r="AL1333" s="53"/>
      <c r="AM1333" s="53"/>
      <c r="AN1333" s="53"/>
      <c r="AO1333" s="53"/>
      <c r="AP1333" s="53"/>
      <c r="AQ1333" s="53"/>
      <c r="AR1333" s="53"/>
      <c r="AS1333" s="53"/>
      <c r="AT1333" s="53"/>
      <c r="AU1333" s="53"/>
      <c r="AV1333" s="53"/>
      <c r="AW1333" s="53"/>
      <c r="AX1333" s="53"/>
      <c r="AY1333" s="53"/>
      <c r="AZ1333" s="53"/>
      <c r="BA1333" s="53"/>
      <c r="BB1333" s="53"/>
      <c r="BC1333" s="53"/>
      <c r="BD1333" s="53"/>
      <c r="BE1333" s="53"/>
      <c r="BF1333" s="53"/>
      <c r="BG1333" s="53"/>
      <c r="BH1333" s="53"/>
      <c r="BI1333" s="53"/>
      <c r="BJ1333" s="53"/>
      <c r="BK1333" s="53"/>
      <c r="BL1333" s="53"/>
      <c r="BM1333" s="53"/>
      <c r="BN1333" s="53"/>
      <c r="BO1333" s="53"/>
      <c r="BP1333" s="53"/>
      <c r="BQ1333" s="53"/>
      <c r="BR1333" s="53"/>
      <c r="BS1333" s="53"/>
      <c r="BT1333" s="53"/>
      <c r="BU1333" s="53"/>
      <c r="BV1333" s="53"/>
      <c r="BW1333" s="53"/>
      <c r="BX1333" s="53"/>
      <c r="BY1333" s="53"/>
      <c r="BZ1333" s="53"/>
      <c r="CA1333" s="53"/>
      <c r="CB1333" s="53"/>
      <c r="CC1333" s="53"/>
      <c r="CD1333" s="53"/>
      <c r="CE1333" s="53"/>
      <c r="CF1333" s="53"/>
      <c r="CG1333" s="53"/>
      <c r="CH1333" s="53"/>
      <c r="CI1333" s="53"/>
      <c r="CJ1333" s="53"/>
      <c r="CK1333" s="53"/>
      <c r="CL1333" s="53"/>
      <c r="CM1333" s="53"/>
      <c r="CN1333" s="53"/>
    </row>
    <row r="1334" spans="1:92" outlineLevel="1">
      <c r="A1334" s="59" t="s">
        <v>1505</v>
      </c>
      <c r="B1334" s="53">
        <v>0</v>
      </c>
      <c r="C1334" s="53">
        <v>0</v>
      </c>
      <c r="D1334" s="53">
        <v>0</v>
      </c>
      <c r="E1334" s="53">
        <v>0</v>
      </c>
      <c r="F1334" s="53">
        <v>0</v>
      </c>
      <c r="G1334" s="53">
        <v>0</v>
      </c>
      <c r="H1334" s="53">
        <v>0</v>
      </c>
      <c r="I1334" s="53">
        <v>0</v>
      </c>
      <c r="J1334" s="53">
        <v>0</v>
      </c>
      <c r="K1334" s="53">
        <v>0</v>
      </c>
      <c r="L1334" s="53">
        <v>0</v>
      </c>
      <c r="M1334" s="53">
        <v>0</v>
      </c>
      <c r="N1334" s="53">
        <v>0</v>
      </c>
      <c r="O1334" s="53">
        <v>0</v>
      </c>
      <c r="P1334" s="53">
        <v>0</v>
      </c>
      <c r="Q1334" s="53">
        <v>0</v>
      </c>
      <c r="R1334" s="53">
        <v>0</v>
      </c>
      <c r="S1334" s="53">
        <v>0</v>
      </c>
      <c r="T1334" s="53">
        <v>0</v>
      </c>
      <c r="U1334" s="53">
        <v>0</v>
      </c>
      <c r="V1334" s="53">
        <v>0</v>
      </c>
      <c r="W1334" s="53">
        <v>0</v>
      </c>
      <c r="X1334" s="53">
        <v>0</v>
      </c>
      <c r="Y1334" s="53">
        <v>0</v>
      </c>
      <c r="Z1334" s="53">
        <v>0</v>
      </c>
      <c r="AA1334" s="53">
        <v>0</v>
      </c>
      <c r="AB1334" s="53">
        <v>0</v>
      </c>
      <c r="AC1334" s="53">
        <v>0</v>
      </c>
      <c r="AD1334" s="53">
        <v>0</v>
      </c>
      <c r="AE1334" s="53">
        <v>0</v>
      </c>
      <c r="AF1334" s="53">
        <v>0</v>
      </c>
      <c r="AG1334" s="53">
        <v>0</v>
      </c>
      <c r="AH1334" s="53">
        <v>0</v>
      </c>
      <c r="AI1334" s="53">
        <v>0</v>
      </c>
      <c r="AJ1334" s="53">
        <v>0</v>
      </c>
      <c r="AK1334" s="53">
        <v>0</v>
      </c>
      <c r="AL1334" s="53">
        <v>0</v>
      </c>
      <c r="AM1334" s="53">
        <v>0</v>
      </c>
      <c r="AN1334" s="53">
        <v>0</v>
      </c>
      <c r="AO1334" s="53">
        <v>0</v>
      </c>
      <c r="AP1334" s="53">
        <v>0</v>
      </c>
      <c r="AQ1334" s="53">
        <v>0</v>
      </c>
      <c r="AR1334" s="53">
        <v>0</v>
      </c>
      <c r="AS1334" s="53">
        <v>0</v>
      </c>
      <c r="AT1334" s="53">
        <v>0</v>
      </c>
      <c r="AU1334" s="53">
        <v>0</v>
      </c>
      <c r="AV1334" s="53">
        <v>0</v>
      </c>
      <c r="AW1334" s="53">
        <v>0</v>
      </c>
      <c r="AX1334" s="53">
        <v>0</v>
      </c>
      <c r="AY1334" s="53">
        <v>0</v>
      </c>
      <c r="AZ1334" s="53">
        <v>0</v>
      </c>
      <c r="BA1334" s="53">
        <v>0</v>
      </c>
      <c r="BB1334" s="53">
        <v>0</v>
      </c>
      <c r="BC1334" s="53">
        <v>0</v>
      </c>
      <c r="BD1334" s="53">
        <v>0</v>
      </c>
      <c r="BE1334" s="53">
        <v>0</v>
      </c>
      <c r="BF1334" s="53">
        <v>0</v>
      </c>
      <c r="BG1334" s="53">
        <v>0</v>
      </c>
      <c r="BH1334" s="53">
        <v>0</v>
      </c>
      <c r="BI1334" s="53">
        <v>0</v>
      </c>
      <c r="BJ1334" s="53">
        <v>0</v>
      </c>
      <c r="BK1334" s="53">
        <v>0</v>
      </c>
      <c r="BL1334" s="53">
        <v>0</v>
      </c>
      <c r="BM1334" s="53">
        <v>0</v>
      </c>
      <c r="BN1334" s="53">
        <v>0</v>
      </c>
      <c r="BO1334" s="53">
        <v>0</v>
      </c>
      <c r="BP1334" s="53">
        <v>0</v>
      </c>
      <c r="BQ1334" s="53">
        <v>0</v>
      </c>
      <c r="BR1334" s="53">
        <v>0</v>
      </c>
      <c r="BS1334" s="53">
        <v>0</v>
      </c>
      <c r="BT1334" s="53">
        <v>0</v>
      </c>
      <c r="BU1334" s="53">
        <v>0</v>
      </c>
      <c r="BV1334" s="53">
        <v>0</v>
      </c>
      <c r="BW1334" s="53">
        <v>0</v>
      </c>
      <c r="BX1334" s="53">
        <v>0</v>
      </c>
      <c r="BY1334" s="53">
        <v>0</v>
      </c>
      <c r="BZ1334" s="53">
        <v>0</v>
      </c>
      <c r="CA1334" s="53">
        <v>0</v>
      </c>
      <c r="CB1334" s="53"/>
      <c r="CC1334" s="53"/>
      <c r="CD1334" s="53"/>
      <c r="CE1334" s="53"/>
      <c r="CF1334" s="53"/>
      <c r="CG1334" s="53"/>
      <c r="CH1334" s="53"/>
      <c r="CI1334" s="53"/>
      <c r="CJ1334" s="53"/>
      <c r="CK1334" s="53"/>
      <c r="CL1334" s="53"/>
      <c r="CM1334" s="53"/>
      <c r="CN1334" s="53"/>
    </row>
    <row r="1335" spans="1:92" outlineLevel="1">
      <c r="A1335" s="59" t="s">
        <v>1506</v>
      </c>
      <c r="B1335" s="53">
        <v>0</v>
      </c>
      <c r="C1335" s="53">
        <v>0</v>
      </c>
      <c r="D1335" s="53">
        <v>0</v>
      </c>
      <c r="E1335" s="53">
        <v>0</v>
      </c>
      <c r="F1335" s="53">
        <v>0</v>
      </c>
      <c r="G1335" s="53">
        <v>0</v>
      </c>
      <c r="H1335" s="53">
        <v>0</v>
      </c>
      <c r="I1335" s="53">
        <v>0</v>
      </c>
      <c r="J1335" s="53">
        <v>0</v>
      </c>
      <c r="K1335" s="53">
        <v>0</v>
      </c>
      <c r="L1335" s="53">
        <v>0</v>
      </c>
      <c r="M1335" s="53">
        <v>0</v>
      </c>
      <c r="N1335" s="53">
        <v>0</v>
      </c>
      <c r="O1335" s="53">
        <v>0</v>
      </c>
      <c r="P1335" s="53">
        <v>0</v>
      </c>
      <c r="Q1335" s="53">
        <v>0</v>
      </c>
      <c r="R1335" s="53">
        <v>0</v>
      </c>
      <c r="S1335" s="53">
        <v>0</v>
      </c>
      <c r="T1335" s="53">
        <v>0</v>
      </c>
      <c r="U1335" s="53">
        <v>0</v>
      </c>
      <c r="V1335" s="53">
        <v>0</v>
      </c>
      <c r="W1335" s="53">
        <v>0</v>
      </c>
      <c r="X1335" s="53">
        <v>0</v>
      </c>
      <c r="Y1335" s="53">
        <v>0</v>
      </c>
      <c r="Z1335" s="53">
        <v>0</v>
      </c>
      <c r="AA1335" s="53">
        <v>0</v>
      </c>
      <c r="AB1335" s="53">
        <v>0</v>
      </c>
      <c r="AC1335" s="53">
        <v>0</v>
      </c>
      <c r="AD1335" s="53">
        <v>0</v>
      </c>
      <c r="AE1335" s="53">
        <v>0</v>
      </c>
      <c r="AF1335" s="53">
        <v>0</v>
      </c>
      <c r="AG1335" s="53">
        <v>0</v>
      </c>
      <c r="AH1335" s="53">
        <v>0</v>
      </c>
      <c r="AI1335" s="53">
        <v>0</v>
      </c>
      <c r="AJ1335" s="53">
        <v>0</v>
      </c>
      <c r="AK1335" s="53">
        <v>0</v>
      </c>
      <c r="AL1335" s="53">
        <v>0</v>
      </c>
      <c r="AM1335" s="53">
        <v>0</v>
      </c>
      <c r="AN1335" s="53">
        <v>0</v>
      </c>
      <c r="AO1335" s="53">
        <v>0</v>
      </c>
      <c r="AP1335" s="53">
        <v>0</v>
      </c>
      <c r="AQ1335" s="53">
        <v>0</v>
      </c>
      <c r="AR1335" s="53">
        <v>0</v>
      </c>
      <c r="AS1335" s="53">
        <v>0</v>
      </c>
      <c r="AT1335" s="53">
        <v>0</v>
      </c>
      <c r="AU1335" s="53">
        <v>0</v>
      </c>
      <c r="AV1335" s="53">
        <v>0</v>
      </c>
      <c r="AW1335" s="53">
        <v>0</v>
      </c>
      <c r="AX1335" s="53">
        <v>0</v>
      </c>
      <c r="AY1335" s="53">
        <v>0</v>
      </c>
      <c r="AZ1335" s="53">
        <v>0</v>
      </c>
      <c r="BA1335" s="53">
        <v>0</v>
      </c>
      <c r="BB1335" s="53">
        <v>0</v>
      </c>
      <c r="BC1335" s="53">
        <v>0</v>
      </c>
      <c r="BD1335" s="53">
        <v>0</v>
      </c>
      <c r="BE1335" s="53">
        <v>0</v>
      </c>
      <c r="BF1335" s="53">
        <v>0</v>
      </c>
      <c r="BG1335" s="53">
        <v>0</v>
      </c>
      <c r="BH1335" s="53">
        <v>0</v>
      </c>
      <c r="BI1335" s="53">
        <v>0</v>
      </c>
      <c r="BJ1335" s="53">
        <v>0</v>
      </c>
      <c r="BK1335" s="53">
        <v>0</v>
      </c>
      <c r="BL1335" s="53">
        <v>0</v>
      </c>
      <c r="BM1335" s="53">
        <v>0</v>
      </c>
      <c r="BN1335" s="53">
        <v>0</v>
      </c>
      <c r="BO1335" s="53">
        <v>0</v>
      </c>
      <c r="BP1335" s="53">
        <v>0</v>
      </c>
      <c r="BQ1335" s="53">
        <v>0</v>
      </c>
      <c r="BR1335" s="53">
        <v>0</v>
      </c>
      <c r="BS1335" s="53">
        <v>0</v>
      </c>
      <c r="BT1335" s="53">
        <v>0</v>
      </c>
      <c r="BU1335" s="53">
        <v>0</v>
      </c>
      <c r="BV1335" s="53">
        <v>0</v>
      </c>
      <c r="BW1335" s="53">
        <v>0</v>
      </c>
      <c r="BX1335" s="53">
        <v>0</v>
      </c>
      <c r="BY1335" s="53">
        <v>0</v>
      </c>
      <c r="BZ1335" s="53">
        <v>0</v>
      </c>
      <c r="CA1335" s="53">
        <v>0</v>
      </c>
      <c r="CB1335" s="53"/>
      <c r="CC1335" s="53"/>
      <c r="CD1335" s="53"/>
      <c r="CE1335" s="53"/>
      <c r="CF1335" s="53"/>
      <c r="CG1335" s="53"/>
      <c r="CH1335" s="53"/>
      <c r="CI1335" s="53"/>
      <c r="CJ1335" s="53"/>
      <c r="CK1335" s="53"/>
      <c r="CL1335" s="53"/>
      <c r="CM1335" s="53"/>
      <c r="CN1335" s="53"/>
    </row>
    <row r="1336" spans="1:92" outlineLevel="1">
      <c r="A1336" s="57" t="s">
        <v>1507</v>
      </c>
      <c r="B1336" s="53">
        <v>0</v>
      </c>
      <c r="C1336" s="53">
        <v>0</v>
      </c>
      <c r="D1336" s="53">
        <v>0</v>
      </c>
      <c r="E1336" s="53">
        <v>0</v>
      </c>
      <c r="F1336" s="53">
        <v>0</v>
      </c>
      <c r="G1336" s="53">
        <v>0</v>
      </c>
      <c r="H1336" s="53">
        <v>0</v>
      </c>
      <c r="I1336" s="53">
        <v>0</v>
      </c>
      <c r="J1336" s="53">
        <v>0</v>
      </c>
      <c r="K1336" s="53">
        <v>0</v>
      </c>
      <c r="L1336" s="53">
        <v>0</v>
      </c>
      <c r="M1336" s="53">
        <v>0</v>
      </c>
      <c r="N1336" s="53">
        <v>0</v>
      </c>
      <c r="O1336" s="53">
        <v>0</v>
      </c>
      <c r="P1336" s="53">
        <v>0</v>
      </c>
      <c r="Q1336" s="53">
        <v>0</v>
      </c>
      <c r="R1336" s="53">
        <v>0</v>
      </c>
      <c r="S1336" s="53">
        <v>0</v>
      </c>
      <c r="T1336" s="53">
        <v>0</v>
      </c>
      <c r="U1336" s="53">
        <v>0</v>
      </c>
      <c r="V1336" s="53">
        <v>0</v>
      </c>
      <c r="W1336" s="53">
        <v>0</v>
      </c>
      <c r="X1336" s="53">
        <v>0</v>
      </c>
      <c r="Y1336" s="53">
        <v>0</v>
      </c>
      <c r="Z1336" s="53">
        <v>0</v>
      </c>
      <c r="AA1336" s="53">
        <v>0</v>
      </c>
      <c r="AB1336" s="53">
        <v>0</v>
      </c>
      <c r="AC1336" s="53">
        <v>0</v>
      </c>
      <c r="AD1336" s="53">
        <v>0</v>
      </c>
      <c r="AE1336" s="53">
        <v>0</v>
      </c>
      <c r="AF1336" s="53">
        <v>0</v>
      </c>
      <c r="AG1336" s="53">
        <v>0</v>
      </c>
      <c r="AH1336" s="53">
        <v>0</v>
      </c>
      <c r="AI1336" s="53">
        <v>0</v>
      </c>
      <c r="AJ1336" s="53">
        <v>0</v>
      </c>
      <c r="AK1336" s="53">
        <v>0</v>
      </c>
      <c r="AL1336" s="53">
        <v>0</v>
      </c>
      <c r="AM1336" s="53">
        <v>0</v>
      </c>
      <c r="AN1336" s="53">
        <v>0</v>
      </c>
      <c r="AO1336" s="53">
        <v>0</v>
      </c>
      <c r="AP1336" s="53">
        <v>0</v>
      </c>
      <c r="AQ1336" s="53">
        <v>0</v>
      </c>
      <c r="AR1336" s="53">
        <v>0</v>
      </c>
      <c r="AS1336" s="53">
        <v>0</v>
      </c>
      <c r="AT1336" s="53">
        <v>0</v>
      </c>
      <c r="AU1336" s="53">
        <v>0</v>
      </c>
      <c r="AV1336" s="53">
        <v>0</v>
      </c>
      <c r="AW1336" s="53">
        <v>0</v>
      </c>
      <c r="AX1336" s="53">
        <v>0</v>
      </c>
      <c r="AY1336" s="53">
        <v>0</v>
      </c>
      <c r="AZ1336" s="53">
        <v>0</v>
      </c>
      <c r="BA1336" s="53">
        <v>0</v>
      </c>
      <c r="BB1336" s="53">
        <v>0</v>
      </c>
      <c r="BC1336" s="53">
        <v>0</v>
      </c>
      <c r="BD1336" s="53">
        <v>0</v>
      </c>
      <c r="BE1336" s="53">
        <v>0</v>
      </c>
      <c r="BF1336" s="53">
        <v>0</v>
      </c>
      <c r="BG1336" s="53">
        <v>0</v>
      </c>
      <c r="BH1336" s="53">
        <v>0</v>
      </c>
      <c r="BI1336" s="53">
        <v>0</v>
      </c>
      <c r="BJ1336" s="53">
        <v>0</v>
      </c>
      <c r="BK1336" s="53">
        <v>0</v>
      </c>
      <c r="BL1336" s="53">
        <v>0</v>
      </c>
      <c r="BM1336" s="53">
        <v>0</v>
      </c>
      <c r="BN1336" s="53">
        <v>0</v>
      </c>
      <c r="BO1336" s="53">
        <v>0</v>
      </c>
      <c r="BP1336" s="53">
        <v>0</v>
      </c>
      <c r="BQ1336" s="53">
        <v>0</v>
      </c>
      <c r="BR1336" s="53">
        <v>0</v>
      </c>
      <c r="BS1336" s="53">
        <v>0</v>
      </c>
      <c r="BT1336" s="53">
        <v>0</v>
      </c>
      <c r="BU1336" s="53">
        <v>0</v>
      </c>
      <c r="BV1336" s="53">
        <v>0</v>
      </c>
      <c r="BW1336" s="53">
        <v>0</v>
      </c>
      <c r="BX1336" s="53">
        <v>0</v>
      </c>
      <c r="BY1336" s="53">
        <v>0</v>
      </c>
      <c r="BZ1336" s="53">
        <v>0</v>
      </c>
      <c r="CA1336" s="53">
        <v>0</v>
      </c>
      <c r="CB1336" s="53"/>
      <c r="CC1336" s="53"/>
      <c r="CD1336" s="53"/>
      <c r="CE1336" s="53"/>
      <c r="CF1336" s="53"/>
      <c r="CG1336" s="53"/>
      <c r="CH1336" s="53"/>
      <c r="CI1336" s="53"/>
      <c r="CJ1336" s="53"/>
      <c r="CK1336" s="53"/>
      <c r="CL1336" s="53"/>
      <c r="CM1336" s="53"/>
      <c r="CN1336" s="53"/>
    </row>
    <row r="1337" spans="1:92" outlineLevel="1">
      <c r="A1337" s="59" t="s">
        <v>1508</v>
      </c>
      <c r="B1337" s="53">
        <v>0</v>
      </c>
      <c r="C1337" s="53">
        <v>0</v>
      </c>
      <c r="D1337" s="53">
        <v>0</v>
      </c>
      <c r="E1337" s="53">
        <v>0</v>
      </c>
      <c r="F1337" s="53">
        <v>0</v>
      </c>
      <c r="G1337" s="53">
        <v>0</v>
      </c>
      <c r="H1337" s="53">
        <v>0</v>
      </c>
      <c r="I1337" s="53">
        <v>0</v>
      </c>
      <c r="J1337" s="53">
        <v>0</v>
      </c>
      <c r="K1337" s="53">
        <v>0</v>
      </c>
      <c r="L1337" s="53">
        <v>0</v>
      </c>
      <c r="M1337" s="53">
        <v>0</v>
      </c>
      <c r="N1337" s="53">
        <v>0</v>
      </c>
      <c r="O1337" s="53">
        <v>0</v>
      </c>
      <c r="P1337" s="53">
        <v>0</v>
      </c>
      <c r="Q1337" s="53">
        <v>0</v>
      </c>
      <c r="R1337" s="53">
        <v>0</v>
      </c>
      <c r="S1337" s="53">
        <v>0</v>
      </c>
      <c r="T1337" s="53">
        <v>0</v>
      </c>
      <c r="U1337" s="53">
        <v>0</v>
      </c>
      <c r="V1337" s="53">
        <v>0</v>
      </c>
      <c r="W1337" s="53">
        <v>0</v>
      </c>
      <c r="X1337" s="53">
        <v>0</v>
      </c>
      <c r="Y1337" s="53">
        <v>0</v>
      </c>
      <c r="Z1337" s="53">
        <v>0</v>
      </c>
      <c r="AA1337" s="53">
        <v>0</v>
      </c>
      <c r="AB1337" s="53">
        <v>0</v>
      </c>
      <c r="AC1337" s="53">
        <v>0</v>
      </c>
      <c r="AD1337" s="53">
        <v>0</v>
      </c>
      <c r="AE1337" s="53">
        <v>0</v>
      </c>
      <c r="AF1337" s="53">
        <v>0</v>
      </c>
      <c r="AG1337" s="53">
        <v>0</v>
      </c>
      <c r="AH1337" s="53">
        <v>0</v>
      </c>
      <c r="AI1337" s="53">
        <v>0</v>
      </c>
      <c r="AJ1337" s="53">
        <v>0</v>
      </c>
      <c r="AK1337" s="53">
        <v>0</v>
      </c>
      <c r="AL1337" s="53">
        <v>0</v>
      </c>
      <c r="AM1337" s="53">
        <v>0</v>
      </c>
      <c r="AN1337" s="53">
        <v>0</v>
      </c>
      <c r="AO1337" s="53">
        <v>0</v>
      </c>
      <c r="AP1337" s="53">
        <v>0</v>
      </c>
      <c r="AQ1337" s="53">
        <v>0</v>
      </c>
      <c r="AR1337" s="53">
        <v>0</v>
      </c>
      <c r="AS1337" s="53">
        <v>0</v>
      </c>
      <c r="AT1337" s="53">
        <v>0</v>
      </c>
      <c r="AU1337" s="53">
        <v>0</v>
      </c>
      <c r="AV1337" s="53">
        <v>0</v>
      </c>
      <c r="AW1337" s="53">
        <v>0</v>
      </c>
      <c r="AX1337" s="53">
        <v>0</v>
      </c>
      <c r="AY1337" s="53">
        <v>0</v>
      </c>
      <c r="AZ1337" s="53">
        <v>0</v>
      </c>
      <c r="BA1337" s="53">
        <v>0</v>
      </c>
      <c r="BB1337" s="53">
        <v>0</v>
      </c>
      <c r="BC1337" s="53">
        <v>0</v>
      </c>
      <c r="BD1337" s="53">
        <v>0</v>
      </c>
      <c r="BE1337" s="53">
        <v>0</v>
      </c>
      <c r="BF1337" s="53">
        <v>0</v>
      </c>
      <c r="BG1337" s="53">
        <v>0</v>
      </c>
      <c r="BH1337" s="53">
        <v>0</v>
      </c>
      <c r="BI1337" s="53">
        <v>0</v>
      </c>
      <c r="BJ1337" s="53">
        <v>0</v>
      </c>
      <c r="BK1337" s="53">
        <v>0</v>
      </c>
      <c r="BL1337" s="53">
        <v>0</v>
      </c>
      <c r="BM1337" s="53">
        <v>0</v>
      </c>
      <c r="BN1337" s="53">
        <v>0</v>
      </c>
      <c r="BO1337" s="53">
        <v>0</v>
      </c>
      <c r="BP1337" s="53">
        <v>0</v>
      </c>
      <c r="BQ1337" s="53">
        <v>0</v>
      </c>
      <c r="BR1337" s="53">
        <v>0</v>
      </c>
      <c r="BS1337" s="53">
        <v>0</v>
      </c>
      <c r="BT1337" s="53">
        <v>0</v>
      </c>
      <c r="BU1337" s="53">
        <v>0</v>
      </c>
      <c r="BV1337" s="53">
        <v>0</v>
      </c>
      <c r="BW1337" s="53">
        <v>0</v>
      </c>
      <c r="BX1337" s="53">
        <v>0</v>
      </c>
      <c r="BY1337" s="53">
        <v>0</v>
      </c>
      <c r="BZ1337" s="53">
        <v>0</v>
      </c>
      <c r="CA1337" s="53">
        <v>0</v>
      </c>
      <c r="CB1337" s="53"/>
      <c r="CC1337" s="53"/>
      <c r="CD1337" s="53"/>
      <c r="CE1337" s="53"/>
      <c r="CF1337" s="53"/>
      <c r="CG1337" s="53"/>
      <c r="CH1337" s="53"/>
      <c r="CI1337" s="53"/>
      <c r="CJ1337" s="53"/>
      <c r="CK1337" s="53"/>
      <c r="CL1337" s="53"/>
      <c r="CM1337" s="53"/>
      <c r="CN1337" s="53"/>
    </row>
    <row r="1338" spans="1:92" outlineLevel="1">
      <c r="A1338" s="59" t="s">
        <v>1509</v>
      </c>
      <c r="B1338" s="53">
        <v>0</v>
      </c>
      <c r="C1338" s="53">
        <v>0</v>
      </c>
      <c r="D1338" s="53">
        <v>0</v>
      </c>
      <c r="E1338" s="53">
        <v>0</v>
      </c>
      <c r="F1338" s="53">
        <v>0</v>
      </c>
      <c r="G1338" s="53">
        <v>0</v>
      </c>
      <c r="H1338" s="53">
        <v>0</v>
      </c>
      <c r="I1338" s="53">
        <v>0</v>
      </c>
      <c r="J1338" s="53">
        <v>0</v>
      </c>
      <c r="K1338" s="53">
        <v>0</v>
      </c>
      <c r="L1338" s="53">
        <v>0</v>
      </c>
      <c r="M1338" s="53">
        <v>0</v>
      </c>
      <c r="N1338" s="53">
        <v>0</v>
      </c>
      <c r="O1338" s="53">
        <v>0</v>
      </c>
      <c r="P1338" s="53">
        <v>0</v>
      </c>
      <c r="Q1338" s="53">
        <v>0</v>
      </c>
      <c r="R1338" s="53">
        <v>0</v>
      </c>
      <c r="S1338" s="53">
        <v>0</v>
      </c>
      <c r="T1338" s="53">
        <v>0</v>
      </c>
      <c r="U1338" s="53">
        <v>0</v>
      </c>
      <c r="V1338" s="53">
        <v>0</v>
      </c>
      <c r="W1338" s="53">
        <v>0</v>
      </c>
      <c r="X1338" s="53">
        <v>0</v>
      </c>
      <c r="Y1338" s="53">
        <v>0</v>
      </c>
      <c r="Z1338" s="53">
        <v>0</v>
      </c>
      <c r="AA1338" s="53">
        <v>0</v>
      </c>
      <c r="AB1338" s="53">
        <v>0</v>
      </c>
      <c r="AC1338" s="53">
        <v>0</v>
      </c>
      <c r="AD1338" s="53">
        <v>0</v>
      </c>
      <c r="AE1338" s="53">
        <v>0</v>
      </c>
      <c r="AF1338" s="53">
        <v>0</v>
      </c>
      <c r="AG1338" s="53">
        <v>0</v>
      </c>
      <c r="AH1338" s="53">
        <v>0</v>
      </c>
      <c r="AI1338" s="53">
        <v>0</v>
      </c>
      <c r="AJ1338" s="53">
        <v>0</v>
      </c>
      <c r="AK1338" s="53">
        <v>0</v>
      </c>
      <c r="AL1338" s="53">
        <v>0</v>
      </c>
      <c r="AM1338" s="53">
        <v>0</v>
      </c>
      <c r="AN1338" s="53">
        <v>0</v>
      </c>
      <c r="AO1338" s="53">
        <v>0</v>
      </c>
      <c r="AP1338" s="53">
        <v>0</v>
      </c>
      <c r="AQ1338" s="53">
        <v>0</v>
      </c>
      <c r="AR1338" s="53">
        <v>0</v>
      </c>
      <c r="AS1338" s="53">
        <v>0</v>
      </c>
      <c r="AT1338" s="53">
        <v>0</v>
      </c>
      <c r="AU1338" s="53">
        <v>0</v>
      </c>
      <c r="AV1338" s="53">
        <v>0</v>
      </c>
      <c r="AW1338" s="53">
        <v>0</v>
      </c>
      <c r="AX1338" s="53">
        <v>0</v>
      </c>
      <c r="AY1338" s="53">
        <v>0</v>
      </c>
      <c r="AZ1338" s="53">
        <v>0</v>
      </c>
      <c r="BA1338" s="53">
        <v>0</v>
      </c>
      <c r="BB1338" s="53">
        <v>0</v>
      </c>
      <c r="BC1338" s="53">
        <v>0</v>
      </c>
      <c r="BD1338" s="53">
        <v>0</v>
      </c>
      <c r="BE1338" s="53">
        <v>0</v>
      </c>
      <c r="BF1338" s="53">
        <v>0</v>
      </c>
      <c r="BG1338" s="53">
        <v>0</v>
      </c>
      <c r="BH1338" s="53">
        <v>0</v>
      </c>
      <c r="BI1338" s="53">
        <v>0</v>
      </c>
      <c r="BJ1338" s="53">
        <v>0</v>
      </c>
      <c r="BK1338" s="53">
        <v>0</v>
      </c>
      <c r="BL1338" s="53">
        <v>0</v>
      </c>
      <c r="BM1338" s="53">
        <v>0</v>
      </c>
      <c r="BN1338" s="53">
        <v>0</v>
      </c>
      <c r="BO1338" s="53">
        <v>0</v>
      </c>
      <c r="BP1338" s="53">
        <v>0</v>
      </c>
      <c r="BQ1338" s="53">
        <v>0</v>
      </c>
      <c r="BR1338" s="53">
        <v>0</v>
      </c>
      <c r="BS1338" s="53">
        <v>0</v>
      </c>
      <c r="BT1338" s="53">
        <v>0</v>
      </c>
      <c r="BU1338" s="53">
        <v>0</v>
      </c>
      <c r="BV1338" s="53">
        <v>0</v>
      </c>
      <c r="BW1338" s="53">
        <v>0</v>
      </c>
      <c r="BX1338" s="53">
        <v>0</v>
      </c>
      <c r="BY1338" s="53">
        <v>0</v>
      </c>
      <c r="BZ1338" s="53">
        <v>0</v>
      </c>
      <c r="CA1338" s="53">
        <v>0</v>
      </c>
      <c r="CB1338" s="53"/>
      <c r="CC1338" s="53"/>
      <c r="CD1338" s="53"/>
      <c r="CE1338" s="53"/>
      <c r="CF1338" s="53"/>
      <c r="CG1338" s="53"/>
      <c r="CH1338" s="53"/>
      <c r="CI1338" s="53"/>
      <c r="CJ1338" s="53"/>
      <c r="CK1338" s="53"/>
      <c r="CL1338" s="53"/>
      <c r="CM1338" s="53"/>
      <c r="CN1338" s="53"/>
    </row>
    <row r="1339" spans="1:92" outlineLevel="1">
      <c r="A1339" s="59" t="s">
        <v>1510</v>
      </c>
      <c r="B1339" s="53">
        <v>0</v>
      </c>
      <c r="C1339" s="53">
        <v>0</v>
      </c>
      <c r="D1339" s="53">
        <v>0</v>
      </c>
      <c r="E1339" s="53">
        <v>0</v>
      </c>
      <c r="F1339" s="53">
        <v>0</v>
      </c>
      <c r="G1339" s="53">
        <v>0</v>
      </c>
      <c r="H1339" s="53">
        <v>0</v>
      </c>
      <c r="I1339" s="53">
        <v>0</v>
      </c>
      <c r="J1339" s="53">
        <v>0</v>
      </c>
      <c r="K1339" s="53">
        <v>0</v>
      </c>
      <c r="L1339" s="53">
        <v>0</v>
      </c>
      <c r="M1339" s="53">
        <v>0</v>
      </c>
      <c r="N1339" s="53">
        <v>0</v>
      </c>
      <c r="O1339" s="53">
        <v>0</v>
      </c>
      <c r="P1339" s="53">
        <v>0</v>
      </c>
      <c r="Q1339" s="53">
        <v>0</v>
      </c>
      <c r="R1339" s="53">
        <v>0</v>
      </c>
      <c r="S1339" s="53">
        <v>0</v>
      </c>
      <c r="T1339" s="53">
        <v>0</v>
      </c>
      <c r="U1339" s="53">
        <v>0</v>
      </c>
      <c r="V1339" s="53">
        <v>0</v>
      </c>
      <c r="W1339" s="53">
        <v>0</v>
      </c>
      <c r="X1339" s="53">
        <v>0</v>
      </c>
      <c r="Y1339" s="53">
        <v>0</v>
      </c>
      <c r="Z1339" s="53">
        <v>0</v>
      </c>
      <c r="AA1339" s="53">
        <v>0</v>
      </c>
      <c r="AB1339" s="53">
        <v>0</v>
      </c>
      <c r="AC1339" s="53">
        <v>0</v>
      </c>
      <c r="AD1339" s="53">
        <v>0</v>
      </c>
      <c r="AE1339" s="53">
        <v>0</v>
      </c>
      <c r="AF1339" s="53">
        <v>0</v>
      </c>
      <c r="AG1339" s="53">
        <v>0</v>
      </c>
      <c r="AH1339" s="53">
        <v>0</v>
      </c>
      <c r="AI1339" s="53">
        <v>0</v>
      </c>
      <c r="AJ1339" s="53">
        <v>0</v>
      </c>
      <c r="AK1339" s="53">
        <v>0</v>
      </c>
      <c r="AL1339" s="53">
        <v>0</v>
      </c>
      <c r="AM1339" s="53">
        <v>0</v>
      </c>
      <c r="AN1339" s="53">
        <v>0</v>
      </c>
      <c r="AO1339" s="53">
        <v>0</v>
      </c>
      <c r="AP1339" s="53">
        <v>0</v>
      </c>
      <c r="AQ1339" s="53">
        <v>0</v>
      </c>
      <c r="AR1339" s="53">
        <v>0</v>
      </c>
      <c r="AS1339" s="53">
        <v>0</v>
      </c>
      <c r="AT1339" s="53">
        <v>0</v>
      </c>
      <c r="AU1339" s="53">
        <v>0</v>
      </c>
      <c r="AV1339" s="53">
        <v>0</v>
      </c>
      <c r="AW1339" s="53">
        <v>0</v>
      </c>
      <c r="AX1339" s="53">
        <v>0</v>
      </c>
      <c r="AY1339" s="53">
        <v>0</v>
      </c>
      <c r="AZ1339" s="53">
        <v>0</v>
      </c>
      <c r="BA1339" s="53">
        <v>0</v>
      </c>
      <c r="BB1339" s="53">
        <v>0</v>
      </c>
      <c r="BC1339" s="53">
        <v>0</v>
      </c>
      <c r="BD1339" s="53">
        <v>0</v>
      </c>
      <c r="BE1339" s="53">
        <v>0</v>
      </c>
      <c r="BF1339" s="53">
        <v>0</v>
      </c>
      <c r="BG1339" s="53">
        <v>0</v>
      </c>
      <c r="BH1339" s="53">
        <v>0</v>
      </c>
      <c r="BI1339" s="53">
        <v>0</v>
      </c>
      <c r="BJ1339" s="53">
        <v>0</v>
      </c>
      <c r="BK1339" s="53">
        <v>0</v>
      </c>
      <c r="BL1339" s="53">
        <v>0</v>
      </c>
      <c r="BM1339" s="53">
        <v>0</v>
      </c>
      <c r="BN1339" s="53">
        <v>0</v>
      </c>
      <c r="BO1339" s="53">
        <v>0</v>
      </c>
      <c r="BP1339" s="53">
        <v>0</v>
      </c>
      <c r="BQ1339" s="53">
        <v>0</v>
      </c>
      <c r="BR1339" s="53">
        <v>0</v>
      </c>
      <c r="BS1339" s="53">
        <v>0</v>
      </c>
      <c r="BT1339" s="53">
        <v>0</v>
      </c>
      <c r="BU1339" s="53">
        <v>0</v>
      </c>
      <c r="BV1339" s="53">
        <v>0</v>
      </c>
      <c r="BW1339" s="53">
        <v>0</v>
      </c>
      <c r="BX1339" s="53">
        <v>0</v>
      </c>
      <c r="BY1339" s="53">
        <v>0</v>
      </c>
      <c r="BZ1339" s="53">
        <v>0</v>
      </c>
      <c r="CA1339" s="53">
        <v>0</v>
      </c>
      <c r="CB1339" s="53"/>
      <c r="CC1339" s="53"/>
      <c r="CD1339" s="53"/>
      <c r="CE1339" s="53"/>
      <c r="CF1339" s="53"/>
      <c r="CG1339" s="53"/>
      <c r="CH1339" s="53"/>
      <c r="CI1339" s="53"/>
      <c r="CJ1339" s="53"/>
      <c r="CK1339" s="53"/>
      <c r="CL1339" s="53"/>
      <c r="CM1339" s="53"/>
      <c r="CN1339" s="53"/>
    </row>
    <row r="1340" spans="1:92" outlineLevel="1">
      <c r="A1340" s="57" t="s">
        <v>1511</v>
      </c>
      <c r="B1340" s="53"/>
      <c r="C1340" s="53"/>
      <c r="D1340" s="53"/>
      <c r="E1340" s="53"/>
      <c r="F1340" s="53"/>
      <c r="G1340" s="53"/>
      <c r="H1340" s="53"/>
      <c r="I1340" s="53"/>
      <c r="J1340" s="53"/>
      <c r="K1340" s="53"/>
      <c r="L1340" s="53"/>
      <c r="M1340" s="53"/>
      <c r="N1340" s="53"/>
      <c r="O1340" s="53"/>
      <c r="P1340" s="53"/>
      <c r="Q1340" s="53"/>
      <c r="R1340" s="53"/>
      <c r="S1340" s="53"/>
      <c r="T1340" s="53"/>
      <c r="U1340" s="53"/>
      <c r="V1340" s="53"/>
      <c r="W1340" s="53"/>
      <c r="X1340" s="53"/>
      <c r="Y1340" s="53"/>
      <c r="Z1340" s="53"/>
      <c r="AA1340" s="53"/>
      <c r="AB1340" s="53"/>
      <c r="AC1340" s="53"/>
      <c r="AD1340" s="53"/>
      <c r="AE1340" s="53"/>
      <c r="AF1340" s="53"/>
      <c r="AG1340" s="53"/>
      <c r="AH1340" s="53"/>
      <c r="AI1340" s="53"/>
      <c r="AJ1340" s="53"/>
      <c r="AK1340" s="53"/>
      <c r="AL1340" s="53"/>
      <c r="AM1340" s="53"/>
      <c r="AN1340" s="53"/>
      <c r="AO1340" s="53"/>
      <c r="AP1340" s="53"/>
      <c r="AQ1340" s="53"/>
      <c r="AR1340" s="53"/>
      <c r="AS1340" s="53"/>
      <c r="AT1340" s="53"/>
      <c r="AU1340" s="53"/>
      <c r="AV1340" s="53"/>
      <c r="AW1340" s="53"/>
      <c r="AX1340" s="53"/>
      <c r="AY1340" s="53"/>
      <c r="AZ1340" s="53"/>
      <c r="BA1340" s="53"/>
      <c r="BB1340" s="53"/>
      <c r="BC1340" s="53"/>
      <c r="BD1340" s="53"/>
      <c r="BE1340" s="53"/>
      <c r="BF1340" s="53"/>
      <c r="BG1340" s="53"/>
      <c r="BH1340" s="53"/>
      <c r="BI1340" s="53"/>
      <c r="BJ1340" s="53"/>
      <c r="BK1340" s="53"/>
      <c r="BL1340" s="53"/>
      <c r="BM1340" s="53"/>
      <c r="BN1340" s="53"/>
      <c r="BO1340" s="53"/>
      <c r="BP1340" s="53"/>
      <c r="BQ1340" s="53"/>
      <c r="BR1340" s="53"/>
      <c r="BS1340" s="53"/>
      <c r="BT1340" s="53"/>
      <c r="BU1340" s="53"/>
      <c r="BV1340" s="53"/>
      <c r="BW1340" s="53"/>
      <c r="BX1340" s="53"/>
      <c r="BY1340" s="53"/>
      <c r="BZ1340" s="53"/>
      <c r="CA1340" s="53"/>
      <c r="CB1340" s="53"/>
      <c r="CC1340" s="53"/>
      <c r="CD1340" s="53"/>
      <c r="CE1340" s="53"/>
      <c r="CF1340" s="53"/>
      <c r="CG1340" s="53"/>
      <c r="CH1340" s="53"/>
      <c r="CI1340" s="53"/>
      <c r="CJ1340" s="53"/>
      <c r="CK1340" s="53"/>
      <c r="CL1340" s="53"/>
      <c r="CM1340" s="53"/>
      <c r="CN1340" s="53"/>
    </row>
    <row r="1341" spans="1:92" outlineLevel="1">
      <c r="A1341" s="57" t="s">
        <v>1512</v>
      </c>
      <c r="B1341" s="53"/>
      <c r="C1341" s="53"/>
      <c r="D1341" s="53"/>
      <c r="E1341" s="53"/>
      <c r="F1341" s="53"/>
      <c r="G1341" s="53"/>
      <c r="H1341" s="53"/>
      <c r="I1341" s="53"/>
      <c r="J1341" s="53"/>
      <c r="K1341" s="53"/>
      <c r="L1341" s="53"/>
      <c r="M1341" s="53"/>
      <c r="N1341" s="53"/>
      <c r="O1341" s="53"/>
      <c r="P1341" s="53"/>
      <c r="Q1341" s="53"/>
      <c r="R1341" s="53"/>
      <c r="S1341" s="53"/>
      <c r="T1341" s="53"/>
      <c r="U1341" s="53"/>
      <c r="V1341" s="53"/>
      <c r="W1341" s="53"/>
      <c r="X1341" s="53"/>
      <c r="Y1341" s="53"/>
      <c r="Z1341" s="53"/>
      <c r="AA1341" s="53"/>
      <c r="AB1341" s="53"/>
      <c r="AC1341" s="53"/>
      <c r="AD1341" s="53"/>
      <c r="AE1341" s="53"/>
      <c r="AF1341" s="53"/>
      <c r="AG1341" s="53"/>
      <c r="AH1341" s="53"/>
      <c r="AI1341" s="53"/>
      <c r="AJ1341" s="53"/>
      <c r="AK1341" s="53"/>
      <c r="AL1341" s="53"/>
      <c r="AM1341" s="53"/>
      <c r="AN1341" s="53"/>
      <c r="AO1341" s="53"/>
      <c r="AP1341" s="53"/>
      <c r="AQ1341" s="53"/>
      <c r="AR1341" s="53"/>
      <c r="AS1341" s="53"/>
      <c r="AT1341" s="53"/>
      <c r="AU1341" s="53"/>
      <c r="AV1341" s="53"/>
      <c r="AW1341" s="53"/>
      <c r="AX1341" s="53"/>
      <c r="AY1341" s="53"/>
      <c r="AZ1341" s="53"/>
      <c r="BA1341" s="53"/>
      <c r="BB1341" s="53"/>
      <c r="BC1341" s="53"/>
      <c r="BD1341" s="53"/>
      <c r="BE1341" s="53"/>
      <c r="BF1341" s="53"/>
      <c r="BG1341" s="53"/>
      <c r="BH1341" s="53"/>
      <c r="BI1341" s="53"/>
      <c r="BJ1341" s="53"/>
      <c r="BK1341" s="53"/>
      <c r="BL1341" s="53"/>
      <c r="BM1341" s="53"/>
      <c r="BN1341" s="53"/>
      <c r="BO1341" s="53"/>
      <c r="BP1341" s="53"/>
      <c r="BQ1341" s="53"/>
      <c r="BR1341" s="53"/>
      <c r="BS1341" s="53"/>
      <c r="BT1341" s="53"/>
      <c r="BU1341" s="53"/>
      <c r="BV1341" s="53"/>
      <c r="BW1341" s="53"/>
      <c r="BX1341" s="53"/>
      <c r="BY1341" s="53"/>
      <c r="BZ1341" s="53"/>
      <c r="CA1341" s="53"/>
      <c r="CB1341" s="53"/>
      <c r="CC1341" s="53"/>
      <c r="CD1341" s="53"/>
      <c r="CE1341" s="53"/>
      <c r="CF1341" s="53"/>
      <c r="CG1341" s="53"/>
      <c r="CH1341" s="53"/>
      <c r="CI1341" s="53"/>
      <c r="CJ1341" s="53"/>
      <c r="CK1341" s="53"/>
      <c r="CL1341" s="53"/>
      <c r="CM1341" s="53"/>
      <c r="CN1341" s="53"/>
    </row>
    <row r="1342" spans="1:92" outlineLevel="1">
      <c r="A1342" s="57" t="s">
        <v>1513</v>
      </c>
      <c r="B1342" s="53"/>
      <c r="C1342" s="53"/>
      <c r="D1342" s="53"/>
      <c r="E1342" s="53"/>
      <c r="F1342" s="53"/>
      <c r="G1342" s="53"/>
      <c r="H1342" s="53"/>
      <c r="I1342" s="53"/>
      <c r="J1342" s="53"/>
      <c r="K1342" s="53"/>
      <c r="L1342" s="53"/>
      <c r="M1342" s="53"/>
      <c r="N1342" s="53"/>
      <c r="O1342" s="53"/>
      <c r="P1342" s="53"/>
      <c r="Q1342" s="53"/>
      <c r="R1342" s="53"/>
      <c r="S1342" s="53"/>
      <c r="T1342" s="53"/>
      <c r="U1342" s="53"/>
      <c r="V1342" s="53"/>
      <c r="W1342" s="53"/>
      <c r="X1342" s="53"/>
      <c r="Y1342" s="53"/>
      <c r="Z1342" s="53"/>
      <c r="AA1342" s="53"/>
      <c r="AB1342" s="53"/>
      <c r="AC1342" s="53"/>
      <c r="AD1342" s="53"/>
      <c r="AE1342" s="53"/>
      <c r="AF1342" s="53"/>
      <c r="AG1342" s="53"/>
      <c r="AH1342" s="53"/>
      <c r="AI1342" s="53"/>
      <c r="AJ1342" s="53"/>
      <c r="AK1342" s="53"/>
      <c r="AL1342" s="53"/>
      <c r="AM1342" s="53"/>
      <c r="AN1342" s="53"/>
      <c r="AO1342" s="53"/>
      <c r="AP1342" s="53"/>
      <c r="AQ1342" s="53"/>
      <c r="AR1342" s="53"/>
      <c r="AS1342" s="53"/>
      <c r="AT1342" s="53"/>
      <c r="AU1342" s="53"/>
      <c r="AV1342" s="53"/>
      <c r="AW1342" s="53"/>
      <c r="AX1342" s="53"/>
      <c r="AY1342" s="53"/>
      <c r="AZ1342" s="53"/>
      <c r="BA1342" s="53"/>
      <c r="BB1342" s="53"/>
      <c r="BC1342" s="53"/>
      <c r="BD1342" s="53"/>
      <c r="BE1342" s="53"/>
      <c r="BF1342" s="53"/>
      <c r="BG1342" s="53"/>
      <c r="BH1342" s="53"/>
      <c r="BI1342" s="53"/>
      <c r="BJ1342" s="53"/>
      <c r="BK1342" s="53"/>
      <c r="BL1342" s="53"/>
      <c r="BM1342" s="53"/>
      <c r="BN1342" s="53"/>
      <c r="BO1342" s="53"/>
      <c r="BP1342" s="53"/>
      <c r="BQ1342" s="53"/>
      <c r="BR1342" s="53"/>
      <c r="BS1342" s="53"/>
      <c r="BT1342" s="53"/>
      <c r="BU1342" s="53"/>
      <c r="BV1342" s="53"/>
      <c r="BW1342" s="53"/>
      <c r="BX1342" s="53"/>
      <c r="BY1342" s="53"/>
      <c r="BZ1342" s="53"/>
      <c r="CA1342" s="53"/>
      <c r="CB1342" s="53"/>
      <c r="CC1342" s="53"/>
      <c r="CD1342" s="53"/>
      <c r="CE1342" s="53"/>
      <c r="CF1342" s="53"/>
      <c r="CG1342" s="53"/>
      <c r="CH1342" s="53"/>
      <c r="CI1342" s="53"/>
      <c r="CJ1342" s="53"/>
      <c r="CK1342" s="53"/>
      <c r="CL1342" s="53"/>
      <c r="CM1342" s="53"/>
      <c r="CN1342" s="53"/>
    </row>
    <row r="1343" spans="1:92" outlineLevel="1">
      <c r="A1343" s="52" t="s">
        <v>1514</v>
      </c>
      <c r="B1343" s="53"/>
      <c r="C1343" s="53"/>
      <c r="D1343" s="53"/>
      <c r="E1343" s="53"/>
      <c r="F1343" s="53"/>
      <c r="G1343" s="53"/>
      <c r="H1343" s="53"/>
      <c r="I1343" s="53"/>
      <c r="J1343" s="53"/>
      <c r="K1343" s="53"/>
      <c r="L1343" s="53"/>
      <c r="M1343" s="53"/>
      <c r="N1343" s="53"/>
      <c r="O1343" s="53"/>
      <c r="P1343" s="53"/>
      <c r="Q1343" s="53"/>
      <c r="R1343" s="53"/>
      <c r="S1343" s="53"/>
      <c r="T1343" s="53"/>
      <c r="U1343" s="53"/>
      <c r="V1343" s="53"/>
      <c r="W1343" s="53"/>
      <c r="X1343" s="53"/>
      <c r="Y1343" s="53"/>
      <c r="Z1343" s="53"/>
      <c r="AA1343" s="53"/>
      <c r="AB1343" s="53"/>
      <c r="AC1343" s="53"/>
      <c r="AD1343" s="53"/>
      <c r="AE1343" s="53"/>
      <c r="AF1343" s="53"/>
      <c r="AG1343" s="53"/>
      <c r="AH1343" s="53"/>
      <c r="AI1343" s="53"/>
      <c r="AJ1343" s="53"/>
      <c r="AK1343" s="53"/>
      <c r="AL1343" s="53"/>
      <c r="AM1343" s="53"/>
      <c r="AN1343" s="53"/>
      <c r="AO1343" s="53"/>
      <c r="AP1343" s="53"/>
      <c r="AQ1343" s="53"/>
      <c r="AR1343" s="53"/>
      <c r="AS1343" s="53"/>
      <c r="AT1343" s="53"/>
      <c r="AU1343" s="53"/>
      <c r="AV1343" s="53"/>
      <c r="AW1343" s="53"/>
      <c r="AX1343" s="53"/>
      <c r="AY1343" s="53"/>
      <c r="AZ1343" s="53"/>
      <c r="BA1343" s="53"/>
      <c r="BB1343" s="53"/>
      <c r="BC1343" s="53"/>
      <c r="BD1343" s="53"/>
      <c r="BE1343" s="53"/>
      <c r="BF1343" s="53"/>
      <c r="BG1343" s="53"/>
      <c r="BH1343" s="53"/>
      <c r="BI1343" s="53"/>
      <c r="BJ1343" s="53"/>
      <c r="BK1343" s="53"/>
      <c r="BL1343" s="53"/>
      <c r="BM1343" s="53"/>
      <c r="BN1343" s="53"/>
      <c r="BO1343" s="53"/>
      <c r="BP1343" s="53"/>
      <c r="BQ1343" s="53"/>
      <c r="BR1343" s="53"/>
      <c r="BS1343" s="53"/>
      <c r="BT1343" s="53"/>
      <c r="BU1343" s="53"/>
      <c r="BV1343" s="53"/>
      <c r="BW1343" s="53"/>
      <c r="BX1343" s="53"/>
      <c r="BY1343" s="53"/>
      <c r="BZ1343" s="53"/>
      <c r="CA1343" s="53"/>
      <c r="CB1343" s="53"/>
      <c r="CC1343" s="53"/>
      <c r="CD1343" s="53"/>
      <c r="CE1343" s="53"/>
      <c r="CF1343" s="53"/>
      <c r="CG1343" s="53"/>
      <c r="CH1343" s="53"/>
      <c r="CI1343" s="53"/>
      <c r="CJ1343" s="53"/>
      <c r="CK1343" s="53"/>
      <c r="CL1343" s="53"/>
      <c r="CM1343" s="53"/>
      <c r="CN1343" s="53"/>
    </row>
    <row r="1344" spans="1:92" outlineLevel="1">
      <c r="A1344" s="52" t="s">
        <v>1515</v>
      </c>
      <c r="B1344" s="53">
        <v>-0.02</v>
      </c>
      <c r="C1344" s="53">
        <v>-0.03</v>
      </c>
      <c r="D1344" s="53">
        <v>-0.03</v>
      </c>
      <c r="E1344" s="53">
        <v>-0.01</v>
      </c>
      <c r="F1344" s="53">
        <v>-0.02</v>
      </c>
      <c r="G1344" s="53">
        <v>-0.01</v>
      </c>
      <c r="H1344" s="53">
        <v>-0.02</v>
      </c>
      <c r="I1344" s="53">
        <v>-0.03</v>
      </c>
      <c r="J1344" s="53">
        <v>-0.03</v>
      </c>
      <c r="K1344" s="53">
        <v>-0.03</v>
      </c>
      <c r="L1344" s="53">
        <v>-3.9999999999999897E-2</v>
      </c>
      <c r="M1344" s="53">
        <v>-0.04</v>
      </c>
      <c r="N1344" s="53">
        <v>-0.04</v>
      </c>
      <c r="O1344" s="53">
        <v>-0.04</v>
      </c>
      <c r="P1344" s="53">
        <v>-0.04</v>
      </c>
      <c r="Q1344" s="53">
        <v>-0.04</v>
      </c>
      <c r="R1344" s="53">
        <v>-0.04</v>
      </c>
      <c r="S1344" s="53">
        <v>-0.04</v>
      </c>
      <c r="T1344" s="53">
        <v>-0.04</v>
      </c>
      <c r="U1344" s="53">
        <v>-0.04</v>
      </c>
      <c r="V1344" s="53">
        <v>-0.04</v>
      </c>
      <c r="W1344" s="53">
        <v>-0.04</v>
      </c>
      <c r="X1344" s="53">
        <v>-0.04</v>
      </c>
      <c r="Y1344" s="53">
        <v>-0.04</v>
      </c>
      <c r="Z1344" s="53">
        <v>-0.04</v>
      </c>
      <c r="AA1344" s="53">
        <v>-0.04</v>
      </c>
      <c r="AB1344" s="53">
        <v>-0.04</v>
      </c>
      <c r="AC1344" s="53">
        <v>-0.04</v>
      </c>
      <c r="AD1344" s="53">
        <v>-0.04</v>
      </c>
      <c r="AE1344" s="53">
        <v>-0.04</v>
      </c>
      <c r="AF1344" s="53">
        <v>-0.04</v>
      </c>
      <c r="AG1344" s="53">
        <v>-0.04</v>
      </c>
      <c r="AH1344" s="53">
        <v>-0.04</v>
      </c>
      <c r="AI1344" s="53">
        <v>-0.04</v>
      </c>
      <c r="AJ1344" s="53">
        <v>-0.04</v>
      </c>
      <c r="AK1344" s="53">
        <v>-0.04</v>
      </c>
      <c r="AL1344" s="53">
        <v>-0.04</v>
      </c>
      <c r="AM1344" s="53">
        <v>-0.04</v>
      </c>
      <c r="AN1344" s="53">
        <v>-0.04</v>
      </c>
      <c r="AO1344" s="53">
        <v>-0.04</v>
      </c>
      <c r="AP1344" s="53">
        <v>-0.04</v>
      </c>
      <c r="AQ1344" s="53">
        <v>-0.04</v>
      </c>
      <c r="AR1344" s="53">
        <v>-0.04</v>
      </c>
      <c r="AS1344" s="53">
        <v>-0.04</v>
      </c>
      <c r="AT1344" s="53">
        <v>-0.04</v>
      </c>
      <c r="AU1344" s="53">
        <v>-0.04</v>
      </c>
      <c r="AV1344" s="53">
        <v>-0.04</v>
      </c>
      <c r="AW1344" s="53">
        <v>-0.04</v>
      </c>
      <c r="AX1344" s="53">
        <v>-0.04</v>
      </c>
      <c r="AY1344" s="53">
        <v>-0.04</v>
      </c>
      <c r="AZ1344" s="53">
        <v>-0.04</v>
      </c>
      <c r="BA1344" s="53">
        <v>-0.04</v>
      </c>
      <c r="BB1344" s="53">
        <v>-0.04</v>
      </c>
      <c r="BC1344" s="53">
        <v>-0.04</v>
      </c>
      <c r="BD1344" s="53">
        <v>-0.04</v>
      </c>
      <c r="BE1344" s="53">
        <v>-0.04</v>
      </c>
      <c r="BF1344" s="53">
        <v>-0.04</v>
      </c>
      <c r="BG1344" s="53">
        <v>-0.04</v>
      </c>
      <c r="BH1344" s="53">
        <v>-0.04</v>
      </c>
      <c r="BI1344" s="53">
        <v>-0.04</v>
      </c>
      <c r="BJ1344" s="53">
        <v>-0.04</v>
      </c>
      <c r="BK1344" s="53">
        <v>-0.04</v>
      </c>
      <c r="BL1344" s="53">
        <v>-0.04</v>
      </c>
      <c r="BM1344" s="53">
        <v>-0.04</v>
      </c>
      <c r="BN1344" s="53">
        <v>-0.04</v>
      </c>
      <c r="BO1344" s="53">
        <v>-0.04</v>
      </c>
      <c r="BP1344" s="53">
        <v>-0.04</v>
      </c>
      <c r="BQ1344" s="53">
        <v>-0.04</v>
      </c>
      <c r="BR1344" s="53">
        <v>-0.04</v>
      </c>
      <c r="BS1344" s="53">
        <v>-0.04</v>
      </c>
      <c r="BT1344" s="53">
        <v>-0.04</v>
      </c>
      <c r="BU1344" s="53">
        <v>-0.04</v>
      </c>
      <c r="BV1344" s="53">
        <v>-0.04</v>
      </c>
      <c r="BW1344" s="53">
        <v>-0.04</v>
      </c>
      <c r="BX1344" s="53">
        <v>-0.04</v>
      </c>
      <c r="BY1344" s="53">
        <v>-0.04</v>
      </c>
      <c r="BZ1344" s="53">
        <v>-0.04</v>
      </c>
      <c r="CA1344" s="53">
        <v>-0.04</v>
      </c>
      <c r="CB1344" s="53"/>
      <c r="CC1344" s="53"/>
      <c r="CD1344" s="53"/>
      <c r="CE1344" s="53"/>
      <c r="CF1344" s="53"/>
      <c r="CG1344" s="53"/>
      <c r="CH1344" s="53"/>
      <c r="CI1344" s="53"/>
      <c r="CJ1344" s="53"/>
      <c r="CK1344" s="53"/>
      <c r="CL1344" s="53"/>
      <c r="CM1344" s="53"/>
      <c r="CN1344" s="53"/>
    </row>
    <row r="1345" spans="1:92" outlineLevel="1">
      <c r="A1345" s="52" t="s">
        <v>1218</v>
      </c>
      <c r="B1345" s="53">
        <v>21714642919.490002</v>
      </c>
      <c r="C1345" s="53">
        <v>21889893814.93</v>
      </c>
      <c r="D1345" s="53">
        <v>21973247224.439899</v>
      </c>
      <c r="E1345" s="53">
        <v>22076050597.109901</v>
      </c>
      <c r="F1345" s="53">
        <v>22396564374.5499</v>
      </c>
      <c r="G1345" s="53">
        <v>22664048803.879902</v>
      </c>
      <c r="H1345" s="53">
        <v>22848570107.48</v>
      </c>
      <c r="I1345" s="53">
        <v>23073201470.27</v>
      </c>
      <c r="J1345" s="53">
        <v>23419026800.989899</v>
      </c>
      <c r="K1345" s="53">
        <v>23963987746.57</v>
      </c>
      <c r="L1345" s="53">
        <v>24241944676.209999</v>
      </c>
      <c r="M1345" s="53">
        <v>24437102009.880001</v>
      </c>
      <c r="N1345" s="53">
        <v>21714642919.490002</v>
      </c>
      <c r="O1345" s="53">
        <v>24592225251.029999</v>
      </c>
      <c r="P1345" s="53">
        <v>24846000978.7617</v>
      </c>
      <c r="Q1345" s="53">
        <v>24872502432.487801</v>
      </c>
      <c r="R1345" s="53">
        <v>25000182255.750198</v>
      </c>
      <c r="S1345" s="53">
        <v>25094131126.772999</v>
      </c>
      <c r="T1345" s="53">
        <v>25237279796.239101</v>
      </c>
      <c r="U1345" s="53">
        <v>25306527760.8055</v>
      </c>
      <c r="V1345" s="53">
        <v>25316830915.567501</v>
      </c>
      <c r="W1345" s="53">
        <v>25385402102.115601</v>
      </c>
      <c r="X1345" s="53">
        <v>25352914456.3228</v>
      </c>
      <c r="Y1345" s="53">
        <v>25429359902.182201</v>
      </c>
      <c r="Z1345" s="53">
        <v>25282611714.3638</v>
      </c>
      <c r="AA1345" s="53">
        <v>24592225251.029999</v>
      </c>
      <c r="AB1345" s="53">
        <v>25279505323.069599</v>
      </c>
      <c r="AC1345" s="53">
        <v>25426232442.279999</v>
      </c>
      <c r="AD1345" s="53">
        <v>25396758155.078701</v>
      </c>
      <c r="AE1345" s="53">
        <v>25438918176.4748</v>
      </c>
      <c r="AF1345" s="53">
        <v>25512217676.886101</v>
      </c>
      <c r="AG1345" s="53">
        <v>25652779805.1446</v>
      </c>
      <c r="AH1345" s="53">
        <v>25755350824.1726</v>
      </c>
      <c r="AI1345" s="53">
        <v>25811709875.424702</v>
      </c>
      <c r="AJ1345" s="53">
        <v>26042307362.441601</v>
      </c>
      <c r="AK1345" s="53">
        <v>26093045750.638901</v>
      </c>
      <c r="AL1345" s="53">
        <v>26193523839.137001</v>
      </c>
      <c r="AM1345" s="53">
        <v>26052491233.990398</v>
      </c>
      <c r="AN1345" s="53">
        <v>25279505323.069599</v>
      </c>
      <c r="AO1345" s="53">
        <v>25962247256.642502</v>
      </c>
      <c r="AP1345" s="53">
        <v>26133998036.391102</v>
      </c>
      <c r="AQ1345" s="53">
        <v>26196815708.0602</v>
      </c>
      <c r="AR1345" s="53">
        <v>26342553514.8741</v>
      </c>
      <c r="AS1345" s="53">
        <v>26490867225.720001</v>
      </c>
      <c r="AT1345" s="53">
        <v>26704393651.167</v>
      </c>
      <c r="AU1345" s="53">
        <v>27119860842.367401</v>
      </c>
      <c r="AV1345" s="53">
        <v>27260284392.9897</v>
      </c>
      <c r="AW1345" s="53">
        <v>27502029781.2659</v>
      </c>
      <c r="AX1345" s="53">
        <v>27606895536.878502</v>
      </c>
      <c r="AY1345" s="53">
        <v>27700184236.757198</v>
      </c>
      <c r="AZ1345" s="53">
        <v>27531506283.233101</v>
      </c>
      <c r="BA1345" s="53">
        <v>25962247256.642502</v>
      </c>
      <c r="BB1345" s="53">
        <v>27634608160.5905</v>
      </c>
      <c r="BC1345" s="53">
        <v>27868827391.518002</v>
      </c>
      <c r="BD1345" s="53">
        <v>27913343008.707401</v>
      </c>
      <c r="BE1345" s="53">
        <v>28040476324.5947</v>
      </c>
      <c r="BF1345" s="53">
        <v>28167828470.6735</v>
      </c>
      <c r="BG1345" s="53">
        <v>28358637224.4697</v>
      </c>
      <c r="BH1345" s="53">
        <v>28749998896.676102</v>
      </c>
      <c r="BI1345" s="53">
        <v>28893381662.6157</v>
      </c>
      <c r="BJ1345" s="53">
        <v>29138081058.361401</v>
      </c>
      <c r="BK1345" s="53">
        <v>29157957941.722</v>
      </c>
      <c r="BL1345" s="53">
        <v>29253811387.341202</v>
      </c>
      <c r="BM1345" s="53">
        <v>29062637758.480202</v>
      </c>
      <c r="BN1345" s="53">
        <v>27634608160.5905</v>
      </c>
      <c r="BO1345" s="53">
        <v>29194830616.050301</v>
      </c>
      <c r="BP1345" s="53">
        <v>29421687944.192501</v>
      </c>
      <c r="BQ1345" s="53">
        <v>29463824643.5784</v>
      </c>
      <c r="BR1345" s="53">
        <v>29592762341.880199</v>
      </c>
      <c r="BS1345" s="53">
        <v>29717473320.6493</v>
      </c>
      <c r="BT1345" s="53">
        <v>29904977539.5499</v>
      </c>
      <c r="BU1345" s="53">
        <v>30146863434.336399</v>
      </c>
      <c r="BV1345" s="53">
        <v>30305973295.702</v>
      </c>
      <c r="BW1345" s="53">
        <v>30557149360.0271</v>
      </c>
      <c r="BX1345" s="53">
        <v>30732763518.0266</v>
      </c>
      <c r="BY1345" s="53">
        <v>30830300680.676102</v>
      </c>
      <c r="BZ1345" s="53">
        <v>30623803107.798801</v>
      </c>
      <c r="CA1345" s="53">
        <v>29194830616.050301</v>
      </c>
      <c r="CB1345" s="53"/>
      <c r="CC1345" s="53"/>
      <c r="CD1345" s="53"/>
      <c r="CE1345" s="53"/>
      <c r="CF1345" s="53"/>
      <c r="CG1345" s="53"/>
      <c r="CH1345" s="53"/>
      <c r="CI1345" s="53"/>
      <c r="CJ1345" s="53"/>
      <c r="CK1345" s="53"/>
      <c r="CL1345" s="53"/>
      <c r="CM1345" s="53"/>
      <c r="CN1345" s="53"/>
    </row>
    <row r="1346" spans="1:92" outlineLevel="1">
      <c r="A1346" s="52" t="s">
        <v>699</v>
      </c>
      <c r="B1346" s="53"/>
      <c r="C1346" s="53"/>
      <c r="D1346" s="53"/>
      <c r="E1346" s="53"/>
      <c r="F1346" s="53"/>
      <c r="G1346" s="53"/>
      <c r="H1346" s="53"/>
      <c r="I1346" s="53"/>
      <c r="J1346" s="53"/>
      <c r="K1346" s="53"/>
      <c r="L1346" s="53"/>
      <c r="M1346" s="53"/>
      <c r="N1346" s="53"/>
      <c r="O1346" s="53"/>
      <c r="P1346" s="53"/>
      <c r="Q1346" s="53"/>
      <c r="R1346" s="53"/>
      <c r="S1346" s="53"/>
      <c r="T1346" s="53"/>
      <c r="U1346" s="53"/>
      <c r="V1346" s="53"/>
      <c r="W1346" s="53"/>
      <c r="X1346" s="53"/>
      <c r="Y1346" s="53"/>
      <c r="Z1346" s="53"/>
      <c r="AA1346" s="53"/>
      <c r="AB1346" s="53"/>
      <c r="AC1346" s="53"/>
      <c r="AD1346" s="53"/>
      <c r="AE1346" s="53"/>
      <c r="AF1346" s="53"/>
      <c r="AG1346" s="53"/>
      <c r="AH1346" s="53"/>
      <c r="AI1346" s="53"/>
      <c r="AJ1346" s="53"/>
      <c r="AK1346" s="53"/>
      <c r="AL1346" s="53"/>
      <c r="AM1346" s="53"/>
      <c r="AN1346" s="53"/>
      <c r="AO1346" s="53"/>
      <c r="AP1346" s="53"/>
      <c r="AQ1346" s="53"/>
      <c r="AR1346" s="53"/>
      <c r="AS1346" s="53"/>
      <c r="AT1346" s="53"/>
      <c r="AU1346" s="53"/>
      <c r="AV1346" s="53"/>
      <c r="AW1346" s="53"/>
      <c r="AX1346" s="53"/>
      <c r="AY1346" s="53"/>
      <c r="AZ1346" s="53"/>
      <c r="BA1346" s="53"/>
      <c r="BB1346" s="53"/>
      <c r="BC1346" s="53"/>
      <c r="BD1346" s="53"/>
      <c r="BE1346" s="53"/>
      <c r="BF1346" s="53"/>
      <c r="BG1346" s="53"/>
      <c r="BH1346" s="53"/>
      <c r="BI1346" s="53"/>
      <c r="BJ1346" s="53"/>
      <c r="BK1346" s="53"/>
      <c r="BL1346" s="53"/>
      <c r="BM1346" s="53"/>
      <c r="BN1346" s="53"/>
      <c r="BO1346" s="53"/>
      <c r="BP1346" s="53"/>
      <c r="BQ1346" s="53"/>
      <c r="BR1346" s="53"/>
      <c r="BS1346" s="53"/>
      <c r="BT1346" s="53"/>
      <c r="BU1346" s="53"/>
      <c r="BV1346" s="53"/>
      <c r="BW1346" s="53"/>
      <c r="BX1346" s="53"/>
      <c r="BY1346" s="53"/>
      <c r="BZ1346" s="53"/>
      <c r="CA1346" s="53"/>
      <c r="CB1346" s="53"/>
      <c r="CC1346" s="53"/>
      <c r="CD1346" s="53"/>
      <c r="CE1346" s="53"/>
      <c r="CF1346" s="53"/>
      <c r="CG1346" s="53"/>
      <c r="CH1346" s="53"/>
      <c r="CI1346" s="53"/>
      <c r="CJ1346" s="53"/>
      <c r="CK1346" s="53"/>
      <c r="CL1346" s="53"/>
      <c r="CM1346" s="53"/>
      <c r="CN1346" s="53"/>
    </row>
    <row r="1347" spans="1:92" outlineLevel="1">
      <c r="A1347" s="52" t="s">
        <v>673</v>
      </c>
      <c r="B1347" s="53"/>
      <c r="C1347" s="53"/>
      <c r="D1347" s="53"/>
      <c r="E1347" s="53"/>
      <c r="F1347" s="53"/>
      <c r="G1347" s="53"/>
      <c r="H1347" s="53"/>
      <c r="I1347" s="53"/>
      <c r="J1347" s="53"/>
      <c r="K1347" s="53"/>
      <c r="L1347" s="53"/>
      <c r="M1347" s="53"/>
      <c r="N1347" s="53"/>
      <c r="O1347" s="53"/>
      <c r="P1347" s="53"/>
      <c r="Q1347" s="53"/>
      <c r="R1347" s="53"/>
      <c r="S1347" s="53"/>
      <c r="T1347" s="53"/>
      <c r="U1347" s="53"/>
      <c r="V1347" s="53"/>
      <c r="W1347" s="53"/>
      <c r="X1347" s="53"/>
      <c r="Y1347" s="53"/>
      <c r="Z1347" s="53"/>
      <c r="AA1347" s="53"/>
      <c r="AB1347" s="53"/>
      <c r="AC1347" s="53"/>
      <c r="AD1347" s="53"/>
      <c r="AE1347" s="53"/>
      <c r="AF1347" s="53"/>
      <c r="AG1347" s="53"/>
      <c r="AH1347" s="53"/>
      <c r="AI1347" s="53"/>
      <c r="AJ1347" s="53"/>
      <c r="AK1347" s="53"/>
      <c r="AL1347" s="53"/>
      <c r="AM1347" s="53"/>
      <c r="AN1347" s="53"/>
      <c r="AO1347" s="53"/>
      <c r="AP1347" s="53"/>
      <c r="AQ1347" s="53"/>
      <c r="AR1347" s="53"/>
      <c r="AS1347" s="53"/>
      <c r="AT1347" s="53"/>
      <c r="AU1347" s="53"/>
      <c r="AV1347" s="53"/>
      <c r="AW1347" s="53"/>
      <c r="AX1347" s="53"/>
      <c r="AY1347" s="53"/>
      <c r="AZ1347" s="53"/>
      <c r="BA1347" s="53"/>
      <c r="BB1347" s="53"/>
      <c r="BC1347" s="53"/>
      <c r="BD1347" s="53"/>
      <c r="BE1347" s="53"/>
      <c r="BF1347" s="53"/>
      <c r="BG1347" s="53"/>
      <c r="BH1347" s="53"/>
      <c r="BI1347" s="53"/>
      <c r="BJ1347" s="53"/>
      <c r="BK1347" s="53"/>
      <c r="BL1347" s="53"/>
      <c r="BM1347" s="53"/>
      <c r="BN1347" s="53"/>
      <c r="BO1347" s="53"/>
      <c r="BP1347" s="53"/>
      <c r="BQ1347" s="53"/>
      <c r="BR1347" s="53"/>
      <c r="BS1347" s="53"/>
      <c r="BT1347" s="53"/>
      <c r="BU1347" s="53"/>
      <c r="BV1347" s="53"/>
      <c r="BW1347" s="53"/>
      <c r="BX1347" s="53"/>
      <c r="BY1347" s="53"/>
      <c r="BZ1347" s="53"/>
      <c r="CA1347" s="53"/>
      <c r="CB1347" s="53">
        <v>1.2358975297212999E-9</v>
      </c>
      <c r="CC1347" s="53">
        <v>1.2358975297212999E-9</v>
      </c>
      <c r="CD1347" s="53">
        <v>1.2358975297212999E-9</v>
      </c>
      <c r="CE1347" s="53">
        <v>1.2358975297212999E-9</v>
      </c>
      <c r="CF1347" s="53">
        <v>1.2358975297212999E-9</v>
      </c>
      <c r="CG1347" s="53">
        <v>1.2358975297212999E-9</v>
      </c>
      <c r="CH1347" s="53">
        <v>1.2358975297212999E-9</v>
      </c>
      <c r="CI1347" s="53">
        <v>1.2358975297212999E-9</v>
      </c>
      <c r="CJ1347" s="53">
        <v>1.2358975297212999E-9</v>
      </c>
      <c r="CK1347" s="53">
        <v>1.2358975297212999E-9</v>
      </c>
      <c r="CL1347" s="53">
        <v>1.2358975297212999E-9</v>
      </c>
      <c r="CM1347" s="53">
        <v>1.2358975297212999E-9</v>
      </c>
      <c r="CN1347" s="53">
        <v>1.48307703566556E-8</v>
      </c>
    </row>
    <row r="1348" spans="1:92" outlineLevel="1">
      <c r="A1348" s="52" t="s">
        <v>1352</v>
      </c>
      <c r="B1348" s="53"/>
      <c r="C1348" s="53"/>
      <c r="D1348" s="53"/>
      <c r="E1348" s="53"/>
      <c r="F1348" s="53"/>
      <c r="G1348" s="53"/>
      <c r="H1348" s="53"/>
      <c r="I1348" s="53"/>
      <c r="J1348" s="53"/>
      <c r="K1348" s="53"/>
      <c r="L1348" s="53"/>
      <c r="M1348" s="53"/>
      <c r="N1348" s="53"/>
      <c r="O1348" s="53"/>
      <c r="P1348" s="53"/>
      <c r="Q1348" s="53"/>
      <c r="R1348" s="53"/>
      <c r="S1348" s="53"/>
      <c r="T1348" s="53"/>
      <c r="U1348" s="53"/>
      <c r="V1348" s="53"/>
      <c r="W1348" s="53"/>
      <c r="X1348" s="53"/>
      <c r="Y1348" s="53"/>
      <c r="Z1348" s="53"/>
      <c r="AA1348" s="53"/>
      <c r="AB1348" s="53"/>
      <c r="AC1348" s="53"/>
      <c r="AD1348" s="53"/>
      <c r="AE1348" s="53"/>
      <c r="AF1348" s="53"/>
      <c r="AG1348" s="53"/>
      <c r="AH1348" s="53"/>
      <c r="AI1348" s="53"/>
      <c r="AJ1348" s="53"/>
      <c r="AK1348" s="53"/>
      <c r="AL1348" s="53"/>
      <c r="AM1348" s="53"/>
      <c r="AN1348" s="53"/>
      <c r="AO1348" s="53"/>
      <c r="AP1348" s="53"/>
      <c r="AQ1348" s="53"/>
      <c r="AR1348" s="53"/>
      <c r="AS1348" s="53"/>
      <c r="AT1348" s="53"/>
      <c r="AU1348" s="53"/>
      <c r="AV1348" s="53"/>
      <c r="AW1348" s="53"/>
      <c r="AX1348" s="53"/>
      <c r="AY1348" s="53"/>
      <c r="AZ1348" s="53"/>
      <c r="BA1348" s="53"/>
      <c r="BB1348" s="53"/>
      <c r="BC1348" s="53"/>
      <c r="BD1348" s="53"/>
      <c r="BE1348" s="53"/>
      <c r="BF1348" s="53"/>
      <c r="BG1348" s="53"/>
      <c r="BH1348" s="53"/>
      <c r="BI1348" s="53"/>
      <c r="BJ1348" s="53"/>
      <c r="BK1348" s="53"/>
      <c r="BL1348" s="53"/>
      <c r="BM1348" s="53"/>
      <c r="BN1348" s="53"/>
      <c r="BO1348" s="53"/>
      <c r="BP1348" s="53"/>
      <c r="BQ1348" s="53"/>
      <c r="BR1348" s="53"/>
      <c r="BS1348" s="53"/>
      <c r="BT1348" s="53"/>
      <c r="BU1348" s="53"/>
      <c r="BV1348" s="53"/>
      <c r="BW1348" s="53"/>
      <c r="BX1348" s="53"/>
      <c r="BY1348" s="53"/>
      <c r="BZ1348" s="53"/>
      <c r="CA1348" s="53"/>
      <c r="CB1348" s="53"/>
      <c r="CC1348" s="53"/>
      <c r="CD1348" s="53"/>
      <c r="CE1348" s="53"/>
      <c r="CF1348" s="53"/>
      <c r="CG1348" s="53"/>
      <c r="CH1348" s="53"/>
      <c r="CI1348" s="53"/>
      <c r="CJ1348" s="53"/>
      <c r="CK1348" s="53"/>
      <c r="CL1348" s="53"/>
      <c r="CM1348" s="53"/>
      <c r="CN1348" s="53"/>
    </row>
    <row r="1349" spans="1:92" outlineLevel="1">
      <c r="A1349" s="52" t="s">
        <v>649</v>
      </c>
      <c r="B1349" s="53">
        <v>103318560</v>
      </c>
      <c r="C1349" s="53">
        <v>140744800</v>
      </c>
      <c r="D1349" s="53">
        <v>167840800</v>
      </c>
      <c r="E1349" s="53">
        <v>154284289.99999899</v>
      </c>
      <c r="F1349" s="53">
        <v>258649349.99999899</v>
      </c>
      <c r="G1349" s="53">
        <v>217434739.99999899</v>
      </c>
      <c r="H1349" s="53">
        <v>159981630</v>
      </c>
      <c r="I1349" s="53">
        <v>219280880</v>
      </c>
      <c r="J1349" s="53">
        <v>207881169.99999899</v>
      </c>
      <c r="K1349" s="53">
        <v>300386209.99999899</v>
      </c>
      <c r="L1349" s="53">
        <v>221314649.99999899</v>
      </c>
      <c r="M1349" s="53">
        <v>277317529.99999899</v>
      </c>
      <c r="N1349" s="53">
        <v>2428434609.99999</v>
      </c>
      <c r="O1349" s="53">
        <v>202182964.45534399</v>
      </c>
      <c r="P1349" s="53">
        <v>200140742.50114399</v>
      </c>
      <c r="Q1349" s="53">
        <v>224880906.00300401</v>
      </c>
      <c r="R1349" s="53">
        <v>215662028.540364</v>
      </c>
      <c r="S1349" s="53">
        <v>236964754.188384</v>
      </c>
      <c r="T1349" s="53">
        <v>210502766.87760401</v>
      </c>
      <c r="U1349" s="53">
        <v>192650990.52264401</v>
      </c>
      <c r="V1349" s="53">
        <v>198396007.992064</v>
      </c>
      <c r="W1349" s="53">
        <v>202106724.176404</v>
      </c>
      <c r="X1349" s="53">
        <v>226400334.869784</v>
      </c>
      <c r="Y1349" s="53">
        <v>193205210.20152399</v>
      </c>
      <c r="Z1349" s="53">
        <v>191173151.02426401</v>
      </c>
      <c r="AA1349" s="53">
        <v>2494266581.35253</v>
      </c>
      <c r="AB1349" s="53">
        <v>192388974.96541899</v>
      </c>
      <c r="AC1349" s="53">
        <v>214112456.02841899</v>
      </c>
      <c r="AD1349" s="53">
        <v>213928053.10341901</v>
      </c>
      <c r="AE1349" s="53">
        <v>229578835.82741901</v>
      </c>
      <c r="AF1349" s="53">
        <v>209042806.501618</v>
      </c>
      <c r="AG1349" s="53">
        <v>217084659.61661899</v>
      </c>
      <c r="AH1349" s="53">
        <v>213660969.781719</v>
      </c>
      <c r="AI1349" s="53">
        <v>225874169.684219</v>
      </c>
      <c r="AJ1349" s="53">
        <v>215408911.337219</v>
      </c>
      <c r="AK1349" s="53">
        <v>201256504.117118</v>
      </c>
      <c r="AL1349" s="53">
        <v>201937395.66961801</v>
      </c>
      <c r="AM1349" s="53">
        <v>211710386.04311901</v>
      </c>
      <c r="AN1349" s="53">
        <v>2545984122.67592</v>
      </c>
      <c r="AO1349" s="53">
        <v>214077903.15562001</v>
      </c>
      <c r="AP1349" s="53">
        <v>230228065.455378</v>
      </c>
      <c r="AQ1349" s="53">
        <v>235612805.31905299</v>
      </c>
      <c r="AR1349" s="53">
        <v>230213062.99494401</v>
      </c>
      <c r="AS1349" s="53">
        <v>235044967.080715</v>
      </c>
      <c r="AT1349" s="53">
        <v>239547898.05966899</v>
      </c>
      <c r="AU1349" s="53">
        <v>237150734.25046399</v>
      </c>
      <c r="AV1349" s="53">
        <v>249960972.69338399</v>
      </c>
      <c r="AW1349" s="53">
        <v>231465948.30120599</v>
      </c>
      <c r="AX1349" s="53">
        <v>239814516.45315999</v>
      </c>
      <c r="AY1349" s="53">
        <v>240531613.57706299</v>
      </c>
      <c r="AZ1349" s="53">
        <v>237415825.78288001</v>
      </c>
      <c r="BA1349" s="53">
        <v>2821064313.1235399</v>
      </c>
      <c r="BB1349" s="53">
        <v>207362280.766691</v>
      </c>
      <c r="BC1349" s="53">
        <v>208188989.72943401</v>
      </c>
      <c r="BD1349" s="53">
        <v>221920911.534475</v>
      </c>
      <c r="BE1349" s="53">
        <v>214308450.714614</v>
      </c>
      <c r="BF1349" s="53">
        <v>217051179.10440999</v>
      </c>
      <c r="BG1349" s="53">
        <v>218499721.95499</v>
      </c>
      <c r="BH1349" s="53">
        <v>214827264.23712999</v>
      </c>
      <c r="BI1349" s="53">
        <v>248586943.253598</v>
      </c>
      <c r="BJ1349" s="53">
        <v>234522884.69373</v>
      </c>
      <c r="BK1349" s="53">
        <v>230097223.01508799</v>
      </c>
      <c r="BL1349" s="53">
        <v>227389398.61427501</v>
      </c>
      <c r="BM1349" s="53">
        <v>223769915.66007099</v>
      </c>
      <c r="BN1349" s="53">
        <v>2666525163.2785101</v>
      </c>
      <c r="BO1349" s="53">
        <v>196823283.03911</v>
      </c>
      <c r="BP1349" s="53">
        <v>202557655.77661699</v>
      </c>
      <c r="BQ1349" s="53">
        <v>221557832.54507899</v>
      </c>
      <c r="BR1349" s="53">
        <v>209186681.46915901</v>
      </c>
      <c r="BS1349" s="53">
        <v>213231125.51449701</v>
      </c>
      <c r="BT1349" s="53">
        <v>212223449.98424801</v>
      </c>
      <c r="BU1349" s="53">
        <v>212294827.970319</v>
      </c>
      <c r="BV1349" s="53">
        <v>236399547.18014899</v>
      </c>
      <c r="BW1349" s="53">
        <v>219211910.374006</v>
      </c>
      <c r="BX1349" s="53">
        <v>236643794.76525199</v>
      </c>
      <c r="BY1349" s="53">
        <v>231045801.89569601</v>
      </c>
      <c r="BZ1349" s="53">
        <v>223343033.79452601</v>
      </c>
      <c r="CA1349" s="53">
        <v>2614518944.30866</v>
      </c>
      <c r="CB1349" s="53"/>
      <c r="CC1349" s="53"/>
      <c r="CD1349" s="53"/>
      <c r="CE1349" s="53"/>
      <c r="CF1349" s="53"/>
      <c r="CG1349" s="53"/>
      <c r="CH1349" s="53"/>
      <c r="CI1349" s="53"/>
      <c r="CJ1349" s="53"/>
      <c r="CK1349" s="53"/>
      <c r="CL1349" s="53"/>
      <c r="CM1349" s="53"/>
      <c r="CN1349" s="53"/>
    </row>
    <row r="1350" spans="1:92" outlineLevel="1">
      <c r="A1350" s="52" t="s">
        <v>1384</v>
      </c>
      <c r="B1350" s="53"/>
      <c r="C1350" s="53"/>
      <c r="D1350" s="53"/>
      <c r="E1350" s="53"/>
      <c r="F1350" s="53"/>
      <c r="G1350" s="53"/>
      <c r="H1350" s="53"/>
      <c r="I1350" s="53"/>
      <c r="J1350" s="53"/>
      <c r="K1350" s="53"/>
      <c r="L1350" s="53"/>
      <c r="M1350" s="53"/>
      <c r="N1350" s="53"/>
      <c r="O1350" s="53"/>
      <c r="P1350" s="53"/>
      <c r="Q1350" s="53"/>
      <c r="R1350" s="53"/>
      <c r="S1350" s="53"/>
      <c r="T1350" s="53"/>
      <c r="U1350" s="53"/>
      <c r="V1350" s="53"/>
      <c r="W1350" s="53"/>
      <c r="X1350" s="53"/>
      <c r="Y1350" s="53"/>
      <c r="Z1350" s="53"/>
      <c r="AA1350" s="53"/>
      <c r="AB1350" s="53"/>
      <c r="AC1350" s="53"/>
      <c r="AD1350" s="53"/>
      <c r="AE1350" s="53"/>
      <c r="AF1350" s="53"/>
      <c r="AG1350" s="53"/>
      <c r="AH1350" s="53"/>
      <c r="AI1350" s="53"/>
      <c r="AJ1350" s="53"/>
      <c r="AK1350" s="53"/>
      <c r="AL1350" s="53"/>
      <c r="AM1350" s="53"/>
      <c r="AN1350" s="53"/>
      <c r="AO1350" s="53"/>
      <c r="AP1350" s="53"/>
      <c r="AQ1350" s="53"/>
      <c r="AR1350" s="53"/>
      <c r="AS1350" s="53"/>
      <c r="AT1350" s="53"/>
      <c r="AU1350" s="53"/>
      <c r="AV1350" s="53"/>
      <c r="AW1350" s="53"/>
      <c r="AX1350" s="53"/>
      <c r="AY1350" s="53"/>
      <c r="AZ1350" s="53"/>
      <c r="BA1350" s="53"/>
      <c r="BB1350" s="53"/>
      <c r="BC1350" s="53"/>
      <c r="BD1350" s="53"/>
      <c r="BE1350" s="53"/>
      <c r="BF1350" s="53"/>
      <c r="BG1350" s="53"/>
      <c r="BH1350" s="53"/>
      <c r="BI1350" s="53"/>
      <c r="BJ1350" s="53"/>
      <c r="BK1350" s="53"/>
      <c r="BL1350" s="53"/>
      <c r="BM1350" s="53"/>
      <c r="BN1350" s="53"/>
      <c r="BO1350" s="53"/>
      <c r="BP1350" s="53"/>
      <c r="BQ1350" s="53"/>
      <c r="BR1350" s="53"/>
      <c r="BS1350" s="53"/>
      <c r="BT1350" s="53"/>
      <c r="BU1350" s="53"/>
      <c r="BV1350" s="53"/>
      <c r="BW1350" s="53"/>
      <c r="BX1350" s="53"/>
      <c r="BY1350" s="53"/>
      <c r="BZ1350" s="53"/>
      <c r="CA1350" s="53"/>
      <c r="CB1350" s="53"/>
      <c r="CC1350" s="53"/>
      <c r="CD1350" s="53"/>
      <c r="CE1350" s="53"/>
      <c r="CF1350" s="53"/>
      <c r="CG1350" s="53"/>
      <c r="CH1350" s="53"/>
      <c r="CI1350" s="53"/>
      <c r="CJ1350" s="53"/>
      <c r="CK1350" s="53"/>
      <c r="CL1350" s="53"/>
      <c r="CM1350" s="53"/>
      <c r="CN1350" s="53"/>
    </row>
    <row r="1351" spans="1:92" outlineLevel="1">
      <c r="A1351" s="52" t="s">
        <v>649</v>
      </c>
      <c r="B1351" s="53">
        <v>-554610</v>
      </c>
      <c r="C1351" s="53">
        <v>-39360</v>
      </c>
      <c r="D1351" s="53">
        <v>-7627280</v>
      </c>
      <c r="E1351" s="53">
        <v>-1365350</v>
      </c>
      <c r="F1351" s="53">
        <v>-71813500</v>
      </c>
      <c r="G1351" s="53">
        <v>-2731740</v>
      </c>
      <c r="H1351" s="53">
        <v>-167029.99999999901</v>
      </c>
      <c r="I1351" s="53">
        <v>-253980</v>
      </c>
      <c r="J1351" s="53">
        <v>-608110</v>
      </c>
      <c r="K1351" s="53">
        <v>-54719770</v>
      </c>
      <c r="L1351" s="53">
        <v>-2525649.9999999902</v>
      </c>
      <c r="M1351" s="53">
        <v>6910090</v>
      </c>
      <c r="N1351" s="53">
        <v>-135496290</v>
      </c>
      <c r="O1351" s="53"/>
      <c r="P1351" s="53"/>
      <c r="Q1351" s="53"/>
      <c r="R1351" s="53"/>
      <c r="S1351" s="53"/>
      <c r="T1351" s="53"/>
      <c r="U1351" s="53"/>
      <c r="V1351" s="53"/>
      <c r="W1351" s="53"/>
      <c r="X1351" s="53"/>
      <c r="Y1351" s="53"/>
      <c r="Z1351" s="53"/>
      <c r="AA1351" s="53"/>
      <c r="AB1351" s="53"/>
      <c r="AC1351" s="53"/>
      <c r="AD1351" s="53"/>
      <c r="AE1351" s="53"/>
      <c r="AF1351" s="53"/>
      <c r="AG1351" s="53"/>
      <c r="AH1351" s="53"/>
      <c r="AI1351" s="53"/>
      <c r="AJ1351" s="53"/>
      <c r="AK1351" s="53"/>
      <c r="AL1351" s="53"/>
      <c r="AM1351" s="53"/>
      <c r="AN1351" s="53"/>
      <c r="AO1351" s="53"/>
      <c r="AP1351" s="53"/>
      <c r="AQ1351" s="53"/>
      <c r="AR1351" s="53"/>
      <c r="AS1351" s="53"/>
      <c r="AT1351" s="53"/>
      <c r="AU1351" s="53"/>
      <c r="AV1351" s="53"/>
      <c r="AW1351" s="53"/>
      <c r="AX1351" s="53"/>
      <c r="AY1351" s="53"/>
      <c r="AZ1351" s="53"/>
      <c r="BA1351" s="53"/>
      <c r="BB1351" s="53"/>
      <c r="BC1351" s="53"/>
      <c r="BD1351" s="53"/>
      <c r="BE1351" s="53"/>
      <c r="BF1351" s="53"/>
      <c r="BG1351" s="53"/>
      <c r="BH1351" s="53"/>
      <c r="BI1351" s="53"/>
      <c r="BJ1351" s="53"/>
      <c r="BK1351" s="53"/>
      <c r="BL1351" s="53"/>
      <c r="BM1351" s="53"/>
      <c r="BN1351" s="53"/>
      <c r="BO1351" s="53"/>
      <c r="BP1351" s="53"/>
      <c r="BQ1351" s="53"/>
      <c r="BR1351" s="53"/>
      <c r="BS1351" s="53"/>
      <c r="BT1351" s="53"/>
      <c r="BU1351" s="53"/>
      <c r="BV1351" s="53"/>
      <c r="BW1351" s="53"/>
      <c r="BX1351" s="53"/>
      <c r="BY1351" s="53"/>
      <c r="BZ1351" s="53"/>
      <c r="CA1351" s="53"/>
      <c r="CB1351" s="53"/>
      <c r="CC1351" s="53"/>
      <c r="CD1351" s="53"/>
      <c r="CE1351" s="53"/>
      <c r="CF1351" s="53"/>
      <c r="CG1351" s="53"/>
      <c r="CH1351" s="53"/>
      <c r="CI1351" s="53"/>
      <c r="CJ1351" s="53"/>
      <c r="CK1351" s="53"/>
      <c r="CL1351" s="53"/>
      <c r="CM1351" s="53"/>
      <c r="CN1351" s="53"/>
    </row>
    <row r="1352" spans="1:92" outlineLevel="1">
      <c r="A1352" s="52" t="s">
        <v>674</v>
      </c>
      <c r="B1352" s="53"/>
      <c r="C1352" s="53"/>
      <c r="D1352" s="53"/>
      <c r="E1352" s="53"/>
      <c r="F1352" s="53"/>
      <c r="G1352" s="53"/>
      <c r="H1352" s="53"/>
      <c r="I1352" s="53"/>
      <c r="J1352" s="53"/>
      <c r="K1352" s="53"/>
      <c r="L1352" s="53"/>
      <c r="M1352" s="53"/>
      <c r="N1352" s="53"/>
      <c r="O1352" s="53"/>
      <c r="P1352" s="53"/>
      <c r="Q1352" s="53"/>
      <c r="R1352" s="53"/>
      <c r="S1352" s="53"/>
      <c r="T1352" s="53"/>
      <c r="U1352" s="53"/>
      <c r="V1352" s="53"/>
      <c r="W1352" s="53"/>
      <c r="X1352" s="53"/>
      <c r="Y1352" s="53"/>
      <c r="Z1352" s="53"/>
      <c r="AA1352" s="53"/>
      <c r="AB1352" s="53"/>
      <c r="AC1352" s="53"/>
      <c r="AD1352" s="53"/>
      <c r="AE1352" s="53"/>
      <c r="AF1352" s="53"/>
      <c r="AG1352" s="53"/>
      <c r="AH1352" s="53"/>
      <c r="AI1352" s="53"/>
      <c r="AJ1352" s="53"/>
      <c r="AK1352" s="53"/>
      <c r="AL1352" s="53"/>
      <c r="AM1352" s="53"/>
      <c r="AN1352" s="53"/>
      <c r="AO1352" s="53"/>
      <c r="AP1352" s="53"/>
      <c r="AQ1352" s="53"/>
      <c r="AR1352" s="53"/>
      <c r="AS1352" s="53"/>
      <c r="AT1352" s="53"/>
      <c r="AU1352" s="53"/>
      <c r="AV1352" s="53"/>
      <c r="AW1352" s="53"/>
      <c r="AX1352" s="53"/>
      <c r="AY1352" s="53"/>
      <c r="AZ1352" s="53"/>
      <c r="BA1352" s="53"/>
      <c r="BB1352" s="53"/>
      <c r="BC1352" s="53"/>
      <c r="BD1352" s="53"/>
      <c r="BE1352" s="53"/>
      <c r="BF1352" s="53"/>
      <c r="BG1352" s="53"/>
      <c r="BH1352" s="53"/>
      <c r="BI1352" s="53"/>
      <c r="BJ1352" s="53"/>
      <c r="BK1352" s="53"/>
      <c r="BL1352" s="53"/>
      <c r="BM1352" s="53"/>
      <c r="BN1352" s="53"/>
      <c r="BO1352" s="53"/>
      <c r="BP1352" s="53"/>
      <c r="BQ1352" s="53"/>
      <c r="BR1352" s="53"/>
      <c r="BS1352" s="53"/>
      <c r="BT1352" s="53"/>
      <c r="BU1352" s="53"/>
      <c r="BV1352" s="53"/>
      <c r="BW1352" s="53"/>
      <c r="BX1352" s="53"/>
      <c r="BY1352" s="53"/>
      <c r="BZ1352" s="53"/>
      <c r="CA1352" s="53"/>
      <c r="CB1352" s="53"/>
      <c r="CC1352" s="53"/>
      <c r="CD1352" s="53"/>
      <c r="CE1352" s="53"/>
      <c r="CF1352" s="53"/>
      <c r="CG1352" s="53"/>
      <c r="CH1352" s="53"/>
      <c r="CI1352" s="53"/>
      <c r="CJ1352" s="53"/>
      <c r="CK1352" s="53"/>
      <c r="CL1352" s="53"/>
      <c r="CM1352" s="53"/>
      <c r="CN1352" s="53"/>
    </row>
    <row r="1353" spans="1:92" outlineLevel="1">
      <c r="A1353" s="52" t="s">
        <v>649</v>
      </c>
      <c r="B1353" s="53">
        <v>659509.99999999895</v>
      </c>
      <c r="C1353" s="53">
        <v>693460</v>
      </c>
      <c r="D1353" s="53">
        <v>768239.99999999895</v>
      </c>
      <c r="E1353" s="53">
        <v>769809.99999999895</v>
      </c>
      <c r="F1353" s="53">
        <v>675849.99999999895</v>
      </c>
      <c r="G1353" s="53">
        <v>649280</v>
      </c>
      <c r="H1353" s="53">
        <v>480100</v>
      </c>
      <c r="I1353" s="53">
        <v>406610</v>
      </c>
      <c r="J1353" s="53">
        <v>359680</v>
      </c>
      <c r="K1353" s="53">
        <v>351859.99999999901</v>
      </c>
      <c r="L1353" s="53">
        <v>402550</v>
      </c>
      <c r="M1353" s="53">
        <v>423819.99999999901</v>
      </c>
      <c r="N1353" s="53">
        <v>6640769.9999999898</v>
      </c>
      <c r="O1353" s="53">
        <v>469075.49381196802</v>
      </c>
      <c r="P1353" s="53">
        <v>514533.18557887501</v>
      </c>
      <c r="Q1353" s="53">
        <v>546684.14014808601</v>
      </c>
      <c r="R1353" s="53">
        <v>571537.42212952406</v>
      </c>
      <c r="S1353" s="53">
        <v>434018.48589882901</v>
      </c>
      <c r="T1353" s="53">
        <v>461650.855758561</v>
      </c>
      <c r="U1353" s="53">
        <v>485421.43484528299</v>
      </c>
      <c r="V1353" s="53">
        <v>508300.62828345899</v>
      </c>
      <c r="W1353" s="53">
        <v>530751.76839785499</v>
      </c>
      <c r="X1353" s="53">
        <v>556818.50764614297</v>
      </c>
      <c r="Y1353" s="53">
        <v>585975.158550789</v>
      </c>
      <c r="Z1353" s="53">
        <v>612168.84344826604</v>
      </c>
      <c r="AA1353" s="53">
        <v>6276935.9244976398</v>
      </c>
      <c r="AB1353" s="53">
        <v>629646.84760394902</v>
      </c>
      <c r="AC1353" s="53">
        <v>386002.92051833402</v>
      </c>
      <c r="AD1353" s="53">
        <v>409161.31784538599</v>
      </c>
      <c r="AE1353" s="53">
        <v>431669.12717703503</v>
      </c>
      <c r="AF1353" s="53">
        <v>453970.72370911698</v>
      </c>
      <c r="AG1353" s="53">
        <v>475548.87893423298</v>
      </c>
      <c r="AH1353" s="53">
        <v>497348.59376690502</v>
      </c>
      <c r="AI1353" s="53">
        <v>517766.12873328797</v>
      </c>
      <c r="AJ1353" s="53">
        <v>539082.07158123597</v>
      </c>
      <c r="AK1353" s="53">
        <v>367469.142248191</v>
      </c>
      <c r="AL1353" s="53">
        <v>382530.85720435699</v>
      </c>
      <c r="AM1353" s="53">
        <v>161548.96074721299</v>
      </c>
      <c r="AN1353" s="53">
        <v>5251745.5700692497</v>
      </c>
      <c r="AO1353" s="53">
        <v>165747.99787365401</v>
      </c>
      <c r="AP1353" s="53">
        <v>171676.72019238601</v>
      </c>
      <c r="AQ1353" s="53">
        <v>176681.904824992</v>
      </c>
      <c r="AR1353" s="53">
        <v>181732.04937467899</v>
      </c>
      <c r="AS1353" s="53">
        <v>186459.19055793001</v>
      </c>
      <c r="AT1353" s="53">
        <v>191039.59711827699</v>
      </c>
      <c r="AU1353" s="53">
        <v>196115.94614693301</v>
      </c>
      <c r="AV1353" s="53">
        <v>201153.25668833099</v>
      </c>
      <c r="AW1353" s="53">
        <v>206532.43743080701</v>
      </c>
      <c r="AX1353" s="53">
        <v>211667.60756329601</v>
      </c>
      <c r="AY1353" s="53">
        <v>215837.38486479199</v>
      </c>
      <c r="AZ1353" s="53">
        <v>33643.239406726301</v>
      </c>
      <c r="BA1353" s="53">
        <v>2138287.33204281</v>
      </c>
      <c r="BB1353" s="53">
        <v>34123.487734871</v>
      </c>
      <c r="BC1353" s="53">
        <v>40505.060553925403</v>
      </c>
      <c r="BD1353" s="53">
        <v>52269.287573822803</v>
      </c>
      <c r="BE1353" s="53">
        <v>64127.903262057</v>
      </c>
      <c r="BF1353" s="53">
        <v>76081.928462397307</v>
      </c>
      <c r="BG1353" s="53">
        <v>88132.397223583102</v>
      </c>
      <c r="BH1353" s="53">
        <v>100280.356992029</v>
      </c>
      <c r="BI1353" s="53">
        <v>112526.868807579</v>
      </c>
      <c r="BJ1353" s="53">
        <v>124873.00750235999</v>
      </c>
      <c r="BK1353" s="53">
        <v>137319.86190318799</v>
      </c>
      <c r="BL1353" s="53">
        <v>149868.53503674999</v>
      </c>
      <c r="BM1353" s="53">
        <v>162520.14433868899</v>
      </c>
      <c r="BN1353" s="53">
        <v>1142628.8393912499</v>
      </c>
      <c r="BO1353" s="53">
        <v>172296.31591302899</v>
      </c>
      <c r="BP1353" s="53">
        <v>185313.97451285401</v>
      </c>
      <c r="BQ1353" s="53">
        <v>32358.934880170302</v>
      </c>
      <c r="BR1353" s="53">
        <v>38282.608624829998</v>
      </c>
      <c r="BS1353" s="53">
        <v>44253.834543143799</v>
      </c>
      <c r="BT1353" s="53">
        <v>50273.127764053403</v>
      </c>
      <c r="BU1353" s="53">
        <v>56341.010090416399</v>
      </c>
      <c r="BV1353" s="53">
        <v>62458.010096514503</v>
      </c>
      <c r="BW1353" s="53">
        <v>68624.663227103694</v>
      </c>
      <c r="BX1353" s="53">
        <v>74841.511898255107</v>
      </c>
      <c r="BY1353" s="53">
        <v>81109.1055995426</v>
      </c>
      <c r="BZ1353" s="53">
        <v>87428.000998212199</v>
      </c>
      <c r="CA1353" s="53">
        <v>953581.09814812604</v>
      </c>
      <c r="CB1353" s="53">
        <v>-545945.02617801004</v>
      </c>
      <c r="CC1353" s="53">
        <v>-545945.02617801004</v>
      </c>
      <c r="CD1353" s="53">
        <v>-545945.02617801004</v>
      </c>
      <c r="CE1353" s="53">
        <v>-545945.02617801004</v>
      </c>
      <c r="CF1353" s="53">
        <v>-545945.02617801004</v>
      </c>
      <c r="CG1353" s="53">
        <v>-545945.02617801004</v>
      </c>
      <c r="CH1353" s="53">
        <v>-545945.02617801004</v>
      </c>
      <c r="CI1353" s="53">
        <v>-545945.02617801004</v>
      </c>
      <c r="CJ1353" s="53">
        <v>-545945.02617801004</v>
      </c>
      <c r="CK1353" s="53">
        <v>-545945.02617801004</v>
      </c>
      <c r="CL1353" s="53">
        <v>-545945.02617801004</v>
      </c>
      <c r="CM1353" s="53">
        <v>-545945.02617801004</v>
      </c>
      <c r="CN1353" s="53">
        <v>-6551340.3141361196</v>
      </c>
    </row>
    <row r="1354" spans="1:92">
      <c r="A1354" s="52" t="s">
        <v>1353</v>
      </c>
      <c r="B1354" s="53"/>
      <c r="C1354" s="53"/>
      <c r="D1354" s="53"/>
      <c r="E1354" s="53"/>
      <c r="F1354" s="53"/>
      <c r="G1354" s="53"/>
      <c r="H1354" s="53"/>
      <c r="I1354" s="53"/>
      <c r="J1354" s="53"/>
      <c r="K1354" s="53"/>
      <c r="L1354" s="53"/>
      <c r="M1354" s="53"/>
      <c r="N1354" s="53"/>
      <c r="O1354" s="53"/>
      <c r="P1354" s="53"/>
      <c r="Q1354" s="53"/>
      <c r="R1354" s="53"/>
      <c r="S1354" s="53"/>
      <c r="T1354" s="53"/>
      <c r="U1354" s="53"/>
      <c r="V1354" s="53"/>
      <c r="W1354" s="53"/>
      <c r="X1354" s="53"/>
      <c r="Y1354" s="53"/>
      <c r="Z1354" s="53"/>
      <c r="AA1354" s="53"/>
      <c r="AB1354" s="53"/>
      <c r="AC1354" s="53"/>
      <c r="AD1354" s="53"/>
      <c r="AE1354" s="53"/>
      <c r="AF1354" s="53"/>
      <c r="AG1354" s="53"/>
      <c r="AH1354" s="53"/>
      <c r="AI1354" s="53"/>
      <c r="AJ1354" s="53"/>
      <c r="AK1354" s="53"/>
      <c r="AL1354" s="53"/>
      <c r="AM1354" s="53"/>
      <c r="AN1354" s="53"/>
      <c r="AO1354" s="53"/>
      <c r="AP1354" s="53"/>
      <c r="AQ1354" s="53"/>
      <c r="AR1354" s="53"/>
      <c r="AS1354" s="53"/>
      <c r="AT1354" s="53"/>
      <c r="AU1354" s="53"/>
      <c r="AV1354" s="53"/>
      <c r="AW1354" s="53"/>
      <c r="AX1354" s="53"/>
      <c r="AY1354" s="53"/>
      <c r="AZ1354" s="53"/>
      <c r="BA1354" s="53"/>
      <c r="BB1354" s="53"/>
      <c r="BC1354" s="53"/>
      <c r="BD1354" s="53"/>
      <c r="BE1354" s="53"/>
      <c r="BF1354" s="53"/>
      <c r="BG1354" s="53"/>
      <c r="BH1354" s="53"/>
      <c r="BI1354" s="53"/>
      <c r="BJ1354" s="53"/>
      <c r="BK1354" s="53"/>
      <c r="BL1354" s="53"/>
      <c r="BM1354" s="53"/>
      <c r="BN1354" s="53"/>
      <c r="BO1354" s="53"/>
      <c r="BP1354" s="53"/>
      <c r="BQ1354" s="53"/>
      <c r="BR1354" s="53"/>
      <c r="BS1354" s="53"/>
      <c r="BT1354" s="53"/>
      <c r="BU1354" s="53"/>
      <c r="BV1354" s="53"/>
      <c r="BW1354" s="53"/>
      <c r="BX1354" s="53"/>
      <c r="BY1354" s="53"/>
      <c r="BZ1354" s="53"/>
      <c r="CA1354" s="53"/>
      <c r="CB1354" s="53"/>
      <c r="CC1354" s="53"/>
      <c r="CD1354" s="53"/>
      <c r="CE1354" s="53"/>
      <c r="CF1354" s="53"/>
      <c r="CG1354" s="53"/>
      <c r="CH1354" s="53"/>
      <c r="CI1354" s="53"/>
      <c r="CJ1354" s="53"/>
      <c r="CK1354" s="53"/>
      <c r="CL1354" s="53"/>
      <c r="CM1354" s="53"/>
      <c r="CN1354" s="53"/>
    </row>
    <row r="1355" spans="1:92">
      <c r="A1355" s="52" t="s">
        <v>649</v>
      </c>
      <c r="B1355" s="53">
        <v>1622560</v>
      </c>
      <c r="C1355" s="53">
        <v>1691760</v>
      </c>
      <c r="D1355" s="53">
        <v>1904310</v>
      </c>
      <c r="E1355" s="53">
        <v>1893910</v>
      </c>
      <c r="F1355" s="53">
        <v>1662800</v>
      </c>
      <c r="G1355" s="53">
        <v>1600369.99999999</v>
      </c>
      <c r="H1355" s="53">
        <v>1181150</v>
      </c>
      <c r="I1355" s="53">
        <v>1000329.99999999</v>
      </c>
      <c r="J1355" s="53">
        <v>895980</v>
      </c>
      <c r="K1355" s="53">
        <v>876529.99999999895</v>
      </c>
      <c r="L1355" s="53">
        <v>1002770</v>
      </c>
      <c r="M1355" s="53">
        <v>1055530</v>
      </c>
      <c r="N1355" s="53">
        <v>16388000</v>
      </c>
      <c r="O1355" s="53">
        <v>1213230.10722226</v>
      </c>
      <c r="P1355" s="53">
        <v>1333817.43931296</v>
      </c>
      <c r="Q1355" s="53">
        <v>1420371.8023036099</v>
      </c>
      <c r="R1355" s="53">
        <v>1488307.9619535401</v>
      </c>
      <c r="S1355" s="53">
        <v>1132762.6668505401</v>
      </c>
      <c r="T1355" s="53">
        <v>1207610.5845894199</v>
      </c>
      <c r="U1355" s="53">
        <v>1272666.9964364599</v>
      </c>
      <c r="V1355" s="53">
        <v>1335669.6107872201</v>
      </c>
      <c r="W1355" s="53">
        <v>1397823.74817533</v>
      </c>
      <c r="X1355" s="53">
        <v>1469796.4463434899</v>
      </c>
      <c r="Y1355" s="53">
        <v>1550262.7165203199</v>
      </c>
      <c r="Z1355" s="53">
        <v>1623229.3466004401</v>
      </c>
      <c r="AA1355" s="53">
        <v>16445549.427095599</v>
      </c>
      <c r="AB1355" s="53">
        <v>1628536.39234651</v>
      </c>
      <c r="AC1355" s="53">
        <v>1000630.1662231</v>
      </c>
      <c r="AD1355" s="53">
        <v>1063065.7737821799</v>
      </c>
      <c r="AE1355" s="53">
        <v>1124084.9225818799</v>
      </c>
      <c r="AF1355" s="53">
        <v>1184836.8315369</v>
      </c>
      <c r="AG1355" s="53">
        <v>1243965.76444549</v>
      </c>
      <c r="AH1355" s="53">
        <v>1303937.35334939</v>
      </c>
      <c r="AI1355" s="53">
        <v>1360542.25622231</v>
      </c>
      <c r="AJ1355" s="53">
        <v>1419762.99795754</v>
      </c>
      <c r="AK1355" s="53">
        <v>969983.63380643597</v>
      </c>
      <c r="AL1355" s="53">
        <v>1012028.09912474</v>
      </c>
      <c r="AM1355" s="53">
        <v>428363.86857025803</v>
      </c>
      <c r="AN1355" s="53">
        <v>13739738.059946701</v>
      </c>
      <c r="AO1355" s="53">
        <v>428695.30360231898</v>
      </c>
      <c r="AP1355" s="53">
        <v>445035.24696670199</v>
      </c>
      <c r="AQ1355" s="53">
        <v>459047.51420579402</v>
      </c>
      <c r="AR1355" s="53">
        <v>473238.05153247598</v>
      </c>
      <c r="AS1355" s="53">
        <v>486647.497324411</v>
      </c>
      <c r="AT1355" s="53">
        <v>499731.424036148</v>
      </c>
      <c r="AU1355" s="53">
        <v>514172.37521796598</v>
      </c>
      <c r="AV1355" s="53">
        <v>528573.59822041704</v>
      </c>
      <c r="AW1355" s="53">
        <v>543937.793520284</v>
      </c>
      <c r="AX1355" s="53">
        <v>558724.77859566896</v>
      </c>
      <c r="AY1355" s="53">
        <v>571021.90375214396</v>
      </c>
      <c r="AZ1355" s="53">
        <v>89208.547779216897</v>
      </c>
      <c r="BA1355" s="53">
        <v>5598034.0347535498</v>
      </c>
      <c r="BB1355" s="53">
        <v>88257.952567376298</v>
      </c>
      <c r="BC1355" s="53">
        <v>105000.722327504</v>
      </c>
      <c r="BD1355" s="53">
        <v>135803.870542588</v>
      </c>
      <c r="BE1355" s="53">
        <v>166991.81070715</v>
      </c>
      <c r="BF1355" s="53">
        <v>198569.34896613299</v>
      </c>
      <c r="BG1355" s="53">
        <v>230541.35913505199</v>
      </c>
      <c r="BH1355" s="53">
        <v>262912.78376551101</v>
      </c>
      <c r="BI1355" s="53">
        <v>295688.63522928703</v>
      </c>
      <c r="BJ1355" s="53">
        <v>328873.99682111002</v>
      </c>
      <c r="BK1355" s="53">
        <v>362474.02388059499</v>
      </c>
      <c r="BL1355" s="53">
        <v>396493.94493376999</v>
      </c>
      <c r="BM1355" s="53">
        <v>430939.06285446999</v>
      </c>
      <c r="BN1355" s="53">
        <v>3002547.5117305499</v>
      </c>
      <c r="BO1355" s="53">
        <v>445632.05835041997</v>
      </c>
      <c r="BP1355" s="53">
        <v>480386.91746492498</v>
      </c>
      <c r="BQ1355" s="53">
        <v>84073.627312331999</v>
      </c>
      <c r="BR1355" s="53">
        <v>99689.554899825598</v>
      </c>
      <c r="BS1355" s="53">
        <v>115499.899806432</v>
      </c>
      <c r="BT1355" s="53">
        <v>131507.09123788201</v>
      </c>
      <c r="BU1355" s="53">
        <v>147713.59264516199</v>
      </c>
      <c r="BV1355" s="53">
        <v>164121.902264567</v>
      </c>
      <c r="BW1355" s="53">
        <v>180734.553667042</v>
      </c>
      <c r="BX1355" s="53">
        <v>197554.116317081</v>
      </c>
      <c r="BY1355" s="53">
        <v>214583.19614138</v>
      </c>
      <c r="BZ1355" s="53">
        <v>231824.43610739501</v>
      </c>
      <c r="CA1355" s="53">
        <v>2493320.9462144398</v>
      </c>
      <c r="CB1355" s="53"/>
      <c r="CC1355" s="53"/>
      <c r="CD1355" s="53"/>
      <c r="CE1355" s="53"/>
      <c r="CF1355" s="53"/>
      <c r="CG1355" s="53"/>
      <c r="CH1355" s="53"/>
      <c r="CI1355" s="53"/>
      <c r="CJ1355" s="53"/>
      <c r="CK1355" s="53"/>
      <c r="CL1355" s="53"/>
      <c r="CM1355" s="53"/>
      <c r="CN1355" s="53"/>
    </row>
    <row r="1356" spans="1:92">
      <c r="A1356" s="52" t="s">
        <v>1354</v>
      </c>
      <c r="B1356" s="53"/>
      <c r="C1356" s="53"/>
      <c r="D1356" s="53"/>
      <c r="E1356" s="53"/>
      <c r="F1356" s="53"/>
      <c r="G1356" s="53"/>
      <c r="H1356" s="53"/>
      <c r="I1356" s="53"/>
      <c r="J1356" s="53"/>
      <c r="K1356" s="53"/>
      <c r="L1356" s="53"/>
      <c r="M1356" s="53"/>
      <c r="N1356" s="53"/>
      <c r="O1356" s="53"/>
      <c r="P1356" s="53"/>
      <c r="Q1356" s="53"/>
      <c r="R1356" s="53"/>
      <c r="S1356" s="53"/>
      <c r="T1356" s="53"/>
      <c r="U1356" s="53"/>
      <c r="V1356" s="53"/>
      <c r="W1356" s="53"/>
      <c r="X1356" s="53"/>
      <c r="Y1356" s="53"/>
      <c r="Z1356" s="53"/>
      <c r="AA1356" s="53"/>
      <c r="AB1356" s="53"/>
      <c r="AC1356" s="53"/>
      <c r="AD1356" s="53"/>
      <c r="AE1356" s="53"/>
      <c r="AF1356" s="53"/>
      <c r="AG1356" s="53"/>
      <c r="AH1356" s="53"/>
      <c r="AI1356" s="53"/>
      <c r="AJ1356" s="53"/>
      <c r="AK1356" s="53"/>
      <c r="AL1356" s="53"/>
      <c r="AM1356" s="53"/>
      <c r="AN1356" s="53"/>
      <c r="AO1356" s="53"/>
      <c r="AP1356" s="53"/>
      <c r="AQ1356" s="53"/>
      <c r="AR1356" s="53"/>
      <c r="AS1356" s="53"/>
      <c r="AT1356" s="53"/>
      <c r="AU1356" s="53"/>
      <c r="AV1356" s="53"/>
      <c r="AW1356" s="53"/>
      <c r="AX1356" s="53"/>
      <c r="AY1356" s="53"/>
      <c r="AZ1356" s="53"/>
      <c r="BA1356" s="53"/>
      <c r="BB1356" s="53"/>
      <c r="BC1356" s="53"/>
      <c r="BD1356" s="53"/>
      <c r="BE1356" s="53"/>
      <c r="BF1356" s="53"/>
      <c r="BG1356" s="53"/>
      <c r="BH1356" s="53"/>
      <c r="BI1356" s="53"/>
      <c r="BJ1356" s="53"/>
      <c r="BK1356" s="53"/>
      <c r="BL1356" s="53"/>
      <c r="BM1356" s="53"/>
      <c r="BN1356" s="53"/>
      <c r="BO1356" s="53"/>
      <c r="BP1356" s="53"/>
      <c r="BQ1356" s="53"/>
      <c r="BR1356" s="53"/>
      <c r="BS1356" s="53"/>
      <c r="BT1356" s="53"/>
      <c r="BU1356" s="53"/>
      <c r="BV1356" s="53"/>
      <c r="BW1356" s="53"/>
      <c r="BX1356" s="53"/>
      <c r="BY1356" s="53"/>
      <c r="BZ1356" s="53"/>
      <c r="CA1356" s="53"/>
      <c r="CB1356" s="53"/>
      <c r="CC1356" s="53"/>
      <c r="CD1356" s="53"/>
      <c r="CE1356" s="53"/>
      <c r="CF1356" s="53"/>
      <c r="CG1356" s="53"/>
      <c r="CH1356" s="53"/>
      <c r="CI1356" s="53"/>
      <c r="CJ1356" s="53"/>
      <c r="CK1356" s="53"/>
      <c r="CL1356" s="53"/>
      <c r="CM1356" s="53"/>
      <c r="CN1356" s="53"/>
    </row>
    <row r="1357" spans="1:92">
      <c r="A1357" s="52" t="s">
        <v>649</v>
      </c>
      <c r="B1357" s="53">
        <v>108408590</v>
      </c>
      <c r="C1357" s="53">
        <v>111452680</v>
      </c>
      <c r="D1357" s="53">
        <v>108808290</v>
      </c>
      <c r="E1357" s="53">
        <v>134312200</v>
      </c>
      <c r="F1357" s="53">
        <v>174416479.99999899</v>
      </c>
      <c r="G1357" s="53">
        <v>413112169.99999899</v>
      </c>
      <c r="H1357" s="53">
        <v>117550719.999999</v>
      </c>
      <c r="I1357" s="53">
        <v>227291620</v>
      </c>
      <c r="J1357" s="53">
        <v>121978579.999999</v>
      </c>
      <c r="K1357" s="53">
        <v>155036370</v>
      </c>
      <c r="L1357" s="53">
        <v>139047400</v>
      </c>
      <c r="M1357" s="53">
        <v>194937180</v>
      </c>
      <c r="N1357" s="53">
        <v>2006352280</v>
      </c>
      <c r="O1357" s="53">
        <v>121166551.26905499</v>
      </c>
      <c r="P1357" s="53">
        <v>150508708.96385899</v>
      </c>
      <c r="Q1357" s="53">
        <v>584839899.55322599</v>
      </c>
      <c r="R1357" s="53">
        <v>162012601.07420599</v>
      </c>
      <c r="S1357" s="53">
        <v>275921187.15354598</v>
      </c>
      <c r="T1357" s="53">
        <v>179277684.60468599</v>
      </c>
      <c r="U1357" s="53">
        <v>91157880.287887096</v>
      </c>
      <c r="V1357" s="53">
        <v>60384097.543088503</v>
      </c>
      <c r="W1357" s="53">
        <v>135313618.62082499</v>
      </c>
      <c r="X1357" s="53">
        <v>69191707.508709207</v>
      </c>
      <c r="Y1357" s="53">
        <v>112144689.447539</v>
      </c>
      <c r="Z1357" s="53">
        <v>678172992.36010301</v>
      </c>
      <c r="AA1357" s="53">
        <v>2620091618.3867302</v>
      </c>
      <c r="AB1357" s="53">
        <v>266067655.00898799</v>
      </c>
      <c r="AC1357" s="53">
        <v>238408943.78914601</v>
      </c>
      <c r="AD1357" s="53">
        <v>175465646.61439699</v>
      </c>
      <c r="AE1357" s="53">
        <v>57570782.029548503</v>
      </c>
      <c r="AF1357" s="53">
        <v>73965135.707148105</v>
      </c>
      <c r="AG1357" s="53">
        <v>373946571.15931898</v>
      </c>
      <c r="AH1357" s="53">
        <v>60619101.111657202</v>
      </c>
      <c r="AI1357" s="53">
        <v>91459210.294759095</v>
      </c>
      <c r="AJ1357" s="53">
        <v>147675373.26558101</v>
      </c>
      <c r="AK1357" s="53">
        <v>197326577.30836299</v>
      </c>
      <c r="AL1357" s="53">
        <v>136112309.40782699</v>
      </c>
      <c r="AM1357" s="53">
        <v>986562991.128142</v>
      </c>
      <c r="AN1357" s="53">
        <v>2805180296.8248701</v>
      </c>
      <c r="AO1357" s="53">
        <v>99330194.873363599</v>
      </c>
      <c r="AP1357" s="53">
        <v>53607959.479258999</v>
      </c>
      <c r="AQ1357" s="53">
        <v>348435671.40704</v>
      </c>
      <c r="AR1357" s="53">
        <v>100822069.088377</v>
      </c>
      <c r="AS1357" s="53">
        <v>77276734.745471194</v>
      </c>
      <c r="AT1357" s="53">
        <v>229717657.94964299</v>
      </c>
      <c r="AU1357" s="53">
        <v>67882062.571247905</v>
      </c>
      <c r="AV1357" s="53">
        <v>85671038.329333007</v>
      </c>
      <c r="AW1357" s="53">
        <v>305261101.91206098</v>
      </c>
      <c r="AX1357" s="53">
        <v>64980692.080906101</v>
      </c>
      <c r="AY1357" s="53">
        <v>69542646.300630406</v>
      </c>
      <c r="AZ1357" s="53">
        <v>1667714670.14533</v>
      </c>
      <c r="BA1357" s="53">
        <v>3170242498.8826699</v>
      </c>
      <c r="BB1357" s="53">
        <v>77466925.638372093</v>
      </c>
      <c r="BC1357" s="53">
        <v>58265475.404640198</v>
      </c>
      <c r="BD1357" s="53">
        <v>139476285.88325199</v>
      </c>
      <c r="BE1357" s="53">
        <v>62032188.568349697</v>
      </c>
      <c r="BF1357" s="53">
        <v>114991245.84185401</v>
      </c>
      <c r="BG1357" s="53">
        <v>539921293.44122601</v>
      </c>
      <c r="BH1357" s="53">
        <v>209220037.63718501</v>
      </c>
      <c r="BI1357" s="53">
        <v>108548715.048696</v>
      </c>
      <c r="BJ1357" s="53">
        <v>162883292.006643</v>
      </c>
      <c r="BK1357" s="53">
        <v>86681716.513938695</v>
      </c>
      <c r="BL1357" s="53">
        <v>91679468.020124897</v>
      </c>
      <c r="BM1357" s="53">
        <v>574199851.305035</v>
      </c>
      <c r="BN1357" s="53">
        <v>2225366495.30932</v>
      </c>
      <c r="BO1357" s="53">
        <v>50156018.192467302</v>
      </c>
      <c r="BP1357" s="53">
        <v>54814052.482335098</v>
      </c>
      <c r="BQ1357" s="53">
        <v>238750029.86870101</v>
      </c>
      <c r="BR1357" s="53">
        <v>67595378.712641701</v>
      </c>
      <c r="BS1357" s="53">
        <v>88739205.807381794</v>
      </c>
      <c r="BT1357" s="53">
        <v>534196520.81503803</v>
      </c>
      <c r="BU1357" s="53">
        <v>235302756.47542199</v>
      </c>
      <c r="BV1357" s="53">
        <v>91558132.615362301</v>
      </c>
      <c r="BW1357" s="53">
        <v>169523560.05052301</v>
      </c>
      <c r="BX1357" s="53">
        <v>149244843.85922101</v>
      </c>
      <c r="BY1357" s="53">
        <v>93476718.409495801</v>
      </c>
      <c r="BZ1357" s="53">
        <v>457145515.01068503</v>
      </c>
      <c r="CA1357" s="53">
        <v>2230502732.2992702</v>
      </c>
      <c r="CB1357" s="53"/>
      <c r="CC1357" s="53"/>
      <c r="CD1357" s="53"/>
      <c r="CE1357" s="53"/>
      <c r="CF1357" s="53"/>
      <c r="CG1357" s="53"/>
      <c r="CH1357" s="53"/>
      <c r="CI1357" s="53"/>
      <c r="CJ1357" s="53"/>
      <c r="CK1357" s="53"/>
      <c r="CL1357" s="53"/>
      <c r="CM1357" s="53"/>
      <c r="CN1357" s="53"/>
    </row>
    <row r="1358" spans="1:92">
      <c r="A1358" s="52" t="s">
        <v>750</v>
      </c>
      <c r="B1358" s="53"/>
      <c r="C1358" s="53"/>
      <c r="D1358" s="53"/>
      <c r="E1358" s="53"/>
      <c r="F1358" s="53"/>
      <c r="G1358" s="53"/>
      <c r="H1358" s="53"/>
      <c r="I1358" s="53"/>
      <c r="J1358" s="53"/>
      <c r="K1358" s="53"/>
      <c r="L1358" s="53"/>
      <c r="M1358" s="53"/>
      <c r="N1358" s="53"/>
      <c r="O1358" s="53"/>
      <c r="P1358" s="53"/>
      <c r="Q1358" s="53"/>
      <c r="R1358" s="53"/>
      <c r="S1358" s="53"/>
      <c r="T1358" s="53"/>
      <c r="U1358" s="53"/>
      <c r="V1358" s="53"/>
      <c r="W1358" s="53"/>
      <c r="X1358" s="53"/>
      <c r="Y1358" s="53"/>
      <c r="Z1358" s="53"/>
      <c r="AA1358" s="53"/>
      <c r="AB1358" s="53"/>
      <c r="AC1358" s="53"/>
      <c r="AD1358" s="53"/>
      <c r="AE1358" s="53"/>
      <c r="AF1358" s="53"/>
      <c r="AG1358" s="53"/>
      <c r="AH1358" s="53"/>
      <c r="AI1358" s="53"/>
      <c r="AJ1358" s="53"/>
      <c r="AK1358" s="53"/>
      <c r="AL1358" s="53"/>
      <c r="AM1358" s="53"/>
      <c r="AN1358" s="53"/>
      <c r="AO1358" s="53"/>
      <c r="AP1358" s="53"/>
      <c r="AQ1358" s="53"/>
      <c r="AR1358" s="53"/>
      <c r="AS1358" s="53"/>
      <c r="AT1358" s="53"/>
      <c r="AU1358" s="53"/>
      <c r="AV1358" s="53"/>
      <c r="AW1358" s="53"/>
      <c r="AX1358" s="53"/>
      <c r="AY1358" s="53"/>
      <c r="AZ1358" s="53"/>
      <c r="BA1358" s="53"/>
      <c r="BB1358" s="53"/>
      <c r="BC1358" s="53"/>
      <c r="BD1358" s="53"/>
      <c r="BE1358" s="53"/>
      <c r="BF1358" s="53"/>
      <c r="BG1358" s="53"/>
      <c r="BH1358" s="53"/>
      <c r="BI1358" s="53"/>
      <c r="BJ1358" s="53"/>
      <c r="BK1358" s="53"/>
      <c r="BL1358" s="53"/>
      <c r="BM1358" s="53"/>
      <c r="BN1358" s="53"/>
      <c r="BO1358" s="53"/>
      <c r="BP1358" s="53"/>
      <c r="BQ1358" s="53"/>
      <c r="BR1358" s="53"/>
      <c r="BS1358" s="53"/>
      <c r="BT1358" s="53"/>
      <c r="BU1358" s="53"/>
      <c r="BV1358" s="53"/>
      <c r="BW1358" s="53"/>
      <c r="BX1358" s="53"/>
      <c r="BY1358" s="53"/>
      <c r="BZ1358" s="53"/>
      <c r="CA1358" s="53"/>
      <c r="CB1358" s="53">
        <v>-26552.408488063698</v>
      </c>
      <c r="CC1358" s="53">
        <v>-26552.408488063698</v>
      </c>
      <c r="CD1358" s="53">
        <v>-26552.408488063698</v>
      </c>
      <c r="CE1358" s="53">
        <v>-26552.408488063698</v>
      </c>
      <c r="CF1358" s="53">
        <v>-26552.408488063698</v>
      </c>
      <c r="CG1358" s="53">
        <v>-26552.408488063698</v>
      </c>
      <c r="CH1358" s="53">
        <v>-26552.408488063698</v>
      </c>
      <c r="CI1358" s="53">
        <v>-26552.408488063698</v>
      </c>
      <c r="CJ1358" s="53">
        <v>-26552.408488063698</v>
      </c>
      <c r="CK1358" s="53">
        <v>-26552.408488063698</v>
      </c>
      <c r="CL1358" s="53">
        <v>-26552.408488063698</v>
      </c>
      <c r="CM1358" s="53">
        <v>-26552.408488063698</v>
      </c>
      <c r="CN1358" s="53">
        <v>-318628.90185676399</v>
      </c>
    </row>
    <row r="1359" spans="1:92">
      <c r="A1359" s="52" t="s">
        <v>1356</v>
      </c>
      <c r="B1359" s="53"/>
      <c r="C1359" s="53"/>
      <c r="D1359" s="53"/>
      <c r="E1359" s="53"/>
      <c r="F1359" s="53"/>
      <c r="G1359" s="53"/>
      <c r="H1359" s="53"/>
      <c r="I1359" s="53"/>
      <c r="J1359" s="53"/>
      <c r="K1359" s="53"/>
      <c r="L1359" s="53"/>
      <c r="M1359" s="53"/>
      <c r="N1359" s="53"/>
      <c r="O1359" s="53"/>
      <c r="P1359" s="53"/>
      <c r="Q1359" s="53"/>
      <c r="R1359" s="53"/>
      <c r="S1359" s="53"/>
      <c r="T1359" s="53"/>
      <c r="U1359" s="53"/>
      <c r="V1359" s="53"/>
      <c r="W1359" s="53"/>
      <c r="X1359" s="53"/>
      <c r="Y1359" s="53"/>
      <c r="Z1359" s="53"/>
      <c r="AA1359" s="53"/>
      <c r="AB1359" s="53"/>
      <c r="AC1359" s="53"/>
      <c r="AD1359" s="53"/>
      <c r="AE1359" s="53"/>
      <c r="AF1359" s="53"/>
      <c r="AG1359" s="53"/>
      <c r="AH1359" s="53"/>
      <c r="AI1359" s="53"/>
      <c r="AJ1359" s="53"/>
      <c r="AK1359" s="53"/>
      <c r="AL1359" s="53"/>
      <c r="AM1359" s="53"/>
      <c r="AN1359" s="53"/>
      <c r="AO1359" s="53"/>
      <c r="AP1359" s="53"/>
      <c r="AQ1359" s="53"/>
      <c r="AR1359" s="53"/>
      <c r="AS1359" s="53"/>
      <c r="AT1359" s="53"/>
      <c r="AU1359" s="53"/>
      <c r="AV1359" s="53"/>
      <c r="AW1359" s="53"/>
      <c r="AX1359" s="53"/>
      <c r="AY1359" s="53"/>
      <c r="AZ1359" s="53"/>
      <c r="BA1359" s="53"/>
      <c r="BB1359" s="53"/>
      <c r="BC1359" s="53"/>
      <c r="BD1359" s="53"/>
      <c r="BE1359" s="53"/>
      <c r="BF1359" s="53"/>
      <c r="BG1359" s="53"/>
      <c r="BH1359" s="53"/>
      <c r="BI1359" s="53"/>
      <c r="BJ1359" s="53"/>
      <c r="BK1359" s="53"/>
      <c r="BL1359" s="53"/>
      <c r="BM1359" s="53"/>
      <c r="BN1359" s="53"/>
      <c r="BO1359" s="53"/>
      <c r="BP1359" s="53"/>
      <c r="BQ1359" s="53"/>
      <c r="BR1359" s="53"/>
      <c r="BS1359" s="53"/>
      <c r="BT1359" s="53"/>
      <c r="BU1359" s="53"/>
      <c r="BV1359" s="53"/>
      <c r="BW1359" s="53"/>
      <c r="BX1359" s="53"/>
      <c r="BY1359" s="53"/>
      <c r="BZ1359" s="53"/>
      <c r="CA1359" s="53"/>
      <c r="CB1359" s="53"/>
      <c r="CC1359" s="53"/>
      <c r="CD1359" s="53"/>
      <c r="CE1359" s="53"/>
      <c r="CF1359" s="53"/>
      <c r="CG1359" s="53"/>
      <c r="CH1359" s="53"/>
      <c r="CI1359" s="53"/>
      <c r="CJ1359" s="53"/>
      <c r="CK1359" s="53"/>
      <c r="CL1359" s="53"/>
      <c r="CM1359" s="53"/>
      <c r="CN1359" s="53"/>
    </row>
    <row r="1360" spans="1:92">
      <c r="A1360" s="52" t="s">
        <v>649</v>
      </c>
      <c r="B1360" s="53">
        <v>112335659.999999</v>
      </c>
      <c r="C1360" s="53">
        <v>114391130</v>
      </c>
      <c r="D1360" s="53">
        <v>109109079.999999</v>
      </c>
      <c r="E1360" s="53">
        <v>141991179.99999899</v>
      </c>
      <c r="F1360" s="53">
        <v>176603059.99999899</v>
      </c>
      <c r="G1360" s="53">
        <v>418199270</v>
      </c>
      <c r="H1360" s="53">
        <v>120752020</v>
      </c>
      <c r="I1360" s="53">
        <v>228894259.99999899</v>
      </c>
      <c r="J1360" s="53">
        <v>119496750</v>
      </c>
      <c r="K1360" s="53">
        <v>156348550</v>
      </c>
      <c r="L1360" s="53">
        <v>154448009.99999899</v>
      </c>
      <c r="M1360" s="53">
        <v>200049209.99999899</v>
      </c>
      <c r="N1360" s="53">
        <v>2052618180</v>
      </c>
      <c r="O1360" s="53">
        <v>121166551.26905499</v>
      </c>
      <c r="P1360" s="53">
        <v>150508708.96385899</v>
      </c>
      <c r="Q1360" s="53">
        <v>584839899.55322599</v>
      </c>
      <c r="R1360" s="53">
        <v>162012601.07420599</v>
      </c>
      <c r="S1360" s="53">
        <v>275921187.15354598</v>
      </c>
      <c r="T1360" s="53">
        <v>179277684.60468599</v>
      </c>
      <c r="U1360" s="53">
        <v>91157880.287887096</v>
      </c>
      <c r="V1360" s="53">
        <v>60384097.543088503</v>
      </c>
      <c r="W1360" s="53">
        <v>135313618.62082499</v>
      </c>
      <c r="X1360" s="53">
        <v>69191707.508709207</v>
      </c>
      <c r="Y1360" s="53">
        <v>112144689.447539</v>
      </c>
      <c r="Z1360" s="53">
        <v>678172992.36010396</v>
      </c>
      <c r="AA1360" s="53">
        <v>2620091618.3867302</v>
      </c>
      <c r="AB1360" s="53">
        <v>266067655.00898799</v>
      </c>
      <c r="AC1360" s="53">
        <v>238408943.78914601</v>
      </c>
      <c r="AD1360" s="53">
        <v>175465646.61439601</v>
      </c>
      <c r="AE1360" s="53">
        <v>57570782.029548503</v>
      </c>
      <c r="AF1360" s="53">
        <v>73965135.707148105</v>
      </c>
      <c r="AG1360" s="53">
        <v>373946571.15931797</v>
      </c>
      <c r="AH1360" s="53">
        <v>60619101.111657202</v>
      </c>
      <c r="AI1360" s="53">
        <v>91459210.294759095</v>
      </c>
      <c r="AJ1360" s="53">
        <v>147675373.26558101</v>
      </c>
      <c r="AK1360" s="53">
        <v>197326577.30836299</v>
      </c>
      <c r="AL1360" s="53">
        <v>136112309.40782699</v>
      </c>
      <c r="AM1360" s="53">
        <v>986562991.128142</v>
      </c>
      <c r="AN1360" s="53">
        <v>2805180296.8248701</v>
      </c>
      <c r="AO1360" s="53">
        <v>99330194.873363495</v>
      </c>
      <c r="AP1360" s="53">
        <v>53607959.479258999</v>
      </c>
      <c r="AQ1360" s="53">
        <v>348435671.40704</v>
      </c>
      <c r="AR1360" s="53">
        <v>100822069.088377</v>
      </c>
      <c r="AS1360" s="53">
        <v>77276734.745471194</v>
      </c>
      <c r="AT1360" s="53">
        <v>229717657.94964299</v>
      </c>
      <c r="AU1360" s="53">
        <v>67882062.571247905</v>
      </c>
      <c r="AV1360" s="53">
        <v>85671038.329333007</v>
      </c>
      <c r="AW1360" s="53">
        <v>305261101.91206098</v>
      </c>
      <c r="AX1360" s="53">
        <v>64980692.080906101</v>
      </c>
      <c r="AY1360" s="53">
        <v>69542646.300630406</v>
      </c>
      <c r="AZ1360" s="53">
        <v>1667714670.14533</v>
      </c>
      <c r="BA1360" s="53">
        <v>3170242498.8826699</v>
      </c>
      <c r="BB1360" s="53">
        <v>77466925.638372004</v>
      </c>
      <c r="BC1360" s="53">
        <v>58265475.404640198</v>
      </c>
      <c r="BD1360" s="53">
        <v>139476285.88325199</v>
      </c>
      <c r="BE1360" s="53">
        <v>62032188.568349801</v>
      </c>
      <c r="BF1360" s="53">
        <v>114991245.84185401</v>
      </c>
      <c r="BG1360" s="53">
        <v>539921293.44122601</v>
      </c>
      <c r="BH1360" s="53">
        <v>209220037.63718501</v>
      </c>
      <c r="BI1360" s="53">
        <v>108548715.048696</v>
      </c>
      <c r="BJ1360" s="53">
        <v>162883292.006643</v>
      </c>
      <c r="BK1360" s="53">
        <v>86681716.513938695</v>
      </c>
      <c r="BL1360" s="53">
        <v>91679468.020124793</v>
      </c>
      <c r="BM1360" s="53">
        <v>574199851.30503595</v>
      </c>
      <c r="BN1360" s="53">
        <v>2225366495.30932</v>
      </c>
      <c r="BO1360" s="53">
        <v>50156018.192467302</v>
      </c>
      <c r="BP1360" s="53">
        <v>54814052.482335098</v>
      </c>
      <c r="BQ1360" s="53">
        <v>238750029.86870101</v>
      </c>
      <c r="BR1360" s="53">
        <v>67595378.712641701</v>
      </c>
      <c r="BS1360" s="53">
        <v>88739205.807381794</v>
      </c>
      <c r="BT1360" s="53">
        <v>534196520.81503803</v>
      </c>
      <c r="BU1360" s="53">
        <v>235302756.47542199</v>
      </c>
      <c r="BV1360" s="53">
        <v>91558132.615362301</v>
      </c>
      <c r="BW1360" s="53">
        <v>169523560.05052301</v>
      </c>
      <c r="BX1360" s="53">
        <v>149244843.85922101</v>
      </c>
      <c r="BY1360" s="53">
        <v>93476718.409495801</v>
      </c>
      <c r="BZ1360" s="53">
        <v>457145515.01068503</v>
      </c>
      <c r="CA1360" s="53">
        <v>2230502732.2992702</v>
      </c>
      <c r="CB1360" s="53">
        <v>24171.149367088601</v>
      </c>
      <c r="CC1360" s="53">
        <v>24171.149367088601</v>
      </c>
      <c r="CD1360" s="53">
        <v>24171.149367088601</v>
      </c>
      <c r="CE1360" s="53">
        <v>24171.149367088601</v>
      </c>
      <c r="CF1360" s="53">
        <v>24171.149367088601</v>
      </c>
      <c r="CG1360" s="53">
        <v>24171.149367088601</v>
      </c>
      <c r="CH1360" s="53">
        <v>24171.149367088601</v>
      </c>
      <c r="CI1360" s="53">
        <v>24171.149367088601</v>
      </c>
      <c r="CJ1360" s="53">
        <v>24171.149367088601</v>
      </c>
      <c r="CK1360" s="53">
        <v>24171.149367088601</v>
      </c>
      <c r="CL1360" s="53">
        <v>24171.149367088601</v>
      </c>
      <c r="CM1360" s="53">
        <v>24171.149367088601</v>
      </c>
      <c r="CN1360" s="53">
        <v>290053.79240506398</v>
      </c>
    </row>
    <row r="1361" spans="1:92">
      <c r="A1361" s="52" t="s">
        <v>1364</v>
      </c>
      <c r="B1361" s="53"/>
      <c r="C1361" s="53"/>
      <c r="D1361" s="53"/>
      <c r="E1361" s="53"/>
      <c r="F1361" s="53"/>
      <c r="G1361" s="53"/>
      <c r="H1361" s="53"/>
      <c r="I1361" s="53"/>
      <c r="J1361" s="53"/>
      <c r="K1361" s="53"/>
      <c r="L1361" s="53"/>
      <c r="M1361" s="53"/>
      <c r="N1361" s="53"/>
      <c r="O1361" s="53"/>
      <c r="P1361" s="53"/>
      <c r="Q1361" s="53"/>
      <c r="R1361" s="53"/>
      <c r="S1361" s="53"/>
      <c r="T1361" s="53"/>
      <c r="U1361" s="53"/>
      <c r="V1361" s="53"/>
      <c r="W1361" s="53"/>
      <c r="X1361" s="53"/>
      <c r="Y1361" s="53"/>
      <c r="Z1361" s="53"/>
      <c r="AA1361" s="53"/>
      <c r="AB1361" s="53"/>
      <c r="AC1361" s="53"/>
      <c r="AD1361" s="53"/>
      <c r="AE1361" s="53"/>
      <c r="AF1361" s="53"/>
      <c r="AG1361" s="53"/>
      <c r="AH1361" s="53"/>
      <c r="AI1361" s="53"/>
      <c r="AJ1361" s="53"/>
      <c r="AK1361" s="53"/>
      <c r="AL1361" s="53"/>
      <c r="AM1361" s="53"/>
      <c r="AN1361" s="53"/>
      <c r="AO1361" s="53"/>
      <c r="AP1361" s="53"/>
      <c r="AQ1361" s="53"/>
      <c r="AR1361" s="53"/>
      <c r="AS1361" s="53"/>
      <c r="AT1361" s="53"/>
      <c r="AU1361" s="53"/>
      <c r="AV1361" s="53"/>
      <c r="AW1361" s="53"/>
      <c r="AX1361" s="53"/>
      <c r="AY1361" s="53"/>
      <c r="AZ1361" s="53"/>
      <c r="BA1361" s="53"/>
      <c r="BB1361" s="53"/>
      <c r="BC1361" s="53"/>
      <c r="BD1361" s="53"/>
      <c r="BE1361" s="53"/>
      <c r="BF1361" s="53"/>
      <c r="BG1361" s="53"/>
      <c r="BH1361" s="53"/>
      <c r="BI1361" s="53"/>
      <c r="BJ1361" s="53"/>
      <c r="BK1361" s="53"/>
      <c r="BL1361" s="53"/>
      <c r="BM1361" s="53"/>
      <c r="BN1361" s="53"/>
      <c r="BO1361" s="53"/>
      <c r="BP1361" s="53"/>
      <c r="BQ1361" s="53"/>
      <c r="BR1361" s="53"/>
      <c r="BS1361" s="53"/>
      <c r="BT1361" s="53"/>
      <c r="BU1361" s="53"/>
      <c r="BV1361" s="53"/>
      <c r="BW1361" s="53"/>
      <c r="BX1361" s="53"/>
      <c r="BY1361" s="53"/>
      <c r="BZ1361" s="53"/>
      <c r="CA1361" s="53"/>
      <c r="CB1361" s="53"/>
      <c r="CC1361" s="53"/>
      <c r="CD1361" s="53"/>
      <c r="CE1361" s="53"/>
      <c r="CF1361" s="53"/>
      <c r="CG1361" s="53"/>
      <c r="CH1361" s="53"/>
      <c r="CI1361" s="53"/>
      <c r="CJ1361" s="53"/>
      <c r="CK1361" s="53"/>
      <c r="CL1361" s="53"/>
      <c r="CM1361" s="53"/>
      <c r="CN1361" s="53"/>
    </row>
    <row r="1362" spans="1:92">
      <c r="A1362" s="52" t="s">
        <v>649</v>
      </c>
      <c r="B1362" s="53">
        <v>11724299.999999899</v>
      </c>
      <c r="C1362" s="53">
        <v>-15293730</v>
      </c>
      <c r="D1362" s="53">
        <v>-18471560</v>
      </c>
      <c r="E1362" s="53">
        <v>-30025709.999999899</v>
      </c>
      <c r="F1362" s="53">
        <v>-35604920</v>
      </c>
      <c r="G1362" s="53">
        <v>-111371799.999999</v>
      </c>
      <c r="H1362" s="53">
        <v>-12083010</v>
      </c>
      <c r="I1362" s="53">
        <v>-12919189.999999899</v>
      </c>
      <c r="J1362" s="53">
        <v>-29178790</v>
      </c>
      <c r="K1362" s="53">
        <v>-18488420</v>
      </c>
      <c r="L1362" s="53">
        <v>-90157040</v>
      </c>
      <c r="M1362" s="53">
        <v>-13787029.999999899</v>
      </c>
      <c r="N1362" s="53">
        <v>-375656900</v>
      </c>
      <c r="O1362" s="53">
        <v>-18630608.762699701</v>
      </c>
      <c r="P1362" s="53">
        <v>-11644471.666861201</v>
      </c>
      <c r="Q1362" s="53">
        <v>-38136010.500504203</v>
      </c>
      <c r="R1362" s="53">
        <v>-11809477.270434599</v>
      </c>
      <c r="S1362" s="53">
        <v>-30829563.118948098</v>
      </c>
      <c r="T1362" s="53">
        <v>-22450466.065304399</v>
      </c>
      <c r="U1362" s="53">
        <v>-15353247.470747</v>
      </c>
      <c r="V1362" s="53">
        <v>-11986352.558493</v>
      </c>
      <c r="W1362" s="53">
        <v>-18484666.543999702</v>
      </c>
      <c r="X1362" s="53">
        <v>-13149357.848525699</v>
      </c>
      <c r="Y1362" s="53">
        <v>-28547125.927893899</v>
      </c>
      <c r="Z1362" s="53">
        <v>-87660484.289098606</v>
      </c>
      <c r="AA1362" s="53">
        <v>-308681832.02350998</v>
      </c>
      <c r="AB1362" s="53">
        <v>-10596414.9729676</v>
      </c>
      <c r="AC1362" s="53">
        <v>-30096322.318457801</v>
      </c>
      <c r="AD1362" s="53">
        <v>-20887062.870667599</v>
      </c>
      <c r="AE1362" s="53">
        <v>-11871608.199958</v>
      </c>
      <c r="AF1362" s="53">
        <v>-12139431.559313901</v>
      </c>
      <c r="AG1362" s="53">
        <v>-28157839.432163399</v>
      </c>
      <c r="AH1362" s="53">
        <v>-11674904.9651393</v>
      </c>
      <c r="AI1362" s="53">
        <v>-41725664.132902697</v>
      </c>
      <c r="AJ1362" s="53">
        <v>-21003287.172743902</v>
      </c>
      <c r="AK1362" s="53">
        <v>-24678178.377350401</v>
      </c>
      <c r="AL1362" s="53">
        <v>-26987594.900460798</v>
      </c>
      <c r="AM1362" s="53">
        <v>-107255794.341772</v>
      </c>
      <c r="AN1362" s="53">
        <v>-347074103.24389797</v>
      </c>
      <c r="AO1362" s="53">
        <v>-16545434.0171047</v>
      </c>
      <c r="AP1362" s="53">
        <v>-11863114.8857497</v>
      </c>
      <c r="AQ1362" s="53">
        <v>-20445778.086150199</v>
      </c>
      <c r="AR1362" s="53">
        <v>-15622481.564832401</v>
      </c>
      <c r="AS1362" s="53">
        <v>-12818078.819703801</v>
      </c>
      <c r="AT1362" s="53">
        <v>-29119040.257674899</v>
      </c>
      <c r="AU1362" s="53">
        <v>-15136899.787366699</v>
      </c>
      <c r="AV1362" s="53">
        <v>-12855054.6763999</v>
      </c>
      <c r="AW1362" s="53">
        <v>-76562164.086696103</v>
      </c>
      <c r="AX1362" s="53">
        <v>-12589822.537658799</v>
      </c>
      <c r="AY1362" s="53">
        <v>-12014138.751245599</v>
      </c>
      <c r="AZ1362" s="53">
        <v>-144616617.112827</v>
      </c>
      <c r="BA1362" s="53">
        <v>-380188624.58341098</v>
      </c>
      <c r="BB1362" s="53">
        <v>-14040984.3740936</v>
      </c>
      <c r="BC1362" s="53">
        <v>-11704441.725047201</v>
      </c>
      <c r="BD1362" s="53">
        <v>-19861557.2979341</v>
      </c>
      <c r="BE1362" s="53">
        <v>-12503445.2072937</v>
      </c>
      <c r="BF1362" s="53">
        <v>-17555870.6100756</v>
      </c>
      <c r="BG1362" s="53">
        <v>-26398455.470432401</v>
      </c>
      <c r="BH1362" s="53">
        <v>-27891736.471292499</v>
      </c>
      <c r="BI1362" s="53">
        <v>-13327829.933021</v>
      </c>
      <c r="BJ1362" s="53">
        <v>-20482340.104693901</v>
      </c>
      <c r="BK1362" s="53">
        <v>-12951232.3157579</v>
      </c>
      <c r="BL1362" s="53">
        <v>-12147264.046329999</v>
      </c>
      <c r="BM1362" s="53">
        <v>-104458630.331223</v>
      </c>
      <c r="BN1362" s="53">
        <v>-293323787.887196</v>
      </c>
      <c r="BO1362" s="53">
        <v>-11346955.2564469</v>
      </c>
      <c r="BP1362" s="53">
        <v>-11895926.435196601</v>
      </c>
      <c r="BQ1362" s="53">
        <v>-18183264.408652101</v>
      </c>
      <c r="BR1362" s="53">
        <v>-12661679.063060399</v>
      </c>
      <c r="BS1362" s="53">
        <v>-14612170.272208501</v>
      </c>
      <c r="BT1362" s="53">
        <v>-26360240.3230545</v>
      </c>
      <c r="BU1362" s="53">
        <v>-26936336.692380499</v>
      </c>
      <c r="BV1362" s="53">
        <v>-13332277.432735801</v>
      </c>
      <c r="BW1362" s="53">
        <v>-20783190.8768133</v>
      </c>
      <c r="BX1362" s="53">
        <v>-18308880.5901451</v>
      </c>
      <c r="BY1362" s="53">
        <v>-12680223.1584695</v>
      </c>
      <c r="BZ1362" s="53">
        <v>-26135030.599240799</v>
      </c>
      <c r="CA1362" s="53">
        <v>-213236175.10840401</v>
      </c>
      <c r="CB1362" s="53">
        <v>16813.8726114649</v>
      </c>
      <c r="CC1362" s="53">
        <v>16813.8726114649</v>
      </c>
      <c r="CD1362" s="53">
        <v>16813.8726114649</v>
      </c>
      <c r="CE1362" s="53">
        <v>16813.8726114649</v>
      </c>
      <c r="CF1362" s="53">
        <v>16813.8726114649</v>
      </c>
      <c r="CG1362" s="53">
        <v>16813.8726114649</v>
      </c>
      <c r="CH1362" s="53">
        <v>16813.8726114649</v>
      </c>
      <c r="CI1362" s="53">
        <v>16813.8726114649</v>
      </c>
      <c r="CJ1362" s="53">
        <v>16813.8726114649</v>
      </c>
      <c r="CK1362" s="53">
        <v>16813.8726114649</v>
      </c>
      <c r="CL1362" s="53">
        <v>16813.8726114649</v>
      </c>
      <c r="CM1362" s="53">
        <v>16813.8726114649</v>
      </c>
      <c r="CN1362" s="53">
        <v>201766.47133757899</v>
      </c>
    </row>
    <row r="1363" spans="1:92">
      <c r="A1363" s="52" t="s">
        <v>778</v>
      </c>
      <c r="B1363" s="53"/>
      <c r="C1363" s="53"/>
      <c r="D1363" s="53"/>
      <c r="E1363" s="53"/>
      <c r="F1363" s="53"/>
      <c r="G1363" s="53"/>
      <c r="H1363" s="53"/>
      <c r="I1363" s="53"/>
      <c r="J1363" s="53"/>
      <c r="K1363" s="53"/>
      <c r="L1363" s="53"/>
      <c r="M1363" s="53"/>
      <c r="N1363" s="53"/>
      <c r="O1363" s="53"/>
      <c r="P1363" s="53"/>
      <c r="Q1363" s="53"/>
      <c r="R1363" s="53"/>
      <c r="S1363" s="53"/>
      <c r="T1363" s="53"/>
      <c r="U1363" s="53"/>
      <c r="V1363" s="53"/>
      <c r="W1363" s="53"/>
      <c r="X1363" s="53"/>
      <c r="Y1363" s="53"/>
      <c r="Z1363" s="53"/>
      <c r="AA1363" s="53"/>
      <c r="AB1363" s="53"/>
      <c r="AC1363" s="53"/>
      <c r="AD1363" s="53"/>
      <c r="AE1363" s="53"/>
      <c r="AF1363" s="53"/>
      <c r="AG1363" s="53"/>
      <c r="AH1363" s="53"/>
      <c r="AI1363" s="53"/>
      <c r="AJ1363" s="53"/>
      <c r="AK1363" s="53"/>
      <c r="AL1363" s="53"/>
      <c r="AM1363" s="53"/>
      <c r="AN1363" s="53"/>
      <c r="AO1363" s="53"/>
      <c r="AP1363" s="53"/>
      <c r="AQ1363" s="53"/>
      <c r="AR1363" s="53"/>
      <c r="AS1363" s="53"/>
      <c r="AT1363" s="53"/>
      <c r="AU1363" s="53"/>
      <c r="AV1363" s="53"/>
      <c r="AW1363" s="53"/>
      <c r="AX1363" s="53"/>
      <c r="AY1363" s="53"/>
      <c r="AZ1363" s="53"/>
      <c r="BA1363" s="53"/>
      <c r="BB1363" s="53"/>
      <c r="BC1363" s="53"/>
      <c r="BD1363" s="53"/>
      <c r="BE1363" s="53"/>
      <c r="BF1363" s="53"/>
      <c r="BG1363" s="53"/>
      <c r="BH1363" s="53"/>
      <c r="BI1363" s="53"/>
      <c r="BJ1363" s="53"/>
      <c r="BK1363" s="53"/>
      <c r="BL1363" s="53"/>
      <c r="BM1363" s="53"/>
      <c r="BN1363" s="53"/>
      <c r="BO1363" s="53"/>
      <c r="BP1363" s="53"/>
      <c r="BQ1363" s="53"/>
      <c r="BR1363" s="53"/>
      <c r="BS1363" s="53"/>
      <c r="BT1363" s="53"/>
      <c r="BU1363" s="53"/>
      <c r="BV1363" s="53"/>
      <c r="BW1363" s="53"/>
      <c r="BX1363" s="53"/>
      <c r="BY1363" s="53"/>
      <c r="BZ1363" s="53"/>
      <c r="CA1363" s="53"/>
      <c r="CB1363" s="53">
        <v>-308004.32631578902</v>
      </c>
      <c r="CC1363" s="53">
        <v>-308004.32631578902</v>
      </c>
      <c r="CD1363" s="53">
        <v>-308004.32631578902</v>
      </c>
      <c r="CE1363" s="53">
        <v>-308004.32631578902</v>
      </c>
      <c r="CF1363" s="53">
        <v>-308004.32631578902</v>
      </c>
      <c r="CG1363" s="53">
        <v>-308004.32631578902</v>
      </c>
      <c r="CH1363" s="53">
        <v>-308004.32631578902</v>
      </c>
      <c r="CI1363" s="53">
        <v>-308004.32631578902</v>
      </c>
      <c r="CJ1363" s="53">
        <v>-308004.32631578902</v>
      </c>
      <c r="CK1363" s="53">
        <v>-308004.32631578902</v>
      </c>
      <c r="CL1363" s="53">
        <v>-308004.32631578902</v>
      </c>
      <c r="CM1363" s="53">
        <v>-308004.32631578902</v>
      </c>
      <c r="CN1363" s="53">
        <v>-3696051.9157894701</v>
      </c>
    </row>
    <row r="1364" spans="1:92">
      <c r="A1364" s="52" t="s">
        <v>1236</v>
      </c>
      <c r="B1364" s="53"/>
      <c r="C1364" s="53"/>
      <c r="D1364" s="53"/>
      <c r="E1364" s="53"/>
      <c r="F1364" s="53"/>
      <c r="G1364" s="53"/>
      <c r="H1364" s="53"/>
      <c r="I1364" s="53"/>
      <c r="J1364" s="53"/>
      <c r="K1364" s="53"/>
      <c r="L1364" s="53"/>
      <c r="M1364" s="53"/>
      <c r="N1364" s="53"/>
      <c r="O1364" s="53"/>
      <c r="P1364" s="53"/>
      <c r="Q1364" s="53"/>
      <c r="R1364" s="53"/>
      <c r="S1364" s="53"/>
      <c r="T1364" s="53"/>
      <c r="U1364" s="53"/>
      <c r="V1364" s="53"/>
      <c r="W1364" s="53"/>
      <c r="X1364" s="53"/>
      <c r="Y1364" s="53"/>
      <c r="Z1364" s="53"/>
      <c r="AA1364" s="53"/>
      <c r="AB1364" s="53"/>
      <c r="AC1364" s="53"/>
      <c r="AD1364" s="53"/>
      <c r="AE1364" s="53"/>
      <c r="AF1364" s="53"/>
      <c r="AG1364" s="53"/>
      <c r="AH1364" s="53"/>
      <c r="AI1364" s="53"/>
      <c r="AJ1364" s="53"/>
      <c r="AK1364" s="53"/>
      <c r="AL1364" s="53"/>
      <c r="AM1364" s="53"/>
      <c r="AN1364" s="53"/>
      <c r="AO1364" s="53"/>
      <c r="AP1364" s="53"/>
      <c r="AQ1364" s="53"/>
      <c r="AR1364" s="53"/>
      <c r="AS1364" s="53"/>
      <c r="AT1364" s="53"/>
      <c r="AU1364" s="53"/>
      <c r="AV1364" s="53"/>
      <c r="AW1364" s="53"/>
      <c r="AX1364" s="53"/>
      <c r="AY1364" s="53"/>
      <c r="AZ1364" s="53"/>
      <c r="BA1364" s="53"/>
      <c r="BB1364" s="53"/>
      <c r="BC1364" s="53"/>
      <c r="BD1364" s="53"/>
      <c r="BE1364" s="53"/>
      <c r="BF1364" s="53"/>
      <c r="BG1364" s="53"/>
      <c r="BH1364" s="53"/>
      <c r="BI1364" s="53"/>
      <c r="BJ1364" s="53"/>
      <c r="BK1364" s="53"/>
      <c r="BL1364" s="53"/>
      <c r="BM1364" s="53"/>
      <c r="BN1364" s="53"/>
      <c r="BO1364" s="53"/>
      <c r="BP1364" s="53"/>
      <c r="BQ1364" s="53"/>
      <c r="BR1364" s="53"/>
      <c r="BS1364" s="53"/>
      <c r="BT1364" s="53"/>
      <c r="BU1364" s="53"/>
      <c r="BV1364" s="53"/>
      <c r="BW1364" s="53"/>
      <c r="BX1364" s="53"/>
      <c r="BY1364" s="53"/>
      <c r="BZ1364" s="53"/>
      <c r="CA1364" s="53"/>
      <c r="CB1364" s="53">
        <v>-199670.97536945701</v>
      </c>
      <c r="CC1364" s="53">
        <v>-199670.97536945701</v>
      </c>
      <c r="CD1364" s="53">
        <v>-199670.97536945701</v>
      </c>
      <c r="CE1364" s="53">
        <v>-199670.97536945701</v>
      </c>
      <c r="CF1364" s="53">
        <v>-199670.975369458</v>
      </c>
      <c r="CG1364" s="53">
        <v>-199670.97536945701</v>
      </c>
      <c r="CH1364" s="53">
        <v>-199670.975369458</v>
      </c>
      <c r="CI1364" s="53">
        <v>-199670.975369458</v>
      </c>
      <c r="CJ1364" s="53">
        <v>-199670.975369458</v>
      </c>
      <c r="CK1364" s="53">
        <v>-199670.975369458</v>
      </c>
      <c r="CL1364" s="53">
        <v>-199670.975369458</v>
      </c>
      <c r="CM1364" s="53">
        <v>-199670.975369458</v>
      </c>
      <c r="CN1364" s="53">
        <v>-2396051.7044334901</v>
      </c>
    </row>
    <row r="1365" spans="1:92">
      <c r="A1365" s="52" t="s">
        <v>780</v>
      </c>
      <c r="B1365" s="53"/>
      <c r="C1365" s="53"/>
      <c r="D1365" s="53"/>
      <c r="E1365" s="53"/>
      <c r="F1365" s="53"/>
      <c r="G1365" s="53"/>
      <c r="H1365" s="53"/>
      <c r="I1365" s="53"/>
      <c r="J1365" s="53"/>
      <c r="K1365" s="53"/>
      <c r="L1365" s="53"/>
      <c r="M1365" s="53"/>
      <c r="N1365" s="53"/>
      <c r="O1365" s="53"/>
      <c r="P1365" s="53"/>
      <c r="Q1365" s="53"/>
      <c r="R1365" s="53"/>
      <c r="S1365" s="53"/>
      <c r="T1365" s="53"/>
      <c r="U1365" s="53"/>
      <c r="V1365" s="53"/>
      <c r="W1365" s="53"/>
      <c r="X1365" s="53"/>
      <c r="Y1365" s="53"/>
      <c r="Z1365" s="53"/>
      <c r="AA1365" s="53"/>
      <c r="AB1365" s="53"/>
      <c r="AC1365" s="53"/>
      <c r="AD1365" s="53"/>
      <c r="AE1365" s="53"/>
      <c r="AF1365" s="53"/>
      <c r="AG1365" s="53"/>
      <c r="AH1365" s="53"/>
      <c r="AI1365" s="53"/>
      <c r="AJ1365" s="53"/>
      <c r="AK1365" s="53"/>
      <c r="AL1365" s="53"/>
      <c r="AM1365" s="53"/>
      <c r="AN1365" s="53"/>
      <c r="AO1365" s="53"/>
      <c r="AP1365" s="53"/>
      <c r="AQ1365" s="53"/>
      <c r="AR1365" s="53"/>
      <c r="AS1365" s="53"/>
      <c r="AT1365" s="53"/>
      <c r="AU1365" s="53"/>
      <c r="AV1365" s="53"/>
      <c r="AW1365" s="53"/>
      <c r="AX1365" s="53"/>
      <c r="AY1365" s="53"/>
      <c r="AZ1365" s="53"/>
      <c r="BA1365" s="53"/>
      <c r="BB1365" s="53"/>
      <c r="BC1365" s="53"/>
      <c r="BD1365" s="53"/>
      <c r="BE1365" s="53"/>
      <c r="BF1365" s="53"/>
      <c r="BG1365" s="53"/>
      <c r="BH1365" s="53"/>
      <c r="BI1365" s="53"/>
      <c r="BJ1365" s="53"/>
      <c r="BK1365" s="53"/>
      <c r="BL1365" s="53"/>
      <c r="BM1365" s="53"/>
      <c r="BN1365" s="53"/>
      <c r="BO1365" s="53"/>
      <c r="BP1365" s="53"/>
      <c r="BQ1365" s="53"/>
      <c r="BR1365" s="53"/>
      <c r="BS1365" s="53"/>
      <c r="BT1365" s="53"/>
      <c r="BU1365" s="53"/>
      <c r="BV1365" s="53"/>
      <c r="BW1365" s="53"/>
      <c r="BX1365" s="53"/>
      <c r="BY1365" s="53"/>
      <c r="BZ1365" s="53"/>
      <c r="CA1365" s="53"/>
      <c r="CB1365" s="53">
        <v>-115069.472803347</v>
      </c>
      <c r="CC1365" s="53">
        <v>-115069.472803347</v>
      </c>
      <c r="CD1365" s="53">
        <v>-115069.472803347</v>
      </c>
      <c r="CE1365" s="53">
        <v>-115069.472803347</v>
      </c>
      <c r="CF1365" s="53">
        <v>-115069.472803347</v>
      </c>
      <c r="CG1365" s="53">
        <v>-115069.472803347</v>
      </c>
      <c r="CH1365" s="53">
        <v>-115069.472803347</v>
      </c>
      <c r="CI1365" s="53">
        <v>-115069.472803347</v>
      </c>
      <c r="CJ1365" s="53">
        <v>-115069.472803347</v>
      </c>
      <c r="CK1365" s="53">
        <v>-115069.472803347</v>
      </c>
      <c r="CL1365" s="53">
        <v>-115069.472803347</v>
      </c>
      <c r="CM1365" s="53">
        <v>-115069.472803347</v>
      </c>
      <c r="CN1365" s="53">
        <v>-1380833.6736401699</v>
      </c>
    </row>
    <row r="1366" spans="1:92">
      <c r="A1366" s="52" t="s">
        <v>781</v>
      </c>
      <c r="B1366" s="53"/>
      <c r="C1366" s="53"/>
      <c r="D1366" s="53"/>
      <c r="E1366" s="53"/>
      <c r="F1366" s="53"/>
      <c r="G1366" s="53"/>
      <c r="H1366" s="53"/>
      <c r="I1366" s="53"/>
      <c r="J1366" s="53"/>
      <c r="K1366" s="53"/>
      <c r="L1366" s="53"/>
      <c r="M1366" s="53"/>
      <c r="N1366" s="53"/>
      <c r="O1366" s="53"/>
      <c r="P1366" s="53"/>
      <c r="Q1366" s="53"/>
      <c r="R1366" s="53"/>
      <c r="S1366" s="53"/>
      <c r="T1366" s="53"/>
      <c r="U1366" s="53"/>
      <c r="V1366" s="53"/>
      <c r="W1366" s="53"/>
      <c r="X1366" s="53"/>
      <c r="Y1366" s="53"/>
      <c r="Z1366" s="53"/>
      <c r="AA1366" s="53"/>
      <c r="AB1366" s="53"/>
      <c r="AC1366" s="53"/>
      <c r="AD1366" s="53"/>
      <c r="AE1366" s="53"/>
      <c r="AF1366" s="53"/>
      <c r="AG1366" s="53"/>
      <c r="AH1366" s="53"/>
      <c r="AI1366" s="53"/>
      <c r="AJ1366" s="53"/>
      <c r="AK1366" s="53"/>
      <c r="AL1366" s="53"/>
      <c r="AM1366" s="53"/>
      <c r="AN1366" s="53"/>
      <c r="AO1366" s="53"/>
      <c r="AP1366" s="53"/>
      <c r="AQ1366" s="53"/>
      <c r="AR1366" s="53"/>
      <c r="AS1366" s="53"/>
      <c r="AT1366" s="53"/>
      <c r="AU1366" s="53"/>
      <c r="AV1366" s="53"/>
      <c r="AW1366" s="53"/>
      <c r="AX1366" s="53"/>
      <c r="AY1366" s="53"/>
      <c r="AZ1366" s="53"/>
      <c r="BA1366" s="53"/>
      <c r="BB1366" s="53"/>
      <c r="BC1366" s="53"/>
      <c r="BD1366" s="53"/>
      <c r="BE1366" s="53"/>
      <c r="BF1366" s="53"/>
      <c r="BG1366" s="53"/>
      <c r="BH1366" s="53"/>
      <c r="BI1366" s="53"/>
      <c r="BJ1366" s="53"/>
      <c r="BK1366" s="53"/>
      <c r="BL1366" s="53"/>
      <c r="BM1366" s="53"/>
      <c r="BN1366" s="53"/>
      <c r="BO1366" s="53"/>
      <c r="BP1366" s="53"/>
      <c r="BQ1366" s="53"/>
      <c r="BR1366" s="53"/>
      <c r="BS1366" s="53"/>
      <c r="BT1366" s="53"/>
      <c r="BU1366" s="53"/>
      <c r="BV1366" s="53"/>
      <c r="BW1366" s="53"/>
      <c r="BX1366" s="53"/>
      <c r="BY1366" s="53"/>
      <c r="BZ1366" s="53"/>
      <c r="CA1366" s="53"/>
      <c r="CB1366" s="53"/>
      <c r="CC1366" s="53"/>
      <c r="CD1366" s="53"/>
      <c r="CE1366" s="53"/>
      <c r="CF1366" s="53"/>
      <c r="CG1366" s="53"/>
      <c r="CH1366" s="53"/>
      <c r="CI1366" s="53"/>
      <c r="CJ1366" s="53"/>
      <c r="CK1366" s="53"/>
      <c r="CL1366" s="53"/>
      <c r="CM1366" s="53"/>
      <c r="CN1366" s="53"/>
    </row>
    <row r="1367" spans="1:92" outlineLevel="1">
      <c r="A1367" s="52" t="s">
        <v>783</v>
      </c>
      <c r="B1367" s="53"/>
      <c r="C1367" s="53"/>
      <c r="D1367" s="53"/>
      <c r="E1367" s="53"/>
      <c r="F1367" s="53"/>
      <c r="G1367" s="53"/>
      <c r="H1367" s="53"/>
      <c r="I1367" s="53"/>
      <c r="J1367" s="53"/>
      <c r="K1367" s="53"/>
      <c r="L1367" s="53"/>
      <c r="M1367" s="53"/>
      <c r="N1367" s="53"/>
      <c r="O1367" s="53"/>
      <c r="P1367" s="53"/>
      <c r="Q1367" s="53"/>
      <c r="R1367" s="53"/>
      <c r="S1367" s="53"/>
      <c r="T1367" s="53"/>
      <c r="U1367" s="53"/>
      <c r="V1367" s="53"/>
      <c r="W1367" s="53"/>
      <c r="X1367" s="53"/>
      <c r="Y1367" s="53"/>
      <c r="Z1367" s="53"/>
      <c r="AA1367" s="53"/>
      <c r="AB1367" s="53"/>
      <c r="AC1367" s="53"/>
      <c r="AD1367" s="53"/>
      <c r="AE1367" s="53"/>
      <c r="AF1367" s="53"/>
      <c r="AG1367" s="53"/>
      <c r="AH1367" s="53"/>
      <c r="AI1367" s="53"/>
      <c r="AJ1367" s="53"/>
      <c r="AK1367" s="53"/>
      <c r="AL1367" s="53"/>
      <c r="AM1367" s="53"/>
      <c r="AN1367" s="53"/>
      <c r="AO1367" s="53"/>
      <c r="AP1367" s="53"/>
      <c r="AQ1367" s="53"/>
      <c r="AR1367" s="53"/>
      <c r="AS1367" s="53"/>
      <c r="AT1367" s="53"/>
      <c r="AU1367" s="53"/>
      <c r="AV1367" s="53"/>
      <c r="AW1367" s="53"/>
      <c r="AX1367" s="53"/>
      <c r="AY1367" s="53"/>
      <c r="AZ1367" s="53"/>
      <c r="BA1367" s="53"/>
      <c r="BB1367" s="53"/>
      <c r="BC1367" s="53"/>
      <c r="BD1367" s="53"/>
      <c r="BE1367" s="53"/>
      <c r="BF1367" s="53"/>
      <c r="BG1367" s="53"/>
      <c r="BH1367" s="53"/>
      <c r="BI1367" s="53"/>
      <c r="BJ1367" s="53"/>
      <c r="BK1367" s="53"/>
      <c r="BL1367" s="53"/>
      <c r="BM1367" s="53"/>
      <c r="BN1367" s="53"/>
      <c r="BO1367" s="53"/>
      <c r="BP1367" s="53"/>
      <c r="BQ1367" s="53"/>
      <c r="BR1367" s="53"/>
      <c r="BS1367" s="53"/>
      <c r="BT1367" s="53"/>
      <c r="BU1367" s="53"/>
      <c r="BV1367" s="53"/>
      <c r="BW1367" s="53"/>
      <c r="BX1367" s="53"/>
      <c r="BY1367" s="53"/>
      <c r="BZ1367" s="53"/>
      <c r="CA1367" s="53"/>
      <c r="CB1367" s="53"/>
      <c r="CC1367" s="53"/>
      <c r="CD1367" s="53"/>
      <c r="CE1367" s="53"/>
      <c r="CF1367" s="53"/>
      <c r="CG1367" s="53"/>
      <c r="CH1367" s="53"/>
      <c r="CI1367" s="53"/>
      <c r="CJ1367" s="53"/>
      <c r="CK1367" s="53"/>
      <c r="CL1367" s="53"/>
      <c r="CM1367" s="53"/>
      <c r="CN1367" s="53"/>
    </row>
    <row r="1368" spans="1:92" outlineLevel="1">
      <c r="A1368" s="52" t="s">
        <v>784</v>
      </c>
      <c r="B1368" s="53">
        <v>19633063.4219588</v>
      </c>
      <c r="C1368" s="53">
        <v>19671834.001220699</v>
      </c>
      <c r="D1368" s="53">
        <v>19710456.593030401</v>
      </c>
      <c r="E1368" s="53">
        <v>19748940.838256299</v>
      </c>
      <c r="F1368" s="53">
        <v>19787295.749697499</v>
      </c>
      <c r="G1368" s="53">
        <v>19825529.753001101</v>
      </c>
      <c r="H1368" s="53">
        <v>19863650.7249121</v>
      </c>
      <c r="I1368" s="53">
        <v>19900216.294918001</v>
      </c>
      <c r="J1368" s="53">
        <v>19936683.081023201</v>
      </c>
      <c r="K1368" s="53">
        <v>19973057.518655799</v>
      </c>
      <c r="L1368" s="53">
        <v>20009345.623997901</v>
      </c>
      <c r="M1368" s="53">
        <v>20045553.021298598</v>
      </c>
      <c r="N1368" s="53">
        <v>238105626.62197</v>
      </c>
      <c r="O1368" s="53">
        <v>21684526.050000001</v>
      </c>
      <c r="P1368" s="53">
        <v>21724926.300000001</v>
      </c>
      <c r="Q1368" s="53">
        <v>21765376.349999901</v>
      </c>
      <c r="R1368" s="53">
        <v>21805851.2999999</v>
      </c>
      <c r="S1368" s="53">
        <v>21846376.050000001</v>
      </c>
      <c r="T1368" s="53">
        <v>21886938.149999999</v>
      </c>
      <c r="U1368" s="53">
        <v>21927537.600000001</v>
      </c>
      <c r="V1368" s="53">
        <v>21963754.649999999</v>
      </c>
      <c r="W1368" s="53">
        <v>22000009.0499999</v>
      </c>
      <c r="X1368" s="53">
        <v>22036288.349999901</v>
      </c>
      <c r="Y1368" s="53">
        <v>22072605</v>
      </c>
      <c r="Z1368" s="53">
        <v>22108959</v>
      </c>
      <c r="AA1368" s="53">
        <v>262823147.84999901</v>
      </c>
      <c r="AB1368" s="53">
        <v>22145337.899999999</v>
      </c>
      <c r="AC1368" s="53">
        <v>22181754.149999999</v>
      </c>
      <c r="AD1368" s="53">
        <v>22218195.300000001</v>
      </c>
      <c r="AE1368" s="53">
        <v>22254661.349999901</v>
      </c>
      <c r="AF1368" s="53">
        <v>22291152.2999999</v>
      </c>
      <c r="AG1368" s="53">
        <v>22327680.600000001</v>
      </c>
      <c r="AH1368" s="53">
        <v>22364233.7999999</v>
      </c>
      <c r="AI1368" s="53">
        <v>22400351.25</v>
      </c>
      <c r="AJ1368" s="53">
        <v>22436493.599999901</v>
      </c>
      <c r="AK1368" s="53">
        <v>22472660.850000001</v>
      </c>
      <c r="AL1368" s="53">
        <v>22508853</v>
      </c>
      <c r="AM1368" s="53">
        <v>22545070.0499999</v>
      </c>
      <c r="AN1368" s="53">
        <v>268146444.14999899</v>
      </c>
      <c r="AO1368" s="53">
        <v>22581311.999999899</v>
      </c>
      <c r="AP1368" s="53">
        <v>22617566.399999999</v>
      </c>
      <c r="AQ1368" s="53">
        <v>22653845.699999999</v>
      </c>
      <c r="AR1368" s="53">
        <v>22690137.449999999</v>
      </c>
      <c r="AS1368" s="53">
        <v>22726454.099999901</v>
      </c>
      <c r="AT1368" s="53">
        <v>22762795.649999999</v>
      </c>
      <c r="AU1368" s="53">
        <v>22799137.199999899</v>
      </c>
      <c r="AV1368" s="53">
        <v>22836213.300000001</v>
      </c>
      <c r="AW1368" s="53">
        <v>22873289.399999999</v>
      </c>
      <c r="AX1368" s="53">
        <v>22910390.399999999</v>
      </c>
      <c r="AY1368" s="53">
        <v>22947503.849999901</v>
      </c>
      <c r="AZ1368" s="53">
        <v>22984629.75</v>
      </c>
      <c r="BA1368" s="53">
        <v>273383275.19999999</v>
      </c>
      <c r="BB1368" s="53">
        <v>23021780.550000001</v>
      </c>
      <c r="BC1368" s="53">
        <v>23058931.349999901</v>
      </c>
      <c r="BD1368" s="53">
        <v>23096107.0499999</v>
      </c>
      <c r="BE1368" s="53">
        <v>23133295.199999899</v>
      </c>
      <c r="BF1368" s="53">
        <v>23170495.7999999</v>
      </c>
      <c r="BG1368" s="53">
        <v>23207708.849999901</v>
      </c>
      <c r="BH1368" s="53">
        <v>23244934.349999901</v>
      </c>
      <c r="BI1368" s="53">
        <v>23282595.599999901</v>
      </c>
      <c r="BJ1368" s="53">
        <v>23320269.300000001</v>
      </c>
      <c r="BK1368" s="53">
        <v>23357955.449999999</v>
      </c>
      <c r="BL1368" s="53">
        <v>23395654.0499999</v>
      </c>
      <c r="BM1368" s="53">
        <v>23433352.649999999</v>
      </c>
      <c r="BN1368" s="53">
        <v>278723080.19999999</v>
      </c>
      <c r="BO1368" s="53">
        <v>23471076.149999999</v>
      </c>
      <c r="BP1368" s="53">
        <v>23508799.649999999</v>
      </c>
      <c r="BQ1368" s="53">
        <v>23546535.599999901</v>
      </c>
      <c r="BR1368" s="53">
        <v>23584284</v>
      </c>
      <c r="BS1368" s="53">
        <v>23622032.399999999</v>
      </c>
      <c r="BT1368" s="53">
        <v>23659805.699999899</v>
      </c>
      <c r="BU1368" s="53">
        <v>23697566.550000001</v>
      </c>
      <c r="BV1368" s="53">
        <v>23736136.649999999</v>
      </c>
      <c r="BW1368" s="53">
        <v>23774719.199999999</v>
      </c>
      <c r="BX1368" s="53">
        <v>23813289.300000001</v>
      </c>
      <c r="BY1368" s="53">
        <v>23851884.2999999</v>
      </c>
      <c r="BZ1368" s="53">
        <v>23890479.300000001</v>
      </c>
      <c r="CA1368" s="53">
        <v>284156608.80000001</v>
      </c>
      <c r="CB1368" s="53">
        <v>-8902.2999999999993</v>
      </c>
      <c r="CC1368" s="53">
        <v>-8902.2999999999993</v>
      </c>
      <c r="CD1368" s="53">
        <v>-8902.2999999999993</v>
      </c>
      <c r="CE1368" s="53">
        <v>-8902.2999999999993</v>
      </c>
      <c r="CF1368" s="53">
        <v>-8902.2999999999993</v>
      </c>
      <c r="CG1368" s="53">
        <v>-8902.2999999999993</v>
      </c>
      <c r="CH1368" s="53">
        <v>-8902.2999999999993</v>
      </c>
      <c r="CI1368" s="53">
        <v>-8902.2999999999993</v>
      </c>
      <c r="CJ1368" s="53">
        <v>-8902.2999999999993</v>
      </c>
      <c r="CK1368" s="53">
        <v>-8902.2999999999993</v>
      </c>
      <c r="CL1368" s="53">
        <v>-8902.2999999999993</v>
      </c>
      <c r="CM1368" s="53">
        <v>-8902.2999999999993</v>
      </c>
      <c r="CN1368" s="53">
        <v>-106827.599999999</v>
      </c>
    </row>
    <row r="1369" spans="1:92" outlineLevel="1">
      <c r="A1369" s="52" t="s">
        <v>1237</v>
      </c>
      <c r="B1369" s="53">
        <v>264</v>
      </c>
      <c r="C1369" s="53">
        <v>264</v>
      </c>
      <c r="D1369" s="53">
        <v>264</v>
      </c>
      <c r="E1369" s="53">
        <v>264</v>
      </c>
      <c r="F1369" s="53">
        <v>264</v>
      </c>
      <c r="G1369" s="53">
        <v>264</v>
      </c>
      <c r="H1369" s="53">
        <v>264</v>
      </c>
      <c r="I1369" s="53">
        <v>264</v>
      </c>
      <c r="J1369" s="53">
        <v>264</v>
      </c>
      <c r="K1369" s="53">
        <v>264</v>
      </c>
      <c r="L1369" s="53">
        <v>264</v>
      </c>
      <c r="M1369" s="53">
        <v>264</v>
      </c>
      <c r="N1369" s="53">
        <v>3168</v>
      </c>
      <c r="O1369" s="53"/>
      <c r="P1369" s="53"/>
      <c r="Q1369" s="53"/>
      <c r="R1369" s="53"/>
      <c r="S1369" s="53"/>
      <c r="T1369" s="53"/>
      <c r="U1369" s="53"/>
      <c r="V1369" s="53"/>
      <c r="W1369" s="53"/>
      <c r="X1369" s="53"/>
      <c r="Y1369" s="53"/>
      <c r="Z1369" s="53"/>
      <c r="AA1369" s="53"/>
      <c r="AB1369" s="53"/>
      <c r="AC1369" s="53"/>
      <c r="AD1369" s="53"/>
      <c r="AE1369" s="53"/>
      <c r="AF1369" s="53"/>
      <c r="AG1369" s="53"/>
      <c r="AH1369" s="53"/>
      <c r="AI1369" s="53"/>
      <c r="AJ1369" s="53"/>
      <c r="AK1369" s="53"/>
      <c r="AL1369" s="53"/>
      <c r="AM1369" s="53"/>
      <c r="AN1369" s="53"/>
      <c r="AO1369" s="53"/>
      <c r="AP1369" s="53"/>
      <c r="AQ1369" s="53"/>
      <c r="AR1369" s="53"/>
      <c r="AS1369" s="53"/>
      <c r="AT1369" s="53"/>
      <c r="AU1369" s="53"/>
      <c r="AV1369" s="53"/>
      <c r="AW1369" s="53"/>
      <c r="AX1369" s="53"/>
      <c r="AY1369" s="53"/>
      <c r="AZ1369" s="53"/>
      <c r="BA1369" s="53"/>
      <c r="BB1369" s="53"/>
      <c r="BC1369" s="53"/>
      <c r="BD1369" s="53"/>
      <c r="BE1369" s="53"/>
      <c r="BF1369" s="53"/>
      <c r="BG1369" s="53"/>
      <c r="BH1369" s="53"/>
      <c r="BI1369" s="53"/>
      <c r="BJ1369" s="53"/>
      <c r="BK1369" s="53"/>
      <c r="BL1369" s="53"/>
      <c r="BM1369" s="53"/>
      <c r="BN1369" s="53"/>
      <c r="BO1369" s="53"/>
      <c r="BP1369" s="53"/>
      <c r="BQ1369" s="53"/>
      <c r="BR1369" s="53"/>
      <c r="BS1369" s="53"/>
      <c r="BT1369" s="53"/>
      <c r="BU1369" s="53"/>
      <c r="BV1369" s="53"/>
      <c r="BW1369" s="53"/>
      <c r="BX1369" s="53"/>
      <c r="BY1369" s="53"/>
      <c r="BZ1369" s="53"/>
      <c r="CA1369" s="53"/>
      <c r="CB1369" s="53"/>
      <c r="CC1369" s="53"/>
      <c r="CD1369" s="53"/>
      <c r="CE1369" s="53"/>
      <c r="CF1369" s="53"/>
      <c r="CG1369" s="53"/>
      <c r="CH1369" s="53"/>
      <c r="CI1369" s="53"/>
      <c r="CJ1369" s="53"/>
      <c r="CK1369" s="53"/>
      <c r="CL1369" s="53"/>
      <c r="CM1369" s="53"/>
      <c r="CN1369" s="53"/>
    </row>
    <row r="1370" spans="1:92" outlineLevel="1">
      <c r="A1370" s="52" t="s">
        <v>1238</v>
      </c>
      <c r="B1370" s="53"/>
      <c r="C1370" s="53"/>
      <c r="D1370" s="53"/>
      <c r="E1370" s="53"/>
      <c r="F1370" s="53"/>
      <c r="G1370" s="53"/>
      <c r="H1370" s="53"/>
      <c r="I1370" s="53"/>
      <c r="J1370" s="53"/>
      <c r="K1370" s="53"/>
      <c r="L1370" s="53"/>
      <c r="M1370" s="53"/>
      <c r="N1370" s="53"/>
      <c r="O1370" s="53"/>
      <c r="P1370" s="53"/>
      <c r="Q1370" s="53"/>
      <c r="R1370" s="53"/>
      <c r="S1370" s="53"/>
      <c r="T1370" s="53"/>
      <c r="U1370" s="53"/>
      <c r="V1370" s="53"/>
      <c r="W1370" s="53"/>
      <c r="X1370" s="53"/>
      <c r="Y1370" s="53"/>
      <c r="Z1370" s="53"/>
      <c r="AA1370" s="53"/>
      <c r="AB1370" s="53"/>
      <c r="AC1370" s="53"/>
      <c r="AD1370" s="53"/>
      <c r="AE1370" s="53"/>
      <c r="AF1370" s="53"/>
      <c r="AG1370" s="53"/>
      <c r="AH1370" s="53"/>
      <c r="AI1370" s="53"/>
      <c r="AJ1370" s="53"/>
      <c r="AK1370" s="53"/>
      <c r="AL1370" s="53"/>
      <c r="AM1370" s="53"/>
      <c r="AN1370" s="53"/>
      <c r="AO1370" s="53"/>
      <c r="AP1370" s="53"/>
      <c r="AQ1370" s="53"/>
      <c r="AR1370" s="53"/>
      <c r="AS1370" s="53"/>
      <c r="AT1370" s="53"/>
      <c r="AU1370" s="53"/>
      <c r="AV1370" s="53"/>
      <c r="AW1370" s="53"/>
      <c r="AX1370" s="53"/>
      <c r="AY1370" s="53"/>
      <c r="AZ1370" s="53"/>
      <c r="BA1370" s="53"/>
      <c r="BB1370" s="53"/>
      <c r="BC1370" s="53"/>
      <c r="BD1370" s="53"/>
      <c r="BE1370" s="53"/>
      <c r="BF1370" s="53"/>
      <c r="BG1370" s="53"/>
      <c r="BH1370" s="53"/>
      <c r="BI1370" s="53"/>
      <c r="BJ1370" s="53"/>
      <c r="BK1370" s="53"/>
      <c r="BL1370" s="53"/>
      <c r="BM1370" s="53"/>
      <c r="BN1370" s="53"/>
      <c r="BO1370" s="53"/>
      <c r="BP1370" s="53"/>
      <c r="BQ1370" s="53"/>
      <c r="BR1370" s="53"/>
      <c r="BS1370" s="53"/>
      <c r="BT1370" s="53"/>
      <c r="BU1370" s="53"/>
      <c r="BV1370" s="53"/>
      <c r="BW1370" s="53"/>
      <c r="BX1370" s="53"/>
      <c r="BY1370" s="53"/>
      <c r="BZ1370" s="53"/>
      <c r="CA1370" s="53"/>
      <c r="CB1370" s="53"/>
      <c r="CC1370" s="53"/>
      <c r="CD1370" s="53"/>
      <c r="CE1370" s="53"/>
      <c r="CF1370" s="53"/>
      <c r="CG1370" s="53"/>
      <c r="CH1370" s="53"/>
      <c r="CI1370" s="53"/>
      <c r="CJ1370" s="53"/>
      <c r="CK1370" s="53"/>
      <c r="CL1370" s="53"/>
      <c r="CM1370" s="53"/>
      <c r="CN1370" s="53"/>
    </row>
    <row r="1371" spans="1:92" outlineLevel="1">
      <c r="A1371" s="52" t="s">
        <v>780</v>
      </c>
      <c r="B1371" s="53">
        <v>39107667.477253601</v>
      </c>
      <c r="C1371" s="53">
        <v>36571037.167533599</v>
      </c>
      <c r="D1371" s="53">
        <v>42581301.258990698</v>
      </c>
      <c r="E1371" s="53">
        <v>46220726.7595919</v>
      </c>
      <c r="F1371" s="53">
        <v>50441460.504455097</v>
      </c>
      <c r="G1371" s="53">
        <v>52085261.270516798</v>
      </c>
      <c r="H1371" s="53">
        <v>53881843.917446397</v>
      </c>
      <c r="I1371" s="53">
        <v>54518539.787086703</v>
      </c>
      <c r="J1371" s="53">
        <v>51309619.382675096</v>
      </c>
      <c r="K1371" s="53">
        <v>46900520.297747202</v>
      </c>
      <c r="L1371" s="53">
        <v>41105802.075970203</v>
      </c>
      <c r="M1371" s="53">
        <v>41584817.127659202</v>
      </c>
      <c r="N1371" s="53">
        <v>556308597.02692604</v>
      </c>
      <c r="O1371" s="53">
        <v>61331077.062976703</v>
      </c>
      <c r="P1371" s="53">
        <v>41856726.057133399</v>
      </c>
      <c r="Q1371" s="53">
        <v>43901774.5312353</v>
      </c>
      <c r="R1371" s="53">
        <v>46821548.479000598</v>
      </c>
      <c r="S1371" s="53">
        <v>52091451.478800498</v>
      </c>
      <c r="T1371" s="53">
        <v>52630952.219517797</v>
      </c>
      <c r="U1371" s="53">
        <v>53440187.7779973</v>
      </c>
      <c r="V1371" s="53">
        <v>68830074.002495304</v>
      </c>
      <c r="W1371" s="53">
        <v>51007770.034564801</v>
      </c>
      <c r="X1371" s="53">
        <v>49871022.227465302</v>
      </c>
      <c r="Y1371" s="53">
        <v>41859094.434105098</v>
      </c>
      <c r="Z1371" s="53">
        <v>42605203.793972202</v>
      </c>
      <c r="AA1371" s="53">
        <v>606246882.09926498</v>
      </c>
      <c r="AB1371" s="53">
        <v>62332248.786107197</v>
      </c>
      <c r="AC1371" s="53">
        <v>42429449.692544401</v>
      </c>
      <c r="AD1371" s="53">
        <v>43617121.049468599</v>
      </c>
      <c r="AE1371" s="53">
        <v>46898675.6699486</v>
      </c>
      <c r="AF1371" s="53">
        <v>52719199.802644797</v>
      </c>
      <c r="AG1371" s="53">
        <v>53304188.121933997</v>
      </c>
      <c r="AH1371" s="53">
        <v>53845010.810602903</v>
      </c>
      <c r="AI1371" s="53">
        <v>69781549.557688907</v>
      </c>
      <c r="AJ1371" s="53">
        <v>51662683.0305527</v>
      </c>
      <c r="AK1371" s="53">
        <v>50203833.960028902</v>
      </c>
      <c r="AL1371" s="53">
        <v>41692272.444522098</v>
      </c>
      <c r="AM1371" s="53">
        <v>42357873.836391501</v>
      </c>
      <c r="AN1371" s="53">
        <v>610844106.76243496</v>
      </c>
      <c r="AO1371" s="53">
        <v>62106095.501059003</v>
      </c>
      <c r="AP1371" s="53">
        <v>40704573.739441797</v>
      </c>
      <c r="AQ1371" s="53">
        <v>44027119.660199396</v>
      </c>
      <c r="AR1371" s="53">
        <v>47154684.014280498</v>
      </c>
      <c r="AS1371" s="53">
        <v>53213615.410996698</v>
      </c>
      <c r="AT1371" s="53">
        <v>53641638.088626601</v>
      </c>
      <c r="AU1371" s="53">
        <v>54740933.295161799</v>
      </c>
      <c r="AV1371" s="53">
        <v>70278544.551941007</v>
      </c>
      <c r="AW1371" s="53">
        <v>52567111.2226739</v>
      </c>
      <c r="AX1371" s="53">
        <v>49956476.044554703</v>
      </c>
      <c r="AY1371" s="53">
        <v>41988447.637226097</v>
      </c>
      <c r="AZ1371" s="53">
        <v>42586162.239042498</v>
      </c>
      <c r="BA1371" s="53">
        <v>612965401.40520406</v>
      </c>
      <c r="BB1371" s="53">
        <v>62261204.096663304</v>
      </c>
      <c r="BC1371" s="53">
        <v>41497062.1514742</v>
      </c>
      <c r="BD1371" s="53">
        <v>44303225.756131798</v>
      </c>
      <c r="BE1371" s="53">
        <v>47481940.345740303</v>
      </c>
      <c r="BF1371" s="53">
        <v>53420122.003189102</v>
      </c>
      <c r="BG1371" s="53">
        <v>54371746.992490798</v>
      </c>
      <c r="BH1371" s="53">
        <v>55274830.818062097</v>
      </c>
      <c r="BI1371" s="53">
        <v>70810504.317031905</v>
      </c>
      <c r="BJ1371" s="53">
        <v>53064284.721224897</v>
      </c>
      <c r="BK1371" s="53">
        <v>50987667.560934298</v>
      </c>
      <c r="BL1371" s="53">
        <v>42075037.076170601</v>
      </c>
      <c r="BM1371" s="53">
        <v>42965977.809386797</v>
      </c>
      <c r="BN1371" s="53">
        <v>618513603.64849997</v>
      </c>
      <c r="BO1371" s="53">
        <v>62307788.660534099</v>
      </c>
      <c r="BP1371" s="53">
        <v>41563706.540650398</v>
      </c>
      <c r="BQ1371" s="53">
        <v>44238666.140722103</v>
      </c>
      <c r="BR1371" s="53">
        <v>47362785.528558001</v>
      </c>
      <c r="BS1371" s="53">
        <v>53743622.363571197</v>
      </c>
      <c r="BT1371" s="53">
        <v>54844429.119674698</v>
      </c>
      <c r="BU1371" s="53">
        <v>55728680.575092301</v>
      </c>
      <c r="BV1371" s="53">
        <v>71199807.579191104</v>
      </c>
      <c r="BW1371" s="53">
        <v>53516231.692938998</v>
      </c>
      <c r="BX1371" s="53">
        <v>51365776.435137004</v>
      </c>
      <c r="BY1371" s="53">
        <v>42452180.869305402</v>
      </c>
      <c r="BZ1371" s="53">
        <v>43508646.115505598</v>
      </c>
      <c r="CA1371" s="53">
        <v>621832321.62088096</v>
      </c>
      <c r="CB1371" s="53"/>
      <c r="CC1371" s="53"/>
      <c r="CD1371" s="53"/>
      <c r="CE1371" s="53"/>
      <c r="CF1371" s="53"/>
      <c r="CG1371" s="53"/>
      <c r="CH1371" s="53"/>
      <c r="CI1371" s="53"/>
      <c r="CJ1371" s="53"/>
      <c r="CK1371" s="53"/>
      <c r="CL1371" s="53"/>
      <c r="CM1371" s="53"/>
      <c r="CN1371" s="53"/>
    </row>
    <row r="1372" spans="1:92" outlineLevel="1">
      <c r="A1372" s="52" t="s">
        <v>781</v>
      </c>
      <c r="B1372" s="53">
        <v>8452307.3193124793</v>
      </c>
      <c r="C1372" s="53">
        <v>8801183.84708854</v>
      </c>
      <c r="D1372" s="53">
        <v>8786189.2319162302</v>
      </c>
      <c r="E1372" s="53">
        <v>9381689.8129414208</v>
      </c>
      <c r="F1372" s="53">
        <v>10254858.515009601</v>
      </c>
      <c r="G1372" s="53">
        <v>9563161.3446843494</v>
      </c>
      <c r="H1372" s="53">
        <v>9349952.2888405602</v>
      </c>
      <c r="I1372" s="53">
        <v>9311600.1280743703</v>
      </c>
      <c r="J1372" s="53">
        <v>9886950.0461840108</v>
      </c>
      <c r="K1372" s="53">
        <v>9580838.6310133301</v>
      </c>
      <c r="L1372" s="53">
        <v>10102657.1534326</v>
      </c>
      <c r="M1372" s="53">
        <v>9066900.4305566102</v>
      </c>
      <c r="N1372" s="53">
        <v>112538288.749054</v>
      </c>
      <c r="O1372" s="53">
        <v>6342460.1619707895</v>
      </c>
      <c r="P1372" s="53">
        <v>7887568.2790794</v>
      </c>
      <c r="Q1372" s="53">
        <v>9233248.3387012798</v>
      </c>
      <c r="R1372" s="53">
        <v>9597845.2252100296</v>
      </c>
      <c r="S1372" s="53">
        <v>11429913.002699699</v>
      </c>
      <c r="T1372" s="53">
        <v>8950604.9518423397</v>
      </c>
      <c r="U1372" s="53">
        <v>8553099.1184630301</v>
      </c>
      <c r="V1372" s="53">
        <v>9376823.2215604093</v>
      </c>
      <c r="W1372" s="53">
        <v>8359286.4945969498</v>
      </c>
      <c r="X1372" s="53">
        <v>8043770.4267395101</v>
      </c>
      <c r="Y1372" s="53">
        <v>6874870.0506600104</v>
      </c>
      <c r="Z1372" s="53">
        <v>7817483.5694952896</v>
      </c>
      <c r="AA1372" s="53">
        <v>102466972.84101801</v>
      </c>
      <c r="AB1372" s="53">
        <v>6352083.5668110503</v>
      </c>
      <c r="AC1372" s="53">
        <v>8011307.64856649</v>
      </c>
      <c r="AD1372" s="53">
        <v>9273631.3762093596</v>
      </c>
      <c r="AE1372" s="53">
        <v>9651035.8841494992</v>
      </c>
      <c r="AF1372" s="53">
        <v>11498923.738285599</v>
      </c>
      <c r="AG1372" s="53">
        <v>9003610.5221597906</v>
      </c>
      <c r="AH1372" s="53">
        <v>8606256.1616158802</v>
      </c>
      <c r="AI1372" s="53">
        <v>9430459.5523391608</v>
      </c>
      <c r="AJ1372" s="53">
        <v>8413520.33938591</v>
      </c>
      <c r="AK1372" s="53">
        <v>8100944.7556614</v>
      </c>
      <c r="AL1372" s="53">
        <v>6923774.4053272204</v>
      </c>
      <c r="AM1372" s="53">
        <v>7879786.7739721099</v>
      </c>
      <c r="AN1372" s="53">
        <v>103145334.724483</v>
      </c>
      <c r="AO1372" s="53">
        <v>6392972.9059367198</v>
      </c>
      <c r="AP1372" s="53">
        <v>7957658.1914534504</v>
      </c>
      <c r="AQ1372" s="53">
        <v>9315285.9850679804</v>
      </c>
      <c r="AR1372" s="53">
        <v>9683514.2653106004</v>
      </c>
      <c r="AS1372" s="53">
        <v>11532245.066421499</v>
      </c>
      <c r="AT1372" s="53">
        <v>9036513.5518300496</v>
      </c>
      <c r="AU1372" s="53">
        <v>8638235.27631904</v>
      </c>
      <c r="AV1372" s="53">
        <v>9465076.5778064802</v>
      </c>
      <c r="AW1372" s="53">
        <v>8443631.42382944</v>
      </c>
      <c r="AX1372" s="53">
        <v>8131560.4586299397</v>
      </c>
      <c r="AY1372" s="53">
        <v>6953227.0406462401</v>
      </c>
      <c r="AZ1372" s="53">
        <v>7909904.0158085199</v>
      </c>
      <c r="BA1372" s="53">
        <v>103459824.75906</v>
      </c>
      <c r="BB1372" s="53">
        <v>6420024.1589201</v>
      </c>
      <c r="BC1372" s="53">
        <v>7988764.8163330602</v>
      </c>
      <c r="BD1372" s="53">
        <v>9348774.7533477601</v>
      </c>
      <c r="BE1372" s="53">
        <v>9711357.9891951308</v>
      </c>
      <c r="BF1372" s="53">
        <v>11562140.1427336</v>
      </c>
      <c r="BG1372" s="53">
        <v>9066981.5677652899</v>
      </c>
      <c r="BH1372" s="53">
        <v>8669160.6599481292</v>
      </c>
      <c r="BI1372" s="53">
        <v>9500226.2131369896</v>
      </c>
      <c r="BJ1372" s="53">
        <v>8475866.0380552094</v>
      </c>
      <c r="BK1372" s="53">
        <v>8166365.6044459902</v>
      </c>
      <c r="BL1372" s="53">
        <v>6988568.8277475797</v>
      </c>
      <c r="BM1372" s="53">
        <v>7947478.6651883302</v>
      </c>
      <c r="BN1372" s="53">
        <v>103845709.43681701</v>
      </c>
      <c r="BO1372" s="53">
        <v>6454123.3739470001</v>
      </c>
      <c r="BP1372" s="53">
        <v>8028121.9687939603</v>
      </c>
      <c r="BQ1372" s="53">
        <v>9392001.7571884897</v>
      </c>
      <c r="BR1372" s="53">
        <v>9748972.7893825993</v>
      </c>
      <c r="BS1372" s="53">
        <v>11604838.721409701</v>
      </c>
      <c r="BT1372" s="53">
        <v>9112415.1272931695</v>
      </c>
      <c r="BU1372" s="53">
        <v>8716125.4834362194</v>
      </c>
      <c r="BV1372" s="53">
        <v>9553850.7735320292</v>
      </c>
      <c r="BW1372" s="53">
        <v>8525570.6822361406</v>
      </c>
      <c r="BX1372" s="53">
        <v>8220901.2911817897</v>
      </c>
      <c r="BY1372" s="53">
        <v>7044636.7617054097</v>
      </c>
      <c r="BZ1372" s="53">
        <v>8005864.8407333698</v>
      </c>
      <c r="CA1372" s="53">
        <v>104407423.570839</v>
      </c>
      <c r="CB1372" s="53">
        <v>-74166.666666666701</v>
      </c>
      <c r="CC1372" s="53">
        <v>-74166.666666666701</v>
      </c>
      <c r="CD1372" s="53">
        <v>-74166.666666666701</v>
      </c>
      <c r="CE1372" s="53">
        <v>-36458.333333333299</v>
      </c>
      <c r="CF1372" s="53">
        <v>-36458.333333333299</v>
      </c>
      <c r="CG1372" s="53">
        <v>-36458.333333333299</v>
      </c>
      <c r="CH1372" s="53">
        <v>-36458.333333333299</v>
      </c>
      <c r="CI1372" s="53">
        <v>-36458.333333333299</v>
      </c>
      <c r="CJ1372" s="53">
        <v>-36458.333333333299</v>
      </c>
      <c r="CK1372" s="53">
        <v>-36458.333333333299</v>
      </c>
      <c r="CL1372" s="53">
        <v>-36458.333333333299</v>
      </c>
      <c r="CM1372" s="53">
        <v>-36458.333333333299</v>
      </c>
      <c r="CN1372" s="53">
        <v>-550624.99999999895</v>
      </c>
    </row>
    <row r="1373" spans="1:92" outlineLevel="1">
      <c r="A1373" s="52" t="s">
        <v>782</v>
      </c>
      <c r="B1373" s="53">
        <v>51975.957290147897</v>
      </c>
      <c r="C1373" s="53">
        <v>52002.937381220203</v>
      </c>
      <c r="D1373" s="53">
        <v>52040.821293660003</v>
      </c>
      <c r="E1373" s="53">
        <v>52832.645060548602</v>
      </c>
      <c r="F1373" s="53">
        <v>52615.103811900597</v>
      </c>
      <c r="G1373" s="53">
        <v>52538.351249880499</v>
      </c>
      <c r="H1373" s="53">
        <v>52445.384067409999</v>
      </c>
      <c r="I1373" s="53">
        <v>52514.6158933673</v>
      </c>
      <c r="J1373" s="53">
        <v>52492.292265635202</v>
      </c>
      <c r="K1373" s="53">
        <v>52658.483575490201</v>
      </c>
      <c r="L1373" s="53">
        <v>52635.5217442094</v>
      </c>
      <c r="M1373" s="53">
        <v>52652.160491747098</v>
      </c>
      <c r="N1373" s="53">
        <v>629404.27412521699</v>
      </c>
      <c r="O1373" s="53">
        <v>109916.681822069</v>
      </c>
      <c r="P1373" s="53">
        <v>104737.971034631</v>
      </c>
      <c r="Q1373" s="53">
        <v>95564.618198824202</v>
      </c>
      <c r="R1373" s="53">
        <v>107274.708884308</v>
      </c>
      <c r="S1373" s="53">
        <v>105434.604504977</v>
      </c>
      <c r="T1373" s="53">
        <v>107457.58543676299</v>
      </c>
      <c r="U1373" s="53">
        <v>107619.53865286701</v>
      </c>
      <c r="V1373" s="53">
        <v>104251.434151647</v>
      </c>
      <c r="W1373" s="53">
        <v>104772.687650594</v>
      </c>
      <c r="X1373" s="53">
        <v>105784.18835151799</v>
      </c>
      <c r="Y1373" s="53">
        <v>106259.27906255799</v>
      </c>
      <c r="Z1373" s="53">
        <v>111085.062183139</v>
      </c>
      <c r="AA1373" s="53">
        <v>1270158.3599338899</v>
      </c>
      <c r="AB1373" s="53">
        <v>104046.989750472</v>
      </c>
      <c r="AC1373" s="53">
        <v>99575.484167338</v>
      </c>
      <c r="AD1373" s="53">
        <v>91225.362387633999</v>
      </c>
      <c r="AE1373" s="53">
        <v>102796.122826035</v>
      </c>
      <c r="AF1373" s="53">
        <v>101396.08101554299</v>
      </c>
      <c r="AG1373" s="53">
        <v>103690.407587649</v>
      </c>
      <c r="AH1373" s="53">
        <v>104174.631192639</v>
      </c>
      <c r="AI1373" s="53">
        <v>101212.967610126</v>
      </c>
      <c r="AJ1373" s="53">
        <v>102001.00737838099</v>
      </c>
      <c r="AK1373" s="53">
        <v>103252.39119885099</v>
      </c>
      <c r="AL1373" s="53">
        <v>103967.40724283901</v>
      </c>
      <c r="AM1373" s="53">
        <v>108935.39794087299</v>
      </c>
      <c r="AN1373" s="53">
        <v>1226274.2502983799</v>
      </c>
      <c r="AO1373" s="53">
        <v>102249.29682169</v>
      </c>
      <c r="AP1373" s="53">
        <v>98048.171250691405</v>
      </c>
      <c r="AQ1373" s="53">
        <v>89991.652402099498</v>
      </c>
      <c r="AR1373" s="53">
        <v>101580.19631832901</v>
      </c>
      <c r="AS1373" s="53">
        <v>100357.143605188</v>
      </c>
      <c r="AT1373" s="53">
        <v>102780.957581651</v>
      </c>
      <c r="AU1373" s="53">
        <v>103404.653111259</v>
      </c>
      <c r="AV1373" s="53">
        <v>100595.093659365</v>
      </c>
      <c r="AW1373" s="53">
        <v>101500.367931803</v>
      </c>
      <c r="AX1373" s="53">
        <v>102861.02883818701</v>
      </c>
      <c r="AY1373" s="53">
        <v>103681.296360786</v>
      </c>
      <c r="AZ1373" s="53">
        <v>108740.908767539</v>
      </c>
      <c r="BA1373" s="53">
        <v>1215790.7666485901</v>
      </c>
      <c r="BB1373" s="53">
        <v>102159.013247832</v>
      </c>
      <c r="BC1373" s="53">
        <v>98043.739585673393</v>
      </c>
      <c r="BD1373" s="53">
        <v>90057.129663700602</v>
      </c>
      <c r="BE1373" s="53">
        <v>101727.64463753899</v>
      </c>
      <c r="BF1373" s="53">
        <v>100570.131965833</v>
      </c>
      <c r="BG1373" s="53">
        <v>103063.390219497</v>
      </c>
      <c r="BH1373" s="53">
        <v>103748.378133223</v>
      </c>
      <c r="BI1373" s="53">
        <v>100983.282383956</v>
      </c>
      <c r="BJ1373" s="53">
        <v>101942.550729073</v>
      </c>
      <c r="BK1373" s="53">
        <v>103356.049337622</v>
      </c>
      <c r="BL1373" s="53">
        <v>104224.52328140401</v>
      </c>
      <c r="BM1373" s="53">
        <v>109353.437888152</v>
      </c>
      <c r="BN1373" s="53">
        <v>1219229.2710734999</v>
      </c>
      <c r="BO1373" s="53">
        <v>102771.261855672</v>
      </c>
      <c r="BP1373" s="53">
        <v>98664.172688188803</v>
      </c>
      <c r="BQ1373" s="53">
        <v>90654.933362838201</v>
      </c>
      <c r="BR1373" s="53">
        <v>102432.305585152</v>
      </c>
      <c r="BS1373" s="53">
        <v>101292.88898034699</v>
      </c>
      <c r="BT1373" s="53">
        <v>103829.087086471</v>
      </c>
      <c r="BU1373" s="53">
        <v>104542.17874087799</v>
      </c>
      <c r="BV1373" s="53">
        <v>101776.62757056599</v>
      </c>
      <c r="BW1373" s="53">
        <v>102762.196461877</v>
      </c>
      <c r="BX1373" s="53">
        <v>104205.199886653</v>
      </c>
      <c r="BY1373" s="53">
        <v>105096.92695454801</v>
      </c>
      <c r="BZ1373" s="53">
        <v>110284.30331086399</v>
      </c>
      <c r="CA1373" s="53">
        <v>1228312.08248405</v>
      </c>
      <c r="CB1373" s="53"/>
      <c r="CC1373" s="53"/>
      <c r="CD1373" s="53"/>
      <c r="CE1373" s="53"/>
      <c r="CF1373" s="53"/>
      <c r="CG1373" s="53"/>
      <c r="CH1373" s="53"/>
      <c r="CI1373" s="53"/>
      <c r="CJ1373" s="53"/>
      <c r="CK1373" s="53"/>
      <c r="CL1373" s="53"/>
      <c r="CM1373" s="53"/>
      <c r="CN1373" s="53"/>
    </row>
    <row r="1374" spans="1:92" outlineLevel="1">
      <c r="A1374" s="52" t="s">
        <v>783</v>
      </c>
      <c r="B1374" s="53">
        <v>10029345.186494799</v>
      </c>
      <c r="C1374" s="53">
        <v>10442445.934711</v>
      </c>
      <c r="D1374" s="53">
        <v>10706871.962675801</v>
      </c>
      <c r="E1374" s="53">
        <v>11386492.6930496</v>
      </c>
      <c r="F1374" s="53">
        <v>12803809.2461992</v>
      </c>
      <c r="G1374" s="53">
        <v>12783658.523254501</v>
      </c>
      <c r="H1374" s="53">
        <v>11914334.9410333</v>
      </c>
      <c r="I1374" s="53">
        <v>12187960.1881049</v>
      </c>
      <c r="J1374" s="53">
        <v>13158298.227984101</v>
      </c>
      <c r="K1374" s="53">
        <v>12195270.8311038</v>
      </c>
      <c r="L1374" s="53">
        <v>10860062.628333701</v>
      </c>
      <c r="M1374" s="53">
        <v>10467459.974524399</v>
      </c>
      <c r="N1374" s="53">
        <v>138936010.33746901</v>
      </c>
      <c r="O1374" s="53">
        <v>13034523.0217543</v>
      </c>
      <c r="P1374" s="53">
        <v>11991894.411763901</v>
      </c>
      <c r="Q1374" s="53">
        <v>10939280.2067835</v>
      </c>
      <c r="R1374" s="53">
        <v>11924575.341799401</v>
      </c>
      <c r="S1374" s="53">
        <v>13196228.726736501</v>
      </c>
      <c r="T1374" s="53">
        <v>13060683.803981099</v>
      </c>
      <c r="U1374" s="53">
        <v>12885865.5470418</v>
      </c>
      <c r="V1374" s="53">
        <v>12700375.311114101</v>
      </c>
      <c r="W1374" s="53">
        <v>13239819.5134289</v>
      </c>
      <c r="X1374" s="53">
        <v>12747301.749209199</v>
      </c>
      <c r="Y1374" s="53">
        <v>11266063.7853406</v>
      </c>
      <c r="Z1374" s="53">
        <v>11351729.545450799</v>
      </c>
      <c r="AA1374" s="53">
        <v>148338340.96440399</v>
      </c>
      <c r="AB1374" s="53">
        <v>13007114.942901</v>
      </c>
      <c r="AC1374" s="53">
        <v>11980897.809355</v>
      </c>
      <c r="AD1374" s="53">
        <v>10920252.1638902</v>
      </c>
      <c r="AE1374" s="53">
        <v>11905662.20954</v>
      </c>
      <c r="AF1374" s="53">
        <v>13175915.637733201</v>
      </c>
      <c r="AG1374" s="53">
        <v>13039125.6608436</v>
      </c>
      <c r="AH1374" s="53">
        <v>12864103.455070101</v>
      </c>
      <c r="AI1374" s="53">
        <v>12675362.1061993</v>
      </c>
      <c r="AJ1374" s="53">
        <v>13217251.655345</v>
      </c>
      <c r="AK1374" s="53">
        <v>12724818.6958513</v>
      </c>
      <c r="AL1374" s="53">
        <v>11242752.509873901</v>
      </c>
      <c r="AM1374" s="53">
        <v>11322953.6302593</v>
      </c>
      <c r="AN1374" s="53">
        <v>148076210.47686201</v>
      </c>
      <c r="AO1374" s="53">
        <v>12965989.0622792</v>
      </c>
      <c r="AP1374" s="53">
        <v>11929032.511912899</v>
      </c>
      <c r="AQ1374" s="53">
        <v>10892427.515756801</v>
      </c>
      <c r="AR1374" s="53">
        <v>11878239.232015001</v>
      </c>
      <c r="AS1374" s="53">
        <v>13146559.098180501</v>
      </c>
      <c r="AT1374" s="53">
        <v>13008039.061742701</v>
      </c>
      <c r="AU1374" s="53">
        <v>12832871.158976801</v>
      </c>
      <c r="AV1374" s="53">
        <v>12639534.9285657</v>
      </c>
      <c r="AW1374" s="53">
        <v>13185575.670933601</v>
      </c>
      <c r="AX1374" s="53">
        <v>12693790.163988</v>
      </c>
      <c r="AY1374" s="53">
        <v>11210657.084261701</v>
      </c>
      <c r="AZ1374" s="53">
        <v>11282473.956916999</v>
      </c>
      <c r="BA1374" s="53">
        <v>147665189.44553</v>
      </c>
      <c r="BB1374" s="53">
        <v>12937231.2730406</v>
      </c>
      <c r="BC1374" s="53">
        <v>11902503.7373595</v>
      </c>
      <c r="BD1374" s="53">
        <v>10872593.526396001</v>
      </c>
      <c r="BE1374" s="53">
        <v>11858700.505127801</v>
      </c>
      <c r="BF1374" s="53">
        <v>13125695.8834479</v>
      </c>
      <c r="BG1374" s="53">
        <v>12985913.6718072</v>
      </c>
      <c r="BH1374" s="53">
        <v>12810541.4564339</v>
      </c>
      <c r="BI1374" s="53">
        <v>12613940.963985501</v>
      </c>
      <c r="BJ1374" s="53">
        <v>13162775.918973699</v>
      </c>
      <c r="BK1374" s="53">
        <v>12671393.6648883</v>
      </c>
      <c r="BL1374" s="53">
        <v>11187540.477930499</v>
      </c>
      <c r="BM1374" s="53">
        <v>11253574.223629201</v>
      </c>
      <c r="BN1374" s="53">
        <v>147382405.30302</v>
      </c>
      <c r="BO1374" s="53">
        <v>12908608.604975199</v>
      </c>
      <c r="BP1374" s="53">
        <v>11875866.861144099</v>
      </c>
      <c r="BQ1374" s="53">
        <v>10852367.8020989</v>
      </c>
      <c r="BR1374" s="53">
        <v>11838470.4776682</v>
      </c>
      <c r="BS1374" s="53">
        <v>13103889.3291796</v>
      </c>
      <c r="BT1374" s="53">
        <v>12962683.7403809</v>
      </c>
      <c r="BU1374" s="53">
        <v>12787002.2080596</v>
      </c>
      <c r="BV1374" s="53">
        <v>12586922.657857301</v>
      </c>
      <c r="BW1374" s="53">
        <v>13138254.040399799</v>
      </c>
      <c r="BX1374" s="53">
        <v>12646886.6454744</v>
      </c>
      <c r="BY1374" s="53">
        <v>11162096.3263418</v>
      </c>
      <c r="BZ1374" s="53">
        <v>11222272.3210048</v>
      </c>
      <c r="CA1374" s="53">
        <v>147085321.01458499</v>
      </c>
      <c r="CB1374" s="53">
        <v>-10885</v>
      </c>
      <c r="CC1374" s="53">
        <v>-10885</v>
      </c>
      <c r="CD1374" s="53">
        <v>-10885</v>
      </c>
      <c r="CE1374" s="53">
        <v>-10885</v>
      </c>
      <c r="CF1374" s="53">
        <v>-10885</v>
      </c>
      <c r="CG1374" s="53">
        <v>-10885</v>
      </c>
      <c r="CH1374" s="53">
        <v>-10885</v>
      </c>
      <c r="CI1374" s="53">
        <v>-10885</v>
      </c>
      <c r="CJ1374" s="53">
        <v>-10885</v>
      </c>
      <c r="CK1374" s="53">
        <v>-10885</v>
      </c>
      <c r="CL1374" s="53">
        <v>-10885</v>
      </c>
      <c r="CM1374" s="53">
        <v>-10885</v>
      </c>
      <c r="CN1374" s="53">
        <v>-130620</v>
      </c>
    </row>
    <row r="1375" spans="1:92" outlineLevel="1">
      <c r="A1375" s="52" t="s">
        <v>784</v>
      </c>
      <c r="B1375" s="53">
        <v>109552498.395897</v>
      </c>
      <c r="C1375" s="53">
        <v>92376945.300985307</v>
      </c>
      <c r="D1375" s="53">
        <v>95052974.169056907</v>
      </c>
      <c r="E1375" s="53">
        <v>100620043.712165</v>
      </c>
      <c r="F1375" s="53">
        <v>126723115.238986</v>
      </c>
      <c r="G1375" s="53">
        <v>144842102.326736</v>
      </c>
      <c r="H1375" s="53">
        <v>159179912.70311099</v>
      </c>
      <c r="I1375" s="53">
        <v>157661844.851659</v>
      </c>
      <c r="J1375" s="53">
        <v>144654083.79613501</v>
      </c>
      <c r="K1375" s="53">
        <v>118375388.139221</v>
      </c>
      <c r="L1375" s="53">
        <v>96252678.900735602</v>
      </c>
      <c r="M1375" s="53">
        <v>102791362.72603799</v>
      </c>
      <c r="N1375" s="53">
        <v>1448082950.26072</v>
      </c>
      <c r="O1375" s="53">
        <v>173681206.54411301</v>
      </c>
      <c r="P1375" s="53">
        <v>95163750.975846097</v>
      </c>
      <c r="Q1375" s="53">
        <v>87133565.558913007</v>
      </c>
      <c r="R1375" s="53">
        <v>92900077.535376206</v>
      </c>
      <c r="S1375" s="53">
        <v>120265421.867227</v>
      </c>
      <c r="T1375" s="53">
        <v>138904761.29661199</v>
      </c>
      <c r="U1375" s="53">
        <v>150167709.44933099</v>
      </c>
      <c r="V1375" s="53">
        <v>196334347.103066</v>
      </c>
      <c r="W1375" s="53">
        <v>135942585.190043</v>
      </c>
      <c r="X1375" s="53">
        <v>110999450.204715</v>
      </c>
      <c r="Y1375" s="53">
        <v>83997744.320044398</v>
      </c>
      <c r="Z1375" s="53">
        <v>108391298.68720201</v>
      </c>
      <c r="AA1375" s="53">
        <v>1493881918.7324901</v>
      </c>
      <c r="AB1375" s="53">
        <v>175797451.67682099</v>
      </c>
      <c r="AC1375" s="53">
        <v>99121506.506805897</v>
      </c>
      <c r="AD1375" s="53">
        <v>88124869.430296794</v>
      </c>
      <c r="AE1375" s="53">
        <v>93940792.484493196</v>
      </c>
      <c r="AF1375" s="53">
        <v>123317023.725749</v>
      </c>
      <c r="AG1375" s="53">
        <v>143654921.88358101</v>
      </c>
      <c r="AH1375" s="53">
        <v>155731526.92646801</v>
      </c>
      <c r="AI1375" s="53">
        <v>202013809.82769001</v>
      </c>
      <c r="AJ1375" s="53">
        <v>140700950.09371701</v>
      </c>
      <c r="AK1375" s="53">
        <v>114023013.908866</v>
      </c>
      <c r="AL1375" s="53">
        <v>85531486.944405794</v>
      </c>
      <c r="AM1375" s="53">
        <v>110686384.190411</v>
      </c>
      <c r="AN1375" s="53">
        <v>1532643737.5992999</v>
      </c>
      <c r="AO1375" s="53">
        <v>175620991.796929</v>
      </c>
      <c r="AP1375" s="53">
        <v>95330975.882419497</v>
      </c>
      <c r="AQ1375" s="53">
        <v>87051551.457707003</v>
      </c>
      <c r="AR1375" s="53">
        <v>92834784.225863993</v>
      </c>
      <c r="AS1375" s="53">
        <v>122734605.745831</v>
      </c>
      <c r="AT1375" s="53">
        <v>143818283.63089699</v>
      </c>
      <c r="AU1375" s="53">
        <v>156163729.655224</v>
      </c>
      <c r="AV1375" s="53">
        <v>202591456.65912399</v>
      </c>
      <c r="AW1375" s="53">
        <v>141127042.26656201</v>
      </c>
      <c r="AX1375" s="53">
        <v>114020839.860753</v>
      </c>
      <c r="AY1375" s="53">
        <v>85291968.040361404</v>
      </c>
      <c r="AZ1375" s="53">
        <v>110693471.703696</v>
      </c>
      <c r="BA1375" s="53">
        <v>1527279700.92537</v>
      </c>
      <c r="BB1375" s="53">
        <v>175171755.688243</v>
      </c>
      <c r="BC1375" s="53">
        <v>94397556.367549807</v>
      </c>
      <c r="BD1375" s="53">
        <v>85830652.272796303</v>
      </c>
      <c r="BE1375" s="53">
        <v>91588779.904353604</v>
      </c>
      <c r="BF1375" s="53">
        <v>121963029.283962</v>
      </c>
      <c r="BG1375" s="53">
        <v>143784251.68116701</v>
      </c>
      <c r="BH1375" s="53">
        <v>156384960.76070601</v>
      </c>
      <c r="BI1375" s="53">
        <v>202953059.15665001</v>
      </c>
      <c r="BJ1375" s="53">
        <v>141355654.978333</v>
      </c>
      <c r="BK1375" s="53">
        <v>113854471.6195</v>
      </c>
      <c r="BL1375" s="53">
        <v>84915458.767824605</v>
      </c>
      <c r="BM1375" s="53">
        <v>110522965.36604699</v>
      </c>
      <c r="BN1375" s="53">
        <v>1522722595.8471301</v>
      </c>
      <c r="BO1375" s="53">
        <v>174659065.962648</v>
      </c>
      <c r="BP1375" s="53">
        <v>93643381.094991595</v>
      </c>
      <c r="BQ1375" s="53">
        <v>84810921.976891294</v>
      </c>
      <c r="BR1375" s="53">
        <v>90623250.639151096</v>
      </c>
      <c r="BS1375" s="53">
        <v>121303499.636777</v>
      </c>
      <c r="BT1375" s="53">
        <v>143746306.86556301</v>
      </c>
      <c r="BU1375" s="53">
        <v>156596142.95674199</v>
      </c>
      <c r="BV1375" s="53">
        <v>203372771.017775</v>
      </c>
      <c r="BW1375" s="53">
        <v>141844839.37200299</v>
      </c>
      <c r="BX1375" s="53">
        <v>114247488.54085501</v>
      </c>
      <c r="BY1375" s="53">
        <v>85261719.333995998</v>
      </c>
      <c r="BZ1375" s="53">
        <v>111070537.54646599</v>
      </c>
      <c r="CA1375" s="53">
        <v>1521179924.9438601</v>
      </c>
      <c r="CB1375" s="53"/>
      <c r="CC1375" s="53"/>
      <c r="CD1375" s="53"/>
      <c r="CE1375" s="53"/>
      <c r="CF1375" s="53"/>
      <c r="CG1375" s="53"/>
      <c r="CH1375" s="53"/>
      <c r="CI1375" s="53"/>
      <c r="CJ1375" s="53"/>
      <c r="CK1375" s="53"/>
      <c r="CL1375" s="53"/>
      <c r="CM1375" s="53"/>
      <c r="CN1375" s="53"/>
    </row>
    <row r="1376" spans="1:92" outlineLevel="1">
      <c r="A1376" s="52" t="s">
        <v>1237</v>
      </c>
      <c r="B1376" s="53">
        <v>55789.210486666598</v>
      </c>
      <c r="C1376" s="53">
        <v>50413.194539999997</v>
      </c>
      <c r="D1376" s="53">
        <v>55789.027770000001</v>
      </c>
      <c r="E1376" s="53">
        <v>41705.121379999997</v>
      </c>
      <c r="F1376" s="53">
        <v>43096.066426666599</v>
      </c>
      <c r="G1376" s="53">
        <v>41712.545446666598</v>
      </c>
      <c r="H1376" s="53">
        <v>43128.874646666598</v>
      </c>
      <c r="I1376" s="53">
        <v>43134.336913333304</v>
      </c>
      <c r="J1376" s="53">
        <v>41746.1499266666</v>
      </c>
      <c r="K1376" s="53">
        <v>43134.686959999999</v>
      </c>
      <c r="L1376" s="53">
        <v>41722.816046666601</v>
      </c>
      <c r="M1376" s="53">
        <v>55772.423633333303</v>
      </c>
      <c r="N1376" s="53">
        <v>557144.45417666598</v>
      </c>
      <c r="O1376" s="53">
        <v>74775.113633333298</v>
      </c>
      <c r="P1376" s="53">
        <v>67576.914539999998</v>
      </c>
      <c r="Q1376" s="53">
        <v>74791.717770000003</v>
      </c>
      <c r="R1376" s="53">
        <v>61846.221380000003</v>
      </c>
      <c r="S1376" s="53">
        <v>63908.5364266666</v>
      </c>
      <c r="T1376" s="53">
        <v>61853.645446666596</v>
      </c>
      <c r="U1376" s="53">
        <v>63941.344646666599</v>
      </c>
      <c r="V1376" s="53">
        <v>63946.806913333297</v>
      </c>
      <c r="W1376" s="53">
        <v>61887.249926666598</v>
      </c>
      <c r="X1376" s="53">
        <v>63947.15696</v>
      </c>
      <c r="Y1376" s="53">
        <v>61863.9160466666</v>
      </c>
      <c r="Z1376" s="53">
        <v>74775.113633333298</v>
      </c>
      <c r="AA1376" s="53">
        <v>795113.73732333304</v>
      </c>
      <c r="AB1376" s="53">
        <v>45818.633633333302</v>
      </c>
      <c r="AC1376" s="53">
        <v>42897.954539999999</v>
      </c>
      <c r="AD1376" s="53">
        <v>45835.23777</v>
      </c>
      <c r="AE1376" s="53">
        <v>40829.42138</v>
      </c>
      <c r="AF1376" s="53">
        <v>42191.1764266666</v>
      </c>
      <c r="AG1376" s="53">
        <v>40836.845446666601</v>
      </c>
      <c r="AH1376" s="53">
        <v>42223.984646666599</v>
      </c>
      <c r="AI1376" s="53">
        <v>42229.446913333297</v>
      </c>
      <c r="AJ1376" s="53">
        <v>40870.449926666603</v>
      </c>
      <c r="AK1376" s="53">
        <v>42229.79696</v>
      </c>
      <c r="AL1376" s="53">
        <v>40847.116046666597</v>
      </c>
      <c r="AM1376" s="53">
        <v>45818.633633333302</v>
      </c>
      <c r="AN1376" s="53">
        <v>512628.69732333301</v>
      </c>
      <c r="AO1376" s="53">
        <v>46142.273633333301</v>
      </c>
      <c r="AP1376" s="53">
        <v>41714.99454</v>
      </c>
      <c r="AQ1376" s="53">
        <v>46158.877769999999</v>
      </c>
      <c r="AR1376" s="53">
        <v>41038.221379999901</v>
      </c>
      <c r="AS1376" s="53">
        <v>42406.936426666602</v>
      </c>
      <c r="AT1376" s="53">
        <v>41045.645446666596</v>
      </c>
      <c r="AU1376" s="53">
        <v>42439.744646666601</v>
      </c>
      <c r="AV1376" s="53">
        <v>42445.206913333299</v>
      </c>
      <c r="AW1376" s="53">
        <v>41079.249926666598</v>
      </c>
      <c r="AX1376" s="53">
        <v>42445.5569599999</v>
      </c>
      <c r="AY1376" s="53">
        <v>41055.9160466666</v>
      </c>
      <c r="AZ1376" s="53">
        <v>46142.273633333301</v>
      </c>
      <c r="BA1376" s="53">
        <v>514114.89732333302</v>
      </c>
      <c r="BB1376" s="53">
        <v>47314.073633333297</v>
      </c>
      <c r="BC1376" s="53">
        <v>42773.394540000001</v>
      </c>
      <c r="BD1376" s="53">
        <v>47330.677770000002</v>
      </c>
      <c r="BE1376" s="53">
        <v>42064.221380000003</v>
      </c>
      <c r="BF1376" s="53">
        <v>43467.136426666599</v>
      </c>
      <c r="BG1376" s="53">
        <v>42071.645446666596</v>
      </c>
      <c r="BH1376" s="53">
        <v>43499.944646666598</v>
      </c>
      <c r="BI1376" s="53">
        <v>43505.406913333303</v>
      </c>
      <c r="BJ1376" s="53">
        <v>42105.249926666598</v>
      </c>
      <c r="BK1376" s="53">
        <v>43505.756959999999</v>
      </c>
      <c r="BL1376" s="53">
        <v>42081.9160466666</v>
      </c>
      <c r="BM1376" s="53">
        <v>47314.073633333297</v>
      </c>
      <c r="BN1376" s="53">
        <v>527033.49732333305</v>
      </c>
      <c r="BO1376" s="53">
        <v>48590.033633333303</v>
      </c>
      <c r="BP1376" s="53">
        <v>43925.874539999997</v>
      </c>
      <c r="BQ1376" s="53">
        <v>48606.637770000001</v>
      </c>
      <c r="BR1376" s="53">
        <v>43187.42138</v>
      </c>
      <c r="BS1376" s="53">
        <v>44627.776426666598</v>
      </c>
      <c r="BT1376" s="53">
        <v>43194.845446666601</v>
      </c>
      <c r="BU1376" s="53">
        <v>44660.584646666597</v>
      </c>
      <c r="BV1376" s="53">
        <v>44666.046913333303</v>
      </c>
      <c r="BW1376" s="53">
        <v>43228.449926666603</v>
      </c>
      <c r="BX1376" s="53">
        <v>44666.396959999998</v>
      </c>
      <c r="BY1376" s="53">
        <v>43205.116046666597</v>
      </c>
      <c r="BZ1376" s="53">
        <v>44635.673633333303</v>
      </c>
      <c r="CA1376" s="53">
        <v>537194.85732333304</v>
      </c>
      <c r="CB1376" s="53"/>
      <c r="CC1376" s="53"/>
      <c r="CD1376" s="53"/>
      <c r="CE1376" s="53"/>
      <c r="CF1376" s="53"/>
      <c r="CG1376" s="53"/>
      <c r="CH1376" s="53"/>
      <c r="CI1376" s="53"/>
      <c r="CJ1376" s="53"/>
      <c r="CK1376" s="53"/>
      <c r="CL1376" s="53"/>
      <c r="CM1376" s="53"/>
      <c r="CN1376" s="53"/>
    </row>
    <row r="1377" spans="1:92" outlineLevel="1">
      <c r="A1377" s="52" t="s">
        <v>1239</v>
      </c>
      <c r="B1377" s="53"/>
      <c r="C1377" s="53"/>
      <c r="D1377" s="53"/>
      <c r="E1377" s="53"/>
      <c r="F1377" s="53"/>
      <c r="G1377" s="53"/>
      <c r="H1377" s="53"/>
      <c r="I1377" s="53"/>
      <c r="J1377" s="53"/>
      <c r="K1377" s="53"/>
      <c r="L1377" s="53"/>
      <c r="M1377" s="53"/>
      <c r="N1377" s="53"/>
      <c r="O1377" s="53"/>
      <c r="P1377" s="53"/>
      <c r="Q1377" s="53"/>
      <c r="R1377" s="53"/>
      <c r="S1377" s="53"/>
      <c r="T1377" s="53"/>
      <c r="U1377" s="53"/>
      <c r="V1377" s="53"/>
      <c r="W1377" s="53"/>
      <c r="X1377" s="53"/>
      <c r="Y1377" s="53"/>
      <c r="Z1377" s="53"/>
      <c r="AA1377" s="53"/>
      <c r="AB1377" s="53"/>
      <c r="AC1377" s="53"/>
      <c r="AD1377" s="53"/>
      <c r="AE1377" s="53"/>
      <c r="AF1377" s="53"/>
      <c r="AG1377" s="53"/>
      <c r="AH1377" s="53"/>
      <c r="AI1377" s="53"/>
      <c r="AJ1377" s="53"/>
      <c r="AK1377" s="53"/>
      <c r="AL1377" s="53"/>
      <c r="AM1377" s="53"/>
      <c r="AN1377" s="53"/>
      <c r="AO1377" s="53"/>
      <c r="AP1377" s="53"/>
      <c r="AQ1377" s="53"/>
      <c r="AR1377" s="53"/>
      <c r="AS1377" s="53"/>
      <c r="AT1377" s="53"/>
      <c r="AU1377" s="53"/>
      <c r="AV1377" s="53"/>
      <c r="AW1377" s="53"/>
      <c r="AX1377" s="53"/>
      <c r="AY1377" s="53"/>
      <c r="AZ1377" s="53"/>
      <c r="BA1377" s="53"/>
      <c r="BB1377" s="53"/>
      <c r="BC1377" s="53"/>
      <c r="BD1377" s="53"/>
      <c r="BE1377" s="53"/>
      <c r="BF1377" s="53"/>
      <c r="BG1377" s="53"/>
      <c r="BH1377" s="53"/>
      <c r="BI1377" s="53"/>
      <c r="BJ1377" s="53"/>
      <c r="BK1377" s="53"/>
      <c r="BL1377" s="53"/>
      <c r="BM1377" s="53"/>
      <c r="BN1377" s="53"/>
      <c r="BO1377" s="53"/>
      <c r="BP1377" s="53"/>
      <c r="BQ1377" s="53"/>
      <c r="BR1377" s="53"/>
      <c r="BS1377" s="53"/>
      <c r="BT1377" s="53"/>
      <c r="BU1377" s="53"/>
      <c r="BV1377" s="53"/>
      <c r="BW1377" s="53"/>
      <c r="BX1377" s="53"/>
      <c r="BY1377" s="53"/>
      <c r="BZ1377" s="53"/>
      <c r="CA1377" s="53"/>
      <c r="CB1377" s="53">
        <v>-452777.5</v>
      </c>
      <c r="CC1377" s="53">
        <v>-452777.5</v>
      </c>
      <c r="CD1377" s="53">
        <v>-452777.5</v>
      </c>
      <c r="CE1377" s="53">
        <v>-452777.5</v>
      </c>
      <c r="CF1377" s="53">
        <v>-452777.5</v>
      </c>
      <c r="CG1377" s="53">
        <v>-452777.5</v>
      </c>
      <c r="CH1377" s="53">
        <v>-452777.5</v>
      </c>
      <c r="CI1377" s="53">
        <v>-452777.5</v>
      </c>
      <c r="CJ1377" s="53">
        <v>-452777.5</v>
      </c>
      <c r="CK1377" s="53">
        <v>-452777.5</v>
      </c>
      <c r="CL1377" s="53">
        <v>-452777.5</v>
      </c>
      <c r="CM1377" s="53">
        <v>-452777.5</v>
      </c>
      <c r="CN1377" s="53">
        <v>-5433330</v>
      </c>
    </row>
    <row r="1378" spans="1:92" outlineLevel="1">
      <c r="A1378" s="52" t="s">
        <v>1237</v>
      </c>
      <c r="B1378" s="53">
        <v>7819358.3600000003</v>
      </c>
      <c r="C1378" s="53">
        <v>7819358.3600000003</v>
      </c>
      <c r="D1378" s="53">
        <v>7819358.3600000003</v>
      </c>
      <c r="E1378" s="53">
        <v>7126358.3600000003</v>
      </c>
      <c r="F1378" s="53">
        <v>7126358.3600000003</v>
      </c>
      <c r="G1378" s="53">
        <v>7246358.3600000003</v>
      </c>
      <c r="H1378" s="53">
        <v>7246358.3600000003</v>
      </c>
      <c r="I1378" s="53">
        <v>7246358.3600000003</v>
      </c>
      <c r="J1378" s="53">
        <v>7246358.3600000003</v>
      </c>
      <c r="K1378" s="53">
        <v>7246358.3600000003</v>
      </c>
      <c r="L1378" s="53">
        <v>7246358.3600000003</v>
      </c>
      <c r="M1378" s="53">
        <v>7939358.3600000003</v>
      </c>
      <c r="N1378" s="53">
        <v>89128300.319999993</v>
      </c>
      <c r="O1378" s="53">
        <v>4111108.36</v>
      </c>
      <c r="P1378" s="53">
        <v>4111108.36</v>
      </c>
      <c r="Q1378" s="53">
        <v>4111108.36</v>
      </c>
      <c r="R1378" s="53">
        <v>3517108.36</v>
      </c>
      <c r="S1378" s="53">
        <v>3517108.36</v>
      </c>
      <c r="T1378" s="53">
        <v>3565108.36</v>
      </c>
      <c r="U1378" s="53">
        <v>3565108.36</v>
      </c>
      <c r="V1378" s="53">
        <v>3565108.36</v>
      </c>
      <c r="W1378" s="53">
        <v>3565108.36</v>
      </c>
      <c r="X1378" s="53">
        <v>3565108.36</v>
      </c>
      <c r="Y1378" s="53">
        <v>3565108.36</v>
      </c>
      <c r="Z1378" s="53">
        <v>4159108.36</v>
      </c>
      <c r="AA1378" s="53">
        <v>44917300.319999903</v>
      </c>
      <c r="AB1378" s="53">
        <v>3185608.36</v>
      </c>
      <c r="AC1378" s="53">
        <v>3185608.36</v>
      </c>
      <c r="AD1378" s="53">
        <v>3185608.36</v>
      </c>
      <c r="AE1378" s="53">
        <v>2987608.36</v>
      </c>
      <c r="AF1378" s="53">
        <v>2987608.36</v>
      </c>
      <c r="AG1378" s="53">
        <v>3037608.36</v>
      </c>
      <c r="AH1378" s="53">
        <v>3037608.36</v>
      </c>
      <c r="AI1378" s="53">
        <v>3037608.36</v>
      </c>
      <c r="AJ1378" s="53">
        <v>3037608.36</v>
      </c>
      <c r="AK1378" s="53">
        <v>3037608.36</v>
      </c>
      <c r="AL1378" s="53">
        <v>3037608.36</v>
      </c>
      <c r="AM1378" s="53">
        <v>3235608.36</v>
      </c>
      <c r="AN1378" s="53">
        <v>36993300.319999903</v>
      </c>
      <c r="AO1378" s="53">
        <v>727608.36</v>
      </c>
      <c r="AP1378" s="53">
        <v>727608.36</v>
      </c>
      <c r="AQ1378" s="53">
        <v>727608.36</v>
      </c>
      <c r="AR1378" s="53">
        <v>523608.359999999</v>
      </c>
      <c r="AS1378" s="53">
        <v>523608.359999999</v>
      </c>
      <c r="AT1378" s="53">
        <v>523608.359999999</v>
      </c>
      <c r="AU1378" s="53">
        <v>523608.359999999</v>
      </c>
      <c r="AV1378" s="53">
        <v>523608.359999999</v>
      </c>
      <c r="AW1378" s="53">
        <v>523608.359999999</v>
      </c>
      <c r="AX1378" s="53">
        <v>523608.359999999</v>
      </c>
      <c r="AY1378" s="53">
        <v>523608.359999999</v>
      </c>
      <c r="AZ1378" s="53">
        <v>727608.36</v>
      </c>
      <c r="BA1378" s="53">
        <v>7099300.3200000003</v>
      </c>
      <c r="BB1378" s="53">
        <v>747608.36</v>
      </c>
      <c r="BC1378" s="53">
        <v>747608.36</v>
      </c>
      <c r="BD1378" s="53">
        <v>747608.36</v>
      </c>
      <c r="BE1378" s="53">
        <v>537608.36</v>
      </c>
      <c r="BF1378" s="53">
        <v>537608.36</v>
      </c>
      <c r="BG1378" s="53">
        <v>537608.36</v>
      </c>
      <c r="BH1378" s="53">
        <v>537608.36</v>
      </c>
      <c r="BI1378" s="53">
        <v>537608.36</v>
      </c>
      <c r="BJ1378" s="53">
        <v>537608.36</v>
      </c>
      <c r="BK1378" s="53">
        <v>537608.36</v>
      </c>
      <c r="BL1378" s="53">
        <v>537608.36</v>
      </c>
      <c r="BM1378" s="53">
        <v>747608.36</v>
      </c>
      <c r="BN1378" s="53">
        <v>7291300.3200000003</v>
      </c>
      <c r="BO1378" s="53">
        <v>768608.36</v>
      </c>
      <c r="BP1378" s="53">
        <v>768608.36</v>
      </c>
      <c r="BQ1378" s="53">
        <v>768608.36</v>
      </c>
      <c r="BR1378" s="53">
        <v>552108.36</v>
      </c>
      <c r="BS1378" s="53">
        <v>552108.36</v>
      </c>
      <c r="BT1378" s="53">
        <v>552108.36</v>
      </c>
      <c r="BU1378" s="53">
        <v>552108.36</v>
      </c>
      <c r="BV1378" s="53">
        <v>552108.36</v>
      </c>
      <c r="BW1378" s="53">
        <v>552108.36</v>
      </c>
      <c r="BX1378" s="53">
        <v>552108.36</v>
      </c>
      <c r="BY1378" s="53">
        <v>552108.36</v>
      </c>
      <c r="BZ1378" s="53">
        <v>552108.36</v>
      </c>
      <c r="CA1378" s="53">
        <v>7274800.3200000003</v>
      </c>
      <c r="CB1378" s="53"/>
      <c r="CC1378" s="53"/>
      <c r="CD1378" s="53"/>
      <c r="CE1378" s="53"/>
      <c r="CF1378" s="53"/>
      <c r="CG1378" s="53"/>
      <c r="CH1378" s="53"/>
      <c r="CI1378" s="53"/>
      <c r="CJ1378" s="53"/>
      <c r="CK1378" s="53"/>
      <c r="CL1378" s="53"/>
      <c r="CM1378" s="53"/>
      <c r="CN1378" s="53"/>
    </row>
    <row r="1379" spans="1:92" outlineLevel="1">
      <c r="A1379" s="52" t="s">
        <v>1240</v>
      </c>
      <c r="B1379" s="53">
        <v>737083.35</v>
      </c>
      <c r="C1379" s="53">
        <v>662833.35</v>
      </c>
      <c r="D1379" s="53">
        <v>685076.7</v>
      </c>
      <c r="E1379" s="53">
        <v>759326.7</v>
      </c>
      <c r="F1379" s="53">
        <v>751076.7</v>
      </c>
      <c r="G1379" s="53">
        <v>987090</v>
      </c>
      <c r="H1379" s="53">
        <v>1048076.7</v>
      </c>
      <c r="I1379" s="53">
        <v>990326.7</v>
      </c>
      <c r="J1379" s="53">
        <v>990326.7</v>
      </c>
      <c r="K1379" s="53">
        <v>943333.35</v>
      </c>
      <c r="L1379" s="53">
        <v>842554.2</v>
      </c>
      <c r="M1379" s="53">
        <v>833576.7</v>
      </c>
      <c r="N1379" s="53">
        <v>10230681.15</v>
      </c>
      <c r="O1379" s="53">
        <v>27583.35</v>
      </c>
      <c r="P1379" s="53">
        <v>27583.35</v>
      </c>
      <c r="Q1379" s="53">
        <v>25076.699999999899</v>
      </c>
      <c r="R1379" s="53">
        <v>25076.699999999899</v>
      </c>
      <c r="S1379" s="53">
        <v>25076.699999999899</v>
      </c>
      <c r="T1379" s="53">
        <v>30090</v>
      </c>
      <c r="U1379" s="53">
        <v>25076.699999999899</v>
      </c>
      <c r="V1379" s="53">
        <v>25076.699999999899</v>
      </c>
      <c r="W1379" s="53">
        <v>25076.699999999899</v>
      </c>
      <c r="X1379" s="53">
        <v>27583.35</v>
      </c>
      <c r="Y1379" s="53">
        <v>17554.199999999899</v>
      </c>
      <c r="Z1379" s="53">
        <v>25076.699999999899</v>
      </c>
      <c r="AA1379" s="53">
        <v>305931.14999999898</v>
      </c>
      <c r="AB1379" s="53">
        <v>27583.35</v>
      </c>
      <c r="AC1379" s="53">
        <v>27583.35</v>
      </c>
      <c r="AD1379" s="53">
        <v>25076.699999999899</v>
      </c>
      <c r="AE1379" s="53">
        <v>25076.699999999899</v>
      </c>
      <c r="AF1379" s="53">
        <v>25076.699999999899</v>
      </c>
      <c r="AG1379" s="53">
        <v>30090</v>
      </c>
      <c r="AH1379" s="53">
        <v>25076.699999999899</v>
      </c>
      <c r="AI1379" s="53">
        <v>25076.699999999899</v>
      </c>
      <c r="AJ1379" s="53">
        <v>25076.699999999899</v>
      </c>
      <c r="AK1379" s="53">
        <v>27583.35</v>
      </c>
      <c r="AL1379" s="53">
        <v>17554.199999999899</v>
      </c>
      <c r="AM1379" s="53">
        <v>25076.699999999899</v>
      </c>
      <c r="AN1379" s="53">
        <v>305931.14999999898</v>
      </c>
      <c r="AO1379" s="53">
        <v>27583.35</v>
      </c>
      <c r="AP1379" s="53">
        <v>27583.35</v>
      </c>
      <c r="AQ1379" s="53">
        <v>25076.699999999899</v>
      </c>
      <c r="AR1379" s="53">
        <v>25076.699999999899</v>
      </c>
      <c r="AS1379" s="53">
        <v>25076.699999999899</v>
      </c>
      <c r="AT1379" s="53">
        <v>30090</v>
      </c>
      <c r="AU1379" s="53">
        <v>25076.699999999899</v>
      </c>
      <c r="AV1379" s="53">
        <v>25076.699999999899</v>
      </c>
      <c r="AW1379" s="53">
        <v>25076.699999999899</v>
      </c>
      <c r="AX1379" s="53">
        <v>27583.35</v>
      </c>
      <c r="AY1379" s="53">
        <v>17554.199999999899</v>
      </c>
      <c r="AZ1379" s="53">
        <v>25076.699999999899</v>
      </c>
      <c r="BA1379" s="53">
        <v>305931.14999999898</v>
      </c>
      <c r="BB1379" s="53">
        <v>27583.35</v>
      </c>
      <c r="BC1379" s="53">
        <v>27583.35</v>
      </c>
      <c r="BD1379" s="53">
        <v>25076.699999999899</v>
      </c>
      <c r="BE1379" s="53">
        <v>25076.699999999899</v>
      </c>
      <c r="BF1379" s="53">
        <v>25076.699999999899</v>
      </c>
      <c r="BG1379" s="53">
        <v>30090</v>
      </c>
      <c r="BH1379" s="53">
        <v>25076.699999999899</v>
      </c>
      <c r="BI1379" s="53">
        <v>25076.699999999899</v>
      </c>
      <c r="BJ1379" s="53">
        <v>25076.699999999899</v>
      </c>
      <c r="BK1379" s="53">
        <v>27583.35</v>
      </c>
      <c r="BL1379" s="53">
        <v>17554.199999999899</v>
      </c>
      <c r="BM1379" s="53">
        <v>25076.699999999899</v>
      </c>
      <c r="BN1379" s="53">
        <v>305931.14999999898</v>
      </c>
      <c r="BO1379" s="53">
        <v>27583.35</v>
      </c>
      <c r="BP1379" s="53">
        <v>27583.35</v>
      </c>
      <c r="BQ1379" s="53">
        <v>25076.699999999899</v>
      </c>
      <c r="BR1379" s="53">
        <v>25076.699999999899</v>
      </c>
      <c r="BS1379" s="53">
        <v>25076.699999999899</v>
      </c>
      <c r="BT1379" s="53">
        <v>30090</v>
      </c>
      <c r="BU1379" s="53">
        <v>25076.699999999899</v>
      </c>
      <c r="BV1379" s="53">
        <v>25076.699999999899</v>
      </c>
      <c r="BW1379" s="53">
        <v>25076.699999999899</v>
      </c>
      <c r="BX1379" s="53">
        <v>27583.35</v>
      </c>
      <c r="BY1379" s="53">
        <v>17554.199999999899</v>
      </c>
      <c r="BZ1379" s="53">
        <v>25076.699999999899</v>
      </c>
      <c r="CA1379" s="53">
        <v>305931.14999999898</v>
      </c>
      <c r="CB1379" s="53">
        <v>-67490.796224314996</v>
      </c>
      <c r="CC1379" s="53">
        <v>-67490.796224314996</v>
      </c>
      <c r="CD1379" s="53">
        <v>-67490.796224314996</v>
      </c>
      <c r="CE1379" s="53">
        <v>-67490.796224314996</v>
      </c>
      <c r="CF1379" s="53">
        <v>-67490.796224314996</v>
      </c>
      <c r="CG1379" s="53">
        <v>-67490.796224314996</v>
      </c>
      <c r="CH1379" s="53">
        <v>-67490.796224314996</v>
      </c>
      <c r="CI1379" s="53">
        <v>-67490.796224314996</v>
      </c>
      <c r="CJ1379" s="53">
        <v>-67490.796224314996</v>
      </c>
      <c r="CK1379" s="53">
        <v>-67490.796224314996</v>
      </c>
      <c r="CL1379" s="53">
        <v>-67490.796224314996</v>
      </c>
      <c r="CM1379" s="53">
        <v>-67490.796224314996</v>
      </c>
      <c r="CN1379" s="53">
        <v>-809889.55469177896</v>
      </c>
    </row>
    <row r="1380" spans="1:92" outlineLevel="1">
      <c r="A1380" s="52" t="s">
        <v>1241</v>
      </c>
      <c r="B1380" s="53"/>
      <c r="C1380" s="53"/>
      <c r="D1380" s="53"/>
      <c r="E1380" s="53"/>
      <c r="F1380" s="53"/>
      <c r="G1380" s="53"/>
      <c r="H1380" s="53"/>
      <c r="I1380" s="53"/>
      <c r="J1380" s="53"/>
      <c r="K1380" s="53"/>
      <c r="L1380" s="53"/>
      <c r="M1380" s="53"/>
      <c r="N1380" s="53"/>
      <c r="O1380" s="53"/>
      <c r="P1380" s="53"/>
      <c r="Q1380" s="53"/>
      <c r="R1380" s="53"/>
      <c r="S1380" s="53"/>
      <c r="T1380" s="53"/>
      <c r="U1380" s="53"/>
      <c r="V1380" s="53"/>
      <c r="W1380" s="53"/>
      <c r="X1380" s="53"/>
      <c r="Y1380" s="53"/>
      <c r="Z1380" s="53"/>
      <c r="AA1380" s="53"/>
      <c r="AB1380" s="53"/>
      <c r="AC1380" s="53"/>
      <c r="AD1380" s="53"/>
      <c r="AE1380" s="53"/>
      <c r="AF1380" s="53"/>
      <c r="AG1380" s="53"/>
      <c r="AH1380" s="53"/>
      <c r="AI1380" s="53"/>
      <c r="AJ1380" s="53"/>
      <c r="AK1380" s="53"/>
      <c r="AL1380" s="53"/>
      <c r="AM1380" s="53"/>
      <c r="AN1380" s="53"/>
      <c r="AO1380" s="53"/>
      <c r="AP1380" s="53"/>
      <c r="AQ1380" s="53"/>
      <c r="AR1380" s="53"/>
      <c r="AS1380" s="53"/>
      <c r="AT1380" s="53"/>
      <c r="AU1380" s="53"/>
      <c r="AV1380" s="53"/>
      <c r="AW1380" s="53"/>
      <c r="AX1380" s="53"/>
      <c r="AY1380" s="53"/>
      <c r="AZ1380" s="53"/>
      <c r="BA1380" s="53"/>
      <c r="BB1380" s="53"/>
      <c r="BC1380" s="53"/>
      <c r="BD1380" s="53"/>
      <c r="BE1380" s="53"/>
      <c r="BF1380" s="53"/>
      <c r="BG1380" s="53"/>
      <c r="BH1380" s="53"/>
      <c r="BI1380" s="53"/>
      <c r="BJ1380" s="53"/>
      <c r="BK1380" s="53"/>
      <c r="BL1380" s="53"/>
      <c r="BM1380" s="53"/>
      <c r="BN1380" s="53"/>
      <c r="BO1380" s="53"/>
      <c r="BP1380" s="53"/>
      <c r="BQ1380" s="53"/>
      <c r="BR1380" s="53"/>
      <c r="BS1380" s="53"/>
      <c r="BT1380" s="53"/>
      <c r="BU1380" s="53"/>
      <c r="BV1380" s="53"/>
      <c r="BW1380" s="53"/>
      <c r="BX1380" s="53"/>
      <c r="BY1380" s="53"/>
      <c r="BZ1380" s="53"/>
      <c r="CA1380" s="53"/>
      <c r="CB1380" s="53"/>
      <c r="CC1380" s="53"/>
      <c r="CD1380" s="53"/>
      <c r="CE1380" s="53"/>
      <c r="CF1380" s="53"/>
      <c r="CG1380" s="53"/>
      <c r="CH1380" s="53"/>
      <c r="CI1380" s="53"/>
      <c r="CJ1380" s="53"/>
      <c r="CK1380" s="53"/>
      <c r="CL1380" s="53"/>
      <c r="CM1380" s="53"/>
      <c r="CN1380" s="53"/>
    </row>
    <row r="1381" spans="1:92" outlineLevel="1">
      <c r="A1381" s="52" t="s">
        <v>780</v>
      </c>
      <c r="B1381" s="53">
        <v>8499866.9882796891</v>
      </c>
      <c r="C1381" s="53">
        <v>7707723.2453585602</v>
      </c>
      <c r="D1381" s="53">
        <v>9068908.4072299004</v>
      </c>
      <c r="E1381" s="53">
        <v>9678942.8805502206</v>
      </c>
      <c r="F1381" s="53">
        <v>10503531.205987001</v>
      </c>
      <c r="G1381" s="53">
        <v>11152976.4639298</v>
      </c>
      <c r="H1381" s="53">
        <v>11633696.064086899</v>
      </c>
      <c r="I1381" s="53">
        <v>11757187.600413101</v>
      </c>
      <c r="J1381" s="53">
        <v>11123925.247803001</v>
      </c>
      <c r="K1381" s="53">
        <v>9998276.4327296</v>
      </c>
      <c r="L1381" s="53">
        <v>8724715.5645796694</v>
      </c>
      <c r="M1381" s="53">
        <v>8876370.4738698006</v>
      </c>
      <c r="N1381" s="53">
        <v>118726120.574817</v>
      </c>
      <c r="O1381" s="53">
        <v>12750878.592865899</v>
      </c>
      <c r="P1381" s="53">
        <v>8137487.00657418</v>
      </c>
      <c r="Q1381" s="53">
        <v>9012100.0382941402</v>
      </c>
      <c r="R1381" s="53">
        <v>9958754.6199181899</v>
      </c>
      <c r="S1381" s="53">
        <v>11077442.4959276</v>
      </c>
      <c r="T1381" s="53">
        <v>11536139.9375732</v>
      </c>
      <c r="U1381" s="53">
        <v>11884664.167230001</v>
      </c>
      <c r="V1381" s="53">
        <v>15038905.889511401</v>
      </c>
      <c r="W1381" s="53">
        <v>11280444.9260248</v>
      </c>
      <c r="X1381" s="53">
        <v>10493802.996429101</v>
      </c>
      <c r="Y1381" s="53">
        <v>8708445.8053802494</v>
      </c>
      <c r="Z1381" s="53">
        <v>8646055.8352993503</v>
      </c>
      <c r="AA1381" s="53">
        <v>128525122.311028</v>
      </c>
      <c r="AB1381" s="53">
        <v>9537167.4697818309</v>
      </c>
      <c r="AC1381" s="53">
        <v>6070710.8215751601</v>
      </c>
      <c r="AD1381" s="53">
        <v>6589432.59515939</v>
      </c>
      <c r="AE1381" s="53">
        <v>7341197.9162341002</v>
      </c>
      <c r="AF1381" s="53">
        <v>8250664.9160381798</v>
      </c>
      <c r="AG1381" s="53">
        <v>8598599.3858520109</v>
      </c>
      <c r="AH1381" s="53">
        <v>8812751.0388922598</v>
      </c>
      <c r="AI1381" s="53">
        <v>11220848.7543745</v>
      </c>
      <c r="AJ1381" s="53">
        <v>8408411.2264985908</v>
      </c>
      <c r="AK1381" s="53">
        <v>7774431.0361056495</v>
      </c>
      <c r="AL1381" s="53">
        <v>6383420.9728642097</v>
      </c>
      <c r="AM1381" s="53">
        <v>6326108.4903511396</v>
      </c>
      <c r="AN1381" s="53">
        <v>95313744.623727098</v>
      </c>
      <c r="AO1381" s="53">
        <v>4070734.1334211398</v>
      </c>
      <c r="AP1381" s="53">
        <v>2494866.1836953298</v>
      </c>
      <c r="AQ1381" s="53">
        <v>2849332.92087432</v>
      </c>
      <c r="AR1381" s="53">
        <v>3162008.92205877</v>
      </c>
      <c r="AS1381" s="53">
        <v>3567588.9075255101</v>
      </c>
      <c r="AT1381" s="53">
        <v>3706809.8869021898</v>
      </c>
      <c r="AU1381" s="53">
        <v>3838045.58952682</v>
      </c>
      <c r="AV1381" s="53">
        <v>4841052.10329556</v>
      </c>
      <c r="AW1381" s="53">
        <v>3665076.0995859499</v>
      </c>
      <c r="AX1381" s="53">
        <v>3314022.2885029698</v>
      </c>
      <c r="AY1381" s="53">
        <v>2753972.7346345801</v>
      </c>
      <c r="AZ1381" s="53">
        <v>2724600.83925121</v>
      </c>
      <c r="BA1381" s="53">
        <v>40988110.609274402</v>
      </c>
      <c r="BB1381" s="53">
        <v>1434073.3791890801</v>
      </c>
      <c r="BC1381" s="53">
        <v>893792.57633799396</v>
      </c>
      <c r="BD1381" s="53">
        <v>1007566.26283278</v>
      </c>
      <c r="BE1381" s="53">
        <v>1118876.25353429</v>
      </c>
      <c r="BF1381" s="53">
        <v>1258555.1772898701</v>
      </c>
      <c r="BG1381" s="53">
        <v>1320343.44880503</v>
      </c>
      <c r="BH1381" s="53">
        <v>1361885.8266743</v>
      </c>
      <c r="BI1381" s="53">
        <v>1714075.83447683</v>
      </c>
      <c r="BJ1381" s="53">
        <v>1300129.3014352601</v>
      </c>
      <c r="BK1381" s="53">
        <v>1188622.9781327001</v>
      </c>
      <c r="BL1381" s="53">
        <v>969772.06916228903</v>
      </c>
      <c r="BM1381" s="53">
        <v>965993.99835209304</v>
      </c>
      <c r="BN1381" s="53">
        <v>14533687.106222499</v>
      </c>
      <c r="BO1381" s="53">
        <v>671890.729643845</v>
      </c>
      <c r="BP1381" s="53">
        <v>419117.807916302</v>
      </c>
      <c r="BQ1381" s="53">
        <v>471023.68373440998</v>
      </c>
      <c r="BR1381" s="53">
        <v>522508.412795379</v>
      </c>
      <c r="BS1381" s="53">
        <v>592784.40830163599</v>
      </c>
      <c r="BT1381" s="53">
        <v>623517.43239772797</v>
      </c>
      <c r="BU1381" s="53">
        <v>642827.56476915302</v>
      </c>
      <c r="BV1381" s="53">
        <v>806888.66910537297</v>
      </c>
      <c r="BW1381" s="53">
        <v>613864.06254983402</v>
      </c>
      <c r="BX1381" s="53">
        <v>560602.82966537401</v>
      </c>
      <c r="BY1381" s="53">
        <v>458086.63637888402</v>
      </c>
      <c r="BZ1381" s="53">
        <v>457960.21427526698</v>
      </c>
      <c r="CA1381" s="53">
        <v>6841072.45153319</v>
      </c>
      <c r="CB1381" s="53"/>
      <c r="CC1381" s="53"/>
      <c r="CD1381" s="53">
        <v>-1570338.8199999901</v>
      </c>
      <c r="CE1381" s="53"/>
      <c r="CF1381" s="53"/>
      <c r="CG1381" s="53">
        <v>-1570338.8199999901</v>
      </c>
      <c r="CH1381" s="53"/>
      <c r="CI1381" s="53"/>
      <c r="CJ1381" s="53">
        <v>-1570338.8199999901</v>
      </c>
      <c r="CK1381" s="53"/>
      <c r="CL1381" s="53"/>
      <c r="CM1381" s="53">
        <v>-1570338.8199999901</v>
      </c>
      <c r="CN1381" s="53">
        <v>-6281355.27999999</v>
      </c>
    </row>
    <row r="1382" spans="1:92" outlineLevel="1">
      <c r="A1382" s="52" t="s">
        <v>781</v>
      </c>
      <c r="B1382" s="53">
        <v>2765291.8212414901</v>
      </c>
      <c r="C1382" s="53">
        <v>2811204.9477438</v>
      </c>
      <c r="D1382" s="53">
        <v>2983932.2996969698</v>
      </c>
      <c r="E1382" s="53">
        <v>3069466.2036232301</v>
      </c>
      <c r="F1382" s="53">
        <v>3100520.4701357</v>
      </c>
      <c r="G1382" s="53">
        <v>3206168.6200406998</v>
      </c>
      <c r="H1382" s="53">
        <v>3111316.3611510401</v>
      </c>
      <c r="I1382" s="53">
        <v>2982348.86740583</v>
      </c>
      <c r="J1382" s="53">
        <v>3099352.1883883299</v>
      </c>
      <c r="K1382" s="53">
        <v>2994015.0327380998</v>
      </c>
      <c r="L1382" s="53">
        <v>3010664.2221141201</v>
      </c>
      <c r="M1382" s="53">
        <v>2867747.5881998902</v>
      </c>
      <c r="N1382" s="53">
        <v>36002028.6224792</v>
      </c>
      <c r="O1382" s="53">
        <v>2338912.8668769398</v>
      </c>
      <c r="P1382" s="53">
        <v>2579472.5621086298</v>
      </c>
      <c r="Q1382" s="53">
        <v>2958292.9820308201</v>
      </c>
      <c r="R1382" s="53">
        <v>3718341.3291522199</v>
      </c>
      <c r="S1382" s="53">
        <v>4179536.0546719902</v>
      </c>
      <c r="T1382" s="53">
        <v>3242281.1585826799</v>
      </c>
      <c r="U1382" s="53">
        <v>3138127.2021142701</v>
      </c>
      <c r="V1382" s="53">
        <v>3105819.5395731302</v>
      </c>
      <c r="W1382" s="53">
        <v>3028890.3091358398</v>
      </c>
      <c r="X1382" s="53">
        <v>2711375.0677694799</v>
      </c>
      <c r="Y1382" s="53">
        <v>2273687.62406789</v>
      </c>
      <c r="Z1382" s="53">
        <v>2519665.3206971399</v>
      </c>
      <c r="AA1382" s="53">
        <v>35794402.016781002</v>
      </c>
      <c r="AB1382" s="53">
        <v>1723929.86083943</v>
      </c>
      <c r="AC1382" s="53">
        <v>1928138.7596985099</v>
      </c>
      <c r="AD1382" s="53">
        <v>2186671.7278799899</v>
      </c>
      <c r="AE1382" s="53">
        <v>2751671.18697719</v>
      </c>
      <c r="AF1382" s="53">
        <v>3094492.5341046602</v>
      </c>
      <c r="AG1382" s="53">
        <v>2400280.9459891501</v>
      </c>
      <c r="AH1382" s="53">
        <v>2323851.6569812698</v>
      </c>
      <c r="AI1382" s="53">
        <v>2298796.0407759999</v>
      </c>
      <c r="AJ1382" s="53">
        <v>2243567.7007030998</v>
      </c>
      <c r="AK1382" s="53">
        <v>2009614.22379621</v>
      </c>
      <c r="AL1382" s="53">
        <v>1685218.84772679</v>
      </c>
      <c r="AM1382" s="53">
        <v>1869121.1059614599</v>
      </c>
      <c r="AN1382" s="53">
        <v>26515354.591433801</v>
      </c>
      <c r="AO1382" s="53">
        <v>743255.53459041705</v>
      </c>
      <c r="AP1382" s="53">
        <v>820449.87771843595</v>
      </c>
      <c r="AQ1382" s="53">
        <v>940939.82907905302</v>
      </c>
      <c r="AR1382" s="53">
        <v>1182735.1426418</v>
      </c>
      <c r="AS1382" s="53">
        <v>1329468.3628366301</v>
      </c>
      <c r="AT1382" s="53">
        <v>1031996.39550617</v>
      </c>
      <c r="AU1382" s="53">
        <v>999196.85887072096</v>
      </c>
      <c r="AV1382" s="53">
        <v>988379.23892096896</v>
      </c>
      <c r="AW1382" s="53">
        <v>964545.22694070404</v>
      </c>
      <c r="AX1382" s="53">
        <v>864137.43488796102</v>
      </c>
      <c r="AY1382" s="53">
        <v>724989.48502139596</v>
      </c>
      <c r="AZ1382" s="53">
        <v>803759.44239073002</v>
      </c>
      <c r="BA1382" s="53">
        <v>11393852.829405</v>
      </c>
      <c r="BB1382" s="53">
        <v>262293.36025462497</v>
      </c>
      <c r="BC1382" s="53">
        <v>289442.13730398502</v>
      </c>
      <c r="BD1382" s="53">
        <v>331845.32396860601</v>
      </c>
      <c r="BE1382" s="53">
        <v>416821.214733692</v>
      </c>
      <c r="BF1382" s="53">
        <v>468400.898866984</v>
      </c>
      <c r="BG1382" s="53">
        <v>363877.62851325801</v>
      </c>
      <c r="BH1382" s="53">
        <v>352385.82449658599</v>
      </c>
      <c r="BI1382" s="53">
        <v>348617.17198826198</v>
      </c>
      <c r="BJ1382" s="53">
        <v>340245.78935660998</v>
      </c>
      <c r="BK1382" s="53">
        <v>304967.17012562102</v>
      </c>
      <c r="BL1382" s="53">
        <v>256064.21537544299</v>
      </c>
      <c r="BM1382" s="53">
        <v>283791.63609479298</v>
      </c>
      <c r="BN1382" s="53">
        <v>4018752.3710784698</v>
      </c>
      <c r="BO1382" s="53">
        <v>123449.78835485999</v>
      </c>
      <c r="BP1382" s="53">
        <v>136175.360801287</v>
      </c>
      <c r="BQ1382" s="53">
        <v>156077.975666585</v>
      </c>
      <c r="BR1382" s="53">
        <v>195898.522990664</v>
      </c>
      <c r="BS1382" s="53">
        <v>220100.51167525901</v>
      </c>
      <c r="BT1382" s="53">
        <v>171209.78084122899</v>
      </c>
      <c r="BU1382" s="53">
        <v>165869.79364217</v>
      </c>
      <c r="BV1382" s="53">
        <v>164132.934693933</v>
      </c>
      <c r="BW1382" s="53">
        <v>160226.58886647</v>
      </c>
      <c r="BX1382" s="53">
        <v>143729.580002306</v>
      </c>
      <c r="BY1382" s="53">
        <v>120843.05636025401</v>
      </c>
      <c r="BZ1382" s="53">
        <v>133838.458860157</v>
      </c>
      <c r="CA1382" s="53">
        <v>1891552.3527551801</v>
      </c>
      <c r="CB1382" s="53"/>
      <c r="CC1382" s="53"/>
      <c r="CD1382" s="53"/>
      <c r="CE1382" s="53"/>
      <c r="CF1382" s="53"/>
      <c r="CG1382" s="53"/>
      <c r="CH1382" s="53"/>
      <c r="CI1382" s="53"/>
      <c r="CJ1382" s="53"/>
      <c r="CK1382" s="53"/>
      <c r="CL1382" s="53"/>
      <c r="CM1382" s="53"/>
      <c r="CN1382" s="53"/>
    </row>
    <row r="1383" spans="1:92" outlineLevel="1">
      <c r="A1383" s="52" t="s">
        <v>782</v>
      </c>
      <c r="B1383" s="53">
        <v>18436.003694606399</v>
      </c>
      <c r="C1383" s="53">
        <v>18432.926134015401</v>
      </c>
      <c r="D1383" s="53">
        <v>18428.0117555541</v>
      </c>
      <c r="E1383" s="53">
        <v>18422.051250081899</v>
      </c>
      <c r="F1383" s="53">
        <v>18415.4998853793</v>
      </c>
      <c r="G1383" s="53">
        <v>18408.619761851602</v>
      </c>
      <c r="H1383" s="53">
        <v>18401.561736847201</v>
      </c>
      <c r="I1383" s="53">
        <v>18394.412604418299</v>
      </c>
      <c r="J1383" s="53">
        <v>18387.222265868299</v>
      </c>
      <c r="K1383" s="53">
        <v>18380.0193770976</v>
      </c>
      <c r="L1383" s="53">
        <v>18372.8203598045</v>
      </c>
      <c r="M1383" s="53">
        <v>18365.634590967002</v>
      </c>
      <c r="N1383" s="53">
        <v>220844.78341649199</v>
      </c>
      <c r="O1383" s="53">
        <v>28346.662758662798</v>
      </c>
      <c r="P1383" s="53">
        <v>28153.897568024098</v>
      </c>
      <c r="Q1383" s="53">
        <v>27976.185389463499</v>
      </c>
      <c r="R1383" s="53">
        <v>27812.5515675225</v>
      </c>
      <c r="S1383" s="53">
        <v>27662.1297417938</v>
      </c>
      <c r="T1383" s="53">
        <v>27523.728666717299</v>
      </c>
      <c r="U1383" s="53">
        <v>27396.806867038398</v>
      </c>
      <c r="V1383" s="53">
        <v>27280.389687298801</v>
      </c>
      <c r="W1383" s="53">
        <v>27173.827357193</v>
      </c>
      <c r="X1383" s="53">
        <v>27076.4701064154</v>
      </c>
      <c r="Y1383" s="53">
        <v>26987.559869609599</v>
      </c>
      <c r="Z1383" s="53">
        <v>26906.555171520999</v>
      </c>
      <c r="AA1383" s="53">
        <v>330296.76475125999</v>
      </c>
      <c r="AB1383" s="53">
        <v>19747.628193240998</v>
      </c>
      <c r="AC1383" s="53">
        <v>19698.533289105701</v>
      </c>
      <c r="AD1383" s="53">
        <v>19654.140656632699</v>
      </c>
      <c r="AE1383" s="53">
        <v>19614.051798223401</v>
      </c>
      <c r="AF1383" s="53">
        <v>19578.107314838599</v>
      </c>
      <c r="AG1383" s="53">
        <v>19545.908708879801</v>
      </c>
      <c r="AH1383" s="53">
        <v>19517.216881787699</v>
      </c>
      <c r="AI1383" s="53">
        <v>19491.792735003299</v>
      </c>
      <c r="AJ1383" s="53">
        <v>19469.476869487298</v>
      </c>
      <c r="AK1383" s="53">
        <v>19449.950487160699</v>
      </c>
      <c r="AL1383" s="53">
        <v>19433.054188984301</v>
      </c>
      <c r="AM1383" s="53">
        <v>19418.628575918501</v>
      </c>
      <c r="AN1383" s="53">
        <v>234618.48969926301</v>
      </c>
      <c r="AO1383" s="53">
        <v>8313.3803482007806</v>
      </c>
      <c r="AP1383" s="53">
        <v>8309.0784696247392</v>
      </c>
      <c r="AQ1383" s="53">
        <v>8305.6301383852096</v>
      </c>
      <c r="AR1383" s="53">
        <v>8302.9329288018198</v>
      </c>
      <c r="AS1383" s="53">
        <v>8300.9868408745697</v>
      </c>
      <c r="AT1383" s="53">
        <v>8299.6894489230599</v>
      </c>
      <c r="AU1383" s="53">
        <v>8299.0407529473105</v>
      </c>
      <c r="AV1383" s="53">
        <v>8298.9724691603897</v>
      </c>
      <c r="AW1383" s="53">
        <v>8299.4504556688407</v>
      </c>
      <c r="AX1383" s="53">
        <v>8300.4405705791996</v>
      </c>
      <c r="AY1383" s="53">
        <v>8301.8745301045492</v>
      </c>
      <c r="AZ1383" s="53">
        <v>8303.7523342448803</v>
      </c>
      <c r="BA1383" s="53">
        <v>99635.229287515394</v>
      </c>
      <c r="BB1383" s="53">
        <v>2918.8337314681298</v>
      </c>
      <c r="BC1383" s="53">
        <v>2919.7695627368498</v>
      </c>
      <c r="BD1383" s="53">
        <v>2920.8133745365799</v>
      </c>
      <c r="BE1383" s="53">
        <v>2921.9771647040898</v>
      </c>
      <c r="BF1383" s="53">
        <v>2923.2489354026102</v>
      </c>
      <c r="BG1383" s="53">
        <v>2924.61668879535</v>
      </c>
      <c r="BH1383" s="53">
        <v>2926.0684270455499</v>
      </c>
      <c r="BI1383" s="53">
        <v>2927.6041501531899</v>
      </c>
      <c r="BJ1383" s="53">
        <v>2929.2238581182901</v>
      </c>
      <c r="BK1383" s="53">
        <v>2930.9035552672799</v>
      </c>
      <c r="BL1383" s="53">
        <v>2932.6552394369301</v>
      </c>
      <c r="BM1383" s="53">
        <v>2934.4669127904799</v>
      </c>
      <c r="BN1383" s="53">
        <v>35110.181600455297</v>
      </c>
      <c r="BO1383" s="53">
        <v>1374.69644089142</v>
      </c>
      <c r="BP1383" s="53">
        <v>1375.5951629147401</v>
      </c>
      <c r="BQ1383" s="53">
        <v>1376.510735976</v>
      </c>
      <c r="BR1383" s="53">
        <v>1377.4543941004799</v>
      </c>
      <c r="BS1383" s="53">
        <v>1378.40928625025</v>
      </c>
      <c r="BT1383" s="53">
        <v>1379.38664645061</v>
      </c>
      <c r="BU1383" s="53">
        <v>1380.3752406762601</v>
      </c>
      <c r="BV1383" s="53">
        <v>1381.3806859398501</v>
      </c>
      <c r="BW1383" s="53">
        <v>1382.39736522872</v>
      </c>
      <c r="BX1383" s="53">
        <v>1383.43089555554</v>
      </c>
      <c r="BY1383" s="53">
        <v>1384.470042895</v>
      </c>
      <c r="BZ1383" s="53">
        <v>1385.5204242597499</v>
      </c>
      <c r="CA1383" s="53">
        <v>16559.6273211386</v>
      </c>
      <c r="CB1383" s="53"/>
      <c r="CC1383" s="53"/>
      <c r="CD1383" s="53"/>
      <c r="CE1383" s="53"/>
      <c r="CF1383" s="53"/>
      <c r="CG1383" s="53"/>
      <c r="CH1383" s="53"/>
      <c r="CI1383" s="53"/>
      <c r="CJ1383" s="53"/>
      <c r="CK1383" s="53"/>
      <c r="CL1383" s="53"/>
      <c r="CM1383" s="53"/>
      <c r="CN1383" s="53"/>
    </row>
    <row r="1384" spans="1:92" outlineLevel="1">
      <c r="A1384" s="52" t="s">
        <v>783</v>
      </c>
      <c r="B1384" s="53">
        <v>2469571.6589054</v>
      </c>
      <c r="C1384" s="53">
        <v>2450321.6364451498</v>
      </c>
      <c r="D1384" s="53">
        <v>2528905.9755147202</v>
      </c>
      <c r="E1384" s="53">
        <v>2685860.9852694101</v>
      </c>
      <c r="F1384" s="53">
        <v>2951866.8556601899</v>
      </c>
      <c r="G1384" s="53">
        <v>2996033.5575824599</v>
      </c>
      <c r="H1384" s="53">
        <v>2828639.2547917101</v>
      </c>
      <c r="I1384" s="53">
        <v>2938102.3988088402</v>
      </c>
      <c r="J1384" s="53">
        <v>3081517.6208808501</v>
      </c>
      <c r="K1384" s="53">
        <v>2845152.7063988401</v>
      </c>
      <c r="L1384" s="53">
        <v>2534329.6054760301</v>
      </c>
      <c r="M1384" s="53">
        <v>2477415.48715265</v>
      </c>
      <c r="N1384" s="53">
        <v>32787717.742886301</v>
      </c>
      <c r="O1384" s="53">
        <v>2820616.94232025</v>
      </c>
      <c r="P1384" s="53">
        <v>2486762.9017363498</v>
      </c>
      <c r="Q1384" s="53">
        <v>2582634.3444153098</v>
      </c>
      <c r="R1384" s="53">
        <v>2790841.7595448899</v>
      </c>
      <c r="S1384" s="53">
        <v>3060143.3944711098</v>
      </c>
      <c r="T1384" s="53">
        <v>3069449.72967197</v>
      </c>
      <c r="U1384" s="53">
        <v>3154266.5218480099</v>
      </c>
      <c r="V1384" s="53">
        <v>3019526.9024431501</v>
      </c>
      <c r="W1384" s="53">
        <v>3190443.7831486398</v>
      </c>
      <c r="X1384" s="53">
        <v>2950598.8352530198</v>
      </c>
      <c r="Y1384" s="53">
        <v>2588414.15957799</v>
      </c>
      <c r="Z1384" s="53">
        <v>2501998.6075652102</v>
      </c>
      <c r="AA1384" s="53">
        <v>34215697.881995901</v>
      </c>
      <c r="AB1384" s="53">
        <v>2071462.32627589</v>
      </c>
      <c r="AC1384" s="53">
        <v>1828449.80346228</v>
      </c>
      <c r="AD1384" s="53">
        <v>1897378.33157262</v>
      </c>
      <c r="AE1384" s="53">
        <v>2050656.6072591101</v>
      </c>
      <c r="AF1384" s="53">
        <v>2248639.53903826</v>
      </c>
      <c r="AG1384" s="53">
        <v>2255226.54494244</v>
      </c>
      <c r="AH1384" s="53">
        <v>2317455.5314267701</v>
      </c>
      <c r="AI1384" s="53">
        <v>2217837.9859602</v>
      </c>
      <c r="AJ1384" s="53">
        <v>2343998.2609701399</v>
      </c>
      <c r="AK1384" s="53">
        <v>2167657.1758689499</v>
      </c>
      <c r="AL1384" s="53">
        <v>1900996.45066845</v>
      </c>
      <c r="AM1384" s="53">
        <v>1836673.0405059101</v>
      </c>
      <c r="AN1384" s="53">
        <v>25136431.597950999</v>
      </c>
      <c r="AO1384" s="53">
        <v>884572.86036747205</v>
      </c>
      <c r="AP1384" s="53">
        <v>779885.41611133004</v>
      </c>
      <c r="AQ1384" s="53">
        <v>810732.99241385504</v>
      </c>
      <c r="AR1384" s="53">
        <v>876442.34400064696</v>
      </c>
      <c r="AS1384" s="53">
        <v>961131.99356765603</v>
      </c>
      <c r="AT1384" s="53">
        <v>963796.700068473</v>
      </c>
      <c r="AU1384" s="53">
        <v>990347.51907897496</v>
      </c>
      <c r="AV1384" s="53">
        <v>947397.93893660198</v>
      </c>
      <c r="AW1384" s="53">
        <v>1001721.78845971</v>
      </c>
      <c r="AX1384" s="53">
        <v>926322.48952227796</v>
      </c>
      <c r="AY1384" s="53">
        <v>812029.155257195</v>
      </c>
      <c r="AZ1384" s="53">
        <v>783986.09650920797</v>
      </c>
      <c r="BA1384" s="53">
        <v>10738367.2942934</v>
      </c>
      <c r="BB1384" s="53">
        <v>310159.18600016</v>
      </c>
      <c r="BC1384" s="53">
        <v>273450.832551628</v>
      </c>
      <c r="BD1384" s="53">
        <v>284381.713703232</v>
      </c>
      <c r="BE1384" s="53">
        <v>307484.85618440103</v>
      </c>
      <c r="BF1384" s="53">
        <v>337216.34756788099</v>
      </c>
      <c r="BG1384" s="53">
        <v>338112.68195792701</v>
      </c>
      <c r="BH1384" s="53">
        <v>347413.44102211401</v>
      </c>
      <c r="BI1384" s="53">
        <v>332251.90666135598</v>
      </c>
      <c r="BJ1384" s="53">
        <v>351407.36491379101</v>
      </c>
      <c r="BK1384" s="53">
        <v>324945.57200052898</v>
      </c>
      <c r="BL1384" s="53">
        <v>284767.56413402798</v>
      </c>
      <c r="BM1384" s="53">
        <v>274795.646080454</v>
      </c>
      <c r="BN1384" s="53">
        <v>3766387.1127774999</v>
      </c>
      <c r="BO1384" s="53">
        <v>144885.589289861</v>
      </c>
      <c r="BP1384" s="53">
        <v>127734.642196468</v>
      </c>
      <c r="BQ1384" s="53">
        <v>132890.969933049</v>
      </c>
      <c r="BR1384" s="53">
        <v>143709.23518250301</v>
      </c>
      <c r="BS1384" s="53">
        <v>157611.88071390701</v>
      </c>
      <c r="BT1384" s="53">
        <v>158010.63805864</v>
      </c>
      <c r="BU1384" s="53">
        <v>162349.26356230499</v>
      </c>
      <c r="BV1384" s="53">
        <v>155216.79213877901</v>
      </c>
      <c r="BW1384" s="53">
        <v>164211.46614773301</v>
      </c>
      <c r="BX1384" s="53">
        <v>151835.14831359201</v>
      </c>
      <c r="BY1384" s="53">
        <v>133016.07203869501</v>
      </c>
      <c r="BZ1384" s="53">
        <v>128292.90023229001</v>
      </c>
      <c r="CA1384" s="53">
        <v>1759764.59780782</v>
      </c>
      <c r="CB1384" s="53"/>
      <c r="CC1384" s="53"/>
      <c r="CD1384" s="53"/>
      <c r="CE1384" s="53"/>
      <c r="CF1384" s="53"/>
      <c r="CG1384" s="53"/>
      <c r="CH1384" s="53"/>
      <c r="CI1384" s="53"/>
      <c r="CJ1384" s="53"/>
      <c r="CK1384" s="53"/>
      <c r="CL1384" s="53"/>
      <c r="CM1384" s="53"/>
      <c r="CN1384" s="53"/>
    </row>
    <row r="1385" spans="1:92" outlineLevel="1">
      <c r="A1385" s="52" t="s">
        <v>784</v>
      </c>
      <c r="B1385" s="53">
        <v>16640829.152827401</v>
      </c>
      <c r="C1385" s="53">
        <v>14112477.5051479</v>
      </c>
      <c r="D1385" s="53">
        <v>14643494.0914202</v>
      </c>
      <c r="E1385" s="53">
        <v>15373692.672384201</v>
      </c>
      <c r="F1385" s="53">
        <v>19122086.996733598</v>
      </c>
      <c r="G1385" s="53">
        <v>21413072.939019501</v>
      </c>
      <c r="H1385" s="53">
        <v>23297391.657836799</v>
      </c>
      <c r="I1385" s="53">
        <v>23128843.469170898</v>
      </c>
      <c r="J1385" s="53">
        <v>21163893.731008101</v>
      </c>
      <c r="K1385" s="53">
        <v>17615008.3044894</v>
      </c>
      <c r="L1385" s="53">
        <v>14561943.2289919</v>
      </c>
      <c r="M1385" s="53">
        <v>15771978.7496479</v>
      </c>
      <c r="N1385" s="53">
        <v>216844712.498678</v>
      </c>
      <c r="O1385" s="53">
        <v>23890600.699361399</v>
      </c>
      <c r="P1385" s="53">
        <v>13132645.857476</v>
      </c>
      <c r="Q1385" s="53">
        <v>14017846.5587746</v>
      </c>
      <c r="R1385" s="53">
        <v>14883413.164417099</v>
      </c>
      <c r="S1385" s="53">
        <v>19146124.5634997</v>
      </c>
      <c r="T1385" s="53">
        <v>21883083.0494956</v>
      </c>
      <c r="U1385" s="53">
        <v>23535265.829724099</v>
      </c>
      <c r="V1385" s="53">
        <v>30807698.007134501</v>
      </c>
      <c r="W1385" s="53">
        <v>21301905.472753599</v>
      </c>
      <c r="X1385" s="53">
        <v>17545591.813265301</v>
      </c>
      <c r="Y1385" s="53">
        <v>13390007.264600201</v>
      </c>
      <c r="Z1385" s="53">
        <v>14994829.439725401</v>
      </c>
      <c r="AA1385" s="53">
        <v>228529011.72022799</v>
      </c>
      <c r="AB1385" s="53">
        <v>17796471.8473433</v>
      </c>
      <c r="AC1385" s="53">
        <v>10066898.029633099</v>
      </c>
      <c r="AD1385" s="53">
        <v>10433773.3085788</v>
      </c>
      <c r="AE1385" s="53">
        <v>11076123.1399485</v>
      </c>
      <c r="AF1385" s="53">
        <v>14448083.0643078</v>
      </c>
      <c r="AG1385" s="53">
        <v>16655550.084052799</v>
      </c>
      <c r="AH1385" s="53">
        <v>17962475.4578471</v>
      </c>
      <c r="AI1385" s="53">
        <v>23328731.218899701</v>
      </c>
      <c r="AJ1385" s="53">
        <v>16225834.9132393</v>
      </c>
      <c r="AK1385" s="53">
        <v>13264375.400407299</v>
      </c>
      <c r="AL1385" s="53">
        <v>10034282.0785136</v>
      </c>
      <c r="AM1385" s="53">
        <v>11269078.5275399</v>
      </c>
      <c r="AN1385" s="53">
        <v>172561677.07031101</v>
      </c>
      <c r="AO1385" s="53">
        <v>7616047.7915966203</v>
      </c>
      <c r="AP1385" s="53">
        <v>4147569.8892950001</v>
      </c>
      <c r="AQ1385" s="53">
        <v>4415209.5907584596</v>
      </c>
      <c r="AR1385" s="53">
        <v>4688956.31681275</v>
      </c>
      <c r="AS1385" s="53">
        <v>6160076.7882909998</v>
      </c>
      <c r="AT1385" s="53">
        <v>7143062.8352920702</v>
      </c>
      <c r="AU1385" s="53">
        <v>7716168.7555169798</v>
      </c>
      <c r="AV1385" s="53">
        <v>10022200.480316199</v>
      </c>
      <c r="AW1385" s="53">
        <v>6971916.2463786304</v>
      </c>
      <c r="AX1385" s="53">
        <v>5682120.2771463497</v>
      </c>
      <c r="AY1385" s="53">
        <v>4286475.2202229304</v>
      </c>
      <c r="AZ1385" s="53">
        <v>4827787.1215050304</v>
      </c>
      <c r="BA1385" s="53">
        <v>73677591.313132107</v>
      </c>
      <c r="BB1385" s="53">
        <v>2669516.8382770899</v>
      </c>
      <c r="BC1385" s="53">
        <v>1443230.7472713101</v>
      </c>
      <c r="BD1385" s="53">
        <v>1529792.64425271</v>
      </c>
      <c r="BE1385" s="53">
        <v>1625635.1257496299</v>
      </c>
      <c r="BF1385" s="53">
        <v>2151110.1193840601</v>
      </c>
      <c r="BG1385" s="53">
        <v>2509556.84280614</v>
      </c>
      <c r="BH1385" s="53">
        <v>2715387.88884207</v>
      </c>
      <c r="BI1385" s="53">
        <v>3528197.65830279</v>
      </c>
      <c r="BJ1385" s="53">
        <v>2453976.8162113801</v>
      </c>
      <c r="BK1385" s="53">
        <v>1993846.06522792</v>
      </c>
      <c r="BL1385" s="53">
        <v>1499665.11406314</v>
      </c>
      <c r="BM1385" s="53">
        <v>1693924.22361356</v>
      </c>
      <c r="BN1385" s="53">
        <v>25813840.084001798</v>
      </c>
      <c r="BO1385" s="53">
        <v>1246126.60198928</v>
      </c>
      <c r="BP1385" s="53">
        <v>670277.37300989998</v>
      </c>
      <c r="BQ1385" s="53">
        <v>707692.17245729605</v>
      </c>
      <c r="BR1385" s="53">
        <v>753048.39887353196</v>
      </c>
      <c r="BS1385" s="53">
        <v>1001636.68766654</v>
      </c>
      <c r="BT1385" s="53">
        <v>1174586.1171542299</v>
      </c>
      <c r="BU1385" s="53">
        <v>1272976.55270881</v>
      </c>
      <c r="BV1385" s="53">
        <v>1655207.9506409799</v>
      </c>
      <c r="BW1385" s="53">
        <v>1152851.2113354299</v>
      </c>
      <c r="BX1385" s="53">
        <v>936678.70660769904</v>
      </c>
      <c r="BY1385" s="53">
        <v>704959.33674402605</v>
      </c>
      <c r="BZ1385" s="53">
        <v>796971.47201173101</v>
      </c>
      <c r="CA1385" s="53">
        <v>12073012.5811994</v>
      </c>
      <c r="CB1385" s="53"/>
      <c r="CC1385" s="53"/>
      <c r="CD1385" s="53"/>
      <c r="CE1385" s="53"/>
      <c r="CF1385" s="53"/>
      <c r="CG1385" s="53"/>
      <c r="CH1385" s="53"/>
      <c r="CI1385" s="53"/>
      <c r="CJ1385" s="53"/>
      <c r="CK1385" s="53"/>
      <c r="CL1385" s="53"/>
      <c r="CM1385" s="53"/>
      <c r="CN1385" s="53"/>
    </row>
    <row r="1386" spans="1:92" outlineLevel="1">
      <c r="A1386" s="52" t="s">
        <v>1242</v>
      </c>
      <c r="B1386" s="53"/>
      <c r="C1386" s="53"/>
      <c r="D1386" s="53"/>
      <c r="E1386" s="53"/>
      <c r="F1386" s="53"/>
      <c r="G1386" s="53"/>
      <c r="H1386" s="53"/>
      <c r="I1386" s="53"/>
      <c r="J1386" s="53"/>
      <c r="K1386" s="53"/>
      <c r="L1386" s="53"/>
      <c r="M1386" s="53"/>
      <c r="N1386" s="53"/>
      <c r="O1386" s="53"/>
      <c r="P1386" s="53"/>
      <c r="Q1386" s="53"/>
      <c r="R1386" s="53"/>
      <c r="S1386" s="53"/>
      <c r="T1386" s="53"/>
      <c r="U1386" s="53"/>
      <c r="V1386" s="53"/>
      <c r="W1386" s="53"/>
      <c r="X1386" s="53"/>
      <c r="Y1386" s="53"/>
      <c r="Z1386" s="53"/>
      <c r="AA1386" s="53"/>
      <c r="AB1386" s="53"/>
      <c r="AC1386" s="53"/>
      <c r="AD1386" s="53"/>
      <c r="AE1386" s="53"/>
      <c r="AF1386" s="53"/>
      <c r="AG1386" s="53"/>
      <c r="AH1386" s="53"/>
      <c r="AI1386" s="53"/>
      <c r="AJ1386" s="53"/>
      <c r="AK1386" s="53"/>
      <c r="AL1386" s="53"/>
      <c r="AM1386" s="53"/>
      <c r="AN1386" s="53"/>
      <c r="AO1386" s="53"/>
      <c r="AP1386" s="53"/>
      <c r="AQ1386" s="53"/>
      <c r="AR1386" s="53"/>
      <c r="AS1386" s="53"/>
      <c r="AT1386" s="53"/>
      <c r="AU1386" s="53"/>
      <c r="AV1386" s="53"/>
      <c r="AW1386" s="53"/>
      <c r="AX1386" s="53"/>
      <c r="AY1386" s="53"/>
      <c r="AZ1386" s="53"/>
      <c r="BA1386" s="53"/>
      <c r="BB1386" s="53"/>
      <c r="BC1386" s="53"/>
      <c r="BD1386" s="53"/>
      <c r="BE1386" s="53"/>
      <c r="BF1386" s="53"/>
      <c r="BG1386" s="53"/>
      <c r="BH1386" s="53"/>
      <c r="BI1386" s="53"/>
      <c r="BJ1386" s="53"/>
      <c r="BK1386" s="53"/>
      <c r="BL1386" s="53"/>
      <c r="BM1386" s="53"/>
      <c r="BN1386" s="53"/>
      <c r="BO1386" s="53"/>
      <c r="BP1386" s="53"/>
      <c r="BQ1386" s="53"/>
      <c r="BR1386" s="53"/>
      <c r="BS1386" s="53"/>
      <c r="BT1386" s="53"/>
      <c r="BU1386" s="53"/>
      <c r="BV1386" s="53"/>
      <c r="BW1386" s="53"/>
      <c r="BX1386" s="53"/>
      <c r="BY1386" s="53"/>
      <c r="BZ1386" s="53"/>
      <c r="CA1386" s="53"/>
      <c r="CB1386" s="53"/>
      <c r="CC1386" s="53"/>
      <c r="CD1386" s="53"/>
      <c r="CE1386" s="53"/>
      <c r="CF1386" s="53"/>
      <c r="CG1386" s="53"/>
      <c r="CH1386" s="53"/>
      <c r="CI1386" s="53"/>
      <c r="CJ1386" s="53"/>
      <c r="CK1386" s="53"/>
      <c r="CL1386" s="53"/>
      <c r="CM1386" s="53"/>
      <c r="CN1386" s="53"/>
    </row>
    <row r="1387" spans="1:92" outlineLevel="1">
      <c r="A1387" s="52" t="s">
        <v>780</v>
      </c>
      <c r="B1387" s="53">
        <v>2306391.2893626802</v>
      </c>
      <c r="C1387" s="53">
        <v>2091447.52246425</v>
      </c>
      <c r="D1387" s="53">
        <v>2460797.4905141899</v>
      </c>
      <c r="E1387" s="53">
        <v>2626326.9273179602</v>
      </c>
      <c r="F1387" s="53">
        <v>2850074.3499211799</v>
      </c>
      <c r="G1387" s="53">
        <v>3026297.6823453698</v>
      </c>
      <c r="H1387" s="53">
        <v>3156738.2527633798</v>
      </c>
      <c r="I1387" s="53">
        <v>3190246.98932188</v>
      </c>
      <c r="J1387" s="53">
        <v>3018414.7975999401</v>
      </c>
      <c r="K1387" s="53">
        <v>2712976.29773321</v>
      </c>
      <c r="L1387" s="53">
        <v>2367402.6908962498</v>
      </c>
      <c r="M1387" s="53">
        <v>2408553.4009318501</v>
      </c>
      <c r="N1387" s="53">
        <v>32215667.691172201</v>
      </c>
      <c r="O1387" s="53">
        <v>3364777.5673652599</v>
      </c>
      <c r="P1387" s="53">
        <v>2147368.3977954602</v>
      </c>
      <c r="Q1387" s="53">
        <v>2378166.47871383</v>
      </c>
      <c r="R1387" s="53">
        <v>2627975.3116576499</v>
      </c>
      <c r="S1387" s="53">
        <v>2923181.3119866201</v>
      </c>
      <c r="T1387" s="53">
        <v>3044225.1169774602</v>
      </c>
      <c r="U1387" s="53">
        <v>3136195.7604975598</v>
      </c>
      <c r="V1387" s="53">
        <v>3968555.79842608</v>
      </c>
      <c r="W1387" s="53">
        <v>2976750.7988213398</v>
      </c>
      <c r="X1387" s="53">
        <v>2769167.0547698801</v>
      </c>
      <c r="Y1387" s="53">
        <v>2298036.3964059502</v>
      </c>
      <c r="Z1387" s="53">
        <v>2281572.5605825698</v>
      </c>
      <c r="AA1387" s="53">
        <v>33915972.5539997</v>
      </c>
      <c r="AB1387" s="53">
        <v>3604994.9481107499</v>
      </c>
      <c r="AC1387" s="53">
        <v>2294694.0915697599</v>
      </c>
      <c r="AD1387" s="53">
        <v>2490767.9656179198</v>
      </c>
      <c r="AE1387" s="53">
        <v>2774930.97242535</v>
      </c>
      <c r="AF1387" s="53">
        <v>3118704.3149985299</v>
      </c>
      <c r="AG1387" s="53">
        <v>3250221.56159472</v>
      </c>
      <c r="AH1387" s="53">
        <v>3331169.66592295</v>
      </c>
      <c r="AI1387" s="53">
        <v>4241416.8778311796</v>
      </c>
      <c r="AJ1387" s="53">
        <v>3178331.5213042502</v>
      </c>
      <c r="AK1387" s="53">
        <v>2938690.6225981801</v>
      </c>
      <c r="AL1387" s="53">
        <v>2412896.74651861</v>
      </c>
      <c r="AM1387" s="53">
        <v>2391232.9547714302</v>
      </c>
      <c r="AN1387" s="53">
        <v>36028052.243263699</v>
      </c>
      <c r="AO1387" s="53">
        <v>3589144.54636853</v>
      </c>
      <c r="AP1387" s="53">
        <v>2199710.1907522199</v>
      </c>
      <c r="AQ1387" s="53">
        <v>2512241.6199531201</v>
      </c>
      <c r="AR1387" s="53">
        <v>2787926.3804040202</v>
      </c>
      <c r="AS1387" s="53">
        <v>3145524.0876585599</v>
      </c>
      <c r="AT1387" s="53">
        <v>3268274.4816888198</v>
      </c>
      <c r="AU1387" s="53">
        <v>3383984.2998508299</v>
      </c>
      <c r="AV1387" s="53">
        <v>4268329.7866536602</v>
      </c>
      <c r="AW1387" s="53">
        <v>3231478.02428434</v>
      </c>
      <c r="AX1387" s="53">
        <v>2921955.75379613</v>
      </c>
      <c r="AY1387" s="53">
        <v>2428163.0530005302</v>
      </c>
      <c r="AZ1387" s="53">
        <v>2402266.0096966699</v>
      </c>
      <c r="BA1387" s="53">
        <v>36138998.234107397</v>
      </c>
      <c r="BB1387" s="53">
        <v>3649478.8322803499</v>
      </c>
      <c r="BC1387" s="53">
        <v>2274553.8234865498</v>
      </c>
      <c r="BD1387" s="53">
        <v>2564088.98016593</v>
      </c>
      <c r="BE1387" s="53">
        <v>2847354.4397871098</v>
      </c>
      <c r="BF1387" s="53">
        <v>3202814.1275263201</v>
      </c>
      <c r="BG1387" s="53">
        <v>3360055.0276434901</v>
      </c>
      <c r="BH1387" s="53">
        <v>3465773.4872959801</v>
      </c>
      <c r="BI1387" s="53">
        <v>4362038.62760753</v>
      </c>
      <c r="BJ1387" s="53">
        <v>3308613.3761847098</v>
      </c>
      <c r="BK1387" s="53">
        <v>3024848.28266613</v>
      </c>
      <c r="BL1387" s="53">
        <v>2467909.0274625602</v>
      </c>
      <c r="BM1387" s="53">
        <v>2458294.4640456801</v>
      </c>
      <c r="BN1387" s="53">
        <v>36985822.496152401</v>
      </c>
      <c r="BO1387" s="53">
        <v>3875205.2944118599</v>
      </c>
      <c r="BP1387" s="53">
        <v>2417309.06018078</v>
      </c>
      <c r="BQ1387" s="53">
        <v>2716682.0324616199</v>
      </c>
      <c r="BR1387" s="53">
        <v>3013625.9934895998</v>
      </c>
      <c r="BS1387" s="53">
        <v>3418950.6956182802</v>
      </c>
      <c r="BT1387" s="53">
        <v>3596206.8660577699</v>
      </c>
      <c r="BU1387" s="53">
        <v>3707580.2247007801</v>
      </c>
      <c r="BV1387" s="53">
        <v>4653821.0821505999</v>
      </c>
      <c r="BW1387" s="53">
        <v>3540529.9705552799</v>
      </c>
      <c r="BX1387" s="53">
        <v>3233339.8240709398</v>
      </c>
      <c r="BY1387" s="53">
        <v>2642066.1578940898</v>
      </c>
      <c r="BZ1387" s="53">
        <v>2641337.0042033801</v>
      </c>
      <c r="CA1387" s="53">
        <v>39456654.205794998</v>
      </c>
      <c r="CB1387" s="53">
        <v>-770768.18246666703</v>
      </c>
      <c r="CC1387" s="53">
        <v>-770768.18246666703</v>
      </c>
      <c r="CD1387" s="53">
        <v>-770768.18246666703</v>
      </c>
      <c r="CE1387" s="53">
        <v>-770768.18246666703</v>
      </c>
      <c r="CF1387" s="53">
        <v>-770768.18246666703</v>
      </c>
      <c r="CG1387" s="53">
        <v>-770768.18246666703</v>
      </c>
      <c r="CH1387" s="53">
        <v>-770768.18246666703</v>
      </c>
      <c r="CI1387" s="53">
        <v>-770768.18246666703</v>
      </c>
      <c r="CJ1387" s="53">
        <v>-770768.18246666703</v>
      </c>
      <c r="CK1387" s="53">
        <v>-770768.18246666703</v>
      </c>
      <c r="CL1387" s="53">
        <v>-770768.18246666703</v>
      </c>
      <c r="CM1387" s="53">
        <v>-770768.18246666703</v>
      </c>
      <c r="CN1387" s="53">
        <v>-9249218.1896000002</v>
      </c>
    </row>
    <row r="1388" spans="1:92" outlineLevel="1">
      <c r="A1388" s="52" t="s">
        <v>781</v>
      </c>
      <c r="B1388" s="53">
        <v>750346.44399159902</v>
      </c>
      <c r="C1388" s="53">
        <v>762804.71365374303</v>
      </c>
      <c r="D1388" s="53">
        <v>809673.31295403803</v>
      </c>
      <c r="E1388" s="53">
        <v>832882.45860687096</v>
      </c>
      <c r="F1388" s="53">
        <v>841308.85985299305</v>
      </c>
      <c r="G1388" s="53">
        <v>869975.89346824505</v>
      </c>
      <c r="H1388" s="53">
        <v>844238.26439932699</v>
      </c>
      <c r="I1388" s="53">
        <v>809243.65747253096</v>
      </c>
      <c r="J1388" s="53">
        <v>840991.85314578505</v>
      </c>
      <c r="K1388" s="53">
        <v>812409.20607931598</v>
      </c>
      <c r="L1388" s="53">
        <v>816926.87034450495</v>
      </c>
      <c r="M1388" s="53">
        <v>778147.24237863999</v>
      </c>
      <c r="N1388" s="53">
        <v>9768948.7763475906</v>
      </c>
      <c r="O1388" s="53">
        <v>617206.21753019199</v>
      </c>
      <c r="P1388" s="53">
        <v>680686.53853181296</v>
      </c>
      <c r="Q1388" s="53">
        <v>780651.92066063499</v>
      </c>
      <c r="R1388" s="53">
        <v>981217.99223612295</v>
      </c>
      <c r="S1388" s="53">
        <v>1102920.7953264299</v>
      </c>
      <c r="T1388" s="53">
        <v>855592.40722391405</v>
      </c>
      <c r="U1388" s="53">
        <v>828107.64264672203</v>
      </c>
      <c r="V1388" s="53">
        <v>819582.10478823795</v>
      </c>
      <c r="W1388" s="53">
        <v>799281.56259698095</v>
      </c>
      <c r="X1388" s="53">
        <v>715493.75506159698</v>
      </c>
      <c r="Y1388" s="53">
        <v>599994.19310133101</v>
      </c>
      <c r="Z1388" s="53">
        <v>664904.24848789396</v>
      </c>
      <c r="AA1388" s="53">
        <v>9445639.3781918809</v>
      </c>
      <c r="AB1388" s="53">
        <v>651635.66215175099</v>
      </c>
      <c r="AC1388" s="53">
        <v>728825.462066537</v>
      </c>
      <c r="AD1388" s="53">
        <v>826549.45057437499</v>
      </c>
      <c r="AE1388" s="53">
        <v>1040116.0259946201</v>
      </c>
      <c r="AF1388" s="53">
        <v>1169700.5413567401</v>
      </c>
      <c r="AG1388" s="53">
        <v>907292.51759016805</v>
      </c>
      <c r="AH1388" s="53">
        <v>878402.68194094696</v>
      </c>
      <c r="AI1388" s="53">
        <v>868931.80181558302</v>
      </c>
      <c r="AJ1388" s="53">
        <v>848055.80403257301</v>
      </c>
      <c r="AK1388" s="53">
        <v>759622.72313989198</v>
      </c>
      <c r="AL1388" s="53">
        <v>637003.11982202297</v>
      </c>
      <c r="AM1388" s="53">
        <v>706517.12531502999</v>
      </c>
      <c r="AN1388" s="53">
        <v>10022652.915800201</v>
      </c>
      <c r="AO1388" s="53">
        <v>655324.43561757996</v>
      </c>
      <c r="AP1388" s="53">
        <v>723386.27571018797</v>
      </c>
      <c r="AQ1388" s="53">
        <v>829621.62236858602</v>
      </c>
      <c r="AR1388" s="53">
        <v>1042811.25906978</v>
      </c>
      <c r="AS1388" s="53">
        <v>1172185.15571155</v>
      </c>
      <c r="AT1388" s="53">
        <v>909905.71071515104</v>
      </c>
      <c r="AU1388" s="53">
        <v>880986.53442406096</v>
      </c>
      <c r="AV1388" s="53">
        <v>871448.69668403803</v>
      </c>
      <c r="AW1388" s="53">
        <v>850434.37560255895</v>
      </c>
      <c r="AX1388" s="53">
        <v>761905.36156053003</v>
      </c>
      <c r="AY1388" s="53">
        <v>639219.35725932999</v>
      </c>
      <c r="AZ1388" s="53">
        <v>708670.408014204</v>
      </c>
      <c r="BA1388" s="53">
        <v>10045899.192737499</v>
      </c>
      <c r="BB1388" s="53">
        <v>667493.08646829205</v>
      </c>
      <c r="BC1388" s="53">
        <v>736582.21998248203</v>
      </c>
      <c r="BD1388" s="53">
        <v>844491.29520795797</v>
      </c>
      <c r="BE1388" s="53">
        <v>1060740.83940959</v>
      </c>
      <c r="BF1388" s="53">
        <v>1192002.5782800301</v>
      </c>
      <c r="BG1388" s="53">
        <v>926008.19600348501</v>
      </c>
      <c r="BH1388" s="53">
        <v>896763.46131126594</v>
      </c>
      <c r="BI1388" s="53">
        <v>887172.86591012403</v>
      </c>
      <c r="BJ1388" s="53">
        <v>865869.08595403295</v>
      </c>
      <c r="BK1388" s="53">
        <v>776090.85285666306</v>
      </c>
      <c r="BL1388" s="53">
        <v>651640.946187553</v>
      </c>
      <c r="BM1388" s="53">
        <v>722202.63184287003</v>
      </c>
      <c r="BN1388" s="53">
        <v>10227058.059414299</v>
      </c>
      <c r="BO1388" s="53">
        <v>712010.52837916999</v>
      </c>
      <c r="BP1388" s="53">
        <v>785406.697641626</v>
      </c>
      <c r="BQ1388" s="53">
        <v>900197.26565485599</v>
      </c>
      <c r="BR1388" s="53">
        <v>1129866.7476232201</v>
      </c>
      <c r="BS1388" s="53">
        <v>1269454.4373291801</v>
      </c>
      <c r="BT1388" s="53">
        <v>987471.65260446002</v>
      </c>
      <c r="BU1388" s="53">
        <v>956672.67629345902</v>
      </c>
      <c r="BV1388" s="53">
        <v>946655.14711066301</v>
      </c>
      <c r="BW1388" s="53">
        <v>924124.85853172897</v>
      </c>
      <c r="BX1388" s="53">
        <v>828976.50587287406</v>
      </c>
      <c r="BY1388" s="53">
        <v>696975.90863978595</v>
      </c>
      <c r="BZ1388" s="53">
        <v>771928.35306081595</v>
      </c>
      <c r="CA1388" s="53">
        <v>10909740.778741799</v>
      </c>
      <c r="CB1388" s="53"/>
      <c r="CC1388" s="53"/>
      <c r="CD1388" s="53"/>
      <c r="CE1388" s="53"/>
      <c r="CF1388" s="53"/>
      <c r="CG1388" s="53"/>
      <c r="CH1388" s="53"/>
      <c r="CI1388" s="53"/>
      <c r="CJ1388" s="53"/>
      <c r="CK1388" s="53"/>
      <c r="CL1388" s="53"/>
      <c r="CM1388" s="53"/>
      <c r="CN1388" s="53"/>
    </row>
    <row r="1389" spans="1:92" outlineLevel="1">
      <c r="A1389" s="52" t="s">
        <v>782</v>
      </c>
      <c r="B1389" s="53">
        <v>5002.5063204552998</v>
      </c>
      <c r="C1389" s="53">
        <v>5001.6712416300397</v>
      </c>
      <c r="D1389" s="53">
        <v>5000.3377525658598</v>
      </c>
      <c r="E1389" s="53">
        <v>4998.7204027978796</v>
      </c>
      <c r="F1389" s="53">
        <v>4996.9427266878602</v>
      </c>
      <c r="G1389" s="53">
        <v>4995.0758437123995</v>
      </c>
      <c r="H1389" s="53">
        <v>4993.1606881678799</v>
      </c>
      <c r="I1389" s="53">
        <v>4991.2208111341297</v>
      </c>
      <c r="J1389" s="53">
        <v>4989.2697530502601</v>
      </c>
      <c r="K1389" s="53">
        <v>4987.3152895343201</v>
      </c>
      <c r="L1389" s="53">
        <v>4985.3618765221399</v>
      </c>
      <c r="M1389" s="53">
        <v>4983.4120584041602</v>
      </c>
      <c r="N1389" s="53">
        <v>59924.994764662297</v>
      </c>
      <c r="O1389" s="53">
        <v>7480.2857124983702</v>
      </c>
      <c r="P1389" s="53">
        <v>7429.4176892083897</v>
      </c>
      <c r="Q1389" s="53">
        <v>7382.5219441416102</v>
      </c>
      <c r="R1389" s="53">
        <v>7339.34127942747</v>
      </c>
      <c r="S1389" s="53">
        <v>7299.6470747365802</v>
      </c>
      <c r="T1389" s="53">
        <v>7263.1249771160101</v>
      </c>
      <c r="U1389" s="53">
        <v>7229.63209885991</v>
      </c>
      <c r="V1389" s="53">
        <v>7198.9112420976999</v>
      </c>
      <c r="W1389" s="53">
        <v>7170.7909415823297</v>
      </c>
      <c r="X1389" s="53">
        <v>7145.0997320667702</v>
      </c>
      <c r="Y1389" s="53">
        <v>7121.6375707628004</v>
      </c>
      <c r="Z1389" s="53">
        <v>7100.2615699645303</v>
      </c>
      <c r="AA1389" s="53">
        <v>87160.671832462496</v>
      </c>
      <c r="AB1389" s="53">
        <v>7464.49090879097</v>
      </c>
      <c r="AC1389" s="53">
        <v>7445.9333148358901</v>
      </c>
      <c r="AD1389" s="53">
        <v>7429.1531527693596</v>
      </c>
      <c r="AE1389" s="53">
        <v>7413.9997927703198</v>
      </c>
      <c r="AF1389" s="53">
        <v>7400.4129829103404</v>
      </c>
      <c r="AG1389" s="53">
        <v>7388.2420933683698</v>
      </c>
      <c r="AH1389" s="53">
        <v>7377.3967462517603</v>
      </c>
      <c r="AI1389" s="53">
        <v>7367.7865636678798</v>
      </c>
      <c r="AJ1389" s="53">
        <v>7359.3512936882998</v>
      </c>
      <c r="AK1389" s="53">
        <v>7351.9704324561599</v>
      </c>
      <c r="AL1389" s="53">
        <v>7345.5837280430496</v>
      </c>
      <c r="AM1389" s="53">
        <v>7340.1309285205298</v>
      </c>
      <c r="AN1389" s="53">
        <v>88684.451938072903</v>
      </c>
      <c r="AO1389" s="53">
        <v>7329.8630568033996</v>
      </c>
      <c r="AP1389" s="53">
        <v>7326.0701134363599</v>
      </c>
      <c r="AQ1389" s="53">
        <v>7323.0297381976998</v>
      </c>
      <c r="AR1389" s="53">
        <v>7320.6516229120198</v>
      </c>
      <c r="AS1389" s="53">
        <v>7318.9357675793099</v>
      </c>
      <c r="AT1389" s="53">
        <v>7317.7918640241696</v>
      </c>
      <c r="AU1389" s="53">
        <v>7317.2199122466</v>
      </c>
      <c r="AV1389" s="53">
        <v>7317.1597067963303</v>
      </c>
      <c r="AW1389" s="53">
        <v>7317.5811449482198</v>
      </c>
      <c r="AX1389" s="53">
        <v>7318.4541239771497</v>
      </c>
      <c r="AY1389" s="53">
        <v>7319.7184384328302</v>
      </c>
      <c r="AZ1389" s="53">
        <v>7321.3740883152605</v>
      </c>
      <c r="BA1389" s="53">
        <v>87847.849577669404</v>
      </c>
      <c r="BB1389" s="53">
        <v>7427.9476019296999</v>
      </c>
      <c r="BC1389" s="53">
        <v>7430.3291372509402</v>
      </c>
      <c r="BD1389" s="53">
        <v>7432.9854651092401</v>
      </c>
      <c r="BE1389" s="53">
        <v>7435.9471180087303</v>
      </c>
      <c r="BF1389" s="53">
        <v>7439.18356344528</v>
      </c>
      <c r="BG1389" s="53">
        <v>7442.6642689147802</v>
      </c>
      <c r="BH1389" s="53">
        <v>7446.3587019131101</v>
      </c>
      <c r="BI1389" s="53">
        <v>7450.2668624402704</v>
      </c>
      <c r="BJ1389" s="53">
        <v>7454.3887504962504</v>
      </c>
      <c r="BK1389" s="53">
        <v>7458.6633010728301</v>
      </c>
      <c r="BL1389" s="53">
        <v>7463.1210466741204</v>
      </c>
      <c r="BM1389" s="53">
        <v>7467.7314547960004</v>
      </c>
      <c r="BN1389" s="53">
        <v>89349.5872720513</v>
      </c>
      <c r="BO1389" s="53">
        <v>7928.7162196380496</v>
      </c>
      <c r="BP1389" s="53">
        <v>7933.8996999114097</v>
      </c>
      <c r="BQ1389" s="53">
        <v>7939.1803704398999</v>
      </c>
      <c r="BR1389" s="53">
        <v>7944.6230247269305</v>
      </c>
      <c r="BS1389" s="53">
        <v>7950.1304725173804</v>
      </c>
      <c r="BT1389" s="53">
        <v>7955.7675073146602</v>
      </c>
      <c r="BU1389" s="53">
        <v>7961.4693356153603</v>
      </c>
      <c r="BV1389" s="53">
        <v>7967.2683541711804</v>
      </c>
      <c r="BW1389" s="53">
        <v>7973.1321662304199</v>
      </c>
      <c r="BX1389" s="53">
        <v>7979.0931685447904</v>
      </c>
      <c r="BY1389" s="53">
        <v>7985.0865676108597</v>
      </c>
      <c r="BZ1389" s="53">
        <v>7991.1447601803602</v>
      </c>
      <c r="CA1389" s="53">
        <v>95509.511646901301</v>
      </c>
      <c r="CB1389" s="53">
        <v>-317982.89999999898</v>
      </c>
      <c r="CC1389" s="53">
        <v>-317982.89999999898</v>
      </c>
      <c r="CD1389" s="53">
        <v>-317982.89999999898</v>
      </c>
      <c r="CE1389" s="53">
        <v>-317982.89999999898</v>
      </c>
      <c r="CF1389" s="53">
        <v>-317982.89999999898</v>
      </c>
      <c r="CG1389" s="53">
        <v>-317982.89999999898</v>
      </c>
      <c r="CH1389" s="53">
        <v>-317982.89999999898</v>
      </c>
      <c r="CI1389" s="53">
        <v>-317982.89999999898</v>
      </c>
      <c r="CJ1389" s="53">
        <v>-317982.89999999898</v>
      </c>
      <c r="CK1389" s="53">
        <v>-317982.89999999898</v>
      </c>
      <c r="CL1389" s="53">
        <v>-317982.89999999898</v>
      </c>
      <c r="CM1389" s="53">
        <v>-317982.89999999898</v>
      </c>
      <c r="CN1389" s="53">
        <v>-3815794.8</v>
      </c>
    </row>
    <row r="1390" spans="1:92" outlineLevel="1">
      <c r="A1390" s="52" t="s">
        <v>783</v>
      </c>
      <c r="B1390" s="53">
        <v>670104.434623532</v>
      </c>
      <c r="C1390" s="53">
        <v>664881.04887130903</v>
      </c>
      <c r="D1390" s="53">
        <v>686204.46903309599</v>
      </c>
      <c r="E1390" s="53">
        <v>728793.33163756004</v>
      </c>
      <c r="F1390" s="53">
        <v>800972.53435150697</v>
      </c>
      <c r="G1390" s="53">
        <v>812956.92148766702</v>
      </c>
      <c r="H1390" s="53">
        <v>767535.41520081798</v>
      </c>
      <c r="I1390" s="53">
        <v>797237.62609605701</v>
      </c>
      <c r="J1390" s="53">
        <v>836152.54316534498</v>
      </c>
      <c r="K1390" s="53">
        <v>772016.24778284703</v>
      </c>
      <c r="L1390" s="53">
        <v>687676.14063886902</v>
      </c>
      <c r="M1390" s="53">
        <v>672232.81347577204</v>
      </c>
      <c r="N1390" s="53">
        <v>8896763.5263643805</v>
      </c>
      <c r="O1390" s="53">
        <v>744321.14967823296</v>
      </c>
      <c r="P1390" s="53">
        <v>656221.76277328201</v>
      </c>
      <c r="Q1390" s="53">
        <v>681520.88842393295</v>
      </c>
      <c r="R1390" s="53">
        <v>736463.897620106</v>
      </c>
      <c r="S1390" s="53">
        <v>807528.81235951104</v>
      </c>
      <c r="T1390" s="53">
        <v>809984.62336031196</v>
      </c>
      <c r="U1390" s="53">
        <v>832366.58218544698</v>
      </c>
      <c r="V1390" s="53">
        <v>796810.69123198197</v>
      </c>
      <c r="W1390" s="53">
        <v>841913.25274516596</v>
      </c>
      <c r="X1390" s="53">
        <v>778621.54351529398</v>
      </c>
      <c r="Y1390" s="53">
        <v>683046.10037393903</v>
      </c>
      <c r="Z1390" s="53">
        <v>660242.25130844896</v>
      </c>
      <c r="AA1390" s="53">
        <v>9029041.5555756502</v>
      </c>
      <c r="AB1390" s="53">
        <v>783000.95338445297</v>
      </c>
      <c r="AC1390" s="53">
        <v>691143.60476952395</v>
      </c>
      <c r="AD1390" s="53">
        <v>717198.19554878597</v>
      </c>
      <c r="AE1390" s="53">
        <v>775136.51017477305</v>
      </c>
      <c r="AF1390" s="53">
        <v>849972.93001718295</v>
      </c>
      <c r="AG1390" s="53">
        <v>852462.78070744302</v>
      </c>
      <c r="AH1390" s="53">
        <v>875984.98293497704</v>
      </c>
      <c r="AI1390" s="53">
        <v>838330.11850189802</v>
      </c>
      <c r="AJ1390" s="53">
        <v>886017.98342658696</v>
      </c>
      <c r="AK1390" s="53">
        <v>819362.05828441295</v>
      </c>
      <c r="AL1390" s="53">
        <v>718565.82394615398</v>
      </c>
      <c r="AM1390" s="53">
        <v>694251.94150507206</v>
      </c>
      <c r="AN1390" s="53">
        <v>9501427.8832012601</v>
      </c>
      <c r="AO1390" s="53">
        <v>779923.16707387206</v>
      </c>
      <c r="AP1390" s="53">
        <v>687620.80653886695</v>
      </c>
      <c r="AQ1390" s="53">
        <v>714818.94982852601</v>
      </c>
      <c r="AR1390" s="53">
        <v>772754.53421289299</v>
      </c>
      <c r="AS1390" s="53">
        <v>847424.94596534001</v>
      </c>
      <c r="AT1390" s="53">
        <v>849774.40345669398</v>
      </c>
      <c r="AU1390" s="53">
        <v>873184.11878808402</v>
      </c>
      <c r="AV1390" s="53">
        <v>835315.703341541</v>
      </c>
      <c r="AW1390" s="53">
        <v>883212.75135871198</v>
      </c>
      <c r="AX1390" s="53">
        <v>816733.59214281302</v>
      </c>
      <c r="AY1390" s="53">
        <v>715961.76968555897</v>
      </c>
      <c r="AZ1390" s="53">
        <v>691236.35454668396</v>
      </c>
      <c r="BA1390" s="53">
        <v>9467961.0969395898</v>
      </c>
      <c r="BB1390" s="53">
        <v>789303.67188389297</v>
      </c>
      <c r="BC1390" s="53">
        <v>695887.00240074797</v>
      </c>
      <c r="BD1390" s="53">
        <v>723704.28146042302</v>
      </c>
      <c r="BE1390" s="53">
        <v>782497.94618339301</v>
      </c>
      <c r="BF1390" s="53">
        <v>858159.65919663501</v>
      </c>
      <c r="BG1390" s="53">
        <v>860440.68151431403</v>
      </c>
      <c r="BH1390" s="53">
        <v>884109.57030442695</v>
      </c>
      <c r="BI1390" s="53">
        <v>845525.98070752295</v>
      </c>
      <c r="BJ1390" s="53">
        <v>894273.44400289597</v>
      </c>
      <c r="BK1390" s="53">
        <v>826932.57114202296</v>
      </c>
      <c r="BL1390" s="53">
        <v>724686.206792871</v>
      </c>
      <c r="BM1390" s="53">
        <v>699309.32972237305</v>
      </c>
      <c r="BN1390" s="53">
        <v>9584830.3453115206</v>
      </c>
      <c r="BO1390" s="53">
        <v>835643.91935824498</v>
      </c>
      <c r="BP1390" s="53">
        <v>736723.904468733</v>
      </c>
      <c r="BQ1390" s="53">
        <v>766463.60418912105</v>
      </c>
      <c r="BR1390" s="53">
        <v>828859.164838186</v>
      </c>
      <c r="BS1390" s="53">
        <v>909044.23540491995</v>
      </c>
      <c r="BT1390" s="53">
        <v>911344.11320545897</v>
      </c>
      <c r="BU1390" s="53">
        <v>936367.62339912797</v>
      </c>
      <c r="BV1390" s="53">
        <v>895230.29287316196</v>
      </c>
      <c r="BW1390" s="53">
        <v>947108.08609630005</v>
      </c>
      <c r="BX1390" s="53">
        <v>875726.28206157498</v>
      </c>
      <c r="BY1390" s="53">
        <v>767185.14464317297</v>
      </c>
      <c r="BZ1390" s="53">
        <v>739943.72043078695</v>
      </c>
      <c r="CA1390" s="53">
        <v>10149640.0909687</v>
      </c>
      <c r="CB1390" s="53"/>
      <c r="CC1390" s="53"/>
      <c r="CD1390" s="53"/>
      <c r="CE1390" s="53"/>
      <c r="CF1390" s="53"/>
      <c r="CG1390" s="53"/>
      <c r="CH1390" s="53"/>
      <c r="CI1390" s="53"/>
      <c r="CJ1390" s="53"/>
      <c r="CK1390" s="53"/>
      <c r="CL1390" s="53"/>
      <c r="CM1390" s="53"/>
      <c r="CN1390" s="53"/>
    </row>
    <row r="1391" spans="1:92" outlineLevel="1">
      <c r="A1391" s="52" t="s">
        <v>784</v>
      </c>
      <c r="B1391" s="53">
        <v>4515395.7654603003</v>
      </c>
      <c r="C1391" s="53">
        <v>3829341.71017983</v>
      </c>
      <c r="D1391" s="53">
        <v>3973430.08600668</v>
      </c>
      <c r="E1391" s="53">
        <v>4171565.3802368799</v>
      </c>
      <c r="F1391" s="53">
        <v>5188671.1809155196</v>
      </c>
      <c r="G1391" s="53">
        <v>5810317.3818062404</v>
      </c>
      <c r="H1391" s="53">
        <v>6321616.7098375997</v>
      </c>
      <c r="I1391" s="53">
        <v>6275882.1030828198</v>
      </c>
      <c r="J1391" s="53">
        <v>5742703.9996627104</v>
      </c>
      <c r="K1391" s="53">
        <v>4779733.8207228202</v>
      </c>
      <c r="L1391" s="53">
        <v>3951301.7163505401</v>
      </c>
      <c r="M1391" s="53">
        <v>4279638.0760263698</v>
      </c>
      <c r="N1391" s="53">
        <v>58839597.930288397</v>
      </c>
      <c r="O1391" s="53">
        <v>6304393.5928515298</v>
      </c>
      <c r="P1391" s="53">
        <v>3465520.5803709002</v>
      </c>
      <c r="Q1391" s="53">
        <v>3699112.5984151899</v>
      </c>
      <c r="R1391" s="53">
        <v>3927523.4546957798</v>
      </c>
      <c r="S1391" s="53">
        <v>5052393.0538628604</v>
      </c>
      <c r="T1391" s="53">
        <v>5774637.9132595798</v>
      </c>
      <c r="U1391" s="53">
        <v>6210625.71720671</v>
      </c>
      <c r="V1391" s="53">
        <v>8129718.3093380798</v>
      </c>
      <c r="W1391" s="53">
        <v>5621273.3228406003</v>
      </c>
      <c r="X1391" s="53">
        <v>4630034.9665672099</v>
      </c>
      <c r="Y1391" s="53">
        <v>3533434.63688786</v>
      </c>
      <c r="Z1391" s="53">
        <v>3956924.6430975399</v>
      </c>
      <c r="AA1391" s="53">
        <v>60305592.789393902</v>
      </c>
      <c r="AB1391" s="53">
        <v>6726964.9303259701</v>
      </c>
      <c r="AC1391" s="53">
        <v>3805230.0806251601</v>
      </c>
      <c r="AD1391" s="53">
        <v>3943906.8451232798</v>
      </c>
      <c r="AE1391" s="53">
        <v>4186711.4204172101</v>
      </c>
      <c r="AF1391" s="53">
        <v>5461293.0539119104</v>
      </c>
      <c r="AG1391" s="53">
        <v>6295703.00629206</v>
      </c>
      <c r="AH1391" s="53">
        <v>6789713.3489869898</v>
      </c>
      <c r="AI1391" s="53">
        <v>8818127.4426012598</v>
      </c>
      <c r="AJ1391" s="53">
        <v>6133273.12081319</v>
      </c>
      <c r="AK1391" s="53">
        <v>5013858.3032983998</v>
      </c>
      <c r="AL1391" s="53">
        <v>3792901.4369910802</v>
      </c>
      <c r="AM1391" s="53">
        <v>4259647.4572102698</v>
      </c>
      <c r="AN1391" s="53">
        <v>65227330.446596801</v>
      </c>
      <c r="AO1391" s="53">
        <v>6715028.6656323802</v>
      </c>
      <c r="AP1391" s="53">
        <v>3656890.2219941299</v>
      </c>
      <c r="AQ1391" s="53">
        <v>3892866.7174897902</v>
      </c>
      <c r="AR1391" s="53">
        <v>4134227.7439536401</v>
      </c>
      <c r="AS1391" s="53">
        <v>5431306.8073853301</v>
      </c>
      <c r="AT1391" s="53">
        <v>6298000.3555550296</v>
      </c>
      <c r="AU1391" s="53">
        <v>6803304.7848418504</v>
      </c>
      <c r="AV1391" s="53">
        <v>8836520.6416239794</v>
      </c>
      <c r="AW1391" s="53">
        <v>6147101.3220895296</v>
      </c>
      <c r="AX1391" s="53">
        <v>5009895.1039551999</v>
      </c>
      <c r="AY1391" s="53">
        <v>3779362.3104727999</v>
      </c>
      <c r="AZ1391" s="53">
        <v>4256634.12304834</v>
      </c>
      <c r="BA1391" s="53">
        <v>64961138.798041999</v>
      </c>
      <c r="BB1391" s="53">
        <v>6793477.4712972799</v>
      </c>
      <c r="BC1391" s="53">
        <v>3672782.8148104302</v>
      </c>
      <c r="BD1391" s="53">
        <v>3893068.4817086598</v>
      </c>
      <c r="BE1391" s="53">
        <v>4136971.69651765</v>
      </c>
      <c r="BF1391" s="53">
        <v>5474218.3771902304</v>
      </c>
      <c r="BG1391" s="53">
        <v>6386405.8207426798</v>
      </c>
      <c r="BH1391" s="53">
        <v>6910211.6848184802</v>
      </c>
      <c r="BI1391" s="53">
        <v>8978677.7001313996</v>
      </c>
      <c r="BJ1391" s="53">
        <v>6244963.8739785301</v>
      </c>
      <c r="BK1391" s="53">
        <v>5074007.4500158001</v>
      </c>
      <c r="BL1391" s="53">
        <v>3816398.9156381199</v>
      </c>
      <c r="BM1391" s="53">
        <v>4310756.1211827798</v>
      </c>
      <c r="BN1391" s="53">
        <v>65691940.408032</v>
      </c>
      <c r="BO1391" s="53">
        <v>7187175.22430484</v>
      </c>
      <c r="BP1391" s="53">
        <v>3865900.0787066901</v>
      </c>
      <c r="BQ1391" s="53">
        <v>4081694.13942362</v>
      </c>
      <c r="BR1391" s="53">
        <v>4343291.2726894803</v>
      </c>
      <c r="BS1391" s="53">
        <v>5777052.1661759699</v>
      </c>
      <c r="BT1391" s="53">
        <v>6774557.4378612796</v>
      </c>
      <c r="BU1391" s="53">
        <v>7342035.33264142</v>
      </c>
      <c r="BV1391" s="53">
        <v>9546597.8777183294</v>
      </c>
      <c r="BW1391" s="53">
        <v>6649198.9258496501</v>
      </c>
      <c r="BX1391" s="53">
        <v>5402399.71004376</v>
      </c>
      <c r="BY1391" s="53">
        <v>4065932.2023145398</v>
      </c>
      <c r="BZ1391" s="53">
        <v>4596622.5333577404</v>
      </c>
      <c r="CA1391" s="53">
        <v>69632456.901087299</v>
      </c>
      <c r="CB1391" s="53"/>
      <c r="CC1391" s="53"/>
      <c r="CD1391" s="53"/>
      <c r="CE1391" s="53"/>
      <c r="CF1391" s="53"/>
      <c r="CG1391" s="53"/>
      <c r="CH1391" s="53"/>
      <c r="CI1391" s="53"/>
      <c r="CJ1391" s="53"/>
      <c r="CK1391" s="53"/>
      <c r="CL1391" s="53"/>
      <c r="CM1391" s="53"/>
      <c r="CN1391" s="53"/>
    </row>
    <row r="1392" spans="1:92" outlineLevel="1">
      <c r="A1392" s="52" t="s">
        <v>1243</v>
      </c>
      <c r="B1392" s="53"/>
      <c r="C1392" s="53"/>
      <c r="D1392" s="53"/>
      <c r="E1392" s="53"/>
      <c r="F1392" s="53"/>
      <c r="G1392" s="53"/>
      <c r="H1392" s="53"/>
      <c r="I1392" s="53"/>
      <c r="J1392" s="53"/>
      <c r="K1392" s="53"/>
      <c r="L1392" s="53"/>
      <c r="M1392" s="53"/>
      <c r="N1392" s="53"/>
      <c r="O1392" s="53"/>
      <c r="P1392" s="53"/>
      <c r="Q1392" s="53"/>
      <c r="R1392" s="53"/>
      <c r="S1392" s="53"/>
      <c r="T1392" s="53"/>
      <c r="U1392" s="53"/>
      <c r="V1392" s="53"/>
      <c r="W1392" s="53"/>
      <c r="X1392" s="53"/>
      <c r="Y1392" s="53"/>
      <c r="Z1392" s="53"/>
      <c r="AA1392" s="53"/>
      <c r="AB1392" s="53"/>
      <c r="AC1392" s="53"/>
      <c r="AD1392" s="53"/>
      <c r="AE1392" s="53"/>
      <c r="AF1392" s="53"/>
      <c r="AG1392" s="53"/>
      <c r="AH1392" s="53"/>
      <c r="AI1392" s="53"/>
      <c r="AJ1392" s="53"/>
      <c r="AK1392" s="53"/>
      <c r="AL1392" s="53"/>
      <c r="AM1392" s="53"/>
      <c r="AN1392" s="53"/>
      <c r="AO1392" s="53"/>
      <c r="AP1392" s="53"/>
      <c r="AQ1392" s="53"/>
      <c r="AR1392" s="53"/>
      <c r="AS1392" s="53"/>
      <c r="AT1392" s="53"/>
      <c r="AU1392" s="53"/>
      <c r="AV1392" s="53"/>
      <c r="AW1392" s="53"/>
      <c r="AX1392" s="53"/>
      <c r="AY1392" s="53"/>
      <c r="AZ1392" s="53"/>
      <c r="BA1392" s="53"/>
      <c r="BB1392" s="53"/>
      <c r="BC1392" s="53"/>
      <c r="BD1392" s="53"/>
      <c r="BE1392" s="53"/>
      <c r="BF1392" s="53"/>
      <c r="BG1392" s="53"/>
      <c r="BH1392" s="53"/>
      <c r="BI1392" s="53"/>
      <c r="BJ1392" s="53"/>
      <c r="BK1392" s="53"/>
      <c r="BL1392" s="53"/>
      <c r="BM1392" s="53"/>
      <c r="BN1392" s="53"/>
      <c r="BO1392" s="53"/>
      <c r="BP1392" s="53"/>
      <c r="BQ1392" s="53"/>
      <c r="BR1392" s="53"/>
      <c r="BS1392" s="53"/>
      <c r="BT1392" s="53"/>
      <c r="BU1392" s="53"/>
      <c r="BV1392" s="53"/>
      <c r="BW1392" s="53"/>
      <c r="BX1392" s="53"/>
      <c r="BY1392" s="53"/>
      <c r="BZ1392" s="53"/>
      <c r="CA1392" s="53"/>
      <c r="CB1392" s="53"/>
      <c r="CC1392" s="53"/>
      <c r="CD1392" s="53"/>
      <c r="CE1392" s="53"/>
      <c r="CF1392" s="53"/>
      <c r="CG1392" s="53"/>
      <c r="CH1392" s="53"/>
      <c r="CI1392" s="53"/>
      <c r="CJ1392" s="53"/>
      <c r="CK1392" s="53"/>
      <c r="CL1392" s="53"/>
      <c r="CM1392" s="53"/>
      <c r="CN1392" s="53"/>
    </row>
    <row r="1393" spans="1:92" outlineLevel="1">
      <c r="A1393" s="52" t="s">
        <v>780</v>
      </c>
      <c r="B1393" s="53">
        <v>224908.54613512801</v>
      </c>
      <c r="C1393" s="53">
        <v>203948.230191821</v>
      </c>
      <c r="D1393" s="53">
        <v>239965.520368164</v>
      </c>
      <c r="E1393" s="53">
        <v>256107.180781906</v>
      </c>
      <c r="F1393" s="53">
        <v>277925.98826321401</v>
      </c>
      <c r="G1393" s="53">
        <v>295110.46761561598</v>
      </c>
      <c r="H1393" s="53">
        <v>307830.42505954899</v>
      </c>
      <c r="I1393" s="53">
        <v>311098.04112147097</v>
      </c>
      <c r="J1393" s="53">
        <v>294341.76537691802</v>
      </c>
      <c r="K1393" s="53">
        <v>264556.82417654502</v>
      </c>
      <c r="L1393" s="53">
        <v>230858.094106398</v>
      </c>
      <c r="M1393" s="53">
        <v>234870.91986116901</v>
      </c>
      <c r="N1393" s="53">
        <v>3141522.0030578999</v>
      </c>
      <c r="O1393" s="53">
        <v>259032.45499999999</v>
      </c>
      <c r="P1393" s="53">
        <v>165311.99960000001</v>
      </c>
      <c r="Q1393" s="53">
        <v>183079.65059999999</v>
      </c>
      <c r="R1393" s="53">
        <v>202310.81639999899</v>
      </c>
      <c r="S1393" s="53">
        <v>225036.81640000001</v>
      </c>
      <c r="T1393" s="53">
        <v>234355.19579999999</v>
      </c>
      <c r="U1393" s="53">
        <v>241435.42060000001</v>
      </c>
      <c r="V1393" s="53">
        <v>305513.43459999998</v>
      </c>
      <c r="W1393" s="53">
        <v>229160.78460000001</v>
      </c>
      <c r="X1393" s="53">
        <v>213180.25520000001</v>
      </c>
      <c r="Y1393" s="53">
        <v>176910.954</v>
      </c>
      <c r="Z1393" s="53">
        <v>175643.5098</v>
      </c>
      <c r="AA1393" s="53">
        <v>2610971.2925999998</v>
      </c>
      <c r="AB1393" s="53">
        <v>267439.850593874</v>
      </c>
      <c r="AC1393" s="53">
        <v>170233.981972618</v>
      </c>
      <c r="AD1393" s="53">
        <v>184779.90182426199</v>
      </c>
      <c r="AE1393" s="53">
        <v>205860.79463514101</v>
      </c>
      <c r="AF1393" s="53">
        <v>231363.93477799001</v>
      </c>
      <c r="AG1393" s="53">
        <v>241120.6621206</v>
      </c>
      <c r="AH1393" s="53">
        <v>247125.87134807499</v>
      </c>
      <c r="AI1393" s="53">
        <v>314653.394093649</v>
      </c>
      <c r="AJ1393" s="53">
        <v>235787.433666411</v>
      </c>
      <c r="AK1393" s="53">
        <v>218009.45420496399</v>
      </c>
      <c r="AL1393" s="53">
        <v>179002.954144377</v>
      </c>
      <c r="AM1393" s="53">
        <v>177395.80592044001</v>
      </c>
      <c r="AN1393" s="53">
        <v>2672774.0393023998</v>
      </c>
      <c r="AO1393" s="53">
        <v>322422.06695938401</v>
      </c>
      <c r="AP1393" s="53">
        <v>197605.61249380399</v>
      </c>
      <c r="AQ1393" s="53">
        <v>225681.112962204</v>
      </c>
      <c r="AR1393" s="53">
        <v>250446.58260140201</v>
      </c>
      <c r="AS1393" s="53">
        <v>282570.50250025402</v>
      </c>
      <c r="AT1393" s="53">
        <v>293597.48546290997</v>
      </c>
      <c r="AU1393" s="53">
        <v>303991.99542407499</v>
      </c>
      <c r="AV1393" s="53">
        <v>383435.02037821501</v>
      </c>
      <c r="AW1393" s="53">
        <v>290291.965247755</v>
      </c>
      <c r="AX1393" s="53">
        <v>262486.785230209</v>
      </c>
      <c r="AY1393" s="53">
        <v>218128.11948601101</v>
      </c>
      <c r="AZ1393" s="53">
        <v>215801.72161534999</v>
      </c>
      <c r="BA1393" s="53">
        <v>3246458.9703615699</v>
      </c>
      <c r="BB1393" s="53">
        <v>322567.005416459</v>
      </c>
      <c r="BC1393" s="53">
        <v>201041.31280634599</v>
      </c>
      <c r="BD1393" s="53">
        <v>226632.49794400501</v>
      </c>
      <c r="BE1393" s="53">
        <v>251669.52247466301</v>
      </c>
      <c r="BF1393" s="53">
        <v>283087.58853004599</v>
      </c>
      <c r="BG1393" s="53">
        <v>296985.66236764402</v>
      </c>
      <c r="BH1393" s="53">
        <v>306329.81492052699</v>
      </c>
      <c r="BI1393" s="53">
        <v>385548.12955007498</v>
      </c>
      <c r="BJ1393" s="53">
        <v>292438.88179230102</v>
      </c>
      <c r="BK1393" s="53">
        <v>267357.69604918198</v>
      </c>
      <c r="BL1393" s="53">
        <v>218131.426763592</v>
      </c>
      <c r="BM1393" s="53">
        <v>217281.622977272</v>
      </c>
      <c r="BN1393" s="53">
        <v>3269071.1615921101</v>
      </c>
      <c r="BO1393" s="53">
        <v>321755.78060660802</v>
      </c>
      <c r="BP1393" s="53">
        <v>200707.60244559901</v>
      </c>
      <c r="BQ1393" s="53">
        <v>225564.346042549</v>
      </c>
      <c r="BR1393" s="53">
        <v>250219.410411591</v>
      </c>
      <c r="BS1393" s="53">
        <v>283873.25737567799</v>
      </c>
      <c r="BT1393" s="53">
        <v>298590.72216892103</v>
      </c>
      <c r="BU1393" s="53">
        <v>307837.97985631099</v>
      </c>
      <c r="BV1393" s="53">
        <v>386403.74414489401</v>
      </c>
      <c r="BW1393" s="53">
        <v>293967.90566936898</v>
      </c>
      <c r="BX1393" s="53">
        <v>268462.10717160802</v>
      </c>
      <c r="BY1393" s="53">
        <v>219369.03840252801</v>
      </c>
      <c r="BZ1393" s="53">
        <v>219308.497244806</v>
      </c>
      <c r="CA1393" s="53">
        <v>3276060.3915404598</v>
      </c>
      <c r="CB1393" s="53">
        <v>-89506</v>
      </c>
      <c r="CC1393" s="53">
        <v>-89506</v>
      </c>
      <c r="CD1393" s="53">
        <v>-89506</v>
      </c>
      <c r="CE1393" s="53">
        <v>-89506</v>
      </c>
      <c r="CF1393" s="53">
        <v>-89506</v>
      </c>
      <c r="CG1393" s="53">
        <v>-89506</v>
      </c>
      <c r="CH1393" s="53">
        <v>-89506</v>
      </c>
      <c r="CI1393" s="53">
        <v>-89506</v>
      </c>
      <c r="CJ1393" s="53">
        <v>-89506</v>
      </c>
      <c r="CK1393" s="53">
        <v>-89506</v>
      </c>
      <c r="CL1393" s="53">
        <v>-89506</v>
      </c>
      <c r="CM1393" s="53">
        <v>-89506</v>
      </c>
      <c r="CN1393" s="53">
        <v>-1074072</v>
      </c>
    </row>
    <row r="1394" spans="1:92" outlineLevel="1">
      <c r="A1394" s="52" t="s">
        <v>781</v>
      </c>
      <c r="B1394" s="53">
        <v>73170.293607225001</v>
      </c>
      <c r="C1394" s="53">
        <v>74385.166092217201</v>
      </c>
      <c r="D1394" s="53">
        <v>78955.5738008466</v>
      </c>
      <c r="E1394" s="53">
        <v>81218.821685059607</v>
      </c>
      <c r="F1394" s="53">
        <v>82040.525123742002</v>
      </c>
      <c r="G1394" s="53">
        <v>84836.000844687296</v>
      </c>
      <c r="H1394" s="53">
        <v>82326.1870236096</v>
      </c>
      <c r="I1394" s="53">
        <v>78913.675797619595</v>
      </c>
      <c r="J1394" s="53">
        <v>82009.612104792395</v>
      </c>
      <c r="K1394" s="53">
        <v>79222.3653674058</v>
      </c>
      <c r="L1394" s="53">
        <v>79662.906964357098</v>
      </c>
      <c r="M1394" s="53">
        <v>75881.298099595006</v>
      </c>
      <c r="N1394" s="53">
        <v>952622.42651115695</v>
      </c>
      <c r="O1394" s="53">
        <v>47514.713400000001</v>
      </c>
      <c r="P1394" s="53">
        <v>52401.652600000001</v>
      </c>
      <c r="Q1394" s="53">
        <v>60097.340599999901</v>
      </c>
      <c r="R1394" s="53">
        <v>75537.624800000005</v>
      </c>
      <c r="S1394" s="53">
        <v>84906.736199999999</v>
      </c>
      <c r="T1394" s="53">
        <v>65866.523799999995</v>
      </c>
      <c r="U1394" s="53">
        <v>63750.649599999997</v>
      </c>
      <c r="V1394" s="53">
        <v>63094.323600000003</v>
      </c>
      <c r="W1394" s="53">
        <v>61531.516199999998</v>
      </c>
      <c r="X1394" s="53">
        <v>55081.235000000001</v>
      </c>
      <c r="Y1394" s="53">
        <v>46189.6709999999</v>
      </c>
      <c r="Z1394" s="53">
        <v>51186.676200000002</v>
      </c>
      <c r="AA1394" s="53">
        <v>727158.66299999994</v>
      </c>
      <c r="AB1394" s="53">
        <v>48342.188168345398</v>
      </c>
      <c r="AC1394" s="53">
        <v>54068.584142187203</v>
      </c>
      <c r="AD1394" s="53">
        <v>61318.327695827997</v>
      </c>
      <c r="AE1394" s="53">
        <v>77161.959613306899</v>
      </c>
      <c r="AF1394" s="53">
        <v>86775.305519904301</v>
      </c>
      <c r="AG1394" s="53">
        <v>67308.326042569606</v>
      </c>
      <c r="AH1394" s="53">
        <v>65165.107136324397</v>
      </c>
      <c r="AI1394" s="53">
        <v>64462.501223645602</v>
      </c>
      <c r="AJ1394" s="53">
        <v>62913.796216163697</v>
      </c>
      <c r="AK1394" s="53">
        <v>56353.307149767301</v>
      </c>
      <c r="AL1394" s="53">
        <v>47256.659619540696</v>
      </c>
      <c r="AM1394" s="53">
        <v>52413.619757022803</v>
      </c>
      <c r="AN1394" s="53">
        <v>743539.68228460604</v>
      </c>
      <c r="AO1394" s="53">
        <v>58869.476091341698</v>
      </c>
      <c r="AP1394" s="53">
        <v>64983.645883115998</v>
      </c>
      <c r="AQ1394" s="53">
        <v>74527.039750716998</v>
      </c>
      <c r="AR1394" s="53">
        <v>93678.412015472597</v>
      </c>
      <c r="AS1394" s="53">
        <v>105300.401218452</v>
      </c>
      <c r="AT1394" s="53">
        <v>81739.165474335503</v>
      </c>
      <c r="AU1394" s="53">
        <v>79141.281640436893</v>
      </c>
      <c r="AV1394" s="53">
        <v>78284.473195212006</v>
      </c>
      <c r="AW1394" s="53">
        <v>76396.702794408906</v>
      </c>
      <c r="AX1394" s="53">
        <v>68443.914233082294</v>
      </c>
      <c r="AY1394" s="53">
        <v>57422.715565058701</v>
      </c>
      <c r="AZ1394" s="53">
        <v>63661.681716350802</v>
      </c>
      <c r="BA1394" s="53">
        <v>902448.90957798494</v>
      </c>
      <c r="BB1394" s="53">
        <v>58997.8065179599</v>
      </c>
      <c r="BC1394" s="53">
        <v>65104.397603614998</v>
      </c>
      <c r="BD1394" s="53">
        <v>74642.172407200196</v>
      </c>
      <c r="BE1394" s="53">
        <v>93755.851675264697</v>
      </c>
      <c r="BF1394" s="53">
        <v>105357.70168702</v>
      </c>
      <c r="BG1394" s="53">
        <v>81847.218329884403</v>
      </c>
      <c r="BH1394" s="53">
        <v>79262.359798735299</v>
      </c>
      <c r="BI1394" s="53">
        <v>78414.674476835702</v>
      </c>
      <c r="BJ1394" s="53">
        <v>76531.694243136502</v>
      </c>
      <c r="BK1394" s="53">
        <v>68596.452765463793</v>
      </c>
      <c r="BL1394" s="53">
        <v>57596.681136831299</v>
      </c>
      <c r="BM1394" s="53">
        <v>63833.426898348996</v>
      </c>
      <c r="BN1394" s="53">
        <v>903940.437540296</v>
      </c>
      <c r="BO1394" s="53">
        <v>59117.772080132701</v>
      </c>
      <c r="BP1394" s="53">
        <v>65211.808380256101</v>
      </c>
      <c r="BQ1394" s="53">
        <v>74742.794743903301</v>
      </c>
      <c r="BR1394" s="53">
        <v>93812.1027774182</v>
      </c>
      <c r="BS1394" s="53">
        <v>105401.97806200699</v>
      </c>
      <c r="BT1394" s="53">
        <v>81989.130451698293</v>
      </c>
      <c r="BU1394" s="53">
        <v>79431.911436973998</v>
      </c>
      <c r="BV1394" s="53">
        <v>78600.162490251605</v>
      </c>
      <c r="BW1394" s="53">
        <v>76729.487251584695</v>
      </c>
      <c r="BX1394" s="53">
        <v>68829.381281113994</v>
      </c>
      <c r="BY1394" s="53">
        <v>57869.457360562999</v>
      </c>
      <c r="BZ1394" s="53">
        <v>64092.710177088098</v>
      </c>
      <c r="CA1394" s="53">
        <v>905828.69649299199</v>
      </c>
      <c r="CB1394" s="53"/>
      <c r="CC1394" s="53"/>
      <c r="CD1394" s="53"/>
      <c r="CE1394" s="53"/>
      <c r="CF1394" s="53"/>
      <c r="CG1394" s="53"/>
      <c r="CH1394" s="53"/>
      <c r="CI1394" s="53"/>
      <c r="CJ1394" s="53"/>
      <c r="CK1394" s="53"/>
      <c r="CL1394" s="53"/>
      <c r="CM1394" s="53"/>
      <c r="CN1394" s="53"/>
    </row>
    <row r="1395" spans="1:92" outlineLevel="1">
      <c r="A1395" s="52" t="s">
        <v>782</v>
      </c>
      <c r="B1395" s="53">
        <v>487.82113804994799</v>
      </c>
      <c r="C1395" s="53">
        <v>487.73970504880702</v>
      </c>
      <c r="D1395" s="53">
        <v>487.609669400435</v>
      </c>
      <c r="E1395" s="53">
        <v>487.45195297712701</v>
      </c>
      <c r="F1395" s="53">
        <v>487.278602274994</v>
      </c>
      <c r="G1395" s="53">
        <v>487.096552534453</v>
      </c>
      <c r="H1395" s="53">
        <v>486.90979547760497</v>
      </c>
      <c r="I1395" s="53">
        <v>486.72062769616502</v>
      </c>
      <c r="J1395" s="53">
        <v>486.53036959074598</v>
      </c>
      <c r="K1395" s="53">
        <v>486.33977940343902</v>
      </c>
      <c r="L1395" s="53">
        <v>486.14929165637</v>
      </c>
      <c r="M1395" s="53">
        <v>485.95915446665401</v>
      </c>
      <c r="N1395" s="53">
        <v>5843.6066385767399</v>
      </c>
      <c r="O1395" s="53">
        <v>575.85879999999997</v>
      </c>
      <c r="P1395" s="53">
        <v>571.94279999999901</v>
      </c>
      <c r="Q1395" s="53">
        <v>568.33259999999996</v>
      </c>
      <c r="R1395" s="53">
        <v>565.00839999999903</v>
      </c>
      <c r="S1395" s="53">
        <v>561.95259999999996</v>
      </c>
      <c r="T1395" s="53">
        <v>559.14099999999996</v>
      </c>
      <c r="U1395" s="53">
        <v>556.56259999999997</v>
      </c>
      <c r="V1395" s="53">
        <v>554.19759999999997</v>
      </c>
      <c r="W1395" s="53">
        <v>552.03279999999995</v>
      </c>
      <c r="X1395" s="53">
        <v>550.05499999999995</v>
      </c>
      <c r="Y1395" s="53">
        <v>548.24879999999996</v>
      </c>
      <c r="Z1395" s="53">
        <v>546.60319999999899</v>
      </c>
      <c r="AA1395" s="53">
        <v>6709.9361999999901</v>
      </c>
      <c r="AB1395" s="53">
        <v>553.76009180056701</v>
      </c>
      <c r="AC1395" s="53">
        <v>552.38337970355599</v>
      </c>
      <c r="AD1395" s="53">
        <v>551.13852801843302</v>
      </c>
      <c r="AE1395" s="53">
        <v>550.01436213402303</v>
      </c>
      <c r="AF1395" s="53">
        <v>549.00641220585305</v>
      </c>
      <c r="AG1395" s="53">
        <v>548.10350362274801</v>
      </c>
      <c r="AH1395" s="53">
        <v>547.29893161800101</v>
      </c>
      <c r="AI1395" s="53">
        <v>546.58599142490596</v>
      </c>
      <c r="AJ1395" s="53">
        <v>545.96021319899205</v>
      </c>
      <c r="AK1395" s="53">
        <v>545.41265725131598</v>
      </c>
      <c r="AL1395" s="53">
        <v>544.93885373741</v>
      </c>
      <c r="AM1395" s="53">
        <v>544.53433281280104</v>
      </c>
      <c r="AN1395" s="53">
        <v>6579.1372575286096</v>
      </c>
      <c r="AO1395" s="53">
        <v>658.46041216003903</v>
      </c>
      <c r="AP1395" s="53">
        <v>658.11968232192305</v>
      </c>
      <c r="AQ1395" s="53">
        <v>657.84655761041597</v>
      </c>
      <c r="AR1395" s="53">
        <v>657.63292541032797</v>
      </c>
      <c r="AS1395" s="53">
        <v>657.47878572165598</v>
      </c>
      <c r="AT1395" s="53">
        <v>657.37602592920803</v>
      </c>
      <c r="AU1395" s="53">
        <v>657.32464603298399</v>
      </c>
      <c r="AV1395" s="53">
        <v>657.31923762285498</v>
      </c>
      <c r="AW1395" s="53">
        <v>657.35709649375701</v>
      </c>
      <c r="AX1395" s="53">
        <v>657.43551844062495</v>
      </c>
      <c r="AY1395" s="53">
        <v>657.54909505333103</v>
      </c>
      <c r="AZ1395" s="53">
        <v>657.69782633187401</v>
      </c>
      <c r="BA1395" s="53">
        <v>7891.5978091289999</v>
      </c>
      <c r="BB1395" s="53">
        <v>656.53506280174804</v>
      </c>
      <c r="BC1395" s="53">
        <v>656.74555990343504</v>
      </c>
      <c r="BD1395" s="53">
        <v>656.98034513224002</v>
      </c>
      <c r="BE1395" s="53">
        <v>657.24211716895502</v>
      </c>
      <c r="BF1395" s="53">
        <v>657.52817733278596</v>
      </c>
      <c r="BG1395" s="53">
        <v>657.835826942945</v>
      </c>
      <c r="BH1395" s="53">
        <v>658.16236731864001</v>
      </c>
      <c r="BI1395" s="53">
        <v>658.50779845986995</v>
      </c>
      <c r="BJ1395" s="53">
        <v>658.87212036663698</v>
      </c>
      <c r="BK1395" s="53">
        <v>659.24993567735805</v>
      </c>
      <c r="BL1395" s="53">
        <v>659.64394307282498</v>
      </c>
      <c r="BM1395" s="53">
        <v>660.05144387224595</v>
      </c>
      <c r="BN1395" s="53">
        <v>7897.3546980496803</v>
      </c>
      <c r="BO1395" s="53">
        <v>658.31616202028897</v>
      </c>
      <c r="BP1395" s="53">
        <v>658.74654302333397</v>
      </c>
      <c r="BQ1395" s="53">
        <v>659.18499367018705</v>
      </c>
      <c r="BR1395" s="53">
        <v>659.63689372338399</v>
      </c>
      <c r="BS1395" s="53">
        <v>660.09417353911897</v>
      </c>
      <c r="BT1395" s="53">
        <v>660.56221287993105</v>
      </c>
      <c r="BU1395" s="53">
        <v>661.03563198328004</v>
      </c>
      <c r="BV1395" s="53">
        <v>661.517120730437</v>
      </c>
      <c r="BW1395" s="53">
        <v>662.003989240132</v>
      </c>
      <c r="BX1395" s="53">
        <v>662.49892739363395</v>
      </c>
      <c r="BY1395" s="53">
        <v>662.99655542840503</v>
      </c>
      <c r="BZ1395" s="53">
        <v>663.49956322571302</v>
      </c>
      <c r="CA1395" s="53">
        <v>7930.0927668578497</v>
      </c>
      <c r="CB1395" s="53">
        <v>-9640000</v>
      </c>
      <c r="CC1395" s="53">
        <v>-9640000</v>
      </c>
      <c r="CD1395" s="53">
        <v>-9640000</v>
      </c>
      <c r="CE1395" s="53">
        <v>-9640000</v>
      </c>
      <c r="CF1395" s="53">
        <v>-9640000</v>
      </c>
      <c r="CG1395" s="53">
        <v>-9640000</v>
      </c>
      <c r="CH1395" s="53">
        <v>-9640000</v>
      </c>
      <c r="CI1395" s="53">
        <v>-9640000</v>
      </c>
      <c r="CJ1395" s="53">
        <v>-9640000</v>
      </c>
      <c r="CK1395" s="53">
        <v>-9640000</v>
      </c>
      <c r="CL1395" s="53">
        <v>-9640000</v>
      </c>
      <c r="CM1395" s="53">
        <v>-9640000</v>
      </c>
      <c r="CN1395" s="53">
        <v>-115680000</v>
      </c>
    </row>
    <row r="1396" spans="1:92" outlineLevel="1">
      <c r="A1396" s="52" t="s">
        <v>783</v>
      </c>
      <c r="B1396" s="53">
        <v>65345.466246330798</v>
      </c>
      <c r="C1396" s="53">
        <v>64836.105973920101</v>
      </c>
      <c r="D1396" s="53">
        <v>66915.466683152306</v>
      </c>
      <c r="E1396" s="53">
        <v>71068.534384238403</v>
      </c>
      <c r="F1396" s="53">
        <v>78107.114359136001</v>
      </c>
      <c r="G1396" s="53">
        <v>79275.776025326704</v>
      </c>
      <c r="H1396" s="53">
        <v>74846.482093564802</v>
      </c>
      <c r="I1396" s="53">
        <v>77742.903485831295</v>
      </c>
      <c r="J1396" s="53">
        <v>81537.705114414101</v>
      </c>
      <c r="K1396" s="53">
        <v>75283.432036164304</v>
      </c>
      <c r="L1396" s="53">
        <v>67058.977249971198</v>
      </c>
      <c r="M1396" s="53">
        <v>65553.015847948598</v>
      </c>
      <c r="N1396" s="53">
        <v>867570.97949999897</v>
      </c>
      <c r="O1396" s="53">
        <v>57300.469599999997</v>
      </c>
      <c r="P1396" s="53">
        <v>50518.2677999999</v>
      </c>
      <c r="Q1396" s="53">
        <v>52465.883800000003</v>
      </c>
      <c r="R1396" s="53">
        <v>56695.590600000003</v>
      </c>
      <c r="S1396" s="53">
        <v>62166.418599999997</v>
      </c>
      <c r="T1396" s="53">
        <v>62355.475599999998</v>
      </c>
      <c r="U1396" s="53">
        <v>64078.517800000001</v>
      </c>
      <c r="V1396" s="53">
        <v>61341.299800000001</v>
      </c>
      <c r="W1396" s="53">
        <v>64813.454199999898</v>
      </c>
      <c r="X1396" s="53">
        <v>59941.034999999902</v>
      </c>
      <c r="Y1396" s="53">
        <v>52583.3</v>
      </c>
      <c r="Z1396" s="53">
        <v>50827.779199999997</v>
      </c>
      <c r="AA1396" s="53">
        <v>695087.49199999997</v>
      </c>
      <c r="AB1396" s="53">
        <v>58087.642563200003</v>
      </c>
      <c r="AC1396" s="53">
        <v>51273.121060915997</v>
      </c>
      <c r="AD1396" s="53">
        <v>53206.004730820197</v>
      </c>
      <c r="AE1396" s="53">
        <v>57504.211643802199</v>
      </c>
      <c r="AF1396" s="53">
        <v>63056.019962458398</v>
      </c>
      <c r="AG1396" s="53">
        <v>63240.731815370396</v>
      </c>
      <c r="AH1396" s="53">
        <v>64985.7479221662</v>
      </c>
      <c r="AI1396" s="53">
        <v>62192.287331217798</v>
      </c>
      <c r="AJ1396" s="53">
        <v>65730.055248835401</v>
      </c>
      <c r="AK1396" s="53">
        <v>60785.124418748797</v>
      </c>
      <c r="AL1396" s="53">
        <v>53307.463495541</v>
      </c>
      <c r="AM1396" s="53">
        <v>51503.715867321</v>
      </c>
      <c r="AN1396" s="53">
        <v>704872.12606039701</v>
      </c>
      <c r="AO1396" s="53">
        <v>70062.499949158198</v>
      </c>
      <c r="AP1396" s="53">
        <v>61770.741987212103</v>
      </c>
      <c r="AQ1396" s="53">
        <v>64214.021009167896</v>
      </c>
      <c r="AR1396" s="53">
        <v>69418.523259323207</v>
      </c>
      <c r="AS1396" s="53">
        <v>76126.358005709</v>
      </c>
      <c r="AT1396" s="53">
        <v>76337.415802576594</v>
      </c>
      <c r="AU1396" s="53">
        <v>78440.370617175606</v>
      </c>
      <c r="AV1396" s="53">
        <v>75038.553659676705</v>
      </c>
      <c r="AW1396" s="53">
        <v>79341.268421770699</v>
      </c>
      <c r="AX1396" s="53">
        <v>73369.274915463204</v>
      </c>
      <c r="AY1396" s="53">
        <v>64316.683450233402</v>
      </c>
      <c r="AZ1396" s="53">
        <v>62095.535944883901</v>
      </c>
      <c r="BA1396" s="53">
        <v>850531.24702235102</v>
      </c>
      <c r="BB1396" s="53">
        <v>69764.296082987697</v>
      </c>
      <c r="BC1396" s="53">
        <v>61507.463610190804</v>
      </c>
      <c r="BD1396" s="53">
        <v>63966.1534170054</v>
      </c>
      <c r="BE1396" s="53">
        <v>69162.757436023006</v>
      </c>
      <c r="BF1396" s="53">
        <v>75850.280042123704</v>
      </c>
      <c r="BG1396" s="53">
        <v>76051.893086647702</v>
      </c>
      <c r="BH1396" s="53">
        <v>78143.918531768999</v>
      </c>
      <c r="BI1396" s="53">
        <v>74733.625301841006</v>
      </c>
      <c r="BJ1396" s="53">
        <v>79042.274284197803</v>
      </c>
      <c r="BK1396" s="53">
        <v>73090.206961946897</v>
      </c>
      <c r="BL1396" s="53">
        <v>64052.942991239601</v>
      </c>
      <c r="BM1396" s="53">
        <v>61809.953342677298</v>
      </c>
      <c r="BN1396" s="53">
        <v>847175.76508865005</v>
      </c>
      <c r="BO1396" s="53">
        <v>69382.972295687097</v>
      </c>
      <c r="BP1396" s="53">
        <v>61169.707657994499</v>
      </c>
      <c r="BQ1396" s="53">
        <v>63638.975624865299</v>
      </c>
      <c r="BR1396" s="53">
        <v>68819.638531157601</v>
      </c>
      <c r="BS1396" s="53">
        <v>75477.352900612997</v>
      </c>
      <c r="BT1396" s="53">
        <v>75668.310261782797</v>
      </c>
      <c r="BU1396" s="53">
        <v>77745.996073033093</v>
      </c>
      <c r="BV1396" s="53">
        <v>74330.390217379099</v>
      </c>
      <c r="BW1396" s="53">
        <v>78637.769720273893</v>
      </c>
      <c r="BX1396" s="53">
        <v>72710.984857696298</v>
      </c>
      <c r="BY1396" s="53">
        <v>63698.884660489202</v>
      </c>
      <c r="BZ1396" s="53">
        <v>61437.046887679702</v>
      </c>
      <c r="CA1396" s="53">
        <v>842718.02968865202</v>
      </c>
      <c r="CB1396" s="53"/>
      <c r="CC1396" s="53"/>
      <c r="CD1396" s="53"/>
      <c r="CE1396" s="53"/>
      <c r="CF1396" s="53"/>
      <c r="CG1396" s="53"/>
      <c r="CH1396" s="53"/>
      <c r="CI1396" s="53"/>
      <c r="CJ1396" s="53"/>
      <c r="CK1396" s="53"/>
      <c r="CL1396" s="53"/>
      <c r="CM1396" s="53"/>
      <c r="CN1396" s="53"/>
    </row>
    <row r="1397" spans="1:92" outlineLevel="1">
      <c r="A1397" s="52" t="s">
        <v>784</v>
      </c>
      <c r="B1397" s="53">
        <v>440320.38341378397</v>
      </c>
      <c r="C1397" s="53">
        <v>373419.58437986398</v>
      </c>
      <c r="D1397" s="53">
        <v>387470.412299502</v>
      </c>
      <c r="E1397" s="53">
        <v>406791.64420360199</v>
      </c>
      <c r="F1397" s="53">
        <v>505975.068955197</v>
      </c>
      <c r="G1397" s="53">
        <v>566595.11374013498</v>
      </c>
      <c r="H1397" s="53">
        <v>616454.64496442105</v>
      </c>
      <c r="I1397" s="53">
        <v>611994.81893198704</v>
      </c>
      <c r="J1397" s="53">
        <v>560001.77134098695</v>
      </c>
      <c r="K1397" s="53">
        <v>466097.40051035403</v>
      </c>
      <c r="L1397" s="53">
        <v>385312.55666127801</v>
      </c>
      <c r="M1397" s="53">
        <v>417330.39059889998</v>
      </c>
      <c r="N1397" s="53">
        <v>5737763.7900000103</v>
      </c>
      <c r="O1397" s="53">
        <v>485334.47366071498</v>
      </c>
      <c r="P1397" s="53">
        <v>266788.00776998</v>
      </c>
      <c r="Q1397" s="53">
        <v>284770.74591269699</v>
      </c>
      <c r="R1397" s="53">
        <v>302354.61993303598</v>
      </c>
      <c r="S1397" s="53">
        <v>388951.05253326701</v>
      </c>
      <c r="T1397" s="53">
        <v>444552.01137678302</v>
      </c>
      <c r="U1397" s="53">
        <v>478115.89158741903</v>
      </c>
      <c r="V1397" s="53">
        <v>625854.41384027502</v>
      </c>
      <c r="W1397" s="53">
        <v>432745.46382023598</v>
      </c>
      <c r="X1397" s="53">
        <v>356436.43602416897</v>
      </c>
      <c r="Y1397" s="53">
        <v>272016.27158130001</v>
      </c>
      <c r="Z1397" s="53">
        <v>304618.02720414102</v>
      </c>
      <c r="AA1397" s="53">
        <v>4642537.4152440196</v>
      </c>
      <c r="AB1397" s="53">
        <v>499046.05188404798</v>
      </c>
      <c r="AC1397" s="53">
        <v>282294.47721446399</v>
      </c>
      <c r="AD1397" s="53">
        <v>292582.33994715801</v>
      </c>
      <c r="AE1397" s="53">
        <v>310595.01965261699</v>
      </c>
      <c r="AF1397" s="53">
        <v>405151.02501128201</v>
      </c>
      <c r="AG1397" s="53">
        <v>467052.49122985097</v>
      </c>
      <c r="AH1397" s="53">
        <v>503701.10076851299</v>
      </c>
      <c r="AI1397" s="53">
        <v>654180.85731380398</v>
      </c>
      <c r="AJ1397" s="53">
        <v>455002.48147124797</v>
      </c>
      <c r="AK1397" s="53">
        <v>371957.66841107502</v>
      </c>
      <c r="AL1397" s="53">
        <v>281379.865499612</v>
      </c>
      <c r="AM1397" s="53">
        <v>316005.846314959</v>
      </c>
      <c r="AN1397" s="53">
        <v>4838949.2247186303</v>
      </c>
      <c r="AO1397" s="53">
        <v>603228.26068827801</v>
      </c>
      <c r="AP1397" s="53">
        <v>328507.83488557802</v>
      </c>
      <c r="AQ1397" s="53">
        <v>349706.20916351699</v>
      </c>
      <c r="AR1397" s="53">
        <v>371388.28967895702</v>
      </c>
      <c r="AS1397" s="53">
        <v>487908.23119664402</v>
      </c>
      <c r="AT1397" s="53">
        <v>565765.53719563805</v>
      </c>
      <c r="AU1397" s="53">
        <v>611158.33105768298</v>
      </c>
      <c r="AV1397" s="53">
        <v>793807.330185225</v>
      </c>
      <c r="AW1397" s="53">
        <v>552209.88970260299</v>
      </c>
      <c r="AX1397" s="53">
        <v>450051.73622814502</v>
      </c>
      <c r="AY1397" s="53">
        <v>339509.81694619998</v>
      </c>
      <c r="AZ1397" s="53">
        <v>382384.36889695801</v>
      </c>
      <c r="BA1397" s="53">
        <v>5835625.8358254302</v>
      </c>
      <c r="BB1397" s="53">
        <v>600456.06098536798</v>
      </c>
      <c r="BC1397" s="53">
        <v>324626.77783999301</v>
      </c>
      <c r="BD1397" s="53">
        <v>344097.19845978601</v>
      </c>
      <c r="BE1397" s="53">
        <v>365655.10665108397</v>
      </c>
      <c r="BF1397" s="53">
        <v>483850.51950627402</v>
      </c>
      <c r="BG1397" s="53">
        <v>564476.16102050501</v>
      </c>
      <c r="BH1397" s="53">
        <v>610773.86454463704</v>
      </c>
      <c r="BI1397" s="53">
        <v>793599.66489276395</v>
      </c>
      <c r="BJ1397" s="53">
        <v>551974.51152347901</v>
      </c>
      <c r="BK1397" s="53">
        <v>448477.01927612303</v>
      </c>
      <c r="BL1397" s="53">
        <v>337320.59460194199</v>
      </c>
      <c r="BM1397" s="53">
        <v>381015.41534952499</v>
      </c>
      <c r="BN1397" s="53">
        <v>5806322.89465148</v>
      </c>
      <c r="BO1397" s="53">
        <v>596746.49443408404</v>
      </c>
      <c r="BP1397" s="53">
        <v>320983.17458564602</v>
      </c>
      <c r="BQ1397" s="53">
        <v>338900.41539773101</v>
      </c>
      <c r="BR1397" s="53">
        <v>360620.65559759497</v>
      </c>
      <c r="BS1397" s="53">
        <v>479664.89208029403</v>
      </c>
      <c r="BT1397" s="53">
        <v>562487.10741250799</v>
      </c>
      <c r="BU1397" s="53">
        <v>609604.42872585298</v>
      </c>
      <c r="BV1397" s="53">
        <v>792647.82609377697</v>
      </c>
      <c r="BW1397" s="53">
        <v>552078.67151721497</v>
      </c>
      <c r="BX1397" s="53">
        <v>448557.74179516401</v>
      </c>
      <c r="BY1397" s="53">
        <v>337591.711988981</v>
      </c>
      <c r="BZ1397" s="53">
        <v>381654.585760188</v>
      </c>
      <c r="CA1397" s="53">
        <v>5781537.7053890396</v>
      </c>
      <c r="CB1397" s="53"/>
      <c r="CC1397" s="53">
        <v>-1000000</v>
      </c>
      <c r="CD1397" s="53"/>
      <c r="CE1397" s="53"/>
      <c r="CF1397" s="53"/>
      <c r="CG1397" s="53"/>
      <c r="CH1397" s="53"/>
      <c r="CI1397" s="53"/>
      <c r="CJ1397" s="53"/>
      <c r="CK1397" s="53"/>
      <c r="CL1397" s="53"/>
      <c r="CM1397" s="53"/>
      <c r="CN1397" s="53">
        <v>-1000000</v>
      </c>
    </row>
    <row r="1398" spans="1:92" outlineLevel="1">
      <c r="A1398" s="52" t="s">
        <v>1244</v>
      </c>
      <c r="B1398" s="53"/>
      <c r="C1398" s="53"/>
      <c r="D1398" s="53"/>
      <c r="E1398" s="53"/>
      <c r="F1398" s="53"/>
      <c r="G1398" s="53"/>
      <c r="H1398" s="53"/>
      <c r="I1398" s="53"/>
      <c r="J1398" s="53"/>
      <c r="K1398" s="53"/>
      <c r="L1398" s="53"/>
      <c r="M1398" s="53"/>
      <c r="N1398" s="53"/>
      <c r="O1398" s="53"/>
      <c r="P1398" s="53"/>
      <c r="Q1398" s="53"/>
      <c r="R1398" s="53"/>
      <c r="S1398" s="53"/>
      <c r="T1398" s="53"/>
      <c r="U1398" s="53"/>
      <c r="V1398" s="53"/>
      <c r="W1398" s="53"/>
      <c r="X1398" s="53"/>
      <c r="Y1398" s="53"/>
      <c r="Z1398" s="53"/>
      <c r="AA1398" s="53"/>
      <c r="AB1398" s="53"/>
      <c r="AC1398" s="53"/>
      <c r="AD1398" s="53"/>
      <c r="AE1398" s="53"/>
      <c r="AF1398" s="53"/>
      <c r="AG1398" s="53"/>
      <c r="AH1398" s="53"/>
      <c r="AI1398" s="53"/>
      <c r="AJ1398" s="53"/>
      <c r="AK1398" s="53"/>
      <c r="AL1398" s="53"/>
      <c r="AM1398" s="53"/>
      <c r="AN1398" s="53"/>
      <c r="AO1398" s="53"/>
      <c r="AP1398" s="53"/>
      <c r="AQ1398" s="53"/>
      <c r="AR1398" s="53"/>
      <c r="AS1398" s="53"/>
      <c r="AT1398" s="53"/>
      <c r="AU1398" s="53"/>
      <c r="AV1398" s="53"/>
      <c r="AW1398" s="53"/>
      <c r="AX1398" s="53"/>
      <c r="AY1398" s="53"/>
      <c r="AZ1398" s="53"/>
      <c r="BA1398" s="53"/>
      <c r="BB1398" s="53"/>
      <c r="BC1398" s="53"/>
      <c r="BD1398" s="53"/>
      <c r="BE1398" s="53"/>
      <c r="BF1398" s="53"/>
      <c r="BG1398" s="53"/>
      <c r="BH1398" s="53"/>
      <c r="BI1398" s="53"/>
      <c r="BJ1398" s="53"/>
      <c r="BK1398" s="53"/>
      <c r="BL1398" s="53"/>
      <c r="BM1398" s="53"/>
      <c r="BN1398" s="53"/>
      <c r="BO1398" s="53"/>
      <c r="BP1398" s="53"/>
      <c r="BQ1398" s="53"/>
      <c r="BR1398" s="53"/>
      <c r="BS1398" s="53"/>
      <c r="BT1398" s="53"/>
      <c r="BU1398" s="53"/>
      <c r="BV1398" s="53"/>
      <c r="BW1398" s="53"/>
      <c r="BX1398" s="53"/>
      <c r="BY1398" s="53"/>
      <c r="BZ1398" s="53"/>
      <c r="CA1398" s="53"/>
      <c r="CB1398" s="53"/>
      <c r="CC1398" s="53"/>
      <c r="CD1398" s="53"/>
      <c r="CE1398" s="53"/>
      <c r="CF1398" s="53"/>
      <c r="CG1398" s="53"/>
      <c r="CH1398" s="53"/>
      <c r="CI1398" s="53"/>
      <c r="CJ1398" s="53"/>
      <c r="CK1398" s="53"/>
      <c r="CL1398" s="53"/>
      <c r="CM1398" s="53"/>
      <c r="CN1398" s="53"/>
    </row>
    <row r="1399" spans="1:92" outlineLevel="1">
      <c r="A1399" s="52" t="s">
        <v>780</v>
      </c>
      <c r="B1399" s="53">
        <v>2019225.08639929</v>
      </c>
      <c r="C1399" s="53">
        <v>1831043.72780319</v>
      </c>
      <c r="D1399" s="53">
        <v>2154406.3439329499</v>
      </c>
      <c r="E1399" s="53">
        <v>2299325.8954736101</v>
      </c>
      <c r="F1399" s="53">
        <v>2495214.77643727</v>
      </c>
      <c r="G1399" s="53">
        <v>2649496.7386008301</v>
      </c>
      <c r="H1399" s="53">
        <v>2763696.2993115601</v>
      </c>
      <c r="I1399" s="53">
        <v>2793032.9005138502</v>
      </c>
      <c r="J1399" s="53">
        <v>2642595.3430290599</v>
      </c>
      <c r="K1399" s="53">
        <v>2375186.64957467</v>
      </c>
      <c r="L1399" s="53">
        <v>2072640.0264838899</v>
      </c>
      <c r="M1399" s="53">
        <v>2108667.10758251</v>
      </c>
      <c r="N1399" s="53">
        <v>28204530.895142701</v>
      </c>
      <c r="O1399" s="53">
        <v>4190838.4244271698</v>
      </c>
      <c r="P1399" s="53">
        <v>2674552.4221764798</v>
      </c>
      <c r="Q1399" s="53">
        <v>2962011.9782487499</v>
      </c>
      <c r="R1399" s="53">
        <v>3273149.4709662902</v>
      </c>
      <c r="S1399" s="53">
        <v>3640829.2431150498</v>
      </c>
      <c r="T1399" s="53">
        <v>3791589.5887362598</v>
      </c>
      <c r="U1399" s="53">
        <v>3906139.24293083</v>
      </c>
      <c r="V1399" s="53">
        <v>4942845.6403287305</v>
      </c>
      <c r="W1399" s="53">
        <v>3707550.1657642</v>
      </c>
      <c r="X1399" s="53">
        <v>3449004.1212069402</v>
      </c>
      <c r="Y1399" s="53">
        <v>2862209.7710700701</v>
      </c>
      <c r="Z1399" s="53">
        <v>2841704.0245829001</v>
      </c>
      <c r="AA1399" s="53">
        <v>42242424.0935537</v>
      </c>
      <c r="AB1399" s="53">
        <v>4354573.6951265801</v>
      </c>
      <c r="AC1399" s="53">
        <v>2771824.8356349901</v>
      </c>
      <c r="AD1399" s="53">
        <v>3008667.9232180002</v>
      </c>
      <c r="AE1399" s="53">
        <v>3351916.3250556099</v>
      </c>
      <c r="AF1399" s="53">
        <v>3767169.70992913</v>
      </c>
      <c r="AG1399" s="53">
        <v>3926033.05113392</v>
      </c>
      <c r="AH1399" s="53">
        <v>4023812.5184706999</v>
      </c>
      <c r="AI1399" s="53">
        <v>5123325.45041396</v>
      </c>
      <c r="AJ1399" s="53">
        <v>3839195.07135962</v>
      </c>
      <c r="AK1399" s="53">
        <v>3549726.1625810298</v>
      </c>
      <c r="AL1399" s="53">
        <v>2914605.1111535798</v>
      </c>
      <c r="AM1399" s="53">
        <v>2888436.81437736</v>
      </c>
      <c r="AN1399" s="53">
        <v>43519286.668454498</v>
      </c>
      <c r="AO1399" s="53">
        <v>7678165.5326198097</v>
      </c>
      <c r="AP1399" s="53">
        <v>4705783.9967674501</v>
      </c>
      <c r="AQ1399" s="53">
        <v>5374374.5248304</v>
      </c>
      <c r="AR1399" s="53">
        <v>5964139.91271492</v>
      </c>
      <c r="AS1399" s="53">
        <v>6729139.5818320904</v>
      </c>
      <c r="AT1399" s="53">
        <v>6991736.3740154197</v>
      </c>
      <c r="AU1399" s="53">
        <v>7239271.4415278602</v>
      </c>
      <c r="AV1399" s="53">
        <v>9131129.2221144792</v>
      </c>
      <c r="AW1399" s="53">
        <v>6913018.64968987</v>
      </c>
      <c r="AX1399" s="53">
        <v>6250865.5382345598</v>
      </c>
      <c r="AY1399" s="53">
        <v>5194507.3875593198</v>
      </c>
      <c r="AZ1399" s="53">
        <v>5139106.50227213</v>
      </c>
      <c r="BA1399" s="53">
        <v>77311238.664178297</v>
      </c>
      <c r="BB1399" s="53">
        <v>10187346.445666401</v>
      </c>
      <c r="BC1399" s="53">
        <v>6349308.72984243</v>
      </c>
      <c r="BD1399" s="53">
        <v>7157532.3378829602</v>
      </c>
      <c r="BE1399" s="53">
        <v>7948254.3850221597</v>
      </c>
      <c r="BF1399" s="53">
        <v>8940503.1835184209</v>
      </c>
      <c r="BG1399" s="53">
        <v>9379433.67155228</v>
      </c>
      <c r="BH1399" s="53">
        <v>9674541.7194894105</v>
      </c>
      <c r="BI1399" s="53">
        <v>12176423.196582999</v>
      </c>
      <c r="BJ1399" s="53">
        <v>9235836.7501199692</v>
      </c>
      <c r="BK1399" s="53">
        <v>8443719.9987386893</v>
      </c>
      <c r="BL1399" s="53">
        <v>6889050.5780627802</v>
      </c>
      <c r="BM1399" s="53">
        <v>6862211.9819363505</v>
      </c>
      <c r="BN1399" s="53">
        <v>103244162.978415</v>
      </c>
      <c r="BO1399" s="53">
        <v>12013588.488771999</v>
      </c>
      <c r="BP1399" s="53">
        <v>7493940.08649542</v>
      </c>
      <c r="BQ1399" s="53">
        <v>8422031.2250033095</v>
      </c>
      <c r="BR1399" s="53">
        <v>9342592.1452622693</v>
      </c>
      <c r="BS1399" s="53">
        <v>10599146.0064808</v>
      </c>
      <c r="BT1399" s="53">
        <v>11148660.813303201</v>
      </c>
      <c r="BU1399" s="53">
        <v>11493931.2177587</v>
      </c>
      <c r="BV1399" s="53">
        <v>14427388.2630041</v>
      </c>
      <c r="BW1399" s="53">
        <v>10976055.942055801</v>
      </c>
      <c r="BX1399" s="53">
        <v>10023730.651576299</v>
      </c>
      <c r="BY1399" s="53">
        <v>8190713.3092591297</v>
      </c>
      <c r="BZ1399" s="53">
        <v>8188452.8477558903</v>
      </c>
      <c r="CA1399" s="53">
        <v>122320230.996727</v>
      </c>
      <c r="CB1399" s="53"/>
      <c r="CC1399" s="53"/>
      <c r="CD1399" s="53"/>
      <c r="CE1399" s="53"/>
      <c r="CF1399" s="53"/>
      <c r="CG1399" s="53"/>
      <c r="CH1399" s="53"/>
      <c r="CI1399" s="53"/>
      <c r="CJ1399" s="53"/>
      <c r="CK1399" s="53"/>
      <c r="CL1399" s="53"/>
      <c r="CM1399" s="53"/>
      <c r="CN1399" s="53"/>
    </row>
    <row r="1400" spans="1:92" outlineLevel="1">
      <c r="A1400" s="52" t="s">
        <v>781</v>
      </c>
      <c r="B1400" s="53">
        <v>656921.646463988</v>
      </c>
      <c r="C1400" s="53">
        <v>667828.75088766101</v>
      </c>
      <c r="D1400" s="53">
        <v>708861.79324609903</v>
      </c>
      <c r="E1400" s="53">
        <v>729181.19410068903</v>
      </c>
      <c r="F1400" s="53">
        <v>736558.43354080897</v>
      </c>
      <c r="G1400" s="53">
        <v>761656.16682463698</v>
      </c>
      <c r="H1400" s="53">
        <v>739123.10119952401</v>
      </c>
      <c r="I1400" s="53">
        <v>708485.63368862495</v>
      </c>
      <c r="J1400" s="53">
        <v>736280.89698458696</v>
      </c>
      <c r="K1400" s="53">
        <v>711257.04337462096</v>
      </c>
      <c r="L1400" s="53">
        <v>715212.21830884495</v>
      </c>
      <c r="M1400" s="53">
        <v>681260.99850019603</v>
      </c>
      <c r="N1400" s="53">
        <v>8552627.8771202806</v>
      </c>
      <c r="O1400" s="53">
        <v>768731.80483258294</v>
      </c>
      <c r="P1400" s="53">
        <v>847796.69489510194</v>
      </c>
      <c r="Q1400" s="53">
        <v>972303.81495001202</v>
      </c>
      <c r="R1400" s="53">
        <v>1222109.33182794</v>
      </c>
      <c r="S1400" s="53">
        <v>1373690.4611418699</v>
      </c>
      <c r="T1400" s="53">
        <v>1065642.3683452599</v>
      </c>
      <c r="U1400" s="53">
        <v>1031410.02900919</v>
      </c>
      <c r="V1400" s="53">
        <v>1020791.45142689</v>
      </c>
      <c r="W1400" s="53">
        <v>995507.07807723596</v>
      </c>
      <c r="X1400" s="53">
        <v>891149.16547002899</v>
      </c>
      <c r="Y1400" s="53">
        <v>747294.18766636599</v>
      </c>
      <c r="Z1400" s="53">
        <v>828139.81528944697</v>
      </c>
      <c r="AA1400" s="53">
        <v>11764566.2029319</v>
      </c>
      <c r="AB1400" s="53">
        <v>787128.84596398298</v>
      </c>
      <c r="AC1400" s="53">
        <v>880368.552837127</v>
      </c>
      <c r="AD1400" s="53">
        <v>998412.07740908104</v>
      </c>
      <c r="AE1400" s="53">
        <v>1256385.08565717</v>
      </c>
      <c r="AF1400" s="53">
        <v>1412913.82703233</v>
      </c>
      <c r="AG1400" s="53">
        <v>1095943.87447167</v>
      </c>
      <c r="AH1400" s="53">
        <v>1061047.0382249099</v>
      </c>
      <c r="AI1400" s="53">
        <v>1049606.8986249301</v>
      </c>
      <c r="AJ1400" s="53">
        <v>1024390.20009583</v>
      </c>
      <c r="AK1400" s="53">
        <v>917569.42132163304</v>
      </c>
      <c r="AL1400" s="53">
        <v>769453.79098082602</v>
      </c>
      <c r="AM1400" s="53">
        <v>853421.69221779401</v>
      </c>
      <c r="AN1400" s="53">
        <v>12106641.3048373</v>
      </c>
      <c r="AO1400" s="53">
        <v>1401918.87767057</v>
      </c>
      <c r="AP1400" s="53">
        <v>1547521.8390265</v>
      </c>
      <c r="AQ1400" s="53">
        <v>1774788.4109130299</v>
      </c>
      <c r="AR1400" s="53">
        <v>2230859.5719608902</v>
      </c>
      <c r="AS1400" s="53">
        <v>2507625.8546174699</v>
      </c>
      <c r="AT1400" s="53">
        <v>1946538.1167263801</v>
      </c>
      <c r="AU1400" s="53">
        <v>1884672.0592964401</v>
      </c>
      <c r="AV1400" s="53">
        <v>1864268.0058945599</v>
      </c>
      <c r="AW1400" s="53">
        <v>1819312.6039221201</v>
      </c>
      <c r="AX1400" s="53">
        <v>1629924.7385205701</v>
      </c>
      <c r="AY1400" s="53">
        <v>1367465.69364498</v>
      </c>
      <c r="AZ1400" s="53">
        <v>1516040.55799528</v>
      </c>
      <c r="BA1400" s="53">
        <v>21490936.3301888</v>
      </c>
      <c r="BB1400" s="53">
        <v>1863275.1783056001</v>
      </c>
      <c r="BC1400" s="53">
        <v>2056134.2058780801</v>
      </c>
      <c r="BD1400" s="53">
        <v>2357357.2529142299</v>
      </c>
      <c r="BE1400" s="53">
        <v>2961007.5621072901</v>
      </c>
      <c r="BF1400" s="53">
        <v>3327418.4581250502</v>
      </c>
      <c r="BG1400" s="53">
        <v>2584907.80129271</v>
      </c>
      <c r="BH1400" s="53">
        <v>2503272.5164443599</v>
      </c>
      <c r="BI1400" s="53">
        <v>2476500.82589297</v>
      </c>
      <c r="BJ1400" s="53">
        <v>2417032.3382022702</v>
      </c>
      <c r="BK1400" s="53">
        <v>2166420.6739413701</v>
      </c>
      <c r="BL1400" s="53">
        <v>1819024.6832714099</v>
      </c>
      <c r="BM1400" s="53">
        <v>2015994.2700525899</v>
      </c>
      <c r="BN1400" s="53">
        <v>28548345.766427901</v>
      </c>
      <c r="BO1400" s="53">
        <v>2207315.7001398802</v>
      </c>
      <c r="BP1400" s="53">
        <v>2434852.3871491901</v>
      </c>
      <c r="BQ1400" s="53">
        <v>2790716.5392992599</v>
      </c>
      <c r="BR1400" s="53">
        <v>3502718.72632564</v>
      </c>
      <c r="BS1400" s="53">
        <v>3935456.8485211302</v>
      </c>
      <c r="BT1400" s="53">
        <v>3061277.3201524299</v>
      </c>
      <c r="BU1400" s="53">
        <v>2965796.9006223101</v>
      </c>
      <c r="BV1400" s="53">
        <v>2934741.39152453</v>
      </c>
      <c r="BW1400" s="53">
        <v>2864894.8685774999</v>
      </c>
      <c r="BX1400" s="53">
        <v>2569923.8754596901</v>
      </c>
      <c r="BY1400" s="53">
        <v>2160706.6250298298</v>
      </c>
      <c r="BZ1400" s="53">
        <v>2393067.9465836301</v>
      </c>
      <c r="CA1400" s="53">
        <v>33821469.129385002</v>
      </c>
      <c r="CB1400" s="53"/>
      <c r="CC1400" s="53"/>
      <c r="CD1400" s="53"/>
      <c r="CE1400" s="53"/>
      <c r="CF1400" s="53"/>
      <c r="CG1400" s="53"/>
      <c r="CH1400" s="53"/>
      <c r="CI1400" s="53"/>
      <c r="CJ1400" s="53"/>
      <c r="CK1400" s="53"/>
      <c r="CL1400" s="53"/>
      <c r="CM1400" s="53"/>
      <c r="CN1400" s="53"/>
    </row>
    <row r="1401" spans="1:92" outlineLevel="1">
      <c r="A1401" s="52" t="s">
        <v>782</v>
      </c>
      <c r="B1401" s="53">
        <v>4379.6498468070304</v>
      </c>
      <c r="C1401" s="53">
        <v>4378.9187427134302</v>
      </c>
      <c r="D1401" s="53">
        <v>4377.7512848829801</v>
      </c>
      <c r="E1401" s="53">
        <v>4376.3353095278699</v>
      </c>
      <c r="F1401" s="53">
        <v>4374.7789698844599</v>
      </c>
      <c r="G1401" s="53">
        <v>4373.14453042278</v>
      </c>
      <c r="H1401" s="53">
        <v>4371.4678287556799</v>
      </c>
      <c r="I1401" s="53">
        <v>4369.7694836443698</v>
      </c>
      <c r="J1401" s="53">
        <v>4368.0613496229898</v>
      </c>
      <c r="K1401" s="53">
        <v>4366.3502341760804</v>
      </c>
      <c r="L1401" s="53">
        <v>4364.6400384358903</v>
      </c>
      <c r="M1401" s="53">
        <v>4362.9329899936301</v>
      </c>
      <c r="N1401" s="53">
        <v>52463.800608867197</v>
      </c>
      <c r="O1401" s="53">
        <v>9316.7135604089599</v>
      </c>
      <c r="P1401" s="53">
        <v>9253.3573169990104</v>
      </c>
      <c r="Q1401" s="53">
        <v>9194.94855551826</v>
      </c>
      <c r="R1401" s="53">
        <v>9141.1669354101505</v>
      </c>
      <c r="S1401" s="53">
        <v>9091.7277095132904</v>
      </c>
      <c r="T1401" s="53">
        <v>9046.2393504807496</v>
      </c>
      <c r="U1401" s="53">
        <v>9004.5238913366702</v>
      </c>
      <c r="V1401" s="53">
        <v>8966.2609915244793</v>
      </c>
      <c r="W1401" s="53">
        <v>8931.2370906731394</v>
      </c>
      <c r="X1401" s="53">
        <v>8899.2386284116001</v>
      </c>
      <c r="Y1401" s="53">
        <v>8870.0164509736405</v>
      </c>
      <c r="Z1401" s="53">
        <v>8843.39259138339</v>
      </c>
      <c r="AA1401" s="53">
        <v>108558.82307263299</v>
      </c>
      <c r="AB1401" s="53">
        <v>9016.5662440018605</v>
      </c>
      <c r="AC1401" s="53">
        <v>8994.1500099585901</v>
      </c>
      <c r="AD1401" s="53">
        <v>8973.8807853447906</v>
      </c>
      <c r="AE1401" s="53">
        <v>8955.5766202088107</v>
      </c>
      <c r="AF1401" s="53">
        <v>8939.1647345699894</v>
      </c>
      <c r="AG1401" s="53">
        <v>8924.4631784766807</v>
      </c>
      <c r="AH1401" s="53">
        <v>8911.3627819578796</v>
      </c>
      <c r="AI1401" s="53">
        <v>8899.7543750426194</v>
      </c>
      <c r="AJ1401" s="53">
        <v>8889.5651777502208</v>
      </c>
      <c r="AK1401" s="53">
        <v>8880.6496301193802</v>
      </c>
      <c r="AL1401" s="53">
        <v>8872.9349521694203</v>
      </c>
      <c r="AM1401" s="53">
        <v>8866.3483639196893</v>
      </c>
      <c r="AN1401" s="53">
        <v>107124.416853519</v>
      </c>
      <c r="AO1401" s="53">
        <v>15680.589386825999</v>
      </c>
      <c r="AP1401" s="53">
        <v>15672.475239666001</v>
      </c>
      <c r="AQ1401" s="53">
        <v>15665.971042339201</v>
      </c>
      <c r="AR1401" s="53">
        <v>15660.8836008659</v>
      </c>
      <c r="AS1401" s="53">
        <v>15657.2129152458</v>
      </c>
      <c r="AT1401" s="53">
        <v>15654.7657914991</v>
      </c>
      <c r="AU1401" s="53">
        <v>15653.5422296258</v>
      </c>
      <c r="AV1401" s="53">
        <v>15653.4134336391</v>
      </c>
      <c r="AW1401" s="53">
        <v>15654.315005545801</v>
      </c>
      <c r="AX1401" s="53">
        <v>15656.1825473525</v>
      </c>
      <c r="AY1401" s="53">
        <v>15658.8872630725</v>
      </c>
      <c r="AZ1401" s="53">
        <v>15662.429152705899</v>
      </c>
      <c r="BA1401" s="53">
        <v>187930.66760838401</v>
      </c>
      <c r="BB1401" s="53">
        <v>20734.762161596798</v>
      </c>
      <c r="BC1401" s="53">
        <v>20741.410104085298</v>
      </c>
      <c r="BD1401" s="53">
        <v>20748.825116860899</v>
      </c>
      <c r="BE1401" s="53">
        <v>20757.092429955599</v>
      </c>
      <c r="BF1401" s="53">
        <v>20766.1268133374</v>
      </c>
      <c r="BG1401" s="53">
        <v>20775.8430369745</v>
      </c>
      <c r="BH1401" s="53">
        <v>20786.1558708349</v>
      </c>
      <c r="BI1401" s="53">
        <v>20797.0653149186</v>
      </c>
      <c r="BJ1401" s="53">
        <v>20808.571369225599</v>
      </c>
      <c r="BK1401" s="53">
        <v>20820.5035736922</v>
      </c>
      <c r="BL1401" s="53">
        <v>20832.9471583501</v>
      </c>
      <c r="BM1401" s="53">
        <v>20845.816893167601</v>
      </c>
      <c r="BN1401" s="53">
        <v>249415.11984299999</v>
      </c>
      <c r="BO1401" s="53">
        <v>24579.945233957002</v>
      </c>
      <c r="BP1401" s="53">
        <v>24596.0146275021</v>
      </c>
      <c r="BQ1401" s="53">
        <v>24612.3853221762</v>
      </c>
      <c r="BR1401" s="53">
        <v>24629.258185398499</v>
      </c>
      <c r="BS1401" s="53">
        <v>24646.331916040101</v>
      </c>
      <c r="BT1401" s="53">
        <v>24663.807381520401</v>
      </c>
      <c r="BU1401" s="53">
        <v>24681.483714419999</v>
      </c>
      <c r="BV1401" s="53">
        <v>24699.461348448502</v>
      </c>
      <c r="BW1401" s="53">
        <v>24717.639849896401</v>
      </c>
      <c r="BX1401" s="53">
        <v>24736.1196524732</v>
      </c>
      <c r="BY1401" s="53">
        <v>24754.6998887597</v>
      </c>
      <c r="BZ1401" s="53">
        <v>24773.480992465498</v>
      </c>
      <c r="CA1401" s="53">
        <v>296090.62811305799</v>
      </c>
      <c r="CB1401" s="53"/>
      <c r="CC1401" s="53"/>
      <c r="CD1401" s="53"/>
      <c r="CE1401" s="53"/>
      <c r="CF1401" s="53"/>
      <c r="CG1401" s="53"/>
      <c r="CH1401" s="53"/>
      <c r="CI1401" s="53"/>
      <c r="CJ1401" s="53"/>
      <c r="CK1401" s="53"/>
      <c r="CL1401" s="53"/>
      <c r="CM1401" s="53"/>
      <c r="CN1401" s="53"/>
    </row>
    <row r="1402" spans="1:92" outlineLevel="1">
      <c r="A1402" s="52" t="s">
        <v>783</v>
      </c>
      <c r="B1402" s="53">
        <v>586670.48004380101</v>
      </c>
      <c r="C1402" s="53">
        <v>582097.45221653103</v>
      </c>
      <c r="D1402" s="53">
        <v>600765.91715441702</v>
      </c>
      <c r="E1402" s="53">
        <v>638052.08805211796</v>
      </c>
      <c r="F1402" s="53">
        <v>701244.33886770799</v>
      </c>
      <c r="G1402" s="53">
        <v>711736.56334933196</v>
      </c>
      <c r="H1402" s="53">
        <v>671970.43806978699</v>
      </c>
      <c r="I1402" s="53">
        <v>697974.45986686996</v>
      </c>
      <c r="J1402" s="53">
        <v>732044.12408380699</v>
      </c>
      <c r="K1402" s="53">
        <v>675893.36719257699</v>
      </c>
      <c r="L1402" s="53">
        <v>602054.35257256299</v>
      </c>
      <c r="M1402" s="53">
        <v>588533.85682276497</v>
      </c>
      <c r="N1402" s="53">
        <v>7789037.4382922798</v>
      </c>
      <c r="O1402" s="53">
        <v>927053.75369816599</v>
      </c>
      <c r="P1402" s="53">
        <v>817325.75878085301</v>
      </c>
      <c r="Q1402" s="53">
        <v>848835.87966060499</v>
      </c>
      <c r="R1402" s="53">
        <v>917267.52766201505</v>
      </c>
      <c r="S1402" s="53">
        <v>1005779.04717732</v>
      </c>
      <c r="T1402" s="53">
        <v>1008837.76559161</v>
      </c>
      <c r="U1402" s="53">
        <v>1036714.54828539</v>
      </c>
      <c r="V1402" s="53">
        <v>992429.60194369103</v>
      </c>
      <c r="W1402" s="53">
        <v>1048604.9490640501</v>
      </c>
      <c r="X1402" s="53">
        <v>969774.97540968005</v>
      </c>
      <c r="Y1402" s="53">
        <v>850735.53475444403</v>
      </c>
      <c r="Z1402" s="53">
        <v>822333.28676771501</v>
      </c>
      <c r="AA1402" s="53">
        <v>11245692.628795501</v>
      </c>
      <c r="AB1402" s="53">
        <v>945808.63605754497</v>
      </c>
      <c r="AC1402" s="53">
        <v>834851.58903248096</v>
      </c>
      <c r="AD1402" s="53">
        <v>866323.654119318</v>
      </c>
      <c r="AE1402" s="53">
        <v>936308.95630192198</v>
      </c>
      <c r="AF1402" s="53">
        <v>1026705.94991046</v>
      </c>
      <c r="AG1402" s="53">
        <v>1029713.50983126</v>
      </c>
      <c r="AH1402" s="53">
        <v>1058126.6323309599</v>
      </c>
      <c r="AI1402" s="53">
        <v>1012642.2739576499</v>
      </c>
      <c r="AJ1402" s="53">
        <v>1070245.7727605</v>
      </c>
      <c r="AK1402" s="53">
        <v>989730.22629613394</v>
      </c>
      <c r="AL1402" s="53">
        <v>867975.65051032905</v>
      </c>
      <c r="AM1402" s="53">
        <v>838606.23545474804</v>
      </c>
      <c r="AN1402" s="53">
        <v>11477039.0865633</v>
      </c>
      <c r="AO1402" s="53">
        <v>1668469.77104259</v>
      </c>
      <c r="AP1402" s="53">
        <v>1471009.6815746401</v>
      </c>
      <c r="AQ1402" s="53">
        <v>1529193.9769297</v>
      </c>
      <c r="AR1402" s="53">
        <v>1653134.0973080599</v>
      </c>
      <c r="AS1402" s="53">
        <v>1812874.60773254</v>
      </c>
      <c r="AT1402" s="53">
        <v>1817900.74231626</v>
      </c>
      <c r="AU1402" s="53">
        <v>1867980.5502102601</v>
      </c>
      <c r="AV1402" s="53">
        <v>1786969.6133421001</v>
      </c>
      <c r="AW1402" s="53">
        <v>1889434.5484954501</v>
      </c>
      <c r="AX1402" s="53">
        <v>1747217.37603704</v>
      </c>
      <c r="AY1402" s="53">
        <v>1531638.78234863</v>
      </c>
      <c r="AZ1402" s="53">
        <v>1478744.3313599899</v>
      </c>
      <c r="BA1402" s="53">
        <v>20254568.078697301</v>
      </c>
      <c r="BB1402" s="53">
        <v>2203303.62932768</v>
      </c>
      <c r="BC1402" s="53">
        <v>1942535.44308491</v>
      </c>
      <c r="BD1402" s="53">
        <v>2020186.0534816899</v>
      </c>
      <c r="BE1402" s="53">
        <v>2184305.76998625</v>
      </c>
      <c r="BF1402" s="53">
        <v>2395511.8403765499</v>
      </c>
      <c r="BG1402" s="53">
        <v>2401879.2056000298</v>
      </c>
      <c r="BH1402" s="53">
        <v>2467949.7820220799</v>
      </c>
      <c r="BI1402" s="53">
        <v>2360245.5282353899</v>
      </c>
      <c r="BJ1402" s="53">
        <v>2496321.7516524899</v>
      </c>
      <c r="BK1402" s="53">
        <v>2308342.9104768001</v>
      </c>
      <c r="BL1402" s="53">
        <v>2022927.0513077199</v>
      </c>
      <c r="BM1402" s="53">
        <v>1952088.7069009601</v>
      </c>
      <c r="BN1402" s="53">
        <v>26755597.672452599</v>
      </c>
      <c r="BO1402" s="53">
        <v>2590593.6350755799</v>
      </c>
      <c r="BP1402" s="53">
        <v>2283930.0490458398</v>
      </c>
      <c r="BQ1402" s="53">
        <v>2376126.5875713201</v>
      </c>
      <c r="BR1402" s="53">
        <v>2569560.1045633098</v>
      </c>
      <c r="BS1402" s="53">
        <v>2818143.17759973</v>
      </c>
      <c r="BT1402" s="53">
        <v>2825273.0670819702</v>
      </c>
      <c r="BU1402" s="53">
        <v>2902848.8678904702</v>
      </c>
      <c r="BV1402" s="53">
        <v>2775318.34423583</v>
      </c>
      <c r="BW1402" s="53">
        <v>2936145.55521924</v>
      </c>
      <c r="BX1402" s="53">
        <v>2714853.6354089598</v>
      </c>
      <c r="BY1402" s="53">
        <v>2378363.4471527901</v>
      </c>
      <c r="BZ1402" s="53">
        <v>2293911.8541474901</v>
      </c>
      <c r="CA1402" s="53">
        <v>31465068.3249925</v>
      </c>
      <c r="CB1402" s="53"/>
      <c r="CC1402" s="53"/>
      <c r="CD1402" s="53"/>
      <c r="CE1402" s="53"/>
      <c r="CF1402" s="53"/>
      <c r="CG1402" s="53"/>
      <c r="CH1402" s="53"/>
      <c r="CI1402" s="53"/>
      <c r="CJ1402" s="53"/>
      <c r="CK1402" s="53"/>
      <c r="CL1402" s="53"/>
      <c r="CM1402" s="53"/>
      <c r="CN1402" s="53"/>
    </row>
    <row r="1403" spans="1:92" outlineLevel="1">
      <c r="A1403" s="52" t="s">
        <v>784</v>
      </c>
      <c r="B1403" s="53">
        <v>3953188.8828620999</v>
      </c>
      <c r="C1403" s="53">
        <v>3352554.6516120001</v>
      </c>
      <c r="D1403" s="53">
        <v>3478702.7447261098</v>
      </c>
      <c r="E1403" s="53">
        <v>3652168.4348091199</v>
      </c>
      <c r="F1403" s="53">
        <v>4542635.5284565501</v>
      </c>
      <c r="G1403" s="53">
        <v>5086881.2553168004</v>
      </c>
      <c r="H1403" s="53">
        <v>5534519.2751886602</v>
      </c>
      <c r="I1403" s="53">
        <v>5494479.03323068</v>
      </c>
      <c r="J1403" s="53">
        <v>5027686.33985289</v>
      </c>
      <c r="K1403" s="53">
        <v>4184614.5021565501</v>
      </c>
      <c r="L1403" s="53">
        <v>3459329.5536562102</v>
      </c>
      <c r="M1403" s="53">
        <v>3746785.1199741201</v>
      </c>
      <c r="N1403" s="53">
        <v>51513545.321841799</v>
      </c>
      <c r="O1403" s="53">
        <v>7852137.1421062499</v>
      </c>
      <c r="P1403" s="53">
        <v>4316314.0855797697</v>
      </c>
      <c r="Q1403" s="53">
        <v>4607253.4969555</v>
      </c>
      <c r="R1403" s="53">
        <v>4891739.75909096</v>
      </c>
      <c r="S1403" s="53">
        <v>6292767.5073681697</v>
      </c>
      <c r="T1403" s="53">
        <v>7192325.1892671501</v>
      </c>
      <c r="U1403" s="53">
        <v>7735349.0310463803</v>
      </c>
      <c r="V1403" s="53">
        <v>10125583.3969499</v>
      </c>
      <c r="W1403" s="53">
        <v>7001309.2288933704</v>
      </c>
      <c r="X1403" s="53">
        <v>5766719.5099392803</v>
      </c>
      <c r="Y1403" s="53">
        <v>4400901.2037211005</v>
      </c>
      <c r="Z1403" s="53">
        <v>4928359.0088366196</v>
      </c>
      <c r="AA1403" s="53">
        <v>75110758.559754506</v>
      </c>
      <c r="AB1403" s="53">
        <v>8125688.0953433504</v>
      </c>
      <c r="AC1403" s="53">
        <v>4596443.2825844903</v>
      </c>
      <c r="AD1403" s="53">
        <v>4763954.8046534099</v>
      </c>
      <c r="AE1403" s="53">
        <v>5057245.2064015204</v>
      </c>
      <c r="AF1403" s="53">
        <v>6596847.8226038497</v>
      </c>
      <c r="AG1403" s="53">
        <v>7604754.8188371202</v>
      </c>
      <c r="AH1403" s="53">
        <v>8201483.6560154296</v>
      </c>
      <c r="AI1403" s="53">
        <v>10651661.4737418</v>
      </c>
      <c r="AJ1403" s="53">
        <v>7408551.2410819298</v>
      </c>
      <c r="AK1403" s="53">
        <v>6056378.9389156299</v>
      </c>
      <c r="AL1403" s="53">
        <v>4581551.1709343297</v>
      </c>
      <c r="AM1403" s="53">
        <v>5145346.6744527603</v>
      </c>
      <c r="AN1403" s="53">
        <v>78789907.185565695</v>
      </c>
      <c r="AO1403" s="53">
        <v>14365289.8301851</v>
      </c>
      <c r="AP1403" s="53">
        <v>7823092.1313824002</v>
      </c>
      <c r="AQ1403" s="53">
        <v>8327910.6391954701</v>
      </c>
      <c r="AR1403" s="53">
        <v>8844248.13699493</v>
      </c>
      <c r="AS1403" s="53">
        <v>11619056.3480491</v>
      </c>
      <c r="AT1403" s="53">
        <v>13473151.785814</v>
      </c>
      <c r="AU1403" s="53">
        <v>14554136.6841112</v>
      </c>
      <c r="AV1403" s="53">
        <v>18903743.591895401</v>
      </c>
      <c r="AW1403" s="53">
        <v>13150337.3260752</v>
      </c>
      <c r="AX1403" s="53">
        <v>10717541.021898899</v>
      </c>
      <c r="AY1403" s="53">
        <v>8085093.5515860897</v>
      </c>
      <c r="AZ1403" s="53">
        <v>9106108.9867867194</v>
      </c>
      <c r="BA1403" s="53">
        <v>138969710.03397399</v>
      </c>
      <c r="BB1403" s="53">
        <v>18963668.992619298</v>
      </c>
      <c r="BC1403" s="53">
        <v>10252398.403633</v>
      </c>
      <c r="BD1403" s="53">
        <v>10867315.357214799</v>
      </c>
      <c r="BE1403" s="53">
        <v>11548159.571597699</v>
      </c>
      <c r="BF1403" s="53">
        <v>15281020.0279541</v>
      </c>
      <c r="BG1403" s="53">
        <v>17827347.856645498</v>
      </c>
      <c r="BH1403" s="53">
        <v>19289526.993132699</v>
      </c>
      <c r="BI1403" s="53">
        <v>25063551.416207101</v>
      </c>
      <c r="BJ1403" s="53">
        <v>17432519.394868799</v>
      </c>
      <c r="BK1403" s="53">
        <v>14163850.2747267</v>
      </c>
      <c r="BL1403" s="53">
        <v>10653295.9129887</v>
      </c>
      <c r="BM1403" s="53">
        <v>12033270.520937899</v>
      </c>
      <c r="BN1403" s="53">
        <v>183375924.722527</v>
      </c>
      <c r="BO1403" s="53">
        <v>22281081.641276099</v>
      </c>
      <c r="BP1403" s="53">
        <v>11984741.2345524</v>
      </c>
      <c r="BQ1403" s="53">
        <v>12653727.997011799</v>
      </c>
      <c r="BR1403" s="53">
        <v>13464709.627696101</v>
      </c>
      <c r="BS1403" s="53">
        <v>17909535.6580691</v>
      </c>
      <c r="BT1403" s="53">
        <v>21001918.3678803</v>
      </c>
      <c r="BU1403" s="53">
        <v>22761166.042885799</v>
      </c>
      <c r="BV1403" s="53">
        <v>29595567.1138447</v>
      </c>
      <c r="BW1403" s="53">
        <v>20613292.356493399</v>
      </c>
      <c r="BX1403" s="53">
        <v>16748069.3376213</v>
      </c>
      <c r="BY1403" s="53">
        <v>12604864.1532079</v>
      </c>
      <c r="BZ1403" s="53">
        <v>14250066.0890426</v>
      </c>
      <c r="CA1403" s="53">
        <v>215868739.619582</v>
      </c>
      <c r="CB1403" s="53"/>
      <c r="CC1403" s="53"/>
      <c r="CD1403" s="53"/>
      <c r="CE1403" s="53"/>
      <c r="CF1403" s="53"/>
      <c r="CG1403" s="53"/>
      <c r="CH1403" s="53"/>
      <c r="CI1403" s="53"/>
      <c r="CJ1403" s="53"/>
      <c r="CK1403" s="53"/>
      <c r="CL1403" s="53"/>
      <c r="CM1403" s="53"/>
      <c r="CN1403" s="53"/>
    </row>
    <row r="1404" spans="1:92" outlineLevel="1">
      <c r="A1404" s="52" t="s">
        <v>1245</v>
      </c>
      <c r="B1404" s="53"/>
      <c r="C1404" s="53"/>
      <c r="D1404" s="53"/>
      <c r="E1404" s="53"/>
      <c r="F1404" s="53"/>
      <c r="G1404" s="53"/>
      <c r="H1404" s="53"/>
      <c r="I1404" s="53"/>
      <c r="J1404" s="53"/>
      <c r="K1404" s="53"/>
      <c r="L1404" s="53"/>
      <c r="M1404" s="53"/>
      <c r="N1404" s="53"/>
      <c r="O1404" s="53"/>
      <c r="P1404" s="53"/>
      <c r="Q1404" s="53"/>
      <c r="R1404" s="53"/>
      <c r="S1404" s="53"/>
      <c r="T1404" s="53"/>
      <c r="U1404" s="53"/>
      <c r="V1404" s="53"/>
      <c r="W1404" s="53"/>
      <c r="X1404" s="53"/>
      <c r="Y1404" s="53"/>
      <c r="Z1404" s="53"/>
      <c r="AA1404" s="53"/>
      <c r="AB1404" s="53"/>
      <c r="AC1404" s="53"/>
      <c r="AD1404" s="53"/>
      <c r="AE1404" s="53"/>
      <c r="AF1404" s="53"/>
      <c r="AG1404" s="53"/>
      <c r="AH1404" s="53"/>
      <c r="AI1404" s="53"/>
      <c r="AJ1404" s="53"/>
      <c r="AK1404" s="53"/>
      <c r="AL1404" s="53"/>
      <c r="AM1404" s="53"/>
      <c r="AN1404" s="53"/>
      <c r="AO1404" s="53"/>
      <c r="AP1404" s="53"/>
      <c r="AQ1404" s="53"/>
      <c r="AR1404" s="53"/>
      <c r="AS1404" s="53"/>
      <c r="AT1404" s="53"/>
      <c r="AU1404" s="53"/>
      <c r="AV1404" s="53"/>
      <c r="AW1404" s="53"/>
      <c r="AX1404" s="53"/>
      <c r="AY1404" s="53"/>
      <c r="AZ1404" s="53"/>
      <c r="BA1404" s="53"/>
      <c r="BB1404" s="53"/>
      <c r="BC1404" s="53"/>
      <c r="BD1404" s="53"/>
      <c r="BE1404" s="53"/>
      <c r="BF1404" s="53"/>
      <c r="BG1404" s="53"/>
      <c r="BH1404" s="53"/>
      <c r="BI1404" s="53"/>
      <c r="BJ1404" s="53"/>
      <c r="BK1404" s="53"/>
      <c r="BL1404" s="53"/>
      <c r="BM1404" s="53"/>
      <c r="BN1404" s="53"/>
      <c r="BO1404" s="53"/>
      <c r="BP1404" s="53"/>
      <c r="BQ1404" s="53"/>
      <c r="BR1404" s="53"/>
      <c r="BS1404" s="53"/>
      <c r="BT1404" s="53"/>
      <c r="BU1404" s="53"/>
      <c r="BV1404" s="53"/>
      <c r="BW1404" s="53"/>
      <c r="BX1404" s="53"/>
      <c r="BY1404" s="53"/>
      <c r="BZ1404" s="53"/>
      <c r="CA1404" s="53"/>
      <c r="CB1404" s="53"/>
      <c r="CC1404" s="53"/>
      <c r="CD1404" s="53"/>
      <c r="CE1404" s="53"/>
      <c r="CF1404" s="53"/>
      <c r="CG1404" s="53"/>
      <c r="CH1404" s="53"/>
      <c r="CI1404" s="53"/>
      <c r="CJ1404" s="53"/>
      <c r="CK1404" s="53"/>
      <c r="CL1404" s="53"/>
      <c r="CM1404" s="53"/>
      <c r="CN1404" s="53"/>
    </row>
    <row r="1405" spans="1:92" outlineLevel="1">
      <c r="A1405" s="52" t="s">
        <v>780</v>
      </c>
      <c r="B1405" s="53">
        <v>71299.921544151701</v>
      </c>
      <c r="C1405" s="53">
        <v>65498.4569072206</v>
      </c>
      <c r="D1405" s="53">
        <v>76724.371965783794</v>
      </c>
      <c r="E1405" s="53">
        <v>82475.320919290098</v>
      </c>
      <c r="F1405" s="53">
        <v>89717.125867791401</v>
      </c>
      <c r="G1405" s="53">
        <v>94141.749660555404</v>
      </c>
      <c r="H1405" s="53">
        <v>97858.184666191504</v>
      </c>
      <c r="I1405" s="53">
        <v>98946.223399039998</v>
      </c>
      <c r="J1405" s="53">
        <v>93409.436966637106</v>
      </c>
      <c r="K1405" s="53">
        <v>84553.139213164905</v>
      </c>
      <c r="L1405" s="53">
        <v>73919.453841734401</v>
      </c>
      <c r="M1405" s="53">
        <v>75025.098564408807</v>
      </c>
      <c r="N1405" s="53">
        <v>1003568.4835159699</v>
      </c>
      <c r="O1405" s="53">
        <v>129226.411501058</v>
      </c>
      <c r="P1405" s="53">
        <v>84831.041346170401</v>
      </c>
      <c r="Q1405" s="53">
        <v>92062.596392355495</v>
      </c>
      <c r="R1405" s="53">
        <v>108746.090016199</v>
      </c>
      <c r="S1405" s="53">
        <v>119285.362421818</v>
      </c>
      <c r="T1405" s="53">
        <v>122670.46545162299</v>
      </c>
      <c r="U1405" s="53">
        <v>125317.69230423401</v>
      </c>
      <c r="V1405" s="53">
        <v>157432.287582308</v>
      </c>
      <c r="W1405" s="53">
        <v>119560.340225016</v>
      </c>
      <c r="X1405" s="53">
        <v>114351.792705763</v>
      </c>
      <c r="Y1405" s="53">
        <v>97110.045132888394</v>
      </c>
      <c r="Z1405" s="53">
        <v>96407.181082631607</v>
      </c>
      <c r="AA1405" s="53">
        <v>1367001.30616206</v>
      </c>
      <c r="AB1405" s="53">
        <v>132310.90729119099</v>
      </c>
      <c r="AC1405" s="53">
        <v>89373.943301946696</v>
      </c>
      <c r="AD1405" s="53">
        <v>95370.127093186602</v>
      </c>
      <c r="AE1405" s="53">
        <v>95769.142020030398</v>
      </c>
      <c r="AF1405" s="53">
        <v>107438.801065163</v>
      </c>
      <c r="AG1405" s="53">
        <v>110571.51629022601</v>
      </c>
      <c r="AH1405" s="53">
        <v>112670.653129461</v>
      </c>
      <c r="AI1405" s="53">
        <v>144206.539966318</v>
      </c>
      <c r="AJ1405" s="53">
        <v>107577.177803357</v>
      </c>
      <c r="AK1405" s="53">
        <v>101447.410280296</v>
      </c>
      <c r="AL1405" s="53">
        <v>83800.203360422704</v>
      </c>
      <c r="AM1405" s="53">
        <v>83736.597487684296</v>
      </c>
      <c r="AN1405" s="53">
        <v>1264273.0190892799</v>
      </c>
      <c r="AO1405" s="53">
        <v>104474.905691305</v>
      </c>
      <c r="AP1405" s="53">
        <v>66623.992679354196</v>
      </c>
      <c r="AQ1405" s="53">
        <v>74179.3454397553</v>
      </c>
      <c r="AR1405" s="53">
        <v>80869.430978758595</v>
      </c>
      <c r="AS1405" s="53">
        <v>90907.091369440299</v>
      </c>
      <c r="AT1405" s="53">
        <v>92869.269744917896</v>
      </c>
      <c r="AU1405" s="53">
        <v>95459.805627606402</v>
      </c>
      <c r="AV1405" s="53">
        <v>121074.695783191</v>
      </c>
      <c r="AW1405" s="53">
        <v>91268.311063585395</v>
      </c>
      <c r="AX1405" s="53">
        <v>84585.175677602805</v>
      </c>
      <c r="AY1405" s="53">
        <v>70893.828282771705</v>
      </c>
      <c r="AZ1405" s="53">
        <v>70787.775658121202</v>
      </c>
      <c r="BA1405" s="53">
        <v>1043993.62799641</v>
      </c>
      <c r="BB1405" s="53">
        <v>103339.19693509099</v>
      </c>
      <c r="BC1405" s="53">
        <v>67077.639843838901</v>
      </c>
      <c r="BD1405" s="53">
        <v>73704.515614839795</v>
      </c>
      <c r="BE1405" s="53">
        <v>80376.709470828704</v>
      </c>
      <c r="BF1405" s="53">
        <v>90050.685002611295</v>
      </c>
      <c r="BG1405" s="53">
        <v>92841.991329041804</v>
      </c>
      <c r="BH1405" s="53">
        <v>95054.957967926501</v>
      </c>
      <c r="BI1405" s="53">
        <v>120295.23351749701</v>
      </c>
      <c r="BJ1405" s="53">
        <v>90861.9547995186</v>
      </c>
      <c r="BK1405" s="53">
        <v>85178.436755565897</v>
      </c>
      <c r="BL1405" s="53">
        <v>70128.559120544902</v>
      </c>
      <c r="BM1405" s="53">
        <v>70496.568998236602</v>
      </c>
      <c r="BN1405" s="53">
        <v>1039406.44935554</v>
      </c>
      <c r="BO1405" s="53">
        <v>102676.163495935</v>
      </c>
      <c r="BP1405" s="53">
        <v>66714.8125025263</v>
      </c>
      <c r="BQ1405" s="53">
        <v>73077.407435378598</v>
      </c>
      <c r="BR1405" s="53">
        <v>79600.398070072406</v>
      </c>
      <c r="BS1405" s="53">
        <v>89937.178273993602</v>
      </c>
      <c r="BT1405" s="53">
        <v>92950.424925089406</v>
      </c>
      <c r="BU1405" s="53">
        <v>95115.288122310507</v>
      </c>
      <c r="BV1405" s="53">
        <v>120062.447533151</v>
      </c>
      <c r="BW1405" s="53">
        <v>90943.101048742203</v>
      </c>
      <c r="BX1405" s="53">
        <v>85171.3360498767</v>
      </c>
      <c r="BY1405" s="53">
        <v>70224.086090970799</v>
      </c>
      <c r="BZ1405" s="53">
        <v>70855.6950409243</v>
      </c>
      <c r="CA1405" s="53">
        <v>1037328.33858897</v>
      </c>
      <c r="CB1405" s="53">
        <v>-401760</v>
      </c>
      <c r="CC1405" s="53">
        <v>-401760</v>
      </c>
      <c r="CD1405" s="53">
        <v>-401760</v>
      </c>
      <c r="CE1405" s="53">
        <v>-401760</v>
      </c>
      <c r="CF1405" s="53">
        <v>-401760</v>
      </c>
      <c r="CG1405" s="53">
        <v>-401760</v>
      </c>
      <c r="CH1405" s="53">
        <v>-401760</v>
      </c>
      <c r="CI1405" s="53">
        <v>-401760</v>
      </c>
      <c r="CJ1405" s="53">
        <v>-401760</v>
      </c>
      <c r="CK1405" s="53">
        <v>-401760</v>
      </c>
      <c r="CL1405" s="53">
        <v>-401760</v>
      </c>
      <c r="CM1405" s="53">
        <v>-401760</v>
      </c>
      <c r="CN1405" s="53">
        <v>-4821120</v>
      </c>
    </row>
    <row r="1406" spans="1:92" outlineLevel="1">
      <c r="A1406" s="52" t="s">
        <v>781</v>
      </c>
      <c r="B1406" s="53">
        <v>19780.076269337798</v>
      </c>
      <c r="C1406" s="53">
        <v>20265.897043381301</v>
      </c>
      <c r="D1406" s="53">
        <v>21091.597281148901</v>
      </c>
      <c r="E1406" s="53">
        <v>21955.566994042601</v>
      </c>
      <c r="F1406" s="53">
        <v>22765.117132495801</v>
      </c>
      <c r="G1406" s="53">
        <v>22754.986201977099</v>
      </c>
      <c r="H1406" s="53">
        <v>22134.412977637501</v>
      </c>
      <c r="I1406" s="53">
        <v>21480.502343489701</v>
      </c>
      <c r="J1406" s="53">
        <v>22481.759811315598</v>
      </c>
      <c r="K1406" s="53">
        <v>21740.255550334299</v>
      </c>
      <c r="L1406" s="53">
        <v>22214.8024203481</v>
      </c>
      <c r="M1406" s="53">
        <v>20740.458476679501</v>
      </c>
      <c r="N1406" s="53">
        <v>259405.43250218799</v>
      </c>
      <c r="O1406" s="53">
        <v>19769.0412218075</v>
      </c>
      <c r="P1406" s="53">
        <v>22555.203975910699</v>
      </c>
      <c r="Q1406" s="53">
        <v>26012.149992667699</v>
      </c>
      <c r="R1406" s="53">
        <v>33741.413689425201</v>
      </c>
      <c r="S1406" s="53">
        <v>37921.720826504599</v>
      </c>
      <c r="T1406" s="53">
        <v>29432.651423156301</v>
      </c>
      <c r="U1406" s="53">
        <v>28303.290813495201</v>
      </c>
      <c r="V1406" s="53">
        <v>28367.749729611998</v>
      </c>
      <c r="W1406" s="53">
        <v>27490.014436618701</v>
      </c>
      <c r="X1406" s="53">
        <v>25317.675165750501</v>
      </c>
      <c r="Y1406" s="53">
        <v>21745.1337321961</v>
      </c>
      <c r="Z1406" s="53">
        <v>24042.0369964126</v>
      </c>
      <c r="AA1406" s="53">
        <v>324698.08200355701</v>
      </c>
      <c r="AB1406" s="53">
        <v>19699.049771848098</v>
      </c>
      <c r="AC1406" s="53">
        <v>23533.336915390199</v>
      </c>
      <c r="AD1406" s="53">
        <v>26971.162037018701</v>
      </c>
      <c r="AE1406" s="53">
        <v>29449.481056638298</v>
      </c>
      <c r="AF1406" s="53">
        <v>33555.7905770012</v>
      </c>
      <c r="AG1406" s="53">
        <v>26065.160134719899</v>
      </c>
      <c r="AH1406" s="53">
        <v>25140.430127390398</v>
      </c>
      <c r="AI1406" s="53">
        <v>25541.9272072114</v>
      </c>
      <c r="AJ1406" s="53">
        <v>24319.139971100401</v>
      </c>
      <c r="AK1406" s="53">
        <v>22237.766449122399</v>
      </c>
      <c r="AL1406" s="53">
        <v>18779.625503203501</v>
      </c>
      <c r="AM1406" s="53">
        <v>20953.387741324001</v>
      </c>
      <c r="AN1406" s="53">
        <v>296246.25749196898</v>
      </c>
      <c r="AO1406" s="53">
        <v>15076.718266608999</v>
      </c>
      <c r="AP1406" s="53">
        <v>17479.853406683898</v>
      </c>
      <c r="AQ1406" s="53">
        <v>20203.309363465902</v>
      </c>
      <c r="AR1406" s="53">
        <v>23778.369181656501</v>
      </c>
      <c r="AS1406" s="53">
        <v>27132.000892375901</v>
      </c>
      <c r="AT1406" s="53">
        <v>21061.1875886239</v>
      </c>
      <c r="AU1406" s="53">
        <v>20290.438198461899</v>
      </c>
      <c r="AV1406" s="53">
        <v>20734.223022184899</v>
      </c>
      <c r="AW1406" s="53">
        <v>19642.652876627599</v>
      </c>
      <c r="AX1406" s="53">
        <v>18072.304619364499</v>
      </c>
      <c r="AY1406" s="53">
        <v>15314.0055564331</v>
      </c>
      <c r="AZ1406" s="53">
        <v>17093.2645266787</v>
      </c>
      <c r="BA1406" s="53">
        <v>235878.32749916599</v>
      </c>
      <c r="BB1406" s="53">
        <v>14882.926090212201</v>
      </c>
      <c r="BC1406" s="53">
        <v>17270.579507727201</v>
      </c>
      <c r="BD1406" s="53">
        <v>19961.641130816199</v>
      </c>
      <c r="BE1406" s="53">
        <v>23447.019772148498</v>
      </c>
      <c r="BF1406" s="53">
        <v>26747.324014105801</v>
      </c>
      <c r="BG1406" s="53">
        <v>20774.331174843101</v>
      </c>
      <c r="BH1406" s="53">
        <v>20015.782276692498</v>
      </c>
      <c r="BI1406" s="53">
        <v>20465.869280765401</v>
      </c>
      <c r="BJ1406" s="53">
        <v>19383.650098525501</v>
      </c>
      <c r="BK1406" s="53">
        <v>17851.892746159599</v>
      </c>
      <c r="BL1406" s="53">
        <v>15147.965916401299</v>
      </c>
      <c r="BM1406" s="53">
        <v>16900.731172876</v>
      </c>
      <c r="BN1406" s="53">
        <v>232849.71318127401</v>
      </c>
      <c r="BO1406" s="53">
        <v>14827.510912830699</v>
      </c>
      <c r="BP1406" s="53">
        <v>17204.822940343602</v>
      </c>
      <c r="BQ1406" s="53">
        <v>19883.394700720801</v>
      </c>
      <c r="BR1406" s="53">
        <v>23324.468401631399</v>
      </c>
      <c r="BS1406" s="53">
        <v>26604.487810733601</v>
      </c>
      <c r="BT1406" s="53">
        <v>20689.276285886299</v>
      </c>
      <c r="BU1406" s="53">
        <v>19941.016680853601</v>
      </c>
      <c r="BV1406" s="53">
        <v>20401.708444268199</v>
      </c>
      <c r="BW1406" s="53">
        <v>19319.316928116201</v>
      </c>
      <c r="BX1406" s="53">
        <v>17810.081688227801</v>
      </c>
      <c r="BY1406" s="53">
        <v>15131.6172195167</v>
      </c>
      <c r="BZ1406" s="53">
        <v>16872.6741701709</v>
      </c>
      <c r="CA1406" s="53">
        <v>232010.37618329999</v>
      </c>
      <c r="CB1406" s="53"/>
      <c r="CC1406" s="53"/>
      <c r="CD1406" s="53"/>
      <c r="CE1406" s="53"/>
      <c r="CF1406" s="53"/>
      <c r="CG1406" s="53"/>
      <c r="CH1406" s="53"/>
      <c r="CI1406" s="53"/>
      <c r="CJ1406" s="53"/>
      <c r="CK1406" s="53"/>
      <c r="CL1406" s="53"/>
      <c r="CM1406" s="53"/>
      <c r="CN1406" s="53"/>
    </row>
    <row r="1407" spans="1:92" outlineLevel="1">
      <c r="A1407" s="52" t="s">
        <v>782</v>
      </c>
      <c r="B1407" s="53">
        <v>128.69429860862201</v>
      </c>
      <c r="C1407" s="53">
        <v>128.699754818705</v>
      </c>
      <c r="D1407" s="53">
        <v>128.704539523802</v>
      </c>
      <c r="E1407" s="53">
        <v>129.27387045112201</v>
      </c>
      <c r="F1407" s="53">
        <v>129.077734699302</v>
      </c>
      <c r="G1407" s="53">
        <v>128.98637367557399</v>
      </c>
      <c r="H1407" s="53">
        <v>128.881899174148</v>
      </c>
      <c r="I1407" s="53">
        <v>128.89952818293401</v>
      </c>
      <c r="J1407" s="53">
        <v>128.84778486883999</v>
      </c>
      <c r="K1407" s="53">
        <v>128.93840845912499</v>
      </c>
      <c r="L1407" s="53">
        <v>128.88614086932199</v>
      </c>
      <c r="M1407" s="53">
        <v>128.86385677611401</v>
      </c>
      <c r="N1407" s="53">
        <v>1546.7541901076099</v>
      </c>
      <c r="O1407" s="53">
        <v>265.022666240077</v>
      </c>
      <c r="P1407" s="53">
        <v>260.68352769371501</v>
      </c>
      <c r="Q1407" s="53">
        <v>252.53980644236</v>
      </c>
      <c r="R1407" s="53">
        <v>282.01653506164899</v>
      </c>
      <c r="S1407" s="53">
        <v>275.55513360549497</v>
      </c>
      <c r="T1407" s="53">
        <v>275.75762334840698</v>
      </c>
      <c r="U1407" s="53">
        <v>274.108832702678</v>
      </c>
      <c r="V1407" s="53">
        <v>266.96171567300001</v>
      </c>
      <c r="W1407" s="53">
        <v>271.14019492002302</v>
      </c>
      <c r="X1407" s="53">
        <v>274.03457266523498</v>
      </c>
      <c r="Y1407" s="53">
        <v>279.045145792092</v>
      </c>
      <c r="Z1407" s="53">
        <v>279.93647248111898</v>
      </c>
      <c r="AA1407" s="53">
        <v>3256.8022266258499</v>
      </c>
      <c r="AB1407" s="53">
        <v>251.474190506262</v>
      </c>
      <c r="AC1407" s="53">
        <v>255.65078207274701</v>
      </c>
      <c r="AD1407" s="53">
        <v>249.343588885234</v>
      </c>
      <c r="AE1407" s="53">
        <v>236.51979601335299</v>
      </c>
      <c r="AF1407" s="53">
        <v>234.70234518371799</v>
      </c>
      <c r="AG1407" s="53">
        <v>235.96925453928901</v>
      </c>
      <c r="AH1407" s="53">
        <v>236.02927716103</v>
      </c>
      <c r="AI1407" s="53">
        <v>233.20328230098599</v>
      </c>
      <c r="AJ1407" s="53">
        <v>233.644337290767</v>
      </c>
      <c r="AK1407" s="53">
        <v>234.65197276565499</v>
      </c>
      <c r="AL1407" s="53">
        <v>235.45525762601699</v>
      </c>
      <c r="AM1407" s="53">
        <v>238.83857193822899</v>
      </c>
      <c r="AN1407" s="53">
        <v>2875.48265628329</v>
      </c>
      <c r="AO1407" s="53">
        <v>192.68833821254799</v>
      </c>
      <c r="AP1407" s="53">
        <v>190.871783953125</v>
      </c>
      <c r="AQ1407" s="53">
        <v>184.59154176896101</v>
      </c>
      <c r="AR1407" s="53">
        <v>193.384364161874</v>
      </c>
      <c r="AS1407" s="53">
        <v>191.67621087453</v>
      </c>
      <c r="AT1407" s="53">
        <v>192.94467141696401</v>
      </c>
      <c r="AU1407" s="53">
        <v>193.27654084379401</v>
      </c>
      <c r="AV1407" s="53">
        <v>190.627819185108</v>
      </c>
      <c r="AW1407" s="53">
        <v>191.553821972641</v>
      </c>
      <c r="AX1407" s="53">
        <v>192.997897732501</v>
      </c>
      <c r="AY1407" s="53">
        <v>194.289866806867</v>
      </c>
      <c r="AZ1407" s="53">
        <v>197.78221755595499</v>
      </c>
      <c r="BA1407" s="53">
        <v>2306.6850744848698</v>
      </c>
      <c r="BB1407" s="53">
        <v>189.675351856726</v>
      </c>
      <c r="BC1407" s="53">
        <v>188.08167333732899</v>
      </c>
      <c r="BD1407" s="53">
        <v>181.96758212744101</v>
      </c>
      <c r="BE1407" s="53">
        <v>190.90393781887599</v>
      </c>
      <c r="BF1407" s="53">
        <v>189.270387909981</v>
      </c>
      <c r="BG1407" s="53">
        <v>190.62103982314301</v>
      </c>
      <c r="BH1407" s="53">
        <v>191.05786496380099</v>
      </c>
      <c r="BI1407" s="53">
        <v>188.47471016400601</v>
      </c>
      <c r="BJ1407" s="53">
        <v>189.53430782618099</v>
      </c>
      <c r="BK1407" s="53">
        <v>191.08485607450399</v>
      </c>
      <c r="BL1407" s="53">
        <v>192.54263536893501</v>
      </c>
      <c r="BM1407" s="53">
        <v>196.09196141281899</v>
      </c>
      <c r="BN1407" s="53">
        <v>2279.3063086837401</v>
      </c>
      <c r="BO1407" s="53">
        <v>189.310606662352</v>
      </c>
      <c r="BP1407" s="53">
        <v>187.744168894468</v>
      </c>
      <c r="BQ1407" s="53">
        <v>181.66958876352399</v>
      </c>
      <c r="BR1407" s="53">
        <v>190.72341518642901</v>
      </c>
      <c r="BS1407" s="53">
        <v>189.112640898086</v>
      </c>
      <c r="BT1407" s="53">
        <v>190.50615915634401</v>
      </c>
      <c r="BU1407" s="53">
        <v>190.987525503217</v>
      </c>
      <c r="BV1407" s="53">
        <v>188.43870763753</v>
      </c>
      <c r="BW1407" s="53">
        <v>189.513952077532</v>
      </c>
      <c r="BX1407" s="53">
        <v>191.09634465818499</v>
      </c>
      <c r="BY1407" s="53">
        <v>192.563856563136</v>
      </c>
      <c r="BZ1407" s="53">
        <v>196.17366446096401</v>
      </c>
      <c r="CA1407" s="53">
        <v>2277.8406304617702</v>
      </c>
      <c r="CB1407" s="53"/>
      <c r="CC1407" s="53"/>
      <c r="CD1407" s="53"/>
      <c r="CE1407" s="53"/>
      <c r="CF1407" s="53"/>
      <c r="CG1407" s="53"/>
      <c r="CH1407" s="53"/>
      <c r="CI1407" s="53"/>
      <c r="CJ1407" s="53"/>
      <c r="CK1407" s="53"/>
      <c r="CL1407" s="53"/>
      <c r="CM1407" s="53"/>
      <c r="CN1407" s="53"/>
    </row>
    <row r="1408" spans="1:92" outlineLevel="1">
      <c r="A1408" s="52" t="s">
        <v>783</v>
      </c>
      <c r="B1408" s="53">
        <v>19744.821997835399</v>
      </c>
      <c r="C1408" s="53">
        <v>19965.665479962499</v>
      </c>
      <c r="D1408" s="53">
        <v>20552.2266835839</v>
      </c>
      <c r="E1408" s="53">
        <v>21839.310550207199</v>
      </c>
      <c r="F1408" s="53">
        <v>24223.175562889599</v>
      </c>
      <c r="G1408" s="53">
        <v>24424.103819207801</v>
      </c>
      <c r="H1408" s="53">
        <v>22941.187917534698</v>
      </c>
      <c r="I1408" s="53">
        <v>23685.9904374986</v>
      </c>
      <c r="J1408" s="53">
        <v>25128.5274349713</v>
      </c>
      <c r="K1408" s="53">
        <v>23236.360664965501</v>
      </c>
      <c r="L1408" s="53">
        <v>20695.6434385789</v>
      </c>
      <c r="M1408" s="53">
        <v>20117.434286909302</v>
      </c>
      <c r="N1408" s="53">
        <v>266554.44827414502</v>
      </c>
      <c r="O1408" s="53">
        <v>28239.7624625996</v>
      </c>
      <c r="P1408" s="53">
        <v>25364.1886580504</v>
      </c>
      <c r="Q1408" s="53">
        <v>25173.344634008099</v>
      </c>
      <c r="R1408" s="53">
        <v>29541.959311853399</v>
      </c>
      <c r="S1408" s="53">
        <v>32041.177615450699</v>
      </c>
      <c r="T1408" s="53">
        <v>31935.600676394901</v>
      </c>
      <c r="U1408" s="53">
        <v>32269.567168749501</v>
      </c>
      <c r="V1408" s="53">
        <v>30773.5910156711</v>
      </c>
      <c r="W1408" s="53">
        <v>32913.687848732901</v>
      </c>
      <c r="X1408" s="53">
        <v>31164.2609725933</v>
      </c>
      <c r="Y1408" s="53">
        <v>27932.1066343518</v>
      </c>
      <c r="Z1408" s="53">
        <v>27139.889234485399</v>
      </c>
      <c r="AA1408" s="53">
        <v>354489.136232941</v>
      </c>
      <c r="AB1408" s="53">
        <v>28362.600171120401</v>
      </c>
      <c r="AC1408" s="53">
        <v>26296.751770300099</v>
      </c>
      <c r="AD1408" s="53">
        <v>26116.279844226399</v>
      </c>
      <c r="AE1408" s="53">
        <v>25874.626443675799</v>
      </c>
      <c r="AF1408" s="53">
        <v>28413.7544778507</v>
      </c>
      <c r="AG1408" s="53">
        <v>28329.240256734502</v>
      </c>
      <c r="AH1408" s="53">
        <v>28682.465886943501</v>
      </c>
      <c r="AI1408" s="53">
        <v>27694.6928470721</v>
      </c>
      <c r="AJ1408" s="53">
        <v>29131.5231953439</v>
      </c>
      <c r="AK1408" s="53">
        <v>27354.360699951299</v>
      </c>
      <c r="AL1408" s="53">
        <v>24093.7127370942</v>
      </c>
      <c r="AM1408" s="53">
        <v>23604.1159366391</v>
      </c>
      <c r="AN1408" s="53">
        <v>323954.12426695199</v>
      </c>
      <c r="AO1408" s="53">
        <v>22337.335169018199</v>
      </c>
      <c r="AP1408" s="53">
        <v>20243.941518822099</v>
      </c>
      <c r="AQ1408" s="53">
        <v>19860.0808342409</v>
      </c>
      <c r="AR1408" s="53">
        <v>21523.247893059401</v>
      </c>
      <c r="AS1408" s="53">
        <v>23609.048468127199</v>
      </c>
      <c r="AT1408" s="53">
        <v>23463.373437049999</v>
      </c>
      <c r="AU1408" s="53">
        <v>23673.438156649401</v>
      </c>
      <c r="AV1408" s="53">
        <v>22875.6769958484</v>
      </c>
      <c r="AW1408" s="53">
        <v>24074.992845514698</v>
      </c>
      <c r="AX1408" s="53">
        <v>22699.108047220099</v>
      </c>
      <c r="AY1408" s="53">
        <v>20029.045800420299</v>
      </c>
      <c r="AZ1408" s="53">
        <v>19651.140846413698</v>
      </c>
      <c r="BA1408" s="53">
        <v>264040.43001238402</v>
      </c>
      <c r="BB1408" s="53">
        <v>21984.6005608329</v>
      </c>
      <c r="BC1408" s="53">
        <v>19939.302229144301</v>
      </c>
      <c r="BD1408" s="53">
        <v>19555.721423789098</v>
      </c>
      <c r="BE1408" s="53">
        <v>21195.995325249602</v>
      </c>
      <c r="BF1408" s="53">
        <v>23245.6134334985</v>
      </c>
      <c r="BG1408" s="53">
        <v>23091.259453349099</v>
      </c>
      <c r="BH1408" s="53">
        <v>23289.663693135801</v>
      </c>
      <c r="BI1408" s="53">
        <v>22499.138224782899</v>
      </c>
      <c r="BJ1408" s="53">
        <v>23688.4629449803</v>
      </c>
      <c r="BK1408" s="53">
        <v>22342.061328658601</v>
      </c>
      <c r="BL1408" s="53">
        <v>19718.0125772666</v>
      </c>
      <c r="BM1408" s="53">
        <v>19336.747556218201</v>
      </c>
      <c r="BN1408" s="53">
        <v>259886.57875090599</v>
      </c>
      <c r="BO1408" s="53">
        <v>21776.003933135999</v>
      </c>
      <c r="BP1408" s="53">
        <v>19751.063222674798</v>
      </c>
      <c r="BQ1408" s="53">
        <v>19372.4643760576</v>
      </c>
      <c r="BR1408" s="53">
        <v>21001.4877254653</v>
      </c>
      <c r="BS1408" s="53">
        <v>23031.571759485101</v>
      </c>
      <c r="BT1408" s="53">
        <v>22872.673698965798</v>
      </c>
      <c r="BU1408" s="53">
        <v>23064.835756166402</v>
      </c>
      <c r="BV1408" s="53">
        <v>22278.718713679798</v>
      </c>
      <c r="BW1408" s="53">
        <v>23458.898651238698</v>
      </c>
      <c r="BX1408" s="53">
        <v>22125.8197210006</v>
      </c>
      <c r="BY1408" s="53">
        <v>19518.479413632798</v>
      </c>
      <c r="BZ1408" s="53">
        <v>19134.167845781802</v>
      </c>
      <c r="CA1408" s="53">
        <v>257386.184817284</v>
      </c>
      <c r="CB1408" s="53"/>
      <c r="CC1408" s="53"/>
      <c r="CD1408" s="53"/>
      <c r="CE1408" s="53"/>
      <c r="CF1408" s="53"/>
      <c r="CG1408" s="53"/>
      <c r="CH1408" s="53"/>
      <c r="CI1408" s="53"/>
      <c r="CJ1408" s="53"/>
      <c r="CK1408" s="53"/>
      <c r="CL1408" s="53"/>
      <c r="CM1408" s="53"/>
      <c r="CN1408" s="53"/>
    </row>
    <row r="1409" spans="1:92" outlineLevel="1">
      <c r="A1409" s="52" t="s">
        <v>784</v>
      </c>
      <c r="B1409" s="53">
        <v>178460.95583545201</v>
      </c>
      <c r="C1409" s="53">
        <v>153229.87349176401</v>
      </c>
      <c r="D1409" s="53">
        <v>157860.23984611701</v>
      </c>
      <c r="E1409" s="53">
        <v>165643.383976301</v>
      </c>
      <c r="F1409" s="53">
        <v>203605.62738618901</v>
      </c>
      <c r="G1409" s="53">
        <v>228456.01775235799</v>
      </c>
      <c r="H1409" s="53">
        <v>248473.17548268</v>
      </c>
      <c r="I1409" s="53">
        <v>246534.782318026</v>
      </c>
      <c r="J1409" s="53">
        <v>227188.284655086</v>
      </c>
      <c r="K1409" s="53">
        <v>190118.247202194</v>
      </c>
      <c r="L1409" s="53">
        <v>158597.47719629601</v>
      </c>
      <c r="M1409" s="53">
        <v>169442.87408777801</v>
      </c>
      <c r="N1409" s="53">
        <v>2327610.93923024</v>
      </c>
      <c r="O1409" s="53">
        <v>295063.69077066</v>
      </c>
      <c r="P1409" s="53">
        <v>166724.13096293301</v>
      </c>
      <c r="Q1409" s="53">
        <v>166117.68199132601</v>
      </c>
      <c r="R1409" s="53">
        <v>192023.83087412699</v>
      </c>
      <c r="S1409" s="53">
        <v>240948.384821527</v>
      </c>
      <c r="T1409" s="53">
        <v>274159.70928266097</v>
      </c>
      <c r="U1409" s="53">
        <v>293557.29091346799</v>
      </c>
      <c r="V1409" s="53">
        <v>375528.54126708</v>
      </c>
      <c r="W1409" s="53">
        <v>267617.05436504399</v>
      </c>
      <c r="X1409" s="53">
        <v>224121.28943299499</v>
      </c>
      <c r="Y1409" s="53">
        <v>176160.340384685</v>
      </c>
      <c r="Z1409" s="53">
        <v>206426.15009415601</v>
      </c>
      <c r="AA1409" s="53">
        <v>2878448.0951606599</v>
      </c>
      <c r="AB1409" s="53">
        <v>305675.07770690101</v>
      </c>
      <c r="AC1409" s="53">
        <v>183707.98752442701</v>
      </c>
      <c r="AD1409" s="53">
        <v>178294.00856410401</v>
      </c>
      <c r="AE1409" s="53">
        <v>172306.75645249299</v>
      </c>
      <c r="AF1409" s="53">
        <v>221745.52720613201</v>
      </c>
      <c r="AG1409" s="53">
        <v>254631.396619387</v>
      </c>
      <c r="AH1409" s="53">
        <v>274178.91070475499</v>
      </c>
      <c r="AI1409" s="53">
        <v>352320.82936455298</v>
      </c>
      <c r="AJ1409" s="53">
        <v>248212.26681332599</v>
      </c>
      <c r="AK1409" s="53">
        <v>204406.17483731499</v>
      </c>
      <c r="AL1409" s="53">
        <v>156428.71116922601</v>
      </c>
      <c r="AM1409" s="53">
        <v>186019.58970125901</v>
      </c>
      <c r="AN1409" s="53">
        <v>2737927.2366638798</v>
      </c>
      <c r="AO1409" s="53">
        <v>251120.68290902601</v>
      </c>
      <c r="AP1409" s="53">
        <v>142608.33855309599</v>
      </c>
      <c r="AQ1409" s="53">
        <v>139885.47767891499</v>
      </c>
      <c r="AR1409" s="53">
        <v>148010.66125631699</v>
      </c>
      <c r="AS1409" s="53">
        <v>190903.93678850899</v>
      </c>
      <c r="AT1409" s="53">
        <v>220115.78816025899</v>
      </c>
      <c r="AU1409" s="53">
        <v>237377.85063577499</v>
      </c>
      <c r="AV1409" s="53">
        <v>304147.63884673099</v>
      </c>
      <c r="AW1409" s="53">
        <v>215319.83184251099</v>
      </c>
      <c r="AX1409" s="53">
        <v>177117.566728556</v>
      </c>
      <c r="AY1409" s="53">
        <v>136245.48191276999</v>
      </c>
      <c r="AZ1409" s="53">
        <v>163087.40085546899</v>
      </c>
      <c r="BA1409" s="53">
        <v>2325940.65616793</v>
      </c>
      <c r="BB1409" s="53">
        <v>248253.506269896</v>
      </c>
      <c r="BC1409" s="53">
        <v>140291.27839880501</v>
      </c>
      <c r="BD1409" s="53">
        <v>136981.02100343999</v>
      </c>
      <c r="BE1409" s="53">
        <v>144973.398102537</v>
      </c>
      <c r="BF1409" s="53">
        <v>188039.366085961</v>
      </c>
      <c r="BG1409" s="53">
        <v>217944.57381524899</v>
      </c>
      <c r="BH1409" s="53">
        <v>235372.012724398</v>
      </c>
      <c r="BI1409" s="53">
        <v>301520.64425906597</v>
      </c>
      <c r="BJ1409" s="53">
        <v>213588.34611180701</v>
      </c>
      <c r="BK1409" s="53">
        <v>175266.536611369</v>
      </c>
      <c r="BL1409" s="53">
        <v>134614.38457530999</v>
      </c>
      <c r="BM1409" s="53">
        <v>161574.87937299599</v>
      </c>
      <c r="BN1409" s="53">
        <v>2298419.9473308302</v>
      </c>
      <c r="BO1409" s="53">
        <v>246466.913307649</v>
      </c>
      <c r="BP1409" s="53">
        <v>138787.48493600401</v>
      </c>
      <c r="BQ1409" s="53">
        <v>134992.54856687001</v>
      </c>
      <c r="BR1409" s="53">
        <v>143022.28653981999</v>
      </c>
      <c r="BS1409" s="53">
        <v>186252.760270381</v>
      </c>
      <c r="BT1409" s="53">
        <v>216851.79121109299</v>
      </c>
      <c r="BU1409" s="53">
        <v>234526.15537782799</v>
      </c>
      <c r="BV1409" s="53">
        <v>300568.82230329397</v>
      </c>
      <c r="BW1409" s="53">
        <v>213263.08110983999</v>
      </c>
      <c r="BX1409" s="53">
        <v>175041.584834257</v>
      </c>
      <c r="BY1409" s="53">
        <v>134571.090129552</v>
      </c>
      <c r="BZ1409" s="53">
        <v>161664.16481393599</v>
      </c>
      <c r="CA1409" s="53">
        <v>2286008.6834005299</v>
      </c>
      <c r="CB1409" s="53"/>
      <c r="CC1409" s="53"/>
      <c r="CD1409" s="53"/>
      <c r="CE1409" s="53"/>
      <c r="CF1409" s="53"/>
      <c r="CG1409" s="53"/>
      <c r="CH1409" s="53"/>
      <c r="CI1409" s="53"/>
      <c r="CJ1409" s="53"/>
      <c r="CK1409" s="53"/>
      <c r="CL1409" s="53"/>
      <c r="CM1409" s="53"/>
      <c r="CN1409" s="53"/>
    </row>
    <row r="1410" spans="1:92" outlineLevel="1">
      <c r="A1410" s="52" t="s">
        <v>675</v>
      </c>
      <c r="B1410" s="53"/>
      <c r="C1410" s="53"/>
      <c r="D1410" s="53"/>
      <c r="E1410" s="53"/>
      <c r="F1410" s="53"/>
      <c r="G1410" s="53"/>
      <c r="H1410" s="53"/>
      <c r="I1410" s="53"/>
      <c r="J1410" s="53"/>
      <c r="K1410" s="53"/>
      <c r="L1410" s="53"/>
      <c r="M1410" s="53"/>
      <c r="N1410" s="53"/>
      <c r="O1410" s="53"/>
      <c r="P1410" s="53"/>
      <c r="Q1410" s="53"/>
      <c r="R1410" s="53"/>
      <c r="S1410" s="53"/>
      <c r="T1410" s="53"/>
      <c r="U1410" s="53"/>
      <c r="V1410" s="53"/>
      <c r="W1410" s="53"/>
      <c r="X1410" s="53"/>
      <c r="Y1410" s="53"/>
      <c r="Z1410" s="53"/>
      <c r="AA1410" s="53"/>
      <c r="AB1410" s="53"/>
      <c r="AC1410" s="53"/>
      <c r="AD1410" s="53"/>
      <c r="AE1410" s="53"/>
      <c r="AF1410" s="53"/>
      <c r="AG1410" s="53"/>
      <c r="AH1410" s="53"/>
      <c r="AI1410" s="53"/>
      <c r="AJ1410" s="53"/>
      <c r="AK1410" s="53"/>
      <c r="AL1410" s="53"/>
      <c r="AM1410" s="53"/>
      <c r="AN1410" s="53"/>
      <c r="AO1410" s="53"/>
      <c r="AP1410" s="53"/>
      <c r="AQ1410" s="53"/>
      <c r="AR1410" s="53"/>
      <c r="AS1410" s="53"/>
      <c r="AT1410" s="53"/>
      <c r="AU1410" s="53"/>
      <c r="AV1410" s="53"/>
      <c r="AW1410" s="53"/>
      <c r="AX1410" s="53"/>
      <c r="AY1410" s="53"/>
      <c r="AZ1410" s="53"/>
      <c r="BA1410" s="53"/>
      <c r="BB1410" s="53"/>
      <c r="BC1410" s="53"/>
      <c r="BD1410" s="53"/>
      <c r="BE1410" s="53"/>
      <c r="BF1410" s="53"/>
      <c r="BG1410" s="53"/>
      <c r="BH1410" s="53"/>
      <c r="BI1410" s="53"/>
      <c r="BJ1410" s="53"/>
      <c r="BK1410" s="53"/>
      <c r="BL1410" s="53"/>
      <c r="BM1410" s="53"/>
      <c r="BN1410" s="53"/>
      <c r="BO1410" s="53"/>
      <c r="BP1410" s="53"/>
      <c r="BQ1410" s="53"/>
      <c r="BR1410" s="53"/>
      <c r="BS1410" s="53"/>
      <c r="BT1410" s="53"/>
      <c r="BU1410" s="53"/>
      <c r="BV1410" s="53"/>
      <c r="BW1410" s="53"/>
      <c r="BX1410" s="53"/>
      <c r="BY1410" s="53"/>
      <c r="BZ1410" s="53"/>
      <c r="CA1410" s="53"/>
      <c r="CB1410" s="53">
        <v>-561404</v>
      </c>
      <c r="CC1410" s="53">
        <v>-569049</v>
      </c>
      <c r="CD1410" s="53">
        <v>-573448</v>
      </c>
      <c r="CE1410" s="53">
        <v>-576189</v>
      </c>
      <c r="CF1410" s="53">
        <v>-581114</v>
      </c>
      <c r="CG1410" s="53">
        <v>-587505</v>
      </c>
      <c r="CH1410" s="53">
        <v>-590878</v>
      </c>
      <c r="CI1410" s="53">
        <v>-590878</v>
      </c>
      <c r="CJ1410" s="53">
        <v>-590878</v>
      </c>
      <c r="CK1410" s="53">
        <v>-590878</v>
      </c>
      <c r="CL1410" s="53">
        <v>-590878</v>
      </c>
      <c r="CM1410" s="53">
        <v>-590878</v>
      </c>
      <c r="CN1410" s="53">
        <v>-6993976.9999999898</v>
      </c>
    </row>
    <row r="1411" spans="1:92" outlineLevel="1">
      <c r="A1411" s="52" t="s">
        <v>1246</v>
      </c>
      <c r="B1411" s="53"/>
      <c r="C1411" s="53"/>
      <c r="D1411" s="53"/>
      <c r="E1411" s="53"/>
      <c r="F1411" s="53"/>
      <c r="G1411" s="53"/>
      <c r="H1411" s="53"/>
      <c r="I1411" s="53"/>
      <c r="J1411" s="53"/>
      <c r="K1411" s="53"/>
      <c r="L1411" s="53"/>
      <c r="M1411" s="53"/>
      <c r="N1411" s="53"/>
      <c r="O1411" s="53"/>
      <c r="P1411" s="53"/>
      <c r="Q1411" s="53"/>
      <c r="R1411" s="53"/>
      <c r="S1411" s="53"/>
      <c r="T1411" s="53"/>
      <c r="U1411" s="53"/>
      <c r="V1411" s="53"/>
      <c r="W1411" s="53"/>
      <c r="X1411" s="53"/>
      <c r="Y1411" s="53"/>
      <c r="Z1411" s="53"/>
      <c r="AA1411" s="53"/>
      <c r="AB1411" s="53"/>
      <c r="AC1411" s="53"/>
      <c r="AD1411" s="53"/>
      <c r="AE1411" s="53"/>
      <c r="AF1411" s="53"/>
      <c r="AG1411" s="53"/>
      <c r="AH1411" s="53"/>
      <c r="AI1411" s="53"/>
      <c r="AJ1411" s="53"/>
      <c r="AK1411" s="53"/>
      <c r="AL1411" s="53"/>
      <c r="AM1411" s="53"/>
      <c r="AN1411" s="53"/>
      <c r="AO1411" s="53"/>
      <c r="AP1411" s="53"/>
      <c r="AQ1411" s="53"/>
      <c r="AR1411" s="53"/>
      <c r="AS1411" s="53"/>
      <c r="AT1411" s="53"/>
      <c r="AU1411" s="53"/>
      <c r="AV1411" s="53"/>
      <c r="AW1411" s="53"/>
      <c r="AX1411" s="53"/>
      <c r="AY1411" s="53"/>
      <c r="AZ1411" s="53"/>
      <c r="BA1411" s="53"/>
      <c r="BB1411" s="53"/>
      <c r="BC1411" s="53"/>
      <c r="BD1411" s="53"/>
      <c r="BE1411" s="53"/>
      <c r="BF1411" s="53"/>
      <c r="BG1411" s="53"/>
      <c r="BH1411" s="53"/>
      <c r="BI1411" s="53"/>
      <c r="BJ1411" s="53"/>
      <c r="BK1411" s="53"/>
      <c r="BL1411" s="53"/>
      <c r="BM1411" s="53"/>
      <c r="BN1411" s="53"/>
      <c r="BO1411" s="53"/>
      <c r="BP1411" s="53"/>
      <c r="BQ1411" s="53"/>
      <c r="BR1411" s="53"/>
      <c r="BS1411" s="53"/>
      <c r="BT1411" s="53"/>
      <c r="BU1411" s="53"/>
      <c r="BV1411" s="53"/>
      <c r="BW1411" s="53"/>
      <c r="BX1411" s="53"/>
      <c r="BY1411" s="53"/>
      <c r="BZ1411" s="53"/>
      <c r="CA1411" s="53"/>
      <c r="CB1411" s="53"/>
      <c r="CC1411" s="53"/>
      <c r="CD1411" s="53"/>
      <c r="CE1411" s="53"/>
      <c r="CF1411" s="53"/>
      <c r="CG1411" s="53"/>
      <c r="CH1411" s="53"/>
      <c r="CI1411" s="53"/>
      <c r="CJ1411" s="53"/>
      <c r="CK1411" s="53"/>
      <c r="CL1411" s="53"/>
      <c r="CM1411" s="53"/>
      <c r="CN1411" s="53"/>
    </row>
    <row r="1412" spans="1:92" outlineLevel="1">
      <c r="A1412" s="52" t="s">
        <v>649</v>
      </c>
      <c r="B1412" s="53">
        <v>148467618.28847301</v>
      </c>
      <c r="C1412" s="53">
        <v>132377996.58886001</v>
      </c>
      <c r="D1412" s="53">
        <v>142848538.51376101</v>
      </c>
      <c r="E1412" s="53">
        <v>150579739.075681</v>
      </c>
      <c r="F1412" s="53">
        <v>174368736.40789601</v>
      </c>
      <c r="G1412" s="53">
        <v>189463837.93584201</v>
      </c>
      <c r="H1412" s="53">
        <v>199735453.419581</v>
      </c>
      <c r="I1412" s="53">
        <v>199420052.97851101</v>
      </c>
      <c r="J1412" s="53">
        <v>188000438.660759</v>
      </c>
      <c r="K1412" s="53">
        <v>163497252.68417501</v>
      </c>
      <c r="L1412" s="53">
        <v>140925682.08928201</v>
      </c>
      <c r="M1412" s="53">
        <v>146601062.00343999</v>
      </c>
      <c r="N1412" s="53">
        <v>1976286408.64626</v>
      </c>
      <c r="O1412" s="53">
        <v>283245030.09121698</v>
      </c>
      <c r="P1412" s="53">
        <v>178525816.49096599</v>
      </c>
      <c r="Q1412" s="53">
        <v>193655436.75446501</v>
      </c>
      <c r="R1412" s="53">
        <v>212482165.36120901</v>
      </c>
      <c r="S1412" s="53">
        <v>253867489.742659</v>
      </c>
      <c r="T1412" s="53">
        <v>269222200.04559201</v>
      </c>
      <c r="U1412" s="53">
        <v>282638070.343274</v>
      </c>
      <c r="V1412" s="53">
        <v>352109742.148669</v>
      </c>
      <c r="W1412" s="53">
        <v>262927337.557174</v>
      </c>
      <c r="X1412" s="53">
        <v>228390189.048022</v>
      </c>
      <c r="Y1412" s="53">
        <v>182744561.166394</v>
      </c>
      <c r="Z1412" s="53">
        <v>194268967.598189</v>
      </c>
      <c r="AA1412" s="53">
        <v>2894077006.3478298</v>
      </c>
      <c r="AB1412" s="53">
        <v>262526128.74334899</v>
      </c>
      <c r="AC1412" s="53">
        <v>167837011.81703699</v>
      </c>
      <c r="AD1412" s="53">
        <v>178060459.393628</v>
      </c>
      <c r="AE1412" s="53">
        <v>195863654.83632699</v>
      </c>
      <c r="AF1412" s="53">
        <v>236505769.50473401</v>
      </c>
      <c r="AG1412" s="53">
        <v>252247374.84284699</v>
      </c>
      <c r="AH1412" s="53">
        <v>264947294.12028</v>
      </c>
      <c r="AI1412" s="53">
        <v>329419621.46717501</v>
      </c>
      <c r="AJ1412" s="53">
        <v>246449481.04071701</v>
      </c>
      <c r="AK1412" s="53">
        <v>212688445.619692</v>
      </c>
      <c r="AL1412" s="53">
        <v>168759517.225391</v>
      </c>
      <c r="AM1412" s="53">
        <v>179691216.695921</v>
      </c>
      <c r="AN1412" s="53">
        <v>2694995975.3070998</v>
      </c>
      <c r="AO1412" s="53">
        <v>182250131.89121899</v>
      </c>
      <c r="AP1412" s="53">
        <v>112870157.723905</v>
      </c>
      <c r="AQ1412" s="53">
        <v>123450390.68038499</v>
      </c>
      <c r="AR1412" s="53">
        <v>135678779.678303</v>
      </c>
      <c r="AS1412" s="53">
        <v>164516699.06465799</v>
      </c>
      <c r="AT1412" s="53">
        <v>175835046.54903099</v>
      </c>
      <c r="AU1412" s="53">
        <v>185384557.503708</v>
      </c>
      <c r="AV1412" s="53">
        <v>229914840.570986</v>
      </c>
      <c r="AW1412" s="53">
        <v>172519058.76728201</v>
      </c>
      <c r="AX1412" s="53">
        <v>147668224.116034</v>
      </c>
      <c r="AY1412" s="53">
        <v>117448502.38436</v>
      </c>
      <c r="AZ1412" s="53">
        <v>125145496.084562</v>
      </c>
      <c r="BA1412" s="53">
        <v>1872681885.01443</v>
      </c>
      <c r="BB1412" s="53">
        <v>176188687.93376201</v>
      </c>
      <c r="BC1412" s="53">
        <v>109307774.081778</v>
      </c>
      <c r="BD1412" s="53">
        <v>118859873.624975</v>
      </c>
      <c r="BE1412" s="53">
        <v>130730120.736339</v>
      </c>
      <c r="BF1412" s="53">
        <v>158838692.828664</v>
      </c>
      <c r="BG1412" s="53">
        <v>170760782.44633701</v>
      </c>
      <c r="BH1412" s="53">
        <v>179993304.77683401</v>
      </c>
      <c r="BI1412" s="53">
        <v>223149198.191158</v>
      </c>
      <c r="BJ1412" s="53">
        <v>167517636.717388</v>
      </c>
      <c r="BK1412" s="53">
        <v>143667547.32617399</v>
      </c>
      <c r="BL1412" s="53">
        <v>113463645.403681</v>
      </c>
      <c r="BM1412" s="53">
        <v>121304966.911111</v>
      </c>
      <c r="BN1412" s="53">
        <v>1813782230.9782</v>
      </c>
      <c r="BO1412" s="53">
        <v>168775091.03702599</v>
      </c>
      <c r="BP1412" s="53">
        <v>104508619.866825</v>
      </c>
      <c r="BQ1412" s="53">
        <v>113332655.664801</v>
      </c>
      <c r="BR1412" s="53">
        <v>124710247.991799</v>
      </c>
      <c r="BS1412" s="53">
        <v>152249155.592592</v>
      </c>
      <c r="BT1412" s="53">
        <v>164221603.481491</v>
      </c>
      <c r="BU1412" s="53">
        <v>173224592.589784</v>
      </c>
      <c r="BV1412" s="53">
        <v>214684883.40082201</v>
      </c>
      <c r="BW1412" s="53">
        <v>161431404.46811101</v>
      </c>
      <c r="BX1412" s="53">
        <v>138418195.706265</v>
      </c>
      <c r="BY1412" s="53">
        <v>109415803.327226</v>
      </c>
      <c r="BZ1412" s="53">
        <v>117142699.88969</v>
      </c>
      <c r="CA1412" s="53">
        <v>1742114953.0164299</v>
      </c>
      <c r="CB1412" s="53"/>
      <c r="CC1412" s="53"/>
      <c r="CD1412" s="53"/>
      <c r="CE1412" s="53"/>
      <c r="CF1412" s="53"/>
      <c r="CG1412" s="53"/>
      <c r="CH1412" s="53"/>
      <c r="CI1412" s="53"/>
      <c r="CJ1412" s="53"/>
      <c r="CK1412" s="53"/>
      <c r="CL1412" s="53"/>
      <c r="CM1412" s="53"/>
      <c r="CN1412" s="53"/>
    </row>
    <row r="1413" spans="1:92" outlineLevel="1">
      <c r="A1413" s="52" t="s">
        <v>1327</v>
      </c>
      <c r="B1413" s="53"/>
      <c r="C1413" s="53"/>
      <c r="D1413" s="53"/>
      <c r="E1413" s="53"/>
      <c r="F1413" s="53"/>
      <c r="G1413" s="53"/>
      <c r="H1413" s="53"/>
      <c r="I1413" s="53"/>
      <c r="J1413" s="53"/>
      <c r="K1413" s="53"/>
      <c r="L1413" s="53"/>
      <c r="M1413" s="53"/>
      <c r="N1413" s="53"/>
      <c r="O1413" s="53"/>
      <c r="P1413" s="53"/>
      <c r="Q1413" s="53"/>
      <c r="R1413" s="53"/>
      <c r="S1413" s="53"/>
      <c r="T1413" s="53"/>
      <c r="U1413" s="53"/>
      <c r="V1413" s="53"/>
      <c r="W1413" s="53"/>
      <c r="X1413" s="53"/>
      <c r="Y1413" s="53"/>
      <c r="Z1413" s="53"/>
      <c r="AA1413" s="53"/>
      <c r="AB1413" s="53"/>
      <c r="AC1413" s="53"/>
      <c r="AD1413" s="53"/>
      <c r="AE1413" s="53"/>
      <c r="AF1413" s="53"/>
      <c r="AG1413" s="53"/>
      <c r="AH1413" s="53"/>
      <c r="AI1413" s="53"/>
      <c r="AJ1413" s="53"/>
      <c r="AK1413" s="53"/>
      <c r="AL1413" s="53"/>
      <c r="AM1413" s="53"/>
      <c r="AN1413" s="53"/>
      <c r="AO1413" s="53"/>
      <c r="AP1413" s="53"/>
      <c r="AQ1413" s="53"/>
      <c r="AR1413" s="53"/>
      <c r="AS1413" s="53"/>
      <c r="AT1413" s="53"/>
      <c r="AU1413" s="53"/>
      <c r="AV1413" s="53"/>
      <c r="AW1413" s="53"/>
      <c r="AX1413" s="53"/>
      <c r="AY1413" s="53"/>
      <c r="AZ1413" s="53"/>
      <c r="BA1413" s="53"/>
      <c r="BB1413" s="53"/>
      <c r="BC1413" s="53"/>
      <c r="BD1413" s="53"/>
      <c r="BE1413" s="53"/>
      <c r="BF1413" s="53"/>
      <c r="BG1413" s="53"/>
      <c r="BH1413" s="53"/>
      <c r="BI1413" s="53"/>
      <c r="BJ1413" s="53"/>
      <c r="BK1413" s="53"/>
      <c r="BL1413" s="53"/>
      <c r="BM1413" s="53"/>
      <c r="BN1413" s="53"/>
      <c r="BO1413" s="53"/>
      <c r="BP1413" s="53"/>
      <c r="BQ1413" s="53"/>
      <c r="BR1413" s="53"/>
      <c r="BS1413" s="53"/>
      <c r="BT1413" s="53"/>
      <c r="BU1413" s="53"/>
      <c r="BV1413" s="53"/>
      <c r="BW1413" s="53"/>
      <c r="BX1413" s="53"/>
      <c r="BY1413" s="53"/>
      <c r="BZ1413" s="53"/>
      <c r="CA1413" s="53"/>
      <c r="CB1413" s="53"/>
      <c r="CC1413" s="53"/>
      <c r="CD1413" s="53"/>
      <c r="CE1413" s="53"/>
      <c r="CF1413" s="53"/>
      <c r="CG1413" s="53"/>
      <c r="CH1413" s="53"/>
      <c r="CI1413" s="53"/>
      <c r="CJ1413" s="53"/>
      <c r="CK1413" s="53"/>
      <c r="CL1413" s="53"/>
      <c r="CM1413" s="53"/>
      <c r="CN1413" s="53"/>
    </row>
    <row r="1414" spans="1:92" outlineLevel="1">
      <c r="A1414" s="52" t="s">
        <v>649</v>
      </c>
      <c r="B1414" s="53">
        <v>38895817.149999999</v>
      </c>
      <c r="C1414" s="53">
        <v>53338797.769999899</v>
      </c>
      <c r="D1414" s="53">
        <v>49395795.530000001</v>
      </c>
      <c r="E1414" s="53">
        <v>55768716.530000001</v>
      </c>
      <c r="F1414" s="53">
        <v>151230588.41</v>
      </c>
      <c r="G1414" s="53">
        <v>153389594.50999999</v>
      </c>
      <c r="H1414" s="53">
        <v>132895311.91</v>
      </c>
      <c r="I1414" s="53">
        <v>227544395.18000001</v>
      </c>
      <c r="J1414" s="53">
        <v>160342752.34999999</v>
      </c>
      <c r="K1414" s="53">
        <v>111880543.44</v>
      </c>
      <c r="L1414" s="53">
        <v>80342878.700000003</v>
      </c>
      <c r="M1414" s="53">
        <v>112679940.14999899</v>
      </c>
      <c r="N1414" s="53">
        <v>1327705131.6299901</v>
      </c>
      <c r="O1414" s="53">
        <v>-25169829.750387099</v>
      </c>
      <c r="P1414" s="53">
        <v>58966178.861763597</v>
      </c>
      <c r="Q1414" s="53">
        <v>39686741.523096398</v>
      </c>
      <c r="R1414" s="53">
        <v>1673906.3198921201</v>
      </c>
      <c r="S1414" s="53">
        <v>-14702597.925310399</v>
      </c>
      <c r="T1414" s="53">
        <v>-16142858.2049587</v>
      </c>
      <c r="U1414" s="53">
        <v>-13056264.7662798</v>
      </c>
      <c r="V1414" s="53">
        <v>-87246027.866794303</v>
      </c>
      <c r="W1414" s="53">
        <v>-12762768.6735243</v>
      </c>
      <c r="X1414" s="53">
        <v>-1696696.12501311</v>
      </c>
      <c r="Y1414" s="53">
        <v>34795878.831630699</v>
      </c>
      <c r="Z1414" s="53">
        <v>35653905.427634999</v>
      </c>
      <c r="AA1414" s="53">
        <v>-432.34825003310101</v>
      </c>
      <c r="AB1414" s="53">
        <v>-27670599.241675802</v>
      </c>
      <c r="AC1414" s="53">
        <v>48224967.1995501</v>
      </c>
      <c r="AD1414" s="53">
        <v>30341278.5618308</v>
      </c>
      <c r="AE1414" s="53">
        <v>4763471.9614883298</v>
      </c>
      <c r="AF1414" s="53">
        <v>-7503726.7901726803</v>
      </c>
      <c r="AG1414" s="53">
        <v>-15480937.1527646</v>
      </c>
      <c r="AH1414" s="53">
        <v>-17676564.220773499</v>
      </c>
      <c r="AI1414" s="53">
        <v>-81309051.909450904</v>
      </c>
      <c r="AJ1414" s="53">
        <v>-10338773.6698892</v>
      </c>
      <c r="AK1414" s="53">
        <v>7466714.5950873904</v>
      </c>
      <c r="AL1414" s="53">
        <v>34260594.224009</v>
      </c>
      <c r="AM1414" s="53">
        <v>34923073.3583389</v>
      </c>
      <c r="AN1414" s="53">
        <v>446.91557777696198</v>
      </c>
      <c r="AO1414" s="53">
        <v>-24231361.526878498</v>
      </c>
      <c r="AP1414" s="53">
        <v>24687754.383266799</v>
      </c>
      <c r="AQ1414" s="53">
        <v>16980955.885632399</v>
      </c>
      <c r="AR1414" s="53">
        <v>-597040.14400858397</v>
      </c>
      <c r="AS1414" s="53">
        <v>-5179056.73384465</v>
      </c>
      <c r="AT1414" s="53">
        <v>-5411227.8167322204</v>
      </c>
      <c r="AU1414" s="53">
        <v>-4275629.5715572704</v>
      </c>
      <c r="AV1414" s="53">
        <v>-49383922.928237803</v>
      </c>
      <c r="AW1414" s="53">
        <v>-2309967.15946157</v>
      </c>
      <c r="AX1414" s="53">
        <v>3740266.34814069</v>
      </c>
      <c r="AY1414" s="53">
        <v>19589360.742612898</v>
      </c>
      <c r="AZ1414" s="53">
        <v>26389868.4488369</v>
      </c>
      <c r="BA1414" s="53">
        <v>-7.2230861405842006E-2</v>
      </c>
      <c r="BB1414" s="53">
        <v>-24264439.9079291</v>
      </c>
      <c r="BC1414" s="53">
        <v>23756038.0999148</v>
      </c>
      <c r="BD1414" s="53">
        <v>14735324.7720805</v>
      </c>
      <c r="BE1414" s="53">
        <v>-2527757.9960713</v>
      </c>
      <c r="BF1414" s="53">
        <v>-6070614.3312913999</v>
      </c>
      <c r="BG1414" s="53">
        <v>-6603222.2545889895</v>
      </c>
      <c r="BH1414" s="53">
        <v>-4621901.3716337997</v>
      </c>
      <c r="BI1414" s="53">
        <v>-46807472.8265559</v>
      </c>
      <c r="BJ1414" s="53">
        <v>-620648.87349287095</v>
      </c>
      <c r="BK1414" s="53">
        <v>6392796.79832255</v>
      </c>
      <c r="BL1414" s="53">
        <v>21869844.779964801</v>
      </c>
      <c r="BM1414" s="53">
        <v>24762052.890089098</v>
      </c>
      <c r="BN1414" s="53">
        <v>-0.221191468881443</v>
      </c>
      <c r="BO1414" s="53">
        <v>-20722545.7932631</v>
      </c>
      <c r="BP1414" s="53">
        <v>25186939.1599067</v>
      </c>
      <c r="BQ1414" s="53">
        <v>18143478.006243199</v>
      </c>
      <c r="BR1414" s="53">
        <v>1028489.7223845701</v>
      </c>
      <c r="BS1414" s="53">
        <v>-5889781.0133553203</v>
      </c>
      <c r="BT1414" s="53">
        <v>-6684532.5819095802</v>
      </c>
      <c r="BU1414" s="53">
        <v>-5134416.1235667998</v>
      </c>
      <c r="BV1414" s="53">
        <v>-46018699.978442602</v>
      </c>
      <c r="BW1414" s="53">
        <v>-1636338.18653807</v>
      </c>
      <c r="BX1414" s="53">
        <v>4723869.8531401101</v>
      </c>
      <c r="BY1414" s="53">
        <v>14364305.421770999</v>
      </c>
      <c r="BZ1414" s="53">
        <v>22639231.637156401</v>
      </c>
      <c r="CA1414" s="53">
        <v>0.12352668272797</v>
      </c>
      <c r="CB1414" s="53"/>
      <c r="CC1414" s="53"/>
      <c r="CD1414" s="53"/>
      <c r="CE1414" s="53"/>
      <c r="CF1414" s="53"/>
      <c r="CG1414" s="53"/>
      <c r="CH1414" s="53"/>
      <c r="CI1414" s="53"/>
      <c r="CJ1414" s="53"/>
      <c r="CK1414" s="53"/>
      <c r="CL1414" s="53"/>
      <c r="CM1414" s="53"/>
      <c r="CN1414" s="53"/>
    </row>
    <row r="1415" spans="1:92" outlineLevel="1">
      <c r="A1415" s="52" t="s">
        <v>1328</v>
      </c>
      <c r="B1415" s="53"/>
      <c r="C1415" s="53"/>
      <c r="D1415" s="53"/>
      <c r="E1415" s="53"/>
      <c r="F1415" s="53"/>
      <c r="G1415" s="53"/>
      <c r="H1415" s="53"/>
      <c r="I1415" s="53"/>
      <c r="J1415" s="53"/>
      <c r="K1415" s="53"/>
      <c r="L1415" s="53"/>
      <c r="M1415" s="53"/>
      <c r="N1415" s="53"/>
      <c r="O1415" s="53"/>
      <c r="P1415" s="53"/>
      <c r="Q1415" s="53"/>
      <c r="R1415" s="53"/>
      <c r="S1415" s="53"/>
      <c r="T1415" s="53"/>
      <c r="U1415" s="53"/>
      <c r="V1415" s="53"/>
      <c r="W1415" s="53"/>
      <c r="X1415" s="53"/>
      <c r="Y1415" s="53"/>
      <c r="Z1415" s="53"/>
      <c r="AA1415" s="53"/>
      <c r="AB1415" s="53"/>
      <c r="AC1415" s="53"/>
      <c r="AD1415" s="53"/>
      <c r="AE1415" s="53"/>
      <c r="AF1415" s="53"/>
      <c r="AG1415" s="53"/>
      <c r="AH1415" s="53"/>
      <c r="AI1415" s="53"/>
      <c r="AJ1415" s="53"/>
      <c r="AK1415" s="53"/>
      <c r="AL1415" s="53"/>
      <c r="AM1415" s="53"/>
      <c r="AN1415" s="53"/>
      <c r="AO1415" s="53"/>
      <c r="AP1415" s="53"/>
      <c r="AQ1415" s="53"/>
      <c r="AR1415" s="53"/>
      <c r="AS1415" s="53"/>
      <c r="AT1415" s="53"/>
      <c r="AU1415" s="53"/>
      <c r="AV1415" s="53"/>
      <c r="AW1415" s="53"/>
      <c r="AX1415" s="53"/>
      <c r="AY1415" s="53"/>
      <c r="AZ1415" s="53"/>
      <c r="BA1415" s="53"/>
      <c r="BB1415" s="53"/>
      <c r="BC1415" s="53"/>
      <c r="BD1415" s="53"/>
      <c r="BE1415" s="53"/>
      <c r="BF1415" s="53"/>
      <c r="BG1415" s="53"/>
      <c r="BH1415" s="53"/>
      <c r="BI1415" s="53"/>
      <c r="BJ1415" s="53"/>
      <c r="BK1415" s="53"/>
      <c r="BL1415" s="53"/>
      <c r="BM1415" s="53"/>
      <c r="BN1415" s="53"/>
      <c r="BO1415" s="53"/>
      <c r="BP1415" s="53"/>
      <c r="BQ1415" s="53"/>
      <c r="BR1415" s="53"/>
      <c r="BS1415" s="53"/>
      <c r="BT1415" s="53"/>
      <c r="BU1415" s="53"/>
      <c r="BV1415" s="53"/>
      <c r="BW1415" s="53"/>
      <c r="BX1415" s="53"/>
      <c r="BY1415" s="53"/>
      <c r="BZ1415" s="53"/>
      <c r="CA1415" s="53"/>
      <c r="CB1415" s="53">
        <v>870224182.09810805</v>
      </c>
      <c r="CC1415" s="53">
        <v>863513307.82233202</v>
      </c>
      <c r="CD1415" s="53">
        <v>854353282.63756704</v>
      </c>
      <c r="CE1415" s="53">
        <v>838642943.51887703</v>
      </c>
      <c r="CF1415" s="53">
        <v>820356423.06774402</v>
      </c>
      <c r="CG1415" s="53">
        <v>799096257.68034995</v>
      </c>
      <c r="CH1415" s="53">
        <v>780062810.63636804</v>
      </c>
      <c r="CI1415" s="53">
        <v>762069140.35475504</v>
      </c>
      <c r="CJ1415" s="53">
        <v>744165747.24845505</v>
      </c>
      <c r="CK1415" s="53">
        <v>728692214.93903995</v>
      </c>
      <c r="CL1415" s="53">
        <v>719076410.98638797</v>
      </c>
      <c r="CM1415" s="53">
        <v>709164860.88414896</v>
      </c>
      <c r="CN1415" s="53">
        <v>709164860.88414896</v>
      </c>
    </row>
    <row r="1416" spans="1:92" outlineLevel="1">
      <c r="A1416" s="52" t="s">
        <v>649</v>
      </c>
      <c r="B1416" s="53"/>
      <c r="C1416" s="53"/>
      <c r="D1416" s="53"/>
      <c r="E1416" s="53"/>
      <c r="F1416" s="53"/>
      <c r="G1416" s="53"/>
      <c r="H1416" s="53"/>
      <c r="I1416" s="53"/>
      <c r="J1416" s="53"/>
      <c r="K1416" s="53"/>
      <c r="L1416" s="53"/>
      <c r="M1416" s="53"/>
      <c r="N1416" s="53"/>
      <c r="O1416" s="53">
        <v>5013096.8596963696</v>
      </c>
      <c r="P1416" s="53">
        <v>5555210.3775397604</v>
      </c>
      <c r="Q1416" s="53">
        <v>5555524.5584273897</v>
      </c>
      <c r="R1416" s="53">
        <v>5431716.3921988299</v>
      </c>
      <c r="S1416" s="53">
        <v>5189537.2612710297</v>
      </c>
      <c r="T1416" s="53">
        <v>4907708.7478258302</v>
      </c>
      <c r="U1416" s="53">
        <v>4606329.0994005799</v>
      </c>
      <c r="V1416" s="53">
        <v>4153713.06902237</v>
      </c>
      <c r="W1416" s="53">
        <v>3721681.0060771699</v>
      </c>
      <c r="X1416" s="53">
        <v>3471383.5274356701</v>
      </c>
      <c r="Y1416" s="53">
        <v>3322072.6295619099</v>
      </c>
      <c r="Z1416" s="53">
        <v>3252275.2802464501</v>
      </c>
      <c r="AA1416" s="53">
        <v>54180248.808703303</v>
      </c>
      <c r="AB1416" s="53">
        <v>2707743.54289325</v>
      </c>
      <c r="AC1416" s="53">
        <v>2216740.5723132598</v>
      </c>
      <c r="AD1416" s="53">
        <v>2145831.10314909</v>
      </c>
      <c r="AE1416" s="53">
        <v>2001341.0413122501</v>
      </c>
      <c r="AF1416" s="53">
        <v>1792499.8789852301</v>
      </c>
      <c r="AG1416" s="53">
        <v>1548791.4373550499</v>
      </c>
      <c r="AH1416" s="53">
        <v>1287093.81657022</v>
      </c>
      <c r="AI1416" s="53">
        <v>913428.02266334102</v>
      </c>
      <c r="AJ1416" s="53">
        <v>550883.628256639</v>
      </c>
      <c r="AK1416" s="53">
        <v>336924.75249522401</v>
      </c>
      <c r="AL1416" s="53">
        <v>197505.19884906599</v>
      </c>
      <c r="AM1416" s="53">
        <v>103947.70962234</v>
      </c>
      <c r="AN1416" s="53">
        <v>15802730.704464899</v>
      </c>
      <c r="AO1416" s="53"/>
      <c r="AP1416" s="53"/>
      <c r="AQ1416" s="53"/>
      <c r="AR1416" s="53"/>
      <c r="AS1416" s="53"/>
      <c r="AT1416" s="53"/>
      <c r="AU1416" s="53"/>
      <c r="AV1416" s="53"/>
      <c r="AW1416" s="53"/>
      <c r="AX1416" s="53"/>
      <c r="AY1416" s="53"/>
      <c r="AZ1416" s="53"/>
      <c r="BA1416" s="53"/>
      <c r="BB1416" s="53"/>
      <c r="BC1416" s="53"/>
      <c r="BD1416" s="53"/>
      <c r="BE1416" s="53"/>
      <c r="BF1416" s="53"/>
      <c r="BG1416" s="53"/>
      <c r="BH1416" s="53"/>
      <c r="BI1416" s="53"/>
      <c r="BJ1416" s="53"/>
      <c r="BK1416" s="53"/>
      <c r="BL1416" s="53"/>
      <c r="BM1416" s="53"/>
      <c r="BN1416" s="53"/>
      <c r="BO1416" s="53"/>
      <c r="BP1416" s="53"/>
      <c r="BQ1416" s="53"/>
      <c r="BR1416" s="53"/>
      <c r="BS1416" s="53"/>
      <c r="BT1416" s="53"/>
      <c r="BU1416" s="53"/>
      <c r="BV1416" s="53"/>
      <c r="BW1416" s="53"/>
      <c r="BX1416" s="53"/>
      <c r="BY1416" s="53"/>
      <c r="BZ1416" s="53"/>
      <c r="CA1416" s="53"/>
      <c r="CB1416" s="53"/>
      <c r="CC1416" s="53"/>
      <c r="CD1416" s="53"/>
      <c r="CE1416" s="53"/>
      <c r="CF1416" s="53"/>
      <c r="CG1416" s="53"/>
      <c r="CH1416" s="53"/>
      <c r="CI1416" s="53"/>
      <c r="CJ1416" s="53"/>
      <c r="CK1416" s="53"/>
      <c r="CL1416" s="53"/>
      <c r="CM1416" s="53"/>
      <c r="CN1416" s="53"/>
    </row>
    <row r="1417" spans="1:92" outlineLevel="1">
      <c r="A1417" s="52" t="s">
        <v>1329</v>
      </c>
      <c r="B1417" s="53"/>
      <c r="C1417" s="53"/>
      <c r="D1417" s="53"/>
      <c r="E1417" s="53"/>
      <c r="F1417" s="53"/>
      <c r="G1417" s="53"/>
      <c r="H1417" s="53"/>
      <c r="I1417" s="53"/>
      <c r="J1417" s="53"/>
      <c r="K1417" s="53"/>
      <c r="L1417" s="53"/>
      <c r="M1417" s="53"/>
      <c r="N1417" s="53"/>
      <c r="O1417" s="53"/>
      <c r="P1417" s="53"/>
      <c r="Q1417" s="53"/>
      <c r="R1417" s="53"/>
      <c r="S1417" s="53"/>
      <c r="T1417" s="53"/>
      <c r="U1417" s="53"/>
      <c r="V1417" s="53"/>
      <c r="W1417" s="53"/>
      <c r="X1417" s="53"/>
      <c r="Y1417" s="53"/>
      <c r="Z1417" s="53"/>
      <c r="AA1417" s="53"/>
      <c r="AB1417" s="53"/>
      <c r="AC1417" s="53"/>
      <c r="AD1417" s="53"/>
      <c r="AE1417" s="53"/>
      <c r="AF1417" s="53"/>
      <c r="AG1417" s="53"/>
      <c r="AH1417" s="53"/>
      <c r="AI1417" s="53"/>
      <c r="AJ1417" s="53"/>
      <c r="AK1417" s="53"/>
      <c r="AL1417" s="53"/>
      <c r="AM1417" s="53"/>
      <c r="AN1417" s="53"/>
      <c r="AO1417" s="53"/>
      <c r="AP1417" s="53"/>
      <c r="AQ1417" s="53"/>
      <c r="AR1417" s="53"/>
      <c r="AS1417" s="53"/>
      <c r="AT1417" s="53"/>
      <c r="AU1417" s="53"/>
      <c r="AV1417" s="53"/>
      <c r="AW1417" s="53"/>
      <c r="AX1417" s="53"/>
      <c r="AY1417" s="53"/>
      <c r="AZ1417" s="53"/>
      <c r="BA1417" s="53"/>
      <c r="BB1417" s="53"/>
      <c r="BC1417" s="53"/>
      <c r="BD1417" s="53"/>
      <c r="BE1417" s="53"/>
      <c r="BF1417" s="53"/>
      <c r="BG1417" s="53"/>
      <c r="BH1417" s="53"/>
      <c r="BI1417" s="53"/>
      <c r="BJ1417" s="53"/>
      <c r="BK1417" s="53"/>
      <c r="BL1417" s="53"/>
      <c r="BM1417" s="53"/>
      <c r="BN1417" s="53"/>
      <c r="BO1417" s="53"/>
      <c r="BP1417" s="53"/>
      <c r="BQ1417" s="53"/>
      <c r="BR1417" s="53"/>
      <c r="BS1417" s="53"/>
      <c r="BT1417" s="53"/>
      <c r="BU1417" s="53"/>
      <c r="BV1417" s="53"/>
      <c r="BW1417" s="53"/>
      <c r="BX1417" s="53"/>
      <c r="BY1417" s="53"/>
      <c r="BZ1417" s="53"/>
      <c r="CA1417" s="53"/>
      <c r="CB1417" s="53">
        <v>0</v>
      </c>
      <c r="CC1417" s="53">
        <v>0</v>
      </c>
      <c r="CD1417" s="53">
        <v>0</v>
      </c>
      <c r="CE1417" s="53">
        <v>0</v>
      </c>
      <c r="CF1417" s="53">
        <v>0</v>
      </c>
      <c r="CG1417" s="53">
        <v>0</v>
      </c>
      <c r="CH1417" s="53">
        <v>0</v>
      </c>
      <c r="CI1417" s="53">
        <v>0</v>
      </c>
      <c r="CJ1417" s="53">
        <v>0</v>
      </c>
      <c r="CK1417" s="53">
        <v>0</v>
      </c>
      <c r="CL1417" s="53">
        <v>0</v>
      </c>
      <c r="CM1417" s="53">
        <v>0</v>
      </c>
      <c r="CN1417" s="53">
        <v>0</v>
      </c>
    </row>
    <row r="1418" spans="1:92" outlineLevel="1">
      <c r="A1418" s="52" t="s">
        <v>649</v>
      </c>
      <c r="B1418" s="53">
        <v>-10284349.92</v>
      </c>
      <c r="C1418" s="53">
        <v>-10305214.49</v>
      </c>
      <c r="D1418" s="53">
        <v>-36470185.409999996</v>
      </c>
      <c r="E1418" s="53">
        <v>-36470185.409999996</v>
      </c>
      <c r="F1418" s="53">
        <v>-36470185.409999996</v>
      </c>
      <c r="G1418" s="53">
        <v>-36470185.409999996</v>
      </c>
      <c r="H1418" s="53">
        <v>-36470185.409999996</v>
      </c>
      <c r="I1418" s="53">
        <v>-36470185.409999996</v>
      </c>
      <c r="J1418" s="53">
        <v>-36470185.409999996</v>
      </c>
      <c r="K1418" s="53">
        <v>-36470185.409999996</v>
      </c>
      <c r="L1418" s="53">
        <v>-36470185.409999996</v>
      </c>
      <c r="M1418" s="53">
        <v>-36470185.409999996</v>
      </c>
      <c r="N1418" s="53">
        <v>-385291418.50999898</v>
      </c>
      <c r="O1418" s="53">
        <v>-54809161.710606001</v>
      </c>
      <c r="P1418" s="53">
        <v>-54809161.710606001</v>
      </c>
      <c r="Q1418" s="53">
        <v>-54809161.710606001</v>
      </c>
      <c r="R1418" s="53">
        <v>-54809161.710606001</v>
      </c>
      <c r="S1418" s="53">
        <v>-54809161.710606001</v>
      </c>
      <c r="T1418" s="53">
        <v>-54809161.710606001</v>
      </c>
      <c r="U1418" s="53">
        <v>-54809161.710606001</v>
      </c>
      <c r="V1418" s="53">
        <v>-54809161.710606001</v>
      </c>
      <c r="W1418" s="53">
        <v>-54809161.710606001</v>
      </c>
      <c r="X1418" s="53">
        <v>-54809161.710606001</v>
      </c>
      <c r="Y1418" s="53">
        <v>-54809161.710606001</v>
      </c>
      <c r="Z1418" s="53">
        <v>-54809161.710606001</v>
      </c>
      <c r="AA1418" s="53">
        <v>-657709940.52727199</v>
      </c>
      <c r="AB1418" s="53">
        <v>-62618959.027764902</v>
      </c>
      <c r="AC1418" s="53">
        <v>-62618959.027764902</v>
      </c>
      <c r="AD1418" s="53">
        <v>-62618959.027764902</v>
      </c>
      <c r="AE1418" s="53">
        <v>-62618959.027764902</v>
      </c>
      <c r="AF1418" s="53">
        <v>-62618959.027764902</v>
      </c>
      <c r="AG1418" s="53">
        <v>-62618959.027764902</v>
      </c>
      <c r="AH1418" s="53">
        <v>-62618959.027764902</v>
      </c>
      <c r="AI1418" s="53">
        <v>-62618959.027764902</v>
      </c>
      <c r="AJ1418" s="53">
        <v>-62618959.027764902</v>
      </c>
      <c r="AK1418" s="53">
        <v>-62618959.027764902</v>
      </c>
      <c r="AL1418" s="53">
        <v>-62618959.027764902</v>
      </c>
      <c r="AM1418" s="53">
        <v>-62618959.027764902</v>
      </c>
      <c r="AN1418" s="53">
        <v>-751427508.333179</v>
      </c>
      <c r="AO1418" s="53">
        <v>-1316931.46833687</v>
      </c>
      <c r="AP1418" s="53">
        <v>-1316931.46833687</v>
      </c>
      <c r="AQ1418" s="53">
        <v>-1316931.46833687</v>
      </c>
      <c r="AR1418" s="53">
        <v>-1316931.46833687</v>
      </c>
      <c r="AS1418" s="53">
        <v>-1316931.46833687</v>
      </c>
      <c r="AT1418" s="53">
        <v>-1316931.46833687</v>
      </c>
      <c r="AU1418" s="53">
        <v>-1316931.46833687</v>
      </c>
      <c r="AV1418" s="53">
        <v>-1316931.46833687</v>
      </c>
      <c r="AW1418" s="53">
        <v>-1316931.46833687</v>
      </c>
      <c r="AX1418" s="53">
        <v>-1316931.46833687</v>
      </c>
      <c r="AY1418" s="53">
        <v>-1316931.46833687</v>
      </c>
      <c r="AZ1418" s="53">
        <v>-1316931.46833687</v>
      </c>
      <c r="BA1418" s="53">
        <v>-15803177.620042499</v>
      </c>
      <c r="BB1418" s="53">
        <v>6.0192389052341798E-3</v>
      </c>
      <c r="BC1418" s="53">
        <v>6.0192389052341798E-3</v>
      </c>
      <c r="BD1418" s="53">
        <v>6.0192389052341798E-3</v>
      </c>
      <c r="BE1418" s="53">
        <v>6.0192389052341798E-3</v>
      </c>
      <c r="BF1418" s="53">
        <v>6.0192389052341798E-3</v>
      </c>
      <c r="BG1418" s="53">
        <v>6.0192389052341798E-3</v>
      </c>
      <c r="BH1418" s="53">
        <v>6.0192389052341798E-3</v>
      </c>
      <c r="BI1418" s="53">
        <v>6.0192389052341798E-3</v>
      </c>
      <c r="BJ1418" s="53">
        <v>6.0192389052341798E-3</v>
      </c>
      <c r="BK1418" s="53">
        <v>6.0192389052341798E-3</v>
      </c>
      <c r="BL1418" s="53">
        <v>6.0192389052341798E-3</v>
      </c>
      <c r="BM1418" s="53">
        <v>6.0192389052341798E-3</v>
      </c>
      <c r="BN1418" s="53">
        <v>7.2230866862810203E-2</v>
      </c>
      <c r="BO1418" s="53">
        <v>1.84326218636164E-2</v>
      </c>
      <c r="BP1418" s="53">
        <v>1.84326218636164E-2</v>
      </c>
      <c r="BQ1418" s="53">
        <v>1.84326218636164E-2</v>
      </c>
      <c r="BR1418" s="53">
        <v>1.84326218636164E-2</v>
      </c>
      <c r="BS1418" s="53">
        <v>1.84326218636164E-2</v>
      </c>
      <c r="BT1418" s="53">
        <v>1.84326218636164E-2</v>
      </c>
      <c r="BU1418" s="53">
        <v>1.84326218636164E-2</v>
      </c>
      <c r="BV1418" s="53">
        <v>1.84326218636164E-2</v>
      </c>
      <c r="BW1418" s="53">
        <v>1.84326218636164E-2</v>
      </c>
      <c r="BX1418" s="53">
        <v>1.84326218636164E-2</v>
      </c>
      <c r="BY1418" s="53">
        <v>1.84326218636164E-2</v>
      </c>
      <c r="BZ1418" s="53">
        <v>1.84326218636164E-2</v>
      </c>
      <c r="CA1418" s="53">
        <v>0.22119146236339701</v>
      </c>
      <c r="CB1418" s="53">
        <v>0</v>
      </c>
      <c r="CC1418" s="53">
        <v>0</v>
      </c>
      <c r="CD1418" s="53">
        <v>0</v>
      </c>
      <c r="CE1418" s="53">
        <v>0</v>
      </c>
      <c r="CF1418" s="53">
        <v>0</v>
      </c>
      <c r="CG1418" s="53">
        <v>0</v>
      </c>
      <c r="CH1418" s="53">
        <v>0</v>
      </c>
      <c r="CI1418" s="53">
        <v>0</v>
      </c>
      <c r="CJ1418" s="53">
        <v>0</v>
      </c>
      <c r="CK1418" s="53">
        <v>0</v>
      </c>
      <c r="CL1418" s="53">
        <v>0</v>
      </c>
      <c r="CM1418" s="53">
        <v>0</v>
      </c>
      <c r="CN1418" s="53">
        <v>0</v>
      </c>
    </row>
    <row r="1419" spans="1:92" outlineLevel="1">
      <c r="A1419" s="52" t="s">
        <v>1247</v>
      </c>
      <c r="B1419" s="53"/>
      <c r="C1419" s="53"/>
      <c r="D1419" s="53"/>
      <c r="E1419" s="53"/>
      <c r="F1419" s="53"/>
      <c r="G1419" s="53"/>
      <c r="H1419" s="53"/>
      <c r="I1419" s="53"/>
      <c r="J1419" s="53"/>
      <c r="K1419" s="53"/>
      <c r="L1419" s="53"/>
      <c r="M1419" s="53"/>
      <c r="N1419" s="53"/>
      <c r="O1419" s="53"/>
      <c r="P1419" s="53"/>
      <c r="Q1419" s="53"/>
      <c r="R1419" s="53"/>
      <c r="S1419" s="53"/>
      <c r="T1419" s="53"/>
      <c r="U1419" s="53"/>
      <c r="V1419" s="53"/>
      <c r="W1419" s="53"/>
      <c r="X1419" s="53"/>
      <c r="Y1419" s="53"/>
      <c r="Z1419" s="53"/>
      <c r="AA1419" s="53"/>
      <c r="AB1419" s="53"/>
      <c r="AC1419" s="53"/>
      <c r="AD1419" s="53"/>
      <c r="AE1419" s="53"/>
      <c r="AF1419" s="53"/>
      <c r="AG1419" s="53"/>
      <c r="AH1419" s="53"/>
      <c r="AI1419" s="53"/>
      <c r="AJ1419" s="53"/>
      <c r="AK1419" s="53"/>
      <c r="AL1419" s="53"/>
      <c r="AM1419" s="53"/>
      <c r="AN1419" s="53"/>
      <c r="AO1419" s="53"/>
      <c r="AP1419" s="53"/>
      <c r="AQ1419" s="53"/>
      <c r="AR1419" s="53"/>
      <c r="AS1419" s="53"/>
      <c r="AT1419" s="53"/>
      <c r="AU1419" s="53"/>
      <c r="AV1419" s="53"/>
      <c r="AW1419" s="53"/>
      <c r="AX1419" s="53"/>
      <c r="AY1419" s="53"/>
      <c r="AZ1419" s="53"/>
      <c r="BA1419" s="53"/>
      <c r="BB1419" s="53"/>
      <c r="BC1419" s="53"/>
      <c r="BD1419" s="53"/>
      <c r="BE1419" s="53"/>
      <c r="BF1419" s="53"/>
      <c r="BG1419" s="53"/>
      <c r="BH1419" s="53"/>
      <c r="BI1419" s="53"/>
      <c r="BJ1419" s="53"/>
      <c r="BK1419" s="53"/>
      <c r="BL1419" s="53"/>
      <c r="BM1419" s="53"/>
      <c r="BN1419" s="53"/>
      <c r="BO1419" s="53"/>
      <c r="BP1419" s="53"/>
      <c r="BQ1419" s="53"/>
      <c r="BR1419" s="53"/>
      <c r="BS1419" s="53"/>
      <c r="BT1419" s="53"/>
      <c r="BU1419" s="53"/>
      <c r="BV1419" s="53"/>
      <c r="BW1419" s="53"/>
      <c r="BX1419" s="53"/>
      <c r="BY1419" s="53"/>
      <c r="BZ1419" s="53"/>
      <c r="CA1419" s="53"/>
      <c r="CB1419" s="53">
        <v>0</v>
      </c>
      <c r="CC1419" s="53">
        <v>0</v>
      </c>
      <c r="CD1419" s="53">
        <v>0</v>
      </c>
      <c r="CE1419" s="53">
        <v>0</v>
      </c>
      <c r="CF1419" s="53">
        <v>0</v>
      </c>
      <c r="CG1419" s="53">
        <v>0</v>
      </c>
      <c r="CH1419" s="53">
        <v>0</v>
      </c>
      <c r="CI1419" s="53">
        <v>0</v>
      </c>
      <c r="CJ1419" s="53">
        <v>0</v>
      </c>
      <c r="CK1419" s="53">
        <v>0</v>
      </c>
      <c r="CL1419" s="53">
        <v>0</v>
      </c>
      <c r="CM1419" s="53">
        <v>0</v>
      </c>
      <c r="CN1419" s="53">
        <v>0</v>
      </c>
    </row>
    <row r="1420" spans="1:92" outlineLevel="1">
      <c r="A1420" s="52" t="s">
        <v>1248</v>
      </c>
      <c r="B1420" s="53"/>
      <c r="C1420" s="53"/>
      <c r="D1420" s="53"/>
      <c r="E1420" s="53"/>
      <c r="F1420" s="53"/>
      <c r="G1420" s="53"/>
      <c r="H1420" s="53"/>
      <c r="I1420" s="53"/>
      <c r="J1420" s="53"/>
      <c r="K1420" s="53"/>
      <c r="L1420" s="53"/>
      <c r="M1420" s="53"/>
      <c r="N1420" s="53"/>
      <c r="O1420" s="53"/>
      <c r="P1420" s="53"/>
      <c r="Q1420" s="53"/>
      <c r="R1420" s="53"/>
      <c r="S1420" s="53"/>
      <c r="T1420" s="53"/>
      <c r="U1420" s="53"/>
      <c r="V1420" s="53"/>
      <c r="W1420" s="53"/>
      <c r="X1420" s="53"/>
      <c r="Y1420" s="53"/>
      <c r="Z1420" s="53"/>
      <c r="AA1420" s="53"/>
      <c r="AB1420" s="53"/>
      <c r="AC1420" s="53"/>
      <c r="AD1420" s="53"/>
      <c r="AE1420" s="53"/>
      <c r="AF1420" s="53"/>
      <c r="AG1420" s="53"/>
      <c r="AH1420" s="53"/>
      <c r="AI1420" s="53"/>
      <c r="AJ1420" s="53"/>
      <c r="AK1420" s="53"/>
      <c r="AL1420" s="53"/>
      <c r="AM1420" s="53"/>
      <c r="AN1420" s="53"/>
      <c r="AO1420" s="53"/>
      <c r="AP1420" s="53"/>
      <c r="AQ1420" s="53"/>
      <c r="AR1420" s="53"/>
      <c r="AS1420" s="53"/>
      <c r="AT1420" s="53"/>
      <c r="AU1420" s="53"/>
      <c r="AV1420" s="53"/>
      <c r="AW1420" s="53"/>
      <c r="AX1420" s="53"/>
      <c r="AY1420" s="53"/>
      <c r="AZ1420" s="53"/>
      <c r="BA1420" s="53"/>
      <c r="BB1420" s="53"/>
      <c r="BC1420" s="53"/>
      <c r="BD1420" s="53"/>
      <c r="BE1420" s="53"/>
      <c r="BF1420" s="53"/>
      <c r="BG1420" s="53"/>
      <c r="BH1420" s="53"/>
      <c r="BI1420" s="53"/>
      <c r="BJ1420" s="53"/>
      <c r="BK1420" s="53"/>
      <c r="BL1420" s="53"/>
      <c r="BM1420" s="53"/>
      <c r="BN1420" s="53"/>
      <c r="BO1420" s="53"/>
      <c r="BP1420" s="53"/>
      <c r="BQ1420" s="53"/>
      <c r="BR1420" s="53"/>
      <c r="BS1420" s="53"/>
      <c r="BT1420" s="53"/>
      <c r="BU1420" s="53"/>
      <c r="BV1420" s="53"/>
      <c r="BW1420" s="53"/>
      <c r="BX1420" s="53"/>
      <c r="BY1420" s="53"/>
      <c r="BZ1420" s="53"/>
      <c r="CA1420" s="53"/>
      <c r="CB1420" s="53">
        <v>0</v>
      </c>
      <c r="CC1420" s="53">
        <v>0</v>
      </c>
      <c r="CD1420" s="53">
        <v>0</v>
      </c>
      <c r="CE1420" s="53">
        <v>0</v>
      </c>
      <c r="CF1420" s="53">
        <v>0</v>
      </c>
      <c r="CG1420" s="53">
        <v>0</v>
      </c>
      <c r="CH1420" s="53">
        <v>0</v>
      </c>
      <c r="CI1420" s="53">
        <v>0</v>
      </c>
      <c r="CJ1420" s="53">
        <v>0</v>
      </c>
      <c r="CK1420" s="53">
        <v>0</v>
      </c>
      <c r="CL1420" s="53">
        <v>0</v>
      </c>
      <c r="CM1420" s="53">
        <v>0</v>
      </c>
      <c r="CN1420" s="53">
        <v>0</v>
      </c>
    </row>
    <row r="1421" spans="1:92" outlineLevel="1">
      <c r="A1421" s="52" t="s">
        <v>1249</v>
      </c>
      <c r="B1421" s="53">
        <v>-511505.23322747898</v>
      </c>
      <c r="C1421" s="53">
        <v>-2743416.4631051798</v>
      </c>
      <c r="D1421" s="53">
        <v>-2131472.2341688098</v>
      </c>
      <c r="E1421" s="53">
        <v>-1781790.0777302</v>
      </c>
      <c r="F1421" s="53">
        <v>-694603.66442794004</v>
      </c>
      <c r="G1421" s="53">
        <v>-629769.55830318597</v>
      </c>
      <c r="H1421" s="53">
        <v>-581901.95061849197</v>
      </c>
      <c r="I1421" s="53">
        <v>-873954.861586691</v>
      </c>
      <c r="J1421" s="53">
        <v>-874720.62436687702</v>
      </c>
      <c r="K1421" s="53">
        <v>-843902.37498390896</v>
      </c>
      <c r="L1421" s="53">
        <v>-849344.59679849399</v>
      </c>
      <c r="M1421" s="53">
        <v>-656531.54544786399</v>
      </c>
      <c r="N1421" s="53">
        <v>-13172913.1847651</v>
      </c>
      <c r="O1421" s="53">
        <v>-903934.74421155802</v>
      </c>
      <c r="P1421" s="53">
        <v>-2084298.0994595501</v>
      </c>
      <c r="Q1421" s="53">
        <v>-1984381.6632226401</v>
      </c>
      <c r="R1421" s="53">
        <v>-2416221.7540972899</v>
      </c>
      <c r="S1421" s="53">
        <v>-2814683.1936568399</v>
      </c>
      <c r="T1421" s="53">
        <v>-2753720.1509282598</v>
      </c>
      <c r="U1421" s="53">
        <v>-3679724.9093171102</v>
      </c>
      <c r="V1421" s="53">
        <v>-4457509.0419478202</v>
      </c>
      <c r="W1421" s="53">
        <v>-3926376.0527628399</v>
      </c>
      <c r="X1421" s="53">
        <v>-3448338.94546672</v>
      </c>
      <c r="Y1421" s="53">
        <v>-4050786.5327370702</v>
      </c>
      <c r="Z1421" s="53">
        <v>-3219439.2831973801</v>
      </c>
      <c r="AA1421" s="53">
        <v>-35739414.371005103</v>
      </c>
      <c r="AB1421" s="53">
        <v>-4826635.8343028603</v>
      </c>
      <c r="AC1421" s="53">
        <v>-1512506.2214154</v>
      </c>
      <c r="AD1421" s="53">
        <v>-1531387.4001426101</v>
      </c>
      <c r="AE1421" s="53">
        <v>-1825631.1291002601</v>
      </c>
      <c r="AF1421" s="53">
        <v>-2227637.2722332501</v>
      </c>
      <c r="AG1421" s="53">
        <v>-2169754.93692639</v>
      </c>
      <c r="AH1421" s="53">
        <v>-2985010.7197277402</v>
      </c>
      <c r="AI1421" s="53">
        <v>-3531556.98984343</v>
      </c>
      <c r="AJ1421" s="53">
        <v>-3166526.5268250601</v>
      </c>
      <c r="AK1421" s="53">
        <v>-2820611.5984066701</v>
      </c>
      <c r="AL1421" s="53">
        <v>-3391245.8875457598</v>
      </c>
      <c r="AM1421" s="53">
        <v>-2762181.5588388401</v>
      </c>
      <c r="AN1421" s="53">
        <v>-32750686.075308301</v>
      </c>
      <c r="AO1421" s="53">
        <v>-4117418.7350950302</v>
      </c>
      <c r="AP1421" s="53">
        <v>-636361.84366106999</v>
      </c>
      <c r="AQ1421" s="53">
        <v>-566337.86061880295</v>
      </c>
      <c r="AR1421" s="53">
        <v>-616104.59002085798</v>
      </c>
      <c r="AS1421" s="53">
        <v>-472731.00183010299</v>
      </c>
      <c r="AT1421" s="53">
        <v>-443453.97011011897</v>
      </c>
      <c r="AU1421" s="53">
        <v>-424517.20318619901</v>
      </c>
      <c r="AV1421" s="53">
        <v>-463680.00236431003</v>
      </c>
      <c r="AW1421" s="53">
        <v>-498144.87638907402</v>
      </c>
      <c r="AX1421" s="53">
        <v>-481132.34443810902</v>
      </c>
      <c r="AY1421" s="53">
        <v>-481870.51815674</v>
      </c>
      <c r="AZ1421" s="53">
        <v>-503490.238304967</v>
      </c>
      <c r="BA1421" s="53">
        <v>-9705243.1841753796</v>
      </c>
      <c r="BB1421" s="53">
        <v>-612361.35003153596</v>
      </c>
      <c r="BC1421" s="53">
        <v>-632323.61167207395</v>
      </c>
      <c r="BD1421" s="53">
        <v>-571086.44043036597</v>
      </c>
      <c r="BE1421" s="53">
        <v>-589364.11983287195</v>
      </c>
      <c r="BF1421" s="53">
        <v>-429493.90613010002</v>
      </c>
      <c r="BG1421" s="53">
        <v>-466370.87115411903</v>
      </c>
      <c r="BH1421" s="53">
        <v>-450919.47127108701</v>
      </c>
      <c r="BI1421" s="53">
        <v>-475710.05686567101</v>
      </c>
      <c r="BJ1421" s="53">
        <v>-492272.99960638297</v>
      </c>
      <c r="BK1421" s="53">
        <v>-476425.31707493798</v>
      </c>
      <c r="BL1421" s="53">
        <v>-534151.40123273095</v>
      </c>
      <c r="BM1421" s="53">
        <v>-549763.75346925994</v>
      </c>
      <c r="BN1421" s="53">
        <v>-6280243.2987711402</v>
      </c>
      <c r="BO1421" s="53">
        <v>-629221.30396527704</v>
      </c>
      <c r="BP1421" s="53">
        <v>-629701.478562259</v>
      </c>
      <c r="BQ1421" s="53">
        <v>-545681.13909299602</v>
      </c>
      <c r="BR1421" s="53">
        <v>-580947.06194173999</v>
      </c>
      <c r="BS1421" s="53">
        <v>-474094.35143996897</v>
      </c>
      <c r="BT1421" s="53">
        <v>-460523.52984044602</v>
      </c>
      <c r="BU1421" s="53">
        <v>-452007.59052472899</v>
      </c>
      <c r="BV1421" s="53">
        <v>-469691.71284920903</v>
      </c>
      <c r="BW1421" s="53">
        <v>-482724.15601380798</v>
      </c>
      <c r="BX1421" s="53">
        <v>-462175.60266473901</v>
      </c>
      <c r="BY1421" s="53">
        <v>-483890.35726451903</v>
      </c>
      <c r="BZ1421" s="53">
        <v>-488028.12336450903</v>
      </c>
      <c r="CA1421" s="53">
        <v>-6158686.4075242002</v>
      </c>
      <c r="CB1421" s="53">
        <v>0</v>
      </c>
      <c r="CC1421" s="53">
        <v>0</v>
      </c>
      <c r="CD1421" s="53">
        <v>0</v>
      </c>
      <c r="CE1421" s="53">
        <v>0</v>
      </c>
      <c r="CF1421" s="53">
        <v>0</v>
      </c>
      <c r="CG1421" s="53">
        <v>0</v>
      </c>
      <c r="CH1421" s="53">
        <v>0</v>
      </c>
      <c r="CI1421" s="53">
        <v>0</v>
      </c>
      <c r="CJ1421" s="53">
        <v>0</v>
      </c>
      <c r="CK1421" s="53">
        <v>0</v>
      </c>
      <c r="CL1421" s="53">
        <v>0</v>
      </c>
      <c r="CM1421" s="53">
        <v>0</v>
      </c>
      <c r="CN1421" s="53">
        <v>0</v>
      </c>
    </row>
    <row r="1422" spans="1:92" outlineLevel="1">
      <c r="A1422" s="52" t="s">
        <v>1250</v>
      </c>
      <c r="B1422" s="53"/>
      <c r="C1422" s="53"/>
      <c r="D1422" s="53"/>
      <c r="E1422" s="53"/>
      <c r="F1422" s="53"/>
      <c r="G1422" s="53"/>
      <c r="H1422" s="53"/>
      <c r="I1422" s="53"/>
      <c r="J1422" s="53"/>
      <c r="K1422" s="53"/>
      <c r="L1422" s="53"/>
      <c r="M1422" s="53"/>
      <c r="N1422" s="53"/>
      <c r="O1422" s="53"/>
      <c r="P1422" s="53"/>
      <c r="Q1422" s="53"/>
      <c r="R1422" s="53"/>
      <c r="S1422" s="53"/>
      <c r="T1422" s="53"/>
      <c r="U1422" s="53"/>
      <c r="V1422" s="53"/>
      <c r="W1422" s="53"/>
      <c r="X1422" s="53"/>
      <c r="Y1422" s="53"/>
      <c r="Z1422" s="53"/>
      <c r="AA1422" s="53"/>
      <c r="AB1422" s="53"/>
      <c r="AC1422" s="53"/>
      <c r="AD1422" s="53"/>
      <c r="AE1422" s="53"/>
      <c r="AF1422" s="53"/>
      <c r="AG1422" s="53"/>
      <c r="AH1422" s="53"/>
      <c r="AI1422" s="53"/>
      <c r="AJ1422" s="53"/>
      <c r="AK1422" s="53"/>
      <c r="AL1422" s="53"/>
      <c r="AM1422" s="53"/>
      <c r="AN1422" s="53"/>
      <c r="AO1422" s="53"/>
      <c r="AP1422" s="53"/>
      <c r="AQ1422" s="53"/>
      <c r="AR1422" s="53"/>
      <c r="AS1422" s="53"/>
      <c r="AT1422" s="53"/>
      <c r="AU1422" s="53"/>
      <c r="AV1422" s="53"/>
      <c r="AW1422" s="53"/>
      <c r="AX1422" s="53"/>
      <c r="AY1422" s="53"/>
      <c r="AZ1422" s="53"/>
      <c r="BA1422" s="53"/>
      <c r="BB1422" s="53"/>
      <c r="BC1422" s="53"/>
      <c r="BD1422" s="53"/>
      <c r="BE1422" s="53"/>
      <c r="BF1422" s="53"/>
      <c r="BG1422" s="53"/>
      <c r="BH1422" s="53"/>
      <c r="BI1422" s="53"/>
      <c r="BJ1422" s="53"/>
      <c r="BK1422" s="53"/>
      <c r="BL1422" s="53"/>
      <c r="BM1422" s="53"/>
      <c r="BN1422" s="53"/>
      <c r="BO1422" s="53"/>
      <c r="BP1422" s="53"/>
      <c r="BQ1422" s="53"/>
      <c r="BR1422" s="53"/>
      <c r="BS1422" s="53"/>
      <c r="BT1422" s="53"/>
      <c r="BU1422" s="53"/>
      <c r="BV1422" s="53"/>
      <c r="BW1422" s="53"/>
      <c r="BX1422" s="53"/>
      <c r="BY1422" s="53"/>
      <c r="BZ1422" s="53"/>
      <c r="CA1422" s="53"/>
      <c r="CB1422" s="53">
        <v>0</v>
      </c>
      <c r="CC1422" s="53">
        <v>0</v>
      </c>
      <c r="CD1422" s="53">
        <v>0</v>
      </c>
      <c r="CE1422" s="53">
        <v>0</v>
      </c>
      <c r="CF1422" s="53">
        <v>0</v>
      </c>
      <c r="CG1422" s="53">
        <v>0</v>
      </c>
      <c r="CH1422" s="53">
        <v>0</v>
      </c>
      <c r="CI1422" s="53">
        <v>0</v>
      </c>
      <c r="CJ1422" s="53">
        <v>0</v>
      </c>
      <c r="CK1422" s="53">
        <v>0</v>
      </c>
      <c r="CL1422" s="53">
        <v>0</v>
      </c>
      <c r="CM1422" s="53">
        <v>0</v>
      </c>
      <c r="CN1422" s="53">
        <v>0</v>
      </c>
    </row>
    <row r="1423" spans="1:92" outlineLevel="1">
      <c r="A1423" s="52" t="s">
        <v>1249</v>
      </c>
      <c r="B1423" s="53">
        <v>-81703.500072296301</v>
      </c>
      <c r="C1423" s="53">
        <v>-26259.534003308501</v>
      </c>
      <c r="D1423" s="53">
        <v>-47600.570986477702</v>
      </c>
      <c r="E1423" s="53">
        <v>-43174.804548433203</v>
      </c>
      <c r="F1423" s="53">
        <v>-51544.426838227198</v>
      </c>
      <c r="G1423" s="53">
        <v>-33672.378730987803</v>
      </c>
      <c r="H1423" s="53">
        <v>-33126.842980366797</v>
      </c>
      <c r="I1423" s="53">
        <v>-120195.67607650001</v>
      </c>
      <c r="J1423" s="53">
        <v>-141781.718066737</v>
      </c>
      <c r="K1423" s="53">
        <v>-159946.056670563</v>
      </c>
      <c r="L1423" s="53">
        <v>-158045.50466753199</v>
      </c>
      <c r="M1423" s="53">
        <v>-152696.335958674</v>
      </c>
      <c r="N1423" s="53">
        <v>-1049747.3496001</v>
      </c>
      <c r="O1423" s="53">
        <v>-175549.213041949</v>
      </c>
      <c r="P1423" s="53">
        <v>-45798.298789285</v>
      </c>
      <c r="Q1423" s="53">
        <v>-85018.962315359095</v>
      </c>
      <c r="R1423" s="53">
        <v>-37660.110173381603</v>
      </c>
      <c r="S1423" s="53">
        <v>-63057.733443543897</v>
      </c>
      <c r="T1423" s="53">
        <v>-34681.823918407397</v>
      </c>
      <c r="U1423" s="53">
        <v>-37070.370093831698</v>
      </c>
      <c r="V1423" s="53">
        <v>-102483.82395090901</v>
      </c>
      <c r="W1423" s="53">
        <v>-119237.331035134</v>
      </c>
      <c r="X1423" s="53">
        <v>-106522.463297828</v>
      </c>
      <c r="Y1423" s="53">
        <v>-83627.152333526799</v>
      </c>
      <c r="Z1423" s="53">
        <v>-100624.96847155099</v>
      </c>
      <c r="AA1423" s="53">
        <v>-991332.25086470798</v>
      </c>
      <c r="AB1423" s="53">
        <v>-115340.217512654</v>
      </c>
      <c r="AC1423" s="53">
        <v>-43127.0262190254</v>
      </c>
      <c r="AD1423" s="53">
        <v>-79322.887439561397</v>
      </c>
      <c r="AE1423" s="53">
        <v>-30967.503860578101</v>
      </c>
      <c r="AF1423" s="53">
        <v>-52274.796800608397</v>
      </c>
      <c r="AG1423" s="53">
        <v>-27205.943849929699</v>
      </c>
      <c r="AH1423" s="53">
        <v>-30726.311427552399</v>
      </c>
      <c r="AI1423" s="53">
        <v>-88209.394814677595</v>
      </c>
      <c r="AJ1423" s="53">
        <v>-100257.49385484299</v>
      </c>
      <c r="AK1423" s="53">
        <v>-87695.306270033296</v>
      </c>
      <c r="AL1423" s="53">
        <v>-70902.108287347801</v>
      </c>
      <c r="AM1423" s="53">
        <v>-85528.582469283298</v>
      </c>
      <c r="AN1423" s="53">
        <v>-811557.57280609605</v>
      </c>
      <c r="AO1423" s="53">
        <v>-101701.599843458</v>
      </c>
      <c r="AP1423" s="53">
        <v>-35930.900399412698</v>
      </c>
      <c r="AQ1423" s="53">
        <v>-66531.469077179907</v>
      </c>
      <c r="AR1423" s="53">
        <v>-27705.615066570899</v>
      </c>
      <c r="AS1423" s="53">
        <v>-45394.882634061403</v>
      </c>
      <c r="AT1423" s="53">
        <v>-25909.8458810997</v>
      </c>
      <c r="AU1423" s="53">
        <v>-29765.923411813601</v>
      </c>
      <c r="AV1423" s="53">
        <v>-83365.699501543</v>
      </c>
      <c r="AW1423" s="53">
        <v>-97179.469923626501</v>
      </c>
      <c r="AX1423" s="53">
        <v>-84918.480501698694</v>
      </c>
      <c r="AY1423" s="53">
        <v>-68276.098677540896</v>
      </c>
      <c r="AZ1423" s="53">
        <v>-82770.659489733196</v>
      </c>
      <c r="BA1423" s="53">
        <v>-749450.64440773905</v>
      </c>
      <c r="BB1423" s="53">
        <v>-97022.617716270703</v>
      </c>
      <c r="BC1423" s="53">
        <v>-34724.037776647499</v>
      </c>
      <c r="BD1423" s="53">
        <v>-65761.081449644102</v>
      </c>
      <c r="BE1423" s="53">
        <v>-26842.709695682701</v>
      </c>
      <c r="BF1423" s="53">
        <v>-44238.485313627803</v>
      </c>
      <c r="BG1423" s="53">
        <v>-24948.571048864898</v>
      </c>
      <c r="BH1423" s="53">
        <v>-28577.649044941401</v>
      </c>
      <c r="BI1423" s="53">
        <v>-80634.402099777202</v>
      </c>
      <c r="BJ1423" s="53">
        <v>-93859.264579023598</v>
      </c>
      <c r="BK1423" s="53">
        <v>-82454.536228373094</v>
      </c>
      <c r="BL1423" s="53">
        <v>-66925.677227510998</v>
      </c>
      <c r="BM1423" s="53">
        <v>-81457.791908049505</v>
      </c>
      <c r="BN1423" s="53">
        <v>-727446.82408841304</v>
      </c>
      <c r="BO1423" s="53">
        <v>-96470.128126115407</v>
      </c>
      <c r="BP1423" s="53">
        <v>-34674.345282950002</v>
      </c>
      <c r="BQ1423" s="53">
        <v>-63737.574700382203</v>
      </c>
      <c r="BR1423" s="53">
        <v>-26165.798645435301</v>
      </c>
      <c r="BS1423" s="53">
        <v>-43206.837874316501</v>
      </c>
      <c r="BT1423" s="53">
        <v>-24684.116948143201</v>
      </c>
      <c r="BU1423" s="53">
        <v>-28158.362205160101</v>
      </c>
      <c r="BV1423" s="53">
        <v>-77158.209328815094</v>
      </c>
      <c r="BW1423" s="53">
        <v>-89685.936345769005</v>
      </c>
      <c r="BX1423" s="53">
        <v>-78638.778298201098</v>
      </c>
      <c r="BY1423" s="53">
        <v>-63711.106720048097</v>
      </c>
      <c r="BZ1423" s="53">
        <v>-77491.411204959906</v>
      </c>
      <c r="CA1423" s="53">
        <v>-703782.60568029596</v>
      </c>
      <c r="CB1423" s="53"/>
      <c r="CC1423" s="53"/>
      <c r="CD1423" s="53"/>
      <c r="CE1423" s="53"/>
      <c r="CF1423" s="53"/>
      <c r="CG1423" s="53"/>
      <c r="CH1423" s="53"/>
      <c r="CI1423" s="53"/>
      <c r="CJ1423" s="53"/>
      <c r="CK1423" s="53"/>
      <c r="CL1423" s="53"/>
      <c r="CM1423" s="53"/>
      <c r="CN1423" s="53"/>
    </row>
    <row r="1424" spans="1:92" outlineLevel="1">
      <c r="A1424" s="52" t="s">
        <v>709</v>
      </c>
      <c r="B1424" s="53"/>
      <c r="C1424" s="53"/>
      <c r="D1424" s="53"/>
      <c r="E1424" s="53"/>
      <c r="F1424" s="53"/>
      <c r="G1424" s="53"/>
      <c r="H1424" s="53"/>
      <c r="I1424" s="53"/>
      <c r="J1424" s="53"/>
      <c r="K1424" s="53"/>
      <c r="L1424" s="53"/>
      <c r="M1424" s="53"/>
      <c r="N1424" s="53"/>
      <c r="O1424" s="53"/>
      <c r="P1424" s="53"/>
      <c r="Q1424" s="53"/>
      <c r="R1424" s="53"/>
      <c r="S1424" s="53"/>
      <c r="T1424" s="53"/>
      <c r="U1424" s="53"/>
      <c r="V1424" s="53"/>
      <c r="W1424" s="53"/>
      <c r="X1424" s="53"/>
      <c r="Y1424" s="53"/>
      <c r="Z1424" s="53"/>
      <c r="AA1424" s="53"/>
      <c r="AB1424" s="53"/>
      <c r="AC1424" s="53"/>
      <c r="AD1424" s="53"/>
      <c r="AE1424" s="53"/>
      <c r="AF1424" s="53"/>
      <c r="AG1424" s="53"/>
      <c r="AH1424" s="53"/>
      <c r="AI1424" s="53"/>
      <c r="AJ1424" s="53"/>
      <c r="AK1424" s="53"/>
      <c r="AL1424" s="53"/>
      <c r="AM1424" s="53"/>
      <c r="AN1424" s="53"/>
      <c r="AO1424" s="53"/>
      <c r="AP1424" s="53"/>
      <c r="AQ1424" s="53"/>
      <c r="AR1424" s="53"/>
      <c r="AS1424" s="53"/>
      <c r="AT1424" s="53"/>
      <c r="AU1424" s="53"/>
      <c r="AV1424" s="53"/>
      <c r="AW1424" s="53"/>
      <c r="AX1424" s="53"/>
      <c r="AY1424" s="53"/>
      <c r="AZ1424" s="53"/>
      <c r="BA1424" s="53"/>
      <c r="BB1424" s="53"/>
      <c r="BC1424" s="53"/>
      <c r="BD1424" s="53"/>
      <c r="BE1424" s="53"/>
      <c r="BF1424" s="53"/>
      <c r="BG1424" s="53"/>
      <c r="BH1424" s="53"/>
      <c r="BI1424" s="53"/>
      <c r="BJ1424" s="53"/>
      <c r="BK1424" s="53"/>
      <c r="BL1424" s="53"/>
      <c r="BM1424" s="53"/>
      <c r="BN1424" s="53"/>
      <c r="BO1424" s="53"/>
      <c r="BP1424" s="53"/>
      <c r="BQ1424" s="53"/>
      <c r="BR1424" s="53"/>
      <c r="BS1424" s="53"/>
      <c r="BT1424" s="53"/>
      <c r="BU1424" s="53"/>
      <c r="BV1424" s="53"/>
      <c r="BW1424" s="53"/>
      <c r="BX1424" s="53"/>
      <c r="BY1424" s="53"/>
      <c r="BZ1424" s="53"/>
      <c r="CA1424" s="53"/>
      <c r="CB1424" s="53"/>
      <c r="CC1424" s="53"/>
      <c r="CD1424" s="53"/>
      <c r="CE1424" s="53"/>
      <c r="CF1424" s="53"/>
      <c r="CG1424" s="53"/>
      <c r="CH1424" s="53"/>
      <c r="CI1424" s="53"/>
      <c r="CJ1424" s="53"/>
      <c r="CK1424" s="53"/>
      <c r="CL1424" s="53"/>
      <c r="CM1424" s="53"/>
      <c r="CN1424" s="53"/>
    </row>
    <row r="1425" spans="1:92" outlineLevel="1">
      <c r="A1425" s="52" t="s">
        <v>1301</v>
      </c>
      <c r="B1425" s="53"/>
      <c r="C1425" s="53"/>
      <c r="D1425" s="53"/>
      <c r="E1425" s="53"/>
      <c r="F1425" s="53"/>
      <c r="G1425" s="53"/>
      <c r="H1425" s="53"/>
      <c r="I1425" s="53"/>
      <c r="J1425" s="53"/>
      <c r="K1425" s="53"/>
      <c r="L1425" s="53"/>
      <c r="M1425" s="53"/>
      <c r="N1425" s="53"/>
      <c r="O1425" s="53"/>
      <c r="P1425" s="53"/>
      <c r="Q1425" s="53"/>
      <c r="R1425" s="53"/>
      <c r="S1425" s="53"/>
      <c r="T1425" s="53"/>
      <c r="U1425" s="53"/>
      <c r="V1425" s="53"/>
      <c r="W1425" s="53"/>
      <c r="X1425" s="53"/>
      <c r="Y1425" s="53"/>
      <c r="Z1425" s="53"/>
      <c r="AA1425" s="53"/>
      <c r="AB1425" s="53"/>
      <c r="AC1425" s="53"/>
      <c r="AD1425" s="53"/>
      <c r="AE1425" s="53"/>
      <c r="AF1425" s="53"/>
      <c r="AG1425" s="53"/>
      <c r="AH1425" s="53"/>
      <c r="AI1425" s="53"/>
      <c r="AJ1425" s="53"/>
      <c r="AK1425" s="53"/>
      <c r="AL1425" s="53"/>
      <c r="AM1425" s="53"/>
      <c r="AN1425" s="53"/>
      <c r="AO1425" s="53"/>
      <c r="AP1425" s="53"/>
      <c r="AQ1425" s="53"/>
      <c r="AR1425" s="53"/>
      <c r="AS1425" s="53"/>
      <c r="AT1425" s="53"/>
      <c r="AU1425" s="53"/>
      <c r="AV1425" s="53"/>
      <c r="AW1425" s="53"/>
      <c r="AX1425" s="53"/>
      <c r="AY1425" s="53"/>
      <c r="AZ1425" s="53"/>
      <c r="BA1425" s="53"/>
      <c r="BB1425" s="53"/>
      <c r="BC1425" s="53"/>
      <c r="BD1425" s="53"/>
      <c r="BE1425" s="53"/>
      <c r="BF1425" s="53"/>
      <c r="BG1425" s="53"/>
      <c r="BH1425" s="53"/>
      <c r="BI1425" s="53"/>
      <c r="BJ1425" s="53"/>
      <c r="BK1425" s="53"/>
      <c r="BL1425" s="53"/>
      <c r="BM1425" s="53"/>
      <c r="BN1425" s="53"/>
      <c r="BO1425" s="53"/>
      <c r="BP1425" s="53"/>
      <c r="BQ1425" s="53"/>
      <c r="BR1425" s="53"/>
      <c r="BS1425" s="53"/>
      <c r="BT1425" s="53"/>
      <c r="BU1425" s="53"/>
      <c r="BV1425" s="53"/>
      <c r="BW1425" s="53"/>
      <c r="BX1425" s="53"/>
      <c r="BY1425" s="53"/>
      <c r="BZ1425" s="53"/>
      <c r="CA1425" s="53"/>
      <c r="CB1425" s="53"/>
      <c r="CC1425" s="53"/>
      <c r="CD1425" s="53"/>
      <c r="CE1425" s="53"/>
      <c r="CF1425" s="53"/>
      <c r="CG1425" s="53"/>
      <c r="CH1425" s="53"/>
      <c r="CI1425" s="53"/>
      <c r="CJ1425" s="53"/>
      <c r="CK1425" s="53"/>
      <c r="CL1425" s="53"/>
      <c r="CM1425" s="53"/>
      <c r="CN1425" s="53"/>
    </row>
    <row r="1426" spans="1:92" outlineLevel="1">
      <c r="A1426" s="52" t="s">
        <v>713</v>
      </c>
      <c r="B1426" s="53">
        <v>26552.407932011301</v>
      </c>
      <c r="C1426" s="53">
        <v>26552.407932011301</v>
      </c>
      <c r="D1426" s="53">
        <v>26552.407932011301</v>
      </c>
      <c r="E1426" s="53">
        <v>26552.407932011301</v>
      </c>
      <c r="F1426" s="53">
        <v>26552.407932011301</v>
      </c>
      <c r="G1426" s="53">
        <v>26552.407932011301</v>
      </c>
      <c r="H1426" s="53">
        <v>26552.407932011301</v>
      </c>
      <c r="I1426" s="53">
        <v>26552.407932011301</v>
      </c>
      <c r="J1426" s="53">
        <v>26552.407932011301</v>
      </c>
      <c r="K1426" s="53">
        <v>26552.407932011301</v>
      </c>
      <c r="L1426" s="53">
        <v>26552.407932011301</v>
      </c>
      <c r="M1426" s="53">
        <v>26552.407932011301</v>
      </c>
      <c r="N1426" s="53">
        <v>318628.895184136</v>
      </c>
      <c r="O1426" s="53">
        <v>26552.407932011301</v>
      </c>
      <c r="P1426" s="53">
        <v>26552.407932011301</v>
      </c>
      <c r="Q1426" s="53">
        <v>26552.407932011301</v>
      </c>
      <c r="R1426" s="53">
        <v>26552.407932011301</v>
      </c>
      <c r="S1426" s="53">
        <v>26552.407932011301</v>
      </c>
      <c r="T1426" s="53">
        <v>26552.407932011301</v>
      </c>
      <c r="U1426" s="53">
        <v>26552.407932011301</v>
      </c>
      <c r="V1426" s="53">
        <v>26552.407932011301</v>
      </c>
      <c r="W1426" s="53">
        <v>26552.407932011301</v>
      </c>
      <c r="X1426" s="53">
        <v>26552.407932011301</v>
      </c>
      <c r="Y1426" s="53">
        <v>26552.407932011301</v>
      </c>
      <c r="Z1426" s="53">
        <v>26552.407932011301</v>
      </c>
      <c r="AA1426" s="53">
        <v>318628.895184136</v>
      </c>
      <c r="AB1426" s="53">
        <v>26552.407932011301</v>
      </c>
      <c r="AC1426" s="53">
        <v>26552.407932011301</v>
      </c>
      <c r="AD1426" s="53">
        <v>26552.407932011301</v>
      </c>
      <c r="AE1426" s="53">
        <v>26552.407932011301</v>
      </c>
      <c r="AF1426" s="53">
        <v>26552.407932011301</v>
      </c>
      <c r="AG1426" s="53">
        <v>26552.407932011301</v>
      </c>
      <c r="AH1426" s="53">
        <v>26552.407932011301</v>
      </c>
      <c r="AI1426" s="53">
        <v>26552.407932011301</v>
      </c>
      <c r="AJ1426" s="53">
        <v>26552.407932011301</v>
      </c>
      <c r="AK1426" s="53">
        <v>26552.407932011301</v>
      </c>
      <c r="AL1426" s="53">
        <v>26552.407932011301</v>
      </c>
      <c r="AM1426" s="53">
        <v>26552.407932011301</v>
      </c>
      <c r="AN1426" s="53">
        <v>318628.895184136</v>
      </c>
      <c r="AO1426" s="53">
        <v>26552.407932011301</v>
      </c>
      <c r="AP1426" s="53">
        <v>26552.407932011301</v>
      </c>
      <c r="AQ1426" s="53">
        <v>26552.407932011301</v>
      </c>
      <c r="AR1426" s="53">
        <v>26552.407932011301</v>
      </c>
      <c r="AS1426" s="53">
        <v>26552.407932011301</v>
      </c>
      <c r="AT1426" s="53">
        <v>26552.407932011301</v>
      </c>
      <c r="AU1426" s="53">
        <v>26552.407932011301</v>
      </c>
      <c r="AV1426" s="53">
        <v>26552.407932011301</v>
      </c>
      <c r="AW1426" s="53">
        <v>26552.407932011301</v>
      </c>
      <c r="AX1426" s="53">
        <v>26552.407932011301</v>
      </c>
      <c r="AY1426" s="53">
        <v>26552.407932011301</v>
      </c>
      <c r="AZ1426" s="53">
        <v>26552.407932011301</v>
      </c>
      <c r="BA1426" s="53">
        <v>318628.895184136</v>
      </c>
      <c r="BB1426" s="53">
        <v>26552.407932011301</v>
      </c>
      <c r="BC1426" s="53">
        <v>26552.407932011301</v>
      </c>
      <c r="BD1426" s="53">
        <v>26552.407932011301</v>
      </c>
      <c r="BE1426" s="53">
        <v>26552.407932011301</v>
      </c>
      <c r="BF1426" s="53">
        <v>26552.407932011301</v>
      </c>
      <c r="BG1426" s="53">
        <v>26552.407932011301</v>
      </c>
      <c r="BH1426" s="53">
        <v>26552.407932011301</v>
      </c>
      <c r="BI1426" s="53">
        <v>26552.4079320114</v>
      </c>
      <c r="BJ1426" s="53">
        <v>26552.407932011301</v>
      </c>
      <c r="BK1426" s="53">
        <v>26552.407932011301</v>
      </c>
      <c r="BL1426" s="53">
        <v>26552.4079320114</v>
      </c>
      <c r="BM1426" s="53">
        <v>26552.4079320114</v>
      </c>
      <c r="BN1426" s="53">
        <v>318628.895184136</v>
      </c>
      <c r="BO1426" s="53">
        <v>26552.4079320114</v>
      </c>
      <c r="BP1426" s="53">
        <v>26552.4079320114</v>
      </c>
      <c r="BQ1426" s="53">
        <v>26552.4079320114</v>
      </c>
      <c r="BR1426" s="53">
        <v>26552.4079320114</v>
      </c>
      <c r="BS1426" s="53">
        <v>26552.4079320114</v>
      </c>
      <c r="BT1426" s="53">
        <v>26552.4079320114</v>
      </c>
      <c r="BU1426" s="53">
        <v>26552.4079320114</v>
      </c>
      <c r="BV1426" s="53">
        <v>26552.4079320114</v>
      </c>
      <c r="BW1426" s="53">
        <v>26552.4079320114</v>
      </c>
      <c r="BX1426" s="53">
        <v>26552.4079320114</v>
      </c>
      <c r="BY1426" s="53">
        <v>26552.4079320114</v>
      </c>
      <c r="BZ1426" s="53">
        <v>26552.4079320114</v>
      </c>
      <c r="CA1426" s="53">
        <v>318628.89518413699</v>
      </c>
      <c r="CB1426" s="53"/>
      <c r="CC1426" s="53"/>
      <c r="CD1426" s="53"/>
      <c r="CE1426" s="53"/>
      <c r="CF1426" s="53"/>
      <c r="CG1426" s="53"/>
      <c r="CH1426" s="53"/>
      <c r="CI1426" s="53"/>
      <c r="CJ1426" s="53"/>
      <c r="CK1426" s="53"/>
      <c r="CL1426" s="53"/>
      <c r="CM1426" s="53"/>
      <c r="CN1426" s="53"/>
    </row>
    <row r="1427" spans="1:92" outlineLevel="1">
      <c r="A1427" s="52" t="s">
        <v>716</v>
      </c>
      <c r="B1427" s="53">
        <v>-24171.148247978399</v>
      </c>
      <c r="C1427" s="53">
        <v>-24171.148247978399</v>
      </c>
      <c r="D1427" s="53">
        <v>-24171.148247978399</v>
      </c>
      <c r="E1427" s="53">
        <v>-24171.148247978399</v>
      </c>
      <c r="F1427" s="53">
        <v>-24171.148247978399</v>
      </c>
      <c r="G1427" s="53">
        <v>-24171.148247978399</v>
      </c>
      <c r="H1427" s="53">
        <v>-24171.148247978399</v>
      </c>
      <c r="I1427" s="53">
        <v>-24171.148247978399</v>
      </c>
      <c r="J1427" s="53">
        <v>-24171.148247978399</v>
      </c>
      <c r="K1427" s="53">
        <v>-24171.148247978399</v>
      </c>
      <c r="L1427" s="53">
        <v>-24171.148247978399</v>
      </c>
      <c r="M1427" s="53">
        <v>-24171.148247978399</v>
      </c>
      <c r="N1427" s="53">
        <v>-290053.77897574101</v>
      </c>
      <c r="O1427" s="53">
        <v>-24171.148247978399</v>
      </c>
      <c r="P1427" s="53">
        <v>-24171.148247978399</v>
      </c>
      <c r="Q1427" s="53">
        <v>-24171.148247978399</v>
      </c>
      <c r="R1427" s="53">
        <v>-24171.148247978399</v>
      </c>
      <c r="S1427" s="53">
        <v>-24171.148247978399</v>
      </c>
      <c r="T1427" s="53">
        <v>-24171.148247978399</v>
      </c>
      <c r="U1427" s="53">
        <v>-24171.148247978399</v>
      </c>
      <c r="V1427" s="53">
        <v>-24171.148247978399</v>
      </c>
      <c r="W1427" s="53">
        <v>-24171.148247978399</v>
      </c>
      <c r="X1427" s="53">
        <v>-24171.148247978399</v>
      </c>
      <c r="Y1427" s="53">
        <v>-24171.148247978399</v>
      </c>
      <c r="Z1427" s="53">
        <v>-24171.148247978399</v>
      </c>
      <c r="AA1427" s="53">
        <v>-290053.77897574002</v>
      </c>
      <c r="AB1427" s="53">
        <v>-24171.148247978399</v>
      </c>
      <c r="AC1427" s="53">
        <v>-24171.148247978399</v>
      </c>
      <c r="AD1427" s="53">
        <v>-24171.148247978399</v>
      </c>
      <c r="AE1427" s="53">
        <v>-24171.148247978399</v>
      </c>
      <c r="AF1427" s="53">
        <v>-24171.148247978399</v>
      </c>
      <c r="AG1427" s="53">
        <v>-24171.148247978399</v>
      </c>
      <c r="AH1427" s="53">
        <v>-24171.148247978399</v>
      </c>
      <c r="AI1427" s="53">
        <v>-24171.148247978399</v>
      </c>
      <c r="AJ1427" s="53">
        <v>-24171.148247978399</v>
      </c>
      <c r="AK1427" s="53">
        <v>-24171.148247978399</v>
      </c>
      <c r="AL1427" s="53">
        <v>-24171.148247978399</v>
      </c>
      <c r="AM1427" s="53">
        <v>-24171.148247978399</v>
      </c>
      <c r="AN1427" s="53">
        <v>-290053.77897574002</v>
      </c>
      <c r="AO1427" s="53">
        <v>-24171.148247978399</v>
      </c>
      <c r="AP1427" s="53">
        <v>-24171.148247978399</v>
      </c>
      <c r="AQ1427" s="53">
        <v>-24171.148247978399</v>
      </c>
      <c r="AR1427" s="53">
        <v>-24171.148247978399</v>
      </c>
      <c r="AS1427" s="53">
        <v>-24171.148247978399</v>
      </c>
      <c r="AT1427" s="53">
        <v>-24171.148247978399</v>
      </c>
      <c r="AU1427" s="53">
        <v>-24171.148247978399</v>
      </c>
      <c r="AV1427" s="53">
        <v>-24171.148247978399</v>
      </c>
      <c r="AW1427" s="53">
        <v>-24171.148247978399</v>
      </c>
      <c r="AX1427" s="53">
        <v>-24171.148247978399</v>
      </c>
      <c r="AY1427" s="53">
        <v>-24171.148247978399</v>
      </c>
      <c r="AZ1427" s="53">
        <v>-24171.148247978399</v>
      </c>
      <c r="BA1427" s="53">
        <v>-290053.77897574002</v>
      </c>
      <c r="BB1427" s="53">
        <v>-24171.148247978399</v>
      </c>
      <c r="BC1427" s="53">
        <v>-24171.148247978399</v>
      </c>
      <c r="BD1427" s="53">
        <v>-24171.148247978399</v>
      </c>
      <c r="BE1427" s="53">
        <v>-24171.148247978399</v>
      </c>
      <c r="BF1427" s="53">
        <v>-24171.148247978399</v>
      </c>
      <c r="BG1427" s="53">
        <v>-24171.148247978399</v>
      </c>
      <c r="BH1427" s="53">
        <v>-24171.148247978399</v>
      </c>
      <c r="BI1427" s="53">
        <v>-24171.148247978399</v>
      </c>
      <c r="BJ1427" s="53">
        <v>-24171.148247978399</v>
      </c>
      <c r="BK1427" s="53">
        <v>-24171.148247978399</v>
      </c>
      <c r="BL1427" s="53">
        <v>-24171.148247978399</v>
      </c>
      <c r="BM1427" s="53">
        <v>-24171.148247978399</v>
      </c>
      <c r="BN1427" s="53">
        <v>-290053.77897574002</v>
      </c>
      <c r="BO1427" s="53">
        <v>-24171.148247978399</v>
      </c>
      <c r="BP1427" s="53">
        <v>-24171.148247978399</v>
      </c>
      <c r="BQ1427" s="53">
        <v>-24171.148247978399</v>
      </c>
      <c r="BR1427" s="53">
        <v>-24171.148247978399</v>
      </c>
      <c r="BS1427" s="53">
        <v>-24171.148247978399</v>
      </c>
      <c r="BT1427" s="53">
        <v>-24171.148247978399</v>
      </c>
      <c r="BU1427" s="53">
        <v>-24171.148247978399</v>
      </c>
      <c r="BV1427" s="53">
        <v>-24171.148247978399</v>
      </c>
      <c r="BW1427" s="53">
        <v>-24171.148247978399</v>
      </c>
      <c r="BX1427" s="53">
        <v>-24171.148247978399</v>
      </c>
      <c r="BY1427" s="53">
        <v>-24171.148247978399</v>
      </c>
      <c r="BZ1427" s="53">
        <v>-24171.148247978399</v>
      </c>
      <c r="CA1427" s="53">
        <v>-290053.77897574002</v>
      </c>
      <c r="CB1427" s="53">
        <v>4.0000000000000001E-3</v>
      </c>
      <c r="CC1427" s="53">
        <v>4.0000000000000001E-3</v>
      </c>
      <c r="CD1427" s="53">
        <v>4.0000000000000001E-3</v>
      </c>
      <c r="CE1427" s="53">
        <v>4.0000000000000001E-3</v>
      </c>
      <c r="CF1427" s="53">
        <v>4.0000000000000001E-3</v>
      </c>
      <c r="CG1427" s="53">
        <v>4.0000000000000001E-3</v>
      </c>
      <c r="CH1427" s="53">
        <v>4.0000000000000001E-3</v>
      </c>
      <c r="CI1427" s="53">
        <v>4.0000000000000001E-3</v>
      </c>
      <c r="CJ1427" s="53">
        <v>4.0000000000000001E-3</v>
      </c>
      <c r="CK1427" s="53">
        <v>4.0000000000000001E-3</v>
      </c>
      <c r="CL1427" s="53">
        <v>4.0000000000000001E-3</v>
      </c>
      <c r="CM1427" s="53">
        <v>4.0000000000000001E-3</v>
      </c>
      <c r="CN1427" s="53">
        <v>4.0000000000000001E-3</v>
      </c>
    </row>
    <row r="1428" spans="1:92" outlineLevel="1">
      <c r="A1428" s="52" t="s">
        <v>725</v>
      </c>
      <c r="B1428" s="53">
        <v>-16813.8796992481</v>
      </c>
      <c r="C1428" s="53">
        <v>-16813.8796992481</v>
      </c>
      <c r="D1428" s="53">
        <v>-16813.8796992481</v>
      </c>
      <c r="E1428" s="53">
        <v>-16813.8796992481</v>
      </c>
      <c r="F1428" s="53">
        <v>-16813.8796992481</v>
      </c>
      <c r="G1428" s="53">
        <v>-16813.8796992481</v>
      </c>
      <c r="H1428" s="53">
        <v>-16813.8796992481</v>
      </c>
      <c r="I1428" s="53">
        <v>-16813.8796992481</v>
      </c>
      <c r="J1428" s="53">
        <v>-16813.8796992481</v>
      </c>
      <c r="K1428" s="53">
        <v>-16813.8796992481</v>
      </c>
      <c r="L1428" s="53">
        <v>-16813.8796992481</v>
      </c>
      <c r="M1428" s="53">
        <v>-16813.8796992481</v>
      </c>
      <c r="N1428" s="53">
        <v>-201766.556390977</v>
      </c>
      <c r="O1428" s="53">
        <v>-16813.8796992481</v>
      </c>
      <c r="P1428" s="53">
        <v>-16813.8796992481</v>
      </c>
      <c r="Q1428" s="53">
        <v>-16813.8796992481</v>
      </c>
      <c r="R1428" s="53">
        <v>-16813.8796992481</v>
      </c>
      <c r="S1428" s="53">
        <v>-16813.8796992481</v>
      </c>
      <c r="T1428" s="53">
        <v>-16813.8796992481</v>
      </c>
      <c r="U1428" s="53">
        <v>-16813.8796992481</v>
      </c>
      <c r="V1428" s="53">
        <v>-16813.8796992481</v>
      </c>
      <c r="W1428" s="53">
        <v>-16813.8796992481</v>
      </c>
      <c r="X1428" s="53">
        <v>-16813.8796992481</v>
      </c>
      <c r="Y1428" s="53">
        <v>-16813.8796992481</v>
      </c>
      <c r="Z1428" s="53">
        <v>-16813.8796992481</v>
      </c>
      <c r="AA1428" s="53">
        <v>-201766.556390977</v>
      </c>
      <c r="AB1428" s="53">
        <v>-16813.8796992481</v>
      </c>
      <c r="AC1428" s="53">
        <v>-16813.8796992481</v>
      </c>
      <c r="AD1428" s="53">
        <v>-16813.8796992481</v>
      </c>
      <c r="AE1428" s="53">
        <v>-16813.8796992481</v>
      </c>
      <c r="AF1428" s="53">
        <v>-16813.8796992481</v>
      </c>
      <c r="AG1428" s="53">
        <v>-16813.8796992481</v>
      </c>
      <c r="AH1428" s="53">
        <v>-16813.8796992481</v>
      </c>
      <c r="AI1428" s="53">
        <v>-16813.8796992481</v>
      </c>
      <c r="AJ1428" s="53">
        <v>-16813.8796992481</v>
      </c>
      <c r="AK1428" s="53">
        <v>-16813.8796992481</v>
      </c>
      <c r="AL1428" s="53">
        <v>-16813.8796992481</v>
      </c>
      <c r="AM1428" s="53">
        <v>-16813.8796992481</v>
      </c>
      <c r="AN1428" s="53">
        <v>-201766.556390977</v>
      </c>
      <c r="AO1428" s="53">
        <v>-16813.8796992481</v>
      </c>
      <c r="AP1428" s="53">
        <v>-16813.8796992481</v>
      </c>
      <c r="AQ1428" s="53">
        <v>-16813.8796992481</v>
      </c>
      <c r="AR1428" s="53">
        <v>-16813.8796992481</v>
      </c>
      <c r="AS1428" s="53">
        <v>-16813.8796992481</v>
      </c>
      <c r="AT1428" s="53">
        <v>-16813.8796992481</v>
      </c>
      <c r="AU1428" s="53">
        <v>-16813.8796992481</v>
      </c>
      <c r="AV1428" s="53">
        <v>-16813.8796992481</v>
      </c>
      <c r="AW1428" s="53">
        <v>-16813.8796992481</v>
      </c>
      <c r="AX1428" s="53">
        <v>-16813.8796992481</v>
      </c>
      <c r="AY1428" s="53">
        <v>-16813.8796992481</v>
      </c>
      <c r="AZ1428" s="53">
        <v>-16813.8796992481</v>
      </c>
      <c r="BA1428" s="53">
        <v>-201766.556390977</v>
      </c>
      <c r="BB1428" s="53">
        <v>-16813.8796992481</v>
      </c>
      <c r="BC1428" s="53">
        <v>-16813.8796992481</v>
      </c>
      <c r="BD1428" s="53">
        <v>-16813.8796992481</v>
      </c>
      <c r="BE1428" s="53">
        <v>-16813.8796992481</v>
      </c>
      <c r="BF1428" s="53">
        <v>-16813.8796992481</v>
      </c>
      <c r="BG1428" s="53">
        <v>-16813.8796992481</v>
      </c>
      <c r="BH1428" s="53">
        <v>-16813.8796992481</v>
      </c>
      <c r="BI1428" s="53">
        <v>-16813.8796992481</v>
      </c>
      <c r="BJ1428" s="53">
        <v>-16813.8796992481</v>
      </c>
      <c r="BK1428" s="53">
        <v>-16813.8796992481</v>
      </c>
      <c r="BL1428" s="53">
        <v>-16813.8796992481</v>
      </c>
      <c r="BM1428" s="53">
        <v>-16813.8796992481</v>
      </c>
      <c r="BN1428" s="53">
        <v>-201766.556390977</v>
      </c>
      <c r="BO1428" s="53">
        <v>-16813.8796992481</v>
      </c>
      <c r="BP1428" s="53">
        <v>-16813.8796992481</v>
      </c>
      <c r="BQ1428" s="53">
        <v>-16813.8796992481</v>
      </c>
      <c r="BR1428" s="53">
        <v>-16813.8796992481</v>
      </c>
      <c r="BS1428" s="53">
        <v>-16813.8796992481</v>
      </c>
      <c r="BT1428" s="53">
        <v>-16813.8796992481</v>
      </c>
      <c r="BU1428" s="53">
        <v>-8406.9398496240701</v>
      </c>
      <c r="BV1428" s="53"/>
      <c r="BW1428" s="53"/>
      <c r="BX1428" s="53"/>
      <c r="BY1428" s="53"/>
      <c r="BZ1428" s="53"/>
      <c r="CA1428" s="53">
        <v>-109290.21804511199</v>
      </c>
      <c r="CB1428" s="53">
        <v>27128407091.2733</v>
      </c>
      <c r="CC1428" s="53">
        <v>27248396462.804501</v>
      </c>
      <c r="CD1428" s="53">
        <v>27357383315.0187</v>
      </c>
      <c r="CE1428" s="53">
        <v>27463499921.0714</v>
      </c>
      <c r="CF1428" s="53">
        <v>27561108295.315701</v>
      </c>
      <c r="CG1428" s="53">
        <v>27719671209.3965</v>
      </c>
      <c r="CH1428" s="53">
        <v>27846430316.243</v>
      </c>
      <c r="CI1428" s="53">
        <v>27939852535.654701</v>
      </c>
      <c r="CJ1428" s="53">
        <v>28139141191.585602</v>
      </c>
      <c r="CK1428" s="53">
        <v>28258459731.8601</v>
      </c>
      <c r="CL1428" s="53">
        <v>28395625821.7672</v>
      </c>
      <c r="CM1428" s="53">
        <v>28275280703.889599</v>
      </c>
      <c r="CN1428" s="53">
        <v>27128407091.2733</v>
      </c>
    </row>
    <row r="1429" spans="1:92" outlineLevel="1">
      <c r="A1429" s="52" t="s">
        <v>726</v>
      </c>
      <c r="B1429" s="53">
        <v>308004.32530120399</v>
      </c>
      <c r="C1429" s="53">
        <v>308004.32530120399</v>
      </c>
      <c r="D1429" s="53">
        <v>308004.32530120399</v>
      </c>
      <c r="E1429" s="53">
        <v>308004.32530120399</v>
      </c>
      <c r="F1429" s="53">
        <v>308004.32530120399</v>
      </c>
      <c r="G1429" s="53">
        <v>308004.32530120399</v>
      </c>
      <c r="H1429" s="53">
        <v>308004.32530120399</v>
      </c>
      <c r="I1429" s="53">
        <v>308004.32530120399</v>
      </c>
      <c r="J1429" s="53">
        <v>308004.32530120399</v>
      </c>
      <c r="K1429" s="53">
        <v>308004.32530120399</v>
      </c>
      <c r="L1429" s="53">
        <v>308004.32530120399</v>
      </c>
      <c r="M1429" s="53">
        <v>308004.32530120399</v>
      </c>
      <c r="N1429" s="53">
        <v>3696051.9036144498</v>
      </c>
      <c r="O1429" s="53">
        <v>308004.32530120399</v>
      </c>
      <c r="P1429" s="53">
        <v>308004.32530120399</v>
      </c>
      <c r="Q1429" s="53">
        <v>308004.32530120399</v>
      </c>
      <c r="R1429" s="53">
        <v>308004.32530120399</v>
      </c>
      <c r="S1429" s="53">
        <v>308004.32530120399</v>
      </c>
      <c r="T1429" s="53">
        <v>308004.32530120399</v>
      </c>
      <c r="U1429" s="53">
        <v>308004.32530120399</v>
      </c>
      <c r="V1429" s="53">
        <v>308004.32530120399</v>
      </c>
      <c r="W1429" s="53">
        <v>308004.32530120399</v>
      </c>
      <c r="X1429" s="53">
        <v>308004.32530120399</v>
      </c>
      <c r="Y1429" s="53">
        <v>308004.32530120498</v>
      </c>
      <c r="Z1429" s="53">
        <v>308004.32530120399</v>
      </c>
      <c r="AA1429" s="53">
        <v>3696051.9036144498</v>
      </c>
      <c r="AB1429" s="53">
        <v>308004.32530120498</v>
      </c>
      <c r="AC1429" s="53">
        <v>308004.32530120498</v>
      </c>
      <c r="AD1429" s="53">
        <v>308004.32530120498</v>
      </c>
      <c r="AE1429" s="53">
        <v>308004.32530120498</v>
      </c>
      <c r="AF1429" s="53">
        <v>308004.32530120498</v>
      </c>
      <c r="AG1429" s="53">
        <v>308004.32530120498</v>
      </c>
      <c r="AH1429" s="53">
        <v>308004.32530120498</v>
      </c>
      <c r="AI1429" s="53">
        <v>308004.32530120498</v>
      </c>
      <c r="AJ1429" s="53">
        <v>308004.32530120498</v>
      </c>
      <c r="AK1429" s="53">
        <v>308004.32530120498</v>
      </c>
      <c r="AL1429" s="53">
        <v>308004.32530120498</v>
      </c>
      <c r="AM1429" s="53">
        <v>308004.32530120498</v>
      </c>
      <c r="AN1429" s="53">
        <v>3696051.9036144498</v>
      </c>
      <c r="AO1429" s="53">
        <v>308004.32530120498</v>
      </c>
      <c r="AP1429" s="53">
        <v>308004.32530120498</v>
      </c>
      <c r="AQ1429" s="53">
        <v>308004.32530120498</v>
      </c>
      <c r="AR1429" s="53">
        <v>308004.32530120498</v>
      </c>
      <c r="AS1429" s="53">
        <v>308004.32530120498</v>
      </c>
      <c r="AT1429" s="53">
        <v>308004.32530120498</v>
      </c>
      <c r="AU1429" s="53">
        <v>308004.32530120498</v>
      </c>
      <c r="AV1429" s="53">
        <v>308004.32530120498</v>
      </c>
      <c r="AW1429" s="53">
        <v>308004.32530120498</v>
      </c>
      <c r="AX1429" s="53">
        <v>308004.32530120498</v>
      </c>
      <c r="AY1429" s="53">
        <v>308004.32530120498</v>
      </c>
      <c r="AZ1429" s="53">
        <v>308004.32530120498</v>
      </c>
      <c r="BA1429" s="53">
        <v>3696051.90361446</v>
      </c>
      <c r="BB1429" s="53">
        <v>308004.32530120498</v>
      </c>
      <c r="BC1429" s="53">
        <v>308004.32530120498</v>
      </c>
      <c r="BD1429" s="53">
        <v>308004.32530120498</v>
      </c>
      <c r="BE1429" s="53">
        <v>308004.32530120498</v>
      </c>
      <c r="BF1429" s="53">
        <v>308004.32530120498</v>
      </c>
      <c r="BG1429" s="53">
        <v>308004.32530120498</v>
      </c>
      <c r="BH1429" s="53">
        <v>308004.32530120498</v>
      </c>
      <c r="BI1429" s="53">
        <v>308004.32530120498</v>
      </c>
      <c r="BJ1429" s="53">
        <v>308004.32530120498</v>
      </c>
      <c r="BK1429" s="53">
        <v>308004.32530120498</v>
      </c>
      <c r="BL1429" s="53">
        <v>308004.32530120498</v>
      </c>
      <c r="BM1429" s="53">
        <v>308004.32530120498</v>
      </c>
      <c r="BN1429" s="53">
        <v>3696051.90361446</v>
      </c>
      <c r="BO1429" s="53">
        <v>308004.32530120498</v>
      </c>
      <c r="BP1429" s="53">
        <v>308004.32530120498</v>
      </c>
      <c r="BQ1429" s="53">
        <v>308004.32530120498</v>
      </c>
      <c r="BR1429" s="53">
        <v>308004.32530120498</v>
      </c>
      <c r="BS1429" s="53">
        <v>308004.32530120498</v>
      </c>
      <c r="BT1429" s="53">
        <v>308004.32530120498</v>
      </c>
      <c r="BU1429" s="53">
        <v>308004.32530120498</v>
      </c>
      <c r="BV1429" s="53">
        <v>308004.32530120498</v>
      </c>
      <c r="BW1429" s="53">
        <v>308004.32530120498</v>
      </c>
      <c r="BX1429" s="53">
        <v>308004.32530120498</v>
      </c>
      <c r="BY1429" s="53">
        <v>308004.32530120498</v>
      </c>
      <c r="BZ1429" s="53">
        <v>308004.32530120498</v>
      </c>
      <c r="CA1429" s="53">
        <v>3696051.90361446</v>
      </c>
      <c r="CB1429" s="53"/>
      <c r="CC1429" s="53"/>
      <c r="CD1429" s="53"/>
      <c r="CE1429" s="53"/>
      <c r="CF1429" s="53"/>
      <c r="CG1429" s="53"/>
      <c r="CH1429" s="53"/>
      <c r="CI1429" s="53"/>
      <c r="CJ1429" s="53"/>
      <c r="CK1429" s="53"/>
      <c r="CL1429" s="53"/>
      <c r="CM1429" s="53"/>
      <c r="CN1429" s="53"/>
    </row>
    <row r="1430" spans="1:92" outlineLevel="1">
      <c r="A1430" s="52" t="s">
        <v>728</v>
      </c>
      <c r="B1430" s="53">
        <v>199670.97206703899</v>
      </c>
      <c r="C1430" s="53">
        <v>199670.97206703899</v>
      </c>
      <c r="D1430" s="53">
        <v>199670.97206703899</v>
      </c>
      <c r="E1430" s="53">
        <v>199670.97206703899</v>
      </c>
      <c r="F1430" s="53">
        <v>199670.97206703899</v>
      </c>
      <c r="G1430" s="53">
        <v>199670.97206703899</v>
      </c>
      <c r="H1430" s="53">
        <v>199670.97206703899</v>
      </c>
      <c r="I1430" s="53">
        <v>199670.972067038</v>
      </c>
      <c r="J1430" s="53">
        <v>199670.972067038</v>
      </c>
      <c r="K1430" s="53">
        <v>199670.972067038</v>
      </c>
      <c r="L1430" s="53">
        <v>199670.97206703899</v>
      </c>
      <c r="M1430" s="53">
        <v>199670.97206703899</v>
      </c>
      <c r="N1430" s="53">
        <v>2396051.66480446</v>
      </c>
      <c r="O1430" s="53">
        <v>199670.97206703899</v>
      </c>
      <c r="P1430" s="53">
        <v>199670.97206703899</v>
      </c>
      <c r="Q1430" s="53">
        <v>199670.97206703899</v>
      </c>
      <c r="R1430" s="53">
        <v>199670.97206703899</v>
      </c>
      <c r="S1430" s="53">
        <v>199670.97206703899</v>
      </c>
      <c r="T1430" s="53">
        <v>199670.97206703899</v>
      </c>
      <c r="U1430" s="53">
        <v>199670.97206703899</v>
      </c>
      <c r="V1430" s="53">
        <v>199670.97206703899</v>
      </c>
      <c r="W1430" s="53">
        <v>199670.97206703899</v>
      </c>
      <c r="X1430" s="53">
        <v>199670.97206703899</v>
      </c>
      <c r="Y1430" s="53">
        <v>199670.97206703899</v>
      </c>
      <c r="Z1430" s="53">
        <v>199670.97206703899</v>
      </c>
      <c r="AA1430" s="53">
        <v>2396051.66480446</v>
      </c>
      <c r="AB1430" s="53">
        <v>199670.97206703899</v>
      </c>
      <c r="AC1430" s="53">
        <v>199670.97206703899</v>
      </c>
      <c r="AD1430" s="53">
        <v>199670.97206703899</v>
      </c>
      <c r="AE1430" s="53">
        <v>199670.97206703899</v>
      </c>
      <c r="AF1430" s="53">
        <v>199670.97206703899</v>
      </c>
      <c r="AG1430" s="53">
        <v>199670.97206703899</v>
      </c>
      <c r="AH1430" s="53">
        <v>199670.97206703899</v>
      </c>
      <c r="AI1430" s="53">
        <v>199670.97206703899</v>
      </c>
      <c r="AJ1430" s="53">
        <v>199670.97206703899</v>
      </c>
      <c r="AK1430" s="53">
        <v>199670.97206703899</v>
      </c>
      <c r="AL1430" s="53">
        <v>199670.97206703899</v>
      </c>
      <c r="AM1430" s="53">
        <v>199670.97206703899</v>
      </c>
      <c r="AN1430" s="53">
        <v>2396051.66480446</v>
      </c>
      <c r="AO1430" s="53">
        <v>199670.97206703899</v>
      </c>
      <c r="AP1430" s="53">
        <v>199670.97206703899</v>
      </c>
      <c r="AQ1430" s="53">
        <v>199670.97206703899</v>
      </c>
      <c r="AR1430" s="53">
        <v>199670.97206703899</v>
      </c>
      <c r="AS1430" s="53">
        <v>199670.97206703899</v>
      </c>
      <c r="AT1430" s="53">
        <v>199670.97206703899</v>
      </c>
      <c r="AU1430" s="53">
        <v>199670.97206703899</v>
      </c>
      <c r="AV1430" s="53">
        <v>199670.97206703899</v>
      </c>
      <c r="AW1430" s="53">
        <v>199670.97206703899</v>
      </c>
      <c r="AX1430" s="53">
        <v>199670.97206703899</v>
      </c>
      <c r="AY1430" s="53">
        <v>199670.97206703899</v>
      </c>
      <c r="AZ1430" s="53">
        <v>199670.97206703899</v>
      </c>
      <c r="BA1430" s="53">
        <v>2396051.6648044698</v>
      </c>
      <c r="BB1430" s="53">
        <v>199670.97206703899</v>
      </c>
      <c r="BC1430" s="53">
        <v>199670.97206703899</v>
      </c>
      <c r="BD1430" s="53">
        <v>199670.97206703899</v>
      </c>
      <c r="BE1430" s="53">
        <v>199670.97206703899</v>
      </c>
      <c r="BF1430" s="53">
        <v>199670.97206703899</v>
      </c>
      <c r="BG1430" s="53">
        <v>199670.97206703899</v>
      </c>
      <c r="BH1430" s="53">
        <v>199670.97206703899</v>
      </c>
      <c r="BI1430" s="53">
        <v>199670.97206703899</v>
      </c>
      <c r="BJ1430" s="53">
        <v>199670.97206703899</v>
      </c>
      <c r="BK1430" s="53">
        <v>199670.97206703899</v>
      </c>
      <c r="BL1430" s="53">
        <v>199670.97206703899</v>
      </c>
      <c r="BM1430" s="53">
        <v>199670.97206703899</v>
      </c>
      <c r="BN1430" s="53">
        <v>2396051.6648044698</v>
      </c>
      <c r="BO1430" s="53">
        <v>199670.97206703899</v>
      </c>
      <c r="BP1430" s="53">
        <v>199670.97206703899</v>
      </c>
      <c r="BQ1430" s="53">
        <v>199670.97206703899</v>
      </c>
      <c r="BR1430" s="53">
        <v>199670.97206703899</v>
      </c>
      <c r="BS1430" s="53">
        <v>199670.97206703899</v>
      </c>
      <c r="BT1430" s="53">
        <v>199670.97206703899</v>
      </c>
      <c r="BU1430" s="53">
        <v>199670.97206703899</v>
      </c>
      <c r="BV1430" s="53">
        <v>199670.97206703899</v>
      </c>
      <c r="BW1430" s="53">
        <v>199670.97206703899</v>
      </c>
      <c r="BX1430" s="53">
        <v>199670.97206703899</v>
      </c>
      <c r="BY1430" s="53">
        <v>199670.97206703899</v>
      </c>
      <c r="BZ1430" s="53">
        <v>199670.97206703899</v>
      </c>
      <c r="CA1430" s="53">
        <v>2396051.6648044698</v>
      </c>
      <c r="CB1430" s="53"/>
      <c r="CC1430" s="53"/>
      <c r="CD1430" s="53"/>
      <c r="CE1430" s="53"/>
      <c r="CF1430" s="53"/>
      <c r="CG1430" s="53"/>
      <c r="CH1430" s="53"/>
      <c r="CI1430" s="53"/>
      <c r="CJ1430" s="53"/>
      <c r="CK1430" s="53"/>
      <c r="CL1430" s="53"/>
      <c r="CM1430" s="53"/>
      <c r="CN1430" s="53"/>
    </row>
    <row r="1431" spans="1:92" outlineLevel="1">
      <c r="A1431" s="52" t="s">
        <v>729</v>
      </c>
      <c r="B1431" s="53">
        <v>115069.469767441</v>
      </c>
      <c r="C1431" s="53">
        <v>115069.469767441</v>
      </c>
      <c r="D1431" s="53">
        <v>115069.469767441</v>
      </c>
      <c r="E1431" s="53">
        <v>115069.469767441</v>
      </c>
      <c r="F1431" s="53">
        <v>115069.469767441</v>
      </c>
      <c r="G1431" s="53">
        <v>115069.469767441</v>
      </c>
      <c r="H1431" s="53">
        <v>115069.469767441</v>
      </c>
      <c r="I1431" s="53">
        <v>115069.469767441</v>
      </c>
      <c r="J1431" s="53">
        <v>115069.469767441</v>
      </c>
      <c r="K1431" s="53">
        <v>115069.469767441</v>
      </c>
      <c r="L1431" s="53">
        <v>115069.469767441</v>
      </c>
      <c r="M1431" s="53">
        <v>115069.469767441</v>
      </c>
      <c r="N1431" s="53">
        <v>1380833.6372093</v>
      </c>
      <c r="O1431" s="53">
        <v>115069.469767441</v>
      </c>
      <c r="P1431" s="53">
        <v>115069.469767441</v>
      </c>
      <c r="Q1431" s="53">
        <v>115069.469767441</v>
      </c>
      <c r="R1431" s="53">
        <v>115069.469767441</v>
      </c>
      <c r="S1431" s="53">
        <v>115069.469767441</v>
      </c>
      <c r="T1431" s="53">
        <v>115069.469767441</v>
      </c>
      <c r="U1431" s="53">
        <v>115069.469767441</v>
      </c>
      <c r="V1431" s="53">
        <v>115069.469767441</v>
      </c>
      <c r="W1431" s="53">
        <v>115069.469767441</v>
      </c>
      <c r="X1431" s="53">
        <v>115069.469767441</v>
      </c>
      <c r="Y1431" s="53">
        <v>115069.469767441</v>
      </c>
      <c r="Z1431" s="53">
        <v>115069.469767441</v>
      </c>
      <c r="AA1431" s="53">
        <v>1380833.6372093</v>
      </c>
      <c r="AB1431" s="53">
        <v>115069.469767441</v>
      </c>
      <c r="AC1431" s="53">
        <v>115069.469767441</v>
      </c>
      <c r="AD1431" s="53">
        <v>115069.469767441</v>
      </c>
      <c r="AE1431" s="53">
        <v>115069.469767441</v>
      </c>
      <c r="AF1431" s="53">
        <v>115069.469767441</v>
      </c>
      <c r="AG1431" s="53">
        <v>115069.469767441</v>
      </c>
      <c r="AH1431" s="53">
        <v>115069.469767441</v>
      </c>
      <c r="AI1431" s="53">
        <v>115069.469767441</v>
      </c>
      <c r="AJ1431" s="53">
        <v>115069.469767441</v>
      </c>
      <c r="AK1431" s="53">
        <v>115069.469767441</v>
      </c>
      <c r="AL1431" s="53">
        <v>115069.469767441</v>
      </c>
      <c r="AM1431" s="53">
        <v>115069.469767441</v>
      </c>
      <c r="AN1431" s="53">
        <v>1380833.6372093</v>
      </c>
      <c r="AO1431" s="53">
        <v>115069.469767441</v>
      </c>
      <c r="AP1431" s="53">
        <v>115069.469767441</v>
      </c>
      <c r="AQ1431" s="53">
        <v>115069.469767441</v>
      </c>
      <c r="AR1431" s="53">
        <v>115069.469767441</v>
      </c>
      <c r="AS1431" s="53">
        <v>115069.469767441</v>
      </c>
      <c r="AT1431" s="53">
        <v>115069.469767441</v>
      </c>
      <c r="AU1431" s="53">
        <v>115069.469767441</v>
      </c>
      <c r="AV1431" s="53">
        <v>115069.469767441</v>
      </c>
      <c r="AW1431" s="53">
        <v>115069.469767441</v>
      </c>
      <c r="AX1431" s="53">
        <v>115069.469767441</v>
      </c>
      <c r="AY1431" s="53">
        <v>115069.469767441</v>
      </c>
      <c r="AZ1431" s="53">
        <v>115069.469767441</v>
      </c>
      <c r="BA1431" s="53">
        <v>1380833.6372093</v>
      </c>
      <c r="BB1431" s="53">
        <v>115069.469767441</v>
      </c>
      <c r="BC1431" s="53">
        <v>115069.469767441</v>
      </c>
      <c r="BD1431" s="53">
        <v>115069.469767441</v>
      </c>
      <c r="BE1431" s="53">
        <v>115069.469767441</v>
      </c>
      <c r="BF1431" s="53">
        <v>115069.469767441</v>
      </c>
      <c r="BG1431" s="53">
        <v>115069.469767441</v>
      </c>
      <c r="BH1431" s="53">
        <v>115069.469767441</v>
      </c>
      <c r="BI1431" s="53">
        <v>115069.469767441</v>
      </c>
      <c r="BJ1431" s="53">
        <v>115069.469767441</v>
      </c>
      <c r="BK1431" s="53">
        <v>115069.469767441</v>
      </c>
      <c r="BL1431" s="53">
        <v>115069.469767441</v>
      </c>
      <c r="BM1431" s="53">
        <v>115069.469767441</v>
      </c>
      <c r="BN1431" s="53">
        <v>1380833.6372093</v>
      </c>
      <c r="BO1431" s="53">
        <v>115069.469767441</v>
      </c>
      <c r="BP1431" s="53">
        <v>115069.469767441</v>
      </c>
      <c r="BQ1431" s="53">
        <v>115069.469767441</v>
      </c>
      <c r="BR1431" s="53">
        <v>115069.469767441</v>
      </c>
      <c r="BS1431" s="53">
        <v>115069.469767441</v>
      </c>
      <c r="BT1431" s="53">
        <v>115069.469767441</v>
      </c>
      <c r="BU1431" s="53">
        <v>115069.469767441</v>
      </c>
      <c r="BV1431" s="53">
        <v>115069.469767441</v>
      </c>
      <c r="BW1431" s="53">
        <v>115069.469767441</v>
      </c>
      <c r="BX1431" s="53">
        <v>115069.469767441</v>
      </c>
      <c r="BY1431" s="53">
        <v>115069.469767441</v>
      </c>
      <c r="BZ1431" s="53">
        <v>115069.469767441</v>
      </c>
      <c r="CA1431" s="53">
        <v>1380833.6372093</v>
      </c>
      <c r="CB1431" s="53"/>
      <c r="CC1431" s="53"/>
      <c r="CD1431" s="53"/>
      <c r="CE1431" s="53"/>
      <c r="CF1431" s="53"/>
      <c r="CG1431" s="53"/>
      <c r="CH1431" s="53"/>
      <c r="CI1431" s="53"/>
      <c r="CJ1431" s="53"/>
      <c r="CK1431" s="53"/>
      <c r="CL1431" s="53"/>
      <c r="CM1431" s="53"/>
      <c r="CN1431" s="53"/>
    </row>
    <row r="1432" spans="1:92" outlineLevel="1">
      <c r="A1432" s="52" t="s">
        <v>739</v>
      </c>
      <c r="B1432" s="53"/>
      <c r="C1432" s="53"/>
      <c r="D1432" s="53"/>
      <c r="E1432" s="53"/>
      <c r="F1432" s="53"/>
      <c r="G1432" s="53"/>
      <c r="H1432" s="53"/>
      <c r="I1432" s="53"/>
      <c r="J1432" s="53"/>
      <c r="K1432" s="53"/>
      <c r="L1432" s="53"/>
      <c r="M1432" s="53"/>
      <c r="N1432" s="53"/>
      <c r="O1432" s="53"/>
      <c r="P1432" s="53"/>
      <c r="Q1432" s="53"/>
      <c r="R1432" s="53"/>
      <c r="S1432" s="53"/>
      <c r="T1432" s="53"/>
      <c r="U1432" s="53"/>
      <c r="V1432" s="53"/>
      <c r="W1432" s="53"/>
      <c r="X1432" s="53"/>
      <c r="Y1432" s="53"/>
      <c r="Z1432" s="53"/>
      <c r="AA1432" s="53"/>
      <c r="AB1432" s="53"/>
      <c r="AC1432" s="53"/>
      <c r="AD1432" s="53"/>
      <c r="AE1432" s="53"/>
      <c r="AF1432" s="53"/>
      <c r="AG1432" s="53"/>
      <c r="AH1432" s="53"/>
      <c r="AI1432" s="53"/>
      <c r="AJ1432" s="53"/>
      <c r="AK1432" s="53"/>
      <c r="AL1432" s="53"/>
      <c r="AM1432" s="53"/>
      <c r="AN1432" s="53"/>
      <c r="AO1432" s="53"/>
      <c r="AP1432" s="53"/>
      <c r="AQ1432" s="53"/>
      <c r="AR1432" s="53"/>
      <c r="AS1432" s="53"/>
      <c r="AT1432" s="53"/>
      <c r="AU1432" s="53"/>
      <c r="AV1432" s="53"/>
      <c r="AW1432" s="53"/>
      <c r="AX1432" s="53"/>
      <c r="AY1432" s="53"/>
      <c r="AZ1432" s="53"/>
      <c r="BA1432" s="53"/>
      <c r="BB1432" s="53"/>
      <c r="BC1432" s="53"/>
      <c r="BD1432" s="53"/>
      <c r="BE1432" s="53"/>
      <c r="BF1432" s="53"/>
      <c r="BG1432" s="53"/>
      <c r="BH1432" s="53"/>
      <c r="BI1432" s="53"/>
      <c r="BJ1432" s="53"/>
      <c r="BK1432" s="53"/>
      <c r="BL1432" s="53"/>
      <c r="BM1432" s="53"/>
      <c r="BN1432" s="53"/>
      <c r="BO1432" s="53"/>
      <c r="BP1432" s="53"/>
      <c r="BQ1432" s="53"/>
      <c r="BR1432" s="53"/>
      <c r="BS1432" s="53"/>
      <c r="BT1432" s="53"/>
      <c r="BU1432" s="53"/>
      <c r="BV1432" s="53"/>
      <c r="BW1432" s="53"/>
      <c r="BX1432" s="53"/>
      <c r="BY1432" s="53"/>
      <c r="BZ1432" s="53"/>
      <c r="CA1432" s="53"/>
      <c r="CB1432" s="53">
        <v>178502438.62806401</v>
      </c>
      <c r="CC1432" s="53">
        <v>185488636.70307001</v>
      </c>
      <c r="CD1432" s="53">
        <v>194467810.897338</v>
      </c>
      <c r="CE1432" s="53">
        <v>193395135.70660901</v>
      </c>
      <c r="CF1432" s="53">
        <v>187059522.40719801</v>
      </c>
      <c r="CG1432" s="53">
        <v>185311890.88675901</v>
      </c>
      <c r="CH1432" s="53">
        <v>186416723.08498701</v>
      </c>
      <c r="CI1432" s="53">
        <v>179849285.500512</v>
      </c>
      <c r="CJ1432" s="53">
        <v>179416046.421179</v>
      </c>
      <c r="CK1432" s="53">
        <v>188962250.19789001</v>
      </c>
      <c r="CL1432" s="53">
        <v>184083397.35656899</v>
      </c>
      <c r="CM1432" s="53">
        <v>180784482.630752</v>
      </c>
      <c r="CN1432" s="53">
        <v>2223737620.4209299</v>
      </c>
    </row>
    <row r="1433" spans="1:92" outlineLevel="1">
      <c r="A1433" s="52" t="s">
        <v>1219</v>
      </c>
      <c r="B1433" s="53"/>
      <c r="C1433" s="53"/>
      <c r="D1433" s="53"/>
      <c r="E1433" s="53"/>
      <c r="F1433" s="53"/>
      <c r="G1433" s="53"/>
      <c r="H1433" s="53"/>
      <c r="I1433" s="53"/>
      <c r="J1433" s="53"/>
      <c r="K1433" s="53"/>
      <c r="L1433" s="53"/>
      <c r="M1433" s="53"/>
      <c r="N1433" s="53"/>
      <c r="O1433" s="53"/>
      <c r="P1433" s="53"/>
      <c r="Q1433" s="53"/>
      <c r="R1433" s="53"/>
      <c r="S1433" s="53"/>
      <c r="T1433" s="53"/>
      <c r="U1433" s="53"/>
      <c r="V1433" s="53"/>
      <c r="W1433" s="53"/>
      <c r="X1433" s="53"/>
      <c r="Y1433" s="53"/>
      <c r="Z1433" s="53"/>
      <c r="AA1433" s="53"/>
      <c r="AB1433" s="53"/>
      <c r="AC1433" s="53"/>
      <c r="AD1433" s="53"/>
      <c r="AE1433" s="53"/>
      <c r="AF1433" s="53"/>
      <c r="AG1433" s="53"/>
      <c r="AH1433" s="53"/>
      <c r="AI1433" s="53"/>
      <c r="AJ1433" s="53"/>
      <c r="AK1433" s="53"/>
      <c r="AL1433" s="53"/>
      <c r="AM1433" s="53"/>
      <c r="AN1433" s="53"/>
      <c r="AO1433" s="53"/>
      <c r="AP1433" s="53"/>
      <c r="AQ1433" s="53"/>
      <c r="AR1433" s="53"/>
      <c r="AS1433" s="53"/>
      <c r="AT1433" s="53"/>
      <c r="AU1433" s="53"/>
      <c r="AV1433" s="53"/>
      <c r="AW1433" s="53"/>
      <c r="AX1433" s="53"/>
      <c r="AY1433" s="53"/>
      <c r="AZ1433" s="53"/>
      <c r="BA1433" s="53"/>
      <c r="BB1433" s="53"/>
      <c r="BC1433" s="53"/>
      <c r="BD1433" s="53"/>
      <c r="BE1433" s="53"/>
      <c r="BF1433" s="53"/>
      <c r="BG1433" s="53"/>
      <c r="BH1433" s="53"/>
      <c r="BI1433" s="53"/>
      <c r="BJ1433" s="53"/>
      <c r="BK1433" s="53"/>
      <c r="BL1433" s="53"/>
      <c r="BM1433" s="53"/>
      <c r="BN1433" s="53"/>
      <c r="BO1433" s="53"/>
      <c r="BP1433" s="53"/>
      <c r="BQ1433" s="53"/>
      <c r="BR1433" s="53"/>
      <c r="BS1433" s="53"/>
      <c r="BT1433" s="53"/>
      <c r="BU1433" s="53"/>
      <c r="BV1433" s="53"/>
      <c r="BW1433" s="53"/>
      <c r="BX1433" s="53"/>
      <c r="BY1433" s="53"/>
      <c r="BZ1433" s="53"/>
      <c r="CA1433" s="53"/>
      <c r="CB1433" s="53"/>
      <c r="CC1433" s="53"/>
      <c r="CD1433" s="53"/>
      <c r="CE1433" s="53"/>
      <c r="CF1433" s="53"/>
      <c r="CG1433" s="53"/>
      <c r="CH1433" s="53"/>
      <c r="CI1433" s="53"/>
      <c r="CJ1433" s="53"/>
      <c r="CK1433" s="53"/>
      <c r="CL1433" s="53"/>
      <c r="CM1433" s="53"/>
      <c r="CN1433" s="53"/>
    </row>
    <row r="1434" spans="1:92" outlineLevel="1">
      <c r="A1434" s="52" t="s">
        <v>649</v>
      </c>
      <c r="B1434" s="53"/>
      <c r="C1434" s="53"/>
      <c r="D1434" s="53"/>
      <c r="E1434" s="53"/>
      <c r="F1434" s="53"/>
      <c r="G1434" s="53"/>
      <c r="H1434" s="53"/>
      <c r="I1434" s="53"/>
      <c r="J1434" s="53"/>
      <c r="K1434" s="53"/>
      <c r="L1434" s="53"/>
      <c r="M1434" s="53"/>
      <c r="N1434" s="53"/>
      <c r="O1434" s="53"/>
      <c r="P1434" s="53"/>
      <c r="Q1434" s="53"/>
      <c r="R1434" s="53"/>
      <c r="S1434" s="53"/>
      <c r="T1434" s="53"/>
      <c r="U1434" s="53"/>
      <c r="V1434" s="53">
        <v>34957002.304019198</v>
      </c>
      <c r="W1434" s="53">
        <v>97623944.7103073</v>
      </c>
      <c r="X1434" s="53">
        <v>240481624.42002299</v>
      </c>
      <c r="Y1434" s="53">
        <v>60551123.303601101</v>
      </c>
      <c r="Z1434" s="53"/>
      <c r="AA1434" s="53">
        <v>433613694.73795098</v>
      </c>
      <c r="AB1434" s="53"/>
      <c r="AC1434" s="53"/>
      <c r="AD1434" s="53"/>
      <c r="AE1434" s="53"/>
      <c r="AF1434" s="53"/>
      <c r="AG1434" s="53"/>
      <c r="AH1434" s="53"/>
      <c r="AI1434" s="53">
        <v>137442028.716232</v>
      </c>
      <c r="AJ1434" s="53">
        <v>239377237.91134599</v>
      </c>
      <c r="AK1434" s="53">
        <v>393280992.26323497</v>
      </c>
      <c r="AL1434" s="53">
        <v>193048441.87334099</v>
      </c>
      <c r="AM1434" s="53"/>
      <c r="AN1434" s="53">
        <v>963148700.76415598</v>
      </c>
      <c r="AO1434" s="53"/>
      <c r="AP1434" s="53"/>
      <c r="AQ1434" s="53"/>
      <c r="AR1434" s="53"/>
      <c r="AS1434" s="53"/>
      <c r="AT1434" s="53">
        <v>233794140.86158001</v>
      </c>
      <c r="AU1434" s="53">
        <v>227643124.22132599</v>
      </c>
      <c r="AV1434" s="53">
        <v>280939309.93058503</v>
      </c>
      <c r="AW1434" s="53">
        <v>341934612.80359203</v>
      </c>
      <c r="AX1434" s="53">
        <v>384555249.98042399</v>
      </c>
      <c r="AY1434" s="53">
        <v>71955812.614500195</v>
      </c>
      <c r="AZ1434" s="53"/>
      <c r="BA1434" s="53">
        <v>1540822250.4119999</v>
      </c>
      <c r="BB1434" s="53"/>
      <c r="BC1434" s="53"/>
      <c r="BD1434" s="53"/>
      <c r="BE1434" s="53"/>
      <c r="BF1434" s="53"/>
      <c r="BG1434" s="53">
        <v>233559606.438665</v>
      </c>
      <c r="BH1434" s="53">
        <v>256509907.93695101</v>
      </c>
      <c r="BI1434" s="53">
        <v>316266376.39893699</v>
      </c>
      <c r="BJ1434" s="53">
        <v>290456805.72593403</v>
      </c>
      <c r="BK1434" s="53">
        <v>345374414.50259</v>
      </c>
      <c r="BL1434" s="53">
        <v>25961727.997004099</v>
      </c>
      <c r="BM1434" s="53"/>
      <c r="BN1434" s="53">
        <v>1468128839.0000801</v>
      </c>
      <c r="BO1434" s="53"/>
      <c r="BP1434" s="53"/>
      <c r="BQ1434" s="53"/>
      <c r="BR1434" s="53"/>
      <c r="BS1434" s="53"/>
      <c r="BT1434" s="53">
        <v>89413364.099600807</v>
      </c>
      <c r="BU1434" s="53">
        <v>131321263.992834</v>
      </c>
      <c r="BV1434" s="53">
        <v>209891225.351459</v>
      </c>
      <c r="BW1434" s="53">
        <v>354915954.59222502</v>
      </c>
      <c r="BX1434" s="53">
        <v>406748952.61554003</v>
      </c>
      <c r="BY1434" s="53">
        <v>76328665.770742998</v>
      </c>
      <c r="BZ1434" s="53"/>
      <c r="CA1434" s="53">
        <v>1268619426.4224</v>
      </c>
      <c r="CB1434" s="53"/>
      <c r="CC1434" s="53"/>
      <c r="CD1434" s="53"/>
      <c r="CE1434" s="53"/>
      <c r="CF1434" s="53"/>
      <c r="CG1434" s="53"/>
      <c r="CH1434" s="53"/>
      <c r="CI1434" s="53"/>
      <c r="CJ1434" s="53"/>
      <c r="CK1434" s="53"/>
      <c r="CL1434" s="53"/>
      <c r="CM1434" s="53"/>
      <c r="CN1434" s="53"/>
    </row>
    <row r="1435" spans="1:92" outlineLevel="1">
      <c r="A1435" s="52" t="s">
        <v>1220</v>
      </c>
      <c r="B1435" s="53"/>
      <c r="C1435" s="53"/>
      <c r="D1435" s="53"/>
      <c r="E1435" s="53"/>
      <c r="F1435" s="53"/>
      <c r="G1435" s="53"/>
      <c r="H1435" s="53"/>
      <c r="I1435" s="53"/>
      <c r="J1435" s="53"/>
      <c r="K1435" s="53"/>
      <c r="L1435" s="53"/>
      <c r="M1435" s="53"/>
      <c r="N1435" s="53"/>
      <c r="O1435" s="53"/>
      <c r="P1435" s="53"/>
      <c r="Q1435" s="53"/>
      <c r="R1435" s="53"/>
      <c r="S1435" s="53"/>
      <c r="T1435" s="53"/>
      <c r="U1435" s="53"/>
      <c r="V1435" s="53"/>
      <c r="W1435" s="53"/>
      <c r="X1435" s="53"/>
      <c r="Y1435" s="53"/>
      <c r="Z1435" s="53"/>
      <c r="AA1435" s="53"/>
      <c r="AB1435" s="53"/>
      <c r="AC1435" s="53"/>
      <c r="AD1435" s="53"/>
      <c r="AE1435" s="53"/>
      <c r="AF1435" s="53"/>
      <c r="AG1435" s="53"/>
      <c r="AH1435" s="53"/>
      <c r="AI1435" s="53"/>
      <c r="AJ1435" s="53"/>
      <c r="AK1435" s="53"/>
      <c r="AL1435" s="53"/>
      <c r="AM1435" s="53"/>
      <c r="AN1435" s="53"/>
      <c r="AO1435" s="53"/>
      <c r="AP1435" s="53"/>
      <c r="AQ1435" s="53"/>
      <c r="AR1435" s="53"/>
      <c r="AS1435" s="53"/>
      <c r="AT1435" s="53"/>
      <c r="AU1435" s="53"/>
      <c r="AV1435" s="53"/>
      <c r="AW1435" s="53"/>
      <c r="AX1435" s="53"/>
      <c r="AY1435" s="53"/>
      <c r="AZ1435" s="53"/>
      <c r="BA1435" s="53"/>
      <c r="BB1435" s="53"/>
      <c r="BC1435" s="53"/>
      <c r="BD1435" s="53"/>
      <c r="BE1435" s="53"/>
      <c r="BF1435" s="53"/>
      <c r="BG1435" s="53"/>
      <c r="BH1435" s="53"/>
      <c r="BI1435" s="53"/>
      <c r="BJ1435" s="53"/>
      <c r="BK1435" s="53"/>
      <c r="BL1435" s="53"/>
      <c r="BM1435" s="53"/>
      <c r="BN1435" s="53"/>
      <c r="BO1435" s="53"/>
      <c r="BP1435" s="53"/>
      <c r="BQ1435" s="53"/>
      <c r="BR1435" s="53"/>
      <c r="BS1435" s="53"/>
      <c r="BT1435" s="53"/>
      <c r="BU1435" s="53"/>
      <c r="BV1435" s="53"/>
      <c r="BW1435" s="53"/>
      <c r="BX1435" s="53"/>
      <c r="BY1435" s="53"/>
      <c r="BZ1435" s="53"/>
      <c r="CA1435" s="53"/>
      <c r="CB1435" s="53"/>
      <c r="CC1435" s="53"/>
      <c r="CD1435" s="53"/>
      <c r="CE1435" s="53"/>
      <c r="CF1435" s="53"/>
      <c r="CG1435" s="53"/>
      <c r="CH1435" s="53"/>
      <c r="CI1435" s="53"/>
      <c r="CJ1435" s="53"/>
      <c r="CK1435" s="53"/>
      <c r="CL1435" s="53"/>
      <c r="CM1435" s="53"/>
      <c r="CN1435" s="53"/>
    </row>
    <row r="1436" spans="1:92" outlineLevel="1">
      <c r="A1436" s="52" t="s">
        <v>1221</v>
      </c>
      <c r="B1436" s="53"/>
      <c r="C1436" s="53"/>
      <c r="D1436" s="53"/>
      <c r="E1436" s="53"/>
      <c r="F1436" s="53"/>
      <c r="G1436" s="53"/>
      <c r="H1436" s="53"/>
      <c r="I1436" s="53"/>
      <c r="J1436" s="53"/>
      <c r="K1436" s="53"/>
      <c r="L1436" s="53"/>
      <c r="M1436" s="53"/>
      <c r="N1436" s="53"/>
      <c r="O1436" s="53">
        <v>1189666.97029785</v>
      </c>
      <c r="P1436" s="53">
        <v>2233349.8897617199</v>
      </c>
      <c r="Q1436" s="53">
        <v>179387.54782046899</v>
      </c>
      <c r="R1436" s="53">
        <v>1033052.38650028</v>
      </c>
      <c r="S1436" s="53">
        <v>2076362.0680704</v>
      </c>
      <c r="T1436" s="53">
        <v>2249648.3520378801</v>
      </c>
      <c r="U1436" s="53">
        <v>3297603.1986955102</v>
      </c>
      <c r="V1436" s="53">
        <v>4349358.0009448398</v>
      </c>
      <c r="W1436" s="53">
        <v>4557024.1327773901</v>
      </c>
      <c r="X1436" s="53">
        <v>5613510.6354678497</v>
      </c>
      <c r="Y1436" s="53">
        <v>6673966.4049185701</v>
      </c>
      <c r="Z1436" s="53">
        <v>6665560.7110996898</v>
      </c>
      <c r="AA1436" s="53">
        <v>40118490.298392497</v>
      </c>
      <c r="AB1436" s="53">
        <v>7903196.5122474199</v>
      </c>
      <c r="AC1436" s="53">
        <v>8994305.0694999602</v>
      </c>
      <c r="AD1436" s="53">
        <v>9640693.4855225701</v>
      </c>
      <c r="AE1436" s="53">
        <v>10543825.307235699</v>
      </c>
      <c r="AF1436" s="53">
        <v>11646861.093870901</v>
      </c>
      <c r="AG1436" s="53">
        <v>11842252.917847799</v>
      </c>
      <c r="AH1436" s="53">
        <v>12946880.624033101</v>
      </c>
      <c r="AI1436" s="53">
        <v>14055242.750561099</v>
      </c>
      <c r="AJ1436" s="53">
        <v>14282564.3204113</v>
      </c>
      <c r="AK1436" s="53">
        <v>15395441.999409299</v>
      </c>
      <c r="AL1436" s="53">
        <v>16514879.670560701</v>
      </c>
      <c r="AM1436" s="53">
        <v>16513815.966390001</v>
      </c>
      <c r="AN1436" s="53">
        <v>150279959.71759</v>
      </c>
      <c r="AO1436" s="53">
        <v>17633676.896308299</v>
      </c>
      <c r="AP1436" s="53">
        <v>18756596.925441898</v>
      </c>
      <c r="AQ1436" s="53">
        <v>19415172.210011199</v>
      </c>
      <c r="AR1436" s="53">
        <v>20346295.839072201</v>
      </c>
      <c r="AS1436" s="53">
        <v>21479561.534265298</v>
      </c>
      <c r="AT1436" s="53">
        <v>21712692.5097069</v>
      </c>
      <c r="AU1436" s="53">
        <v>22846867.133390199</v>
      </c>
      <c r="AV1436" s="53">
        <v>23984117.645277999</v>
      </c>
      <c r="AW1436" s="53">
        <v>24219085.231812298</v>
      </c>
      <c r="AX1436" s="53">
        <v>25360057.2071984</v>
      </c>
      <c r="AY1436" s="53">
        <v>26506920.252508398</v>
      </c>
      <c r="AZ1436" s="53">
        <v>26507151.8803395</v>
      </c>
      <c r="BA1436" s="53">
        <v>268768195.265333</v>
      </c>
      <c r="BB1436" s="53">
        <v>27653006.958791699</v>
      </c>
      <c r="BC1436" s="53">
        <v>28801921.730377302</v>
      </c>
      <c r="BD1436" s="53">
        <v>29475718.909522198</v>
      </c>
      <c r="BE1436" s="53">
        <v>30428569.385194398</v>
      </c>
      <c r="BF1436" s="53">
        <v>31587884.503713001</v>
      </c>
      <c r="BG1436" s="53">
        <v>31827302.641490199</v>
      </c>
      <c r="BH1436" s="53">
        <v>32987556.006354</v>
      </c>
      <c r="BI1436" s="53">
        <v>34150907.511043899</v>
      </c>
      <c r="BJ1436" s="53">
        <v>34392181.504638001</v>
      </c>
      <c r="BK1436" s="53">
        <v>35559283.678215101</v>
      </c>
      <c r="BL1436" s="53">
        <v>36732298.968410604</v>
      </c>
      <c r="BM1436" s="53">
        <v>36733670.199525297</v>
      </c>
      <c r="BN1436" s="53">
        <v>390330301.99727601</v>
      </c>
      <c r="BO1436" s="53">
        <v>37906832.402995303</v>
      </c>
      <c r="BP1436" s="53">
        <v>39083127.215820402</v>
      </c>
      <c r="BQ1436" s="53">
        <v>39773981.380675599</v>
      </c>
      <c r="BR1436" s="53">
        <v>40749765.333554</v>
      </c>
      <c r="BS1436" s="53">
        <v>41936640.387849197</v>
      </c>
      <c r="BT1436" s="53">
        <v>42182807.076667197</v>
      </c>
      <c r="BU1436" s="53">
        <v>43370711.988754399</v>
      </c>
      <c r="BV1436" s="53">
        <v>44561788.876574799</v>
      </c>
      <c r="BW1436" s="53">
        <v>44809871.6395832</v>
      </c>
      <c r="BX1436" s="53">
        <v>46004791.4103164</v>
      </c>
      <c r="BY1436" s="53">
        <v>47205698.576966099</v>
      </c>
      <c r="BZ1436" s="53">
        <v>47208420.346398003</v>
      </c>
      <c r="CA1436" s="53">
        <v>514794436.63615501</v>
      </c>
      <c r="CB1436" s="53">
        <v>518624.23906051501</v>
      </c>
      <c r="CC1436" s="53">
        <v>561994.08672168094</v>
      </c>
      <c r="CD1436" s="53">
        <v>615188.61315262399</v>
      </c>
      <c r="CE1436" s="53">
        <v>668655.51235847396</v>
      </c>
      <c r="CF1436" s="53">
        <v>722397.76091332897</v>
      </c>
      <c r="CG1436" s="53">
        <v>313037.03752726701</v>
      </c>
      <c r="CH1436" s="53">
        <v>341867.39899945201</v>
      </c>
      <c r="CI1436" s="53">
        <v>370845.37955105002</v>
      </c>
      <c r="CJ1436" s="53">
        <v>399971.73504793498</v>
      </c>
      <c r="CK1436" s="53">
        <v>429247.22522630601</v>
      </c>
      <c r="CL1436" s="53">
        <v>458672.61371250101</v>
      </c>
      <c r="CM1436" s="53">
        <v>557386.42451886297</v>
      </c>
      <c r="CN1436" s="53">
        <v>5957888.0267899996</v>
      </c>
    </row>
    <row r="1437" spans="1:92" outlineLevel="1">
      <c r="A1437" s="52" t="s">
        <v>741</v>
      </c>
      <c r="B1437" s="53"/>
      <c r="C1437" s="53"/>
      <c r="D1437" s="53"/>
      <c r="E1437" s="53"/>
      <c r="F1437" s="53"/>
      <c r="G1437" s="53"/>
      <c r="H1437" s="53"/>
      <c r="I1437" s="53"/>
      <c r="J1437" s="53"/>
      <c r="K1437" s="53"/>
      <c r="L1437" s="53"/>
      <c r="M1437" s="53"/>
      <c r="N1437" s="53"/>
      <c r="O1437" s="53"/>
      <c r="P1437" s="53"/>
      <c r="Q1437" s="53"/>
      <c r="R1437" s="53"/>
      <c r="S1437" s="53"/>
      <c r="T1437" s="53"/>
      <c r="U1437" s="53"/>
      <c r="V1437" s="53"/>
      <c r="W1437" s="53"/>
      <c r="X1437" s="53"/>
      <c r="Y1437" s="53"/>
      <c r="Z1437" s="53"/>
      <c r="AA1437" s="53"/>
      <c r="AB1437" s="53"/>
      <c r="AC1437" s="53"/>
      <c r="AD1437" s="53"/>
      <c r="AE1437" s="53"/>
      <c r="AF1437" s="53"/>
      <c r="AG1437" s="53"/>
      <c r="AH1437" s="53"/>
      <c r="AI1437" s="53"/>
      <c r="AJ1437" s="53"/>
      <c r="AK1437" s="53"/>
      <c r="AL1437" s="53"/>
      <c r="AM1437" s="53"/>
      <c r="AN1437" s="53"/>
      <c r="AO1437" s="53"/>
      <c r="AP1437" s="53"/>
      <c r="AQ1437" s="53"/>
      <c r="AR1437" s="53"/>
      <c r="AS1437" s="53"/>
      <c r="AT1437" s="53"/>
      <c r="AU1437" s="53"/>
      <c r="AV1437" s="53"/>
      <c r="AW1437" s="53"/>
      <c r="AX1437" s="53"/>
      <c r="AY1437" s="53"/>
      <c r="AZ1437" s="53"/>
      <c r="BA1437" s="53"/>
      <c r="BB1437" s="53"/>
      <c r="BC1437" s="53"/>
      <c r="BD1437" s="53"/>
      <c r="BE1437" s="53"/>
      <c r="BF1437" s="53"/>
      <c r="BG1437" s="53"/>
      <c r="BH1437" s="53"/>
      <c r="BI1437" s="53"/>
      <c r="BJ1437" s="53"/>
      <c r="BK1437" s="53"/>
      <c r="BL1437" s="53"/>
      <c r="BM1437" s="53"/>
      <c r="BN1437" s="53"/>
      <c r="BO1437" s="53"/>
      <c r="BP1437" s="53"/>
      <c r="BQ1437" s="53"/>
      <c r="BR1437" s="53"/>
      <c r="BS1437" s="53"/>
      <c r="BT1437" s="53"/>
      <c r="BU1437" s="53"/>
      <c r="BV1437" s="53"/>
      <c r="BW1437" s="53"/>
      <c r="BX1437" s="53"/>
      <c r="BY1437" s="53"/>
      <c r="BZ1437" s="53"/>
      <c r="CA1437" s="53"/>
      <c r="CB1437" s="53"/>
      <c r="CC1437" s="53"/>
      <c r="CD1437" s="53"/>
      <c r="CE1437" s="53"/>
      <c r="CF1437" s="53"/>
      <c r="CG1437" s="53"/>
      <c r="CH1437" s="53"/>
      <c r="CI1437" s="53"/>
      <c r="CJ1437" s="53"/>
      <c r="CK1437" s="53"/>
      <c r="CL1437" s="53"/>
      <c r="CM1437" s="53"/>
      <c r="CN1437" s="53"/>
    </row>
    <row r="1438" spans="1:92" outlineLevel="1">
      <c r="A1438" s="52" t="s">
        <v>1470</v>
      </c>
      <c r="B1438" s="53"/>
      <c r="C1438" s="53"/>
      <c r="D1438" s="53"/>
      <c r="E1438" s="53"/>
      <c r="F1438" s="53"/>
      <c r="G1438" s="53"/>
      <c r="H1438" s="53"/>
      <c r="I1438" s="53"/>
      <c r="J1438" s="53"/>
      <c r="K1438" s="53"/>
      <c r="L1438" s="53"/>
      <c r="M1438" s="53"/>
      <c r="N1438" s="53"/>
      <c r="O1438" s="53"/>
      <c r="P1438" s="53"/>
      <c r="Q1438" s="53"/>
      <c r="R1438" s="53"/>
      <c r="S1438" s="53"/>
      <c r="T1438" s="53"/>
      <c r="U1438" s="53"/>
      <c r="V1438" s="53"/>
      <c r="W1438" s="53"/>
      <c r="X1438" s="53"/>
      <c r="Y1438" s="53"/>
      <c r="Z1438" s="53"/>
      <c r="AA1438" s="53"/>
      <c r="AB1438" s="53"/>
      <c r="AC1438" s="53"/>
      <c r="AD1438" s="53"/>
      <c r="AE1438" s="53"/>
      <c r="AF1438" s="53"/>
      <c r="AG1438" s="53"/>
      <c r="AH1438" s="53"/>
      <c r="AI1438" s="53"/>
      <c r="AJ1438" s="53"/>
      <c r="AK1438" s="53"/>
      <c r="AL1438" s="53"/>
      <c r="AM1438" s="53"/>
      <c r="AN1438" s="53"/>
      <c r="AO1438" s="53"/>
      <c r="AP1438" s="53"/>
      <c r="AQ1438" s="53"/>
      <c r="AR1438" s="53"/>
      <c r="AS1438" s="53"/>
      <c r="AT1438" s="53"/>
      <c r="AU1438" s="53"/>
      <c r="AV1438" s="53"/>
      <c r="AW1438" s="53"/>
      <c r="AX1438" s="53"/>
      <c r="AY1438" s="53"/>
      <c r="AZ1438" s="53"/>
      <c r="BA1438" s="53"/>
      <c r="BB1438" s="53"/>
      <c r="BC1438" s="53"/>
      <c r="BD1438" s="53"/>
      <c r="BE1438" s="53"/>
      <c r="BF1438" s="53"/>
      <c r="BG1438" s="53"/>
      <c r="BH1438" s="53"/>
      <c r="BI1438" s="53"/>
      <c r="BJ1438" s="53"/>
      <c r="BK1438" s="53"/>
      <c r="BL1438" s="53"/>
      <c r="BM1438" s="53"/>
      <c r="BN1438" s="53"/>
      <c r="BO1438" s="53"/>
      <c r="BP1438" s="53"/>
      <c r="BQ1438" s="53"/>
      <c r="BR1438" s="53"/>
      <c r="BS1438" s="53"/>
      <c r="BT1438" s="53"/>
      <c r="BU1438" s="53"/>
      <c r="BV1438" s="53"/>
      <c r="BW1438" s="53"/>
      <c r="BX1438" s="53"/>
      <c r="BY1438" s="53"/>
      <c r="BZ1438" s="53"/>
      <c r="CA1438" s="53"/>
      <c r="CB1438" s="53">
        <v>1325982.3944912499</v>
      </c>
      <c r="CC1438" s="53">
        <v>1436867.4054862</v>
      </c>
      <c r="CD1438" s="53">
        <v>1572871.4720498901</v>
      </c>
      <c r="CE1438" s="53">
        <v>1709571.9223863899</v>
      </c>
      <c r="CF1438" s="53">
        <v>1846976.3667933799</v>
      </c>
      <c r="CG1438" s="53">
        <v>800351.33208731702</v>
      </c>
      <c r="CH1438" s="53">
        <v>874062.795724625</v>
      </c>
      <c r="CI1438" s="53">
        <v>948151.68156022299</v>
      </c>
      <c r="CJ1438" s="53">
        <v>1022619.9221394201</v>
      </c>
      <c r="CK1438" s="53">
        <v>1097469.4599029101</v>
      </c>
      <c r="CL1438" s="53">
        <v>1172702.2472374199</v>
      </c>
      <c r="CM1438" s="53">
        <v>1425086.85513675</v>
      </c>
      <c r="CN1438" s="53">
        <v>15232713.8549958</v>
      </c>
    </row>
    <row r="1439" spans="1:92" outlineLevel="1">
      <c r="A1439" s="52" t="s">
        <v>649</v>
      </c>
      <c r="B1439" s="53"/>
      <c r="C1439" s="53"/>
      <c r="D1439" s="53"/>
      <c r="E1439" s="53"/>
      <c r="F1439" s="53"/>
      <c r="G1439" s="53"/>
      <c r="H1439" s="53"/>
      <c r="I1439" s="53"/>
      <c r="J1439" s="53"/>
      <c r="K1439" s="53"/>
      <c r="L1439" s="53"/>
      <c r="M1439" s="53"/>
      <c r="N1439" s="53"/>
      <c r="O1439" s="53"/>
      <c r="P1439" s="53"/>
      <c r="Q1439" s="53">
        <v>638888.88888888899</v>
      </c>
      <c r="R1439" s="53"/>
      <c r="S1439" s="53"/>
      <c r="T1439" s="53"/>
      <c r="U1439" s="53"/>
      <c r="V1439" s="53"/>
      <c r="W1439" s="53"/>
      <c r="X1439" s="53"/>
      <c r="Y1439" s="53"/>
      <c r="Z1439" s="53"/>
      <c r="AA1439" s="53">
        <v>638888.88888888899</v>
      </c>
      <c r="AB1439" s="53"/>
      <c r="AC1439" s="53"/>
      <c r="AD1439" s="53">
        <v>638888.88888888899</v>
      </c>
      <c r="AE1439" s="53"/>
      <c r="AF1439" s="53"/>
      <c r="AG1439" s="53"/>
      <c r="AH1439" s="53"/>
      <c r="AI1439" s="53"/>
      <c r="AJ1439" s="53"/>
      <c r="AK1439" s="53"/>
      <c r="AL1439" s="53"/>
      <c r="AM1439" s="53"/>
      <c r="AN1439" s="53">
        <v>638888.88888888899</v>
      </c>
      <c r="AO1439" s="53"/>
      <c r="AP1439" s="53"/>
      <c r="AQ1439" s="53">
        <v>638888.88888888899</v>
      </c>
      <c r="AR1439" s="53"/>
      <c r="AS1439" s="53"/>
      <c r="AT1439" s="53"/>
      <c r="AU1439" s="53"/>
      <c r="AV1439" s="53"/>
      <c r="AW1439" s="53"/>
      <c r="AX1439" s="53"/>
      <c r="AY1439" s="53"/>
      <c r="AZ1439" s="53"/>
      <c r="BA1439" s="53">
        <v>638888.88888888899</v>
      </c>
      <c r="BB1439" s="53"/>
      <c r="BC1439" s="53"/>
      <c r="BD1439" s="53">
        <v>638888.88888888899</v>
      </c>
      <c r="BE1439" s="53"/>
      <c r="BF1439" s="53"/>
      <c r="BG1439" s="53"/>
      <c r="BH1439" s="53"/>
      <c r="BI1439" s="53"/>
      <c r="BJ1439" s="53"/>
      <c r="BK1439" s="53"/>
      <c r="BL1439" s="53"/>
      <c r="BM1439" s="53"/>
      <c r="BN1439" s="53">
        <v>638888.88888888899</v>
      </c>
      <c r="BO1439" s="53"/>
      <c r="BP1439" s="53"/>
      <c r="BQ1439" s="53">
        <v>638888.88888888899</v>
      </c>
      <c r="BR1439" s="53"/>
      <c r="BS1439" s="53"/>
      <c r="BT1439" s="53"/>
      <c r="BU1439" s="53"/>
      <c r="BV1439" s="53"/>
      <c r="BW1439" s="53"/>
      <c r="BX1439" s="53"/>
      <c r="BY1439" s="53"/>
      <c r="BZ1439" s="53"/>
      <c r="CA1439" s="53">
        <v>638888.88888888899</v>
      </c>
      <c r="CB1439" s="53"/>
      <c r="CC1439" s="53"/>
      <c r="CD1439" s="53"/>
      <c r="CE1439" s="53"/>
      <c r="CF1439" s="53"/>
      <c r="CG1439" s="53"/>
      <c r="CH1439" s="53"/>
      <c r="CI1439" s="53"/>
      <c r="CJ1439" s="53"/>
      <c r="CK1439" s="53"/>
      <c r="CL1439" s="53"/>
      <c r="CM1439" s="53"/>
      <c r="CN1439" s="53"/>
    </row>
    <row r="1440" spans="1:92" outlineLevel="1">
      <c r="A1440" s="52" t="s">
        <v>1471</v>
      </c>
      <c r="B1440" s="53"/>
      <c r="C1440" s="53"/>
      <c r="D1440" s="53"/>
      <c r="E1440" s="53"/>
      <c r="F1440" s="53"/>
      <c r="G1440" s="53"/>
      <c r="H1440" s="53"/>
      <c r="I1440" s="53"/>
      <c r="J1440" s="53"/>
      <c r="K1440" s="53"/>
      <c r="L1440" s="53"/>
      <c r="M1440" s="53"/>
      <c r="N1440" s="53"/>
      <c r="O1440" s="53"/>
      <c r="P1440" s="53"/>
      <c r="Q1440" s="53"/>
      <c r="R1440" s="53"/>
      <c r="S1440" s="53"/>
      <c r="T1440" s="53"/>
      <c r="U1440" s="53"/>
      <c r="V1440" s="53"/>
      <c r="W1440" s="53"/>
      <c r="X1440" s="53"/>
      <c r="Y1440" s="53"/>
      <c r="Z1440" s="53"/>
      <c r="AA1440" s="53"/>
      <c r="AB1440" s="53"/>
      <c r="AC1440" s="53"/>
      <c r="AD1440" s="53"/>
      <c r="AE1440" s="53"/>
      <c r="AF1440" s="53"/>
      <c r="AG1440" s="53"/>
      <c r="AH1440" s="53"/>
      <c r="AI1440" s="53"/>
      <c r="AJ1440" s="53"/>
      <c r="AK1440" s="53"/>
      <c r="AL1440" s="53"/>
      <c r="AM1440" s="53"/>
      <c r="AN1440" s="53"/>
      <c r="AO1440" s="53"/>
      <c r="AP1440" s="53"/>
      <c r="AQ1440" s="53"/>
      <c r="AR1440" s="53"/>
      <c r="AS1440" s="53"/>
      <c r="AT1440" s="53"/>
      <c r="AU1440" s="53"/>
      <c r="AV1440" s="53"/>
      <c r="AW1440" s="53"/>
      <c r="AX1440" s="53"/>
      <c r="AY1440" s="53"/>
      <c r="AZ1440" s="53"/>
      <c r="BA1440" s="53"/>
      <c r="BB1440" s="53"/>
      <c r="BC1440" s="53"/>
      <c r="BD1440" s="53"/>
      <c r="BE1440" s="53"/>
      <c r="BF1440" s="53"/>
      <c r="BG1440" s="53"/>
      <c r="BH1440" s="53"/>
      <c r="BI1440" s="53"/>
      <c r="BJ1440" s="53"/>
      <c r="BK1440" s="53"/>
      <c r="BL1440" s="53"/>
      <c r="BM1440" s="53"/>
      <c r="BN1440" s="53"/>
      <c r="BO1440" s="53"/>
      <c r="BP1440" s="53"/>
      <c r="BQ1440" s="53"/>
      <c r="BR1440" s="53"/>
      <c r="BS1440" s="53"/>
      <c r="BT1440" s="53"/>
      <c r="BU1440" s="53"/>
      <c r="BV1440" s="53"/>
      <c r="BW1440" s="53"/>
      <c r="BX1440" s="53"/>
      <c r="BY1440" s="53"/>
      <c r="BZ1440" s="53"/>
      <c r="CA1440" s="53"/>
      <c r="CB1440" s="53">
        <v>84849019.661116406</v>
      </c>
      <c r="CC1440" s="53">
        <v>80638335.8186225</v>
      </c>
      <c r="CD1440" s="53">
        <v>141855068.726616</v>
      </c>
      <c r="CE1440" s="53">
        <v>65071067.381324001</v>
      </c>
      <c r="CF1440" s="53">
        <v>64583708.528266102</v>
      </c>
      <c r="CG1440" s="53">
        <v>533105490.71989799</v>
      </c>
      <c r="CH1440" s="53">
        <v>84941868.224685207</v>
      </c>
      <c r="CI1440" s="53">
        <v>81106711.098046094</v>
      </c>
      <c r="CJ1440" s="53">
        <v>156861231.42036501</v>
      </c>
      <c r="CK1440" s="53">
        <v>80791442.160578594</v>
      </c>
      <c r="CL1440" s="53">
        <v>120740389.49302</v>
      </c>
      <c r="CM1440" s="53">
        <v>659426696.48250401</v>
      </c>
      <c r="CN1440" s="53">
        <v>2153971029.7150402</v>
      </c>
    </row>
    <row r="1441" spans="1:92" outlineLevel="1">
      <c r="A1441" s="52" t="s">
        <v>649</v>
      </c>
      <c r="B1441" s="53"/>
      <c r="C1441" s="53"/>
      <c r="D1441" s="53"/>
      <c r="E1441" s="53"/>
      <c r="F1441" s="53"/>
      <c r="G1441" s="53"/>
      <c r="H1441" s="53"/>
      <c r="I1441" s="53"/>
      <c r="J1441" s="53"/>
      <c r="K1441" s="53"/>
      <c r="L1441" s="53"/>
      <c r="M1441" s="53"/>
      <c r="N1441" s="53"/>
      <c r="O1441" s="53"/>
      <c r="P1441" s="53"/>
      <c r="Q1441" s="53"/>
      <c r="R1441" s="53">
        <v>337500</v>
      </c>
      <c r="S1441" s="53"/>
      <c r="T1441" s="53"/>
      <c r="U1441" s="53"/>
      <c r="V1441" s="53"/>
      <c r="W1441" s="53"/>
      <c r="X1441" s="53"/>
      <c r="Y1441" s="53"/>
      <c r="Z1441" s="53"/>
      <c r="AA1441" s="53">
        <v>337500</v>
      </c>
      <c r="AB1441" s="53"/>
      <c r="AC1441" s="53"/>
      <c r="AD1441" s="53"/>
      <c r="AE1441" s="53"/>
      <c r="AF1441" s="53"/>
      <c r="AG1441" s="53"/>
      <c r="AH1441" s="53"/>
      <c r="AI1441" s="53"/>
      <c r="AJ1441" s="53"/>
      <c r="AK1441" s="53"/>
      <c r="AL1441" s="53"/>
      <c r="AM1441" s="53"/>
      <c r="AN1441" s="53"/>
      <c r="AO1441" s="53"/>
      <c r="AP1441" s="53"/>
      <c r="AQ1441" s="53"/>
      <c r="AR1441" s="53"/>
      <c r="AS1441" s="53"/>
      <c r="AT1441" s="53"/>
      <c r="AU1441" s="53"/>
      <c r="AV1441" s="53"/>
      <c r="AW1441" s="53"/>
      <c r="AX1441" s="53"/>
      <c r="AY1441" s="53"/>
      <c r="AZ1441" s="53"/>
      <c r="BA1441" s="53"/>
      <c r="BB1441" s="53"/>
      <c r="BC1441" s="53"/>
      <c r="BD1441" s="53"/>
      <c r="BE1441" s="53">
        <v>337500</v>
      </c>
      <c r="BF1441" s="53"/>
      <c r="BG1441" s="53"/>
      <c r="BH1441" s="53"/>
      <c r="BI1441" s="53"/>
      <c r="BJ1441" s="53"/>
      <c r="BK1441" s="53"/>
      <c r="BL1441" s="53"/>
      <c r="BM1441" s="53"/>
      <c r="BN1441" s="53">
        <v>337500</v>
      </c>
      <c r="BO1441" s="53"/>
      <c r="BP1441" s="53"/>
      <c r="BQ1441" s="53"/>
      <c r="BR1441" s="53"/>
      <c r="BS1441" s="53"/>
      <c r="BT1441" s="53"/>
      <c r="BU1441" s="53"/>
      <c r="BV1441" s="53"/>
      <c r="BW1441" s="53"/>
      <c r="BX1441" s="53"/>
      <c r="BY1441" s="53"/>
      <c r="BZ1441" s="53"/>
      <c r="CA1441" s="53"/>
      <c r="CB1441" s="53"/>
      <c r="CC1441" s="53"/>
      <c r="CD1441" s="53"/>
      <c r="CE1441" s="53"/>
      <c r="CF1441" s="53"/>
      <c r="CG1441" s="53"/>
      <c r="CH1441" s="53"/>
      <c r="CI1441" s="53"/>
      <c r="CJ1441" s="53"/>
      <c r="CK1441" s="53"/>
      <c r="CL1441" s="53"/>
      <c r="CM1441" s="53"/>
      <c r="CN1441" s="53"/>
    </row>
    <row r="1442" spans="1:92" outlineLevel="1">
      <c r="A1442" s="52" t="s">
        <v>1227</v>
      </c>
      <c r="B1442" s="53"/>
      <c r="C1442" s="53"/>
      <c r="D1442" s="53"/>
      <c r="E1442" s="53"/>
      <c r="F1442" s="53"/>
      <c r="G1442" s="53"/>
      <c r="H1442" s="53"/>
      <c r="I1442" s="53"/>
      <c r="J1442" s="53"/>
      <c r="K1442" s="53"/>
      <c r="L1442" s="53"/>
      <c r="M1442" s="53"/>
      <c r="N1442" s="53"/>
      <c r="O1442" s="53"/>
      <c r="P1442" s="53"/>
      <c r="Q1442" s="53"/>
      <c r="R1442" s="53"/>
      <c r="S1442" s="53"/>
      <c r="T1442" s="53"/>
      <c r="U1442" s="53"/>
      <c r="V1442" s="53"/>
      <c r="W1442" s="53"/>
      <c r="X1442" s="53"/>
      <c r="Y1442" s="53"/>
      <c r="Z1442" s="53"/>
      <c r="AA1442" s="53"/>
      <c r="AB1442" s="53"/>
      <c r="AC1442" s="53"/>
      <c r="AD1442" s="53"/>
      <c r="AE1442" s="53"/>
      <c r="AF1442" s="53"/>
      <c r="AG1442" s="53"/>
      <c r="AH1442" s="53"/>
      <c r="AI1442" s="53"/>
      <c r="AJ1442" s="53"/>
      <c r="AK1442" s="53"/>
      <c r="AL1442" s="53"/>
      <c r="AM1442" s="53"/>
      <c r="AN1442" s="53"/>
      <c r="AO1442" s="53"/>
      <c r="AP1442" s="53"/>
      <c r="AQ1442" s="53"/>
      <c r="AR1442" s="53"/>
      <c r="AS1442" s="53"/>
      <c r="AT1442" s="53"/>
      <c r="AU1442" s="53"/>
      <c r="AV1442" s="53"/>
      <c r="AW1442" s="53"/>
      <c r="AX1442" s="53"/>
      <c r="AY1442" s="53"/>
      <c r="AZ1442" s="53"/>
      <c r="BA1442" s="53"/>
      <c r="BB1442" s="53"/>
      <c r="BC1442" s="53"/>
      <c r="BD1442" s="53"/>
      <c r="BE1442" s="53"/>
      <c r="BF1442" s="53"/>
      <c r="BG1442" s="53"/>
      <c r="BH1442" s="53"/>
      <c r="BI1442" s="53"/>
      <c r="BJ1442" s="53"/>
      <c r="BK1442" s="53"/>
      <c r="BL1442" s="53"/>
      <c r="BM1442" s="53"/>
      <c r="BN1442" s="53"/>
      <c r="BO1442" s="53"/>
      <c r="BP1442" s="53"/>
      <c r="BQ1442" s="53"/>
      <c r="BR1442" s="53"/>
      <c r="BS1442" s="53"/>
      <c r="BT1442" s="53"/>
      <c r="BU1442" s="53"/>
      <c r="BV1442" s="53"/>
      <c r="BW1442" s="53"/>
      <c r="BX1442" s="53"/>
      <c r="BY1442" s="53"/>
      <c r="BZ1442" s="53"/>
      <c r="CA1442" s="53"/>
      <c r="CB1442" s="53"/>
      <c r="CC1442" s="53"/>
      <c r="CD1442" s="53"/>
      <c r="CE1442" s="53"/>
      <c r="CF1442" s="53"/>
      <c r="CG1442" s="53"/>
      <c r="CH1442" s="53"/>
      <c r="CI1442" s="53"/>
      <c r="CJ1442" s="53"/>
      <c r="CK1442" s="53"/>
      <c r="CL1442" s="53"/>
      <c r="CM1442" s="53"/>
      <c r="CN1442" s="53"/>
    </row>
    <row r="1443" spans="1:92" outlineLevel="1">
      <c r="A1443" s="52" t="s">
        <v>1228</v>
      </c>
      <c r="B1443" s="53"/>
      <c r="C1443" s="53"/>
      <c r="D1443" s="53"/>
      <c r="E1443" s="53"/>
      <c r="F1443" s="53"/>
      <c r="G1443" s="53"/>
      <c r="H1443" s="53"/>
      <c r="I1443" s="53"/>
      <c r="J1443" s="53"/>
      <c r="K1443" s="53"/>
      <c r="L1443" s="53"/>
      <c r="M1443" s="53"/>
      <c r="N1443" s="53"/>
      <c r="O1443" s="53"/>
      <c r="P1443" s="53"/>
      <c r="Q1443" s="53"/>
      <c r="R1443" s="53"/>
      <c r="S1443" s="53"/>
      <c r="T1443" s="53"/>
      <c r="U1443" s="53"/>
      <c r="V1443" s="53"/>
      <c r="W1443" s="53"/>
      <c r="X1443" s="53"/>
      <c r="Y1443" s="53"/>
      <c r="Z1443" s="53"/>
      <c r="AA1443" s="53"/>
      <c r="AB1443" s="53"/>
      <c r="AC1443" s="53"/>
      <c r="AD1443" s="53"/>
      <c r="AE1443" s="53"/>
      <c r="AF1443" s="53"/>
      <c r="AG1443" s="53"/>
      <c r="AH1443" s="53"/>
      <c r="AI1443" s="53"/>
      <c r="AJ1443" s="53"/>
      <c r="AK1443" s="53"/>
      <c r="AL1443" s="53"/>
      <c r="AM1443" s="53"/>
      <c r="AN1443" s="53"/>
      <c r="AO1443" s="53"/>
      <c r="AP1443" s="53"/>
      <c r="AQ1443" s="53"/>
      <c r="AR1443" s="53"/>
      <c r="AS1443" s="53"/>
      <c r="AT1443" s="53"/>
      <c r="AU1443" s="53"/>
      <c r="AV1443" s="53"/>
      <c r="AW1443" s="53"/>
      <c r="AX1443" s="53"/>
      <c r="AY1443" s="53"/>
      <c r="AZ1443" s="53"/>
      <c r="BA1443" s="53"/>
      <c r="BB1443" s="53"/>
      <c r="BC1443" s="53"/>
      <c r="BD1443" s="53"/>
      <c r="BE1443" s="53"/>
      <c r="BF1443" s="53"/>
      <c r="BG1443" s="53"/>
      <c r="BH1443" s="53"/>
      <c r="BI1443" s="53"/>
      <c r="BJ1443" s="53"/>
      <c r="BK1443" s="53"/>
      <c r="BL1443" s="53"/>
      <c r="BM1443" s="53"/>
      <c r="BN1443" s="53"/>
      <c r="BO1443" s="53"/>
      <c r="BP1443" s="53"/>
      <c r="BQ1443" s="53"/>
      <c r="BR1443" s="53"/>
      <c r="BS1443" s="53"/>
      <c r="BT1443" s="53"/>
      <c r="BU1443" s="53"/>
      <c r="BV1443" s="53"/>
      <c r="BW1443" s="53"/>
      <c r="BX1443" s="53"/>
      <c r="BY1443" s="53"/>
      <c r="BZ1443" s="53"/>
      <c r="CA1443" s="53"/>
      <c r="CB1443" s="53">
        <v>84849019.661116302</v>
      </c>
      <c r="CC1443" s="53">
        <v>80638335.818622395</v>
      </c>
      <c r="CD1443" s="53">
        <v>141855068.726616</v>
      </c>
      <c r="CE1443" s="53">
        <v>65071067.381324001</v>
      </c>
      <c r="CF1443" s="53">
        <v>64583708.528266102</v>
      </c>
      <c r="CG1443" s="53">
        <v>533105490.71989799</v>
      </c>
      <c r="CH1443" s="53">
        <v>84941868.224685103</v>
      </c>
      <c r="CI1443" s="53">
        <v>81106711.098046005</v>
      </c>
      <c r="CJ1443" s="53">
        <v>156861231.42036501</v>
      </c>
      <c r="CK1443" s="53">
        <v>80791442.160578504</v>
      </c>
      <c r="CL1443" s="53">
        <v>120740389.49302</v>
      </c>
      <c r="CM1443" s="53">
        <v>659426696.48250496</v>
      </c>
      <c r="CN1443" s="53">
        <v>2153971029.7150402</v>
      </c>
    </row>
    <row r="1444" spans="1:92" outlineLevel="1">
      <c r="A1444" s="52" t="s">
        <v>649</v>
      </c>
      <c r="B1444" s="53"/>
      <c r="C1444" s="53"/>
      <c r="D1444" s="53"/>
      <c r="E1444" s="53"/>
      <c r="F1444" s="53"/>
      <c r="G1444" s="53"/>
      <c r="H1444" s="53"/>
      <c r="I1444" s="53"/>
      <c r="J1444" s="53"/>
      <c r="K1444" s="53"/>
      <c r="L1444" s="53"/>
      <c r="M1444" s="53"/>
      <c r="N1444" s="53"/>
      <c r="O1444" s="53">
        <v>4000000</v>
      </c>
      <c r="P1444" s="53"/>
      <c r="Q1444" s="53"/>
      <c r="R1444" s="53"/>
      <c r="S1444" s="53"/>
      <c r="T1444" s="53"/>
      <c r="U1444" s="53"/>
      <c r="V1444" s="53"/>
      <c r="W1444" s="53"/>
      <c r="X1444" s="53"/>
      <c r="Y1444" s="53"/>
      <c r="Z1444" s="53"/>
      <c r="AA1444" s="53">
        <v>4000000</v>
      </c>
      <c r="AB1444" s="53"/>
      <c r="AC1444" s="53"/>
      <c r="AD1444" s="53"/>
      <c r="AE1444" s="53"/>
      <c r="AF1444" s="53"/>
      <c r="AG1444" s="53"/>
      <c r="AH1444" s="53"/>
      <c r="AI1444" s="53"/>
      <c r="AJ1444" s="53"/>
      <c r="AK1444" s="53"/>
      <c r="AL1444" s="53"/>
      <c r="AM1444" s="53"/>
      <c r="AN1444" s="53"/>
      <c r="AO1444" s="53"/>
      <c r="AP1444" s="53"/>
      <c r="AQ1444" s="53"/>
      <c r="AR1444" s="53"/>
      <c r="AS1444" s="53"/>
      <c r="AT1444" s="53"/>
      <c r="AU1444" s="53"/>
      <c r="AV1444" s="53"/>
      <c r="AW1444" s="53"/>
      <c r="AX1444" s="53"/>
      <c r="AY1444" s="53"/>
      <c r="AZ1444" s="53"/>
      <c r="BA1444" s="53"/>
      <c r="BB1444" s="53"/>
      <c r="BC1444" s="53"/>
      <c r="BD1444" s="53"/>
      <c r="BE1444" s="53"/>
      <c r="BF1444" s="53"/>
      <c r="BG1444" s="53"/>
      <c r="BH1444" s="53"/>
      <c r="BI1444" s="53"/>
      <c r="BJ1444" s="53"/>
      <c r="BK1444" s="53"/>
      <c r="BL1444" s="53"/>
      <c r="BM1444" s="53"/>
      <c r="BN1444" s="53"/>
      <c r="BO1444" s="53"/>
      <c r="BP1444" s="53"/>
      <c r="BQ1444" s="53"/>
      <c r="BR1444" s="53"/>
      <c r="BS1444" s="53"/>
      <c r="BT1444" s="53"/>
      <c r="BU1444" s="53"/>
      <c r="BV1444" s="53"/>
      <c r="BW1444" s="53"/>
      <c r="BX1444" s="53"/>
      <c r="BY1444" s="53"/>
      <c r="BZ1444" s="53"/>
      <c r="CA1444" s="53"/>
      <c r="CB1444" s="53"/>
      <c r="CC1444" s="53"/>
      <c r="CD1444" s="53"/>
      <c r="CE1444" s="53"/>
      <c r="CF1444" s="53"/>
      <c r="CG1444" s="53"/>
      <c r="CH1444" s="53"/>
      <c r="CI1444" s="53"/>
      <c r="CJ1444" s="53"/>
      <c r="CK1444" s="53"/>
      <c r="CL1444" s="53"/>
      <c r="CM1444" s="53"/>
      <c r="CN1444" s="53"/>
    </row>
    <row r="1445" spans="1:92" outlineLevel="1">
      <c r="A1445" s="52" t="s">
        <v>1365</v>
      </c>
      <c r="B1445" s="53"/>
      <c r="C1445" s="53"/>
      <c r="D1445" s="53"/>
      <c r="E1445" s="53"/>
      <c r="F1445" s="53"/>
      <c r="G1445" s="53"/>
      <c r="H1445" s="53"/>
      <c r="I1445" s="53"/>
      <c r="J1445" s="53"/>
      <c r="K1445" s="53"/>
      <c r="L1445" s="53"/>
      <c r="M1445" s="53"/>
      <c r="N1445" s="53"/>
      <c r="O1445" s="53"/>
      <c r="P1445" s="53"/>
      <c r="Q1445" s="53"/>
      <c r="R1445" s="53"/>
      <c r="S1445" s="53"/>
      <c r="T1445" s="53"/>
      <c r="U1445" s="53"/>
      <c r="V1445" s="53"/>
      <c r="W1445" s="53"/>
      <c r="X1445" s="53"/>
      <c r="Y1445" s="53"/>
      <c r="Z1445" s="53"/>
      <c r="AA1445" s="53"/>
      <c r="AB1445" s="53"/>
      <c r="AC1445" s="53"/>
      <c r="AD1445" s="53"/>
      <c r="AE1445" s="53"/>
      <c r="AF1445" s="53"/>
      <c r="AG1445" s="53"/>
      <c r="AH1445" s="53"/>
      <c r="AI1445" s="53"/>
      <c r="AJ1445" s="53"/>
      <c r="AK1445" s="53"/>
      <c r="AL1445" s="53"/>
      <c r="AM1445" s="53"/>
      <c r="AN1445" s="53"/>
      <c r="AO1445" s="53"/>
      <c r="AP1445" s="53"/>
      <c r="AQ1445" s="53"/>
      <c r="AR1445" s="53"/>
      <c r="AS1445" s="53"/>
      <c r="AT1445" s="53"/>
      <c r="AU1445" s="53"/>
      <c r="AV1445" s="53"/>
      <c r="AW1445" s="53"/>
      <c r="AX1445" s="53"/>
      <c r="AY1445" s="53"/>
      <c r="AZ1445" s="53"/>
      <c r="BA1445" s="53"/>
      <c r="BB1445" s="53"/>
      <c r="BC1445" s="53"/>
      <c r="BD1445" s="53"/>
      <c r="BE1445" s="53"/>
      <c r="BF1445" s="53"/>
      <c r="BG1445" s="53"/>
      <c r="BH1445" s="53"/>
      <c r="BI1445" s="53"/>
      <c r="BJ1445" s="53"/>
      <c r="BK1445" s="53"/>
      <c r="BL1445" s="53"/>
      <c r="BM1445" s="53"/>
      <c r="BN1445" s="53"/>
      <c r="BO1445" s="53"/>
      <c r="BP1445" s="53"/>
      <c r="BQ1445" s="53"/>
      <c r="BR1445" s="53"/>
      <c r="BS1445" s="53"/>
      <c r="BT1445" s="53"/>
      <c r="BU1445" s="53"/>
      <c r="BV1445" s="53"/>
      <c r="BW1445" s="53"/>
      <c r="BX1445" s="53"/>
      <c r="BY1445" s="53"/>
      <c r="BZ1445" s="53"/>
      <c r="CA1445" s="53"/>
      <c r="CB1445" s="53">
        <v>-15710272.7989663</v>
      </c>
      <c r="CC1445" s="53">
        <v>-17399396.434068099</v>
      </c>
      <c r="CD1445" s="53">
        <v>-21624700.480832901</v>
      </c>
      <c r="CE1445" s="53">
        <v>-15896218.8440332</v>
      </c>
      <c r="CF1445" s="53">
        <v>-15827346.7604503</v>
      </c>
      <c r="CG1445" s="53">
        <v>-27659435.681952599</v>
      </c>
      <c r="CH1445" s="53">
        <v>-16288409.9248577</v>
      </c>
      <c r="CI1445" s="53">
        <v>-15840655.745694</v>
      </c>
      <c r="CJ1445" s="53">
        <v>-21441702.350702502</v>
      </c>
      <c r="CK1445" s="53">
        <v>-15825382.0499967</v>
      </c>
      <c r="CL1445" s="53">
        <v>-19499496.825794902</v>
      </c>
      <c r="CM1445" s="53">
        <v>-80831761.358135104</v>
      </c>
      <c r="CN1445" s="53">
        <v>-283844779.25548398</v>
      </c>
    </row>
    <row r="1446" spans="1:92" outlineLevel="1">
      <c r="A1446" s="52" t="s">
        <v>1366</v>
      </c>
      <c r="B1446" s="53"/>
      <c r="C1446" s="53"/>
      <c r="D1446" s="53"/>
      <c r="E1446" s="53"/>
      <c r="F1446" s="53"/>
      <c r="G1446" s="53"/>
      <c r="H1446" s="53"/>
      <c r="I1446" s="53"/>
      <c r="J1446" s="53"/>
      <c r="K1446" s="53"/>
      <c r="L1446" s="53"/>
      <c r="M1446" s="53"/>
      <c r="N1446" s="53"/>
      <c r="O1446" s="53"/>
      <c r="P1446" s="53"/>
      <c r="Q1446" s="53"/>
      <c r="R1446" s="53"/>
      <c r="S1446" s="53"/>
      <c r="T1446" s="53"/>
      <c r="U1446" s="53"/>
      <c r="V1446" s="53"/>
      <c r="W1446" s="53"/>
      <c r="X1446" s="53"/>
      <c r="Y1446" s="53"/>
      <c r="Z1446" s="53"/>
      <c r="AA1446" s="53"/>
      <c r="AB1446" s="53"/>
      <c r="AC1446" s="53"/>
      <c r="AD1446" s="53"/>
      <c r="AE1446" s="53"/>
      <c r="AF1446" s="53"/>
      <c r="AG1446" s="53"/>
      <c r="AH1446" s="53"/>
      <c r="AI1446" s="53"/>
      <c r="AJ1446" s="53"/>
      <c r="AK1446" s="53"/>
      <c r="AL1446" s="53"/>
      <c r="AM1446" s="53"/>
      <c r="AN1446" s="53"/>
      <c r="AO1446" s="53"/>
      <c r="AP1446" s="53"/>
      <c r="AQ1446" s="53"/>
      <c r="AR1446" s="53"/>
      <c r="AS1446" s="53"/>
      <c r="AT1446" s="53"/>
      <c r="AU1446" s="53"/>
      <c r="AV1446" s="53"/>
      <c r="AW1446" s="53"/>
      <c r="AX1446" s="53"/>
      <c r="AY1446" s="53"/>
      <c r="AZ1446" s="53"/>
      <c r="BA1446" s="53"/>
      <c r="BB1446" s="53"/>
      <c r="BC1446" s="53"/>
      <c r="BD1446" s="53"/>
      <c r="BE1446" s="53"/>
      <c r="BF1446" s="53"/>
      <c r="BG1446" s="53"/>
      <c r="BH1446" s="53"/>
      <c r="BI1446" s="53"/>
      <c r="BJ1446" s="53"/>
      <c r="BK1446" s="53"/>
      <c r="BL1446" s="53"/>
      <c r="BM1446" s="53"/>
      <c r="BN1446" s="53"/>
      <c r="BO1446" s="53"/>
      <c r="BP1446" s="53"/>
      <c r="BQ1446" s="53"/>
      <c r="BR1446" s="53"/>
      <c r="BS1446" s="53"/>
      <c r="BT1446" s="53"/>
      <c r="BU1446" s="53"/>
      <c r="BV1446" s="53"/>
      <c r="BW1446" s="53"/>
      <c r="BX1446" s="53"/>
      <c r="BY1446" s="53"/>
      <c r="BZ1446" s="53"/>
      <c r="CA1446" s="53"/>
      <c r="CB1446" s="53"/>
      <c r="CC1446" s="53"/>
      <c r="CD1446" s="53"/>
      <c r="CE1446" s="53"/>
      <c r="CF1446" s="53"/>
      <c r="CG1446" s="53"/>
      <c r="CH1446" s="53"/>
      <c r="CI1446" s="53"/>
      <c r="CJ1446" s="53"/>
      <c r="CK1446" s="53"/>
      <c r="CL1446" s="53"/>
      <c r="CM1446" s="53"/>
      <c r="CN1446" s="53"/>
    </row>
    <row r="1447" spans="1:92" outlineLevel="1">
      <c r="A1447" s="52" t="s">
        <v>649</v>
      </c>
      <c r="B1447" s="53"/>
      <c r="C1447" s="53"/>
      <c r="D1447" s="53"/>
      <c r="E1447" s="53"/>
      <c r="F1447" s="53"/>
      <c r="G1447" s="53"/>
      <c r="H1447" s="53"/>
      <c r="I1447" s="53"/>
      <c r="J1447" s="53"/>
      <c r="K1447" s="53"/>
      <c r="L1447" s="53"/>
      <c r="M1447" s="53"/>
      <c r="N1447" s="53"/>
      <c r="O1447" s="53"/>
      <c r="P1447" s="53"/>
      <c r="Q1447" s="53"/>
      <c r="R1447" s="53"/>
      <c r="S1447" s="53"/>
      <c r="T1447" s="53"/>
      <c r="U1447" s="53"/>
      <c r="V1447" s="53"/>
      <c r="W1447" s="53"/>
      <c r="X1447" s="53"/>
      <c r="Y1447" s="53"/>
      <c r="Z1447" s="53">
        <v>2452678.4923239001</v>
      </c>
      <c r="AA1447" s="53">
        <v>2452678.4923239001</v>
      </c>
      <c r="AB1447" s="53"/>
      <c r="AC1447" s="53"/>
      <c r="AD1447" s="53"/>
      <c r="AE1447" s="53"/>
      <c r="AF1447" s="53"/>
      <c r="AG1447" s="53"/>
      <c r="AH1447" s="53"/>
      <c r="AI1447" s="53"/>
      <c r="AJ1447" s="53"/>
      <c r="AK1447" s="53"/>
      <c r="AL1447" s="53"/>
      <c r="AM1447" s="53">
        <v>12211613.409646699</v>
      </c>
      <c r="AN1447" s="53">
        <v>12211613.409646699</v>
      </c>
      <c r="AO1447" s="53"/>
      <c r="AP1447" s="53"/>
      <c r="AQ1447" s="53"/>
      <c r="AR1447" s="53"/>
      <c r="AS1447" s="53"/>
      <c r="AT1447" s="53"/>
      <c r="AU1447" s="53"/>
      <c r="AV1447" s="53"/>
      <c r="AW1447" s="53"/>
      <c r="AX1447" s="53"/>
      <c r="AY1447" s="53"/>
      <c r="AZ1447" s="53">
        <v>1032080.95795413</v>
      </c>
      <c r="BA1447" s="53">
        <v>1032080.95795413</v>
      </c>
      <c r="BB1447" s="53"/>
      <c r="BC1447" s="53"/>
      <c r="BD1447" s="53"/>
      <c r="BE1447" s="53"/>
      <c r="BF1447" s="53"/>
      <c r="BG1447" s="53"/>
      <c r="BH1447" s="53"/>
      <c r="BI1447" s="53"/>
      <c r="BJ1447" s="53"/>
      <c r="BK1447" s="53"/>
      <c r="BL1447" s="53"/>
      <c r="BM1447" s="53"/>
      <c r="BN1447" s="53"/>
      <c r="BO1447" s="53"/>
      <c r="BP1447" s="53"/>
      <c r="BQ1447" s="53"/>
      <c r="BR1447" s="53"/>
      <c r="BS1447" s="53"/>
      <c r="BT1447" s="53"/>
      <c r="BU1447" s="53"/>
      <c r="BV1447" s="53"/>
      <c r="BW1447" s="53"/>
      <c r="BX1447" s="53"/>
      <c r="BY1447" s="53"/>
      <c r="BZ1447" s="53">
        <v>55635372.030196197</v>
      </c>
      <c r="CA1447" s="53">
        <v>55635372.030196197</v>
      </c>
      <c r="CB1447" s="53"/>
      <c r="CC1447" s="53"/>
      <c r="CD1447" s="53"/>
      <c r="CE1447" s="53"/>
      <c r="CF1447" s="53"/>
      <c r="CG1447" s="53"/>
      <c r="CH1447" s="53"/>
      <c r="CI1447" s="53"/>
      <c r="CJ1447" s="53"/>
      <c r="CK1447" s="53"/>
      <c r="CL1447" s="53"/>
      <c r="CM1447" s="53"/>
      <c r="CN1447" s="53"/>
    </row>
    <row r="1448" spans="1:92" outlineLevel="1">
      <c r="A1448" s="52" t="s">
        <v>683</v>
      </c>
      <c r="B1448" s="53"/>
      <c r="C1448" s="53"/>
      <c r="D1448" s="53"/>
      <c r="E1448" s="53"/>
      <c r="F1448" s="53"/>
      <c r="G1448" s="53"/>
      <c r="H1448" s="53"/>
      <c r="I1448" s="53"/>
      <c r="J1448" s="53"/>
      <c r="K1448" s="53"/>
      <c r="L1448" s="53"/>
      <c r="M1448" s="53"/>
      <c r="N1448" s="53"/>
      <c r="O1448" s="53"/>
      <c r="P1448" s="53"/>
      <c r="Q1448" s="53"/>
      <c r="R1448" s="53"/>
      <c r="S1448" s="53"/>
      <c r="T1448" s="53"/>
      <c r="U1448" s="53"/>
      <c r="V1448" s="53"/>
      <c r="W1448" s="53"/>
      <c r="X1448" s="53"/>
      <c r="Y1448" s="53"/>
      <c r="Z1448" s="53"/>
      <c r="AA1448" s="53"/>
      <c r="AB1448" s="53"/>
      <c r="AC1448" s="53"/>
      <c r="AD1448" s="53"/>
      <c r="AE1448" s="53"/>
      <c r="AF1448" s="53"/>
      <c r="AG1448" s="53"/>
      <c r="AH1448" s="53"/>
      <c r="AI1448" s="53"/>
      <c r="AJ1448" s="53"/>
      <c r="AK1448" s="53"/>
      <c r="AL1448" s="53"/>
      <c r="AM1448" s="53"/>
      <c r="AN1448" s="53"/>
      <c r="AO1448" s="53"/>
      <c r="AP1448" s="53"/>
      <c r="AQ1448" s="53"/>
      <c r="AR1448" s="53"/>
      <c r="AS1448" s="53"/>
      <c r="AT1448" s="53"/>
      <c r="AU1448" s="53"/>
      <c r="AV1448" s="53"/>
      <c r="AW1448" s="53"/>
      <c r="AX1448" s="53"/>
      <c r="AY1448" s="53"/>
      <c r="AZ1448" s="53"/>
      <c r="BA1448" s="53"/>
      <c r="BB1448" s="53"/>
      <c r="BC1448" s="53"/>
      <c r="BD1448" s="53"/>
      <c r="BE1448" s="53"/>
      <c r="BF1448" s="53"/>
      <c r="BG1448" s="53"/>
      <c r="BH1448" s="53"/>
      <c r="BI1448" s="53"/>
      <c r="BJ1448" s="53"/>
      <c r="BK1448" s="53"/>
      <c r="BL1448" s="53"/>
      <c r="BM1448" s="53"/>
      <c r="BN1448" s="53"/>
      <c r="BO1448" s="53"/>
      <c r="BP1448" s="53"/>
      <c r="BQ1448" s="53"/>
      <c r="BR1448" s="53"/>
      <c r="BS1448" s="53"/>
      <c r="BT1448" s="53"/>
      <c r="BU1448" s="53"/>
      <c r="BV1448" s="53"/>
      <c r="BW1448" s="53"/>
      <c r="BX1448" s="53"/>
      <c r="BY1448" s="53"/>
      <c r="BZ1448" s="53"/>
      <c r="CA1448" s="53"/>
      <c r="CB1448" s="53">
        <v>21254161.065839998</v>
      </c>
      <c r="CC1448" s="53">
        <v>21286116.458955899</v>
      </c>
      <c r="CD1448" s="53">
        <v>21318066.0187613</v>
      </c>
      <c r="CE1448" s="53">
        <v>21350010.125275701</v>
      </c>
      <c r="CF1448" s="53">
        <v>21381949.1337623</v>
      </c>
      <c r="CG1448" s="53">
        <v>21413883.376339801</v>
      </c>
      <c r="CH1448" s="53">
        <v>21445813.163490798</v>
      </c>
      <c r="CI1448" s="53">
        <v>21476143.382071599</v>
      </c>
      <c r="CJ1448" s="53">
        <v>21506469.706827801</v>
      </c>
      <c r="CK1448" s="53">
        <v>21536792.391428601</v>
      </c>
      <c r="CL1448" s="53">
        <v>21567111.673017301</v>
      </c>
      <c r="CM1448" s="53">
        <v>21597427.7732885</v>
      </c>
      <c r="CN1448" s="53">
        <v>257133944.26905999</v>
      </c>
    </row>
    <row r="1449" spans="1:92" outlineLevel="1">
      <c r="A1449" s="52" t="s">
        <v>1318</v>
      </c>
      <c r="B1449" s="53"/>
      <c r="C1449" s="53"/>
      <c r="D1449" s="53"/>
      <c r="E1449" s="53"/>
      <c r="F1449" s="53"/>
      <c r="G1449" s="53"/>
      <c r="H1449" s="53"/>
      <c r="I1449" s="53"/>
      <c r="J1449" s="53"/>
      <c r="K1449" s="53"/>
      <c r="L1449" s="53"/>
      <c r="M1449" s="53"/>
      <c r="N1449" s="53"/>
      <c r="O1449" s="53"/>
      <c r="P1449" s="53"/>
      <c r="Q1449" s="53"/>
      <c r="R1449" s="53"/>
      <c r="S1449" s="53"/>
      <c r="T1449" s="53"/>
      <c r="U1449" s="53"/>
      <c r="V1449" s="53"/>
      <c r="W1449" s="53"/>
      <c r="X1449" s="53"/>
      <c r="Y1449" s="53"/>
      <c r="Z1449" s="53"/>
      <c r="AA1449" s="53"/>
      <c r="AB1449" s="53"/>
      <c r="AC1449" s="53"/>
      <c r="AD1449" s="53"/>
      <c r="AE1449" s="53"/>
      <c r="AF1449" s="53"/>
      <c r="AG1449" s="53"/>
      <c r="AH1449" s="53"/>
      <c r="AI1449" s="53"/>
      <c r="AJ1449" s="53"/>
      <c r="AK1449" s="53"/>
      <c r="AL1449" s="53"/>
      <c r="AM1449" s="53"/>
      <c r="AN1449" s="53"/>
      <c r="AO1449" s="53"/>
      <c r="AP1449" s="53"/>
      <c r="AQ1449" s="53"/>
      <c r="AR1449" s="53"/>
      <c r="AS1449" s="53"/>
      <c r="AT1449" s="53"/>
      <c r="AU1449" s="53"/>
      <c r="AV1449" s="53"/>
      <c r="AW1449" s="53"/>
      <c r="AX1449" s="53"/>
      <c r="AY1449" s="53"/>
      <c r="AZ1449" s="53"/>
      <c r="BA1449" s="53"/>
      <c r="BB1449" s="53"/>
      <c r="BC1449" s="53"/>
      <c r="BD1449" s="53"/>
      <c r="BE1449" s="53"/>
      <c r="BF1449" s="53"/>
      <c r="BG1449" s="53"/>
      <c r="BH1449" s="53"/>
      <c r="BI1449" s="53"/>
      <c r="BJ1449" s="53"/>
      <c r="BK1449" s="53"/>
      <c r="BL1449" s="53"/>
      <c r="BM1449" s="53"/>
      <c r="BN1449" s="53"/>
      <c r="BO1449" s="53"/>
      <c r="BP1449" s="53"/>
      <c r="BQ1449" s="53"/>
      <c r="BR1449" s="53"/>
      <c r="BS1449" s="53"/>
      <c r="BT1449" s="53"/>
      <c r="BU1449" s="53"/>
      <c r="BV1449" s="53"/>
      <c r="BW1449" s="53"/>
      <c r="BX1449" s="53"/>
      <c r="BY1449" s="53"/>
      <c r="BZ1449" s="53"/>
      <c r="CA1449" s="53"/>
      <c r="CB1449" s="53">
        <v>1833.3333333333301</v>
      </c>
      <c r="CC1449" s="53">
        <v>1833.3333333333301</v>
      </c>
      <c r="CD1449" s="53">
        <v>1833.3333333333301</v>
      </c>
      <c r="CE1449" s="53">
        <v>1833.3333333333301</v>
      </c>
      <c r="CF1449" s="53">
        <v>1833.3333333333301</v>
      </c>
      <c r="CG1449" s="53">
        <v>1833.3333333333301</v>
      </c>
      <c r="CH1449" s="53">
        <v>1833.3333333333301</v>
      </c>
      <c r="CI1449" s="53">
        <v>1833.3333333333301</v>
      </c>
      <c r="CJ1449" s="53">
        <v>1833.3333333333301</v>
      </c>
      <c r="CK1449" s="53">
        <v>1833.3333333333301</v>
      </c>
      <c r="CL1449" s="53">
        <v>1833.3333333333301</v>
      </c>
      <c r="CM1449" s="53">
        <v>1833.3333333333301</v>
      </c>
      <c r="CN1449" s="53">
        <v>21999.999999999902</v>
      </c>
    </row>
    <row r="1450" spans="1:92" outlineLevel="1">
      <c r="A1450" s="52" t="s">
        <v>649</v>
      </c>
      <c r="B1450" s="53"/>
      <c r="C1450" s="53"/>
      <c r="D1450" s="53"/>
      <c r="E1450" s="53"/>
      <c r="F1450" s="53"/>
      <c r="G1450" s="53"/>
      <c r="H1450" s="53"/>
      <c r="I1450" s="53"/>
      <c r="J1450" s="53"/>
      <c r="K1450" s="53"/>
      <c r="L1450" s="53"/>
      <c r="M1450" s="53"/>
      <c r="N1450" s="53"/>
      <c r="O1450" s="53"/>
      <c r="P1450" s="53">
        <v>25367963.0173834</v>
      </c>
      <c r="Q1450" s="53"/>
      <c r="R1450" s="53"/>
      <c r="S1450" s="53"/>
      <c r="T1450" s="53"/>
      <c r="U1450" s="53"/>
      <c r="V1450" s="53"/>
      <c r="W1450" s="53"/>
      <c r="X1450" s="53"/>
      <c r="Y1450" s="53"/>
      <c r="Z1450" s="53"/>
      <c r="AA1450" s="53">
        <v>25367963.0173834</v>
      </c>
      <c r="AB1450" s="53"/>
      <c r="AC1450" s="53">
        <v>27921834.385187902</v>
      </c>
      <c r="AD1450" s="53"/>
      <c r="AE1450" s="53"/>
      <c r="AF1450" s="53"/>
      <c r="AG1450" s="53"/>
      <c r="AH1450" s="53"/>
      <c r="AI1450" s="53"/>
      <c r="AJ1450" s="53"/>
      <c r="AK1450" s="53"/>
      <c r="AL1450" s="53"/>
      <c r="AM1450" s="53"/>
      <c r="AN1450" s="53">
        <v>27921834.385187902</v>
      </c>
      <c r="AO1450" s="53"/>
      <c r="AP1450" s="53">
        <v>29171487.1500418</v>
      </c>
      <c r="AQ1450" s="53"/>
      <c r="AR1450" s="53"/>
      <c r="AS1450" s="53"/>
      <c r="AT1450" s="53"/>
      <c r="AU1450" s="53"/>
      <c r="AV1450" s="53"/>
      <c r="AW1450" s="53"/>
      <c r="AX1450" s="53"/>
      <c r="AY1450" s="53"/>
      <c r="AZ1450" s="53"/>
      <c r="BA1450" s="53">
        <v>29171487.1500418</v>
      </c>
      <c r="BB1450" s="53"/>
      <c r="BC1450" s="53">
        <v>30207874.1107684</v>
      </c>
      <c r="BD1450" s="53"/>
      <c r="BE1450" s="53"/>
      <c r="BF1450" s="53"/>
      <c r="BG1450" s="53"/>
      <c r="BH1450" s="53"/>
      <c r="BI1450" s="53"/>
      <c r="BJ1450" s="53"/>
      <c r="BK1450" s="53"/>
      <c r="BL1450" s="53"/>
      <c r="BM1450" s="53"/>
      <c r="BN1450" s="53">
        <v>30207874.1107684</v>
      </c>
      <c r="BO1450" s="53"/>
      <c r="BP1450" s="53">
        <v>31289500.738571301</v>
      </c>
      <c r="BQ1450" s="53"/>
      <c r="BR1450" s="53"/>
      <c r="BS1450" s="53"/>
      <c r="BT1450" s="53"/>
      <c r="BU1450" s="53"/>
      <c r="BV1450" s="53"/>
      <c r="BW1450" s="53"/>
      <c r="BX1450" s="53"/>
      <c r="BY1450" s="53"/>
      <c r="BZ1450" s="53"/>
      <c r="CA1450" s="53">
        <v>31289500.738571301</v>
      </c>
      <c r="CB1450" s="53"/>
      <c r="CC1450" s="53"/>
      <c r="CD1450" s="53"/>
      <c r="CE1450" s="53"/>
      <c r="CF1450" s="53"/>
      <c r="CG1450" s="53"/>
      <c r="CH1450" s="53"/>
      <c r="CI1450" s="53"/>
      <c r="CJ1450" s="53"/>
      <c r="CK1450" s="53"/>
      <c r="CL1450" s="53"/>
      <c r="CM1450" s="53"/>
      <c r="CN1450" s="53"/>
    </row>
    <row r="1451" spans="1:92" outlineLevel="1">
      <c r="A1451" s="52" t="s">
        <v>650</v>
      </c>
      <c r="B1451" s="53"/>
      <c r="C1451" s="53"/>
      <c r="D1451" s="53"/>
      <c r="E1451" s="53"/>
      <c r="F1451" s="53"/>
      <c r="G1451" s="53"/>
      <c r="H1451" s="53"/>
      <c r="I1451" s="53"/>
      <c r="J1451" s="53"/>
      <c r="K1451" s="53"/>
      <c r="L1451" s="53"/>
      <c r="M1451" s="53"/>
      <c r="N1451" s="53"/>
      <c r="O1451" s="53"/>
      <c r="P1451" s="53"/>
      <c r="Q1451" s="53"/>
      <c r="R1451" s="53"/>
      <c r="S1451" s="53"/>
      <c r="T1451" s="53"/>
      <c r="U1451" s="53"/>
      <c r="V1451" s="53"/>
      <c r="W1451" s="53"/>
      <c r="X1451" s="53"/>
      <c r="Y1451" s="53"/>
      <c r="Z1451" s="53"/>
      <c r="AA1451" s="53"/>
      <c r="AB1451" s="53"/>
      <c r="AC1451" s="53"/>
      <c r="AD1451" s="53"/>
      <c r="AE1451" s="53"/>
      <c r="AF1451" s="53"/>
      <c r="AG1451" s="53"/>
      <c r="AH1451" s="53"/>
      <c r="AI1451" s="53"/>
      <c r="AJ1451" s="53"/>
      <c r="AK1451" s="53"/>
      <c r="AL1451" s="53"/>
      <c r="AM1451" s="53"/>
      <c r="AN1451" s="53"/>
      <c r="AO1451" s="53"/>
      <c r="AP1451" s="53"/>
      <c r="AQ1451" s="53"/>
      <c r="AR1451" s="53"/>
      <c r="AS1451" s="53"/>
      <c r="AT1451" s="53"/>
      <c r="AU1451" s="53"/>
      <c r="AV1451" s="53"/>
      <c r="AW1451" s="53"/>
      <c r="AX1451" s="53"/>
      <c r="AY1451" s="53"/>
      <c r="AZ1451" s="53"/>
      <c r="BA1451" s="53"/>
      <c r="BB1451" s="53"/>
      <c r="BC1451" s="53"/>
      <c r="BD1451" s="53"/>
      <c r="BE1451" s="53"/>
      <c r="BF1451" s="53"/>
      <c r="BG1451" s="53"/>
      <c r="BH1451" s="53"/>
      <c r="BI1451" s="53"/>
      <c r="BJ1451" s="53"/>
      <c r="BK1451" s="53"/>
      <c r="BL1451" s="53"/>
      <c r="BM1451" s="53"/>
      <c r="BN1451" s="53"/>
      <c r="BO1451" s="53"/>
      <c r="BP1451" s="53"/>
      <c r="BQ1451" s="53"/>
      <c r="BR1451" s="53"/>
      <c r="BS1451" s="53"/>
      <c r="BT1451" s="53"/>
      <c r="BU1451" s="53"/>
      <c r="BV1451" s="53"/>
      <c r="BW1451" s="53"/>
      <c r="BX1451" s="53"/>
      <c r="BY1451" s="53"/>
      <c r="BZ1451" s="53"/>
      <c r="CA1451" s="53"/>
      <c r="CB1451" s="53">
        <v>39172191.647821598</v>
      </c>
      <c r="CC1451" s="53">
        <v>37120436.172720999</v>
      </c>
      <c r="CD1451" s="53">
        <v>41729687.256265096</v>
      </c>
      <c r="CE1451" s="53">
        <v>44963751.630124196</v>
      </c>
      <c r="CF1451" s="53">
        <v>52001613.339596398</v>
      </c>
      <c r="CG1451" s="53">
        <v>52781799.537151396</v>
      </c>
      <c r="CH1451" s="53">
        <v>55214035.1206761</v>
      </c>
      <c r="CI1451" s="53">
        <v>55382146.911830097</v>
      </c>
      <c r="CJ1451" s="53">
        <v>52001064.229654297</v>
      </c>
      <c r="CK1451" s="53">
        <v>48849395.438257702</v>
      </c>
      <c r="CL1451" s="53">
        <v>41225124.776690401</v>
      </c>
      <c r="CM1451" s="53">
        <v>40502668.778627299</v>
      </c>
      <c r="CN1451" s="53">
        <v>560943914.83941603</v>
      </c>
    </row>
    <row r="1452" spans="1:92" outlineLevel="1">
      <c r="A1452" s="52" t="s">
        <v>1251</v>
      </c>
      <c r="B1452" s="53"/>
      <c r="C1452" s="53"/>
      <c r="D1452" s="53"/>
      <c r="E1452" s="53"/>
      <c r="F1452" s="53"/>
      <c r="G1452" s="53"/>
      <c r="H1452" s="53"/>
      <c r="I1452" s="53"/>
      <c r="J1452" s="53"/>
      <c r="K1452" s="53"/>
      <c r="L1452" s="53"/>
      <c r="M1452" s="53"/>
      <c r="N1452" s="53"/>
      <c r="O1452" s="53"/>
      <c r="P1452" s="53"/>
      <c r="Q1452" s="53"/>
      <c r="R1452" s="53"/>
      <c r="S1452" s="53"/>
      <c r="T1452" s="53"/>
      <c r="U1452" s="53"/>
      <c r="V1452" s="53"/>
      <c r="W1452" s="53"/>
      <c r="X1452" s="53"/>
      <c r="Y1452" s="53"/>
      <c r="Z1452" s="53"/>
      <c r="AA1452" s="53"/>
      <c r="AB1452" s="53"/>
      <c r="AC1452" s="53"/>
      <c r="AD1452" s="53"/>
      <c r="AE1452" s="53"/>
      <c r="AF1452" s="53"/>
      <c r="AG1452" s="53"/>
      <c r="AH1452" s="53"/>
      <c r="AI1452" s="53"/>
      <c r="AJ1452" s="53"/>
      <c r="AK1452" s="53"/>
      <c r="AL1452" s="53"/>
      <c r="AM1452" s="53"/>
      <c r="AN1452" s="53"/>
      <c r="AO1452" s="53"/>
      <c r="AP1452" s="53"/>
      <c r="AQ1452" s="53"/>
      <c r="AR1452" s="53"/>
      <c r="AS1452" s="53"/>
      <c r="AT1452" s="53"/>
      <c r="AU1452" s="53"/>
      <c r="AV1452" s="53"/>
      <c r="AW1452" s="53"/>
      <c r="AX1452" s="53"/>
      <c r="AY1452" s="53"/>
      <c r="AZ1452" s="53"/>
      <c r="BA1452" s="53"/>
      <c r="BB1452" s="53"/>
      <c r="BC1452" s="53"/>
      <c r="BD1452" s="53"/>
      <c r="BE1452" s="53"/>
      <c r="BF1452" s="53"/>
      <c r="BG1452" s="53"/>
      <c r="BH1452" s="53"/>
      <c r="BI1452" s="53"/>
      <c r="BJ1452" s="53"/>
      <c r="BK1452" s="53"/>
      <c r="BL1452" s="53"/>
      <c r="BM1452" s="53"/>
      <c r="BN1452" s="53"/>
      <c r="BO1452" s="53"/>
      <c r="BP1452" s="53"/>
      <c r="BQ1452" s="53"/>
      <c r="BR1452" s="53"/>
      <c r="BS1452" s="53"/>
      <c r="BT1452" s="53"/>
      <c r="BU1452" s="53"/>
      <c r="BV1452" s="53"/>
      <c r="BW1452" s="53"/>
      <c r="BX1452" s="53"/>
      <c r="BY1452" s="53"/>
      <c r="BZ1452" s="53"/>
      <c r="CA1452" s="53"/>
      <c r="CB1452" s="53">
        <v>8714024.7677525897</v>
      </c>
      <c r="CC1452" s="53">
        <v>9096889.2812252697</v>
      </c>
      <c r="CD1452" s="53">
        <v>9131906.6828210391</v>
      </c>
      <c r="CE1452" s="53">
        <v>9392303.5764389206</v>
      </c>
      <c r="CF1452" s="53">
        <v>10438544.7236438</v>
      </c>
      <c r="CG1452" s="53">
        <v>9598753.8507946208</v>
      </c>
      <c r="CH1452" s="53">
        <v>9576201.1355389096</v>
      </c>
      <c r="CI1452" s="53">
        <v>10155789.5646096</v>
      </c>
      <c r="CJ1452" s="53">
        <v>10092406.7807064</v>
      </c>
      <c r="CK1452" s="53">
        <v>9908738.9421077594</v>
      </c>
      <c r="CL1452" s="53">
        <v>10260016.739757899</v>
      </c>
      <c r="CM1452" s="53">
        <v>9321967.4213715401</v>
      </c>
      <c r="CN1452" s="53">
        <v>115687543.466768</v>
      </c>
    </row>
    <row r="1453" spans="1:92" outlineLevel="1">
      <c r="A1453" s="52" t="s">
        <v>649</v>
      </c>
      <c r="B1453" s="53"/>
      <c r="C1453" s="53"/>
      <c r="D1453" s="53"/>
      <c r="E1453" s="53"/>
      <c r="F1453" s="53"/>
      <c r="G1453" s="53"/>
      <c r="H1453" s="53"/>
      <c r="I1453" s="53"/>
      <c r="J1453" s="53"/>
      <c r="K1453" s="53"/>
      <c r="L1453" s="53"/>
      <c r="M1453" s="53"/>
      <c r="N1453" s="53"/>
      <c r="O1453" s="53">
        <v>4789101.6814871104</v>
      </c>
      <c r="P1453" s="53">
        <v>3018511.17271291</v>
      </c>
      <c r="Q1453" s="53">
        <v>3274322.5097056599</v>
      </c>
      <c r="R1453" s="53">
        <v>3592644.4855525899</v>
      </c>
      <c r="S1453" s="53">
        <v>4292386.77766011</v>
      </c>
      <c r="T1453" s="53">
        <v>4552003.9328378802</v>
      </c>
      <c r="U1453" s="53">
        <v>4778839.2173989099</v>
      </c>
      <c r="V1453" s="53">
        <v>5953464.9474665998</v>
      </c>
      <c r="W1453" s="53">
        <v>4445570.5153890196</v>
      </c>
      <c r="X1453" s="53">
        <v>3861617.0530963801</v>
      </c>
      <c r="Y1453" s="53">
        <v>3089841.6289343401</v>
      </c>
      <c r="Z1453" s="53">
        <v>3284696.0777586601</v>
      </c>
      <c r="AA1453" s="53">
        <v>48933000.000000097</v>
      </c>
      <c r="AB1453" s="53">
        <v>4789101.6814871104</v>
      </c>
      <c r="AC1453" s="53">
        <v>3018511.17271291</v>
      </c>
      <c r="AD1453" s="53">
        <v>3274322.5097056599</v>
      </c>
      <c r="AE1453" s="53">
        <v>3592644.4855525899</v>
      </c>
      <c r="AF1453" s="53">
        <v>4292386.77766011</v>
      </c>
      <c r="AG1453" s="53">
        <v>4552003.9328378802</v>
      </c>
      <c r="AH1453" s="53">
        <v>4778839.2173989099</v>
      </c>
      <c r="AI1453" s="53">
        <v>5953464.9474665998</v>
      </c>
      <c r="AJ1453" s="53">
        <v>4445570.5153890196</v>
      </c>
      <c r="AK1453" s="53">
        <v>3861617.0530963801</v>
      </c>
      <c r="AL1453" s="53">
        <v>3089841.6289343401</v>
      </c>
      <c r="AM1453" s="53">
        <v>3284696.0777586601</v>
      </c>
      <c r="AN1453" s="53">
        <v>48933000.000000097</v>
      </c>
      <c r="AO1453" s="53"/>
      <c r="AP1453" s="53"/>
      <c r="AQ1453" s="53"/>
      <c r="AR1453" s="53"/>
      <c r="AS1453" s="53"/>
      <c r="AT1453" s="53"/>
      <c r="AU1453" s="53"/>
      <c r="AV1453" s="53"/>
      <c r="AW1453" s="53"/>
      <c r="AX1453" s="53"/>
      <c r="AY1453" s="53"/>
      <c r="AZ1453" s="53"/>
      <c r="BA1453" s="53"/>
      <c r="BB1453" s="53"/>
      <c r="BC1453" s="53"/>
      <c r="BD1453" s="53"/>
      <c r="BE1453" s="53"/>
      <c r="BF1453" s="53"/>
      <c r="BG1453" s="53"/>
      <c r="BH1453" s="53"/>
      <c r="BI1453" s="53"/>
      <c r="BJ1453" s="53"/>
      <c r="BK1453" s="53"/>
      <c r="BL1453" s="53"/>
      <c r="BM1453" s="53"/>
      <c r="BN1453" s="53"/>
      <c r="BO1453" s="53"/>
      <c r="BP1453" s="53"/>
      <c r="BQ1453" s="53"/>
      <c r="BR1453" s="53"/>
      <c r="BS1453" s="53"/>
      <c r="BT1453" s="53"/>
      <c r="BU1453" s="53"/>
      <c r="BV1453" s="53"/>
      <c r="BW1453" s="53"/>
      <c r="BX1453" s="53"/>
      <c r="BY1453" s="53"/>
      <c r="BZ1453" s="53"/>
      <c r="CA1453" s="53"/>
      <c r="CB1453" s="53">
        <v>51369.702245102497</v>
      </c>
      <c r="CC1453" s="53">
        <v>51386.970557654196</v>
      </c>
      <c r="CD1453" s="53">
        <v>51420.180703288999</v>
      </c>
      <c r="CE1453" s="53">
        <v>52201.291449996403</v>
      </c>
      <c r="CF1453" s="53">
        <v>51986.809637269398</v>
      </c>
      <c r="CG1453" s="53">
        <v>51912.416886563602</v>
      </c>
      <c r="CH1453" s="53">
        <v>51822.556415999999</v>
      </c>
      <c r="CI1453" s="53">
        <v>51893.282426558901</v>
      </c>
      <c r="CJ1453" s="53">
        <v>51873.712049761598</v>
      </c>
      <c r="CK1453" s="53">
        <v>52040.534968280801</v>
      </c>
      <c r="CL1453" s="53">
        <v>52020.477776157</v>
      </c>
      <c r="CM1453" s="53">
        <v>52039.5775398853</v>
      </c>
      <c r="CN1453" s="53">
        <v>621967.51265651896</v>
      </c>
    </row>
    <row r="1454" spans="1:92" outlineLevel="1">
      <c r="A1454" s="52" t="s">
        <v>1252</v>
      </c>
      <c r="B1454" s="53"/>
      <c r="C1454" s="53"/>
      <c r="D1454" s="53"/>
      <c r="E1454" s="53"/>
      <c r="F1454" s="53"/>
      <c r="G1454" s="53"/>
      <c r="H1454" s="53"/>
      <c r="I1454" s="53"/>
      <c r="J1454" s="53"/>
      <c r="K1454" s="53"/>
      <c r="L1454" s="53"/>
      <c r="M1454" s="53"/>
      <c r="N1454" s="53"/>
      <c r="O1454" s="53"/>
      <c r="P1454" s="53"/>
      <c r="Q1454" s="53"/>
      <c r="R1454" s="53"/>
      <c r="S1454" s="53"/>
      <c r="T1454" s="53"/>
      <c r="U1454" s="53"/>
      <c r="V1454" s="53"/>
      <c r="W1454" s="53"/>
      <c r="X1454" s="53"/>
      <c r="Y1454" s="53"/>
      <c r="Z1454" s="53"/>
      <c r="AA1454" s="53"/>
      <c r="AB1454" s="53"/>
      <c r="AC1454" s="53"/>
      <c r="AD1454" s="53"/>
      <c r="AE1454" s="53"/>
      <c r="AF1454" s="53"/>
      <c r="AG1454" s="53"/>
      <c r="AH1454" s="53"/>
      <c r="AI1454" s="53"/>
      <c r="AJ1454" s="53"/>
      <c r="AK1454" s="53"/>
      <c r="AL1454" s="53"/>
      <c r="AM1454" s="53"/>
      <c r="AN1454" s="53"/>
      <c r="AO1454" s="53"/>
      <c r="AP1454" s="53"/>
      <c r="AQ1454" s="53"/>
      <c r="AR1454" s="53"/>
      <c r="AS1454" s="53"/>
      <c r="AT1454" s="53"/>
      <c r="AU1454" s="53"/>
      <c r="AV1454" s="53"/>
      <c r="AW1454" s="53"/>
      <c r="AX1454" s="53"/>
      <c r="AY1454" s="53"/>
      <c r="AZ1454" s="53"/>
      <c r="BA1454" s="53"/>
      <c r="BB1454" s="53"/>
      <c r="BC1454" s="53"/>
      <c r="BD1454" s="53"/>
      <c r="BE1454" s="53"/>
      <c r="BF1454" s="53"/>
      <c r="BG1454" s="53"/>
      <c r="BH1454" s="53"/>
      <c r="BI1454" s="53"/>
      <c r="BJ1454" s="53"/>
      <c r="BK1454" s="53"/>
      <c r="BL1454" s="53"/>
      <c r="BM1454" s="53"/>
      <c r="BN1454" s="53"/>
      <c r="BO1454" s="53"/>
      <c r="BP1454" s="53"/>
      <c r="BQ1454" s="53"/>
      <c r="BR1454" s="53"/>
      <c r="BS1454" s="53"/>
      <c r="BT1454" s="53"/>
      <c r="BU1454" s="53"/>
      <c r="BV1454" s="53"/>
      <c r="BW1454" s="53"/>
      <c r="BX1454" s="53"/>
      <c r="BY1454" s="53"/>
      <c r="BZ1454" s="53"/>
      <c r="CA1454" s="53"/>
      <c r="CB1454" s="53">
        <v>10150638.584728301</v>
      </c>
      <c r="CC1454" s="53">
        <v>10582833.755070001</v>
      </c>
      <c r="CD1454" s="53">
        <v>10861946.3800245</v>
      </c>
      <c r="CE1454" s="53">
        <v>11545671.1524942</v>
      </c>
      <c r="CF1454" s="53">
        <v>12964757.1547729</v>
      </c>
      <c r="CG1454" s="53">
        <v>12939176.5556027</v>
      </c>
      <c r="CH1454" s="53">
        <v>12926718.042371299</v>
      </c>
      <c r="CI1454" s="53">
        <v>11484898.8053078</v>
      </c>
      <c r="CJ1454" s="53">
        <v>13319820.4179636</v>
      </c>
      <c r="CK1454" s="53">
        <v>12365817.783599099</v>
      </c>
      <c r="CL1454" s="53">
        <v>11031067.952532001</v>
      </c>
      <c r="CM1454" s="53">
        <v>10620230.8340613</v>
      </c>
      <c r="CN1454" s="53">
        <v>140793577.41852799</v>
      </c>
    </row>
    <row r="1455" spans="1:92" outlineLevel="1">
      <c r="A1455" s="52" t="s">
        <v>649</v>
      </c>
      <c r="B1455" s="53"/>
      <c r="C1455" s="53"/>
      <c r="D1455" s="53"/>
      <c r="E1455" s="53"/>
      <c r="F1455" s="53"/>
      <c r="G1455" s="53"/>
      <c r="H1455" s="53"/>
      <c r="I1455" s="53"/>
      <c r="J1455" s="53"/>
      <c r="K1455" s="53"/>
      <c r="L1455" s="53"/>
      <c r="M1455" s="53"/>
      <c r="N1455" s="53"/>
      <c r="O1455" s="53"/>
      <c r="P1455" s="53"/>
      <c r="Q1455" s="53"/>
      <c r="R1455" s="53"/>
      <c r="S1455" s="53"/>
      <c r="T1455" s="53"/>
      <c r="U1455" s="53"/>
      <c r="V1455" s="53"/>
      <c r="W1455" s="53"/>
      <c r="X1455" s="53"/>
      <c r="Y1455" s="53"/>
      <c r="Z1455" s="53"/>
      <c r="AA1455" s="53"/>
      <c r="AB1455" s="53">
        <v>7714967.6885789502</v>
      </c>
      <c r="AC1455" s="53">
        <v>4932298.0890102796</v>
      </c>
      <c r="AD1455" s="53">
        <v>5232738.9178787498</v>
      </c>
      <c r="AE1455" s="53">
        <v>5755929.0409013303</v>
      </c>
      <c r="AF1455" s="53">
        <v>6950296.2567026</v>
      </c>
      <c r="AG1455" s="53">
        <v>7412901.5491024004</v>
      </c>
      <c r="AH1455" s="53">
        <v>7786119.51160374</v>
      </c>
      <c r="AI1455" s="53">
        <v>9680795.3850862104</v>
      </c>
      <c r="AJ1455" s="53">
        <v>7242516.3628378501</v>
      </c>
      <c r="AK1455" s="53">
        <v>6250366.3675099202</v>
      </c>
      <c r="AL1455" s="53">
        <v>4959408.1502147</v>
      </c>
      <c r="AM1455" s="53">
        <v>5280662.6805736199</v>
      </c>
      <c r="AN1455" s="53">
        <v>79199000.000000298</v>
      </c>
      <c r="AO1455" s="53"/>
      <c r="AP1455" s="53"/>
      <c r="AQ1455" s="53"/>
      <c r="AR1455" s="53"/>
      <c r="AS1455" s="53"/>
      <c r="AT1455" s="53"/>
      <c r="AU1455" s="53"/>
      <c r="AV1455" s="53"/>
      <c r="AW1455" s="53"/>
      <c r="AX1455" s="53"/>
      <c r="AY1455" s="53"/>
      <c r="AZ1455" s="53"/>
      <c r="BA1455" s="53"/>
      <c r="BB1455" s="53"/>
      <c r="BC1455" s="53"/>
      <c r="BD1455" s="53"/>
      <c r="BE1455" s="53"/>
      <c r="BF1455" s="53"/>
      <c r="BG1455" s="53"/>
      <c r="BH1455" s="53"/>
      <c r="BI1455" s="53"/>
      <c r="BJ1455" s="53"/>
      <c r="BK1455" s="53"/>
      <c r="BL1455" s="53"/>
      <c r="BM1455" s="53"/>
      <c r="BN1455" s="53"/>
      <c r="BO1455" s="53"/>
      <c r="BP1455" s="53"/>
      <c r="BQ1455" s="53"/>
      <c r="BR1455" s="53"/>
      <c r="BS1455" s="53"/>
      <c r="BT1455" s="53"/>
      <c r="BU1455" s="53"/>
      <c r="BV1455" s="53"/>
      <c r="BW1455" s="53"/>
      <c r="BX1455" s="53"/>
      <c r="BY1455" s="53"/>
      <c r="BZ1455" s="53"/>
      <c r="CA1455" s="53"/>
      <c r="CB1455" s="53">
        <v>112181831.205708</v>
      </c>
      <c r="CC1455" s="53">
        <v>91195534.152794406</v>
      </c>
      <c r="CD1455" s="53">
        <v>93475742.682261899</v>
      </c>
      <c r="CE1455" s="53">
        <v>97183198.435618296</v>
      </c>
      <c r="CF1455" s="53">
        <v>130246819.12672099</v>
      </c>
      <c r="CG1455" s="53">
        <v>153372695.028072</v>
      </c>
      <c r="CH1455" s="53">
        <v>167890860.018843</v>
      </c>
      <c r="CI1455" s="53">
        <v>167924277.673401</v>
      </c>
      <c r="CJ1455" s="53">
        <v>152327655.21601999</v>
      </c>
      <c r="CK1455" s="53">
        <v>122153566.006594</v>
      </c>
      <c r="CL1455" s="53">
        <v>93520098.873069599</v>
      </c>
      <c r="CM1455" s="53">
        <v>105924116.61503799</v>
      </c>
      <c r="CN1455" s="53">
        <v>1487396395.0341401</v>
      </c>
    </row>
    <row r="1456" spans="1:92" outlineLevel="1">
      <c r="A1456" s="52" t="s">
        <v>1253</v>
      </c>
      <c r="B1456" s="53"/>
      <c r="C1456" s="53"/>
      <c r="D1456" s="53"/>
      <c r="E1456" s="53"/>
      <c r="F1456" s="53"/>
      <c r="G1456" s="53"/>
      <c r="H1456" s="53"/>
      <c r="I1456" s="53"/>
      <c r="J1456" s="53"/>
      <c r="K1456" s="53"/>
      <c r="L1456" s="53"/>
      <c r="M1456" s="53"/>
      <c r="N1456" s="53"/>
      <c r="O1456" s="53"/>
      <c r="P1456" s="53"/>
      <c r="Q1456" s="53"/>
      <c r="R1456" s="53"/>
      <c r="S1456" s="53"/>
      <c r="T1456" s="53"/>
      <c r="U1456" s="53"/>
      <c r="V1456" s="53"/>
      <c r="W1456" s="53"/>
      <c r="X1456" s="53"/>
      <c r="Y1456" s="53"/>
      <c r="Z1456" s="53"/>
      <c r="AA1456" s="53"/>
      <c r="AB1456" s="53"/>
      <c r="AC1456" s="53"/>
      <c r="AD1456" s="53"/>
      <c r="AE1456" s="53"/>
      <c r="AF1456" s="53"/>
      <c r="AG1456" s="53"/>
      <c r="AH1456" s="53"/>
      <c r="AI1456" s="53"/>
      <c r="AJ1456" s="53"/>
      <c r="AK1456" s="53"/>
      <c r="AL1456" s="53"/>
      <c r="AM1456" s="53"/>
      <c r="AN1456" s="53"/>
      <c r="AO1456" s="53"/>
      <c r="AP1456" s="53"/>
      <c r="AQ1456" s="53"/>
      <c r="AR1456" s="53"/>
      <c r="AS1456" s="53"/>
      <c r="AT1456" s="53"/>
      <c r="AU1456" s="53"/>
      <c r="AV1456" s="53"/>
      <c r="AW1456" s="53"/>
      <c r="AX1456" s="53"/>
      <c r="AY1456" s="53"/>
      <c r="AZ1456" s="53"/>
      <c r="BA1456" s="53"/>
      <c r="BB1456" s="53"/>
      <c r="BC1456" s="53"/>
      <c r="BD1456" s="53"/>
      <c r="BE1456" s="53"/>
      <c r="BF1456" s="53"/>
      <c r="BG1456" s="53"/>
      <c r="BH1456" s="53"/>
      <c r="BI1456" s="53"/>
      <c r="BJ1456" s="53"/>
      <c r="BK1456" s="53"/>
      <c r="BL1456" s="53"/>
      <c r="BM1456" s="53"/>
      <c r="BN1456" s="53"/>
      <c r="BO1456" s="53"/>
      <c r="BP1456" s="53"/>
      <c r="BQ1456" s="53"/>
      <c r="BR1456" s="53"/>
      <c r="BS1456" s="53"/>
      <c r="BT1456" s="53"/>
      <c r="BU1456" s="53"/>
      <c r="BV1456" s="53"/>
      <c r="BW1456" s="53"/>
      <c r="BX1456" s="53"/>
      <c r="BY1456" s="53"/>
      <c r="BZ1456" s="53"/>
      <c r="CA1456" s="53"/>
      <c r="CB1456" s="53">
        <v>41555.513633333299</v>
      </c>
      <c r="CC1456" s="53">
        <v>37572.114540000002</v>
      </c>
      <c r="CD1456" s="53">
        <v>41572.117769999997</v>
      </c>
      <c r="CE1456" s="53">
        <v>36491.42138</v>
      </c>
      <c r="CF1456" s="53">
        <v>37708.576426666601</v>
      </c>
      <c r="CG1456" s="53">
        <v>36498.845446666601</v>
      </c>
      <c r="CH1456" s="53">
        <v>37741.3846466666</v>
      </c>
      <c r="CI1456" s="53">
        <v>37746.846913333298</v>
      </c>
      <c r="CJ1456" s="53">
        <v>36532.449926666603</v>
      </c>
      <c r="CK1456" s="53">
        <v>37747.196960000001</v>
      </c>
      <c r="CL1456" s="53">
        <v>36509.116046666597</v>
      </c>
      <c r="CM1456" s="53">
        <v>41555.513633333299</v>
      </c>
      <c r="CN1456" s="53">
        <v>459231.09732333297</v>
      </c>
    </row>
    <row r="1457" spans="1:92" outlineLevel="1">
      <c r="A1457" s="52" t="s">
        <v>649</v>
      </c>
      <c r="B1457" s="53"/>
      <c r="C1457" s="53"/>
      <c r="D1457" s="53"/>
      <c r="E1457" s="53"/>
      <c r="F1457" s="53"/>
      <c r="G1457" s="53"/>
      <c r="H1457" s="53"/>
      <c r="I1457" s="53"/>
      <c r="J1457" s="53"/>
      <c r="K1457" s="53"/>
      <c r="L1457" s="53"/>
      <c r="M1457" s="53"/>
      <c r="N1457" s="53"/>
      <c r="O1457" s="53"/>
      <c r="P1457" s="53"/>
      <c r="Q1457" s="53"/>
      <c r="R1457" s="53"/>
      <c r="S1457" s="53"/>
      <c r="T1457" s="53"/>
      <c r="U1457" s="53"/>
      <c r="V1457" s="53"/>
      <c r="W1457" s="53"/>
      <c r="X1457" s="53"/>
      <c r="Y1457" s="53"/>
      <c r="Z1457" s="53"/>
      <c r="AA1457" s="53"/>
      <c r="AB1457" s="53"/>
      <c r="AC1457" s="53"/>
      <c r="AD1457" s="53"/>
      <c r="AE1457" s="53"/>
      <c r="AF1457" s="53"/>
      <c r="AG1457" s="53"/>
      <c r="AH1457" s="53"/>
      <c r="AI1457" s="53"/>
      <c r="AJ1457" s="53"/>
      <c r="AK1457" s="53"/>
      <c r="AL1457" s="53"/>
      <c r="AM1457" s="53"/>
      <c r="AN1457" s="53"/>
      <c r="AO1457" s="53">
        <v>12540354.7023951</v>
      </c>
      <c r="AP1457" s="53">
        <v>7904029.4603243396</v>
      </c>
      <c r="AQ1457" s="53">
        <v>8573876.3577464297</v>
      </c>
      <c r="AR1457" s="53">
        <v>9407408.5631950591</v>
      </c>
      <c r="AS1457" s="53">
        <v>11239697.1899361</v>
      </c>
      <c r="AT1457" s="53">
        <v>11919509.6953464</v>
      </c>
      <c r="AU1457" s="53">
        <v>12513482.243143801</v>
      </c>
      <c r="AV1457" s="53">
        <v>15589262.269813601</v>
      </c>
      <c r="AW1457" s="53">
        <v>11640811.7482644</v>
      </c>
      <c r="AX1457" s="53">
        <v>10111718.395507</v>
      </c>
      <c r="AY1457" s="53">
        <v>8090809.6294650901</v>
      </c>
      <c r="AZ1457" s="53">
        <v>8601039.7448628303</v>
      </c>
      <c r="BA1457" s="53">
        <v>128132000</v>
      </c>
      <c r="BB1457" s="53">
        <v>12540354.7023951</v>
      </c>
      <c r="BC1457" s="53">
        <v>7904029.4603243396</v>
      </c>
      <c r="BD1457" s="53">
        <v>8573876.3577464297</v>
      </c>
      <c r="BE1457" s="53">
        <v>9407408.5631950591</v>
      </c>
      <c r="BF1457" s="53">
        <v>11239697.1899361</v>
      </c>
      <c r="BG1457" s="53">
        <v>11919509.6953464</v>
      </c>
      <c r="BH1457" s="53">
        <v>12513482.243143801</v>
      </c>
      <c r="BI1457" s="53">
        <v>15589262.269813601</v>
      </c>
      <c r="BJ1457" s="53">
        <v>11640811.7482644</v>
      </c>
      <c r="BK1457" s="53">
        <v>10111718.395507</v>
      </c>
      <c r="BL1457" s="53">
        <v>8090809.6294650901</v>
      </c>
      <c r="BM1457" s="53">
        <v>8601039.7448628303</v>
      </c>
      <c r="BN1457" s="53">
        <v>128132000</v>
      </c>
      <c r="BO1457" s="53">
        <v>12540354.7023951</v>
      </c>
      <c r="BP1457" s="53">
        <v>7904029.4603243396</v>
      </c>
      <c r="BQ1457" s="53">
        <v>8573876.3577464297</v>
      </c>
      <c r="BR1457" s="53">
        <v>9407408.5631950591</v>
      </c>
      <c r="BS1457" s="53">
        <v>11239697.1899361</v>
      </c>
      <c r="BT1457" s="53">
        <v>11919509.6953464</v>
      </c>
      <c r="BU1457" s="53">
        <v>12513482.243143801</v>
      </c>
      <c r="BV1457" s="53">
        <v>15589262.269813601</v>
      </c>
      <c r="BW1457" s="53">
        <v>11640811.7482644</v>
      </c>
      <c r="BX1457" s="53">
        <v>10111718.395507</v>
      </c>
      <c r="BY1457" s="53">
        <v>8090809.6294650901</v>
      </c>
      <c r="BZ1457" s="53">
        <v>8601039.7448628303</v>
      </c>
      <c r="CA1457" s="53">
        <v>128132000</v>
      </c>
      <c r="CB1457" s="53"/>
      <c r="CC1457" s="53"/>
      <c r="CD1457" s="53"/>
      <c r="CE1457" s="53"/>
      <c r="CF1457" s="53"/>
      <c r="CG1457" s="53"/>
      <c r="CH1457" s="53"/>
      <c r="CI1457" s="53"/>
      <c r="CJ1457" s="53"/>
      <c r="CK1457" s="53"/>
      <c r="CL1457" s="53"/>
      <c r="CM1457" s="53"/>
      <c r="CN1457" s="53"/>
    </row>
    <row r="1458" spans="1:92" outlineLevel="1">
      <c r="A1458" s="52" t="s">
        <v>1254</v>
      </c>
      <c r="B1458" s="53"/>
      <c r="C1458" s="53"/>
      <c r="D1458" s="53"/>
      <c r="E1458" s="53"/>
      <c r="F1458" s="53"/>
      <c r="G1458" s="53"/>
      <c r="H1458" s="53"/>
      <c r="I1458" s="53"/>
      <c r="J1458" s="53"/>
      <c r="K1458" s="53"/>
      <c r="L1458" s="53"/>
      <c r="M1458" s="53"/>
      <c r="N1458" s="53"/>
      <c r="O1458" s="53"/>
      <c r="P1458" s="53"/>
      <c r="Q1458" s="53"/>
      <c r="R1458" s="53"/>
      <c r="S1458" s="53"/>
      <c r="T1458" s="53"/>
      <c r="U1458" s="53"/>
      <c r="V1458" s="53"/>
      <c r="W1458" s="53"/>
      <c r="X1458" s="53"/>
      <c r="Y1458" s="53"/>
      <c r="Z1458" s="53"/>
      <c r="AA1458" s="53"/>
      <c r="AB1458" s="53"/>
      <c r="AC1458" s="53"/>
      <c r="AD1458" s="53"/>
      <c r="AE1458" s="53"/>
      <c r="AF1458" s="53"/>
      <c r="AG1458" s="53"/>
      <c r="AH1458" s="53"/>
      <c r="AI1458" s="53"/>
      <c r="AJ1458" s="53"/>
      <c r="AK1458" s="53"/>
      <c r="AL1458" s="53"/>
      <c r="AM1458" s="53"/>
      <c r="AN1458" s="53"/>
      <c r="AO1458" s="53"/>
      <c r="AP1458" s="53"/>
      <c r="AQ1458" s="53"/>
      <c r="AR1458" s="53"/>
      <c r="AS1458" s="53"/>
      <c r="AT1458" s="53"/>
      <c r="AU1458" s="53"/>
      <c r="AV1458" s="53"/>
      <c r="AW1458" s="53"/>
      <c r="AX1458" s="53"/>
      <c r="AY1458" s="53"/>
      <c r="AZ1458" s="53"/>
      <c r="BA1458" s="53"/>
      <c r="BB1458" s="53"/>
      <c r="BC1458" s="53"/>
      <c r="BD1458" s="53"/>
      <c r="BE1458" s="53"/>
      <c r="BF1458" s="53"/>
      <c r="BG1458" s="53"/>
      <c r="BH1458" s="53"/>
      <c r="BI1458" s="53"/>
      <c r="BJ1458" s="53"/>
      <c r="BK1458" s="53"/>
      <c r="BL1458" s="53"/>
      <c r="BM1458" s="53"/>
      <c r="BN1458" s="53"/>
      <c r="BO1458" s="53"/>
      <c r="BP1458" s="53"/>
      <c r="BQ1458" s="53"/>
      <c r="BR1458" s="53"/>
      <c r="BS1458" s="53"/>
      <c r="BT1458" s="53"/>
      <c r="BU1458" s="53"/>
      <c r="BV1458" s="53"/>
      <c r="BW1458" s="53"/>
      <c r="BX1458" s="53"/>
      <c r="BY1458" s="53"/>
      <c r="BZ1458" s="53"/>
      <c r="CA1458" s="53"/>
      <c r="CB1458" s="53"/>
      <c r="CC1458" s="53"/>
      <c r="CD1458" s="53"/>
      <c r="CE1458" s="53"/>
      <c r="CF1458" s="53"/>
      <c r="CG1458" s="53"/>
      <c r="CH1458" s="53"/>
      <c r="CI1458" s="53"/>
      <c r="CJ1458" s="53"/>
      <c r="CK1458" s="53"/>
      <c r="CL1458" s="53"/>
      <c r="CM1458" s="53"/>
      <c r="CN1458" s="53"/>
    </row>
    <row r="1459" spans="1:92" outlineLevel="1">
      <c r="A1459" s="52" t="s">
        <v>649</v>
      </c>
      <c r="B1459" s="53"/>
      <c r="C1459" s="53"/>
      <c r="D1459" s="53"/>
      <c r="E1459" s="53"/>
      <c r="F1459" s="53"/>
      <c r="G1459" s="53"/>
      <c r="H1459" s="53"/>
      <c r="I1459" s="53"/>
      <c r="J1459" s="53"/>
      <c r="K1459" s="53"/>
      <c r="L1459" s="53"/>
      <c r="M1459" s="53"/>
      <c r="N1459" s="53"/>
      <c r="O1459" s="53">
        <v>686781.66666666698</v>
      </c>
      <c r="P1459" s="53">
        <v>686781.66666666698</v>
      </c>
      <c r="Q1459" s="53">
        <v>686781.66666666698</v>
      </c>
      <c r="R1459" s="53">
        <v>686781.66666666698</v>
      </c>
      <c r="S1459" s="53">
        <v>686781.66666666698</v>
      </c>
      <c r="T1459" s="53">
        <v>686781.66666666698</v>
      </c>
      <c r="U1459" s="53">
        <v>686781.66666666698</v>
      </c>
      <c r="V1459" s="53">
        <v>686781.66666666698</v>
      </c>
      <c r="W1459" s="53">
        <v>686781.66666666698</v>
      </c>
      <c r="X1459" s="53">
        <v>686781.66666666698</v>
      </c>
      <c r="Y1459" s="53">
        <v>686781.66666666698</v>
      </c>
      <c r="Z1459" s="53">
        <v>686781.66666666698</v>
      </c>
      <c r="AA1459" s="53">
        <v>8241380</v>
      </c>
      <c r="AB1459" s="53">
        <v>-3040862.6666666698</v>
      </c>
      <c r="AC1459" s="53">
        <v>-3040862.6666666698</v>
      </c>
      <c r="AD1459" s="53">
        <v>-3040862.6666666698</v>
      </c>
      <c r="AE1459" s="53">
        <v>-3040862.6666666698</v>
      </c>
      <c r="AF1459" s="53">
        <v>-3040862.6666666698</v>
      </c>
      <c r="AG1459" s="53">
        <v>-3040862.6666666698</v>
      </c>
      <c r="AH1459" s="53">
        <v>-3040862.6666666698</v>
      </c>
      <c r="AI1459" s="53">
        <v>-3040862.6666666698</v>
      </c>
      <c r="AJ1459" s="53">
        <v>-3040862.6666666698</v>
      </c>
      <c r="AK1459" s="53">
        <v>-3040862.6666666698</v>
      </c>
      <c r="AL1459" s="53">
        <v>-3040862.6666666698</v>
      </c>
      <c r="AM1459" s="53">
        <v>-3040862.6666666698</v>
      </c>
      <c r="AN1459" s="53">
        <v>-36490352</v>
      </c>
      <c r="AO1459" s="53">
        <v>-831727.83333333302</v>
      </c>
      <c r="AP1459" s="53">
        <v>-831727.83333333302</v>
      </c>
      <c r="AQ1459" s="53">
        <v>-831727.83333333302</v>
      </c>
      <c r="AR1459" s="53">
        <v>-831727.83333333302</v>
      </c>
      <c r="AS1459" s="53">
        <v>-831727.83333333302</v>
      </c>
      <c r="AT1459" s="53">
        <v>-831727.83333333302</v>
      </c>
      <c r="AU1459" s="53">
        <v>-831727.83333333302</v>
      </c>
      <c r="AV1459" s="53">
        <v>-831727.83333333302</v>
      </c>
      <c r="AW1459" s="53">
        <v>-831727.83333333302</v>
      </c>
      <c r="AX1459" s="53">
        <v>-831727.83333333302</v>
      </c>
      <c r="AY1459" s="53">
        <v>-831727.83333333302</v>
      </c>
      <c r="AZ1459" s="53">
        <v>-831727.83333333302</v>
      </c>
      <c r="BA1459" s="53">
        <v>-9980733.9999999907</v>
      </c>
      <c r="BB1459" s="53">
        <v>-435411.91666666698</v>
      </c>
      <c r="BC1459" s="53">
        <v>-435411.91666666698</v>
      </c>
      <c r="BD1459" s="53">
        <v>-435411.91666666698</v>
      </c>
      <c r="BE1459" s="53">
        <v>-435411.91666666698</v>
      </c>
      <c r="BF1459" s="53">
        <v>-435411.91666666698</v>
      </c>
      <c r="BG1459" s="53">
        <v>-435411.91666666698</v>
      </c>
      <c r="BH1459" s="53">
        <v>-435411.91666666698</v>
      </c>
      <c r="BI1459" s="53">
        <v>-435411.91666666698</v>
      </c>
      <c r="BJ1459" s="53">
        <v>-435411.91666666698</v>
      </c>
      <c r="BK1459" s="53">
        <v>-435411.91666666698</v>
      </c>
      <c r="BL1459" s="53">
        <v>-435411.91666666698</v>
      </c>
      <c r="BM1459" s="53">
        <v>-435411.91666666698</v>
      </c>
      <c r="BN1459" s="53">
        <v>-5224943</v>
      </c>
      <c r="BO1459" s="53">
        <v>-593572.33333333198</v>
      </c>
      <c r="BP1459" s="53">
        <v>-593572.33333333198</v>
      </c>
      <c r="BQ1459" s="53">
        <v>-593572.33333333198</v>
      </c>
      <c r="BR1459" s="53">
        <v>-593572.33333333198</v>
      </c>
      <c r="BS1459" s="53">
        <v>-593572.33333333198</v>
      </c>
      <c r="BT1459" s="53">
        <v>-593572.33333333198</v>
      </c>
      <c r="BU1459" s="53">
        <v>-593572.33333333198</v>
      </c>
      <c r="BV1459" s="53">
        <v>-593572.33333333198</v>
      </c>
      <c r="BW1459" s="53">
        <v>-593572.33333333198</v>
      </c>
      <c r="BX1459" s="53">
        <v>-593572.33333333198</v>
      </c>
      <c r="BY1459" s="53">
        <v>-593572.33333333198</v>
      </c>
      <c r="BZ1459" s="53">
        <v>-593572.33333333198</v>
      </c>
      <c r="CA1459" s="53">
        <v>-7122867.9999999898</v>
      </c>
      <c r="CB1459" s="53">
        <v>770852.59805555502</v>
      </c>
      <c r="CC1459" s="53">
        <v>770852.59805555502</v>
      </c>
      <c r="CD1459" s="53">
        <v>770852.59805555502</v>
      </c>
      <c r="CE1459" s="53">
        <v>560852.59805555502</v>
      </c>
      <c r="CF1459" s="53">
        <v>560852.59805555502</v>
      </c>
      <c r="CG1459" s="53">
        <v>560852.59805555502</v>
      </c>
      <c r="CH1459" s="53">
        <v>560852.59805555502</v>
      </c>
      <c r="CI1459" s="53">
        <v>560852.59805555502</v>
      </c>
      <c r="CJ1459" s="53">
        <v>560852.59805555502</v>
      </c>
      <c r="CK1459" s="53">
        <v>560852.59805555502</v>
      </c>
      <c r="CL1459" s="53">
        <v>560852.59805555502</v>
      </c>
      <c r="CM1459" s="53">
        <v>770852.59805555502</v>
      </c>
      <c r="CN1459" s="53">
        <v>7570231.1766666602</v>
      </c>
    </row>
    <row r="1460" spans="1:92" outlineLevel="1">
      <c r="A1460" s="52" t="s">
        <v>1255</v>
      </c>
      <c r="B1460" s="53"/>
      <c r="C1460" s="53"/>
      <c r="D1460" s="53"/>
      <c r="E1460" s="53"/>
      <c r="F1460" s="53"/>
      <c r="G1460" s="53"/>
      <c r="H1460" s="53"/>
      <c r="I1460" s="53"/>
      <c r="J1460" s="53"/>
      <c r="K1460" s="53"/>
      <c r="L1460" s="53"/>
      <c r="M1460" s="53"/>
      <c r="N1460" s="53"/>
      <c r="O1460" s="53"/>
      <c r="P1460" s="53"/>
      <c r="Q1460" s="53"/>
      <c r="R1460" s="53"/>
      <c r="S1460" s="53"/>
      <c r="T1460" s="53"/>
      <c r="U1460" s="53"/>
      <c r="V1460" s="53"/>
      <c r="W1460" s="53"/>
      <c r="X1460" s="53"/>
      <c r="Y1460" s="53"/>
      <c r="Z1460" s="53"/>
      <c r="AA1460" s="53"/>
      <c r="AB1460" s="53"/>
      <c r="AC1460" s="53"/>
      <c r="AD1460" s="53"/>
      <c r="AE1460" s="53"/>
      <c r="AF1460" s="53"/>
      <c r="AG1460" s="53"/>
      <c r="AH1460" s="53"/>
      <c r="AI1460" s="53"/>
      <c r="AJ1460" s="53"/>
      <c r="AK1460" s="53"/>
      <c r="AL1460" s="53"/>
      <c r="AM1460" s="53"/>
      <c r="AN1460" s="53"/>
      <c r="AO1460" s="53"/>
      <c r="AP1460" s="53"/>
      <c r="AQ1460" s="53"/>
      <c r="AR1460" s="53"/>
      <c r="AS1460" s="53"/>
      <c r="AT1460" s="53"/>
      <c r="AU1460" s="53"/>
      <c r="AV1460" s="53"/>
      <c r="AW1460" s="53"/>
      <c r="AX1460" s="53"/>
      <c r="AY1460" s="53"/>
      <c r="AZ1460" s="53"/>
      <c r="BA1460" s="53"/>
      <c r="BB1460" s="53"/>
      <c r="BC1460" s="53"/>
      <c r="BD1460" s="53"/>
      <c r="BE1460" s="53"/>
      <c r="BF1460" s="53"/>
      <c r="BG1460" s="53"/>
      <c r="BH1460" s="53"/>
      <c r="BI1460" s="53"/>
      <c r="BJ1460" s="53"/>
      <c r="BK1460" s="53"/>
      <c r="BL1460" s="53"/>
      <c r="BM1460" s="53"/>
      <c r="BN1460" s="53"/>
      <c r="BO1460" s="53"/>
      <c r="BP1460" s="53"/>
      <c r="BQ1460" s="53"/>
      <c r="BR1460" s="53"/>
      <c r="BS1460" s="53"/>
      <c r="BT1460" s="53"/>
      <c r="BU1460" s="53"/>
      <c r="BV1460" s="53"/>
      <c r="BW1460" s="53"/>
      <c r="BX1460" s="53"/>
      <c r="BY1460" s="53"/>
      <c r="BZ1460" s="53"/>
      <c r="CA1460" s="53"/>
      <c r="CB1460" s="53">
        <v>42291.683333333298</v>
      </c>
      <c r="CC1460" s="53">
        <v>42291.683333333298</v>
      </c>
      <c r="CD1460" s="53">
        <v>39785.033333333296</v>
      </c>
      <c r="CE1460" s="53">
        <v>39785.033333333296</v>
      </c>
      <c r="CF1460" s="53">
        <v>39785.033333333296</v>
      </c>
      <c r="CG1460" s="53">
        <v>44798.333333333299</v>
      </c>
      <c r="CH1460" s="53">
        <v>39785.033333333296</v>
      </c>
      <c r="CI1460" s="53">
        <v>39785.033333333296</v>
      </c>
      <c r="CJ1460" s="53">
        <v>39785.033333333296</v>
      </c>
      <c r="CK1460" s="53">
        <v>42291.683333333298</v>
      </c>
      <c r="CL1460" s="53">
        <v>32262.5333333333</v>
      </c>
      <c r="CM1460" s="53">
        <v>39785.033333333296</v>
      </c>
      <c r="CN1460" s="53">
        <v>482431.15</v>
      </c>
    </row>
    <row r="1461" spans="1:92" outlineLevel="1">
      <c r="A1461" s="52" t="s">
        <v>649</v>
      </c>
      <c r="B1461" s="53"/>
      <c r="C1461" s="53"/>
      <c r="D1461" s="53"/>
      <c r="E1461" s="53"/>
      <c r="F1461" s="53"/>
      <c r="G1461" s="53"/>
      <c r="H1461" s="53"/>
      <c r="I1461" s="53"/>
      <c r="J1461" s="53"/>
      <c r="K1461" s="53"/>
      <c r="L1461" s="53"/>
      <c r="M1461" s="53"/>
      <c r="N1461" s="53"/>
      <c r="O1461" s="53">
        <v>2388042.4463712601</v>
      </c>
      <c r="P1461" s="53">
        <v>1505153.42640334</v>
      </c>
      <c r="Q1461" s="53">
        <v>1632711.4470156699</v>
      </c>
      <c r="R1461" s="53">
        <v>1791439.8350291799</v>
      </c>
      <c r="S1461" s="53">
        <v>2140360.0305500599</v>
      </c>
      <c r="T1461" s="53">
        <v>2269815.78814387</v>
      </c>
      <c r="U1461" s="53">
        <v>2382925.1610269798</v>
      </c>
      <c r="V1461" s="53">
        <v>2968641.7084213998</v>
      </c>
      <c r="W1461" s="53">
        <v>2216743.7225490198</v>
      </c>
      <c r="X1461" s="53">
        <v>1925560.5847904501</v>
      </c>
      <c r="Y1461" s="53">
        <v>1540721.7163467801</v>
      </c>
      <c r="Z1461" s="53">
        <v>1637884.13335195</v>
      </c>
      <c r="AA1461" s="53">
        <v>24399999.999999899</v>
      </c>
      <c r="AB1461" s="53">
        <v>2388042.4463712601</v>
      </c>
      <c r="AC1461" s="53">
        <v>1505153.42640334</v>
      </c>
      <c r="AD1461" s="53">
        <v>1632711.4470156699</v>
      </c>
      <c r="AE1461" s="53">
        <v>1791439.8350291799</v>
      </c>
      <c r="AF1461" s="53">
        <v>2140360.0305500599</v>
      </c>
      <c r="AG1461" s="53">
        <v>2269815.78814387</v>
      </c>
      <c r="AH1461" s="53">
        <v>2382925.1610269798</v>
      </c>
      <c r="AI1461" s="53">
        <v>2968641.7084213998</v>
      </c>
      <c r="AJ1461" s="53">
        <v>2216743.7225490198</v>
      </c>
      <c r="AK1461" s="53">
        <v>1925560.5847904501</v>
      </c>
      <c r="AL1461" s="53">
        <v>1540721.7163467801</v>
      </c>
      <c r="AM1461" s="53">
        <v>1637884.13335195</v>
      </c>
      <c r="AN1461" s="53">
        <v>24399999.999999899</v>
      </c>
      <c r="AO1461" s="53"/>
      <c r="AP1461" s="53"/>
      <c r="AQ1461" s="53"/>
      <c r="AR1461" s="53"/>
      <c r="AS1461" s="53"/>
      <c r="AT1461" s="53"/>
      <c r="AU1461" s="53"/>
      <c r="AV1461" s="53"/>
      <c r="AW1461" s="53"/>
      <c r="AX1461" s="53"/>
      <c r="AY1461" s="53"/>
      <c r="AZ1461" s="53"/>
      <c r="BA1461" s="53"/>
      <c r="BB1461" s="53"/>
      <c r="BC1461" s="53"/>
      <c r="BD1461" s="53"/>
      <c r="BE1461" s="53"/>
      <c r="BF1461" s="53"/>
      <c r="BG1461" s="53"/>
      <c r="BH1461" s="53"/>
      <c r="BI1461" s="53"/>
      <c r="BJ1461" s="53"/>
      <c r="BK1461" s="53"/>
      <c r="BL1461" s="53"/>
      <c r="BM1461" s="53"/>
      <c r="BN1461" s="53"/>
      <c r="BO1461" s="53"/>
      <c r="BP1461" s="53"/>
      <c r="BQ1461" s="53"/>
      <c r="BR1461" s="53"/>
      <c r="BS1461" s="53"/>
      <c r="BT1461" s="53"/>
      <c r="BU1461" s="53"/>
      <c r="BV1461" s="53"/>
      <c r="BW1461" s="53"/>
      <c r="BX1461" s="53"/>
      <c r="BY1461" s="53"/>
      <c r="BZ1461" s="53"/>
      <c r="CA1461" s="53"/>
      <c r="CB1461" s="53"/>
      <c r="CC1461" s="53"/>
      <c r="CD1461" s="53"/>
      <c r="CE1461" s="53"/>
      <c r="CF1461" s="53"/>
      <c r="CG1461" s="53"/>
      <c r="CH1461" s="53"/>
      <c r="CI1461" s="53"/>
      <c r="CJ1461" s="53"/>
      <c r="CK1461" s="53"/>
      <c r="CL1461" s="53"/>
      <c r="CM1461" s="53"/>
      <c r="CN1461" s="53"/>
    </row>
    <row r="1462" spans="1:92" outlineLevel="1">
      <c r="A1462" s="52" t="s">
        <v>1256</v>
      </c>
      <c r="B1462" s="53"/>
      <c r="C1462" s="53"/>
      <c r="D1462" s="53"/>
      <c r="E1462" s="53"/>
      <c r="F1462" s="53"/>
      <c r="G1462" s="53"/>
      <c r="H1462" s="53"/>
      <c r="I1462" s="53"/>
      <c r="J1462" s="53"/>
      <c r="K1462" s="53"/>
      <c r="L1462" s="53"/>
      <c r="M1462" s="53"/>
      <c r="N1462" s="53"/>
      <c r="O1462" s="53"/>
      <c r="P1462" s="53"/>
      <c r="Q1462" s="53"/>
      <c r="R1462" s="53"/>
      <c r="S1462" s="53"/>
      <c r="T1462" s="53"/>
      <c r="U1462" s="53"/>
      <c r="V1462" s="53"/>
      <c r="W1462" s="53"/>
      <c r="X1462" s="53"/>
      <c r="Y1462" s="53"/>
      <c r="Z1462" s="53"/>
      <c r="AA1462" s="53"/>
      <c r="AB1462" s="53"/>
      <c r="AC1462" s="53"/>
      <c r="AD1462" s="53"/>
      <c r="AE1462" s="53"/>
      <c r="AF1462" s="53"/>
      <c r="AG1462" s="53"/>
      <c r="AH1462" s="53"/>
      <c r="AI1462" s="53"/>
      <c r="AJ1462" s="53"/>
      <c r="AK1462" s="53"/>
      <c r="AL1462" s="53"/>
      <c r="AM1462" s="53"/>
      <c r="AN1462" s="53"/>
      <c r="AO1462" s="53"/>
      <c r="AP1462" s="53"/>
      <c r="AQ1462" s="53"/>
      <c r="AR1462" s="53"/>
      <c r="AS1462" s="53"/>
      <c r="AT1462" s="53"/>
      <c r="AU1462" s="53"/>
      <c r="AV1462" s="53"/>
      <c r="AW1462" s="53"/>
      <c r="AX1462" s="53"/>
      <c r="AY1462" s="53"/>
      <c r="AZ1462" s="53"/>
      <c r="BA1462" s="53"/>
      <c r="BB1462" s="53"/>
      <c r="BC1462" s="53"/>
      <c r="BD1462" s="53"/>
      <c r="BE1462" s="53"/>
      <c r="BF1462" s="53"/>
      <c r="BG1462" s="53"/>
      <c r="BH1462" s="53"/>
      <c r="BI1462" s="53"/>
      <c r="BJ1462" s="53"/>
      <c r="BK1462" s="53"/>
      <c r="BL1462" s="53"/>
      <c r="BM1462" s="53"/>
      <c r="BN1462" s="53"/>
      <c r="BO1462" s="53"/>
      <c r="BP1462" s="53"/>
      <c r="BQ1462" s="53"/>
      <c r="BR1462" s="53"/>
      <c r="BS1462" s="53"/>
      <c r="BT1462" s="53"/>
      <c r="BU1462" s="53"/>
      <c r="BV1462" s="53"/>
      <c r="BW1462" s="53"/>
      <c r="BX1462" s="53"/>
      <c r="BY1462" s="53"/>
      <c r="BZ1462" s="53"/>
      <c r="CA1462" s="53"/>
      <c r="CB1462" s="53">
        <v>982890.61780731997</v>
      </c>
      <c r="CC1462" s="53">
        <v>903189.76795237104</v>
      </c>
      <c r="CD1462" s="53">
        <v>1026025.89011202</v>
      </c>
      <c r="CE1462" s="53">
        <v>1087003.14428808</v>
      </c>
      <c r="CF1462" s="53">
        <v>1250090.9124895099</v>
      </c>
      <c r="CG1462" s="53">
        <v>1304779.83067694</v>
      </c>
      <c r="CH1462" s="53">
        <v>1376264.33078181</v>
      </c>
      <c r="CI1462" s="53">
        <v>1378815.3928620699</v>
      </c>
      <c r="CJ1462" s="53">
        <v>1301513.2795216299</v>
      </c>
      <c r="CK1462" s="53">
        <v>1202219.52143859</v>
      </c>
      <c r="CL1462" s="53">
        <v>1010153.1734196401</v>
      </c>
      <c r="CM1462" s="53">
        <v>998070.84101133398</v>
      </c>
      <c r="CN1462" s="53">
        <v>13821016.702361301</v>
      </c>
    </row>
    <row r="1463" spans="1:92" outlineLevel="1">
      <c r="A1463" s="52" t="s">
        <v>649</v>
      </c>
      <c r="B1463" s="53"/>
      <c r="C1463" s="53"/>
      <c r="D1463" s="53"/>
      <c r="E1463" s="53"/>
      <c r="F1463" s="53"/>
      <c r="G1463" s="53"/>
      <c r="H1463" s="53"/>
      <c r="I1463" s="53"/>
      <c r="J1463" s="53"/>
      <c r="K1463" s="53"/>
      <c r="L1463" s="53"/>
      <c r="M1463" s="53"/>
      <c r="N1463" s="53"/>
      <c r="O1463" s="53">
        <v>-5452118.15077643</v>
      </c>
      <c r="P1463" s="53">
        <v>-3485623.4039634899</v>
      </c>
      <c r="Q1463" s="53">
        <v>-3697943.00949249</v>
      </c>
      <c r="R1463" s="53">
        <v>-4067678.1115929298</v>
      </c>
      <c r="S1463" s="53">
        <v>-4911729.7575385701</v>
      </c>
      <c r="T1463" s="53">
        <v>-5238649.9486719603</v>
      </c>
      <c r="U1463" s="53">
        <v>-5502400.6874549296</v>
      </c>
      <c r="V1463" s="53">
        <v>-6841355.9671956599</v>
      </c>
      <c r="W1463" s="53">
        <v>-5118239.83107269</v>
      </c>
      <c r="X1463" s="53">
        <v>-4417093.7970033605</v>
      </c>
      <c r="Y1463" s="53">
        <v>-3504781.910224</v>
      </c>
      <c r="Z1463" s="53">
        <v>-3731810.4250137499</v>
      </c>
      <c r="AA1463" s="53">
        <v>-55969425.000000201</v>
      </c>
      <c r="AB1463" s="53">
        <v>-5452118.15077643</v>
      </c>
      <c r="AC1463" s="53">
        <v>-3485623.4039634899</v>
      </c>
      <c r="AD1463" s="53">
        <v>-3697943.00949249</v>
      </c>
      <c r="AE1463" s="53">
        <v>-4067678.1115929298</v>
      </c>
      <c r="AF1463" s="53">
        <v>-4911729.7575385701</v>
      </c>
      <c r="AG1463" s="53">
        <v>-5238649.9486719603</v>
      </c>
      <c r="AH1463" s="53">
        <v>-5502400.6874549296</v>
      </c>
      <c r="AI1463" s="53">
        <v>-6841355.9671956599</v>
      </c>
      <c r="AJ1463" s="53">
        <v>-5118239.83107269</v>
      </c>
      <c r="AK1463" s="53">
        <v>-4417093.7970033605</v>
      </c>
      <c r="AL1463" s="53">
        <v>-3504781.910224</v>
      </c>
      <c r="AM1463" s="53">
        <v>-3731810.4250137499</v>
      </c>
      <c r="AN1463" s="53">
        <v>-55969425.000000201</v>
      </c>
      <c r="AO1463" s="53">
        <v>-5452118.15077643</v>
      </c>
      <c r="AP1463" s="53">
        <v>-3485623.4039634899</v>
      </c>
      <c r="AQ1463" s="53">
        <v>-3697943.00949249</v>
      </c>
      <c r="AR1463" s="53">
        <v>-4067678.1115929298</v>
      </c>
      <c r="AS1463" s="53">
        <v>-4911729.7575385701</v>
      </c>
      <c r="AT1463" s="53">
        <v>-5238649.9486719603</v>
      </c>
      <c r="AU1463" s="53">
        <v>-5502400.6874549296</v>
      </c>
      <c r="AV1463" s="53">
        <v>-6841355.9671956599</v>
      </c>
      <c r="AW1463" s="53">
        <v>-5118239.83107269</v>
      </c>
      <c r="AX1463" s="53">
        <v>-4417093.7970033605</v>
      </c>
      <c r="AY1463" s="53">
        <v>-3504781.910224</v>
      </c>
      <c r="AZ1463" s="53">
        <v>-3731810.4250137499</v>
      </c>
      <c r="BA1463" s="53">
        <v>-55969425.000000201</v>
      </c>
      <c r="BB1463" s="53">
        <v>-5452118.15077643</v>
      </c>
      <c r="BC1463" s="53">
        <v>-3485623.4039634899</v>
      </c>
      <c r="BD1463" s="53">
        <v>-3697943.00949249</v>
      </c>
      <c r="BE1463" s="53">
        <v>-4067678.1115929298</v>
      </c>
      <c r="BF1463" s="53">
        <v>-4911729.7575385701</v>
      </c>
      <c r="BG1463" s="53">
        <v>-5238649.9486719603</v>
      </c>
      <c r="BH1463" s="53">
        <v>-5502400.6874549296</v>
      </c>
      <c r="BI1463" s="53">
        <v>-6841355.9671956599</v>
      </c>
      <c r="BJ1463" s="53">
        <v>-5118239.83107269</v>
      </c>
      <c r="BK1463" s="53">
        <v>-4417093.7970033605</v>
      </c>
      <c r="BL1463" s="53">
        <v>-3504781.910224</v>
      </c>
      <c r="BM1463" s="53">
        <v>-3731810.4250137499</v>
      </c>
      <c r="BN1463" s="53">
        <v>-55969425.000000201</v>
      </c>
      <c r="BO1463" s="53">
        <v>-5452118.15077643</v>
      </c>
      <c r="BP1463" s="53">
        <v>-3485623.4039634899</v>
      </c>
      <c r="BQ1463" s="53">
        <v>-3697943.00949249</v>
      </c>
      <c r="BR1463" s="53">
        <v>-4067678.1115929298</v>
      </c>
      <c r="BS1463" s="53">
        <v>-4911729.7575385701</v>
      </c>
      <c r="BT1463" s="53">
        <v>-5238649.9486719603</v>
      </c>
      <c r="BU1463" s="53">
        <v>-5502400.6874549296</v>
      </c>
      <c r="BV1463" s="53">
        <v>-6841355.9671956599</v>
      </c>
      <c r="BW1463" s="53">
        <v>-5118239.83107269</v>
      </c>
      <c r="BX1463" s="53">
        <v>-4417093.7970033605</v>
      </c>
      <c r="BY1463" s="53">
        <v>-3504781.910224</v>
      </c>
      <c r="BZ1463" s="53">
        <v>-3731810.4250137499</v>
      </c>
      <c r="CA1463" s="53">
        <v>-55969425.000000201</v>
      </c>
      <c r="CB1463" s="53">
        <v>329125.53873148101</v>
      </c>
      <c r="CC1463" s="53">
        <v>335445.08085522801</v>
      </c>
      <c r="CD1463" s="53">
        <v>358036.23444055498</v>
      </c>
      <c r="CE1463" s="53">
        <v>354757.030219757</v>
      </c>
      <c r="CF1463" s="53">
        <v>364352.69779009698</v>
      </c>
      <c r="CG1463" s="53">
        <v>371515.41141280503</v>
      </c>
      <c r="CH1463" s="53">
        <v>367879.12125121203</v>
      </c>
      <c r="CI1463" s="53">
        <v>375512.95421963901</v>
      </c>
      <c r="CJ1463" s="53">
        <v>365241.77031699498</v>
      </c>
      <c r="CK1463" s="53">
        <v>357475.21890978498</v>
      </c>
      <c r="CL1463" s="53">
        <v>352981.44702563202</v>
      </c>
      <c r="CM1463" s="53">
        <v>340382.13706166903</v>
      </c>
      <c r="CN1463" s="53">
        <v>4272704.64223486</v>
      </c>
    </row>
    <row r="1464" spans="1:92" outlineLevel="1">
      <c r="A1464" s="52" t="s">
        <v>1257</v>
      </c>
      <c r="B1464" s="53"/>
      <c r="C1464" s="53"/>
      <c r="D1464" s="53"/>
      <c r="E1464" s="53"/>
      <c r="F1464" s="53"/>
      <c r="G1464" s="53"/>
      <c r="H1464" s="53"/>
      <c r="I1464" s="53"/>
      <c r="J1464" s="53"/>
      <c r="K1464" s="53"/>
      <c r="L1464" s="53"/>
      <c r="M1464" s="53"/>
      <c r="N1464" s="53"/>
      <c r="O1464" s="53"/>
      <c r="P1464" s="53"/>
      <c r="Q1464" s="53"/>
      <c r="R1464" s="53"/>
      <c r="S1464" s="53"/>
      <c r="T1464" s="53"/>
      <c r="U1464" s="53"/>
      <c r="V1464" s="53"/>
      <c r="W1464" s="53"/>
      <c r="X1464" s="53"/>
      <c r="Y1464" s="53"/>
      <c r="Z1464" s="53"/>
      <c r="AA1464" s="53"/>
      <c r="AB1464" s="53"/>
      <c r="AC1464" s="53"/>
      <c r="AD1464" s="53"/>
      <c r="AE1464" s="53"/>
      <c r="AF1464" s="53"/>
      <c r="AG1464" s="53"/>
      <c r="AH1464" s="53"/>
      <c r="AI1464" s="53"/>
      <c r="AJ1464" s="53"/>
      <c r="AK1464" s="53"/>
      <c r="AL1464" s="53"/>
      <c r="AM1464" s="53"/>
      <c r="AN1464" s="53"/>
      <c r="AO1464" s="53"/>
      <c r="AP1464" s="53"/>
      <c r="AQ1464" s="53"/>
      <c r="AR1464" s="53"/>
      <c r="AS1464" s="53"/>
      <c r="AT1464" s="53"/>
      <c r="AU1464" s="53"/>
      <c r="AV1464" s="53"/>
      <c r="AW1464" s="53"/>
      <c r="AX1464" s="53"/>
      <c r="AY1464" s="53"/>
      <c r="AZ1464" s="53"/>
      <c r="BA1464" s="53"/>
      <c r="BB1464" s="53"/>
      <c r="BC1464" s="53"/>
      <c r="BD1464" s="53"/>
      <c r="BE1464" s="53"/>
      <c r="BF1464" s="53"/>
      <c r="BG1464" s="53"/>
      <c r="BH1464" s="53"/>
      <c r="BI1464" s="53"/>
      <c r="BJ1464" s="53"/>
      <c r="BK1464" s="53"/>
      <c r="BL1464" s="53"/>
      <c r="BM1464" s="53"/>
      <c r="BN1464" s="53"/>
      <c r="BO1464" s="53"/>
      <c r="BP1464" s="53"/>
      <c r="BQ1464" s="53"/>
      <c r="BR1464" s="53"/>
      <c r="BS1464" s="53"/>
      <c r="BT1464" s="53"/>
      <c r="BU1464" s="53"/>
      <c r="BV1464" s="53"/>
      <c r="BW1464" s="53"/>
      <c r="BX1464" s="53"/>
      <c r="BY1464" s="53"/>
      <c r="BZ1464" s="53"/>
      <c r="CA1464" s="53"/>
      <c r="CB1464" s="53">
        <v>2103.5286968594901</v>
      </c>
      <c r="CC1464" s="53">
        <v>2102.7930149733002</v>
      </c>
      <c r="CD1464" s="53">
        <v>2102.0596723021299</v>
      </c>
      <c r="CE1464" s="53">
        <v>2101.3286540173499</v>
      </c>
      <c r="CF1464" s="53">
        <v>2100.5999454308399</v>
      </c>
      <c r="CG1464" s="53">
        <v>2099.8735319932798</v>
      </c>
      <c r="CH1464" s="53">
        <v>2099.1493992924002</v>
      </c>
      <c r="CI1464" s="53">
        <v>2098.4275330512501</v>
      </c>
      <c r="CJ1464" s="53">
        <v>2097.7079191265402</v>
      </c>
      <c r="CK1464" s="53">
        <v>2096.9905435069099</v>
      </c>
      <c r="CL1464" s="53">
        <v>2096.2753923113701</v>
      </c>
      <c r="CM1464" s="53">
        <v>2095.5624517876699</v>
      </c>
      <c r="CN1464" s="53">
        <v>25194.2967546525</v>
      </c>
    </row>
    <row r="1465" spans="1:92" outlineLevel="1">
      <c r="A1465" s="52" t="s">
        <v>649</v>
      </c>
      <c r="B1465" s="53"/>
      <c r="C1465" s="53"/>
      <c r="D1465" s="53"/>
      <c r="E1465" s="53"/>
      <c r="F1465" s="53"/>
      <c r="G1465" s="53"/>
      <c r="H1465" s="53"/>
      <c r="I1465" s="53"/>
      <c r="J1465" s="53"/>
      <c r="K1465" s="53"/>
      <c r="L1465" s="53"/>
      <c r="M1465" s="53"/>
      <c r="N1465" s="53"/>
      <c r="O1465" s="53">
        <v>1250830</v>
      </c>
      <c r="P1465" s="53">
        <v>1250830</v>
      </c>
      <c r="Q1465" s="53">
        <v>1250830</v>
      </c>
      <c r="R1465" s="53">
        <v>1250830</v>
      </c>
      <c r="S1465" s="53">
        <v>1250830</v>
      </c>
      <c r="T1465" s="53">
        <v>3752490</v>
      </c>
      <c r="U1465" s="53">
        <v>3752490</v>
      </c>
      <c r="V1465" s="53">
        <v>3752490</v>
      </c>
      <c r="W1465" s="53">
        <v>3752490</v>
      </c>
      <c r="X1465" s="53">
        <v>3752490</v>
      </c>
      <c r="Y1465" s="53">
        <v>3752490</v>
      </c>
      <c r="Z1465" s="53">
        <v>3752490</v>
      </c>
      <c r="AA1465" s="53">
        <v>32521579.999999899</v>
      </c>
      <c r="AB1465" s="53">
        <v>3752490</v>
      </c>
      <c r="AC1465" s="53">
        <v>3752490</v>
      </c>
      <c r="AD1465" s="53">
        <v>5628735</v>
      </c>
      <c r="AE1465" s="53">
        <v>5628735</v>
      </c>
      <c r="AF1465" s="53">
        <v>5628735</v>
      </c>
      <c r="AG1465" s="53">
        <v>6254150</v>
      </c>
      <c r="AH1465" s="53">
        <v>6254150</v>
      </c>
      <c r="AI1465" s="53">
        <v>6254150</v>
      </c>
      <c r="AJ1465" s="53">
        <v>6254150</v>
      </c>
      <c r="AK1465" s="53">
        <v>6254150</v>
      </c>
      <c r="AL1465" s="53">
        <v>6254150</v>
      </c>
      <c r="AM1465" s="53">
        <v>6254150</v>
      </c>
      <c r="AN1465" s="53">
        <v>68170235</v>
      </c>
      <c r="AO1465" s="53">
        <v>6254150</v>
      </c>
      <c r="AP1465" s="53">
        <v>6254150</v>
      </c>
      <c r="AQ1465" s="53">
        <v>6254150</v>
      </c>
      <c r="AR1465" s="53">
        <v>6254150</v>
      </c>
      <c r="AS1465" s="53">
        <v>6254150</v>
      </c>
      <c r="AT1465" s="53">
        <v>6254150</v>
      </c>
      <c r="AU1465" s="53">
        <v>6254150</v>
      </c>
      <c r="AV1465" s="53">
        <v>6254150</v>
      </c>
      <c r="AW1465" s="53">
        <v>6254150</v>
      </c>
      <c r="AX1465" s="53">
        <v>6254150</v>
      </c>
      <c r="AY1465" s="53">
        <v>6254150</v>
      </c>
      <c r="AZ1465" s="53">
        <v>6254150</v>
      </c>
      <c r="BA1465" s="53">
        <v>75049800</v>
      </c>
      <c r="BB1465" s="53">
        <v>6254150</v>
      </c>
      <c r="BC1465" s="53">
        <v>6254150</v>
      </c>
      <c r="BD1465" s="53">
        <v>6254150</v>
      </c>
      <c r="BE1465" s="53">
        <v>6254150</v>
      </c>
      <c r="BF1465" s="53">
        <v>6254150</v>
      </c>
      <c r="BG1465" s="53">
        <v>6254150</v>
      </c>
      <c r="BH1465" s="53">
        <v>6254150</v>
      </c>
      <c r="BI1465" s="53">
        <v>6254150</v>
      </c>
      <c r="BJ1465" s="53">
        <v>6254150</v>
      </c>
      <c r="BK1465" s="53">
        <v>6254150</v>
      </c>
      <c r="BL1465" s="53">
        <v>6254150</v>
      </c>
      <c r="BM1465" s="53">
        <v>6254150</v>
      </c>
      <c r="BN1465" s="53">
        <v>75049800</v>
      </c>
      <c r="BO1465" s="53">
        <v>6254150</v>
      </c>
      <c r="BP1465" s="53">
        <v>6254150</v>
      </c>
      <c r="BQ1465" s="53">
        <v>6254150</v>
      </c>
      <c r="BR1465" s="53">
        <v>6254150</v>
      </c>
      <c r="BS1465" s="53">
        <v>6254150</v>
      </c>
      <c r="BT1465" s="53">
        <v>6254150</v>
      </c>
      <c r="BU1465" s="53">
        <v>6254150</v>
      </c>
      <c r="BV1465" s="53">
        <v>6254150</v>
      </c>
      <c r="BW1465" s="53">
        <v>6254150</v>
      </c>
      <c r="BX1465" s="53">
        <v>6254150</v>
      </c>
      <c r="BY1465" s="53">
        <v>6254150</v>
      </c>
      <c r="BZ1465" s="53">
        <v>6254150</v>
      </c>
      <c r="CA1465" s="53">
        <v>75049800</v>
      </c>
      <c r="CB1465" s="53">
        <v>288548.96546152502</v>
      </c>
      <c r="CC1465" s="53">
        <v>286681.67712398898</v>
      </c>
      <c r="CD1465" s="53">
        <v>296179.38778249198</v>
      </c>
      <c r="CE1465" s="53">
        <v>314405.29076600203</v>
      </c>
      <c r="CF1465" s="53">
        <v>345063.528404137</v>
      </c>
      <c r="CG1465" s="53">
        <v>350086.41157760698</v>
      </c>
      <c r="CH1465" s="53">
        <v>354301.620122083</v>
      </c>
      <c r="CI1465" s="53">
        <v>319624.58480409899</v>
      </c>
      <c r="CJ1465" s="53">
        <v>360114.32943743002</v>
      </c>
      <c r="CK1465" s="53">
        <v>333053.55778646201</v>
      </c>
      <c r="CL1465" s="53">
        <v>297184.00432870898</v>
      </c>
      <c r="CM1465" s="53">
        <v>290180.74995236198</v>
      </c>
      <c r="CN1465" s="53">
        <v>3835424.1075468999</v>
      </c>
    </row>
    <row r="1466" spans="1:92" outlineLevel="1">
      <c r="A1466" s="52" t="s">
        <v>1258</v>
      </c>
      <c r="B1466" s="53"/>
      <c r="C1466" s="53"/>
      <c r="D1466" s="53"/>
      <c r="E1466" s="53"/>
      <c r="F1466" s="53"/>
      <c r="G1466" s="53"/>
      <c r="H1466" s="53"/>
      <c r="I1466" s="53"/>
      <c r="J1466" s="53"/>
      <c r="K1466" s="53"/>
      <c r="L1466" s="53"/>
      <c r="M1466" s="53"/>
      <c r="N1466" s="53"/>
      <c r="O1466" s="53"/>
      <c r="P1466" s="53"/>
      <c r="Q1466" s="53"/>
      <c r="R1466" s="53"/>
      <c r="S1466" s="53"/>
      <c r="T1466" s="53"/>
      <c r="U1466" s="53"/>
      <c r="V1466" s="53"/>
      <c r="W1466" s="53"/>
      <c r="X1466" s="53"/>
      <c r="Y1466" s="53"/>
      <c r="Z1466" s="53"/>
      <c r="AA1466" s="53"/>
      <c r="AB1466" s="53"/>
      <c r="AC1466" s="53"/>
      <c r="AD1466" s="53"/>
      <c r="AE1466" s="53"/>
      <c r="AF1466" s="53"/>
      <c r="AG1466" s="53"/>
      <c r="AH1466" s="53"/>
      <c r="AI1466" s="53"/>
      <c r="AJ1466" s="53"/>
      <c r="AK1466" s="53"/>
      <c r="AL1466" s="53"/>
      <c r="AM1466" s="53"/>
      <c r="AN1466" s="53"/>
      <c r="AO1466" s="53"/>
      <c r="AP1466" s="53"/>
      <c r="AQ1466" s="53"/>
      <c r="AR1466" s="53"/>
      <c r="AS1466" s="53"/>
      <c r="AT1466" s="53"/>
      <c r="AU1466" s="53"/>
      <c r="AV1466" s="53"/>
      <c r="AW1466" s="53"/>
      <c r="AX1466" s="53"/>
      <c r="AY1466" s="53"/>
      <c r="AZ1466" s="53"/>
      <c r="BA1466" s="53"/>
      <c r="BB1466" s="53"/>
      <c r="BC1466" s="53"/>
      <c r="BD1466" s="53"/>
      <c r="BE1466" s="53"/>
      <c r="BF1466" s="53"/>
      <c r="BG1466" s="53"/>
      <c r="BH1466" s="53"/>
      <c r="BI1466" s="53"/>
      <c r="BJ1466" s="53"/>
      <c r="BK1466" s="53"/>
      <c r="BL1466" s="53"/>
      <c r="BM1466" s="53"/>
      <c r="BN1466" s="53"/>
      <c r="BO1466" s="53"/>
      <c r="BP1466" s="53"/>
      <c r="BQ1466" s="53"/>
      <c r="BR1466" s="53"/>
      <c r="BS1466" s="53"/>
      <c r="BT1466" s="53"/>
      <c r="BU1466" s="53"/>
      <c r="BV1466" s="53"/>
      <c r="BW1466" s="53"/>
      <c r="BX1466" s="53"/>
      <c r="BY1466" s="53"/>
      <c r="BZ1466" s="53"/>
      <c r="CA1466" s="53"/>
      <c r="CB1466" s="53">
        <v>1967217.15784434</v>
      </c>
      <c r="CC1466" s="53">
        <v>1608386.2076145301</v>
      </c>
      <c r="CD1466" s="53">
        <v>1662474.6567446601</v>
      </c>
      <c r="CE1466" s="53">
        <v>1714201.9497177301</v>
      </c>
      <c r="CF1466" s="53">
        <v>2268943.4818608998</v>
      </c>
      <c r="CG1466" s="53">
        <v>2617636.4447136102</v>
      </c>
      <c r="CH1466" s="53">
        <v>2836763.9256125502</v>
      </c>
      <c r="CI1466" s="53">
        <v>2843923.4666057499</v>
      </c>
      <c r="CJ1466" s="53">
        <v>2572887.1230964698</v>
      </c>
      <c r="CK1466" s="53">
        <v>2098479.29797517</v>
      </c>
      <c r="CL1466" s="53">
        <v>1633385.0203865201</v>
      </c>
      <c r="CM1466" s="53">
        <v>1876296.6947107301</v>
      </c>
      <c r="CN1466" s="53">
        <v>25700595.426883001</v>
      </c>
    </row>
    <row r="1467" spans="1:92" outlineLevel="1">
      <c r="A1467" s="52" t="s">
        <v>649</v>
      </c>
      <c r="B1467" s="53"/>
      <c r="C1467" s="53"/>
      <c r="D1467" s="53"/>
      <c r="E1467" s="53"/>
      <c r="F1467" s="53"/>
      <c r="G1467" s="53"/>
      <c r="H1467" s="53"/>
      <c r="I1467" s="53"/>
      <c r="J1467" s="53"/>
      <c r="K1467" s="53"/>
      <c r="L1467" s="53"/>
      <c r="M1467" s="53"/>
      <c r="N1467" s="53"/>
      <c r="O1467" s="53"/>
      <c r="P1467" s="53"/>
      <c r="Q1467" s="53"/>
      <c r="R1467" s="53">
        <v>37711166.130963199</v>
      </c>
      <c r="S1467" s="53">
        <v>37711166.130963199</v>
      </c>
      <c r="T1467" s="53">
        <v>37711166.130963199</v>
      </c>
      <c r="U1467" s="53">
        <v>37711166.130963199</v>
      </c>
      <c r="V1467" s="53">
        <v>37711166.130963199</v>
      </c>
      <c r="W1467" s="53">
        <v>37711166.130963199</v>
      </c>
      <c r="X1467" s="53">
        <v>37711166.130963199</v>
      </c>
      <c r="Y1467" s="53">
        <v>37711166.130963199</v>
      </c>
      <c r="Z1467" s="53">
        <v>37711166.130963199</v>
      </c>
      <c r="AA1467" s="53">
        <v>339400495.17866898</v>
      </c>
      <c r="AB1467" s="53">
        <v>37711166.130963199</v>
      </c>
      <c r="AC1467" s="53">
        <v>37711166.130963199</v>
      </c>
      <c r="AD1467" s="53">
        <v>37711166.130963199</v>
      </c>
      <c r="AE1467" s="53"/>
      <c r="AF1467" s="53"/>
      <c r="AG1467" s="53"/>
      <c r="AH1467" s="53"/>
      <c r="AI1467" s="53"/>
      <c r="AJ1467" s="53"/>
      <c r="AK1467" s="53"/>
      <c r="AL1467" s="53"/>
      <c r="AM1467" s="53"/>
      <c r="AN1467" s="53">
        <v>113133498.39288899</v>
      </c>
      <c r="AO1467" s="53"/>
      <c r="AP1467" s="53"/>
      <c r="AQ1467" s="53"/>
      <c r="AR1467" s="53"/>
      <c r="AS1467" s="53"/>
      <c r="AT1467" s="53"/>
      <c r="AU1467" s="53"/>
      <c r="AV1467" s="53"/>
      <c r="AW1467" s="53"/>
      <c r="AX1467" s="53"/>
      <c r="AY1467" s="53"/>
      <c r="AZ1467" s="53"/>
      <c r="BA1467" s="53"/>
      <c r="BB1467" s="53"/>
      <c r="BC1467" s="53"/>
      <c r="BD1467" s="53"/>
      <c r="BE1467" s="53"/>
      <c r="BF1467" s="53"/>
      <c r="BG1467" s="53"/>
      <c r="BH1467" s="53"/>
      <c r="BI1467" s="53"/>
      <c r="BJ1467" s="53"/>
      <c r="BK1467" s="53"/>
      <c r="BL1467" s="53"/>
      <c r="BM1467" s="53"/>
      <c r="BN1467" s="53"/>
      <c r="BO1467" s="53"/>
      <c r="BP1467" s="53"/>
      <c r="BQ1467" s="53"/>
      <c r="BR1467" s="53"/>
      <c r="BS1467" s="53"/>
      <c r="BT1467" s="53"/>
      <c r="BU1467" s="53"/>
      <c r="BV1467" s="53"/>
      <c r="BW1467" s="53"/>
      <c r="BX1467" s="53"/>
      <c r="BY1467" s="53"/>
      <c r="BZ1467" s="53"/>
      <c r="CA1467" s="53"/>
      <c r="CB1467" s="53"/>
      <c r="CC1467" s="53"/>
      <c r="CD1467" s="53"/>
      <c r="CE1467" s="53"/>
      <c r="CF1467" s="53"/>
      <c r="CG1467" s="53"/>
      <c r="CH1467" s="53"/>
      <c r="CI1467" s="53"/>
      <c r="CJ1467" s="53"/>
      <c r="CK1467" s="53"/>
      <c r="CL1467" s="53"/>
      <c r="CM1467" s="53"/>
      <c r="CN1467" s="53"/>
    </row>
    <row r="1468" spans="1:92" outlineLevel="1">
      <c r="A1468" s="52" t="s">
        <v>1259</v>
      </c>
      <c r="B1468" s="53"/>
      <c r="C1468" s="53"/>
      <c r="D1468" s="53"/>
      <c r="E1468" s="53"/>
      <c r="F1468" s="53"/>
      <c r="G1468" s="53"/>
      <c r="H1468" s="53"/>
      <c r="I1468" s="53"/>
      <c r="J1468" s="53"/>
      <c r="K1468" s="53"/>
      <c r="L1468" s="53"/>
      <c r="M1468" s="53"/>
      <c r="N1468" s="53"/>
      <c r="O1468" s="53"/>
      <c r="P1468" s="53"/>
      <c r="Q1468" s="53"/>
      <c r="R1468" s="53"/>
      <c r="S1468" s="53"/>
      <c r="T1468" s="53"/>
      <c r="U1468" s="53"/>
      <c r="V1468" s="53"/>
      <c r="W1468" s="53"/>
      <c r="X1468" s="53"/>
      <c r="Y1468" s="53"/>
      <c r="Z1468" s="53"/>
      <c r="AA1468" s="53"/>
      <c r="AB1468" s="53"/>
      <c r="AC1468" s="53"/>
      <c r="AD1468" s="53"/>
      <c r="AE1468" s="53"/>
      <c r="AF1468" s="53"/>
      <c r="AG1468" s="53"/>
      <c r="AH1468" s="53"/>
      <c r="AI1468" s="53"/>
      <c r="AJ1468" s="53"/>
      <c r="AK1468" s="53"/>
      <c r="AL1468" s="53"/>
      <c r="AM1468" s="53"/>
      <c r="AN1468" s="53"/>
      <c r="AO1468" s="53"/>
      <c r="AP1468" s="53"/>
      <c r="AQ1468" s="53"/>
      <c r="AR1468" s="53"/>
      <c r="AS1468" s="53"/>
      <c r="AT1468" s="53"/>
      <c r="AU1468" s="53"/>
      <c r="AV1468" s="53"/>
      <c r="AW1468" s="53"/>
      <c r="AX1468" s="53"/>
      <c r="AY1468" s="53"/>
      <c r="AZ1468" s="53"/>
      <c r="BA1468" s="53"/>
      <c r="BB1468" s="53"/>
      <c r="BC1468" s="53"/>
      <c r="BD1468" s="53"/>
      <c r="BE1468" s="53"/>
      <c r="BF1468" s="53"/>
      <c r="BG1468" s="53"/>
      <c r="BH1468" s="53"/>
      <c r="BI1468" s="53"/>
      <c r="BJ1468" s="53"/>
      <c r="BK1468" s="53"/>
      <c r="BL1468" s="53"/>
      <c r="BM1468" s="53"/>
      <c r="BN1468" s="53"/>
      <c r="BO1468" s="53"/>
      <c r="BP1468" s="53"/>
      <c r="BQ1468" s="53"/>
      <c r="BR1468" s="53"/>
      <c r="BS1468" s="53"/>
      <c r="BT1468" s="53"/>
      <c r="BU1468" s="53"/>
      <c r="BV1468" s="53"/>
      <c r="BW1468" s="53"/>
      <c r="BX1468" s="53"/>
      <c r="BY1468" s="53"/>
      <c r="BZ1468" s="53"/>
      <c r="CA1468" s="53"/>
      <c r="CB1468" s="53">
        <v>2361916.9078309098</v>
      </c>
      <c r="CC1468" s="53">
        <v>2170393.2719040099</v>
      </c>
      <c r="CD1468" s="53">
        <v>2465572.3168200199</v>
      </c>
      <c r="CE1468" s="53">
        <v>2612102.56649605</v>
      </c>
      <c r="CF1468" s="53">
        <v>3004007.5762668098</v>
      </c>
      <c r="CG1468" s="53">
        <v>3135426.7578091398</v>
      </c>
      <c r="CH1468" s="53">
        <v>3307206.2482087901</v>
      </c>
      <c r="CI1468" s="53">
        <v>3313336.5302067399</v>
      </c>
      <c r="CJ1468" s="53">
        <v>3127577.1331772199</v>
      </c>
      <c r="CK1468" s="53">
        <v>2888971.1257441598</v>
      </c>
      <c r="CL1468" s="53">
        <v>2427429.6819736599</v>
      </c>
      <c r="CM1468" s="53">
        <v>2398395.4591576001</v>
      </c>
      <c r="CN1468" s="53">
        <v>33212335.575595099</v>
      </c>
    </row>
    <row r="1469" spans="1:92" outlineLevel="1">
      <c r="A1469" s="52" t="s">
        <v>649</v>
      </c>
      <c r="B1469" s="53"/>
      <c r="C1469" s="53"/>
      <c r="D1469" s="53"/>
      <c r="E1469" s="53"/>
      <c r="F1469" s="53"/>
      <c r="G1469" s="53"/>
      <c r="H1469" s="53"/>
      <c r="I1469" s="53"/>
      <c r="J1469" s="53"/>
      <c r="K1469" s="53"/>
      <c r="L1469" s="53"/>
      <c r="M1469" s="53"/>
      <c r="N1469" s="53"/>
      <c r="O1469" s="53">
        <v>1846524.7876208101</v>
      </c>
      <c r="P1469" s="53">
        <v>1846524.7876208101</v>
      </c>
      <c r="Q1469" s="53">
        <v>1846524.7876208101</v>
      </c>
      <c r="R1469" s="53">
        <v>1846524.7876208101</v>
      </c>
      <c r="S1469" s="53">
        <v>1846524.7876208101</v>
      </c>
      <c r="T1469" s="53">
        <v>1039615.05620038</v>
      </c>
      <c r="U1469" s="53">
        <v>1039615.05620038</v>
      </c>
      <c r="V1469" s="53">
        <v>1039615.05620038</v>
      </c>
      <c r="W1469" s="53"/>
      <c r="X1469" s="53"/>
      <c r="Y1469" s="53"/>
      <c r="Z1469" s="53"/>
      <c r="AA1469" s="53">
        <v>12351469.106705099</v>
      </c>
      <c r="AB1469" s="53">
        <v>1846524.7876208101</v>
      </c>
      <c r="AC1469" s="53">
        <v>1846524.7876208101</v>
      </c>
      <c r="AD1469" s="53">
        <v>1846524.7876208101</v>
      </c>
      <c r="AE1469" s="53">
        <v>1846524.7876208101</v>
      </c>
      <c r="AF1469" s="53">
        <v>1846524.7876208101</v>
      </c>
      <c r="AG1469" s="53">
        <v>1039615.05620038</v>
      </c>
      <c r="AH1469" s="53">
        <v>1039615.05620038</v>
      </c>
      <c r="AI1469" s="53">
        <v>1039615.05620038</v>
      </c>
      <c r="AJ1469" s="53"/>
      <c r="AK1469" s="53"/>
      <c r="AL1469" s="53"/>
      <c r="AM1469" s="53"/>
      <c r="AN1469" s="53">
        <v>12351469.106705099</v>
      </c>
      <c r="AO1469" s="53">
        <v>1846524.7876208101</v>
      </c>
      <c r="AP1469" s="53">
        <v>1846524.7876208101</v>
      </c>
      <c r="AQ1469" s="53">
        <v>1846524.7876208101</v>
      </c>
      <c r="AR1469" s="53">
        <v>1846524.7876208101</v>
      </c>
      <c r="AS1469" s="53">
        <v>1846524.7876208101</v>
      </c>
      <c r="AT1469" s="53">
        <v>1039615.05620038</v>
      </c>
      <c r="AU1469" s="53">
        <v>1039615.05620038</v>
      </c>
      <c r="AV1469" s="53">
        <v>1039615.05620038</v>
      </c>
      <c r="AW1469" s="53"/>
      <c r="AX1469" s="53"/>
      <c r="AY1469" s="53"/>
      <c r="AZ1469" s="53"/>
      <c r="BA1469" s="53">
        <v>12351469.106705099</v>
      </c>
      <c r="BB1469" s="53">
        <v>1846524.7876208101</v>
      </c>
      <c r="BC1469" s="53">
        <v>1846524.7876208101</v>
      </c>
      <c r="BD1469" s="53">
        <v>1846524.7876208101</v>
      </c>
      <c r="BE1469" s="53">
        <v>1846524.7876208101</v>
      </c>
      <c r="BF1469" s="53">
        <v>1846524.7876208101</v>
      </c>
      <c r="BG1469" s="53">
        <v>1039615.05620038</v>
      </c>
      <c r="BH1469" s="53">
        <v>1039615.05620038</v>
      </c>
      <c r="BI1469" s="53">
        <v>1039615.05620038</v>
      </c>
      <c r="BJ1469" s="53"/>
      <c r="BK1469" s="53"/>
      <c r="BL1469" s="53"/>
      <c r="BM1469" s="53"/>
      <c r="BN1469" s="53">
        <v>12351469.106705099</v>
      </c>
      <c r="BO1469" s="53">
        <v>1846524.7876208101</v>
      </c>
      <c r="BP1469" s="53">
        <v>1846524.7876208101</v>
      </c>
      <c r="BQ1469" s="53">
        <v>1846524.7876208101</v>
      </c>
      <c r="BR1469" s="53">
        <v>1846524.7876208101</v>
      </c>
      <c r="BS1469" s="53">
        <v>1846524.7876208101</v>
      </c>
      <c r="BT1469" s="53">
        <v>1039615.05620038</v>
      </c>
      <c r="BU1469" s="53">
        <v>1039615.05620038</v>
      </c>
      <c r="BV1469" s="53">
        <v>1039615.05620038</v>
      </c>
      <c r="BW1469" s="53"/>
      <c r="BX1469" s="53"/>
      <c r="BY1469" s="53"/>
      <c r="BZ1469" s="53"/>
      <c r="CA1469" s="53">
        <v>12351469.106705099</v>
      </c>
      <c r="CB1469" s="53">
        <v>790898.96743854601</v>
      </c>
      <c r="CC1469" s="53">
        <v>806085.024891334</v>
      </c>
      <c r="CD1469" s="53">
        <v>860372.27380172</v>
      </c>
      <c r="CE1469" s="53">
        <v>852492.24345753796</v>
      </c>
      <c r="CF1469" s="53">
        <v>875550.93286376202</v>
      </c>
      <c r="CG1469" s="53">
        <v>892763.15781018196</v>
      </c>
      <c r="CH1469" s="53">
        <v>884025.03877756104</v>
      </c>
      <c r="CI1469" s="53">
        <v>902369.37825239205</v>
      </c>
      <c r="CJ1469" s="53">
        <v>877687.40196370496</v>
      </c>
      <c r="CK1469" s="53">
        <v>859024.13592790696</v>
      </c>
      <c r="CL1469" s="53">
        <v>848225.46148659999</v>
      </c>
      <c r="CM1469" s="53">
        <v>817948.92542882904</v>
      </c>
      <c r="CN1469" s="53">
        <v>10267442.9421</v>
      </c>
    </row>
    <row r="1470" spans="1:92" outlineLevel="1">
      <c r="A1470" s="52" t="s">
        <v>1260</v>
      </c>
      <c r="B1470" s="53"/>
      <c r="C1470" s="53"/>
      <c r="D1470" s="53"/>
      <c r="E1470" s="53"/>
      <c r="F1470" s="53"/>
      <c r="G1470" s="53"/>
      <c r="H1470" s="53"/>
      <c r="I1470" s="53"/>
      <c r="J1470" s="53"/>
      <c r="K1470" s="53"/>
      <c r="L1470" s="53"/>
      <c r="M1470" s="53"/>
      <c r="N1470" s="53"/>
      <c r="O1470" s="53"/>
      <c r="P1470" s="53"/>
      <c r="Q1470" s="53"/>
      <c r="R1470" s="53"/>
      <c r="S1470" s="53"/>
      <c r="T1470" s="53"/>
      <c r="U1470" s="53"/>
      <c r="V1470" s="53"/>
      <c r="W1470" s="53"/>
      <c r="X1470" s="53"/>
      <c r="Y1470" s="53"/>
      <c r="Z1470" s="53"/>
      <c r="AA1470" s="53"/>
      <c r="AB1470" s="53"/>
      <c r="AC1470" s="53"/>
      <c r="AD1470" s="53"/>
      <c r="AE1470" s="53"/>
      <c r="AF1470" s="53"/>
      <c r="AG1470" s="53"/>
      <c r="AH1470" s="53"/>
      <c r="AI1470" s="53"/>
      <c r="AJ1470" s="53"/>
      <c r="AK1470" s="53"/>
      <c r="AL1470" s="53"/>
      <c r="AM1470" s="53"/>
      <c r="AN1470" s="53"/>
      <c r="AO1470" s="53"/>
      <c r="AP1470" s="53"/>
      <c r="AQ1470" s="53"/>
      <c r="AR1470" s="53"/>
      <c r="AS1470" s="53"/>
      <c r="AT1470" s="53"/>
      <c r="AU1470" s="53"/>
      <c r="AV1470" s="53"/>
      <c r="AW1470" s="53"/>
      <c r="AX1470" s="53"/>
      <c r="AY1470" s="53"/>
      <c r="AZ1470" s="53"/>
      <c r="BA1470" s="53"/>
      <c r="BB1470" s="53"/>
      <c r="BC1470" s="53"/>
      <c r="BD1470" s="53"/>
      <c r="BE1470" s="53"/>
      <c r="BF1470" s="53"/>
      <c r="BG1470" s="53"/>
      <c r="BH1470" s="53"/>
      <c r="BI1470" s="53"/>
      <c r="BJ1470" s="53"/>
      <c r="BK1470" s="53"/>
      <c r="BL1470" s="53"/>
      <c r="BM1470" s="53"/>
      <c r="BN1470" s="53"/>
      <c r="BO1470" s="53"/>
      <c r="BP1470" s="53"/>
      <c r="BQ1470" s="53"/>
      <c r="BR1470" s="53"/>
      <c r="BS1470" s="53"/>
      <c r="BT1470" s="53"/>
      <c r="BU1470" s="53"/>
      <c r="BV1470" s="53"/>
      <c r="BW1470" s="53"/>
      <c r="BX1470" s="53"/>
      <c r="BY1470" s="53"/>
      <c r="BZ1470" s="53"/>
      <c r="CA1470" s="53"/>
      <c r="CB1470" s="53">
        <v>5054.8452749540302</v>
      </c>
      <c r="CC1470" s="53">
        <v>5053.0774083630704</v>
      </c>
      <c r="CD1470" s="53">
        <v>5051.31516297902</v>
      </c>
      <c r="CE1470" s="53">
        <v>5049.5585031681603</v>
      </c>
      <c r="CF1470" s="53">
        <v>5047.8073936345399</v>
      </c>
      <c r="CG1470" s="53">
        <v>5046.06179941563</v>
      </c>
      <c r="CH1470" s="53">
        <v>5044.3216858783499</v>
      </c>
      <c r="CI1470" s="53">
        <v>5042.5870187147102</v>
      </c>
      <c r="CJ1470" s="53">
        <v>5040.85776393793</v>
      </c>
      <c r="CK1470" s="53">
        <v>5039.1338878783099</v>
      </c>
      <c r="CL1470" s="53">
        <v>5037.4153571793804</v>
      </c>
      <c r="CM1470" s="53">
        <v>5035.7021387940304</v>
      </c>
      <c r="CN1470" s="53">
        <v>60542.683394897198</v>
      </c>
    </row>
    <row r="1471" spans="1:92" outlineLevel="1">
      <c r="A1471" s="52" t="s">
        <v>649</v>
      </c>
      <c r="B1471" s="53">
        <v>666666.66666666698</v>
      </c>
      <c r="C1471" s="53">
        <v>666666.66666666698</v>
      </c>
      <c r="D1471" s="53">
        <v>666666.66666666698</v>
      </c>
      <c r="E1471" s="53">
        <v>666666.66666666698</v>
      </c>
      <c r="F1471" s="53">
        <v>666666.66666666698</v>
      </c>
      <c r="G1471" s="53">
        <v>666666.66666666698</v>
      </c>
      <c r="H1471" s="53">
        <v>666666.66666666698</v>
      </c>
      <c r="I1471" s="53">
        <v>666666.66666666698</v>
      </c>
      <c r="J1471" s="53">
        <v>666666.66666666698</v>
      </c>
      <c r="K1471" s="53">
        <v>666666.66666666698</v>
      </c>
      <c r="L1471" s="53">
        <v>666666.66666666698</v>
      </c>
      <c r="M1471" s="53">
        <v>666666.66666666698</v>
      </c>
      <c r="N1471" s="53">
        <v>8000000</v>
      </c>
      <c r="O1471" s="53">
        <v>583333.33333333302</v>
      </c>
      <c r="P1471" s="53">
        <v>583333.33333333302</v>
      </c>
      <c r="Q1471" s="53">
        <v>583333.33333333302</v>
      </c>
      <c r="R1471" s="53">
        <v>583333.33333333302</v>
      </c>
      <c r="S1471" s="53">
        <v>583333.33333333302</v>
      </c>
      <c r="T1471" s="53">
        <v>583333.33333333302</v>
      </c>
      <c r="U1471" s="53">
        <v>583333.33333333302</v>
      </c>
      <c r="V1471" s="53">
        <v>583333.33333333302</v>
      </c>
      <c r="W1471" s="53">
        <v>583333.33333333302</v>
      </c>
      <c r="X1471" s="53">
        <v>583333.33333333302</v>
      </c>
      <c r="Y1471" s="53">
        <v>583333.33333333302</v>
      </c>
      <c r="Z1471" s="53">
        <v>583333.33333333302</v>
      </c>
      <c r="AA1471" s="53">
        <v>6999999.9999999898</v>
      </c>
      <c r="AB1471" s="53">
        <v>583333.33333333302</v>
      </c>
      <c r="AC1471" s="53">
        <v>583333.33333333302</v>
      </c>
      <c r="AD1471" s="53">
        <v>583333.33333333302</v>
      </c>
      <c r="AE1471" s="53">
        <v>583333.33333333302</v>
      </c>
      <c r="AF1471" s="53">
        <v>583333.33333333302</v>
      </c>
      <c r="AG1471" s="53">
        <v>583333.33333333302</v>
      </c>
      <c r="AH1471" s="53">
        <v>583333.33333333302</v>
      </c>
      <c r="AI1471" s="53">
        <v>583333.33333333302</v>
      </c>
      <c r="AJ1471" s="53">
        <v>583333.33333333302</v>
      </c>
      <c r="AK1471" s="53">
        <v>583333.33333333302</v>
      </c>
      <c r="AL1471" s="53">
        <v>583333.33333333302</v>
      </c>
      <c r="AM1471" s="53">
        <v>583333.33333333302</v>
      </c>
      <c r="AN1471" s="53">
        <v>6999999.9999999898</v>
      </c>
      <c r="AO1471" s="53">
        <v>416666.66666666698</v>
      </c>
      <c r="AP1471" s="53">
        <v>416666.66666666698</v>
      </c>
      <c r="AQ1471" s="53">
        <v>416666.66666666698</v>
      </c>
      <c r="AR1471" s="53">
        <v>416666.66666666698</v>
      </c>
      <c r="AS1471" s="53">
        <v>416666.66666666698</v>
      </c>
      <c r="AT1471" s="53">
        <v>416666.66666666698</v>
      </c>
      <c r="AU1471" s="53">
        <v>416666.66666666698</v>
      </c>
      <c r="AV1471" s="53">
        <v>416666.66666666698</v>
      </c>
      <c r="AW1471" s="53">
        <v>416666.66666666698</v>
      </c>
      <c r="AX1471" s="53">
        <v>416666.66666666698</v>
      </c>
      <c r="AY1471" s="53">
        <v>416666.66666666698</v>
      </c>
      <c r="AZ1471" s="53">
        <v>416666.66666666698</v>
      </c>
      <c r="BA1471" s="53">
        <v>5000000</v>
      </c>
      <c r="BB1471" s="53">
        <v>416666.66666666698</v>
      </c>
      <c r="BC1471" s="53">
        <v>416666.66666666698</v>
      </c>
      <c r="BD1471" s="53">
        <v>416666.66666666698</v>
      </c>
      <c r="BE1471" s="53">
        <v>416666.66666666698</v>
      </c>
      <c r="BF1471" s="53">
        <v>416666.66666666698</v>
      </c>
      <c r="BG1471" s="53">
        <v>416666.66666666698</v>
      </c>
      <c r="BH1471" s="53">
        <v>416666.66666666698</v>
      </c>
      <c r="BI1471" s="53">
        <v>416666.66666666698</v>
      </c>
      <c r="BJ1471" s="53">
        <v>416666.66666666698</v>
      </c>
      <c r="BK1471" s="53">
        <v>416666.66666666698</v>
      </c>
      <c r="BL1471" s="53">
        <v>416666.66666666698</v>
      </c>
      <c r="BM1471" s="53">
        <v>416666.66666666698</v>
      </c>
      <c r="BN1471" s="53">
        <v>5000000</v>
      </c>
      <c r="BO1471" s="53">
        <v>416666.66666666698</v>
      </c>
      <c r="BP1471" s="53">
        <v>416666.66666666698</v>
      </c>
      <c r="BQ1471" s="53">
        <v>416666.66666666698</v>
      </c>
      <c r="BR1471" s="53">
        <v>416666.66666666698</v>
      </c>
      <c r="BS1471" s="53">
        <v>416666.66666666698</v>
      </c>
      <c r="BT1471" s="53">
        <v>416666.66666666698</v>
      </c>
      <c r="BU1471" s="53">
        <v>416666.66666666698</v>
      </c>
      <c r="BV1471" s="53">
        <v>416666.66666666698</v>
      </c>
      <c r="BW1471" s="53">
        <v>416666.66666666698</v>
      </c>
      <c r="BX1471" s="53">
        <v>416666.66666666698</v>
      </c>
      <c r="BY1471" s="53">
        <v>416666.66666666698</v>
      </c>
      <c r="BZ1471" s="53">
        <v>416666.66666666698</v>
      </c>
      <c r="CA1471" s="53">
        <v>5000000</v>
      </c>
      <c r="CB1471" s="53">
        <v>693392.19228796999</v>
      </c>
      <c r="CC1471" s="53">
        <v>688905.03998809296</v>
      </c>
      <c r="CD1471" s="53">
        <v>711728.33587024198</v>
      </c>
      <c r="CE1471" s="53">
        <v>755525.75100202195</v>
      </c>
      <c r="CF1471" s="53">
        <v>829198.45529881294</v>
      </c>
      <c r="CG1471" s="53">
        <v>841268.60072348302</v>
      </c>
      <c r="CH1471" s="53">
        <v>851397.87874369696</v>
      </c>
      <c r="CI1471" s="53">
        <v>768067.877879804</v>
      </c>
      <c r="CJ1471" s="53">
        <v>865366.001099827</v>
      </c>
      <c r="CK1471" s="53">
        <v>800338.12012975605</v>
      </c>
      <c r="CL1471" s="53">
        <v>714142.46086381504</v>
      </c>
      <c r="CM1471" s="53">
        <v>697313.42147565202</v>
      </c>
      <c r="CN1471" s="53">
        <v>9216644.1353631709</v>
      </c>
    </row>
    <row r="1472" spans="1:92" outlineLevel="1">
      <c r="A1472" s="52" t="s">
        <v>1401</v>
      </c>
      <c r="B1472" s="53"/>
      <c r="C1472" s="53"/>
      <c r="D1472" s="53"/>
      <c r="E1472" s="53"/>
      <c r="F1472" s="53"/>
      <c r="G1472" s="53"/>
      <c r="H1472" s="53"/>
      <c r="I1472" s="53"/>
      <c r="J1472" s="53"/>
      <c r="K1472" s="53"/>
      <c r="L1472" s="53"/>
      <c r="M1472" s="53"/>
      <c r="N1472" s="53"/>
      <c r="O1472" s="53"/>
      <c r="P1472" s="53"/>
      <c r="Q1472" s="53"/>
      <c r="R1472" s="53"/>
      <c r="S1472" s="53"/>
      <c r="T1472" s="53"/>
      <c r="U1472" s="53"/>
      <c r="V1472" s="53"/>
      <c r="W1472" s="53"/>
      <c r="X1472" s="53"/>
      <c r="Y1472" s="53"/>
      <c r="Z1472" s="53"/>
      <c r="AA1472" s="53"/>
      <c r="AB1472" s="53"/>
      <c r="AC1472" s="53"/>
      <c r="AD1472" s="53"/>
      <c r="AE1472" s="53"/>
      <c r="AF1472" s="53"/>
      <c r="AG1472" s="53"/>
      <c r="AH1472" s="53"/>
      <c r="AI1472" s="53"/>
      <c r="AJ1472" s="53"/>
      <c r="AK1472" s="53"/>
      <c r="AL1472" s="53"/>
      <c r="AM1472" s="53"/>
      <c r="AN1472" s="53"/>
      <c r="AO1472" s="53"/>
      <c r="AP1472" s="53"/>
      <c r="AQ1472" s="53"/>
      <c r="AR1472" s="53"/>
      <c r="AS1472" s="53"/>
      <c r="AT1472" s="53"/>
      <c r="AU1472" s="53"/>
      <c r="AV1472" s="53"/>
      <c r="AW1472" s="53"/>
      <c r="AX1472" s="53"/>
      <c r="AY1472" s="53"/>
      <c r="AZ1472" s="53"/>
      <c r="BA1472" s="53"/>
      <c r="BB1472" s="53"/>
      <c r="BC1472" s="53"/>
      <c r="BD1472" s="53"/>
      <c r="BE1472" s="53"/>
      <c r="BF1472" s="53"/>
      <c r="BG1472" s="53"/>
      <c r="BH1472" s="53"/>
      <c r="BI1472" s="53"/>
      <c r="BJ1472" s="53"/>
      <c r="BK1472" s="53"/>
      <c r="BL1472" s="53"/>
      <c r="BM1472" s="53"/>
      <c r="BN1472" s="53"/>
      <c r="BO1472" s="53"/>
      <c r="BP1472" s="53"/>
      <c r="BQ1472" s="53"/>
      <c r="BR1472" s="53"/>
      <c r="BS1472" s="53"/>
      <c r="BT1472" s="53"/>
      <c r="BU1472" s="53"/>
      <c r="BV1472" s="53"/>
      <c r="BW1472" s="53"/>
      <c r="BX1472" s="53"/>
      <c r="BY1472" s="53"/>
      <c r="BZ1472" s="53"/>
      <c r="CA1472" s="53"/>
      <c r="CB1472" s="53">
        <v>4727284.3817077596</v>
      </c>
      <c r="CC1472" s="53">
        <v>3865002.3809989402</v>
      </c>
      <c r="CD1472" s="53">
        <v>3994978.6166087501</v>
      </c>
      <c r="CE1472" s="53">
        <v>4119280.9200959802</v>
      </c>
      <c r="CF1472" s="53">
        <v>5452342.1789041497</v>
      </c>
      <c r="CG1472" s="53">
        <v>6290262.2787426999</v>
      </c>
      <c r="CH1472" s="53">
        <v>6816832.4715279397</v>
      </c>
      <c r="CI1472" s="53">
        <v>6834037.0725463703</v>
      </c>
      <c r="CJ1472" s="53">
        <v>6182728.2587545002</v>
      </c>
      <c r="CK1472" s="53">
        <v>5042711.4114465397</v>
      </c>
      <c r="CL1472" s="53">
        <v>3925075.3102670698</v>
      </c>
      <c r="CM1472" s="53">
        <v>4508799.6640266003</v>
      </c>
      <c r="CN1472" s="53">
        <v>61759334.945627302</v>
      </c>
    </row>
    <row r="1473" spans="1:92" outlineLevel="1">
      <c r="A1473" s="52" t="s">
        <v>649</v>
      </c>
      <c r="B1473" s="53">
        <v>221439.91666666599</v>
      </c>
      <c r="C1473" s="53">
        <v>221439.91666666599</v>
      </c>
      <c r="D1473" s="53">
        <v>221439.91666666599</v>
      </c>
      <c r="E1473" s="53">
        <v>221439.91666666599</v>
      </c>
      <c r="F1473" s="53">
        <v>221439.91666666599</v>
      </c>
      <c r="G1473" s="53">
        <v>221439.91666666599</v>
      </c>
      <c r="H1473" s="53">
        <v>221439.91666666599</v>
      </c>
      <c r="I1473" s="53">
        <v>221439.91666666599</v>
      </c>
      <c r="J1473" s="53">
        <v>221439.91666666599</v>
      </c>
      <c r="K1473" s="53">
        <v>221439.91666666599</v>
      </c>
      <c r="L1473" s="53">
        <v>221439.91666666599</v>
      </c>
      <c r="M1473" s="53">
        <v>221439.91666666599</v>
      </c>
      <c r="N1473" s="53">
        <v>2657279</v>
      </c>
      <c r="O1473" s="53"/>
      <c r="P1473" s="53"/>
      <c r="Q1473" s="53"/>
      <c r="R1473" s="53"/>
      <c r="S1473" s="53"/>
      <c r="T1473" s="53"/>
      <c r="U1473" s="53"/>
      <c r="V1473" s="53"/>
      <c r="W1473" s="53"/>
      <c r="X1473" s="53"/>
      <c r="Y1473" s="53"/>
      <c r="Z1473" s="53"/>
      <c r="AA1473" s="53"/>
      <c r="AB1473" s="53"/>
      <c r="AC1473" s="53"/>
      <c r="AD1473" s="53"/>
      <c r="AE1473" s="53"/>
      <c r="AF1473" s="53"/>
      <c r="AG1473" s="53"/>
      <c r="AH1473" s="53"/>
      <c r="AI1473" s="53"/>
      <c r="AJ1473" s="53"/>
      <c r="AK1473" s="53"/>
      <c r="AL1473" s="53"/>
      <c r="AM1473" s="53"/>
      <c r="AN1473" s="53"/>
      <c r="AO1473" s="53"/>
      <c r="AP1473" s="53"/>
      <c r="AQ1473" s="53"/>
      <c r="AR1473" s="53"/>
      <c r="AS1473" s="53"/>
      <c r="AT1473" s="53"/>
      <c r="AU1473" s="53"/>
      <c r="AV1473" s="53"/>
      <c r="AW1473" s="53"/>
      <c r="AX1473" s="53"/>
      <c r="AY1473" s="53"/>
      <c r="AZ1473" s="53"/>
      <c r="BA1473" s="53"/>
      <c r="BB1473" s="53"/>
      <c r="BC1473" s="53"/>
      <c r="BD1473" s="53"/>
      <c r="BE1473" s="53"/>
      <c r="BF1473" s="53"/>
      <c r="BG1473" s="53"/>
      <c r="BH1473" s="53"/>
      <c r="BI1473" s="53"/>
      <c r="BJ1473" s="53"/>
      <c r="BK1473" s="53"/>
      <c r="BL1473" s="53"/>
      <c r="BM1473" s="53"/>
      <c r="BN1473" s="53"/>
      <c r="BO1473" s="53"/>
      <c r="BP1473" s="53"/>
      <c r="BQ1473" s="53"/>
      <c r="BR1473" s="53"/>
      <c r="BS1473" s="53"/>
      <c r="BT1473" s="53"/>
      <c r="BU1473" s="53"/>
      <c r="BV1473" s="53"/>
      <c r="BW1473" s="53"/>
      <c r="BX1473" s="53"/>
      <c r="BY1473" s="53"/>
      <c r="BZ1473" s="53"/>
      <c r="CA1473" s="53"/>
      <c r="CB1473" s="53"/>
      <c r="CC1473" s="53"/>
      <c r="CD1473" s="53"/>
      <c r="CE1473" s="53"/>
      <c r="CF1473" s="53"/>
      <c r="CG1473" s="53"/>
      <c r="CH1473" s="53"/>
      <c r="CI1473" s="53"/>
      <c r="CJ1473" s="53"/>
      <c r="CK1473" s="53"/>
      <c r="CL1473" s="53"/>
      <c r="CM1473" s="53"/>
      <c r="CN1473" s="53"/>
    </row>
    <row r="1474" spans="1:92" outlineLevel="1">
      <c r="A1474" s="52" t="s">
        <v>1302</v>
      </c>
      <c r="B1474" s="53"/>
      <c r="C1474" s="53"/>
      <c r="D1474" s="53"/>
      <c r="E1474" s="53"/>
      <c r="F1474" s="53"/>
      <c r="G1474" s="53"/>
      <c r="H1474" s="53"/>
      <c r="I1474" s="53"/>
      <c r="J1474" s="53"/>
      <c r="K1474" s="53"/>
      <c r="L1474" s="53"/>
      <c r="M1474" s="53"/>
      <c r="N1474" s="53"/>
      <c r="O1474" s="53"/>
      <c r="P1474" s="53"/>
      <c r="Q1474" s="53"/>
      <c r="R1474" s="53"/>
      <c r="S1474" s="53"/>
      <c r="T1474" s="53"/>
      <c r="U1474" s="53"/>
      <c r="V1474" s="53"/>
      <c r="W1474" s="53"/>
      <c r="X1474" s="53"/>
      <c r="Y1474" s="53"/>
      <c r="Z1474" s="53"/>
      <c r="AA1474" s="53"/>
      <c r="AB1474" s="53"/>
      <c r="AC1474" s="53"/>
      <c r="AD1474" s="53"/>
      <c r="AE1474" s="53"/>
      <c r="AF1474" s="53"/>
      <c r="AG1474" s="53"/>
      <c r="AH1474" s="53"/>
      <c r="AI1474" s="53"/>
      <c r="AJ1474" s="53"/>
      <c r="AK1474" s="53"/>
      <c r="AL1474" s="53"/>
      <c r="AM1474" s="53"/>
      <c r="AN1474" s="53"/>
      <c r="AO1474" s="53"/>
      <c r="AP1474" s="53"/>
      <c r="AQ1474" s="53"/>
      <c r="AR1474" s="53"/>
      <c r="AS1474" s="53"/>
      <c r="AT1474" s="53"/>
      <c r="AU1474" s="53"/>
      <c r="AV1474" s="53"/>
      <c r="AW1474" s="53"/>
      <c r="AX1474" s="53"/>
      <c r="AY1474" s="53"/>
      <c r="AZ1474" s="53"/>
      <c r="BA1474" s="53"/>
      <c r="BB1474" s="53"/>
      <c r="BC1474" s="53"/>
      <c r="BD1474" s="53"/>
      <c r="BE1474" s="53"/>
      <c r="BF1474" s="53"/>
      <c r="BG1474" s="53"/>
      <c r="BH1474" s="53"/>
      <c r="BI1474" s="53"/>
      <c r="BJ1474" s="53"/>
      <c r="BK1474" s="53"/>
      <c r="BL1474" s="53"/>
      <c r="BM1474" s="53"/>
      <c r="BN1474" s="53"/>
      <c r="BO1474" s="53"/>
      <c r="BP1474" s="53"/>
      <c r="BQ1474" s="53"/>
      <c r="BR1474" s="53"/>
      <c r="BS1474" s="53"/>
      <c r="BT1474" s="53"/>
      <c r="BU1474" s="53"/>
      <c r="BV1474" s="53"/>
      <c r="BW1474" s="53"/>
      <c r="BX1474" s="53"/>
      <c r="BY1474" s="53"/>
      <c r="BZ1474" s="53"/>
      <c r="CA1474" s="53"/>
      <c r="CB1474" s="53">
        <v>232464.62502714299</v>
      </c>
      <c r="CC1474" s="53">
        <v>213614.48255940099</v>
      </c>
      <c r="CD1474" s="53">
        <v>242666.59940769701</v>
      </c>
      <c r="CE1474" s="53">
        <v>257088.40206855099</v>
      </c>
      <c r="CF1474" s="53">
        <v>295660.48343202402</v>
      </c>
      <c r="CG1474" s="53">
        <v>308595.02429471299</v>
      </c>
      <c r="CH1474" s="53">
        <v>325501.90814431402</v>
      </c>
      <c r="CI1474" s="53">
        <v>326105.262860663</v>
      </c>
      <c r="CJ1474" s="53">
        <v>307822.448409162</v>
      </c>
      <c r="CK1474" s="53">
        <v>284338.36399313301</v>
      </c>
      <c r="CL1474" s="53">
        <v>238912.524369024</v>
      </c>
      <c r="CM1474" s="53">
        <v>236054.91761007701</v>
      </c>
      <c r="CN1474" s="53">
        <v>3268825.0421759002</v>
      </c>
    </row>
    <row r="1475" spans="1:92" outlineLevel="1">
      <c r="A1475" s="52" t="s">
        <v>649</v>
      </c>
      <c r="B1475" s="53"/>
      <c r="C1475" s="53"/>
      <c r="D1475" s="53"/>
      <c r="E1475" s="53"/>
      <c r="F1475" s="53"/>
      <c r="G1475" s="53"/>
      <c r="H1475" s="53"/>
      <c r="I1475" s="53"/>
      <c r="J1475" s="53"/>
      <c r="K1475" s="53"/>
      <c r="L1475" s="53"/>
      <c r="M1475" s="53"/>
      <c r="N1475" s="53"/>
      <c r="O1475" s="53">
        <v>140755.66666666701</v>
      </c>
      <c r="P1475" s="53">
        <v>140755.66666666701</v>
      </c>
      <c r="Q1475" s="53">
        <v>140755.66666666701</v>
      </c>
      <c r="R1475" s="53">
        <v>140755.66666666701</v>
      </c>
      <c r="S1475" s="53">
        <v>140755.66666666701</v>
      </c>
      <c r="T1475" s="53">
        <v>140755.66666666701</v>
      </c>
      <c r="U1475" s="53">
        <v>140755.66666666701</v>
      </c>
      <c r="V1475" s="53">
        <v>140755.66666666701</v>
      </c>
      <c r="W1475" s="53">
        <v>140755.66666666701</v>
      </c>
      <c r="X1475" s="53">
        <v>140755.66666666701</v>
      </c>
      <c r="Y1475" s="53">
        <v>140755.66666666701</v>
      </c>
      <c r="Z1475" s="53">
        <v>140755.66666666701</v>
      </c>
      <c r="AA1475" s="53">
        <v>1689068</v>
      </c>
      <c r="AB1475" s="53">
        <v>140755.66666666701</v>
      </c>
      <c r="AC1475" s="53">
        <v>140755.66666666701</v>
      </c>
      <c r="AD1475" s="53">
        <v>140755.66666666701</v>
      </c>
      <c r="AE1475" s="53">
        <v>140755.66666666701</v>
      </c>
      <c r="AF1475" s="53">
        <v>140755.66666666701</v>
      </c>
      <c r="AG1475" s="53">
        <v>140755.66666666701</v>
      </c>
      <c r="AH1475" s="53">
        <v>140755.66666666701</v>
      </c>
      <c r="AI1475" s="53">
        <v>140755.66666666701</v>
      </c>
      <c r="AJ1475" s="53">
        <v>140755.66666666701</v>
      </c>
      <c r="AK1475" s="53">
        <v>140755.66666666701</v>
      </c>
      <c r="AL1475" s="53">
        <v>140755.66666666701</v>
      </c>
      <c r="AM1475" s="53">
        <v>140755.66666666701</v>
      </c>
      <c r="AN1475" s="53">
        <v>1689068</v>
      </c>
      <c r="AO1475" s="53">
        <v>140755.66666666701</v>
      </c>
      <c r="AP1475" s="53">
        <v>140755.66666666701</v>
      </c>
      <c r="AQ1475" s="53">
        <v>140755.66666666701</v>
      </c>
      <c r="AR1475" s="53">
        <v>140755.66666666701</v>
      </c>
      <c r="AS1475" s="53">
        <v>140755.66666666701</v>
      </c>
      <c r="AT1475" s="53">
        <v>140755.66666666701</v>
      </c>
      <c r="AU1475" s="53">
        <v>140755.66666666701</v>
      </c>
      <c r="AV1475" s="53">
        <v>140755.66666666701</v>
      </c>
      <c r="AW1475" s="53">
        <v>140755.66666666701</v>
      </c>
      <c r="AX1475" s="53">
        <v>140755.66666666701</v>
      </c>
      <c r="AY1475" s="53">
        <v>140755.66666666701</v>
      </c>
      <c r="AZ1475" s="53">
        <v>140755.66666666701</v>
      </c>
      <c r="BA1475" s="53">
        <v>1689068</v>
      </c>
      <c r="BB1475" s="53">
        <v>140755.66666666701</v>
      </c>
      <c r="BC1475" s="53">
        <v>140755.66666666701</v>
      </c>
      <c r="BD1475" s="53">
        <v>140755.66666666701</v>
      </c>
      <c r="BE1475" s="53">
        <v>140755.66666666701</v>
      </c>
      <c r="BF1475" s="53">
        <v>140755.66666666701</v>
      </c>
      <c r="BG1475" s="53">
        <v>140755.66666666701</v>
      </c>
      <c r="BH1475" s="53">
        <v>140755.66666666701</v>
      </c>
      <c r="BI1475" s="53">
        <v>140755.66666666701</v>
      </c>
      <c r="BJ1475" s="53">
        <v>140755.66666666701</v>
      </c>
      <c r="BK1475" s="53">
        <v>140755.66666666701</v>
      </c>
      <c r="BL1475" s="53">
        <v>140755.66666666701</v>
      </c>
      <c r="BM1475" s="53">
        <v>140755.66666666701</v>
      </c>
      <c r="BN1475" s="53">
        <v>1689068</v>
      </c>
      <c r="BO1475" s="53">
        <v>140755.66666666701</v>
      </c>
      <c r="BP1475" s="53">
        <v>140755.66666666701</v>
      </c>
      <c r="BQ1475" s="53">
        <v>140755.66666666701</v>
      </c>
      <c r="BR1475" s="53">
        <v>140755.66666666701</v>
      </c>
      <c r="BS1475" s="53">
        <v>140755.66666666701</v>
      </c>
      <c r="BT1475" s="53">
        <v>140755.66666666701</v>
      </c>
      <c r="BU1475" s="53">
        <v>140755.66666666701</v>
      </c>
      <c r="BV1475" s="53">
        <v>140755.66666666701</v>
      </c>
      <c r="BW1475" s="53">
        <v>140755.66666666701</v>
      </c>
      <c r="BX1475" s="53">
        <v>140755.66666666701</v>
      </c>
      <c r="BY1475" s="53">
        <v>140755.66666666701</v>
      </c>
      <c r="BZ1475" s="53">
        <v>140755.66666666701</v>
      </c>
      <c r="CA1475" s="53">
        <v>1689068</v>
      </c>
      <c r="CB1475" s="53">
        <v>77841.8712742957</v>
      </c>
      <c r="CC1475" s="53">
        <v>79336.513672467496</v>
      </c>
      <c r="CD1475" s="53">
        <v>84679.574183981196</v>
      </c>
      <c r="CE1475" s="53">
        <v>83904.005706915195</v>
      </c>
      <c r="CF1475" s="53">
        <v>86173.488417616507</v>
      </c>
      <c r="CG1475" s="53">
        <v>87867.550306409597</v>
      </c>
      <c r="CH1475" s="53">
        <v>87007.527010236096</v>
      </c>
      <c r="CI1475" s="53">
        <v>88813.013893897703</v>
      </c>
      <c r="CJ1475" s="53">
        <v>86383.764014761196</v>
      </c>
      <c r="CK1475" s="53">
        <v>84546.887735833196</v>
      </c>
      <c r="CL1475" s="53">
        <v>83484.060421093396</v>
      </c>
      <c r="CM1475" s="53">
        <v>80504.182687691602</v>
      </c>
      <c r="CN1475" s="53">
        <v>1010542.43932519</v>
      </c>
    </row>
    <row r="1476" spans="1:92" outlineLevel="1">
      <c r="A1476" s="52" t="s">
        <v>1472</v>
      </c>
      <c r="B1476" s="53"/>
      <c r="C1476" s="53"/>
      <c r="D1476" s="53"/>
      <c r="E1476" s="53"/>
      <c r="F1476" s="53"/>
      <c r="G1476" s="53"/>
      <c r="H1476" s="53"/>
      <c r="I1476" s="53"/>
      <c r="J1476" s="53"/>
      <c r="K1476" s="53"/>
      <c r="L1476" s="53"/>
      <c r="M1476" s="53"/>
      <c r="N1476" s="53"/>
      <c r="O1476" s="53"/>
      <c r="P1476" s="53"/>
      <c r="Q1476" s="53"/>
      <c r="R1476" s="53"/>
      <c r="S1476" s="53"/>
      <c r="T1476" s="53"/>
      <c r="U1476" s="53"/>
      <c r="V1476" s="53"/>
      <c r="W1476" s="53"/>
      <c r="X1476" s="53"/>
      <c r="Y1476" s="53"/>
      <c r="Z1476" s="53"/>
      <c r="AA1476" s="53"/>
      <c r="AB1476" s="53"/>
      <c r="AC1476" s="53"/>
      <c r="AD1476" s="53"/>
      <c r="AE1476" s="53"/>
      <c r="AF1476" s="53"/>
      <c r="AG1476" s="53"/>
      <c r="AH1476" s="53"/>
      <c r="AI1476" s="53"/>
      <c r="AJ1476" s="53"/>
      <c r="AK1476" s="53"/>
      <c r="AL1476" s="53"/>
      <c r="AM1476" s="53"/>
      <c r="AN1476" s="53"/>
      <c r="AO1476" s="53"/>
      <c r="AP1476" s="53"/>
      <c r="AQ1476" s="53"/>
      <c r="AR1476" s="53"/>
      <c r="AS1476" s="53"/>
      <c r="AT1476" s="53"/>
      <c r="AU1476" s="53"/>
      <c r="AV1476" s="53"/>
      <c r="AW1476" s="53"/>
      <c r="AX1476" s="53"/>
      <c r="AY1476" s="53"/>
      <c r="AZ1476" s="53"/>
      <c r="BA1476" s="53"/>
      <c r="BB1476" s="53"/>
      <c r="BC1476" s="53"/>
      <c r="BD1476" s="53"/>
      <c r="BE1476" s="53"/>
      <c r="BF1476" s="53"/>
      <c r="BG1476" s="53"/>
      <c r="BH1476" s="53"/>
      <c r="BI1476" s="53"/>
      <c r="BJ1476" s="53"/>
      <c r="BK1476" s="53"/>
      <c r="BL1476" s="53"/>
      <c r="BM1476" s="53"/>
      <c r="BN1476" s="53"/>
      <c r="BO1476" s="53"/>
      <c r="BP1476" s="53"/>
      <c r="BQ1476" s="53"/>
      <c r="BR1476" s="53"/>
      <c r="BS1476" s="53"/>
      <c r="BT1476" s="53"/>
      <c r="BU1476" s="53"/>
      <c r="BV1476" s="53"/>
      <c r="BW1476" s="53"/>
      <c r="BX1476" s="53"/>
      <c r="BY1476" s="53"/>
      <c r="BZ1476" s="53"/>
      <c r="CA1476" s="53"/>
      <c r="CB1476" s="53">
        <v>497.50806538387201</v>
      </c>
      <c r="CC1476" s="53">
        <v>497.33406838897298</v>
      </c>
      <c r="CD1476" s="53">
        <v>497.16062464459202</v>
      </c>
      <c r="CE1476" s="53">
        <v>496.98773064358897</v>
      </c>
      <c r="CF1476" s="53">
        <v>496.81538291206402</v>
      </c>
      <c r="CG1476" s="53">
        <v>496.643578008936</v>
      </c>
      <c r="CH1476" s="53">
        <v>496.472312525544</v>
      </c>
      <c r="CI1476" s="53">
        <v>496.30158308523102</v>
      </c>
      <c r="CJ1476" s="53">
        <v>496.13138634294597</v>
      </c>
      <c r="CK1476" s="53">
        <v>495.96171898484999</v>
      </c>
      <c r="CL1476" s="53">
        <v>495.79257772793301</v>
      </c>
      <c r="CM1476" s="53">
        <v>495.62395931963101</v>
      </c>
      <c r="CN1476" s="53">
        <v>5958.7329879681602</v>
      </c>
    </row>
    <row r="1477" spans="1:92" outlineLevel="1">
      <c r="A1477" s="52" t="s">
        <v>649</v>
      </c>
      <c r="B1477" s="53">
        <v>1086.683238481</v>
      </c>
      <c r="C1477" s="53">
        <v>1086.683238481</v>
      </c>
      <c r="D1477" s="53">
        <v>1086.683238481</v>
      </c>
      <c r="E1477" s="53">
        <v>1086.683238481</v>
      </c>
      <c r="F1477" s="53">
        <v>1086.683238481</v>
      </c>
      <c r="G1477" s="53">
        <v>1086.683238481</v>
      </c>
      <c r="H1477" s="53">
        <v>1086.683238481</v>
      </c>
      <c r="I1477" s="53">
        <v>1086.683238481</v>
      </c>
      <c r="J1477" s="53">
        <v>1086.683238481</v>
      </c>
      <c r="K1477" s="53">
        <v>1086.683238481</v>
      </c>
      <c r="L1477" s="53">
        <v>1086.683238481</v>
      </c>
      <c r="M1477" s="53">
        <v>1086.683238481</v>
      </c>
      <c r="N1477" s="53">
        <v>13040.1988617719</v>
      </c>
      <c r="O1477" s="53"/>
      <c r="P1477" s="53"/>
      <c r="Q1477" s="53"/>
      <c r="R1477" s="53"/>
      <c r="S1477" s="53"/>
      <c r="T1477" s="53"/>
      <c r="U1477" s="53"/>
      <c r="V1477" s="53"/>
      <c r="W1477" s="53"/>
      <c r="X1477" s="53"/>
      <c r="Y1477" s="53"/>
      <c r="Z1477" s="53"/>
      <c r="AA1477" s="53"/>
      <c r="AB1477" s="53"/>
      <c r="AC1477" s="53"/>
      <c r="AD1477" s="53"/>
      <c r="AE1477" s="53"/>
      <c r="AF1477" s="53"/>
      <c r="AG1477" s="53"/>
      <c r="AH1477" s="53"/>
      <c r="AI1477" s="53"/>
      <c r="AJ1477" s="53"/>
      <c r="AK1477" s="53"/>
      <c r="AL1477" s="53"/>
      <c r="AM1477" s="53"/>
      <c r="AN1477" s="53"/>
      <c r="AO1477" s="53"/>
      <c r="AP1477" s="53"/>
      <c r="AQ1477" s="53"/>
      <c r="AR1477" s="53"/>
      <c r="AS1477" s="53"/>
      <c r="AT1477" s="53"/>
      <c r="AU1477" s="53"/>
      <c r="AV1477" s="53"/>
      <c r="AW1477" s="53"/>
      <c r="AX1477" s="53"/>
      <c r="AY1477" s="53"/>
      <c r="AZ1477" s="53"/>
      <c r="BA1477" s="53"/>
      <c r="BB1477" s="53"/>
      <c r="BC1477" s="53"/>
      <c r="BD1477" s="53"/>
      <c r="BE1477" s="53"/>
      <c r="BF1477" s="53"/>
      <c r="BG1477" s="53"/>
      <c r="BH1477" s="53"/>
      <c r="BI1477" s="53"/>
      <c r="BJ1477" s="53"/>
      <c r="BK1477" s="53"/>
      <c r="BL1477" s="53"/>
      <c r="BM1477" s="53"/>
      <c r="BN1477" s="53"/>
      <c r="BO1477" s="53"/>
      <c r="BP1477" s="53"/>
      <c r="BQ1477" s="53"/>
      <c r="BR1477" s="53"/>
      <c r="BS1477" s="53"/>
      <c r="BT1477" s="53"/>
      <c r="BU1477" s="53"/>
      <c r="BV1477" s="53"/>
      <c r="BW1477" s="53"/>
      <c r="BX1477" s="53"/>
      <c r="BY1477" s="53"/>
      <c r="BZ1477" s="53"/>
      <c r="CA1477" s="53"/>
      <c r="CB1477" s="53">
        <v>68245.057835248401</v>
      </c>
      <c r="CC1477" s="53">
        <v>67803.423257261296</v>
      </c>
      <c r="CD1477" s="53">
        <v>70049.738062636694</v>
      </c>
      <c r="CE1477" s="53">
        <v>74360.367980230803</v>
      </c>
      <c r="CF1477" s="53">
        <v>81611.384102900993</v>
      </c>
      <c r="CG1477" s="53">
        <v>82799.352155827</v>
      </c>
      <c r="CH1477" s="53">
        <v>83796.296124921704</v>
      </c>
      <c r="CI1477" s="53">
        <v>75594.789399553396</v>
      </c>
      <c r="CJ1477" s="53">
        <v>85171.066894835501</v>
      </c>
      <c r="CK1477" s="53">
        <v>78770.891716827304</v>
      </c>
      <c r="CL1477" s="53">
        <v>70287.341112743597</v>
      </c>
      <c r="CM1477" s="53">
        <v>68630.993119312698</v>
      </c>
      <c r="CN1477" s="53">
        <v>907120.70176229998</v>
      </c>
    </row>
    <row r="1478" spans="1:92" outlineLevel="1">
      <c r="A1478" s="52" t="s">
        <v>1355</v>
      </c>
      <c r="B1478" s="53"/>
      <c r="C1478" s="53"/>
      <c r="D1478" s="53"/>
      <c r="E1478" s="53"/>
      <c r="F1478" s="53"/>
      <c r="G1478" s="53"/>
      <c r="H1478" s="53"/>
      <c r="I1478" s="53"/>
      <c r="J1478" s="53"/>
      <c r="K1478" s="53"/>
      <c r="L1478" s="53"/>
      <c r="M1478" s="53"/>
      <c r="N1478" s="53"/>
      <c r="O1478" s="53"/>
      <c r="P1478" s="53"/>
      <c r="Q1478" s="53"/>
      <c r="R1478" s="53"/>
      <c r="S1478" s="53"/>
      <c r="T1478" s="53"/>
      <c r="U1478" s="53"/>
      <c r="V1478" s="53"/>
      <c r="W1478" s="53"/>
      <c r="X1478" s="53"/>
      <c r="Y1478" s="53"/>
      <c r="Z1478" s="53"/>
      <c r="AA1478" s="53"/>
      <c r="AB1478" s="53"/>
      <c r="AC1478" s="53"/>
      <c r="AD1478" s="53"/>
      <c r="AE1478" s="53"/>
      <c r="AF1478" s="53"/>
      <c r="AG1478" s="53"/>
      <c r="AH1478" s="53"/>
      <c r="AI1478" s="53"/>
      <c r="AJ1478" s="53"/>
      <c r="AK1478" s="53"/>
      <c r="AL1478" s="53"/>
      <c r="AM1478" s="53"/>
      <c r="AN1478" s="53"/>
      <c r="AO1478" s="53"/>
      <c r="AP1478" s="53"/>
      <c r="AQ1478" s="53"/>
      <c r="AR1478" s="53"/>
      <c r="AS1478" s="53"/>
      <c r="AT1478" s="53"/>
      <c r="AU1478" s="53"/>
      <c r="AV1478" s="53"/>
      <c r="AW1478" s="53"/>
      <c r="AX1478" s="53"/>
      <c r="AY1478" s="53"/>
      <c r="AZ1478" s="53"/>
      <c r="BA1478" s="53"/>
      <c r="BB1478" s="53"/>
      <c r="BC1478" s="53"/>
      <c r="BD1478" s="53"/>
      <c r="BE1478" s="53"/>
      <c r="BF1478" s="53"/>
      <c r="BG1478" s="53"/>
      <c r="BH1478" s="53"/>
      <c r="BI1478" s="53"/>
      <c r="BJ1478" s="53"/>
      <c r="BK1478" s="53"/>
      <c r="BL1478" s="53"/>
      <c r="BM1478" s="53"/>
      <c r="BN1478" s="53"/>
      <c r="BO1478" s="53"/>
      <c r="BP1478" s="53"/>
      <c r="BQ1478" s="53"/>
      <c r="BR1478" s="53"/>
      <c r="BS1478" s="53"/>
      <c r="BT1478" s="53"/>
      <c r="BU1478" s="53"/>
      <c r="BV1478" s="53"/>
      <c r="BW1478" s="53"/>
      <c r="BX1478" s="53"/>
      <c r="BY1478" s="53"/>
      <c r="BZ1478" s="53"/>
      <c r="CA1478" s="53"/>
      <c r="CB1478" s="53">
        <v>465268.861722817</v>
      </c>
      <c r="CC1478" s="53">
        <v>380401.32836555102</v>
      </c>
      <c r="CD1478" s="53">
        <v>393193.85157976701</v>
      </c>
      <c r="CE1478" s="53">
        <v>405427.93495262502</v>
      </c>
      <c r="CF1478" s="53">
        <v>536630.51224889501</v>
      </c>
      <c r="CG1478" s="53">
        <v>619100.29819515802</v>
      </c>
      <c r="CH1478" s="53">
        <v>670926.39843198098</v>
      </c>
      <c r="CI1478" s="53">
        <v>672619.70995840698</v>
      </c>
      <c r="CJ1478" s="53">
        <v>608516.58309860399</v>
      </c>
      <c r="CK1478" s="53">
        <v>496313.82606874401</v>
      </c>
      <c r="CL1478" s="53">
        <v>386313.82720507297</v>
      </c>
      <c r="CM1478" s="53">
        <v>443765.15522005298</v>
      </c>
      <c r="CN1478" s="53">
        <v>6078478.2870476795</v>
      </c>
    </row>
    <row r="1479" spans="1:92" outlineLevel="1">
      <c r="A1479" s="52" t="s">
        <v>649</v>
      </c>
      <c r="B1479" s="53">
        <v>53905.799270000003</v>
      </c>
      <c r="C1479" s="53">
        <v>53905.799270000003</v>
      </c>
      <c r="D1479" s="53">
        <v>53905.799270000003</v>
      </c>
      <c r="E1479" s="53">
        <v>53905.799270000003</v>
      </c>
      <c r="F1479" s="53">
        <v>53905.799270000003</v>
      </c>
      <c r="G1479" s="53">
        <v>53905.799270000003</v>
      </c>
      <c r="H1479" s="53">
        <v>53905.799270000003</v>
      </c>
      <c r="I1479" s="53">
        <v>53905.799270000003</v>
      </c>
      <c r="J1479" s="53">
        <v>53905.799270000003</v>
      </c>
      <c r="K1479" s="53">
        <v>53905.799270000003</v>
      </c>
      <c r="L1479" s="53">
        <v>53905.799270000003</v>
      </c>
      <c r="M1479" s="53">
        <v>53905.799270000003</v>
      </c>
      <c r="N1479" s="53">
        <v>646869.59123999998</v>
      </c>
      <c r="O1479" s="53">
        <v>53905.799270000003</v>
      </c>
      <c r="P1479" s="53">
        <v>53905.799270000003</v>
      </c>
      <c r="Q1479" s="53">
        <v>53905.799270000003</v>
      </c>
      <c r="R1479" s="53">
        <v>53905.799270000003</v>
      </c>
      <c r="S1479" s="53">
        <v>53905.799270000003</v>
      </c>
      <c r="T1479" s="53">
        <v>53905.799270000003</v>
      </c>
      <c r="U1479" s="53">
        <v>53905.799270000003</v>
      </c>
      <c r="V1479" s="53">
        <v>53905.799270000003</v>
      </c>
      <c r="W1479" s="53">
        <v>53905.799270000003</v>
      </c>
      <c r="X1479" s="53">
        <v>53905.799270000003</v>
      </c>
      <c r="Y1479" s="53">
        <v>53905.799270000003</v>
      </c>
      <c r="Z1479" s="53">
        <v>53905.799270000003</v>
      </c>
      <c r="AA1479" s="53">
        <v>646869.59123999998</v>
      </c>
      <c r="AB1479" s="53">
        <v>53905.799270000003</v>
      </c>
      <c r="AC1479" s="53">
        <v>53905.799270000003</v>
      </c>
      <c r="AD1479" s="53">
        <v>53905.799270000003</v>
      </c>
      <c r="AE1479" s="53">
        <v>53905.799270000003</v>
      </c>
      <c r="AF1479" s="53">
        <v>53905.799270000003</v>
      </c>
      <c r="AG1479" s="53"/>
      <c r="AH1479" s="53"/>
      <c r="AI1479" s="53"/>
      <c r="AJ1479" s="53"/>
      <c r="AK1479" s="53"/>
      <c r="AL1479" s="53"/>
      <c r="AM1479" s="53"/>
      <c r="AN1479" s="53">
        <v>269528.99634999997</v>
      </c>
      <c r="AO1479" s="53"/>
      <c r="AP1479" s="53"/>
      <c r="AQ1479" s="53"/>
      <c r="AR1479" s="53"/>
      <c r="AS1479" s="53"/>
      <c r="AT1479" s="53"/>
      <c r="AU1479" s="53"/>
      <c r="AV1479" s="53"/>
      <c r="AW1479" s="53"/>
      <c r="AX1479" s="53"/>
      <c r="AY1479" s="53"/>
      <c r="AZ1479" s="53"/>
      <c r="BA1479" s="53"/>
      <c r="BB1479" s="53"/>
      <c r="BC1479" s="53"/>
      <c r="BD1479" s="53"/>
      <c r="BE1479" s="53"/>
      <c r="BF1479" s="53"/>
      <c r="BG1479" s="53"/>
      <c r="BH1479" s="53"/>
      <c r="BI1479" s="53"/>
      <c r="BJ1479" s="53"/>
      <c r="BK1479" s="53"/>
      <c r="BL1479" s="53"/>
      <c r="BM1479" s="53"/>
      <c r="BN1479" s="53"/>
      <c r="BO1479" s="53"/>
      <c r="BP1479" s="53"/>
      <c r="BQ1479" s="53"/>
      <c r="BR1479" s="53"/>
      <c r="BS1479" s="53"/>
      <c r="BT1479" s="53"/>
      <c r="BU1479" s="53"/>
      <c r="BV1479" s="53"/>
      <c r="BW1479" s="53"/>
      <c r="BX1479" s="53"/>
      <c r="BY1479" s="53"/>
      <c r="BZ1479" s="53"/>
      <c r="CA1479" s="53"/>
      <c r="CB1479" s="53"/>
      <c r="CC1479" s="53"/>
      <c r="CD1479" s="53"/>
      <c r="CE1479" s="53"/>
      <c r="CF1479" s="53"/>
      <c r="CG1479" s="53"/>
      <c r="CH1479" s="53"/>
      <c r="CI1479" s="53"/>
      <c r="CJ1479" s="53"/>
      <c r="CK1479" s="53"/>
      <c r="CL1479" s="53"/>
      <c r="CM1479" s="53"/>
      <c r="CN1479" s="53"/>
    </row>
    <row r="1480" spans="1:92" outlineLevel="1">
      <c r="A1480" s="52" t="s">
        <v>1427</v>
      </c>
      <c r="B1480" s="53"/>
      <c r="C1480" s="53"/>
      <c r="D1480" s="53"/>
      <c r="E1480" s="53"/>
      <c r="F1480" s="53"/>
      <c r="G1480" s="53"/>
      <c r="H1480" s="53"/>
      <c r="I1480" s="53"/>
      <c r="J1480" s="53"/>
      <c r="K1480" s="53"/>
      <c r="L1480" s="53"/>
      <c r="M1480" s="53"/>
      <c r="N1480" s="53"/>
      <c r="O1480" s="53"/>
      <c r="P1480" s="53"/>
      <c r="Q1480" s="53"/>
      <c r="R1480" s="53"/>
      <c r="S1480" s="53"/>
      <c r="T1480" s="53"/>
      <c r="U1480" s="53"/>
      <c r="V1480" s="53"/>
      <c r="W1480" s="53"/>
      <c r="X1480" s="53"/>
      <c r="Y1480" s="53"/>
      <c r="Z1480" s="53"/>
      <c r="AA1480" s="53"/>
      <c r="AB1480" s="53"/>
      <c r="AC1480" s="53"/>
      <c r="AD1480" s="53"/>
      <c r="AE1480" s="53"/>
      <c r="AF1480" s="53"/>
      <c r="AG1480" s="53"/>
      <c r="AH1480" s="53"/>
      <c r="AI1480" s="53"/>
      <c r="AJ1480" s="53"/>
      <c r="AK1480" s="53"/>
      <c r="AL1480" s="53"/>
      <c r="AM1480" s="53"/>
      <c r="AN1480" s="53"/>
      <c r="AO1480" s="53"/>
      <c r="AP1480" s="53"/>
      <c r="AQ1480" s="53"/>
      <c r="AR1480" s="53"/>
      <c r="AS1480" s="53"/>
      <c r="AT1480" s="53"/>
      <c r="AU1480" s="53"/>
      <c r="AV1480" s="53"/>
      <c r="AW1480" s="53"/>
      <c r="AX1480" s="53"/>
      <c r="AY1480" s="53"/>
      <c r="AZ1480" s="53"/>
      <c r="BA1480" s="53"/>
      <c r="BB1480" s="53"/>
      <c r="BC1480" s="53"/>
      <c r="BD1480" s="53"/>
      <c r="BE1480" s="53"/>
      <c r="BF1480" s="53"/>
      <c r="BG1480" s="53"/>
      <c r="BH1480" s="53"/>
      <c r="BI1480" s="53"/>
      <c r="BJ1480" s="53"/>
      <c r="BK1480" s="53"/>
      <c r="BL1480" s="53"/>
      <c r="BM1480" s="53"/>
      <c r="BN1480" s="53"/>
      <c r="BO1480" s="53"/>
      <c r="BP1480" s="53"/>
      <c r="BQ1480" s="53"/>
      <c r="BR1480" s="53"/>
      <c r="BS1480" s="53"/>
      <c r="BT1480" s="53"/>
      <c r="BU1480" s="53"/>
      <c r="BV1480" s="53"/>
      <c r="BW1480" s="53"/>
      <c r="BX1480" s="53"/>
      <c r="BY1480" s="53"/>
      <c r="BZ1480" s="53"/>
      <c r="CA1480" s="53"/>
      <c r="CB1480" s="53">
        <v>8477205.3861828409</v>
      </c>
      <c r="CC1480" s="53">
        <v>7789803.8977232501</v>
      </c>
      <c r="CD1480" s="53">
        <v>8849237.1831000391</v>
      </c>
      <c r="CE1480" s="53">
        <v>9375151.9676862396</v>
      </c>
      <c r="CF1480" s="53">
        <v>10781746.437070699</v>
      </c>
      <c r="CG1480" s="53">
        <v>11253425.770888399</v>
      </c>
      <c r="CH1480" s="53">
        <v>11869963.133580299</v>
      </c>
      <c r="CI1480" s="53">
        <v>11891965.4569472</v>
      </c>
      <c r="CJ1480" s="53">
        <v>11225252.5189045</v>
      </c>
      <c r="CK1480" s="53">
        <v>10368866.7058893</v>
      </c>
      <c r="CL1480" s="53">
        <v>8712338.6544131301</v>
      </c>
      <c r="CM1480" s="53">
        <v>8608131.3178959806</v>
      </c>
      <c r="CN1480" s="53">
        <v>119203088.430282</v>
      </c>
    </row>
    <row r="1481" spans="1:92" outlineLevel="1">
      <c r="A1481" s="52" t="s">
        <v>649</v>
      </c>
      <c r="B1481" s="53">
        <v>252166.66666666701</v>
      </c>
      <c r="C1481" s="53">
        <v>252166.66666666701</v>
      </c>
      <c r="D1481" s="53">
        <v>252166.66666666701</v>
      </c>
      <c r="E1481" s="53">
        <v>252166.66666666701</v>
      </c>
      <c r="F1481" s="53">
        <v>252166.66666666701</v>
      </c>
      <c r="G1481" s="53">
        <v>252166.66666666701</v>
      </c>
      <c r="H1481" s="53">
        <v>252166.66666666701</v>
      </c>
      <c r="I1481" s="53">
        <v>252166.66666666701</v>
      </c>
      <c r="J1481" s="53">
        <v>252166.66666666701</v>
      </c>
      <c r="K1481" s="53">
        <v>252166.66666666701</v>
      </c>
      <c r="L1481" s="53">
        <v>252166.66666666701</v>
      </c>
      <c r="M1481" s="53">
        <v>252166.66666666701</v>
      </c>
      <c r="N1481" s="53">
        <v>3026000</v>
      </c>
      <c r="O1481" s="53">
        <v>48833.333333333299</v>
      </c>
      <c r="P1481" s="53">
        <v>48833.333333333299</v>
      </c>
      <c r="Q1481" s="53">
        <v>48833.333333333299</v>
      </c>
      <c r="R1481" s="53">
        <v>48833.333333333299</v>
      </c>
      <c r="S1481" s="53">
        <v>48833.333333333299</v>
      </c>
      <c r="T1481" s="53">
        <v>48833.333333333299</v>
      </c>
      <c r="U1481" s="53">
        <v>48833.333333333299</v>
      </c>
      <c r="V1481" s="53">
        <v>48833.333333333299</v>
      </c>
      <c r="W1481" s="53">
        <v>48833.333333333299</v>
      </c>
      <c r="X1481" s="53">
        <v>48833.333333333299</v>
      </c>
      <c r="Y1481" s="53">
        <v>48833.333333333299</v>
      </c>
      <c r="Z1481" s="53">
        <v>48833.333333333299</v>
      </c>
      <c r="AA1481" s="53">
        <v>585999.99999999895</v>
      </c>
      <c r="AB1481" s="53">
        <v>44750</v>
      </c>
      <c r="AC1481" s="53">
        <v>44750</v>
      </c>
      <c r="AD1481" s="53">
        <v>44750</v>
      </c>
      <c r="AE1481" s="53">
        <v>44750</v>
      </c>
      <c r="AF1481" s="53">
        <v>44750</v>
      </c>
      <c r="AG1481" s="53">
        <v>44750</v>
      </c>
      <c r="AH1481" s="53">
        <v>44750</v>
      </c>
      <c r="AI1481" s="53">
        <v>44750</v>
      </c>
      <c r="AJ1481" s="53">
        <v>44750</v>
      </c>
      <c r="AK1481" s="53">
        <v>44750</v>
      </c>
      <c r="AL1481" s="53">
        <v>44750</v>
      </c>
      <c r="AM1481" s="53">
        <v>44750</v>
      </c>
      <c r="AN1481" s="53">
        <v>537000</v>
      </c>
      <c r="AO1481" s="53"/>
      <c r="AP1481" s="53"/>
      <c r="AQ1481" s="53"/>
      <c r="AR1481" s="53"/>
      <c r="AS1481" s="53"/>
      <c r="AT1481" s="53"/>
      <c r="AU1481" s="53"/>
      <c r="AV1481" s="53"/>
      <c r="AW1481" s="53"/>
      <c r="AX1481" s="53"/>
      <c r="AY1481" s="53"/>
      <c r="AZ1481" s="53"/>
      <c r="BA1481" s="53"/>
      <c r="BB1481" s="53"/>
      <c r="BC1481" s="53"/>
      <c r="BD1481" s="53"/>
      <c r="BE1481" s="53"/>
      <c r="BF1481" s="53"/>
      <c r="BG1481" s="53"/>
      <c r="BH1481" s="53"/>
      <c r="BI1481" s="53"/>
      <c r="BJ1481" s="53"/>
      <c r="BK1481" s="53"/>
      <c r="BL1481" s="53"/>
      <c r="BM1481" s="53"/>
      <c r="BN1481" s="53"/>
      <c r="BO1481" s="53"/>
      <c r="BP1481" s="53"/>
      <c r="BQ1481" s="53"/>
      <c r="BR1481" s="53"/>
      <c r="BS1481" s="53"/>
      <c r="BT1481" s="53"/>
      <c r="BU1481" s="53"/>
      <c r="BV1481" s="53"/>
      <c r="BW1481" s="53"/>
      <c r="BX1481" s="53"/>
      <c r="BY1481" s="53"/>
      <c r="BZ1481" s="53"/>
      <c r="CA1481" s="53"/>
      <c r="CB1481" s="53">
        <v>2838632.02996998</v>
      </c>
      <c r="CC1481" s="53">
        <v>2893136.6264724401</v>
      </c>
      <c r="CD1481" s="53">
        <v>3087980.1272485899</v>
      </c>
      <c r="CE1481" s="53">
        <v>3059697.7454867698</v>
      </c>
      <c r="CF1481" s="53">
        <v>3142458.17003205</v>
      </c>
      <c r="CG1481" s="53">
        <v>3204234.92667417</v>
      </c>
      <c r="CH1481" s="53">
        <v>3172872.7608490898</v>
      </c>
      <c r="CI1481" s="53">
        <v>3238712.8134294399</v>
      </c>
      <c r="CJ1481" s="53">
        <v>3150126.2159744799</v>
      </c>
      <c r="CK1481" s="53">
        <v>3083141.4974020799</v>
      </c>
      <c r="CL1481" s="53">
        <v>3044383.7490520198</v>
      </c>
      <c r="CM1481" s="53">
        <v>2935717.6000893102</v>
      </c>
      <c r="CN1481" s="53">
        <v>36851094.262680396</v>
      </c>
    </row>
    <row r="1482" spans="1:92" outlineLevel="1">
      <c r="A1482" s="52" t="s">
        <v>1428</v>
      </c>
      <c r="B1482" s="53"/>
      <c r="C1482" s="53"/>
      <c r="D1482" s="53"/>
      <c r="E1482" s="53"/>
      <c r="F1482" s="53"/>
      <c r="G1482" s="53"/>
      <c r="H1482" s="53"/>
      <c r="I1482" s="53"/>
      <c r="J1482" s="53"/>
      <c r="K1482" s="53"/>
      <c r="L1482" s="53"/>
      <c r="M1482" s="53"/>
      <c r="N1482" s="53"/>
      <c r="O1482" s="53"/>
      <c r="P1482" s="53"/>
      <c r="Q1482" s="53"/>
      <c r="R1482" s="53"/>
      <c r="S1482" s="53"/>
      <c r="T1482" s="53"/>
      <c r="U1482" s="53"/>
      <c r="V1482" s="53"/>
      <c r="W1482" s="53"/>
      <c r="X1482" s="53"/>
      <c r="Y1482" s="53"/>
      <c r="Z1482" s="53"/>
      <c r="AA1482" s="53"/>
      <c r="AB1482" s="53"/>
      <c r="AC1482" s="53"/>
      <c r="AD1482" s="53"/>
      <c r="AE1482" s="53"/>
      <c r="AF1482" s="53"/>
      <c r="AG1482" s="53"/>
      <c r="AH1482" s="53"/>
      <c r="AI1482" s="53"/>
      <c r="AJ1482" s="53"/>
      <c r="AK1482" s="53"/>
      <c r="AL1482" s="53"/>
      <c r="AM1482" s="53"/>
      <c r="AN1482" s="53"/>
      <c r="AO1482" s="53"/>
      <c r="AP1482" s="53"/>
      <c r="AQ1482" s="53"/>
      <c r="AR1482" s="53"/>
      <c r="AS1482" s="53"/>
      <c r="AT1482" s="53"/>
      <c r="AU1482" s="53"/>
      <c r="AV1482" s="53"/>
      <c r="AW1482" s="53"/>
      <c r="AX1482" s="53"/>
      <c r="AY1482" s="53"/>
      <c r="AZ1482" s="53"/>
      <c r="BA1482" s="53"/>
      <c r="BB1482" s="53"/>
      <c r="BC1482" s="53"/>
      <c r="BD1482" s="53"/>
      <c r="BE1482" s="53"/>
      <c r="BF1482" s="53"/>
      <c r="BG1482" s="53"/>
      <c r="BH1482" s="53"/>
      <c r="BI1482" s="53"/>
      <c r="BJ1482" s="53"/>
      <c r="BK1482" s="53"/>
      <c r="BL1482" s="53"/>
      <c r="BM1482" s="53"/>
      <c r="BN1482" s="53"/>
      <c r="BO1482" s="53"/>
      <c r="BP1482" s="53"/>
      <c r="BQ1482" s="53"/>
      <c r="BR1482" s="53"/>
      <c r="BS1482" s="53"/>
      <c r="BT1482" s="53"/>
      <c r="BU1482" s="53"/>
      <c r="BV1482" s="53"/>
      <c r="BW1482" s="53"/>
      <c r="BX1482" s="53"/>
      <c r="BY1482" s="53"/>
      <c r="BZ1482" s="53"/>
      <c r="CA1482" s="53"/>
      <c r="CB1482" s="53">
        <v>18142.450925809098</v>
      </c>
      <c r="CC1482" s="53">
        <v>18136.105838842999</v>
      </c>
      <c r="CD1482" s="53">
        <v>18129.780927068201</v>
      </c>
      <c r="CE1482" s="53">
        <v>18123.476062590998</v>
      </c>
      <c r="CF1482" s="53">
        <v>18117.191118729901</v>
      </c>
      <c r="CG1482" s="53">
        <v>18110.925970000299</v>
      </c>
      <c r="CH1482" s="53">
        <v>18104.680492099698</v>
      </c>
      <c r="CI1482" s="53">
        <v>18098.4545618927</v>
      </c>
      <c r="CJ1482" s="53">
        <v>18092.248057396599</v>
      </c>
      <c r="CK1482" s="53">
        <v>18086.060857766901</v>
      </c>
      <c r="CL1482" s="53">
        <v>18079.892843283</v>
      </c>
      <c r="CM1482" s="53">
        <v>18073.743895334799</v>
      </c>
      <c r="CN1482" s="53">
        <v>217295.01155081499</v>
      </c>
    </row>
    <row r="1483" spans="1:92" outlineLevel="1">
      <c r="A1483" s="52" t="s">
        <v>649</v>
      </c>
      <c r="B1483" s="53">
        <v>3648</v>
      </c>
      <c r="C1483" s="53">
        <v>3648</v>
      </c>
      <c r="D1483" s="53">
        <v>3648</v>
      </c>
      <c r="E1483" s="53">
        <v>3648</v>
      </c>
      <c r="F1483" s="53">
        <v>3648</v>
      </c>
      <c r="G1483" s="53">
        <v>3648</v>
      </c>
      <c r="H1483" s="53">
        <v>3648</v>
      </c>
      <c r="I1483" s="53">
        <v>3648</v>
      </c>
      <c r="J1483" s="53">
        <v>3648</v>
      </c>
      <c r="K1483" s="53">
        <v>3648</v>
      </c>
      <c r="L1483" s="53">
        <v>3648</v>
      </c>
      <c r="M1483" s="53">
        <v>3648</v>
      </c>
      <c r="N1483" s="53">
        <v>43776</v>
      </c>
      <c r="O1483" s="53"/>
      <c r="P1483" s="53"/>
      <c r="Q1483" s="53"/>
      <c r="R1483" s="53"/>
      <c r="S1483" s="53"/>
      <c r="T1483" s="53"/>
      <c r="U1483" s="53"/>
      <c r="V1483" s="53"/>
      <c r="W1483" s="53"/>
      <c r="X1483" s="53"/>
      <c r="Y1483" s="53"/>
      <c r="Z1483" s="53"/>
      <c r="AA1483" s="53"/>
      <c r="AB1483" s="53">
        <v>36893.25</v>
      </c>
      <c r="AC1483" s="53">
        <v>36893.25</v>
      </c>
      <c r="AD1483" s="53">
        <v>36893.25</v>
      </c>
      <c r="AE1483" s="53">
        <v>36893.25</v>
      </c>
      <c r="AF1483" s="53">
        <v>36893.25</v>
      </c>
      <c r="AG1483" s="53">
        <v>36893.25</v>
      </c>
      <c r="AH1483" s="53">
        <v>36893.25</v>
      </c>
      <c r="AI1483" s="53">
        <v>36893.25</v>
      </c>
      <c r="AJ1483" s="53">
        <v>36893.25</v>
      </c>
      <c r="AK1483" s="53">
        <v>36893.25</v>
      </c>
      <c r="AL1483" s="53">
        <v>36893.25</v>
      </c>
      <c r="AM1483" s="53">
        <v>36893.25</v>
      </c>
      <c r="AN1483" s="53">
        <v>442719</v>
      </c>
      <c r="AO1483" s="53"/>
      <c r="AP1483" s="53"/>
      <c r="AQ1483" s="53"/>
      <c r="AR1483" s="53"/>
      <c r="AS1483" s="53"/>
      <c r="AT1483" s="53"/>
      <c r="AU1483" s="53"/>
      <c r="AV1483" s="53"/>
      <c r="AW1483" s="53"/>
      <c r="AX1483" s="53"/>
      <c r="AY1483" s="53"/>
      <c r="AZ1483" s="53"/>
      <c r="BA1483" s="53"/>
      <c r="BB1483" s="53"/>
      <c r="BC1483" s="53"/>
      <c r="BD1483" s="53"/>
      <c r="BE1483" s="53"/>
      <c r="BF1483" s="53"/>
      <c r="BG1483" s="53"/>
      <c r="BH1483" s="53"/>
      <c r="BI1483" s="53"/>
      <c r="BJ1483" s="53"/>
      <c r="BK1483" s="53"/>
      <c r="BL1483" s="53"/>
      <c r="BM1483" s="53"/>
      <c r="BN1483" s="53"/>
      <c r="BO1483" s="53"/>
      <c r="BP1483" s="53"/>
      <c r="BQ1483" s="53"/>
      <c r="BR1483" s="53"/>
      <c r="BS1483" s="53"/>
      <c r="BT1483" s="53"/>
      <c r="BU1483" s="53"/>
      <c r="BV1483" s="53"/>
      <c r="BW1483" s="53"/>
      <c r="BX1483" s="53"/>
      <c r="BY1483" s="53"/>
      <c r="BZ1483" s="53"/>
      <c r="CA1483" s="53"/>
      <c r="CB1483" s="53">
        <v>2488668.42339464</v>
      </c>
      <c r="CC1483" s="53">
        <v>2472563.4912020499</v>
      </c>
      <c r="CD1483" s="53">
        <v>2554479.0599255399</v>
      </c>
      <c r="CE1483" s="53">
        <v>2711673.27883521</v>
      </c>
      <c r="CF1483" s="53">
        <v>2976093.5230905199</v>
      </c>
      <c r="CG1483" s="53">
        <v>3019414.73454668</v>
      </c>
      <c r="CH1483" s="53">
        <v>3055769.9381977501</v>
      </c>
      <c r="CI1483" s="53">
        <v>2756688.4887987799</v>
      </c>
      <c r="CJ1483" s="53">
        <v>3105903.21836509</v>
      </c>
      <c r="CK1483" s="53">
        <v>2872510.29036501</v>
      </c>
      <c r="CL1483" s="53">
        <v>2563143.6464444799</v>
      </c>
      <c r="CM1483" s="53">
        <v>2502742.1891059</v>
      </c>
      <c r="CN1483" s="53">
        <v>33079650.282271702</v>
      </c>
    </row>
    <row r="1484" spans="1:92" outlineLevel="1">
      <c r="A1484" s="52" t="s">
        <v>1429</v>
      </c>
      <c r="B1484" s="53"/>
      <c r="C1484" s="53"/>
      <c r="D1484" s="53"/>
      <c r="E1484" s="53"/>
      <c r="F1484" s="53"/>
      <c r="G1484" s="53"/>
      <c r="H1484" s="53"/>
      <c r="I1484" s="53"/>
      <c r="J1484" s="53"/>
      <c r="K1484" s="53"/>
      <c r="L1484" s="53"/>
      <c r="M1484" s="53"/>
      <c r="N1484" s="53"/>
      <c r="O1484" s="53"/>
      <c r="P1484" s="53"/>
      <c r="Q1484" s="53"/>
      <c r="R1484" s="53"/>
      <c r="S1484" s="53"/>
      <c r="T1484" s="53"/>
      <c r="U1484" s="53"/>
      <c r="V1484" s="53"/>
      <c r="W1484" s="53"/>
      <c r="X1484" s="53"/>
      <c r="Y1484" s="53"/>
      <c r="Z1484" s="53"/>
      <c r="AA1484" s="53"/>
      <c r="AB1484" s="53"/>
      <c r="AC1484" s="53"/>
      <c r="AD1484" s="53"/>
      <c r="AE1484" s="53"/>
      <c r="AF1484" s="53"/>
      <c r="AG1484" s="53"/>
      <c r="AH1484" s="53"/>
      <c r="AI1484" s="53"/>
      <c r="AJ1484" s="53"/>
      <c r="AK1484" s="53"/>
      <c r="AL1484" s="53"/>
      <c r="AM1484" s="53"/>
      <c r="AN1484" s="53"/>
      <c r="AO1484" s="53"/>
      <c r="AP1484" s="53"/>
      <c r="AQ1484" s="53"/>
      <c r="AR1484" s="53"/>
      <c r="AS1484" s="53"/>
      <c r="AT1484" s="53"/>
      <c r="AU1484" s="53"/>
      <c r="AV1484" s="53"/>
      <c r="AW1484" s="53"/>
      <c r="AX1484" s="53"/>
      <c r="AY1484" s="53"/>
      <c r="AZ1484" s="53"/>
      <c r="BA1484" s="53"/>
      <c r="BB1484" s="53"/>
      <c r="BC1484" s="53"/>
      <c r="BD1484" s="53"/>
      <c r="BE1484" s="53"/>
      <c r="BF1484" s="53"/>
      <c r="BG1484" s="53"/>
      <c r="BH1484" s="53"/>
      <c r="BI1484" s="53"/>
      <c r="BJ1484" s="53"/>
      <c r="BK1484" s="53"/>
      <c r="BL1484" s="53"/>
      <c r="BM1484" s="53"/>
      <c r="BN1484" s="53"/>
      <c r="BO1484" s="53"/>
      <c r="BP1484" s="53"/>
      <c r="BQ1484" s="53"/>
      <c r="BR1484" s="53"/>
      <c r="BS1484" s="53"/>
      <c r="BT1484" s="53"/>
      <c r="BU1484" s="53"/>
      <c r="BV1484" s="53"/>
      <c r="BW1484" s="53"/>
      <c r="BX1484" s="53"/>
      <c r="BY1484" s="53"/>
      <c r="BZ1484" s="53"/>
      <c r="CA1484" s="53"/>
      <c r="CB1484" s="53">
        <v>16966795.271148399</v>
      </c>
      <c r="CC1484" s="53">
        <v>13871960.903105199</v>
      </c>
      <c r="CD1484" s="53">
        <v>14338461.329489499</v>
      </c>
      <c r="CE1484" s="53">
        <v>14784597.3273915</v>
      </c>
      <c r="CF1484" s="53">
        <v>19569115.379577499</v>
      </c>
      <c r="CG1484" s="53">
        <v>22576511.939546</v>
      </c>
      <c r="CH1484" s="53">
        <v>24466436.034539599</v>
      </c>
      <c r="CI1484" s="53">
        <v>24528185.427982301</v>
      </c>
      <c r="CJ1484" s="53">
        <v>22190559.3387498</v>
      </c>
      <c r="CK1484" s="53">
        <v>18098901.022448901</v>
      </c>
      <c r="CL1484" s="53">
        <v>14087569.910292201</v>
      </c>
      <c r="CM1484" s="53">
        <v>16182627.200127499</v>
      </c>
      <c r="CN1484" s="53">
        <v>221661721.08439901</v>
      </c>
    </row>
    <row r="1485" spans="1:92" outlineLevel="1">
      <c r="A1485" s="52" t="s">
        <v>649</v>
      </c>
      <c r="B1485" s="53"/>
      <c r="C1485" s="53"/>
      <c r="D1485" s="53"/>
      <c r="E1485" s="53"/>
      <c r="F1485" s="53"/>
      <c r="G1485" s="53"/>
      <c r="H1485" s="53"/>
      <c r="I1485" s="53"/>
      <c r="J1485" s="53"/>
      <c r="K1485" s="53"/>
      <c r="L1485" s="53"/>
      <c r="M1485" s="53"/>
      <c r="N1485" s="53"/>
      <c r="O1485" s="53"/>
      <c r="P1485" s="53"/>
      <c r="Q1485" s="53"/>
      <c r="R1485" s="53"/>
      <c r="S1485" s="53"/>
      <c r="T1485" s="53"/>
      <c r="U1485" s="53"/>
      <c r="V1485" s="53"/>
      <c r="W1485" s="53"/>
      <c r="X1485" s="53"/>
      <c r="Y1485" s="53"/>
      <c r="Z1485" s="53"/>
      <c r="AA1485" s="53"/>
      <c r="AB1485" s="53">
        <v>35382.87055</v>
      </c>
      <c r="AC1485" s="53">
        <v>35382.87055</v>
      </c>
      <c r="AD1485" s="53">
        <v>35382.87055</v>
      </c>
      <c r="AE1485" s="53">
        <v>35382.87055</v>
      </c>
      <c r="AF1485" s="53">
        <v>35382.87055</v>
      </c>
      <c r="AG1485" s="53">
        <v>35382.87055</v>
      </c>
      <c r="AH1485" s="53">
        <v>35382.87055</v>
      </c>
      <c r="AI1485" s="53">
        <v>35382.87055</v>
      </c>
      <c r="AJ1485" s="53">
        <v>35382.87055</v>
      </c>
      <c r="AK1485" s="53">
        <v>35382.87055</v>
      </c>
      <c r="AL1485" s="53">
        <v>35382.87055</v>
      </c>
      <c r="AM1485" s="53">
        <v>35382.87055</v>
      </c>
      <c r="AN1485" s="53">
        <v>424594.44660000002</v>
      </c>
      <c r="AO1485" s="53"/>
      <c r="AP1485" s="53"/>
      <c r="AQ1485" s="53"/>
      <c r="AR1485" s="53"/>
      <c r="AS1485" s="53"/>
      <c r="AT1485" s="53"/>
      <c r="AU1485" s="53"/>
      <c r="AV1485" s="53"/>
      <c r="AW1485" s="53"/>
      <c r="AX1485" s="53"/>
      <c r="AY1485" s="53"/>
      <c r="AZ1485" s="53"/>
      <c r="BA1485" s="53"/>
      <c r="BB1485" s="53"/>
      <c r="BC1485" s="53"/>
      <c r="BD1485" s="53"/>
      <c r="BE1485" s="53"/>
      <c r="BF1485" s="53"/>
      <c r="BG1485" s="53"/>
      <c r="BH1485" s="53"/>
      <c r="BI1485" s="53"/>
      <c r="BJ1485" s="53"/>
      <c r="BK1485" s="53"/>
      <c r="BL1485" s="53"/>
      <c r="BM1485" s="53"/>
      <c r="BN1485" s="53"/>
      <c r="BO1485" s="53"/>
      <c r="BP1485" s="53"/>
      <c r="BQ1485" s="53"/>
      <c r="BR1485" s="53"/>
      <c r="BS1485" s="53"/>
      <c r="BT1485" s="53"/>
      <c r="BU1485" s="53"/>
      <c r="BV1485" s="53"/>
      <c r="BW1485" s="53"/>
      <c r="BX1485" s="53"/>
      <c r="BY1485" s="53"/>
      <c r="BZ1485" s="53"/>
      <c r="CA1485" s="53"/>
      <c r="CB1485" s="53"/>
      <c r="CC1485" s="53"/>
      <c r="CD1485" s="53"/>
      <c r="CE1485" s="53"/>
      <c r="CF1485" s="53"/>
      <c r="CG1485" s="53"/>
      <c r="CH1485" s="53"/>
      <c r="CI1485" s="53"/>
      <c r="CJ1485" s="53"/>
      <c r="CK1485" s="53"/>
      <c r="CL1485" s="53"/>
      <c r="CM1485" s="53"/>
      <c r="CN1485" s="53"/>
    </row>
    <row r="1486" spans="1:92" outlineLevel="1">
      <c r="A1486" s="52" t="s">
        <v>1430</v>
      </c>
      <c r="B1486" s="53"/>
      <c r="C1486" s="53"/>
      <c r="D1486" s="53"/>
      <c r="E1486" s="53"/>
      <c r="F1486" s="53"/>
      <c r="G1486" s="53"/>
      <c r="H1486" s="53"/>
      <c r="I1486" s="53"/>
      <c r="J1486" s="53"/>
      <c r="K1486" s="53"/>
      <c r="L1486" s="53"/>
      <c r="M1486" s="53"/>
      <c r="N1486" s="53"/>
      <c r="O1486" s="53"/>
      <c r="P1486" s="53"/>
      <c r="Q1486" s="53"/>
      <c r="R1486" s="53"/>
      <c r="S1486" s="53"/>
      <c r="T1486" s="53"/>
      <c r="U1486" s="53"/>
      <c r="V1486" s="53"/>
      <c r="W1486" s="53"/>
      <c r="X1486" s="53"/>
      <c r="Y1486" s="53"/>
      <c r="Z1486" s="53"/>
      <c r="AA1486" s="53"/>
      <c r="AB1486" s="53"/>
      <c r="AC1486" s="53"/>
      <c r="AD1486" s="53"/>
      <c r="AE1486" s="53"/>
      <c r="AF1486" s="53"/>
      <c r="AG1486" s="53"/>
      <c r="AH1486" s="53"/>
      <c r="AI1486" s="53"/>
      <c r="AJ1486" s="53"/>
      <c r="AK1486" s="53"/>
      <c r="AL1486" s="53"/>
      <c r="AM1486" s="53"/>
      <c r="AN1486" s="53"/>
      <c r="AO1486" s="53"/>
      <c r="AP1486" s="53"/>
      <c r="AQ1486" s="53"/>
      <c r="AR1486" s="53"/>
      <c r="AS1486" s="53"/>
      <c r="AT1486" s="53"/>
      <c r="AU1486" s="53"/>
      <c r="AV1486" s="53"/>
      <c r="AW1486" s="53"/>
      <c r="AX1486" s="53"/>
      <c r="AY1486" s="53"/>
      <c r="AZ1486" s="53"/>
      <c r="BA1486" s="53"/>
      <c r="BB1486" s="53"/>
      <c r="BC1486" s="53"/>
      <c r="BD1486" s="53"/>
      <c r="BE1486" s="53"/>
      <c r="BF1486" s="53"/>
      <c r="BG1486" s="53"/>
      <c r="BH1486" s="53"/>
      <c r="BI1486" s="53"/>
      <c r="BJ1486" s="53"/>
      <c r="BK1486" s="53"/>
      <c r="BL1486" s="53"/>
      <c r="BM1486" s="53"/>
      <c r="BN1486" s="53"/>
      <c r="BO1486" s="53"/>
      <c r="BP1486" s="53"/>
      <c r="BQ1486" s="53"/>
      <c r="BR1486" s="53"/>
      <c r="BS1486" s="53"/>
      <c r="BT1486" s="53"/>
      <c r="BU1486" s="53"/>
      <c r="BV1486" s="53"/>
      <c r="BW1486" s="53"/>
      <c r="BX1486" s="53"/>
      <c r="BY1486" s="53"/>
      <c r="BZ1486" s="53"/>
      <c r="CA1486" s="53"/>
      <c r="CB1486" s="53">
        <v>68761.545873078401</v>
      </c>
      <c r="CC1486" s="53">
        <v>65016.100453266801</v>
      </c>
      <c r="CD1486" s="53">
        <v>73142.370998875893</v>
      </c>
      <c r="CE1486" s="53">
        <v>77346.687494002501</v>
      </c>
      <c r="CF1486" s="53">
        <v>87582.950099330395</v>
      </c>
      <c r="CG1486" s="53">
        <v>89471.3545275387</v>
      </c>
      <c r="CH1486" s="53">
        <v>94022.713903270895</v>
      </c>
      <c r="CI1486" s="53">
        <v>94367.351581825395</v>
      </c>
      <c r="CJ1486" s="53">
        <v>89249.055088425695</v>
      </c>
      <c r="CK1486" s="53">
        <v>84054.711216104202</v>
      </c>
      <c r="CL1486" s="53">
        <v>72131.523667972302</v>
      </c>
      <c r="CM1486" s="53">
        <v>70623.614631129894</v>
      </c>
      <c r="CN1486" s="53">
        <v>965769.979534821</v>
      </c>
    </row>
    <row r="1487" spans="1:92" outlineLevel="1">
      <c r="A1487" s="52" t="s">
        <v>649</v>
      </c>
      <c r="B1487" s="53">
        <v>1293389.1000000001</v>
      </c>
      <c r="C1487" s="53">
        <v>1293389.1000000001</v>
      </c>
      <c r="D1487" s="53">
        <v>1293389.1000000001</v>
      </c>
      <c r="E1487" s="53">
        <v>1293389.1000000001</v>
      </c>
      <c r="F1487" s="53">
        <v>1293389.1000000001</v>
      </c>
      <c r="G1487" s="53">
        <v>1293389.1000000001</v>
      </c>
      <c r="H1487" s="53">
        <v>1293389.1000000001</v>
      </c>
      <c r="I1487" s="53">
        <v>1293389.1000000001</v>
      </c>
      <c r="J1487" s="53">
        <v>1293389.1000000001</v>
      </c>
      <c r="K1487" s="53">
        <v>1293389.1000000001</v>
      </c>
      <c r="L1487" s="53">
        <v>1293389.1000000001</v>
      </c>
      <c r="M1487" s="53">
        <v>1293389.1000000001</v>
      </c>
      <c r="N1487" s="53">
        <v>15520669.199999999</v>
      </c>
      <c r="O1487" s="53">
        <v>1356596.1</v>
      </c>
      <c r="P1487" s="53">
        <v>1356596.1</v>
      </c>
      <c r="Q1487" s="53">
        <v>1356596.1</v>
      </c>
      <c r="R1487" s="53">
        <v>1356596.1</v>
      </c>
      <c r="S1487" s="53">
        <v>1356596.1</v>
      </c>
      <c r="T1487" s="53">
        <v>1356596.1</v>
      </c>
      <c r="U1487" s="53">
        <v>1356596.1</v>
      </c>
      <c r="V1487" s="53">
        <v>1356596.1</v>
      </c>
      <c r="W1487" s="53">
        <v>1356596.1</v>
      </c>
      <c r="X1487" s="53">
        <v>1356596.1</v>
      </c>
      <c r="Y1487" s="53">
        <v>1356596.1</v>
      </c>
      <c r="Z1487" s="53">
        <v>1356596.1</v>
      </c>
      <c r="AA1487" s="53">
        <v>16279153.199999999</v>
      </c>
      <c r="AB1487" s="53">
        <v>1356596.1</v>
      </c>
      <c r="AC1487" s="53">
        <v>1356596.1</v>
      </c>
      <c r="AD1487" s="53">
        <v>1356596.1</v>
      </c>
      <c r="AE1487" s="53">
        <v>1356596.1</v>
      </c>
      <c r="AF1487" s="53">
        <v>1356596.1</v>
      </c>
      <c r="AG1487" s="53">
        <v>1356596.1</v>
      </c>
      <c r="AH1487" s="53">
        <v>1356596.1</v>
      </c>
      <c r="AI1487" s="53">
        <v>1356596.1</v>
      </c>
      <c r="AJ1487" s="53">
        <v>1356596.1</v>
      </c>
      <c r="AK1487" s="53">
        <v>1356596.1</v>
      </c>
      <c r="AL1487" s="53">
        <v>1356596.1</v>
      </c>
      <c r="AM1487" s="53">
        <v>1356596.1</v>
      </c>
      <c r="AN1487" s="53">
        <v>16279153.199999999</v>
      </c>
      <c r="AO1487" s="53"/>
      <c r="AP1487" s="53"/>
      <c r="AQ1487" s="53"/>
      <c r="AR1487" s="53"/>
      <c r="AS1487" s="53"/>
      <c r="AT1487" s="53"/>
      <c r="AU1487" s="53"/>
      <c r="AV1487" s="53"/>
      <c r="AW1487" s="53"/>
      <c r="AX1487" s="53"/>
      <c r="AY1487" s="53"/>
      <c r="AZ1487" s="53"/>
      <c r="BA1487" s="53"/>
      <c r="BB1487" s="53"/>
      <c r="BC1487" s="53"/>
      <c r="BD1487" s="53"/>
      <c r="BE1487" s="53"/>
      <c r="BF1487" s="53"/>
      <c r="BG1487" s="53"/>
      <c r="BH1487" s="53"/>
      <c r="BI1487" s="53"/>
      <c r="BJ1487" s="53"/>
      <c r="BK1487" s="53"/>
      <c r="BL1487" s="53"/>
      <c r="BM1487" s="53"/>
      <c r="BN1487" s="53"/>
      <c r="BO1487" s="53"/>
      <c r="BP1487" s="53"/>
      <c r="BQ1487" s="53"/>
      <c r="BR1487" s="53"/>
      <c r="BS1487" s="53"/>
      <c r="BT1487" s="53"/>
      <c r="BU1487" s="53"/>
      <c r="BV1487" s="53"/>
      <c r="BW1487" s="53"/>
      <c r="BX1487" s="53"/>
      <c r="BY1487" s="53"/>
      <c r="BZ1487" s="53"/>
      <c r="CA1487" s="53"/>
      <c r="CB1487" s="53">
        <v>19017.8751848508</v>
      </c>
      <c r="CC1487" s="53">
        <v>19828.291627307299</v>
      </c>
      <c r="CD1487" s="53">
        <v>20564.442966587401</v>
      </c>
      <c r="CE1487" s="53">
        <v>20463.276442836799</v>
      </c>
      <c r="CF1487" s="53">
        <v>21307.351650427099</v>
      </c>
      <c r="CG1487" s="53">
        <v>20685.311817943501</v>
      </c>
      <c r="CH1487" s="53">
        <v>20551.845540085</v>
      </c>
      <c r="CI1487" s="53">
        <v>21325.464958454799</v>
      </c>
      <c r="CJ1487" s="53">
        <v>21019.216811334401</v>
      </c>
      <c r="CK1487" s="53">
        <v>20825.659916605498</v>
      </c>
      <c r="CL1487" s="53">
        <v>21371.974168319699</v>
      </c>
      <c r="CM1487" s="53">
        <v>19983.897189165498</v>
      </c>
      <c r="CN1487" s="53">
        <v>246944.60827391801</v>
      </c>
    </row>
    <row r="1488" spans="1:92" outlineLevel="1">
      <c r="A1488" s="52" t="s">
        <v>1431</v>
      </c>
      <c r="B1488" s="53"/>
      <c r="C1488" s="53"/>
      <c r="D1488" s="53"/>
      <c r="E1488" s="53"/>
      <c r="F1488" s="53"/>
      <c r="G1488" s="53"/>
      <c r="H1488" s="53"/>
      <c r="I1488" s="53"/>
      <c r="J1488" s="53"/>
      <c r="K1488" s="53"/>
      <c r="L1488" s="53"/>
      <c r="M1488" s="53"/>
      <c r="N1488" s="53"/>
      <c r="O1488" s="53"/>
      <c r="P1488" s="53"/>
      <c r="Q1488" s="53"/>
      <c r="R1488" s="53"/>
      <c r="S1488" s="53"/>
      <c r="T1488" s="53"/>
      <c r="U1488" s="53"/>
      <c r="V1488" s="53"/>
      <c r="W1488" s="53"/>
      <c r="X1488" s="53"/>
      <c r="Y1488" s="53"/>
      <c r="Z1488" s="53"/>
      <c r="AA1488" s="53"/>
      <c r="AB1488" s="53"/>
      <c r="AC1488" s="53"/>
      <c r="AD1488" s="53"/>
      <c r="AE1488" s="53"/>
      <c r="AF1488" s="53"/>
      <c r="AG1488" s="53"/>
      <c r="AH1488" s="53"/>
      <c r="AI1488" s="53"/>
      <c r="AJ1488" s="53"/>
      <c r="AK1488" s="53"/>
      <c r="AL1488" s="53"/>
      <c r="AM1488" s="53"/>
      <c r="AN1488" s="53"/>
      <c r="AO1488" s="53"/>
      <c r="AP1488" s="53"/>
      <c r="AQ1488" s="53"/>
      <c r="AR1488" s="53"/>
      <c r="AS1488" s="53"/>
      <c r="AT1488" s="53"/>
      <c r="AU1488" s="53"/>
      <c r="AV1488" s="53"/>
      <c r="AW1488" s="53"/>
      <c r="AX1488" s="53"/>
      <c r="AY1488" s="53"/>
      <c r="AZ1488" s="53"/>
      <c r="BA1488" s="53"/>
      <c r="BB1488" s="53"/>
      <c r="BC1488" s="53"/>
      <c r="BD1488" s="53"/>
      <c r="BE1488" s="53"/>
      <c r="BF1488" s="53"/>
      <c r="BG1488" s="53"/>
      <c r="BH1488" s="53"/>
      <c r="BI1488" s="53"/>
      <c r="BJ1488" s="53"/>
      <c r="BK1488" s="53"/>
      <c r="BL1488" s="53"/>
      <c r="BM1488" s="53"/>
      <c r="BN1488" s="53"/>
      <c r="BO1488" s="53"/>
      <c r="BP1488" s="53"/>
      <c r="BQ1488" s="53"/>
      <c r="BR1488" s="53"/>
      <c r="BS1488" s="53"/>
      <c r="BT1488" s="53"/>
      <c r="BU1488" s="53"/>
      <c r="BV1488" s="53"/>
      <c r="BW1488" s="53"/>
      <c r="BX1488" s="53"/>
      <c r="BY1488" s="53"/>
      <c r="BZ1488" s="53"/>
      <c r="CA1488" s="53"/>
      <c r="CB1488" s="53">
        <v>117.91450892712101</v>
      </c>
      <c r="CC1488" s="53">
        <v>119.460886262231</v>
      </c>
      <c r="CD1488" s="53">
        <v>118.932199958504</v>
      </c>
      <c r="CE1488" s="53">
        <v>118.354693769766</v>
      </c>
      <c r="CF1488" s="53">
        <v>115.99417620561201</v>
      </c>
      <c r="CG1488" s="53">
        <v>115.053799849846</v>
      </c>
      <c r="CH1488" s="53">
        <v>115.00259165993199</v>
      </c>
      <c r="CI1488" s="53">
        <v>115.177455109194</v>
      </c>
      <c r="CJ1488" s="53">
        <v>115.66456706947901</v>
      </c>
      <c r="CK1488" s="53">
        <v>117.05853219553499</v>
      </c>
      <c r="CL1488" s="53">
        <v>119.24805807258301</v>
      </c>
      <c r="CM1488" s="53">
        <v>118.49646551767501</v>
      </c>
      <c r="CN1488" s="53">
        <v>1406.3579345974799</v>
      </c>
    </row>
    <row r="1489" spans="1:92" outlineLevel="1">
      <c r="A1489" s="52" t="s">
        <v>649</v>
      </c>
      <c r="B1489" s="53">
        <v>29000000</v>
      </c>
      <c r="C1489" s="53"/>
      <c r="D1489" s="53"/>
      <c r="E1489" s="53"/>
      <c r="F1489" s="53"/>
      <c r="G1489" s="53"/>
      <c r="H1489" s="53"/>
      <c r="I1489" s="53"/>
      <c r="J1489" s="53"/>
      <c r="K1489" s="53"/>
      <c r="L1489" s="53"/>
      <c r="M1489" s="53"/>
      <c r="N1489" s="53">
        <v>29000000</v>
      </c>
      <c r="O1489" s="53"/>
      <c r="P1489" s="53"/>
      <c r="Q1489" s="53"/>
      <c r="R1489" s="53"/>
      <c r="S1489" s="53"/>
      <c r="T1489" s="53"/>
      <c r="U1489" s="53"/>
      <c r="V1489" s="53"/>
      <c r="W1489" s="53"/>
      <c r="X1489" s="53"/>
      <c r="Y1489" s="53"/>
      <c r="Z1489" s="53"/>
      <c r="AA1489" s="53"/>
      <c r="AB1489" s="53"/>
      <c r="AC1489" s="53"/>
      <c r="AD1489" s="53"/>
      <c r="AE1489" s="53"/>
      <c r="AF1489" s="53"/>
      <c r="AG1489" s="53"/>
      <c r="AH1489" s="53"/>
      <c r="AI1489" s="53"/>
      <c r="AJ1489" s="53"/>
      <c r="AK1489" s="53"/>
      <c r="AL1489" s="53"/>
      <c r="AM1489" s="53"/>
      <c r="AN1489" s="53"/>
      <c r="AO1489" s="53"/>
      <c r="AP1489" s="53"/>
      <c r="AQ1489" s="53"/>
      <c r="AR1489" s="53"/>
      <c r="AS1489" s="53"/>
      <c r="AT1489" s="53"/>
      <c r="AU1489" s="53"/>
      <c r="AV1489" s="53"/>
      <c r="AW1489" s="53"/>
      <c r="AX1489" s="53"/>
      <c r="AY1489" s="53"/>
      <c r="AZ1489" s="53"/>
      <c r="BA1489" s="53"/>
      <c r="BB1489" s="53"/>
      <c r="BC1489" s="53"/>
      <c r="BD1489" s="53"/>
      <c r="BE1489" s="53"/>
      <c r="BF1489" s="53"/>
      <c r="BG1489" s="53"/>
      <c r="BH1489" s="53"/>
      <c r="BI1489" s="53"/>
      <c r="BJ1489" s="53"/>
      <c r="BK1489" s="53"/>
      <c r="BL1489" s="53"/>
      <c r="BM1489" s="53"/>
      <c r="BN1489" s="53"/>
      <c r="BO1489" s="53"/>
      <c r="BP1489" s="53"/>
      <c r="BQ1489" s="53"/>
      <c r="BR1489" s="53"/>
      <c r="BS1489" s="53"/>
      <c r="BT1489" s="53"/>
      <c r="BU1489" s="53"/>
      <c r="BV1489" s="53"/>
      <c r="BW1489" s="53"/>
      <c r="BX1489" s="53"/>
      <c r="BY1489" s="53"/>
      <c r="BZ1489" s="53"/>
      <c r="CA1489" s="53"/>
      <c r="CB1489" s="53">
        <v>19049.572225510499</v>
      </c>
      <c r="CC1489" s="53">
        <v>19618.091666282799</v>
      </c>
      <c r="CD1489" s="53">
        <v>20114.6164682335</v>
      </c>
      <c r="CE1489" s="53">
        <v>21145.2332215346</v>
      </c>
      <c r="CF1489" s="53">
        <v>23036.678019160801</v>
      </c>
      <c r="CG1489" s="53">
        <v>23017.527690247502</v>
      </c>
      <c r="CH1489" s="53">
        <v>23161.200433248701</v>
      </c>
      <c r="CI1489" s="53">
        <v>20768.915840400801</v>
      </c>
      <c r="CJ1489" s="53">
        <v>23833.097428649598</v>
      </c>
      <c r="CK1489" s="53">
        <v>22325.900403346201</v>
      </c>
      <c r="CL1489" s="53">
        <v>20298.692792106998</v>
      </c>
      <c r="CM1489" s="53">
        <v>19564.332968389401</v>
      </c>
      <c r="CN1489" s="53">
        <v>255933.85915711199</v>
      </c>
    </row>
    <row r="1490" spans="1:92" outlineLevel="1">
      <c r="A1490" s="52" t="s">
        <v>1432</v>
      </c>
      <c r="B1490" s="53"/>
      <c r="C1490" s="53"/>
      <c r="D1490" s="53"/>
      <c r="E1490" s="53"/>
      <c r="F1490" s="53"/>
      <c r="G1490" s="53"/>
      <c r="H1490" s="53"/>
      <c r="I1490" s="53"/>
      <c r="J1490" s="53"/>
      <c r="K1490" s="53"/>
      <c r="L1490" s="53"/>
      <c r="M1490" s="53"/>
      <c r="N1490" s="53"/>
      <c r="O1490" s="53"/>
      <c r="P1490" s="53"/>
      <c r="Q1490" s="53"/>
      <c r="R1490" s="53"/>
      <c r="S1490" s="53"/>
      <c r="T1490" s="53"/>
      <c r="U1490" s="53"/>
      <c r="V1490" s="53"/>
      <c r="W1490" s="53"/>
      <c r="X1490" s="53"/>
      <c r="Y1490" s="53"/>
      <c r="Z1490" s="53"/>
      <c r="AA1490" s="53"/>
      <c r="AB1490" s="53"/>
      <c r="AC1490" s="53"/>
      <c r="AD1490" s="53"/>
      <c r="AE1490" s="53"/>
      <c r="AF1490" s="53"/>
      <c r="AG1490" s="53"/>
      <c r="AH1490" s="53"/>
      <c r="AI1490" s="53"/>
      <c r="AJ1490" s="53"/>
      <c r="AK1490" s="53"/>
      <c r="AL1490" s="53"/>
      <c r="AM1490" s="53"/>
      <c r="AN1490" s="53"/>
      <c r="AO1490" s="53"/>
      <c r="AP1490" s="53"/>
      <c r="AQ1490" s="53"/>
      <c r="AR1490" s="53"/>
      <c r="AS1490" s="53"/>
      <c r="AT1490" s="53"/>
      <c r="AU1490" s="53"/>
      <c r="AV1490" s="53"/>
      <c r="AW1490" s="53"/>
      <c r="AX1490" s="53"/>
      <c r="AY1490" s="53"/>
      <c r="AZ1490" s="53"/>
      <c r="BA1490" s="53"/>
      <c r="BB1490" s="53"/>
      <c r="BC1490" s="53"/>
      <c r="BD1490" s="53"/>
      <c r="BE1490" s="53"/>
      <c r="BF1490" s="53"/>
      <c r="BG1490" s="53"/>
      <c r="BH1490" s="53"/>
      <c r="BI1490" s="53"/>
      <c r="BJ1490" s="53"/>
      <c r="BK1490" s="53"/>
      <c r="BL1490" s="53"/>
      <c r="BM1490" s="53"/>
      <c r="BN1490" s="53"/>
      <c r="BO1490" s="53"/>
      <c r="BP1490" s="53"/>
      <c r="BQ1490" s="53"/>
      <c r="BR1490" s="53"/>
      <c r="BS1490" s="53"/>
      <c r="BT1490" s="53"/>
      <c r="BU1490" s="53"/>
      <c r="BV1490" s="53"/>
      <c r="BW1490" s="53"/>
      <c r="BX1490" s="53"/>
      <c r="BY1490" s="53"/>
      <c r="BZ1490" s="53"/>
      <c r="CA1490" s="53"/>
      <c r="CB1490" s="53">
        <v>178256.77431815799</v>
      </c>
      <c r="CC1490" s="53">
        <v>149554.99315754499</v>
      </c>
      <c r="CD1490" s="53">
        <v>152532.43778443101</v>
      </c>
      <c r="CE1490" s="53">
        <v>156266.079843663</v>
      </c>
      <c r="CF1490" s="53">
        <v>200504.01027674699</v>
      </c>
      <c r="CG1490" s="53">
        <v>230052.681750213</v>
      </c>
      <c r="CH1490" s="53">
        <v>249910.01832603</v>
      </c>
      <c r="CI1490" s="53">
        <v>250567.662698253</v>
      </c>
      <c r="CJ1490" s="53">
        <v>229116.627166408</v>
      </c>
      <c r="CK1490" s="53">
        <v>189685.47736611601</v>
      </c>
      <c r="CL1490" s="53">
        <v>151544.02258516001</v>
      </c>
      <c r="CM1490" s="53">
        <v>170221.009110799</v>
      </c>
      <c r="CN1490" s="53">
        <v>2308211.7943835198</v>
      </c>
    </row>
    <row r="1491" spans="1:92" outlineLevel="1">
      <c r="A1491" s="52" t="s">
        <v>649</v>
      </c>
      <c r="B1491" s="53"/>
      <c r="C1491" s="53"/>
      <c r="D1491" s="53"/>
      <c r="E1491" s="53"/>
      <c r="F1491" s="53"/>
      <c r="G1491" s="53"/>
      <c r="H1491" s="53"/>
      <c r="I1491" s="53"/>
      <c r="J1491" s="53"/>
      <c r="K1491" s="53"/>
      <c r="L1491" s="53"/>
      <c r="M1491" s="53"/>
      <c r="N1491" s="53"/>
      <c r="O1491" s="53">
        <v>216833.99999999901</v>
      </c>
      <c r="P1491" s="53">
        <v>216833.99999999901</v>
      </c>
      <c r="Q1491" s="53">
        <v>216833.99999999901</v>
      </c>
      <c r="R1491" s="53">
        <v>216833.99999999901</v>
      </c>
      <c r="S1491" s="53">
        <v>216833.99999999901</v>
      </c>
      <c r="T1491" s="53">
        <v>216833.99999999901</v>
      </c>
      <c r="U1491" s="53">
        <v>216833.99999999901</v>
      </c>
      <c r="V1491" s="53">
        <v>216833.99999999901</v>
      </c>
      <c r="W1491" s="53">
        <v>216833.99999999901</v>
      </c>
      <c r="X1491" s="53">
        <v>216833.99999999901</v>
      </c>
      <c r="Y1491" s="53">
        <v>216833.99999999901</v>
      </c>
      <c r="Z1491" s="53">
        <v>216833.99999999901</v>
      </c>
      <c r="AA1491" s="53">
        <v>2602008</v>
      </c>
      <c r="AB1491" s="53">
        <v>216833.99999999901</v>
      </c>
      <c r="AC1491" s="53">
        <v>216833.99999999901</v>
      </c>
      <c r="AD1491" s="53">
        <v>216833.99999999901</v>
      </c>
      <c r="AE1491" s="53">
        <v>216833.99999999901</v>
      </c>
      <c r="AF1491" s="53">
        <v>216833.99999999901</v>
      </c>
      <c r="AG1491" s="53">
        <v>216833.99999999901</v>
      </c>
      <c r="AH1491" s="53">
        <v>216833.99999999901</v>
      </c>
      <c r="AI1491" s="53">
        <v>216833.99999999901</v>
      </c>
      <c r="AJ1491" s="53">
        <v>216833.99999999901</v>
      </c>
      <c r="AK1491" s="53">
        <v>216833.99999999901</v>
      </c>
      <c r="AL1491" s="53">
        <v>216833.99999999901</v>
      </c>
      <c r="AM1491" s="53">
        <v>216833.99999999901</v>
      </c>
      <c r="AN1491" s="53">
        <v>2602007.99999998</v>
      </c>
      <c r="AO1491" s="53">
        <v>216833.99999999901</v>
      </c>
      <c r="AP1491" s="53">
        <v>216833.99999999901</v>
      </c>
      <c r="AQ1491" s="53">
        <v>216833.99999999901</v>
      </c>
      <c r="AR1491" s="53">
        <v>216833.99999999901</v>
      </c>
      <c r="AS1491" s="53">
        <v>216833.99999999901</v>
      </c>
      <c r="AT1491" s="53">
        <v>216833.99999999901</v>
      </c>
      <c r="AU1491" s="53">
        <v>216833.99999999901</v>
      </c>
      <c r="AV1491" s="53">
        <v>216833.99999999901</v>
      </c>
      <c r="AW1491" s="53">
        <v>216833.99999999901</v>
      </c>
      <c r="AX1491" s="53">
        <v>216833.99999999901</v>
      </c>
      <c r="AY1491" s="53">
        <v>216833.99999999901</v>
      </c>
      <c r="AZ1491" s="53">
        <v>216833.99999999901</v>
      </c>
      <c r="BA1491" s="53">
        <v>2602007.99999998</v>
      </c>
      <c r="BB1491" s="53">
        <v>216833.99999999901</v>
      </c>
      <c r="BC1491" s="53">
        <v>216833.99999999901</v>
      </c>
      <c r="BD1491" s="53">
        <v>216833.99999999901</v>
      </c>
      <c r="BE1491" s="53">
        <v>216833.99999999901</v>
      </c>
      <c r="BF1491" s="53">
        <v>216833.99999999901</v>
      </c>
      <c r="BG1491" s="53">
        <v>216833.99999999901</v>
      </c>
      <c r="BH1491" s="53">
        <v>216833.99999999901</v>
      </c>
      <c r="BI1491" s="53">
        <v>216833.99999999901</v>
      </c>
      <c r="BJ1491" s="53">
        <v>216833.99999999901</v>
      </c>
      <c r="BK1491" s="53">
        <v>216833.99999999901</v>
      </c>
      <c r="BL1491" s="53">
        <v>216833.99999999901</v>
      </c>
      <c r="BM1491" s="53">
        <v>216833.99999999901</v>
      </c>
      <c r="BN1491" s="53">
        <v>2602007.99999998</v>
      </c>
      <c r="BO1491" s="53">
        <v>216833.99999999901</v>
      </c>
      <c r="BP1491" s="53">
        <v>216833.99999999901</v>
      </c>
      <c r="BQ1491" s="53">
        <v>216833.99999999901</v>
      </c>
      <c r="BR1491" s="53">
        <v>216833.99999999901</v>
      </c>
      <c r="BS1491" s="53">
        <v>216833.99999999901</v>
      </c>
      <c r="BT1491" s="53">
        <v>216833.99999999901</v>
      </c>
      <c r="BU1491" s="53">
        <v>216833.99999999901</v>
      </c>
      <c r="BV1491" s="53">
        <v>216833.99999999901</v>
      </c>
      <c r="BW1491" s="53">
        <v>216833.99999999901</v>
      </c>
      <c r="BX1491" s="53">
        <v>216833.99999999901</v>
      </c>
      <c r="BY1491" s="53">
        <v>216833.99999999901</v>
      </c>
      <c r="BZ1491" s="53">
        <v>216833.99999999901</v>
      </c>
      <c r="CA1491" s="53">
        <v>2602007.99999998</v>
      </c>
      <c r="CB1491" s="53"/>
      <c r="CC1491" s="53"/>
      <c r="CD1491" s="53"/>
      <c r="CE1491" s="53"/>
      <c r="CF1491" s="53"/>
      <c r="CG1491" s="53"/>
      <c r="CH1491" s="53"/>
      <c r="CI1491" s="53"/>
      <c r="CJ1491" s="53"/>
      <c r="CK1491" s="53"/>
      <c r="CL1491" s="53"/>
      <c r="CM1491" s="53"/>
      <c r="CN1491" s="53"/>
    </row>
    <row r="1492" spans="1:92" outlineLevel="1">
      <c r="A1492" s="52" t="s">
        <v>1402</v>
      </c>
      <c r="B1492" s="53"/>
      <c r="C1492" s="53"/>
      <c r="D1492" s="53"/>
      <c r="E1492" s="53"/>
      <c r="F1492" s="53"/>
      <c r="G1492" s="53"/>
      <c r="H1492" s="53"/>
      <c r="I1492" s="53"/>
      <c r="J1492" s="53"/>
      <c r="K1492" s="53"/>
      <c r="L1492" s="53"/>
      <c r="M1492" s="53"/>
      <c r="N1492" s="53"/>
      <c r="O1492" s="53"/>
      <c r="P1492" s="53"/>
      <c r="Q1492" s="53"/>
      <c r="R1492" s="53"/>
      <c r="S1492" s="53"/>
      <c r="T1492" s="53"/>
      <c r="U1492" s="53"/>
      <c r="V1492" s="53"/>
      <c r="W1492" s="53"/>
      <c r="X1492" s="53"/>
      <c r="Y1492" s="53"/>
      <c r="Z1492" s="53"/>
      <c r="AA1492" s="53"/>
      <c r="AB1492" s="53"/>
      <c r="AC1492" s="53"/>
      <c r="AD1492" s="53"/>
      <c r="AE1492" s="53"/>
      <c r="AF1492" s="53"/>
      <c r="AG1492" s="53"/>
      <c r="AH1492" s="53"/>
      <c r="AI1492" s="53"/>
      <c r="AJ1492" s="53"/>
      <c r="AK1492" s="53"/>
      <c r="AL1492" s="53"/>
      <c r="AM1492" s="53"/>
      <c r="AN1492" s="53"/>
      <c r="AO1492" s="53"/>
      <c r="AP1492" s="53"/>
      <c r="AQ1492" s="53"/>
      <c r="AR1492" s="53"/>
      <c r="AS1492" s="53"/>
      <c r="AT1492" s="53"/>
      <c r="AU1492" s="53"/>
      <c r="AV1492" s="53"/>
      <c r="AW1492" s="53"/>
      <c r="AX1492" s="53"/>
      <c r="AY1492" s="53"/>
      <c r="AZ1492" s="53"/>
      <c r="BA1492" s="53"/>
      <c r="BB1492" s="53"/>
      <c r="BC1492" s="53"/>
      <c r="BD1492" s="53"/>
      <c r="BE1492" s="53"/>
      <c r="BF1492" s="53"/>
      <c r="BG1492" s="53"/>
      <c r="BH1492" s="53"/>
      <c r="BI1492" s="53"/>
      <c r="BJ1492" s="53"/>
      <c r="BK1492" s="53"/>
      <c r="BL1492" s="53"/>
      <c r="BM1492" s="53"/>
      <c r="BN1492" s="53"/>
      <c r="BO1492" s="53"/>
      <c r="BP1492" s="53"/>
      <c r="BQ1492" s="53"/>
      <c r="BR1492" s="53"/>
      <c r="BS1492" s="53"/>
      <c r="BT1492" s="53"/>
      <c r="BU1492" s="53"/>
      <c r="BV1492" s="53"/>
      <c r="BW1492" s="53"/>
      <c r="BX1492" s="53"/>
      <c r="BY1492" s="53"/>
      <c r="BZ1492" s="53"/>
      <c r="CA1492" s="53"/>
      <c r="CB1492" s="53"/>
      <c r="CC1492" s="53"/>
      <c r="CD1492" s="53"/>
      <c r="CE1492" s="53"/>
      <c r="CF1492" s="53"/>
      <c r="CG1492" s="53"/>
      <c r="CH1492" s="53"/>
      <c r="CI1492" s="53"/>
      <c r="CJ1492" s="53"/>
      <c r="CK1492" s="53"/>
      <c r="CL1492" s="53"/>
      <c r="CM1492" s="53"/>
      <c r="CN1492" s="53"/>
    </row>
    <row r="1493" spans="1:92" outlineLevel="1">
      <c r="A1493" s="52" t="s">
        <v>649</v>
      </c>
      <c r="B1493" s="53"/>
      <c r="C1493" s="53"/>
      <c r="D1493" s="53"/>
      <c r="E1493" s="53"/>
      <c r="F1493" s="53"/>
      <c r="G1493" s="53"/>
      <c r="H1493" s="53"/>
      <c r="I1493" s="53"/>
      <c r="J1493" s="53"/>
      <c r="K1493" s="53"/>
      <c r="L1493" s="53"/>
      <c r="M1493" s="53">
        <v>-12916000</v>
      </c>
      <c r="N1493" s="53">
        <v>-12916000</v>
      </c>
      <c r="O1493" s="53"/>
      <c r="P1493" s="53"/>
      <c r="Q1493" s="53"/>
      <c r="R1493" s="53"/>
      <c r="S1493" s="53"/>
      <c r="T1493" s="53"/>
      <c r="U1493" s="53"/>
      <c r="V1493" s="53"/>
      <c r="W1493" s="53"/>
      <c r="X1493" s="53"/>
      <c r="Y1493" s="53"/>
      <c r="Z1493" s="53"/>
      <c r="AA1493" s="53"/>
      <c r="AB1493" s="53"/>
      <c r="AC1493" s="53"/>
      <c r="AD1493" s="53"/>
      <c r="AE1493" s="53"/>
      <c r="AF1493" s="53"/>
      <c r="AG1493" s="53"/>
      <c r="AH1493" s="53"/>
      <c r="AI1493" s="53"/>
      <c r="AJ1493" s="53"/>
      <c r="AK1493" s="53"/>
      <c r="AL1493" s="53"/>
      <c r="AM1493" s="53"/>
      <c r="AN1493" s="53"/>
      <c r="AO1493" s="53"/>
      <c r="AP1493" s="53"/>
      <c r="AQ1493" s="53"/>
      <c r="AR1493" s="53"/>
      <c r="AS1493" s="53"/>
      <c r="AT1493" s="53"/>
      <c r="AU1493" s="53"/>
      <c r="AV1493" s="53"/>
      <c r="AW1493" s="53"/>
      <c r="AX1493" s="53"/>
      <c r="AY1493" s="53"/>
      <c r="AZ1493" s="53"/>
      <c r="BA1493" s="53"/>
      <c r="BB1493" s="53"/>
      <c r="BC1493" s="53"/>
      <c r="BD1493" s="53"/>
      <c r="BE1493" s="53"/>
      <c r="BF1493" s="53"/>
      <c r="BG1493" s="53"/>
      <c r="BH1493" s="53"/>
      <c r="BI1493" s="53"/>
      <c r="BJ1493" s="53"/>
      <c r="BK1493" s="53"/>
      <c r="BL1493" s="53"/>
      <c r="BM1493" s="53"/>
      <c r="BN1493" s="53"/>
      <c r="BO1493" s="53"/>
      <c r="BP1493" s="53"/>
      <c r="BQ1493" s="53"/>
      <c r="BR1493" s="53"/>
      <c r="BS1493" s="53"/>
      <c r="BT1493" s="53"/>
      <c r="BU1493" s="53"/>
      <c r="BV1493" s="53"/>
      <c r="BW1493" s="53"/>
      <c r="BX1493" s="53"/>
      <c r="BY1493" s="53"/>
      <c r="BZ1493" s="53"/>
      <c r="CA1493" s="53"/>
      <c r="CB1493" s="53">
        <v>99707176.843383506</v>
      </c>
      <c r="CC1493" s="53">
        <v>87583282.197764203</v>
      </c>
      <c r="CD1493" s="53">
        <v>93421022.556293994</v>
      </c>
      <c r="CE1493" s="53">
        <v>96986310.956328705</v>
      </c>
      <c r="CF1493" s="53">
        <v>118159611.06574599</v>
      </c>
      <c r="CG1493" s="53">
        <v>129766421.422316</v>
      </c>
      <c r="CH1493" s="53">
        <v>137899384.73157299</v>
      </c>
      <c r="CI1493" s="53">
        <v>137415263.77950099</v>
      </c>
      <c r="CJ1493" s="53">
        <v>128530131.25942899</v>
      </c>
      <c r="CK1493" s="53">
        <v>111533853.49240699</v>
      </c>
      <c r="CL1493" s="53">
        <v>92051937.552933693</v>
      </c>
      <c r="CM1493" s="53">
        <v>97951497.289581195</v>
      </c>
      <c r="CN1493" s="53">
        <v>1331005893.14726</v>
      </c>
    </row>
    <row r="1494" spans="1:92" outlineLevel="1">
      <c r="A1494" s="52" t="s">
        <v>1229</v>
      </c>
      <c r="B1494" s="53"/>
      <c r="C1494" s="53"/>
      <c r="D1494" s="53"/>
      <c r="E1494" s="53"/>
      <c r="F1494" s="53"/>
      <c r="G1494" s="53"/>
      <c r="H1494" s="53"/>
      <c r="I1494" s="53"/>
      <c r="J1494" s="53"/>
      <c r="K1494" s="53"/>
      <c r="L1494" s="53"/>
      <c r="M1494" s="53"/>
      <c r="N1494" s="53"/>
      <c r="O1494" s="53"/>
      <c r="P1494" s="53"/>
      <c r="Q1494" s="53"/>
      <c r="R1494" s="53"/>
      <c r="S1494" s="53"/>
      <c r="T1494" s="53"/>
      <c r="U1494" s="53"/>
      <c r="V1494" s="53"/>
      <c r="W1494" s="53"/>
      <c r="X1494" s="53"/>
      <c r="Y1494" s="53"/>
      <c r="Z1494" s="53"/>
      <c r="AA1494" s="53"/>
      <c r="AB1494" s="53"/>
      <c r="AC1494" s="53"/>
      <c r="AD1494" s="53"/>
      <c r="AE1494" s="53"/>
      <c r="AF1494" s="53"/>
      <c r="AG1494" s="53"/>
      <c r="AH1494" s="53"/>
      <c r="AI1494" s="53"/>
      <c r="AJ1494" s="53"/>
      <c r="AK1494" s="53"/>
      <c r="AL1494" s="53"/>
      <c r="AM1494" s="53"/>
      <c r="AN1494" s="53"/>
      <c r="AO1494" s="53"/>
      <c r="AP1494" s="53"/>
      <c r="AQ1494" s="53"/>
      <c r="AR1494" s="53"/>
      <c r="AS1494" s="53"/>
      <c r="AT1494" s="53"/>
      <c r="AU1494" s="53"/>
      <c r="AV1494" s="53"/>
      <c r="AW1494" s="53"/>
      <c r="AX1494" s="53"/>
      <c r="AY1494" s="53"/>
      <c r="AZ1494" s="53"/>
      <c r="BA1494" s="53"/>
      <c r="BB1494" s="53"/>
      <c r="BC1494" s="53"/>
      <c r="BD1494" s="53"/>
      <c r="BE1494" s="53"/>
      <c r="BF1494" s="53"/>
      <c r="BG1494" s="53"/>
      <c r="BH1494" s="53"/>
      <c r="BI1494" s="53"/>
      <c r="BJ1494" s="53"/>
      <c r="BK1494" s="53"/>
      <c r="BL1494" s="53"/>
      <c r="BM1494" s="53"/>
      <c r="BN1494" s="53"/>
      <c r="BO1494" s="53"/>
      <c r="BP1494" s="53"/>
      <c r="BQ1494" s="53"/>
      <c r="BR1494" s="53"/>
      <c r="BS1494" s="53"/>
      <c r="BT1494" s="53"/>
      <c r="BU1494" s="53"/>
      <c r="BV1494" s="53"/>
      <c r="BW1494" s="53"/>
      <c r="BX1494" s="53"/>
      <c r="BY1494" s="53"/>
      <c r="BZ1494" s="53"/>
      <c r="CA1494" s="53"/>
      <c r="CB1494" s="53"/>
      <c r="CC1494" s="53"/>
      <c r="CD1494" s="53"/>
      <c r="CE1494" s="53"/>
      <c r="CF1494" s="53"/>
      <c r="CG1494" s="53"/>
      <c r="CH1494" s="53"/>
      <c r="CI1494" s="53"/>
      <c r="CJ1494" s="53"/>
      <c r="CK1494" s="53"/>
      <c r="CL1494" s="53"/>
      <c r="CM1494" s="53"/>
      <c r="CN1494" s="53"/>
    </row>
    <row r="1495" spans="1:92" outlineLevel="1">
      <c r="A1495" s="52" t="s">
        <v>1230</v>
      </c>
      <c r="B1495" s="53"/>
      <c r="C1495" s="53"/>
      <c r="D1495" s="53"/>
      <c r="E1495" s="53"/>
      <c r="F1495" s="53"/>
      <c r="G1495" s="53"/>
      <c r="H1495" s="53"/>
      <c r="I1495" s="53"/>
      <c r="J1495" s="53"/>
      <c r="K1495" s="53"/>
      <c r="L1495" s="53"/>
      <c r="M1495" s="53"/>
      <c r="N1495" s="53"/>
      <c r="O1495" s="53"/>
      <c r="P1495" s="53"/>
      <c r="Q1495" s="53"/>
      <c r="R1495" s="53"/>
      <c r="S1495" s="53"/>
      <c r="T1495" s="53"/>
      <c r="U1495" s="53"/>
      <c r="V1495" s="53"/>
      <c r="W1495" s="53"/>
      <c r="X1495" s="53"/>
      <c r="Y1495" s="53"/>
      <c r="Z1495" s="53"/>
      <c r="AA1495" s="53"/>
      <c r="AB1495" s="53"/>
      <c r="AC1495" s="53"/>
      <c r="AD1495" s="53"/>
      <c r="AE1495" s="53"/>
      <c r="AF1495" s="53"/>
      <c r="AG1495" s="53"/>
      <c r="AH1495" s="53"/>
      <c r="AI1495" s="53"/>
      <c r="AJ1495" s="53"/>
      <c r="AK1495" s="53"/>
      <c r="AL1495" s="53"/>
      <c r="AM1495" s="53"/>
      <c r="AN1495" s="53"/>
      <c r="AO1495" s="53"/>
      <c r="AP1495" s="53"/>
      <c r="AQ1495" s="53"/>
      <c r="AR1495" s="53"/>
      <c r="AS1495" s="53"/>
      <c r="AT1495" s="53"/>
      <c r="AU1495" s="53"/>
      <c r="AV1495" s="53"/>
      <c r="AW1495" s="53"/>
      <c r="AX1495" s="53"/>
      <c r="AY1495" s="53"/>
      <c r="AZ1495" s="53"/>
      <c r="BA1495" s="53"/>
      <c r="BB1495" s="53"/>
      <c r="BC1495" s="53"/>
      <c r="BD1495" s="53"/>
      <c r="BE1495" s="53"/>
      <c r="BF1495" s="53"/>
      <c r="BG1495" s="53"/>
      <c r="BH1495" s="53"/>
      <c r="BI1495" s="53"/>
      <c r="BJ1495" s="53"/>
      <c r="BK1495" s="53"/>
      <c r="BL1495" s="53"/>
      <c r="BM1495" s="53"/>
      <c r="BN1495" s="53"/>
      <c r="BO1495" s="53"/>
      <c r="BP1495" s="53"/>
      <c r="BQ1495" s="53"/>
      <c r="BR1495" s="53"/>
      <c r="BS1495" s="53"/>
      <c r="BT1495" s="53"/>
      <c r="BU1495" s="53"/>
      <c r="BV1495" s="53"/>
      <c r="BW1495" s="53"/>
      <c r="BX1495" s="53"/>
      <c r="BY1495" s="53"/>
      <c r="BZ1495" s="53"/>
      <c r="CA1495" s="53"/>
      <c r="CB1495" s="53">
        <v>8035507.1787361503</v>
      </c>
      <c r="CC1495" s="53">
        <v>7687498.1006373698</v>
      </c>
      <c r="CD1495" s="53">
        <v>5375585.0116486195</v>
      </c>
      <c r="CE1495" s="53">
        <v>-2680035.0756096998</v>
      </c>
      <c r="CF1495" s="53">
        <v>-4913791.4080533599</v>
      </c>
      <c r="CG1495" s="53">
        <v>-6310706.5243134703</v>
      </c>
      <c r="CH1495" s="53">
        <v>-5650954.0009020399</v>
      </c>
      <c r="CI1495" s="53">
        <v>-4611177.23853298</v>
      </c>
      <c r="CJ1495" s="53">
        <v>-2950561.2432193798</v>
      </c>
      <c r="CK1495" s="53">
        <v>-2091039.2663350999</v>
      </c>
      <c r="CL1495" s="53">
        <v>3766689.0904278499</v>
      </c>
      <c r="CM1495" s="53">
        <v>5041281.7608413901</v>
      </c>
      <c r="CN1495" s="53">
        <v>698296.38532533101</v>
      </c>
    </row>
    <row r="1496" spans="1:92" outlineLevel="1">
      <c r="A1496" s="52" t="s">
        <v>649</v>
      </c>
      <c r="B1496" s="53"/>
      <c r="C1496" s="53"/>
      <c r="D1496" s="53"/>
      <c r="E1496" s="53"/>
      <c r="F1496" s="53"/>
      <c r="G1496" s="53"/>
      <c r="H1496" s="53"/>
      <c r="I1496" s="53"/>
      <c r="J1496" s="53"/>
      <c r="K1496" s="53"/>
      <c r="L1496" s="53"/>
      <c r="M1496" s="53"/>
      <c r="N1496" s="53"/>
      <c r="O1496" s="53">
        <v>-9.0949470177292803E-10</v>
      </c>
      <c r="P1496" s="53">
        <v>5.8207660913467401E-8</v>
      </c>
      <c r="Q1496" s="53">
        <v>-3.6379788070917101E-9</v>
      </c>
      <c r="R1496" s="53">
        <v>5.4569682106375603E-9</v>
      </c>
      <c r="S1496" s="53">
        <v>-1.6370904631912698E-8</v>
      </c>
      <c r="T1496" s="53">
        <v>2.0008883439004401E-8</v>
      </c>
      <c r="U1496" s="53">
        <v>-7.2759576141834201E-9</v>
      </c>
      <c r="V1496" s="53">
        <v>-2.0008883439004401E-8</v>
      </c>
      <c r="W1496" s="53">
        <v>-9.0949470177292807E-9</v>
      </c>
      <c r="X1496" s="53">
        <v>-2.5465851649641901E-8</v>
      </c>
      <c r="Y1496" s="53"/>
      <c r="Z1496" s="53">
        <v>7.2759576141834206E-8</v>
      </c>
      <c r="AA1496" s="53">
        <v>7.3669070843607095E-8</v>
      </c>
      <c r="AB1496" s="53">
        <v>1.8189894035458501E-9</v>
      </c>
      <c r="AC1496" s="53">
        <v>5.4569682106375603E-9</v>
      </c>
      <c r="AD1496" s="53">
        <v>3.6379788070917101E-9</v>
      </c>
      <c r="AE1496" s="53">
        <v>-2.7284841053187801E-8</v>
      </c>
      <c r="AF1496" s="53">
        <v>-3.6379788070917101E-9</v>
      </c>
      <c r="AG1496" s="53">
        <v>1.4551915228366801E-8</v>
      </c>
      <c r="AH1496" s="53">
        <v>-5.4569682106375603E-9</v>
      </c>
      <c r="AI1496" s="53">
        <v>4.5474735088646399E-8</v>
      </c>
      <c r="AJ1496" s="53">
        <v>-9.0949470177292807E-9</v>
      </c>
      <c r="AK1496" s="53">
        <v>1.8189894035458501E-9</v>
      </c>
      <c r="AL1496" s="53">
        <v>1.2732925824820899E-8</v>
      </c>
      <c r="AM1496" s="53">
        <v>-9.0949470177292807E-9</v>
      </c>
      <c r="AN1496" s="53">
        <v>3.0922819860279501E-8</v>
      </c>
      <c r="AO1496" s="53">
        <v>7.2759576141834201E-9</v>
      </c>
      <c r="AP1496" s="53">
        <v>9.0949470177292807E-9</v>
      </c>
      <c r="AQ1496" s="53">
        <v>-1.0913936421275101E-8</v>
      </c>
      <c r="AR1496" s="53">
        <v>-1.6370904631912698E-8</v>
      </c>
      <c r="AS1496" s="53">
        <v>5.4569682106375603E-9</v>
      </c>
      <c r="AT1496" s="53">
        <v>-3.45607986673712E-8</v>
      </c>
      <c r="AU1496" s="53">
        <v>5.4569682106375603E-9</v>
      </c>
      <c r="AV1496" s="53">
        <v>1.8189894035458499E-8</v>
      </c>
      <c r="AW1496" s="53">
        <v>-2.7284841053187801E-8</v>
      </c>
      <c r="AX1496" s="53">
        <v>1.8189894035458499E-8</v>
      </c>
      <c r="AY1496" s="53">
        <v>2.91038304567337E-8</v>
      </c>
      <c r="AZ1496" s="53">
        <v>3.45607986673712E-8</v>
      </c>
      <c r="BA1496" s="53">
        <v>3.81987774744629E-8</v>
      </c>
      <c r="BB1496" s="53">
        <v>-9.0949470177292807E-9</v>
      </c>
      <c r="BC1496" s="53">
        <v>-7.2759576141834201E-9</v>
      </c>
      <c r="BD1496" s="53">
        <v>7.2759576141834201E-9</v>
      </c>
      <c r="BE1496" s="53">
        <v>2.5465851649641901E-8</v>
      </c>
      <c r="BF1496" s="53"/>
      <c r="BG1496" s="53">
        <v>-6.3664629124104897E-8</v>
      </c>
      <c r="BH1496" s="53">
        <v>5.4569682106375603E-9</v>
      </c>
      <c r="BI1496" s="53"/>
      <c r="BJ1496" s="53">
        <v>9.0949470177292807E-9</v>
      </c>
      <c r="BK1496" s="53">
        <v>1.2732925824820899E-8</v>
      </c>
      <c r="BL1496" s="53">
        <v>-3.6379788070917101E-9</v>
      </c>
      <c r="BM1496" s="53">
        <v>-5.6388671509921498E-8</v>
      </c>
      <c r="BN1496" s="53">
        <v>-8.0035533756017606E-8</v>
      </c>
      <c r="BO1496" s="53">
        <v>5.6388671509921498E-8</v>
      </c>
      <c r="BP1496" s="53">
        <v>3.2741809263825397E-8</v>
      </c>
      <c r="BQ1496" s="53">
        <v>-1.8189894035458499E-8</v>
      </c>
      <c r="BR1496" s="53">
        <v>-5.0931703299283902E-8</v>
      </c>
      <c r="BS1496" s="53">
        <v>6.3664629124104897E-8</v>
      </c>
      <c r="BT1496" s="53">
        <v>-5.4569682106375603E-9</v>
      </c>
      <c r="BU1496" s="53">
        <v>1.4551915228366801E-8</v>
      </c>
      <c r="BV1496" s="53">
        <v>-3.6379788070917101E-9</v>
      </c>
      <c r="BW1496" s="53">
        <v>-2.3646862246096101E-8</v>
      </c>
      <c r="BX1496" s="53">
        <v>-1.2732925824820899E-8</v>
      </c>
      <c r="BY1496" s="53">
        <v>4.3655745685100502E-8</v>
      </c>
      <c r="BZ1496" s="53">
        <v>2.0008883439004401E-8</v>
      </c>
      <c r="CA1496" s="53">
        <v>1.1641532182693399E-7</v>
      </c>
      <c r="CB1496" s="53"/>
      <c r="CC1496" s="53"/>
      <c r="CD1496" s="53"/>
      <c r="CE1496" s="53"/>
      <c r="CF1496" s="53"/>
      <c r="CG1496" s="53"/>
      <c r="CH1496" s="53"/>
      <c r="CI1496" s="53"/>
      <c r="CJ1496" s="53"/>
      <c r="CK1496" s="53"/>
      <c r="CL1496" s="53"/>
      <c r="CM1496" s="53"/>
      <c r="CN1496" s="53"/>
    </row>
    <row r="1497" spans="1:92" outlineLevel="1">
      <c r="A1497" s="52" t="s">
        <v>672</v>
      </c>
      <c r="B1497" s="53"/>
      <c r="C1497" s="53"/>
      <c r="D1497" s="53"/>
      <c r="E1497" s="53"/>
      <c r="F1497" s="53"/>
      <c r="G1497" s="53"/>
      <c r="H1497" s="53"/>
      <c r="I1497" s="53"/>
      <c r="J1497" s="53"/>
      <c r="K1497" s="53"/>
      <c r="L1497" s="53"/>
      <c r="M1497" s="53"/>
      <c r="N1497" s="53"/>
      <c r="O1497" s="53"/>
      <c r="P1497" s="53"/>
      <c r="Q1497" s="53"/>
      <c r="R1497" s="53"/>
      <c r="S1497" s="53"/>
      <c r="T1497" s="53"/>
      <c r="U1497" s="53"/>
      <c r="V1497" s="53"/>
      <c r="W1497" s="53"/>
      <c r="X1497" s="53"/>
      <c r="Y1497" s="53"/>
      <c r="Z1497" s="53"/>
      <c r="AA1497" s="53"/>
      <c r="AB1497" s="53"/>
      <c r="AC1497" s="53"/>
      <c r="AD1497" s="53"/>
      <c r="AE1497" s="53"/>
      <c r="AF1497" s="53"/>
      <c r="AG1497" s="53"/>
      <c r="AH1497" s="53"/>
      <c r="AI1497" s="53"/>
      <c r="AJ1497" s="53"/>
      <c r="AK1497" s="53"/>
      <c r="AL1497" s="53"/>
      <c r="AM1497" s="53"/>
      <c r="AN1497" s="53"/>
      <c r="AO1497" s="53"/>
      <c r="AP1497" s="53"/>
      <c r="AQ1497" s="53"/>
      <c r="AR1497" s="53"/>
      <c r="AS1497" s="53"/>
      <c r="AT1497" s="53"/>
      <c r="AU1497" s="53"/>
      <c r="AV1497" s="53"/>
      <c r="AW1497" s="53"/>
      <c r="AX1497" s="53"/>
      <c r="AY1497" s="53"/>
      <c r="AZ1497" s="53"/>
      <c r="BA1497" s="53"/>
      <c r="BB1497" s="53"/>
      <c r="BC1497" s="53"/>
      <c r="BD1497" s="53"/>
      <c r="BE1497" s="53"/>
      <c r="BF1497" s="53"/>
      <c r="BG1497" s="53"/>
      <c r="BH1497" s="53"/>
      <c r="BI1497" s="53"/>
      <c r="BJ1497" s="53"/>
      <c r="BK1497" s="53"/>
      <c r="BL1497" s="53"/>
      <c r="BM1497" s="53"/>
      <c r="BN1497" s="53"/>
      <c r="BO1497" s="53"/>
      <c r="BP1497" s="53"/>
      <c r="BQ1497" s="53"/>
      <c r="BR1497" s="53"/>
      <c r="BS1497" s="53"/>
      <c r="BT1497" s="53"/>
      <c r="BU1497" s="53"/>
      <c r="BV1497" s="53"/>
      <c r="BW1497" s="53"/>
      <c r="BX1497" s="53"/>
      <c r="BY1497" s="53"/>
      <c r="BZ1497" s="53"/>
      <c r="CA1497" s="53"/>
      <c r="CB1497" s="53">
        <v>-57660.843879716398</v>
      </c>
      <c r="CC1497" s="53">
        <v>-57660.843879716398</v>
      </c>
      <c r="CD1497" s="53">
        <v>-57660.843879716398</v>
      </c>
      <c r="CE1497" s="53">
        <v>-57660.843879716398</v>
      </c>
      <c r="CF1497" s="53">
        <v>-57660.843879716398</v>
      </c>
      <c r="CG1497" s="53">
        <v>-57660.843879716398</v>
      </c>
      <c r="CH1497" s="53">
        <v>-57660.843879716398</v>
      </c>
      <c r="CI1497" s="53">
        <v>-57660.843879716398</v>
      </c>
      <c r="CJ1497" s="53">
        <v>-57660.843879716398</v>
      </c>
      <c r="CK1497" s="53">
        <v>-57660.843879716398</v>
      </c>
      <c r="CL1497" s="53">
        <v>-57660.843879716398</v>
      </c>
      <c r="CM1497" s="53">
        <v>-57660.843879716398</v>
      </c>
      <c r="CN1497" s="53">
        <v>-691930.12655659695</v>
      </c>
    </row>
    <row r="1498" spans="1:92" outlineLevel="1">
      <c r="A1498" s="52" t="s">
        <v>673</v>
      </c>
      <c r="B1498" s="53"/>
      <c r="C1498" s="53"/>
      <c r="D1498" s="53"/>
      <c r="E1498" s="53"/>
      <c r="F1498" s="53"/>
      <c r="G1498" s="53"/>
      <c r="H1498" s="53"/>
      <c r="I1498" s="53"/>
      <c r="J1498" s="53"/>
      <c r="K1498" s="53"/>
      <c r="L1498" s="53"/>
      <c r="M1498" s="53"/>
      <c r="N1498" s="53"/>
      <c r="O1498" s="53"/>
      <c r="P1498" s="53"/>
      <c r="Q1498" s="53"/>
      <c r="R1498" s="53"/>
      <c r="S1498" s="53"/>
      <c r="T1498" s="53"/>
      <c r="U1498" s="53"/>
      <c r="V1498" s="53"/>
      <c r="W1498" s="53"/>
      <c r="X1498" s="53"/>
      <c r="Y1498" s="53"/>
      <c r="Z1498" s="53"/>
      <c r="AA1498" s="53"/>
      <c r="AB1498" s="53"/>
      <c r="AC1498" s="53"/>
      <c r="AD1498" s="53"/>
      <c r="AE1498" s="53"/>
      <c r="AF1498" s="53"/>
      <c r="AG1498" s="53"/>
      <c r="AH1498" s="53"/>
      <c r="AI1498" s="53"/>
      <c r="AJ1498" s="53"/>
      <c r="AK1498" s="53"/>
      <c r="AL1498" s="53"/>
      <c r="AM1498" s="53"/>
      <c r="AN1498" s="53"/>
      <c r="AO1498" s="53"/>
      <c r="AP1498" s="53"/>
      <c r="AQ1498" s="53"/>
      <c r="AR1498" s="53"/>
      <c r="AS1498" s="53"/>
      <c r="AT1498" s="53"/>
      <c r="AU1498" s="53"/>
      <c r="AV1498" s="53"/>
      <c r="AW1498" s="53"/>
      <c r="AX1498" s="53"/>
      <c r="AY1498" s="53"/>
      <c r="AZ1498" s="53"/>
      <c r="BA1498" s="53"/>
      <c r="BB1498" s="53"/>
      <c r="BC1498" s="53"/>
      <c r="BD1498" s="53"/>
      <c r="BE1498" s="53"/>
      <c r="BF1498" s="53"/>
      <c r="BG1498" s="53"/>
      <c r="BH1498" s="53"/>
      <c r="BI1498" s="53"/>
      <c r="BJ1498" s="53"/>
      <c r="BK1498" s="53"/>
      <c r="BL1498" s="53"/>
      <c r="BM1498" s="53"/>
      <c r="BN1498" s="53"/>
      <c r="BO1498" s="53"/>
      <c r="BP1498" s="53"/>
      <c r="BQ1498" s="53"/>
      <c r="BR1498" s="53"/>
      <c r="BS1498" s="53"/>
      <c r="BT1498" s="53"/>
      <c r="BU1498" s="53"/>
      <c r="BV1498" s="53"/>
      <c r="BW1498" s="53"/>
      <c r="BX1498" s="53"/>
      <c r="BY1498" s="53"/>
      <c r="BZ1498" s="53"/>
      <c r="CA1498" s="53"/>
      <c r="CB1498" s="53"/>
      <c r="CC1498" s="53"/>
      <c r="CD1498" s="53"/>
      <c r="CE1498" s="53"/>
      <c r="CF1498" s="53"/>
      <c r="CG1498" s="53"/>
      <c r="CH1498" s="53"/>
      <c r="CI1498" s="53"/>
      <c r="CJ1498" s="53"/>
      <c r="CK1498" s="53"/>
      <c r="CL1498" s="53"/>
      <c r="CM1498" s="53"/>
      <c r="CN1498" s="53"/>
    </row>
    <row r="1499" spans="1:92" outlineLevel="1">
      <c r="A1499" s="52" t="s">
        <v>1354</v>
      </c>
      <c r="B1499" s="53"/>
      <c r="C1499" s="53"/>
      <c r="D1499" s="53"/>
      <c r="E1499" s="53"/>
      <c r="F1499" s="53"/>
      <c r="G1499" s="53"/>
      <c r="H1499" s="53"/>
      <c r="I1499" s="53"/>
      <c r="J1499" s="53"/>
      <c r="K1499" s="53"/>
      <c r="L1499" s="53"/>
      <c r="M1499" s="53"/>
      <c r="N1499" s="53"/>
      <c r="O1499" s="53"/>
      <c r="P1499" s="53"/>
      <c r="Q1499" s="53"/>
      <c r="R1499" s="53"/>
      <c r="S1499" s="53"/>
      <c r="T1499" s="53"/>
      <c r="U1499" s="53"/>
      <c r="V1499" s="53"/>
      <c r="W1499" s="53"/>
      <c r="X1499" s="53"/>
      <c r="Y1499" s="53"/>
      <c r="Z1499" s="53"/>
      <c r="AA1499" s="53"/>
      <c r="AB1499" s="53"/>
      <c r="AC1499" s="53"/>
      <c r="AD1499" s="53"/>
      <c r="AE1499" s="53"/>
      <c r="AF1499" s="53"/>
      <c r="AG1499" s="53"/>
      <c r="AH1499" s="53"/>
      <c r="AI1499" s="53"/>
      <c r="AJ1499" s="53"/>
      <c r="AK1499" s="53"/>
      <c r="AL1499" s="53"/>
      <c r="AM1499" s="53"/>
      <c r="AN1499" s="53"/>
      <c r="AO1499" s="53"/>
      <c r="AP1499" s="53"/>
      <c r="AQ1499" s="53"/>
      <c r="AR1499" s="53"/>
      <c r="AS1499" s="53"/>
      <c r="AT1499" s="53"/>
      <c r="AU1499" s="53"/>
      <c r="AV1499" s="53"/>
      <c r="AW1499" s="53"/>
      <c r="AX1499" s="53"/>
      <c r="AY1499" s="53"/>
      <c r="AZ1499" s="53"/>
      <c r="BA1499" s="53"/>
      <c r="BB1499" s="53"/>
      <c r="BC1499" s="53"/>
      <c r="BD1499" s="53"/>
      <c r="BE1499" s="53"/>
      <c r="BF1499" s="53"/>
      <c r="BG1499" s="53"/>
      <c r="BH1499" s="53"/>
      <c r="BI1499" s="53"/>
      <c r="BJ1499" s="53"/>
      <c r="BK1499" s="53"/>
      <c r="BL1499" s="53"/>
      <c r="BM1499" s="53"/>
      <c r="BN1499" s="53"/>
      <c r="BO1499" s="53"/>
      <c r="BP1499" s="53"/>
      <c r="BQ1499" s="53"/>
      <c r="BR1499" s="53"/>
      <c r="BS1499" s="53"/>
      <c r="BT1499" s="53"/>
      <c r="BU1499" s="53"/>
      <c r="BV1499" s="53"/>
      <c r="BW1499" s="53"/>
      <c r="BX1499" s="53"/>
      <c r="BY1499" s="53"/>
      <c r="BZ1499" s="53"/>
      <c r="CA1499" s="53"/>
      <c r="CB1499" s="53"/>
      <c r="CC1499" s="53"/>
      <c r="CD1499" s="53"/>
      <c r="CE1499" s="53"/>
      <c r="CF1499" s="53"/>
      <c r="CG1499" s="53"/>
      <c r="CH1499" s="53"/>
      <c r="CI1499" s="53"/>
      <c r="CJ1499" s="53"/>
      <c r="CK1499" s="53"/>
      <c r="CL1499" s="53"/>
      <c r="CM1499" s="53"/>
      <c r="CN1499" s="53"/>
    </row>
    <row r="1500" spans="1:92" outlineLevel="1">
      <c r="A1500" s="52" t="s">
        <v>649</v>
      </c>
      <c r="B1500" s="53">
        <v>-108408590</v>
      </c>
      <c r="C1500" s="53">
        <v>-111452680</v>
      </c>
      <c r="D1500" s="53">
        <v>-108808290</v>
      </c>
      <c r="E1500" s="53">
        <v>-134312200</v>
      </c>
      <c r="F1500" s="53">
        <v>-174416479.99999899</v>
      </c>
      <c r="G1500" s="53">
        <v>-413112169.99999899</v>
      </c>
      <c r="H1500" s="53">
        <v>-117550719.999999</v>
      </c>
      <c r="I1500" s="53">
        <v>-227291620</v>
      </c>
      <c r="J1500" s="53">
        <v>-121978579.999999</v>
      </c>
      <c r="K1500" s="53">
        <v>-155036370</v>
      </c>
      <c r="L1500" s="53">
        <v>-139047400</v>
      </c>
      <c r="M1500" s="53">
        <v>-194937180</v>
      </c>
      <c r="N1500" s="53">
        <v>-2006352280</v>
      </c>
      <c r="O1500" s="53">
        <v>-121166551.26905499</v>
      </c>
      <c r="P1500" s="53">
        <v>-150508708.96385899</v>
      </c>
      <c r="Q1500" s="53">
        <v>-584839899.55322599</v>
      </c>
      <c r="R1500" s="53">
        <v>-162012601.07420599</v>
      </c>
      <c r="S1500" s="53">
        <v>-275921187.15354598</v>
      </c>
      <c r="T1500" s="53">
        <v>-179277684.60468599</v>
      </c>
      <c r="U1500" s="53">
        <v>-91157880.287887096</v>
      </c>
      <c r="V1500" s="53">
        <v>-60384097.543088503</v>
      </c>
      <c r="W1500" s="53">
        <v>-135313618.62082499</v>
      </c>
      <c r="X1500" s="53">
        <v>-69191707.508709207</v>
      </c>
      <c r="Y1500" s="53">
        <v>-112144689.447539</v>
      </c>
      <c r="Z1500" s="53">
        <v>-678172992.36010301</v>
      </c>
      <c r="AA1500" s="53">
        <v>-2620091618.3867302</v>
      </c>
      <c r="AB1500" s="53">
        <v>-266067655.00898799</v>
      </c>
      <c r="AC1500" s="53">
        <v>-238408943.78914601</v>
      </c>
      <c r="AD1500" s="53">
        <v>-175465646.61439699</v>
      </c>
      <c r="AE1500" s="53">
        <v>-57570782.029548503</v>
      </c>
      <c r="AF1500" s="53">
        <v>-73965135.707148105</v>
      </c>
      <c r="AG1500" s="53">
        <v>-373946571.15931898</v>
      </c>
      <c r="AH1500" s="53">
        <v>-60619101.111657202</v>
      </c>
      <c r="AI1500" s="53">
        <v>-91459210.294759095</v>
      </c>
      <c r="AJ1500" s="53">
        <v>-147675373.26558101</v>
      </c>
      <c r="AK1500" s="53">
        <v>-197326577.30836299</v>
      </c>
      <c r="AL1500" s="53">
        <v>-136112309.40782699</v>
      </c>
      <c r="AM1500" s="53">
        <v>-986562991.128142</v>
      </c>
      <c r="AN1500" s="53">
        <v>-2805180296.8248701</v>
      </c>
      <c r="AO1500" s="53">
        <v>-99330194.873363599</v>
      </c>
      <c r="AP1500" s="53">
        <v>-53607959.479258999</v>
      </c>
      <c r="AQ1500" s="53">
        <v>-348435671.40704</v>
      </c>
      <c r="AR1500" s="53">
        <v>-100822069.088377</v>
      </c>
      <c r="AS1500" s="53">
        <v>-77276734.745471194</v>
      </c>
      <c r="AT1500" s="53">
        <v>-229717657.94964299</v>
      </c>
      <c r="AU1500" s="53">
        <v>-67882062.571247905</v>
      </c>
      <c r="AV1500" s="53">
        <v>-85671038.329333007</v>
      </c>
      <c r="AW1500" s="53">
        <v>-305261101.91206098</v>
      </c>
      <c r="AX1500" s="53">
        <v>-64980692.080906101</v>
      </c>
      <c r="AY1500" s="53">
        <v>-69542646.300630406</v>
      </c>
      <c r="AZ1500" s="53">
        <v>-1667714670.14533</v>
      </c>
      <c r="BA1500" s="53">
        <v>-3170242498.8826699</v>
      </c>
      <c r="BB1500" s="53">
        <v>-77466925.638372093</v>
      </c>
      <c r="BC1500" s="53">
        <v>-58265475.404640198</v>
      </c>
      <c r="BD1500" s="53">
        <v>-139476285.88325199</v>
      </c>
      <c r="BE1500" s="53">
        <v>-62032188.568349697</v>
      </c>
      <c r="BF1500" s="53">
        <v>-114991245.84185401</v>
      </c>
      <c r="BG1500" s="53">
        <v>-539921293.44122601</v>
      </c>
      <c r="BH1500" s="53">
        <v>-209220037.63718501</v>
      </c>
      <c r="BI1500" s="53">
        <v>-108548715.048696</v>
      </c>
      <c r="BJ1500" s="53">
        <v>-162883292.006643</v>
      </c>
      <c r="BK1500" s="53">
        <v>-86681716.513938695</v>
      </c>
      <c r="BL1500" s="53">
        <v>-91679468.020124897</v>
      </c>
      <c r="BM1500" s="53">
        <v>-574199851.305035</v>
      </c>
      <c r="BN1500" s="53">
        <v>-2225366495.30932</v>
      </c>
      <c r="BO1500" s="53">
        <v>-50156018.192467302</v>
      </c>
      <c r="BP1500" s="53">
        <v>-54814052.482335098</v>
      </c>
      <c r="BQ1500" s="53">
        <v>-238750029.86870101</v>
      </c>
      <c r="BR1500" s="53">
        <v>-67595378.712641701</v>
      </c>
      <c r="BS1500" s="53">
        <v>-88739205.807381794</v>
      </c>
      <c r="BT1500" s="53">
        <v>-534196520.81503803</v>
      </c>
      <c r="BU1500" s="53">
        <v>-235302756.47542199</v>
      </c>
      <c r="BV1500" s="53">
        <v>-91558132.615362301</v>
      </c>
      <c r="BW1500" s="53">
        <v>-169523560.05052301</v>
      </c>
      <c r="BX1500" s="53">
        <v>-149244843.85922101</v>
      </c>
      <c r="BY1500" s="53">
        <v>-93476718.409495801</v>
      </c>
      <c r="BZ1500" s="53">
        <v>-457145515.01068503</v>
      </c>
      <c r="CA1500" s="53">
        <v>-2230502732.2992702</v>
      </c>
      <c r="CB1500" s="53">
        <v>-434730.19929067901</v>
      </c>
      <c r="CC1500" s="53">
        <v>-443110.86610271898</v>
      </c>
      <c r="CD1500" s="53">
        <v>-374766.93418954202</v>
      </c>
      <c r="CE1500" s="53">
        <v>-411860.58209293202</v>
      </c>
      <c r="CF1500" s="53">
        <v>-309320.21617517201</v>
      </c>
      <c r="CG1500" s="53">
        <v>-327877.99139216199</v>
      </c>
      <c r="CH1500" s="53">
        <v>-321814.55080753</v>
      </c>
      <c r="CI1500" s="53">
        <v>-334998.21706726903</v>
      </c>
      <c r="CJ1500" s="53">
        <v>-339585.19625758298</v>
      </c>
      <c r="CK1500" s="53">
        <v>-328938.60394039197</v>
      </c>
      <c r="CL1500" s="53">
        <v>-386593.26848698198</v>
      </c>
      <c r="CM1500" s="53">
        <v>-356849.393456875</v>
      </c>
      <c r="CN1500" s="53">
        <v>-4370446.0192598403</v>
      </c>
    </row>
    <row r="1501" spans="1:92" outlineLevel="1">
      <c r="A1501" s="52" t="s">
        <v>750</v>
      </c>
      <c r="B1501" s="53"/>
      <c r="C1501" s="53"/>
      <c r="D1501" s="53"/>
      <c r="E1501" s="53"/>
      <c r="F1501" s="53"/>
      <c r="G1501" s="53"/>
      <c r="H1501" s="53"/>
      <c r="I1501" s="53"/>
      <c r="J1501" s="53"/>
      <c r="K1501" s="53"/>
      <c r="L1501" s="53"/>
      <c r="M1501" s="53"/>
      <c r="N1501" s="53"/>
      <c r="O1501" s="53"/>
      <c r="P1501" s="53"/>
      <c r="Q1501" s="53"/>
      <c r="R1501" s="53"/>
      <c r="S1501" s="53"/>
      <c r="T1501" s="53"/>
      <c r="U1501" s="53"/>
      <c r="V1501" s="53"/>
      <c r="W1501" s="53"/>
      <c r="X1501" s="53"/>
      <c r="Y1501" s="53"/>
      <c r="Z1501" s="53"/>
      <c r="AA1501" s="53"/>
      <c r="AB1501" s="53"/>
      <c r="AC1501" s="53"/>
      <c r="AD1501" s="53"/>
      <c r="AE1501" s="53"/>
      <c r="AF1501" s="53"/>
      <c r="AG1501" s="53"/>
      <c r="AH1501" s="53"/>
      <c r="AI1501" s="53"/>
      <c r="AJ1501" s="53"/>
      <c r="AK1501" s="53"/>
      <c r="AL1501" s="53"/>
      <c r="AM1501" s="53"/>
      <c r="AN1501" s="53"/>
      <c r="AO1501" s="53"/>
      <c r="AP1501" s="53"/>
      <c r="AQ1501" s="53"/>
      <c r="AR1501" s="53"/>
      <c r="AS1501" s="53"/>
      <c r="AT1501" s="53"/>
      <c r="AU1501" s="53"/>
      <c r="AV1501" s="53"/>
      <c r="AW1501" s="53"/>
      <c r="AX1501" s="53"/>
      <c r="AY1501" s="53"/>
      <c r="AZ1501" s="53"/>
      <c r="BA1501" s="53"/>
      <c r="BB1501" s="53"/>
      <c r="BC1501" s="53"/>
      <c r="BD1501" s="53"/>
      <c r="BE1501" s="53"/>
      <c r="BF1501" s="53"/>
      <c r="BG1501" s="53"/>
      <c r="BH1501" s="53"/>
      <c r="BI1501" s="53"/>
      <c r="BJ1501" s="53"/>
      <c r="BK1501" s="53"/>
      <c r="BL1501" s="53"/>
      <c r="BM1501" s="53"/>
      <c r="BN1501" s="53"/>
      <c r="BO1501" s="53"/>
      <c r="BP1501" s="53"/>
      <c r="BQ1501" s="53"/>
      <c r="BR1501" s="53"/>
      <c r="BS1501" s="53"/>
      <c r="BT1501" s="53"/>
      <c r="BU1501" s="53"/>
      <c r="BV1501" s="53"/>
      <c r="BW1501" s="53"/>
      <c r="BX1501" s="53"/>
      <c r="BY1501" s="53"/>
      <c r="BZ1501" s="53"/>
      <c r="CA1501" s="53"/>
      <c r="CB1501" s="53"/>
      <c r="CC1501" s="53"/>
      <c r="CD1501" s="53"/>
      <c r="CE1501" s="53"/>
      <c r="CF1501" s="53"/>
      <c r="CG1501" s="53"/>
      <c r="CH1501" s="53"/>
      <c r="CI1501" s="53"/>
      <c r="CJ1501" s="53"/>
      <c r="CK1501" s="53"/>
      <c r="CL1501" s="53"/>
      <c r="CM1501" s="53"/>
      <c r="CN1501" s="53"/>
    </row>
    <row r="1502" spans="1:92" outlineLevel="1">
      <c r="A1502" s="52" t="s">
        <v>1356</v>
      </c>
      <c r="B1502" s="53"/>
      <c r="C1502" s="53"/>
      <c r="D1502" s="53"/>
      <c r="E1502" s="53"/>
      <c r="F1502" s="53"/>
      <c r="G1502" s="53"/>
      <c r="H1502" s="53"/>
      <c r="I1502" s="53"/>
      <c r="J1502" s="53"/>
      <c r="K1502" s="53"/>
      <c r="L1502" s="53"/>
      <c r="M1502" s="53"/>
      <c r="N1502" s="53"/>
      <c r="O1502" s="53"/>
      <c r="P1502" s="53"/>
      <c r="Q1502" s="53"/>
      <c r="R1502" s="53"/>
      <c r="S1502" s="53"/>
      <c r="T1502" s="53"/>
      <c r="U1502" s="53"/>
      <c r="V1502" s="53"/>
      <c r="W1502" s="53"/>
      <c r="X1502" s="53"/>
      <c r="Y1502" s="53"/>
      <c r="Z1502" s="53"/>
      <c r="AA1502" s="53"/>
      <c r="AB1502" s="53"/>
      <c r="AC1502" s="53"/>
      <c r="AD1502" s="53"/>
      <c r="AE1502" s="53"/>
      <c r="AF1502" s="53"/>
      <c r="AG1502" s="53"/>
      <c r="AH1502" s="53"/>
      <c r="AI1502" s="53"/>
      <c r="AJ1502" s="53"/>
      <c r="AK1502" s="53"/>
      <c r="AL1502" s="53"/>
      <c r="AM1502" s="53"/>
      <c r="AN1502" s="53"/>
      <c r="AO1502" s="53"/>
      <c r="AP1502" s="53"/>
      <c r="AQ1502" s="53"/>
      <c r="AR1502" s="53"/>
      <c r="AS1502" s="53"/>
      <c r="AT1502" s="53"/>
      <c r="AU1502" s="53"/>
      <c r="AV1502" s="53"/>
      <c r="AW1502" s="53"/>
      <c r="AX1502" s="53"/>
      <c r="AY1502" s="53"/>
      <c r="AZ1502" s="53"/>
      <c r="BA1502" s="53"/>
      <c r="BB1502" s="53"/>
      <c r="BC1502" s="53"/>
      <c r="BD1502" s="53"/>
      <c r="BE1502" s="53"/>
      <c r="BF1502" s="53"/>
      <c r="BG1502" s="53"/>
      <c r="BH1502" s="53"/>
      <c r="BI1502" s="53"/>
      <c r="BJ1502" s="53"/>
      <c r="BK1502" s="53"/>
      <c r="BL1502" s="53"/>
      <c r="BM1502" s="53"/>
      <c r="BN1502" s="53"/>
      <c r="BO1502" s="53"/>
      <c r="BP1502" s="53"/>
      <c r="BQ1502" s="53"/>
      <c r="BR1502" s="53"/>
      <c r="BS1502" s="53"/>
      <c r="BT1502" s="53"/>
      <c r="BU1502" s="53"/>
      <c r="BV1502" s="53"/>
      <c r="BW1502" s="53"/>
      <c r="BX1502" s="53"/>
      <c r="BY1502" s="53"/>
      <c r="BZ1502" s="53"/>
      <c r="CA1502" s="53"/>
      <c r="CB1502" s="53">
        <v>-70524.2251436683</v>
      </c>
      <c r="CC1502" s="53">
        <v>-22792.929675146501</v>
      </c>
      <c r="CD1502" s="53">
        <v>-42923.529018788598</v>
      </c>
      <c r="CE1502" s="53">
        <v>-25492.149875914401</v>
      </c>
      <c r="CF1502" s="53">
        <v>-30135.2512537445</v>
      </c>
      <c r="CG1502" s="53">
        <v>-17897.941782620899</v>
      </c>
      <c r="CH1502" s="53">
        <v>-21647.0211627916</v>
      </c>
      <c r="CI1502" s="53">
        <v>-60904.237280389199</v>
      </c>
      <c r="CJ1502" s="53">
        <v>-70213.233293351106</v>
      </c>
      <c r="CK1502" s="53">
        <v>-61201.006357274498</v>
      </c>
      <c r="CL1502" s="53">
        <v>-61708.1423847693</v>
      </c>
      <c r="CM1502" s="53">
        <v>-60348.043877687996</v>
      </c>
      <c r="CN1502" s="53">
        <v>-545787.71110614704</v>
      </c>
    </row>
    <row r="1503" spans="1:92" outlineLevel="1">
      <c r="A1503" s="52" t="s">
        <v>649</v>
      </c>
      <c r="B1503" s="53">
        <v>-112335659.999999</v>
      </c>
      <c r="C1503" s="53">
        <v>-114391130</v>
      </c>
      <c r="D1503" s="53">
        <v>-109109079.999999</v>
      </c>
      <c r="E1503" s="53">
        <v>-141991179.99999899</v>
      </c>
      <c r="F1503" s="53">
        <v>-176603059.99999899</v>
      </c>
      <c r="G1503" s="53">
        <v>-418199270</v>
      </c>
      <c r="H1503" s="53">
        <v>-120752020</v>
      </c>
      <c r="I1503" s="53">
        <v>-228894259.99999899</v>
      </c>
      <c r="J1503" s="53">
        <v>-119496750</v>
      </c>
      <c r="K1503" s="53">
        <v>-156348550</v>
      </c>
      <c r="L1503" s="53">
        <v>-154448009.99999899</v>
      </c>
      <c r="M1503" s="53">
        <v>-200049209.99999899</v>
      </c>
      <c r="N1503" s="53">
        <v>-2052618180</v>
      </c>
      <c r="O1503" s="53">
        <v>-121166551.26905499</v>
      </c>
      <c r="P1503" s="53">
        <v>-150508708.96385899</v>
      </c>
      <c r="Q1503" s="53">
        <v>-584839899.55322599</v>
      </c>
      <c r="R1503" s="53">
        <v>-162012601.07420599</v>
      </c>
      <c r="S1503" s="53">
        <v>-275921187.15354598</v>
      </c>
      <c r="T1503" s="53">
        <v>-179277684.60468599</v>
      </c>
      <c r="U1503" s="53">
        <v>-91157880.287887096</v>
      </c>
      <c r="V1503" s="53">
        <v>-60384097.543088503</v>
      </c>
      <c r="W1503" s="53">
        <v>-135313618.62082499</v>
      </c>
      <c r="X1503" s="53">
        <v>-69191707.508709207</v>
      </c>
      <c r="Y1503" s="53">
        <v>-112144689.447539</v>
      </c>
      <c r="Z1503" s="53">
        <v>-678172992.36010396</v>
      </c>
      <c r="AA1503" s="53">
        <v>-2620091618.3867302</v>
      </c>
      <c r="AB1503" s="53">
        <v>-266067655.00898799</v>
      </c>
      <c r="AC1503" s="53">
        <v>-238408943.78914601</v>
      </c>
      <c r="AD1503" s="53">
        <v>-175465646.61439601</v>
      </c>
      <c r="AE1503" s="53">
        <v>-57570782.029548503</v>
      </c>
      <c r="AF1503" s="53">
        <v>-73965135.707148105</v>
      </c>
      <c r="AG1503" s="53">
        <v>-373946571.15931797</v>
      </c>
      <c r="AH1503" s="53">
        <v>-60619101.111657202</v>
      </c>
      <c r="AI1503" s="53">
        <v>-91459210.294759095</v>
      </c>
      <c r="AJ1503" s="53">
        <v>-147675373.26558101</v>
      </c>
      <c r="AK1503" s="53">
        <v>-197326577.30836299</v>
      </c>
      <c r="AL1503" s="53">
        <v>-136112309.40782699</v>
      </c>
      <c r="AM1503" s="53">
        <v>-986562991.128142</v>
      </c>
      <c r="AN1503" s="53">
        <v>-2805180296.8248701</v>
      </c>
      <c r="AO1503" s="53">
        <v>-99330194.873363495</v>
      </c>
      <c r="AP1503" s="53">
        <v>-53607959.479258999</v>
      </c>
      <c r="AQ1503" s="53">
        <v>-348435671.40704</v>
      </c>
      <c r="AR1503" s="53">
        <v>-100822069.088377</v>
      </c>
      <c r="AS1503" s="53">
        <v>-77276734.745471194</v>
      </c>
      <c r="AT1503" s="53">
        <v>-229717657.94964299</v>
      </c>
      <c r="AU1503" s="53">
        <v>-67882062.571247905</v>
      </c>
      <c r="AV1503" s="53">
        <v>-85671038.329333007</v>
      </c>
      <c r="AW1503" s="53">
        <v>-305261101.91206098</v>
      </c>
      <c r="AX1503" s="53">
        <v>-64980692.080906101</v>
      </c>
      <c r="AY1503" s="53">
        <v>-69542646.300630406</v>
      </c>
      <c r="AZ1503" s="53">
        <v>-1667714670.14533</v>
      </c>
      <c r="BA1503" s="53">
        <v>-3170242498.8826699</v>
      </c>
      <c r="BB1503" s="53">
        <v>-77466925.638372004</v>
      </c>
      <c r="BC1503" s="53">
        <v>-58265475.404640198</v>
      </c>
      <c r="BD1503" s="53">
        <v>-139476285.88325199</v>
      </c>
      <c r="BE1503" s="53">
        <v>-62032188.568349801</v>
      </c>
      <c r="BF1503" s="53">
        <v>-114991245.84185401</v>
      </c>
      <c r="BG1503" s="53">
        <v>-539921293.44122601</v>
      </c>
      <c r="BH1503" s="53">
        <v>-209220037.63718501</v>
      </c>
      <c r="BI1503" s="53">
        <v>-108548715.048696</v>
      </c>
      <c r="BJ1503" s="53">
        <v>-162883292.006643</v>
      </c>
      <c r="BK1503" s="53">
        <v>-86681716.513938695</v>
      </c>
      <c r="BL1503" s="53">
        <v>-91679468.020124793</v>
      </c>
      <c r="BM1503" s="53">
        <v>-574199851.30503595</v>
      </c>
      <c r="BN1503" s="53">
        <v>-2225366495.30932</v>
      </c>
      <c r="BO1503" s="53">
        <v>-50156018.192467302</v>
      </c>
      <c r="BP1503" s="53">
        <v>-54814052.482335098</v>
      </c>
      <c r="BQ1503" s="53">
        <v>-238750029.86870101</v>
      </c>
      <c r="BR1503" s="53">
        <v>-67595378.712641701</v>
      </c>
      <c r="BS1503" s="53">
        <v>-88739205.807381794</v>
      </c>
      <c r="BT1503" s="53">
        <v>-534196520.81503803</v>
      </c>
      <c r="BU1503" s="53">
        <v>-235302756.47542199</v>
      </c>
      <c r="BV1503" s="53">
        <v>-91558132.615362301</v>
      </c>
      <c r="BW1503" s="53">
        <v>-169523560.05052301</v>
      </c>
      <c r="BX1503" s="53">
        <v>-149244843.85922101</v>
      </c>
      <c r="BY1503" s="53">
        <v>-93476718.409495801</v>
      </c>
      <c r="BZ1503" s="53">
        <v>-457145515.01068503</v>
      </c>
      <c r="CA1503" s="53">
        <v>-2230502732.2992702</v>
      </c>
      <c r="CB1503" s="53"/>
      <c r="CC1503" s="53"/>
      <c r="CD1503" s="53"/>
      <c r="CE1503" s="53"/>
      <c r="CF1503" s="53"/>
      <c r="CG1503" s="53"/>
      <c r="CH1503" s="53"/>
      <c r="CI1503" s="53"/>
      <c r="CJ1503" s="53"/>
      <c r="CK1503" s="53"/>
      <c r="CL1503" s="53"/>
      <c r="CM1503" s="53"/>
      <c r="CN1503" s="53"/>
    </row>
    <row r="1504" spans="1:92" outlineLevel="1">
      <c r="A1504" s="52" t="s">
        <v>1364</v>
      </c>
      <c r="B1504" s="53"/>
      <c r="C1504" s="53"/>
      <c r="D1504" s="53"/>
      <c r="E1504" s="53"/>
      <c r="F1504" s="53"/>
      <c r="G1504" s="53"/>
      <c r="H1504" s="53"/>
      <c r="I1504" s="53"/>
      <c r="J1504" s="53"/>
      <c r="K1504" s="53"/>
      <c r="L1504" s="53"/>
      <c r="M1504" s="53"/>
      <c r="N1504" s="53"/>
      <c r="O1504" s="53"/>
      <c r="P1504" s="53"/>
      <c r="Q1504" s="53"/>
      <c r="R1504" s="53"/>
      <c r="S1504" s="53"/>
      <c r="T1504" s="53"/>
      <c r="U1504" s="53"/>
      <c r="V1504" s="53"/>
      <c r="W1504" s="53"/>
      <c r="X1504" s="53"/>
      <c r="Y1504" s="53"/>
      <c r="Z1504" s="53"/>
      <c r="AA1504" s="53"/>
      <c r="AB1504" s="53"/>
      <c r="AC1504" s="53"/>
      <c r="AD1504" s="53"/>
      <c r="AE1504" s="53"/>
      <c r="AF1504" s="53"/>
      <c r="AG1504" s="53"/>
      <c r="AH1504" s="53"/>
      <c r="AI1504" s="53"/>
      <c r="AJ1504" s="53"/>
      <c r="AK1504" s="53"/>
      <c r="AL1504" s="53"/>
      <c r="AM1504" s="53"/>
      <c r="AN1504" s="53"/>
      <c r="AO1504" s="53"/>
      <c r="AP1504" s="53"/>
      <c r="AQ1504" s="53"/>
      <c r="AR1504" s="53"/>
      <c r="AS1504" s="53"/>
      <c r="AT1504" s="53"/>
      <c r="AU1504" s="53"/>
      <c r="AV1504" s="53"/>
      <c r="AW1504" s="53"/>
      <c r="AX1504" s="53"/>
      <c r="AY1504" s="53"/>
      <c r="AZ1504" s="53"/>
      <c r="BA1504" s="53"/>
      <c r="BB1504" s="53"/>
      <c r="BC1504" s="53"/>
      <c r="BD1504" s="53"/>
      <c r="BE1504" s="53"/>
      <c r="BF1504" s="53"/>
      <c r="BG1504" s="53"/>
      <c r="BH1504" s="53"/>
      <c r="BI1504" s="53"/>
      <c r="BJ1504" s="53"/>
      <c r="BK1504" s="53"/>
      <c r="BL1504" s="53"/>
      <c r="BM1504" s="53"/>
      <c r="BN1504" s="53"/>
      <c r="BO1504" s="53"/>
      <c r="BP1504" s="53"/>
      <c r="BQ1504" s="53"/>
      <c r="BR1504" s="53"/>
      <c r="BS1504" s="53"/>
      <c r="BT1504" s="53"/>
      <c r="BU1504" s="53"/>
      <c r="BV1504" s="53"/>
      <c r="BW1504" s="53"/>
      <c r="BX1504" s="53"/>
      <c r="BY1504" s="53"/>
      <c r="BZ1504" s="53"/>
      <c r="CA1504" s="53"/>
      <c r="CB1504" s="53"/>
      <c r="CC1504" s="53"/>
      <c r="CD1504" s="53"/>
      <c r="CE1504" s="53"/>
      <c r="CF1504" s="53"/>
      <c r="CG1504" s="53"/>
      <c r="CH1504" s="53"/>
      <c r="CI1504" s="53"/>
      <c r="CJ1504" s="53"/>
      <c r="CK1504" s="53"/>
      <c r="CL1504" s="53"/>
      <c r="CM1504" s="53"/>
      <c r="CN1504" s="53"/>
    </row>
    <row r="1505" spans="1:92" outlineLevel="1">
      <c r="A1505" s="52" t="s">
        <v>649</v>
      </c>
      <c r="B1505" s="53">
        <v>-11724299.999999899</v>
      </c>
      <c r="C1505" s="53">
        <v>15293730</v>
      </c>
      <c r="D1505" s="53">
        <v>18471560</v>
      </c>
      <c r="E1505" s="53">
        <v>30025709.999999899</v>
      </c>
      <c r="F1505" s="53">
        <v>35604920</v>
      </c>
      <c r="G1505" s="53">
        <v>111371799.999999</v>
      </c>
      <c r="H1505" s="53">
        <v>12083010</v>
      </c>
      <c r="I1505" s="53">
        <v>12919189.999999899</v>
      </c>
      <c r="J1505" s="53">
        <v>29178790</v>
      </c>
      <c r="K1505" s="53">
        <v>18488420</v>
      </c>
      <c r="L1505" s="53">
        <v>90157040</v>
      </c>
      <c r="M1505" s="53">
        <v>13787029.999999899</v>
      </c>
      <c r="N1505" s="53">
        <v>375656900</v>
      </c>
      <c r="O1505" s="53">
        <v>18630608.762699701</v>
      </c>
      <c r="P1505" s="53">
        <v>11644471.666861201</v>
      </c>
      <c r="Q1505" s="53">
        <v>38136010.500504203</v>
      </c>
      <c r="R1505" s="53">
        <v>11809477.270434599</v>
      </c>
      <c r="S1505" s="53">
        <v>30829563.118948098</v>
      </c>
      <c r="T1505" s="53">
        <v>22450466.065304399</v>
      </c>
      <c r="U1505" s="53">
        <v>15353247.470747</v>
      </c>
      <c r="V1505" s="53">
        <v>11986352.558493</v>
      </c>
      <c r="W1505" s="53">
        <v>18484666.543999702</v>
      </c>
      <c r="X1505" s="53">
        <v>13149357.848525699</v>
      </c>
      <c r="Y1505" s="53">
        <v>28547125.927893899</v>
      </c>
      <c r="Z1505" s="53">
        <v>87660484.289098606</v>
      </c>
      <c r="AA1505" s="53">
        <v>308681832.02350998</v>
      </c>
      <c r="AB1505" s="53">
        <v>10596414.9729676</v>
      </c>
      <c r="AC1505" s="53">
        <v>30096322.318457801</v>
      </c>
      <c r="AD1505" s="53">
        <v>20887062.870667599</v>
      </c>
      <c r="AE1505" s="53">
        <v>11871608.199958</v>
      </c>
      <c r="AF1505" s="53">
        <v>12139431.559313901</v>
      </c>
      <c r="AG1505" s="53">
        <v>28157839.432163399</v>
      </c>
      <c r="AH1505" s="53">
        <v>11674904.9651393</v>
      </c>
      <c r="AI1505" s="53">
        <v>41725664.132902697</v>
      </c>
      <c r="AJ1505" s="53">
        <v>21003287.172743902</v>
      </c>
      <c r="AK1505" s="53">
        <v>24678178.377350401</v>
      </c>
      <c r="AL1505" s="53">
        <v>26987594.900460798</v>
      </c>
      <c r="AM1505" s="53">
        <v>107255794.341772</v>
      </c>
      <c r="AN1505" s="53">
        <v>347074103.24389797</v>
      </c>
      <c r="AO1505" s="53">
        <v>16545434.0171047</v>
      </c>
      <c r="AP1505" s="53">
        <v>11863114.8857497</v>
      </c>
      <c r="AQ1505" s="53">
        <v>20445778.086150199</v>
      </c>
      <c r="AR1505" s="53">
        <v>15622481.564832401</v>
      </c>
      <c r="AS1505" s="53">
        <v>12818078.819703801</v>
      </c>
      <c r="AT1505" s="53">
        <v>29119040.257674899</v>
      </c>
      <c r="AU1505" s="53">
        <v>15136899.787366699</v>
      </c>
      <c r="AV1505" s="53">
        <v>12855054.6763999</v>
      </c>
      <c r="AW1505" s="53">
        <v>76562164.086696103</v>
      </c>
      <c r="AX1505" s="53">
        <v>12589822.537658799</v>
      </c>
      <c r="AY1505" s="53">
        <v>12014138.751245599</v>
      </c>
      <c r="AZ1505" s="53">
        <v>144616617.112827</v>
      </c>
      <c r="BA1505" s="53">
        <v>380188624.58341098</v>
      </c>
      <c r="BB1505" s="53">
        <v>14040984.3740936</v>
      </c>
      <c r="BC1505" s="53">
        <v>11704441.725047201</v>
      </c>
      <c r="BD1505" s="53">
        <v>19861557.2979341</v>
      </c>
      <c r="BE1505" s="53">
        <v>12503445.2072937</v>
      </c>
      <c r="BF1505" s="53">
        <v>17555870.6100756</v>
      </c>
      <c r="BG1505" s="53">
        <v>26398455.470432401</v>
      </c>
      <c r="BH1505" s="53">
        <v>27891736.471292499</v>
      </c>
      <c r="BI1505" s="53">
        <v>13327829.933021</v>
      </c>
      <c r="BJ1505" s="53">
        <v>20482340.104693901</v>
      </c>
      <c r="BK1505" s="53">
        <v>12951232.3157579</v>
      </c>
      <c r="BL1505" s="53">
        <v>12147264.046329999</v>
      </c>
      <c r="BM1505" s="53">
        <v>104458630.331223</v>
      </c>
      <c r="BN1505" s="53">
        <v>293323787.887196</v>
      </c>
      <c r="BO1505" s="53">
        <v>11346955.2564469</v>
      </c>
      <c r="BP1505" s="53">
        <v>11895926.435196601</v>
      </c>
      <c r="BQ1505" s="53">
        <v>18183264.408652101</v>
      </c>
      <c r="BR1505" s="53">
        <v>12661679.063060399</v>
      </c>
      <c r="BS1505" s="53">
        <v>14612170.272208501</v>
      </c>
      <c r="BT1505" s="53">
        <v>26360240.3230545</v>
      </c>
      <c r="BU1505" s="53">
        <v>26936336.692380499</v>
      </c>
      <c r="BV1505" s="53">
        <v>13332277.432735801</v>
      </c>
      <c r="BW1505" s="53">
        <v>20783190.8768133</v>
      </c>
      <c r="BX1505" s="53">
        <v>18308880.5901451</v>
      </c>
      <c r="BY1505" s="53">
        <v>12680223.1584695</v>
      </c>
      <c r="BZ1505" s="53">
        <v>26135030.599240799</v>
      </c>
      <c r="CA1505" s="53">
        <v>213236175.10840401</v>
      </c>
      <c r="CB1505" s="53"/>
      <c r="CC1505" s="53"/>
      <c r="CD1505" s="53"/>
      <c r="CE1505" s="53"/>
      <c r="CF1505" s="53"/>
      <c r="CG1505" s="53"/>
      <c r="CH1505" s="53"/>
      <c r="CI1505" s="53"/>
      <c r="CJ1505" s="53"/>
      <c r="CK1505" s="53"/>
      <c r="CL1505" s="53"/>
      <c r="CM1505" s="53"/>
      <c r="CN1505" s="53"/>
    </row>
    <row r="1506" spans="1:92" outlineLevel="1">
      <c r="A1506" s="52" t="s">
        <v>751</v>
      </c>
      <c r="B1506" s="53"/>
      <c r="C1506" s="53"/>
      <c r="D1506" s="53"/>
      <c r="E1506" s="53"/>
      <c r="F1506" s="53"/>
      <c r="G1506" s="53"/>
      <c r="H1506" s="53"/>
      <c r="I1506" s="53"/>
      <c r="J1506" s="53"/>
      <c r="K1506" s="53"/>
      <c r="L1506" s="53"/>
      <c r="M1506" s="53"/>
      <c r="N1506" s="53"/>
      <c r="O1506" s="53"/>
      <c r="P1506" s="53"/>
      <c r="Q1506" s="53"/>
      <c r="R1506" s="53"/>
      <c r="S1506" s="53"/>
      <c r="T1506" s="53"/>
      <c r="U1506" s="53"/>
      <c r="V1506" s="53"/>
      <c r="W1506" s="53"/>
      <c r="X1506" s="53"/>
      <c r="Y1506" s="53"/>
      <c r="Z1506" s="53"/>
      <c r="AA1506" s="53"/>
      <c r="AB1506" s="53"/>
      <c r="AC1506" s="53"/>
      <c r="AD1506" s="53"/>
      <c r="AE1506" s="53"/>
      <c r="AF1506" s="53"/>
      <c r="AG1506" s="53"/>
      <c r="AH1506" s="53"/>
      <c r="AI1506" s="53"/>
      <c r="AJ1506" s="53"/>
      <c r="AK1506" s="53"/>
      <c r="AL1506" s="53"/>
      <c r="AM1506" s="53"/>
      <c r="AN1506" s="53"/>
      <c r="AO1506" s="53"/>
      <c r="AP1506" s="53"/>
      <c r="AQ1506" s="53"/>
      <c r="AR1506" s="53"/>
      <c r="AS1506" s="53"/>
      <c r="AT1506" s="53"/>
      <c r="AU1506" s="53"/>
      <c r="AV1506" s="53"/>
      <c r="AW1506" s="53"/>
      <c r="AX1506" s="53"/>
      <c r="AY1506" s="53"/>
      <c r="AZ1506" s="53"/>
      <c r="BA1506" s="53"/>
      <c r="BB1506" s="53"/>
      <c r="BC1506" s="53"/>
      <c r="BD1506" s="53"/>
      <c r="BE1506" s="53"/>
      <c r="BF1506" s="53"/>
      <c r="BG1506" s="53"/>
      <c r="BH1506" s="53"/>
      <c r="BI1506" s="53"/>
      <c r="BJ1506" s="53"/>
      <c r="BK1506" s="53"/>
      <c r="BL1506" s="53"/>
      <c r="BM1506" s="53"/>
      <c r="BN1506" s="53"/>
      <c r="BO1506" s="53"/>
      <c r="BP1506" s="53"/>
      <c r="BQ1506" s="53"/>
      <c r="BR1506" s="53"/>
      <c r="BS1506" s="53"/>
      <c r="BT1506" s="53"/>
      <c r="BU1506" s="53"/>
      <c r="BV1506" s="53"/>
      <c r="BW1506" s="53"/>
      <c r="BX1506" s="53"/>
      <c r="BY1506" s="53"/>
      <c r="BZ1506" s="53"/>
      <c r="CA1506" s="53"/>
      <c r="CB1506" s="53"/>
      <c r="CC1506" s="53"/>
      <c r="CD1506" s="53"/>
      <c r="CE1506" s="53"/>
      <c r="CF1506" s="53"/>
      <c r="CG1506" s="53"/>
      <c r="CH1506" s="53"/>
      <c r="CI1506" s="53"/>
      <c r="CJ1506" s="53"/>
      <c r="CK1506" s="53"/>
      <c r="CL1506" s="53"/>
      <c r="CM1506" s="53"/>
      <c r="CN1506" s="53"/>
    </row>
    <row r="1507" spans="1:92" outlineLevel="1">
      <c r="A1507" s="52" t="s">
        <v>649</v>
      </c>
      <c r="B1507" s="53">
        <v>-58367319.999999903</v>
      </c>
      <c r="C1507" s="53">
        <v>-59153989.999999903</v>
      </c>
      <c r="D1507" s="53">
        <v>-68632339.999999896</v>
      </c>
      <c r="E1507" s="53">
        <v>-62736359.999999903</v>
      </c>
      <c r="F1507" s="53">
        <v>-62028759.999999903</v>
      </c>
      <c r="G1507" s="53">
        <v>-63361069.999999903</v>
      </c>
      <c r="H1507" s="53">
        <v>-64251309.999999903</v>
      </c>
      <c r="I1507" s="53">
        <v>-64049939.999999903</v>
      </c>
      <c r="J1507" s="53">
        <v>-65057189.999999903</v>
      </c>
      <c r="K1507" s="53">
        <v>-65079179.999999903</v>
      </c>
      <c r="L1507" s="53">
        <v>-65304719.999999903</v>
      </c>
      <c r="M1507" s="53">
        <v>-65801229.999999903</v>
      </c>
      <c r="N1507" s="53">
        <v>-763823409.99999905</v>
      </c>
      <c r="O1507" s="53">
        <v>-66032898.6790585</v>
      </c>
      <c r="P1507" s="53">
        <v>-65350445.9423953</v>
      </c>
      <c r="Q1507" s="53">
        <v>-65726706.020004198</v>
      </c>
      <c r="R1507" s="53">
        <v>-67215938.864544198</v>
      </c>
      <c r="S1507" s="53">
        <v>-67603670.633109495</v>
      </c>
      <c r="T1507" s="53">
        <v>-68016026.818549201</v>
      </c>
      <c r="U1507" s="53">
        <v>-68407194.806713894</v>
      </c>
      <c r="V1507" s="53">
        <v>-68577333.132288396</v>
      </c>
      <c r="W1507" s="53">
        <v>-68687668.903189301</v>
      </c>
      <c r="X1507" s="53">
        <v>-68973520.953499794</v>
      </c>
      <c r="Y1507" s="53">
        <v>-69121709.636789605</v>
      </c>
      <c r="Z1507" s="53">
        <v>-69335895.333595499</v>
      </c>
      <c r="AA1507" s="53">
        <v>-813049009.72373796</v>
      </c>
      <c r="AB1507" s="53">
        <v>-71121803.046059698</v>
      </c>
      <c r="AC1507" s="53">
        <v>-71816587.585545897</v>
      </c>
      <c r="AD1507" s="53">
        <v>-72259742.769029394</v>
      </c>
      <c r="AE1507" s="53">
        <v>-72661867.579559997</v>
      </c>
      <c r="AF1507" s="53">
        <v>-72778365.115679801</v>
      </c>
      <c r="AG1507" s="53">
        <v>-72946355.386302099</v>
      </c>
      <c r="AH1507" s="53">
        <v>-73818277.804108694</v>
      </c>
      <c r="AI1507" s="53">
        <v>-73934060.072679505</v>
      </c>
      <c r="AJ1507" s="53">
        <v>-74092588.478156194</v>
      </c>
      <c r="AK1507" s="53">
        <v>-74386600.617008805</v>
      </c>
      <c r="AL1507" s="53">
        <v>-74765023.670708597</v>
      </c>
      <c r="AM1507" s="53">
        <v>-75076597.280232906</v>
      </c>
      <c r="AN1507" s="53">
        <v>-879657869.40507197</v>
      </c>
      <c r="AO1507" s="53">
        <v>-77362629.038255095</v>
      </c>
      <c r="AP1507" s="53">
        <v>-77529315.088143602</v>
      </c>
      <c r="AQ1507" s="53">
        <v>-77626272.910991907</v>
      </c>
      <c r="AR1507" s="53">
        <v>-78449971.487316594</v>
      </c>
      <c r="AS1507" s="53">
        <v>-78661604.678121507</v>
      </c>
      <c r="AT1507" s="53">
        <v>-78846172.027333498</v>
      </c>
      <c r="AU1507" s="53">
        <v>-79346850.594246</v>
      </c>
      <c r="AV1507" s="53">
        <v>-79469121.982446402</v>
      </c>
      <c r="AW1507" s="53">
        <v>-79564698.344076097</v>
      </c>
      <c r="AX1507" s="53">
        <v>-80051614.583723098</v>
      </c>
      <c r="AY1507" s="53">
        <v>-80159285.762120202</v>
      </c>
      <c r="AZ1507" s="53">
        <v>-80183206.696671799</v>
      </c>
      <c r="BA1507" s="53">
        <v>-947250743.19344604</v>
      </c>
      <c r="BB1507" s="53">
        <v>-83888346.130732998</v>
      </c>
      <c r="BC1507" s="53">
        <v>-84023294.893333301</v>
      </c>
      <c r="BD1507" s="53">
        <v>-84128385.065171093</v>
      </c>
      <c r="BE1507" s="53">
        <v>-84435214.711812302</v>
      </c>
      <c r="BF1507" s="53">
        <v>-84551394.817864701</v>
      </c>
      <c r="BG1507" s="53">
        <v>-84676313.835262001</v>
      </c>
      <c r="BH1507" s="53">
        <v>-85531012.653507397</v>
      </c>
      <c r="BI1507" s="53">
        <v>-85895860.332089305</v>
      </c>
      <c r="BJ1507" s="53">
        <v>-86072688.075579196</v>
      </c>
      <c r="BK1507" s="53">
        <v>-86410105.191280007</v>
      </c>
      <c r="BL1507" s="53">
        <v>-86284821.606348798</v>
      </c>
      <c r="BM1507" s="53">
        <v>-85692100.295335993</v>
      </c>
      <c r="BN1507" s="53">
        <v>-1021589537.60831</v>
      </c>
      <c r="BO1507" s="53">
        <v>-87450145.780315205</v>
      </c>
      <c r="BP1507" s="53">
        <v>-87517860.751162097</v>
      </c>
      <c r="BQ1507" s="53">
        <v>-87624197.881319404</v>
      </c>
      <c r="BR1507" s="53">
        <v>-88569806.6736366</v>
      </c>
      <c r="BS1507" s="53">
        <v>-88558543.713697195</v>
      </c>
      <c r="BT1507" s="53">
        <v>-88511763.390835702</v>
      </c>
      <c r="BU1507" s="53">
        <v>-89879955.724908695</v>
      </c>
      <c r="BV1507" s="53">
        <v>-90338630.757819593</v>
      </c>
      <c r="BW1507" s="53">
        <v>-90550884.081206501</v>
      </c>
      <c r="BX1507" s="53">
        <v>-90930869.513129994</v>
      </c>
      <c r="BY1507" s="53">
        <v>-91212616.243148595</v>
      </c>
      <c r="BZ1507" s="53">
        <v>-91339806.574828893</v>
      </c>
      <c r="CA1507" s="53">
        <v>-1072485081.086</v>
      </c>
      <c r="CB1507" s="53"/>
      <c r="CC1507" s="53"/>
      <c r="CD1507" s="53"/>
      <c r="CE1507" s="53"/>
      <c r="CF1507" s="53"/>
      <c r="CG1507" s="53"/>
      <c r="CH1507" s="53"/>
      <c r="CI1507" s="53"/>
      <c r="CJ1507" s="53"/>
      <c r="CK1507" s="53"/>
      <c r="CL1507" s="53"/>
      <c r="CM1507" s="53"/>
      <c r="CN1507" s="53"/>
    </row>
    <row r="1508" spans="1:92" outlineLevel="1">
      <c r="A1508" s="52" t="s">
        <v>752</v>
      </c>
      <c r="B1508" s="53"/>
      <c r="C1508" s="53"/>
      <c r="D1508" s="53"/>
      <c r="E1508" s="53"/>
      <c r="F1508" s="53"/>
      <c r="G1508" s="53"/>
      <c r="H1508" s="53"/>
      <c r="I1508" s="53"/>
      <c r="J1508" s="53"/>
      <c r="K1508" s="53"/>
      <c r="L1508" s="53"/>
      <c r="M1508" s="53"/>
      <c r="N1508" s="53"/>
      <c r="O1508" s="53"/>
      <c r="P1508" s="53"/>
      <c r="Q1508" s="53"/>
      <c r="R1508" s="53"/>
      <c r="S1508" s="53"/>
      <c r="T1508" s="53"/>
      <c r="U1508" s="53"/>
      <c r="V1508" s="53"/>
      <c r="W1508" s="53"/>
      <c r="X1508" s="53"/>
      <c r="Y1508" s="53"/>
      <c r="Z1508" s="53"/>
      <c r="AA1508" s="53"/>
      <c r="AB1508" s="53"/>
      <c r="AC1508" s="53"/>
      <c r="AD1508" s="53"/>
      <c r="AE1508" s="53"/>
      <c r="AF1508" s="53"/>
      <c r="AG1508" s="53"/>
      <c r="AH1508" s="53"/>
      <c r="AI1508" s="53"/>
      <c r="AJ1508" s="53"/>
      <c r="AK1508" s="53"/>
      <c r="AL1508" s="53"/>
      <c r="AM1508" s="53"/>
      <c r="AN1508" s="53"/>
      <c r="AO1508" s="53"/>
      <c r="AP1508" s="53"/>
      <c r="AQ1508" s="53"/>
      <c r="AR1508" s="53"/>
      <c r="AS1508" s="53"/>
      <c r="AT1508" s="53"/>
      <c r="AU1508" s="53"/>
      <c r="AV1508" s="53"/>
      <c r="AW1508" s="53"/>
      <c r="AX1508" s="53"/>
      <c r="AY1508" s="53"/>
      <c r="AZ1508" s="53"/>
      <c r="BA1508" s="53"/>
      <c r="BB1508" s="53"/>
      <c r="BC1508" s="53"/>
      <c r="BD1508" s="53"/>
      <c r="BE1508" s="53"/>
      <c r="BF1508" s="53"/>
      <c r="BG1508" s="53"/>
      <c r="BH1508" s="53"/>
      <c r="BI1508" s="53"/>
      <c r="BJ1508" s="53"/>
      <c r="BK1508" s="53"/>
      <c r="BL1508" s="53"/>
      <c r="BM1508" s="53"/>
      <c r="BN1508" s="53"/>
      <c r="BO1508" s="53"/>
      <c r="BP1508" s="53"/>
      <c r="BQ1508" s="53"/>
      <c r="BR1508" s="53"/>
      <c r="BS1508" s="53"/>
      <c r="BT1508" s="53"/>
      <c r="BU1508" s="53"/>
      <c r="BV1508" s="53"/>
      <c r="BW1508" s="53"/>
      <c r="BX1508" s="53"/>
      <c r="BY1508" s="53"/>
      <c r="BZ1508" s="53"/>
      <c r="CA1508" s="53"/>
      <c r="CB1508" s="53">
        <v>26552.408488063698</v>
      </c>
      <c r="CC1508" s="53">
        <v>26552.408488063698</v>
      </c>
      <c r="CD1508" s="53">
        <v>26552.408488063698</v>
      </c>
      <c r="CE1508" s="53">
        <v>26552.408488063698</v>
      </c>
      <c r="CF1508" s="53">
        <v>26552.408488063698</v>
      </c>
      <c r="CG1508" s="53">
        <v>26552.408488063698</v>
      </c>
      <c r="CH1508" s="53">
        <v>26552.408488063698</v>
      </c>
      <c r="CI1508" s="53">
        <v>26552.408488063698</v>
      </c>
      <c r="CJ1508" s="53">
        <v>26552.408488063698</v>
      </c>
      <c r="CK1508" s="53">
        <v>26552.408488063698</v>
      </c>
      <c r="CL1508" s="53">
        <v>26552.408488063698</v>
      </c>
      <c r="CM1508" s="53">
        <v>26552.408488063698</v>
      </c>
      <c r="CN1508" s="53">
        <v>318628.90185676399</v>
      </c>
    </row>
    <row r="1509" spans="1:92" outlineLevel="1">
      <c r="A1509" s="52" t="s">
        <v>649</v>
      </c>
      <c r="B1509" s="53">
        <v>915930</v>
      </c>
      <c r="C1509" s="53">
        <v>-4790.0000000011996</v>
      </c>
      <c r="D1509" s="53">
        <v>-28100</v>
      </c>
      <c r="E1509" s="53">
        <v>-6779.9999999995498</v>
      </c>
      <c r="F1509" s="53">
        <v>-89.999999999804402</v>
      </c>
      <c r="G1509" s="53">
        <v>-42429.999999999898</v>
      </c>
      <c r="H1509" s="53"/>
      <c r="I1509" s="53">
        <v>-458450</v>
      </c>
      <c r="J1509" s="53">
        <v>2604490</v>
      </c>
      <c r="K1509" s="53">
        <v>1699810</v>
      </c>
      <c r="L1509" s="53">
        <v>24150</v>
      </c>
      <c r="M1509" s="53"/>
      <c r="N1509" s="53">
        <v>4703740</v>
      </c>
      <c r="O1509" s="53"/>
      <c r="P1509" s="53"/>
      <c r="Q1509" s="53"/>
      <c r="R1509" s="53"/>
      <c r="S1509" s="53"/>
      <c r="T1509" s="53"/>
      <c r="U1509" s="53"/>
      <c r="V1509" s="53"/>
      <c r="W1509" s="53"/>
      <c r="X1509" s="53"/>
      <c r="Y1509" s="53"/>
      <c r="Z1509" s="53"/>
      <c r="AA1509" s="53"/>
      <c r="AB1509" s="53"/>
      <c r="AC1509" s="53"/>
      <c r="AD1509" s="53"/>
      <c r="AE1509" s="53"/>
      <c r="AF1509" s="53"/>
      <c r="AG1509" s="53"/>
      <c r="AH1509" s="53"/>
      <c r="AI1509" s="53"/>
      <c r="AJ1509" s="53"/>
      <c r="AK1509" s="53"/>
      <c r="AL1509" s="53"/>
      <c r="AM1509" s="53"/>
      <c r="AN1509" s="53"/>
      <c r="AO1509" s="53"/>
      <c r="AP1509" s="53"/>
      <c r="AQ1509" s="53"/>
      <c r="AR1509" s="53"/>
      <c r="AS1509" s="53"/>
      <c r="AT1509" s="53"/>
      <c r="AU1509" s="53"/>
      <c r="AV1509" s="53"/>
      <c r="AW1509" s="53"/>
      <c r="AX1509" s="53"/>
      <c r="AY1509" s="53"/>
      <c r="AZ1509" s="53"/>
      <c r="BA1509" s="53"/>
      <c r="BB1509" s="53"/>
      <c r="BC1509" s="53"/>
      <c r="BD1509" s="53"/>
      <c r="BE1509" s="53"/>
      <c r="BF1509" s="53"/>
      <c r="BG1509" s="53"/>
      <c r="BH1509" s="53"/>
      <c r="BI1509" s="53"/>
      <c r="BJ1509" s="53"/>
      <c r="BK1509" s="53"/>
      <c r="BL1509" s="53"/>
      <c r="BM1509" s="53"/>
      <c r="BN1509" s="53"/>
      <c r="BO1509" s="53"/>
      <c r="BP1509" s="53"/>
      <c r="BQ1509" s="53"/>
      <c r="BR1509" s="53"/>
      <c r="BS1509" s="53"/>
      <c r="BT1509" s="53"/>
      <c r="BU1509" s="53"/>
      <c r="BV1509" s="53"/>
      <c r="BW1509" s="53"/>
      <c r="BX1509" s="53"/>
      <c r="BY1509" s="53"/>
      <c r="BZ1509" s="53"/>
      <c r="CA1509" s="53"/>
      <c r="CB1509" s="53"/>
      <c r="CC1509" s="53"/>
      <c r="CD1509" s="53"/>
      <c r="CE1509" s="53"/>
      <c r="CF1509" s="53"/>
      <c r="CG1509" s="53"/>
      <c r="CH1509" s="53"/>
      <c r="CI1509" s="53"/>
      <c r="CJ1509" s="53"/>
      <c r="CK1509" s="53"/>
      <c r="CL1509" s="53"/>
      <c r="CM1509" s="53"/>
      <c r="CN1509" s="53"/>
    </row>
    <row r="1510" spans="1:92" outlineLevel="1">
      <c r="A1510" s="52" t="s">
        <v>754</v>
      </c>
      <c r="B1510" s="53"/>
      <c r="C1510" s="53"/>
      <c r="D1510" s="53"/>
      <c r="E1510" s="53"/>
      <c r="F1510" s="53"/>
      <c r="G1510" s="53"/>
      <c r="H1510" s="53"/>
      <c r="I1510" s="53"/>
      <c r="J1510" s="53"/>
      <c r="K1510" s="53"/>
      <c r="L1510" s="53"/>
      <c r="M1510" s="53"/>
      <c r="N1510" s="53"/>
      <c r="O1510" s="53"/>
      <c r="P1510" s="53"/>
      <c r="Q1510" s="53"/>
      <c r="R1510" s="53"/>
      <c r="S1510" s="53"/>
      <c r="T1510" s="53"/>
      <c r="U1510" s="53"/>
      <c r="V1510" s="53"/>
      <c r="W1510" s="53"/>
      <c r="X1510" s="53"/>
      <c r="Y1510" s="53"/>
      <c r="Z1510" s="53"/>
      <c r="AA1510" s="53"/>
      <c r="AB1510" s="53"/>
      <c r="AC1510" s="53"/>
      <c r="AD1510" s="53"/>
      <c r="AE1510" s="53"/>
      <c r="AF1510" s="53"/>
      <c r="AG1510" s="53"/>
      <c r="AH1510" s="53"/>
      <c r="AI1510" s="53"/>
      <c r="AJ1510" s="53"/>
      <c r="AK1510" s="53"/>
      <c r="AL1510" s="53"/>
      <c r="AM1510" s="53"/>
      <c r="AN1510" s="53"/>
      <c r="AO1510" s="53"/>
      <c r="AP1510" s="53"/>
      <c r="AQ1510" s="53"/>
      <c r="AR1510" s="53"/>
      <c r="AS1510" s="53"/>
      <c r="AT1510" s="53"/>
      <c r="AU1510" s="53"/>
      <c r="AV1510" s="53"/>
      <c r="AW1510" s="53"/>
      <c r="AX1510" s="53"/>
      <c r="AY1510" s="53"/>
      <c r="AZ1510" s="53"/>
      <c r="BA1510" s="53"/>
      <c r="BB1510" s="53"/>
      <c r="BC1510" s="53"/>
      <c r="BD1510" s="53"/>
      <c r="BE1510" s="53"/>
      <c r="BF1510" s="53"/>
      <c r="BG1510" s="53"/>
      <c r="BH1510" s="53"/>
      <c r="BI1510" s="53"/>
      <c r="BJ1510" s="53"/>
      <c r="BK1510" s="53"/>
      <c r="BL1510" s="53"/>
      <c r="BM1510" s="53"/>
      <c r="BN1510" s="53"/>
      <c r="BO1510" s="53"/>
      <c r="BP1510" s="53"/>
      <c r="BQ1510" s="53"/>
      <c r="BR1510" s="53"/>
      <c r="BS1510" s="53"/>
      <c r="BT1510" s="53"/>
      <c r="BU1510" s="53"/>
      <c r="BV1510" s="53"/>
      <c r="BW1510" s="53"/>
      <c r="BX1510" s="53"/>
      <c r="BY1510" s="53"/>
      <c r="BZ1510" s="53"/>
      <c r="CA1510" s="53"/>
      <c r="CB1510" s="53">
        <v>-24171.149367088601</v>
      </c>
      <c r="CC1510" s="53">
        <v>-24171.149367088601</v>
      </c>
      <c r="CD1510" s="53">
        <v>-24171.149367088601</v>
      </c>
      <c r="CE1510" s="53">
        <v>-24171.149367088601</v>
      </c>
      <c r="CF1510" s="53">
        <v>-24171.149367088601</v>
      </c>
      <c r="CG1510" s="53">
        <v>-24171.149367088601</v>
      </c>
      <c r="CH1510" s="53">
        <v>-24171.149367088601</v>
      </c>
      <c r="CI1510" s="53">
        <v>-24171.149367088601</v>
      </c>
      <c r="CJ1510" s="53">
        <v>-24171.149367088601</v>
      </c>
      <c r="CK1510" s="53">
        <v>-24171.149367088601</v>
      </c>
      <c r="CL1510" s="53">
        <v>-24171.149367088601</v>
      </c>
      <c r="CM1510" s="53">
        <v>-24171.149367088601</v>
      </c>
      <c r="CN1510" s="53">
        <v>-290053.79240506398</v>
      </c>
    </row>
    <row r="1511" spans="1:92" outlineLevel="1">
      <c r="A1511" s="52" t="s">
        <v>649</v>
      </c>
      <c r="B1511" s="53">
        <v>-3061469.9999999902</v>
      </c>
      <c r="C1511" s="53">
        <v>-3111669.9999999902</v>
      </c>
      <c r="D1511" s="53">
        <v>-3163509.9999999902</v>
      </c>
      <c r="E1511" s="53">
        <v>-3169679.9999999902</v>
      </c>
      <c r="F1511" s="53">
        <v>-3075309.9999999902</v>
      </c>
      <c r="G1511" s="53">
        <v>-3062839.9999999902</v>
      </c>
      <c r="H1511" s="53">
        <v>-3135329.9999999902</v>
      </c>
      <c r="I1511" s="53">
        <v>-3165219.9999999902</v>
      </c>
      <c r="J1511" s="53">
        <v>-3049589.9999999902</v>
      </c>
      <c r="K1511" s="53">
        <v>-3079519.9999999902</v>
      </c>
      <c r="L1511" s="53">
        <v>-3143969.9999999902</v>
      </c>
      <c r="M1511" s="53">
        <v>-3175019.9999999902</v>
      </c>
      <c r="N1511" s="53">
        <v>-37393129.999999903</v>
      </c>
      <c r="O1511" s="53">
        <v>-3216442.2152608</v>
      </c>
      <c r="P1511" s="53">
        <v>-3175132.2152608</v>
      </c>
      <c r="Q1511" s="53">
        <v>-3173122.2152608</v>
      </c>
      <c r="R1511" s="53">
        <v>-3173122.2152608</v>
      </c>
      <c r="S1511" s="53">
        <v>-3173122.2152608</v>
      </c>
      <c r="T1511" s="53">
        <v>-3173122.2152608</v>
      </c>
      <c r="U1511" s="53">
        <v>-3137663.88192746</v>
      </c>
      <c r="V1511" s="53">
        <v>-2910446.73907032</v>
      </c>
      <c r="W1511" s="53">
        <v>-2909152.98907032</v>
      </c>
      <c r="X1511" s="53">
        <v>-2901050.7668480999</v>
      </c>
      <c r="Y1511" s="53">
        <v>-2901050.7668480999</v>
      </c>
      <c r="Z1511" s="53">
        <v>-2863423.4941208302</v>
      </c>
      <c r="AA1511" s="53">
        <v>-36706851.929449901</v>
      </c>
      <c r="AB1511" s="53">
        <v>-2850516.82745416</v>
      </c>
      <c r="AC1511" s="53">
        <v>-2806779.1351464698</v>
      </c>
      <c r="AD1511" s="53">
        <v>-2797123.4208607501</v>
      </c>
      <c r="AE1511" s="53">
        <v>-2683676.0875274199</v>
      </c>
      <c r="AF1511" s="53">
        <v>-2683676.0875274199</v>
      </c>
      <c r="AG1511" s="53">
        <v>-2683676.0875274199</v>
      </c>
      <c r="AH1511" s="53">
        <v>-2474888.3097496401</v>
      </c>
      <c r="AI1511" s="53">
        <v>-2360994.6255391198</v>
      </c>
      <c r="AJ1511" s="53">
        <v>-2360994.62553911</v>
      </c>
      <c r="AK1511" s="53">
        <v>-2282252.7207772098</v>
      </c>
      <c r="AL1511" s="53">
        <v>-2279569.5389590301</v>
      </c>
      <c r="AM1511" s="53">
        <v>-2219894.3215677198</v>
      </c>
      <c r="AN1511" s="53">
        <v>-30484041.788175501</v>
      </c>
      <c r="AO1511" s="53">
        <v>-2165177.6549010598</v>
      </c>
      <c r="AP1511" s="53">
        <v>-2127402.85490106</v>
      </c>
      <c r="AQ1511" s="53">
        <v>-2108888.2395164398</v>
      </c>
      <c r="AR1511" s="53">
        <v>-2077921.5728497801</v>
      </c>
      <c r="AS1511" s="53">
        <v>-1996582.28713549</v>
      </c>
      <c r="AT1511" s="53">
        <v>-1989345.3905837699</v>
      </c>
      <c r="AU1511" s="53">
        <v>-1972622.0572504301</v>
      </c>
      <c r="AV1511" s="53">
        <v>-1958409.4766052701</v>
      </c>
      <c r="AW1511" s="53">
        <v>-1957292.9141052701</v>
      </c>
      <c r="AX1511" s="53">
        <v>-1945543.21713557</v>
      </c>
      <c r="AY1511" s="53">
        <v>-1940918.21713557</v>
      </c>
      <c r="AZ1511" s="53">
        <v>-1937857.35999272</v>
      </c>
      <c r="BA1511" s="53">
        <v>-24177961.242112398</v>
      </c>
      <c r="BB1511" s="53">
        <v>-1727908.1933260499</v>
      </c>
      <c r="BC1511" s="53">
        <v>-1659615.49062335</v>
      </c>
      <c r="BD1511" s="53">
        <v>-1621217.3327286099</v>
      </c>
      <c r="BE1511" s="53">
        <v>-1603308.61477989</v>
      </c>
      <c r="BF1511" s="53">
        <v>-1595930.61477989</v>
      </c>
      <c r="BG1511" s="53">
        <v>-1592079.1513652599</v>
      </c>
      <c r="BH1511" s="53">
        <v>-1557672.4846985899</v>
      </c>
      <c r="BI1511" s="53">
        <v>-1550793.1823730101</v>
      </c>
      <c r="BJ1511" s="53">
        <v>-1550793.1823730101</v>
      </c>
      <c r="BK1511" s="53">
        <v>-1542226.5157063401</v>
      </c>
      <c r="BL1511" s="53">
        <v>-1529130.64614113</v>
      </c>
      <c r="BM1511" s="53">
        <v>-1529109.5823113399</v>
      </c>
      <c r="BN1511" s="53">
        <v>-19059784.991206501</v>
      </c>
      <c r="BO1511" s="53">
        <v>-1429066.8739780099</v>
      </c>
      <c r="BP1511" s="53">
        <v>-1385592.3841820899</v>
      </c>
      <c r="BQ1511" s="53">
        <v>-1374476.5841820899</v>
      </c>
      <c r="BR1511" s="53">
        <v>-1369872.2704566</v>
      </c>
      <c r="BS1511" s="53">
        <v>-1348020.92430275</v>
      </c>
      <c r="BT1511" s="53">
        <v>-1283172.99977445</v>
      </c>
      <c r="BU1511" s="53">
        <v>-1246766.33310778</v>
      </c>
      <c r="BV1511" s="53">
        <v>-1173917.7876532399</v>
      </c>
      <c r="BW1511" s="53">
        <v>-760588.50193895504</v>
      </c>
      <c r="BX1511" s="53">
        <v>-725830.60720211302</v>
      </c>
      <c r="BY1511" s="53">
        <v>-690086.64168487198</v>
      </c>
      <c r="BZ1511" s="53">
        <v>-681579.86202385498</v>
      </c>
      <c r="CA1511" s="53">
        <v>-13468971.7704868</v>
      </c>
      <c r="CB1511" s="53"/>
      <c r="CC1511" s="53"/>
      <c r="CD1511" s="53"/>
      <c r="CE1511" s="53"/>
      <c r="CF1511" s="53"/>
      <c r="CG1511" s="53"/>
      <c r="CH1511" s="53"/>
      <c r="CI1511" s="53"/>
      <c r="CJ1511" s="53"/>
      <c r="CK1511" s="53"/>
      <c r="CL1511" s="53"/>
      <c r="CM1511" s="53"/>
      <c r="CN1511" s="53"/>
    </row>
    <row r="1512" spans="1:92" outlineLevel="1">
      <c r="A1512" s="52" t="s">
        <v>1385</v>
      </c>
      <c r="B1512" s="53"/>
      <c r="C1512" s="53"/>
      <c r="D1512" s="53"/>
      <c r="E1512" s="53"/>
      <c r="F1512" s="53"/>
      <c r="G1512" s="53"/>
      <c r="H1512" s="53"/>
      <c r="I1512" s="53"/>
      <c r="J1512" s="53"/>
      <c r="K1512" s="53"/>
      <c r="L1512" s="53"/>
      <c r="M1512" s="53"/>
      <c r="N1512" s="53"/>
      <c r="O1512" s="53"/>
      <c r="P1512" s="53"/>
      <c r="Q1512" s="53"/>
      <c r="R1512" s="53"/>
      <c r="S1512" s="53"/>
      <c r="T1512" s="53"/>
      <c r="U1512" s="53"/>
      <c r="V1512" s="53"/>
      <c r="W1512" s="53"/>
      <c r="X1512" s="53"/>
      <c r="Y1512" s="53"/>
      <c r="Z1512" s="53"/>
      <c r="AA1512" s="53"/>
      <c r="AB1512" s="53"/>
      <c r="AC1512" s="53"/>
      <c r="AD1512" s="53"/>
      <c r="AE1512" s="53"/>
      <c r="AF1512" s="53"/>
      <c r="AG1512" s="53"/>
      <c r="AH1512" s="53"/>
      <c r="AI1512" s="53"/>
      <c r="AJ1512" s="53"/>
      <c r="AK1512" s="53"/>
      <c r="AL1512" s="53"/>
      <c r="AM1512" s="53"/>
      <c r="AN1512" s="53"/>
      <c r="AO1512" s="53"/>
      <c r="AP1512" s="53"/>
      <c r="AQ1512" s="53"/>
      <c r="AR1512" s="53"/>
      <c r="AS1512" s="53"/>
      <c r="AT1512" s="53"/>
      <c r="AU1512" s="53"/>
      <c r="AV1512" s="53"/>
      <c r="AW1512" s="53"/>
      <c r="AX1512" s="53"/>
      <c r="AY1512" s="53"/>
      <c r="AZ1512" s="53"/>
      <c r="BA1512" s="53"/>
      <c r="BB1512" s="53"/>
      <c r="BC1512" s="53"/>
      <c r="BD1512" s="53"/>
      <c r="BE1512" s="53"/>
      <c r="BF1512" s="53"/>
      <c r="BG1512" s="53"/>
      <c r="BH1512" s="53"/>
      <c r="BI1512" s="53"/>
      <c r="BJ1512" s="53"/>
      <c r="BK1512" s="53"/>
      <c r="BL1512" s="53"/>
      <c r="BM1512" s="53"/>
      <c r="BN1512" s="53"/>
      <c r="BO1512" s="53"/>
      <c r="BP1512" s="53"/>
      <c r="BQ1512" s="53"/>
      <c r="BR1512" s="53"/>
      <c r="BS1512" s="53"/>
      <c r="BT1512" s="53"/>
      <c r="BU1512" s="53"/>
      <c r="BV1512" s="53"/>
      <c r="BW1512" s="53"/>
      <c r="BX1512" s="53"/>
      <c r="BY1512" s="53"/>
      <c r="BZ1512" s="53"/>
      <c r="CA1512" s="53"/>
      <c r="CB1512" s="53">
        <v>-16813.8726114649</v>
      </c>
      <c r="CC1512" s="53">
        <v>-16813.8726114649</v>
      </c>
      <c r="CD1512" s="53">
        <v>-16813.8726114649</v>
      </c>
      <c r="CE1512" s="53">
        <v>-16813.8726114649</v>
      </c>
      <c r="CF1512" s="53">
        <v>-16813.8726114649</v>
      </c>
      <c r="CG1512" s="53">
        <v>-16813.8726114649</v>
      </c>
      <c r="CH1512" s="53">
        <v>-16813.8726114649</v>
      </c>
      <c r="CI1512" s="53">
        <v>-16813.8726114649</v>
      </c>
      <c r="CJ1512" s="53">
        <v>-16813.8726114649</v>
      </c>
      <c r="CK1512" s="53">
        <v>-16813.8726114649</v>
      </c>
      <c r="CL1512" s="53">
        <v>-16813.8726114649</v>
      </c>
      <c r="CM1512" s="53">
        <v>-16813.8726114649</v>
      </c>
      <c r="CN1512" s="53">
        <v>-201766.47133757899</v>
      </c>
    </row>
    <row r="1513" spans="1:92" outlineLevel="1">
      <c r="A1513" s="52" t="s">
        <v>649</v>
      </c>
      <c r="B1513" s="53">
        <v>-109280</v>
      </c>
      <c r="C1513" s="53">
        <v>-109280</v>
      </c>
      <c r="D1513" s="53">
        <v>-109280</v>
      </c>
      <c r="E1513" s="53">
        <v>-109280</v>
      </c>
      <c r="F1513" s="53">
        <v>-109280</v>
      </c>
      <c r="G1513" s="53">
        <v>-109280</v>
      </c>
      <c r="H1513" s="53">
        <v>-109280</v>
      </c>
      <c r="I1513" s="53">
        <v>-109280</v>
      </c>
      <c r="J1513" s="53">
        <v>-109280</v>
      </c>
      <c r="K1513" s="53">
        <v>-89940</v>
      </c>
      <c r="L1513" s="53">
        <v>-89940</v>
      </c>
      <c r="M1513" s="53">
        <v>-89940</v>
      </c>
      <c r="N1513" s="53">
        <v>-1253340</v>
      </c>
      <c r="O1513" s="53">
        <v>-89948.085988144201</v>
      </c>
      <c r="P1513" s="53">
        <v>-89948.085988144201</v>
      </c>
      <c r="Q1513" s="53">
        <v>-89948.085988144201</v>
      </c>
      <c r="R1513" s="53">
        <v>-89948.085988144201</v>
      </c>
      <c r="S1513" s="53">
        <v>-89948.085988144201</v>
      </c>
      <c r="T1513" s="53">
        <v>-89948.085988144201</v>
      </c>
      <c r="U1513" s="53">
        <v>-89948.085988144201</v>
      </c>
      <c r="V1513" s="53">
        <v>-89948.085988144201</v>
      </c>
      <c r="W1513" s="53">
        <v>-89948.085988144201</v>
      </c>
      <c r="X1513" s="53">
        <v>-89948.085988144201</v>
      </c>
      <c r="Y1513" s="53">
        <v>-89948.085988144201</v>
      </c>
      <c r="Z1513" s="53">
        <v>-89948.085988144303</v>
      </c>
      <c r="AA1513" s="53">
        <v>-1079377.0318577299</v>
      </c>
      <c r="AB1513" s="53">
        <v>-89948.085988144201</v>
      </c>
      <c r="AC1513" s="53">
        <v>-89948.085988144201</v>
      </c>
      <c r="AD1513" s="53">
        <v>-89948.085988144201</v>
      </c>
      <c r="AE1513" s="53">
        <v>-89948.085988144303</v>
      </c>
      <c r="AF1513" s="53">
        <v>-89948.085988144303</v>
      </c>
      <c r="AG1513" s="53">
        <v>-89948.085988144303</v>
      </c>
      <c r="AH1513" s="53">
        <v>-89948.085988144303</v>
      </c>
      <c r="AI1513" s="53">
        <v>-89948.085988144303</v>
      </c>
      <c r="AJ1513" s="53">
        <v>-89948.085988144303</v>
      </c>
      <c r="AK1513" s="53">
        <v>-89948.085988144201</v>
      </c>
      <c r="AL1513" s="53">
        <v>-89948.085988144201</v>
      </c>
      <c r="AM1513" s="53">
        <v>-89948.085988144099</v>
      </c>
      <c r="AN1513" s="53">
        <v>-1079377.0318577299</v>
      </c>
      <c r="AO1513" s="53">
        <v>-79794.752654810902</v>
      </c>
      <c r="AP1513" s="53">
        <v>-79794.752654810902</v>
      </c>
      <c r="AQ1513" s="53">
        <v>-79794.752654810902</v>
      </c>
      <c r="AR1513" s="53">
        <v>-79794.752654810902</v>
      </c>
      <c r="AS1513" s="53">
        <v>-79794.752654810902</v>
      </c>
      <c r="AT1513" s="53">
        <v>-79794.752654810902</v>
      </c>
      <c r="AU1513" s="53">
        <v>-79794.752654810902</v>
      </c>
      <c r="AV1513" s="53">
        <v>-79794.752654810902</v>
      </c>
      <c r="AW1513" s="53">
        <v>-79794.752654810902</v>
      </c>
      <c r="AX1513" s="53">
        <v>-79794.752654810902</v>
      </c>
      <c r="AY1513" s="53">
        <v>-79794.752654810902</v>
      </c>
      <c r="AZ1513" s="53">
        <v>-79794.752654810902</v>
      </c>
      <c r="BA1513" s="53">
        <v>-957537.03185773105</v>
      </c>
      <c r="BB1513" s="53">
        <v>-79794.752654810902</v>
      </c>
      <c r="BC1513" s="53">
        <v>-79794.752654810902</v>
      </c>
      <c r="BD1513" s="53">
        <v>-79794.752654810902</v>
      </c>
      <c r="BE1513" s="53">
        <v>-79794.752654810902</v>
      </c>
      <c r="BF1513" s="53">
        <v>-79794.752654810902</v>
      </c>
      <c r="BG1513" s="53">
        <v>-79794.752654810902</v>
      </c>
      <c r="BH1513" s="53">
        <v>-79794.752654810902</v>
      </c>
      <c r="BI1513" s="53">
        <v>-79794.752654810902</v>
      </c>
      <c r="BJ1513" s="53">
        <v>-79794.752654810902</v>
      </c>
      <c r="BK1513" s="53">
        <v>-79794.752654810902</v>
      </c>
      <c r="BL1513" s="53">
        <v>-79794.752654810902</v>
      </c>
      <c r="BM1513" s="53">
        <v>-79794.752654810902</v>
      </c>
      <c r="BN1513" s="53">
        <v>-957537.03185773105</v>
      </c>
      <c r="BO1513" s="53">
        <v>-79794.752654810902</v>
      </c>
      <c r="BP1513" s="53">
        <v>-79794.752654810902</v>
      </c>
      <c r="BQ1513" s="53">
        <v>-79794.752654810902</v>
      </c>
      <c r="BR1513" s="53">
        <v>-79794.752654810902</v>
      </c>
      <c r="BS1513" s="53">
        <v>-79794.752654810902</v>
      </c>
      <c r="BT1513" s="53">
        <v>-79794.752654810902</v>
      </c>
      <c r="BU1513" s="53">
        <v>-79794.752654810902</v>
      </c>
      <c r="BV1513" s="53">
        <v>-79794.752654810902</v>
      </c>
      <c r="BW1513" s="53">
        <v>-79794.752654810902</v>
      </c>
      <c r="BX1513" s="53">
        <v>-79794.752654810902</v>
      </c>
      <c r="BY1513" s="53">
        <v>-79794.752654810902</v>
      </c>
      <c r="BZ1513" s="53">
        <v>-79794.752654810902</v>
      </c>
      <c r="CA1513" s="53">
        <v>-957537.03185773105</v>
      </c>
      <c r="CB1513" s="53">
        <v>308004.32631578902</v>
      </c>
      <c r="CC1513" s="53">
        <v>308004.32631578902</v>
      </c>
      <c r="CD1513" s="53">
        <v>308004.32631578902</v>
      </c>
      <c r="CE1513" s="53">
        <v>308004.32631578902</v>
      </c>
      <c r="CF1513" s="53">
        <v>308004.32631578902</v>
      </c>
      <c r="CG1513" s="53">
        <v>308004.32631578902</v>
      </c>
      <c r="CH1513" s="53">
        <v>308004.32631578902</v>
      </c>
      <c r="CI1513" s="53">
        <v>308004.32631578902</v>
      </c>
      <c r="CJ1513" s="53">
        <v>308004.32631578902</v>
      </c>
      <c r="CK1513" s="53">
        <v>308004.32631578902</v>
      </c>
      <c r="CL1513" s="53">
        <v>308004.32631578902</v>
      </c>
      <c r="CM1513" s="53">
        <v>308004.32631578902</v>
      </c>
      <c r="CN1513" s="53">
        <v>3696051.9157894701</v>
      </c>
    </row>
    <row r="1514" spans="1:92" outlineLevel="1">
      <c r="A1514" s="52" t="s">
        <v>758</v>
      </c>
      <c r="B1514" s="53"/>
      <c r="C1514" s="53"/>
      <c r="D1514" s="53"/>
      <c r="E1514" s="53"/>
      <c r="F1514" s="53"/>
      <c r="G1514" s="53"/>
      <c r="H1514" s="53"/>
      <c r="I1514" s="53"/>
      <c r="J1514" s="53"/>
      <c r="K1514" s="53"/>
      <c r="L1514" s="53"/>
      <c r="M1514" s="53"/>
      <c r="N1514" s="53"/>
      <c r="O1514" s="53"/>
      <c r="P1514" s="53"/>
      <c r="Q1514" s="53"/>
      <c r="R1514" s="53"/>
      <c r="S1514" s="53"/>
      <c r="T1514" s="53"/>
      <c r="U1514" s="53"/>
      <c r="V1514" s="53"/>
      <c r="W1514" s="53"/>
      <c r="X1514" s="53"/>
      <c r="Y1514" s="53"/>
      <c r="Z1514" s="53"/>
      <c r="AA1514" s="53"/>
      <c r="AB1514" s="53"/>
      <c r="AC1514" s="53"/>
      <c r="AD1514" s="53"/>
      <c r="AE1514" s="53"/>
      <c r="AF1514" s="53"/>
      <c r="AG1514" s="53"/>
      <c r="AH1514" s="53"/>
      <c r="AI1514" s="53"/>
      <c r="AJ1514" s="53"/>
      <c r="AK1514" s="53"/>
      <c r="AL1514" s="53"/>
      <c r="AM1514" s="53"/>
      <c r="AN1514" s="53"/>
      <c r="AO1514" s="53"/>
      <c r="AP1514" s="53"/>
      <c r="AQ1514" s="53"/>
      <c r="AR1514" s="53"/>
      <c r="AS1514" s="53"/>
      <c r="AT1514" s="53"/>
      <c r="AU1514" s="53"/>
      <c r="AV1514" s="53"/>
      <c r="AW1514" s="53"/>
      <c r="AX1514" s="53"/>
      <c r="AY1514" s="53"/>
      <c r="AZ1514" s="53"/>
      <c r="BA1514" s="53"/>
      <c r="BB1514" s="53"/>
      <c r="BC1514" s="53"/>
      <c r="BD1514" s="53"/>
      <c r="BE1514" s="53"/>
      <c r="BF1514" s="53"/>
      <c r="BG1514" s="53"/>
      <c r="BH1514" s="53"/>
      <c r="BI1514" s="53"/>
      <c r="BJ1514" s="53"/>
      <c r="BK1514" s="53"/>
      <c r="BL1514" s="53"/>
      <c r="BM1514" s="53"/>
      <c r="BN1514" s="53"/>
      <c r="BO1514" s="53"/>
      <c r="BP1514" s="53"/>
      <c r="BQ1514" s="53"/>
      <c r="BR1514" s="53"/>
      <c r="BS1514" s="53"/>
      <c r="BT1514" s="53"/>
      <c r="BU1514" s="53"/>
      <c r="BV1514" s="53"/>
      <c r="BW1514" s="53"/>
      <c r="BX1514" s="53"/>
      <c r="BY1514" s="53"/>
      <c r="BZ1514" s="53"/>
      <c r="CA1514" s="53"/>
      <c r="CB1514" s="53">
        <v>199670.97536945701</v>
      </c>
      <c r="CC1514" s="53">
        <v>199670.97536945701</v>
      </c>
      <c r="CD1514" s="53">
        <v>199670.97536945701</v>
      </c>
      <c r="CE1514" s="53">
        <v>199670.97536945701</v>
      </c>
      <c r="CF1514" s="53">
        <v>199670.975369458</v>
      </c>
      <c r="CG1514" s="53">
        <v>199670.97536945701</v>
      </c>
      <c r="CH1514" s="53">
        <v>199670.975369458</v>
      </c>
      <c r="CI1514" s="53">
        <v>199670.975369458</v>
      </c>
      <c r="CJ1514" s="53">
        <v>199670.975369458</v>
      </c>
      <c r="CK1514" s="53">
        <v>199670.975369458</v>
      </c>
      <c r="CL1514" s="53">
        <v>199670.975369458</v>
      </c>
      <c r="CM1514" s="53">
        <v>199670.975369458</v>
      </c>
      <c r="CN1514" s="53">
        <v>2396051.7044334901</v>
      </c>
    </row>
    <row r="1515" spans="1:92" outlineLevel="1">
      <c r="A1515" s="52" t="s">
        <v>759</v>
      </c>
      <c r="B1515" s="53"/>
      <c r="C1515" s="53"/>
      <c r="D1515" s="53"/>
      <c r="E1515" s="53"/>
      <c r="F1515" s="53"/>
      <c r="G1515" s="53"/>
      <c r="H1515" s="53"/>
      <c r="I1515" s="53"/>
      <c r="J1515" s="53"/>
      <c r="K1515" s="53"/>
      <c r="L1515" s="53"/>
      <c r="M1515" s="53"/>
      <c r="N1515" s="53"/>
      <c r="O1515" s="53"/>
      <c r="P1515" s="53"/>
      <c r="Q1515" s="53"/>
      <c r="R1515" s="53"/>
      <c r="S1515" s="53"/>
      <c r="T1515" s="53"/>
      <c r="U1515" s="53"/>
      <c r="V1515" s="53"/>
      <c r="W1515" s="53"/>
      <c r="X1515" s="53"/>
      <c r="Y1515" s="53"/>
      <c r="Z1515" s="53"/>
      <c r="AA1515" s="53"/>
      <c r="AB1515" s="53"/>
      <c r="AC1515" s="53"/>
      <c r="AD1515" s="53"/>
      <c r="AE1515" s="53"/>
      <c r="AF1515" s="53"/>
      <c r="AG1515" s="53"/>
      <c r="AH1515" s="53"/>
      <c r="AI1515" s="53"/>
      <c r="AJ1515" s="53"/>
      <c r="AK1515" s="53"/>
      <c r="AL1515" s="53"/>
      <c r="AM1515" s="53"/>
      <c r="AN1515" s="53"/>
      <c r="AO1515" s="53"/>
      <c r="AP1515" s="53"/>
      <c r="AQ1515" s="53"/>
      <c r="AR1515" s="53"/>
      <c r="AS1515" s="53"/>
      <c r="AT1515" s="53"/>
      <c r="AU1515" s="53"/>
      <c r="AV1515" s="53"/>
      <c r="AW1515" s="53"/>
      <c r="AX1515" s="53"/>
      <c r="AY1515" s="53"/>
      <c r="AZ1515" s="53"/>
      <c r="BA1515" s="53"/>
      <c r="BB1515" s="53"/>
      <c r="BC1515" s="53"/>
      <c r="BD1515" s="53"/>
      <c r="BE1515" s="53"/>
      <c r="BF1515" s="53"/>
      <c r="BG1515" s="53"/>
      <c r="BH1515" s="53"/>
      <c r="BI1515" s="53"/>
      <c r="BJ1515" s="53"/>
      <c r="BK1515" s="53"/>
      <c r="BL1515" s="53"/>
      <c r="BM1515" s="53"/>
      <c r="BN1515" s="53"/>
      <c r="BO1515" s="53"/>
      <c r="BP1515" s="53"/>
      <c r="BQ1515" s="53"/>
      <c r="BR1515" s="53"/>
      <c r="BS1515" s="53"/>
      <c r="BT1515" s="53"/>
      <c r="BU1515" s="53"/>
      <c r="BV1515" s="53"/>
      <c r="BW1515" s="53"/>
      <c r="BX1515" s="53"/>
      <c r="BY1515" s="53"/>
      <c r="BZ1515" s="53"/>
      <c r="CA1515" s="53"/>
      <c r="CB1515" s="53">
        <v>115069.472803347</v>
      </c>
      <c r="CC1515" s="53">
        <v>115069.472803347</v>
      </c>
      <c r="CD1515" s="53">
        <v>115069.472803347</v>
      </c>
      <c r="CE1515" s="53">
        <v>115069.472803347</v>
      </c>
      <c r="CF1515" s="53">
        <v>115069.472803347</v>
      </c>
      <c r="CG1515" s="53">
        <v>115069.472803347</v>
      </c>
      <c r="CH1515" s="53">
        <v>115069.472803347</v>
      </c>
      <c r="CI1515" s="53">
        <v>115069.472803347</v>
      </c>
      <c r="CJ1515" s="53">
        <v>115069.472803347</v>
      </c>
      <c r="CK1515" s="53">
        <v>115069.472803347</v>
      </c>
      <c r="CL1515" s="53">
        <v>115069.472803347</v>
      </c>
      <c r="CM1515" s="53">
        <v>115069.472803347</v>
      </c>
      <c r="CN1515" s="53">
        <v>1380833.6736401699</v>
      </c>
    </row>
    <row r="1516" spans="1:92" outlineLevel="1">
      <c r="A1516" s="52" t="s">
        <v>649</v>
      </c>
      <c r="B1516" s="53">
        <v>-547443.16240302799</v>
      </c>
      <c r="C1516" s="53">
        <v>-547521.15582030395</v>
      </c>
      <c r="D1516" s="53">
        <v>-547600.06559509097</v>
      </c>
      <c r="E1516" s="53">
        <v>-547679.90797247598</v>
      </c>
      <c r="F1516" s="53">
        <v>-547760.69958381797</v>
      </c>
      <c r="G1516" s="53">
        <v>-547842.45745829202</v>
      </c>
      <c r="H1516" s="53">
        <v>-547925.19903486304</v>
      </c>
      <c r="I1516" s="53">
        <v>-548008.94217468204</v>
      </c>
      <c r="J1516" s="53">
        <v>-548093.70517394098</v>
      </c>
      <c r="K1516" s="53">
        <v>-548179.50677719899</v>
      </c>
      <c r="L1516" s="53">
        <v>-548266.36619120499</v>
      </c>
      <c r="M1516" s="53">
        <v>-548354.30309922795</v>
      </c>
      <c r="N1516" s="53">
        <v>-6574675.4712841203</v>
      </c>
      <c r="O1516" s="53">
        <v>-548443.33767592395</v>
      </c>
      <c r="P1516" s="53">
        <v>-548533.49060277699</v>
      </c>
      <c r="Q1516" s="53">
        <v>-548624.78308410302</v>
      </c>
      <c r="R1516" s="53">
        <v>-548717.23686368705</v>
      </c>
      <c r="S1516" s="53">
        <v>-548810.87424204196</v>
      </c>
      <c r="T1516" s="53">
        <v>-548905.718094346</v>
      </c>
      <c r="U1516" s="53">
        <v>-549001.79188906995</v>
      </c>
      <c r="V1516" s="53">
        <v>-549099.11970733898</v>
      </c>
      <c r="W1516" s="53">
        <v>-549197.72626305802</v>
      </c>
      <c r="X1516" s="53">
        <v>-549297.63692382805</v>
      </c>
      <c r="Y1516" s="53">
        <v>-549398.87773270998</v>
      </c>
      <c r="Z1516" s="53">
        <v>-479667</v>
      </c>
      <c r="AA1516" s="53">
        <v>-6517697.5930788796</v>
      </c>
      <c r="AB1516" s="53"/>
      <c r="AC1516" s="53"/>
      <c r="AD1516" s="53"/>
      <c r="AE1516" s="53"/>
      <c r="AF1516" s="53"/>
      <c r="AG1516" s="53"/>
      <c r="AH1516" s="53"/>
      <c r="AI1516" s="53"/>
      <c r="AJ1516" s="53"/>
      <c r="AK1516" s="53"/>
      <c r="AL1516" s="53"/>
      <c r="AM1516" s="53"/>
      <c r="AN1516" s="53"/>
      <c r="AO1516" s="53"/>
      <c r="AP1516" s="53"/>
      <c r="AQ1516" s="53"/>
      <c r="AR1516" s="53"/>
      <c r="AS1516" s="53"/>
      <c r="AT1516" s="53"/>
      <c r="AU1516" s="53"/>
      <c r="AV1516" s="53"/>
      <c r="AW1516" s="53"/>
      <c r="AX1516" s="53"/>
      <c r="AY1516" s="53"/>
      <c r="AZ1516" s="53"/>
      <c r="BA1516" s="53"/>
      <c r="BB1516" s="53"/>
      <c r="BC1516" s="53"/>
      <c r="BD1516" s="53"/>
      <c r="BE1516" s="53"/>
      <c r="BF1516" s="53"/>
      <c r="BG1516" s="53"/>
      <c r="BH1516" s="53"/>
      <c r="BI1516" s="53"/>
      <c r="BJ1516" s="53"/>
      <c r="BK1516" s="53"/>
      <c r="BL1516" s="53"/>
      <c r="BM1516" s="53"/>
      <c r="BN1516" s="53"/>
      <c r="BO1516" s="53"/>
      <c r="BP1516" s="53"/>
      <c r="BQ1516" s="53"/>
      <c r="BR1516" s="53"/>
      <c r="BS1516" s="53"/>
      <c r="BT1516" s="53"/>
      <c r="BU1516" s="53"/>
      <c r="BV1516" s="53"/>
      <c r="BW1516" s="53"/>
      <c r="BX1516" s="53"/>
      <c r="BY1516" s="53"/>
      <c r="BZ1516" s="53"/>
      <c r="CA1516" s="53"/>
      <c r="CB1516" s="53"/>
      <c r="CC1516" s="53"/>
      <c r="CD1516" s="53"/>
      <c r="CE1516" s="53"/>
      <c r="CF1516" s="53"/>
      <c r="CG1516" s="53"/>
      <c r="CH1516" s="53"/>
      <c r="CI1516" s="53"/>
      <c r="CJ1516" s="53"/>
      <c r="CK1516" s="53"/>
      <c r="CL1516" s="53"/>
      <c r="CM1516" s="53"/>
      <c r="CN1516" s="53"/>
    </row>
    <row r="1517" spans="1:92" outlineLevel="1">
      <c r="A1517" s="52" t="s">
        <v>1403</v>
      </c>
      <c r="B1517" s="53"/>
      <c r="C1517" s="53"/>
      <c r="D1517" s="53"/>
      <c r="E1517" s="53"/>
      <c r="F1517" s="53"/>
      <c r="G1517" s="53"/>
      <c r="H1517" s="53"/>
      <c r="I1517" s="53"/>
      <c r="J1517" s="53"/>
      <c r="K1517" s="53"/>
      <c r="L1517" s="53"/>
      <c r="M1517" s="53"/>
      <c r="N1517" s="53"/>
      <c r="O1517" s="53"/>
      <c r="P1517" s="53"/>
      <c r="Q1517" s="53"/>
      <c r="R1517" s="53"/>
      <c r="S1517" s="53"/>
      <c r="T1517" s="53"/>
      <c r="U1517" s="53"/>
      <c r="V1517" s="53"/>
      <c r="W1517" s="53"/>
      <c r="X1517" s="53"/>
      <c r="Y1517" s="53"/>
      <c r="Z1517" s="53"/>
      <c r="AA1517" s="53"/>
      <c r="AB1517" s="53"/>
      <c r="AC1517" s="53"/>
      <c r="AD1517" s="53"/>
      <c r="AE1517" s="53"/>
      <c r="AF1517" s="53"/>
      <c r="AG1517" s="53"/>
      <c r="AH1517" s="53"/>
      <c r="AI1517" s="53"/>
      <c r="AJ1517" s="53"/>
      <c r="AK1517" s="53"/>
      <c r="AL1517" s="53"/>
      <c r="AM1517" s="53"/>
      <c r="AN1517" s="53"/>
      <c r="AO1517" s="53"/>
      <c r="AP1517" s="53"/>
      <c r="AQ1517" s="53"/>
      <c r="AR1517" s="53"/>
      <c r="AS1517" s="53"/>
      <c r="AT1517" s="53"/>
      <c r="AU1517" s="53"/>
      <c r="AV1517" s="53"/>
      <c r="AW1517" s="53"/>
      <c r="AX1517" s="53"/>
      <c r="AY1517" s="53"/>
      <c r="AZ1517" s="53"/>
      <c r="BA1517" s="53"/>
      <c r="BB1517" s="53"/>
      <c r="BC1517" s="53"/>
      <c r="BD1517" s="53"/>
      <c r="BE1517" s="53"/>
      <c r="BF1517" s="53"/>
      <c r="BG1517" s="53"/>
      <c r="BH1517" s="53"/>
      <c r="BI1517" s="53"/>
      <c r="BJ1517" s="53"/>
      <c r="BK1517" s="53"/>
      <c r="BL1517" s="53"/>
      <c r="BM1517" s="53"/>
      <c r="BN1517" s="53"/>
      <c r="BO1517" s="53"/>
      <c r="BP1517" s="53"/>
      <c r="BQ1517" s="53"/>
      <c r="BR1517" s="53"/>
      <c r="BS1517" s="53"/>
      <c r="BT1517" s="53"/>
      <c r="BU1517" s="53"/>
      <c r="BV1517" s="53"/>
      <c r="BW1517" s="53"/>
      <c r="BX1517" s="53"/>
      <c r="BY1517" s="53"/>
      <c r="BZ1517" s="53"/>
      <c r="CA1517" s="53"/>
      <c r="CB1517" s="53"/>
      <c r="CC1517" s="53"/>
      <c r="CD1517" s="53"/>
      <c r="CE1517" s="53"/>
      <c r="CF1517" s="53"/>
      <c r="CG1517" s="53"/>
      <c r="CH1517" s="53"/>
      <c r="CI1517" s="53"/>
      <c r="CJ1517" s="53"/>
      <c r="CK1517" s="53"/>
      <c r="CL1517" s="53"/>
      <c r="CM1517" s="53"/>
      <c r="CN1517" s="53"/>
    </row>
    <row r="1518" spans="1:92" outlineLevel="1">
      <c r="A1518" s="52" t="s">
        <v>649</v>
      </c>
      <c r="B1518" s="53">
        <v>463732.38999999902</v>
      </c>
      <c r="C1518" s="53">
        <v>463732.38999999902</v>
      </c>
      <c r="D1518" s="53">
        <v>463732.38999999902</v>
      </c>
      <c r="E1518" s="53">
        <v>463732.38999999902</v>
      </c>
      <c r="F1518" s="53">
        <v>463732.38999999902</v>
      </c>
      <c r="G1518" s="53">
        <v>463732.38999999902</v>
      </c>
      <c r="H1518" s="53">
        <v>463732.38999999902</v>
      </c>
      <c r="I1518" s="53">
        <v>463732.38999999902</v>
      </c>
      <c r="J1518" s="53">
        <v>463732.38999999902</v>
      </c>
      <c r="K1518" s="53">
        <v>463732.38999999902</v>
      </c>
      <c r="L1518" s="53">
        <v>463732.38999999902</v>
      </c>
      <c r="M1518" s="53">
        <v>463732.38999999902</v>
      </c>
      <c r="N1518" s="53">
        <v>5564788.6799999997</v>
      </c>
      <c r="O1518" s="53">
        <v>770478.27166666603</v>
      </c>
      <c r="P1518" s="53">
        <v>770478.27166666603</v>
      </c>
      <c r="Q1518" s="53">
        <v>770478.27166666603</v>
      </c>
      <c r="R1518" s="53">
        <v>770478.27166666603</v>
      </c>
      <c r="S1518" s="53">
        <v>770478.27166666603</v>
      </c>
      <c r="T1518" s="53">
        <v>770478.27166666603</v>
      </c>
      <c r="U1518" s="53">
        <v>770478.27166666603</v>
      </c>
      <c r="V1518" s="53">
        <v>770478.27166666603</v>
      </c>
      <c r="W1518" s="53">
        <v>770478.27166666603</v>
      </c>
      <c r="X1518" s="53">
        <v>770478.27166666603</v>
      </c>
      <c r="Y1518" s="53">
        <v>770478.27166666603</v>
      </c>
      <c r="Z1518" s="53">
        <v>770478.27166666603</v>
      </c>
      <c r="AA1518" s="53">
        <v>9245739.2599999998</v>
      </c>
      <c r="AB1518" s="53">
        <v>6.8306841664404301E-9</v>
      </c>
      <c r="AC1518" s="53">
        <v>6.8306841664404301E-9</v>
      </c>
      <c r="AD1518" s="53">
        <v>6.8306841664404301E-9</v>
      </c>
      <c r="AE1518" s="53">
        <v>6.8306841664404301E-9</v>
      </c>
      <c r="AF1518" s="53">
        <v>6.8306841664404301E-9</v>
      </c>
      <c r="AG1518" s="53">
        <v>6.8306841664404301E-9</v>
      </c>
      <c r="AH1518" s="53">
        <v>6.8306841664404301E-9</v>
      </c>
      <c r="AI1518" s="53">
        <v>6.8306841664404301E-9</v>
      </c>
      <c r="AJ1518" s="53">
        <v>6.8306841664404301E-9</v>
      </c>
      <c r="AK1518" s="53">
        <v>6.8306841664404301E-9</v>
      </c>
      <c r="AL1518" s="53">
        <v>6.8306841664404301E-9</v>
      </c>
      <c r="AM1518" s="53">
        <v>6.8306841664404301E-9</v>
      </c>
      <c r="AN1518" s="53">
        <v>8.1968209997285105E-8</v>
      </c>
      <c r="AO1518" s="53">
        <v>4.9635357552486098E-9</v>
      </c>
      <c r="AP1518" s="53">
        <v>4.9635357552486098E-9</v>
      </c>
      <c r="AQ1518" s="53">
        <v>4.9635357552486098E-9</v>
      </c>
      <c r="AR1518" s="53">
        <v>4.9635357552486098E-9</v>
      </c>
      <c r="AS1518" s="53">
        <v>4.9635357552486098E-9</v>
      </c>
      <c r="AT1518" s="53">
        <v>4.9635357552486098E-9</v>
      </c>
      <c r="AU1518" s="53">
        <v>4.9635357552486098E-9</v>
      </c>
      <c r="AV1518" s="53">
        <v>4.9635357552486098E-9</v>
      </c>
      <c r="AW1518" s="53">
        <v>4.9635357552486098E-9</v>
      </c>
      <c r="AX1518" s="53">
        <v>4.9635357552486098E-9</v>
      </c>
      <c r="AY1518" s="53">
        <v>4.9635357552486098E-9</v>
      </c>
      <c r="AZ1518" s="53">
        <v>4.9635357552486098E-9</v>
      </c>
      <c r="BA1518" s="53">
        <v>5.9562429062983301E-8</v>
      </c>
      <c r="BB1518" s="53">
        <v>-6.4100165504728298E-10</v>
      </c>
      <c r="BC1518" s="53">
        <v>-6.4100165504728298E-10</v>
      </c>
      <c r="BD1518" s="53">
        <v>-6.4100165504728298E-10</v>
      </c>
      <c r="BE1518" s="53">
        <v>-6.4100165504728298E-10</v>
      </c>
      <c r="BF1518" s="53">
        <v>-6.4100165504728298E-10</v>
      </c>
      <c r="BG1518" s="53">
        <v>-6.4100165504728298E-10</v>
      </c>
      <c r="BH1518" s="53">
        <v>-6.4100165504728298E-10</v>
      </c>
      <c r="BI1518" s="53">
        <v>-6.4100165504728298E-10</v>
      </c>
      <c r="BJ1518" s="53">
        <v>-6.4100165504728298E-10</v>
      </c>
      <c r="BK1518" s="53">
        <v>-6.4100165504728298E-10</v>
      </c>
      <c r="BL1518" s="53">
        <v>-6.4100165504728298E-10</v>
      </c>
      <c r="BM1518" s="53">
        <v>-6.4100165504728298E-10</v>
      </c>
      <c r="BN1518" s="53">
        <v>-7.6920198605673903E-9</v>
      </c>
      <c r="BO1518" s="53">
        <v>1.05523271876347E-10</v>
      </c>
      <c r="BP1518" s="53">
        <v>1.05523271876347E-10</v>
      </c>
      <c r="BQ1518" s="53">
        <v>1.05523271876347E-10</v>
      </c>
      <c r="BR1518" s="53">
        <v>1.05523271876347E-10</v>
      </c>
      <c r="BS1518" s="53">
        <v>1.05523271876347E-10</v>
      </c>
      <c r="BT1518" s="53">
        <v>1.05523271876347E-10</v>
      </c>
      <c r="BU1518" s="53">
        <v>1.05523271876347E-10</v>
      </c>
      <c r="BV1518" s="53">
        <v>1.05523271876347E-10</v>
      </c>
      <c r="BW1518" s="53">
        <v>1.05523271876347E-10</v>
      </c>
      <c r="BX1518" s="53">
        <v>1.05523271876347E-10</v>
      </c>
      <c r="BY1518" s="53">
        <v>1.05523271876347E-10</v>
      </c>
      <c r="BZ1518" s="53">
        <v>1.05523271876347E-10</v>
      </c>
      <c r="CA1518" s="53">
        <v>1.26627926251617E-9</v>
      </c>
      <c r="CB1518" s="53"/>
      <c r="CC1518" s="53"/>
      <c r="CD1518" s="53"/>
      <c r="CE1518" s="53"/>
      <c r="CF1518" s="53"/>
      <c r="CG1518" s="53"/>
      <c r="CH1518" s="53"/>
      <c r="CI1518" s="53">
        <v>135781289.63455999</v>
      </c>
      <c r="CJ1518" s="53">
        <v>187269772.34568301</v>
      </c>
      <c r="CK1518" s="53">
        <v>329052477.29803097</v>
      </c>
      <c r="CL1518" s="53">
        <v>128905879.141932</v>
      </c>
      <c r="CM1518" s="53">
        <v>7838809.6437666602</v>
      </c>
      <c r="CN1518" s="53">
        <v>788848228.06397402</v>
      </c>
    </row>
    <row r="1519" spans="1:92" outlineLevel="1">
      <c r="A1519" s="52" t="s">
        <v>778</v>
      </c>
      <c r="B1519" s="53"/>
      <c r="C1519" s="53"/>
      <c r="D1519" s="53"/>
      <c r="E1519" s="53"/>
      <c r="F1519" s="53"/>
      <c r="G1519" s="53"/>
      <c r="H1519" s="53"/>
      <c r="I1519" s="53"/>
      <c r="J1519" s="53"/>
      <c r="K1519" s="53"/>
      <c r="L1519" s="53"/>
      <c r="M1519" s="53"/>
      <c r="N1519" s="53"/>
      <c r="O1519" s="53"/>
      <c r="P1519" s="53"/>
      <c r="Q1519" s="53"/>
      <c r="R1519" s="53"/>
      <c r="S1519" s="53"/>
      <c r="T1519" s="53"/>
      <c r="U1519" s="53"/>
      <c r="V1519" s="53"/>
      <c r="W1519" s="53"/>
      <c r="X1519" s="53"/>
      <c r="Y1519" s="53"/>
      <c r="Z1519" s="53"/>
      <c r="AA1519" s="53"/>
      <c r="AB1519" s="53"/>
      <c r="AC1519" s="53"/>
      <c r="AD1519" s="53"/>
      <c r="AE1519" s="53"/>
      <c r="AF1519" s="53"/>
      <c r="AG1519" s="53"/>
      <c r="AH1519" s="53"/>
      <c r="AI1519" s="53"/>
      <c r="AJ1519" s="53"/>
      <c r="AK1519" s="53"/>
      <c r="AL1519" s="53"/>
      <c r="AM1519" s="53"/>
      <c r="AN1519" s="53"/>
      <c r="AO1519" s="53"/>
      <c r="AP1519" s="53"/>
      <c r="AQ1519" s="53"/>
      <c r="AR1519" s="53"/>
      <c r="AS1519" s="53"/>
      <c r="AT1519" s="53"/>
      <c r="AU1519" s="53"/>
      <c r="AV1519" s="53"/>
      <c r="AW1519" s="53"/>
      <c r="AX1519" s="53"/>
      <c r="AY1519" s="53"/>
      <c r="AZ1519" s="53"/>
      <c r="BA1519" s="53"/>
      <c r="BB1519" s="53"/>
      <c r="BC1519" s="53"/>
      <c r="BD1519" s="53"/>
      <c r="BE1519" s="53"/>
      <c r="BF1519" s="53"/>
      <c r="BG1519" s="53"/>
      <c r="BH1519" s="53"/>
      <c r="BI1519" s="53"/>
      <c r="BJ1519" s="53"/>
      <c r="BK1519" s="53"/>
      <c r="BL1519" s="53"/>
      <c r="BM1519" s="53"/>
      <c r="BN1519" s="53"/>
      <c r="BO1519" s="53"/>
      <c r="BP1519" s="53"/>
      <c r="BQ1519" s="53"/>
      <c r="BR1519" s="53"/>
      <c r="BS1519" s="53"/>
      <c r="BT1519" s="53"/>
      <c r="BU1519" s="53"/>
      <c r="BV1519" s="53"/>
      <c r="BW1519" s="53"/>
      <c r="BX1519" s="53"/>
      <c r="BY1519" s="53"/>
      <c r="BZ1519" s="53"/>
      <c r="CA1519" s="53"/>
      <c r="CB1519" s="53"/>
      <c r="CC1519" s="53"/>
      <c r="CD1519" s="53"/>
      <c r="CE1519" s="53"/>
      <c r="CF1519" s="53"/>
      <c r="CG1519" s="53"/>
      <c r="CH1519" s="53"/>
      <c r="CI1519" s="53"/>
      <c r="CJ1519" s="53"/>
      <c r="CK1519" s="53"/>
      <c r="CL1519" s="53"/>
      <c r="CM1519" s="53"/>
      <c r="CN1519" s="53"/>
    </row>
    <row r="1520" spans="1:92" outlineLevel="1">
      <c r="A1520" s="52" t="s">
        <v>1236</v>
      </c>
      <c r="B1520" s="53"/>
      <c r="C1520" s="53"/>
      <c r="D1520" s="53"/>
      <c r="E1520" s="53"/>
      <c r="F1520" s="53"/>
      <c r="G1520" s="53"/>
      <c r="H1520" s="53"/>
      <c r="I1520" s="53"/>
      <c r="J1520" s="53"/>
      <c r="K1520" s="53"/>
      <c r="L1520" s="53"/>
      <c r="M1520" s="53"/>
      <c r="N1520" s="53"/>
      <c r="O1520" s="53"/>
      <c r="P1520" s="53"/>
      <c r="Q1520" s="53"/>
      <c r="R1520" s="53"/>
      <c r="S1520" s="53"/>
      <c r="T1520" s="53"/>
      <c r="U1520" s="53"/>
      <c r="V1520" s="53"/>
      <c r="W1520" s="53"/>
      <c r="X1520" s="53"/>
      <c r="Y1520" s="53"/>
      <c r="Z1520" s="53"/>
      <c r="AA1520" s="53"/>
      <c r="AB1520" s="53"/>
      <c r="AC1520" s="53"/>
      <c r="AD1520" s="53"/>
      <c r="AE1520" s="53"/>
      <c r="AF1520" s="53"/>
      <c r="AG1520" s="53"/>
      <c r="AH1520" s="53"/>
      <c r="AI1520" s="53"/>
      <c r="AJ1520" s="53"/>
      <c r="AK1520" s="53"/>
      <c r="AL1520" s="53"/>
      <c r="AM1520" s="53"/>
      <c r="AN1520" s="53"/>
      <c r="AO1520" s="53"/>
      <c r="AP1520" s="53"/>
      <c r="AQ1520" s="53"/>
      <c r="AR1520" s="53"/>
      <c r="AS1520" s="53"/>
      <c r="AT1520" s="53"/>
      <c r="AU1520" s="53"/>
      <c r="AV1520" s="53"/>
      <c r="AW1520" s="53"/>
      <c r="AX1520" s="53"/>
      <c r="AY1520" s="53"/>
      <c r="AZ1520" s="53"/>
      <c r="BA1520" s="53"/>
      <c r="BB1520" s="53"/>
      <c r="BC1520" s="53"/>
      <c r="BD1520" s="53"/>
      <c r="BE1520" s="53"/>
      <c r="BF1520" s="53"/>
      <c r="BG1520" s="53"/>
      <c r="BH1520" s="53"/>
      <c r="BI1520" s="53"/>
      <c r="BJ1520" s="53"/>
      <c r="BK1520" s="53"/>
      <c r="BL1520" s="53"/>
      <c r="BM1520" s="53"/>
      <c r="BN1520" s="53"/>
      <c r="BO1520" s="53"/>
      <c r="BP1520" s="53"/>
      <c r="BQ1520" s="53"/>
      <c r="BR1520" s="53"/>
      <c r="BS1520" s="53"/>
      <c r="BT1520" s="53"/>
      <c r="BU1520" s="53"/>
      <c r="BV1520" s="53"/>
      <c r="BW1520" s="53"/>
      <c r="BX1520" s="53"/>
      <c r="BY1520" s="53"/>
      <c r="BZ1520" s="53"/>
      <c r="CA1520" s="53"/>
      <c r="CB1520" s="53">
        <v>31603238.0376059</v>
      </c>
      <c r="CC1520" s="53">
        <v>32546244.852846898</v>
      </c>
      <c r="CD1520" s="53">
        <v>33056917.571814001</v>
      </c>
      <c r="CE1520" s="53">
        <v>33819913.831041798</v>
      </c>
      <c r="CF1520" s="53">
        <v>34766155.657343701</v>
      </c>
      <c r="CG1520" s="53">
        <v>34870152.815458603</v>
      </c>
      <c r="CH1520" s="53">
        <v>35817927.357885003</v>
      </c>
      <c r="CI1520" s="53">
        <v>36767158.1933994</v>
      </c>
      <c r="CJ1520" s="53">
        <v>36882544.603856601</v>
      </c>
      <c r="CK1520" s="53">
        <v>37833299.897772402</v>
      </c>
      <c r="CL1520" s="53">
        <v>38785398.849575698</v>
      </c>
      <c r="CM1520" s="53">
        <v>38694636.710088797</v>
      </c>
      <c r="CN1520" s="53">
        <v>425443588.37868899</v>
      </c>
    </row>
    <row r="1521" spans="1:92" outlineLevel="1">
      <c r="A1521" s="52" t="s">
        <v>1261</v>
      </c>
      <c r="B1521" s="53"/>
      <c r="C1521" s="53"/>
      <c r="D1521" s="53"/>
      <c r="E1521" s="53"/>
      <c r="F1521" s="53"/>
      <c r="G1521" s="53"/>
      <c r="H1521" s="53"/>
      <c r="I1521" s="53"/>
      <c r="J1521" s="53"/>
      <c r="K1521" s="53"/>
      <c r="L1521" s="53"/>
      <c r="M1521" s="53"/>
      <c r="N1521" s="53"/>
      <c r="O1521" s="53"/>
      <c r="P1521" s="53"/>
      <c r="Q1521" s="53"/>
      <c r="R1521" s="53"/>
      <c r="S1521" s="53"/>
      <c r="T1521" s="53"/>
      <c r="U1521" s="53"/>
      <c r="V1521" s="53"/>
      <c r="W1521" s="53"/>
      <c r="X1521" s="53"/>
      <c r="Y1521" s="53"/>
      <c r="Z1521" s="53"/>
      <c r="AA1521" s="53"/>
      <c r="AB1521" s="53"/>
      <c r="AC1521" s="53"/>
      <c r="AD1521" s="53"/>
      <c r="AE1521" s="53"/>
      <c r="AF1521" s="53"/>
      <c r="AG1521" s="53"/>
      <c r="AH1521" s="53"/>
      <c r="AI1521" s="53"/>
      <c r="AJ1521" s="53"/>
      <c r="AK1521" s="53"/>
      <c r="AL1521" s="53"/>
      <c r="AM1521" s="53"/>
      <c r="AN1521" s="53"/>
      <c r="AO1521" s="53"/>
      <c r="AP1521" s="53"/>
      <c r="AQ1521" s="53"/>
      <c r="AR1521" s="53"/>
      <c r="AS1521" s="53"/>
      <c r="AT1521" s="53"/>
      <c r="AU1521" s="53"/>
      <c r="AV1521" s="53"/>
      <c r="AW1521" s="53"/>
      <c r="AX1521" s="53"/>
      <c r="AY1521" s="53"/>
      <c r="AZ1521" s="53"/>
      <c r="BA1521" s="53"/>
      <c r="BB1521" s="53"/>
      <c r="BC1521" s="53"/>
      <c r="BD1521" s="53"/>
      <c r="BE1521" s="53"/>
      <c r="BF1521" s="53"/>
      <c r="BG1521" s="53"/>
      <c r="BH1521" s="53"/>
      <c r="BI1521" s="53"/>
      <c r="BJ1521" s="53"/>
      <c r="BK1521" s="53"/>
      <c r="BL1521" s="53"/>
      <c r="BM1521" s="53"/>
      <c r="BN1521" s="53"/>
      <c r="BO1521" s="53"/>
      <c r="BP1521" s="53"/>
      <c r="BQ1521" s="53"/>
      <c r="BR1521" s="53"/>
      <c r="BS1521" s="53"/>
      <c r="BT1521" s="53"/>
      <c r="BU1521" s="53"/>
      <c r="BV1521" s="53"/>
      <c r="BW1521" s="53"/>
      <c r="BX1521" s="53"/>
      <c r="BY1521" s="53"/>
      <c r="BZ1521" s="53"/>
      <c r="CA1521" s="53"/>
      <c r="CB1521" s="53"/>
      <c r="CC1521" s="53"/>
      <c r="CD1521" s="53"/>
      <c r="CE1521" s="53"/>
      <c r="CF1521" s="53"/>
      <c r="CG1521" s="53"/>
      <c r="CH1521" s="53"/>
      <c r="CI1521" s="53"/>
      <c r="CJ1521" s="53"/>
      <c r="CK1521" s="53"/>
      <c r="CL1521" s="53"/>
      <c r="CM1521" s="53"/>
      <c r="CN1521" s="53"/>
    </row>
    <row r="1522" spans="1:92" outlineLevel="1">
      <c r="A1522" s="52" t="s">
        <v>1262</v>
      </c>
      <c r="B1522" s="53"/>
      <c r="C1522" s="53"/>
      <c r="D1522" s="53"/>
      <c r="E1522" s="53"/>
      <c r="F1522" s="53"/>
      <c r="G1522" s="53"/>
      <c r="H1522" s="53"/>
      <c r="I1522" s="53"/>
      <c r="J1522" s="53"/>
      <c r="K1522" s="53"/>
      <c r="L1522" s="53"/>
      <c r="M1522" s="53"/>
      <c r="N1522" s="53"/>
      <c r="O1522" s="53"/>
      <c r="P1522" s="53"/>
      <c r="Q1522" s="53"/>
      <c r="R1522" s="53"/>
      <c r="S1522" s="53"/>
      <c r="T1522" s="53"/>
      <c r="U1522" s="53"/>
      <c r="V1522" s="53"/>
      <c r="W1522" s="53"/>
      <c r="X1522" s="53"/>
      <c r="Y1522" s="53"/>
      <c r="Z1522" s="53"/>
      <c r="AA1522" s="53"/>
      <c r="AB1522" s="53"/>
      <c r="AC1522" s="53"/>
      <c r="AD1522" s="53"/>
      <c r="AE1522" s="53"/>
      <c r="AF1522" s="53"/>
      <c r="AG1522" s="53"/>
      <c r="AH1522" s="53"/>
      <c r="AI1522" s="53"/>
      <c r="AJ1522" s="53"/>
      <c r="AK1522" s="53"/>
      <c r="AL1522" s="53"/>
      <c r="AM1522" s="53"/>
      <c r="AN1522" s="53"/>
      <c r="AO1522" s="53"/>
      <c r="AP1522" s="53"/>
      <c r="AQ1522" s="53"/>
      <c r="AR1522" s="53"/>
      <c r="AS1522" s="53"/>
      <c r="AT1522" s="53"/>
      <c r="AU1522" s="53"/>
      <c r="AV1522" s="53"/>
      <c r="AW1522" s="53"/>
      <c r="AX1522" s="53"/>
      <c r="AY1522" s="53"/>
      <c r="AZ1522" s="53"/>
      <c r="BA1522" s="53"/>
      <c r="BB1522" s="53"/>
      <c r="BC1522" s="53"/>
      <c r="BD1522" s="53"/>
      <c r="BE1522" s="53"/>
      <c r="BF1522" s="53"/>
      <c r="BG1522" s="53"/>
      <c r="BH1522" s="53"/>
      <c r="BI1522" s="53"/>
      <c r="BJ1522" s="53"/>
      <c r="BK1522" s="53"/>
      <c r="BL1522" s="53"/>
      <c r="BM1522" s="53"/>
      <c r="BN1522" s="53"/>
      <c r="BO1522" s="53"/>
      <c r="BP1522" s="53"/>
      <c r="BQ1522" s="53"/>
      <c r="BR1522" s="53"/>
      <c r="BS1522" s="53"/>
      <c r="BT1522" s="53"/>
      <c r="BU1522" s="53"/>
      <c r="BV1522" s="53"/>
      <c r="BW1522" s="53"/>
      <c r="BX1522" s="53"/>
      <c r="BY1522" s="53"/>
      <c r="BZ1522" s="53"/>
      <c r="CA1522" s="53"/>
      <c r="CB1522" s="53"/>
      <c r="CC1522" s="53"/>
      <c r="CD1522" s="53"/>
      <c r="CE1522" s="53"/>
      <c r="CF1522" s="53"/>
      <c r="CG1522" s="53"/>
      <c r="CH1522" s="53"/>
      <c r="CI1522" s="53"/>
      <c r="CJ1522" s="53"/>
      <c r="CK1522" s="53"/>
      <c r="CL1522" s="53"/>
      <c r="CM1522" s="53"/>
      <c r="CN1522" s="53"/>
    </row>
    <row r="1523" spans="1:92" outlineLevel="1">
      <c r="A1523" s="52" t="s">
        <v>1263</v>
      </c>
      <c r="B1523" s="53"/>
      <c r="C1523" s="53"/>
      <c r="D1523" s="53"/>
      <c r="E1523" s="53"/>
      <c r="F1523" s="53"/>
      <c r="G1523" s="53"/>
      <c r="H1523" s="53"/>
      <c r="I1523" s="53"/>
      <c r="J1523" s="53"/>
      <c r="K1523" s="53"/>
      <c r="L1523" s="53"/>
      <c r="M1523" s="53"/>
      <c r="N1523" s="53"/>
      <c r="O1523" s="53"/>
      <c r="P1523" s="53"/>
      <c r="Q1523" s="53"/>
      <c r="R1523" s="53"/>
      <c r="S1523" s="53"/>
      <c r="T1523" s="53"/>
      <c r="U1523" s="53"/>
      <c r="V1523" s="53"/>
      <c r="W1523" s="53"/>
      <c r="X1523" s="53"/>
      <c r="Y1523" s="53"/>
      <c r="Z1523" s="53"/>
      <c r="AA1523" s="53"/>
      <c r="AB1523" s="53"/>
      <c r="AC1523" s="53"/>
      <c r="AD1523" s="53"/>
      <c r="AE1523" s="53"/>
      <c r="AF1523" s="53"/>
      <c r="AG1523" s="53"/>
      <c r="AH1523" s="53"/>
      <c r="AI1523" s="53"/>
      <c r="AJ1523" s="53"/>
      <c r="AK1523" s="53"/>
      <c r="AL1523" s="53"/>
      <c r="AM1523" s="53"/>
      <c r="AN1523" s="53"/>
      <c r="AO1523" s="53"/>
      <c r="AP1523" s="53"/>
      <c r="AQ1523" s="53"/>
      <c r="AR1523" s="53"/>
      <c r="AS1523" s="53"/>
      <c r="AT1523" s="53"/>
      <c r="AU1523" s="53"/>
      <c r="AV1523" s="53"/>
      <c r="AW1523" s="53"/>
      <c r="AX1523" s="53"/>
      <c r="AY1523" s="53"/>
      <c r="AZ1523" s="53"/>
      <c r="BA1523" s="53"/>
      <c r="BB1523" s="53"/>
      <c r="BC1523" s="53"/>
      <c r="BD1523" s="53"/>
      <c r="BE1523" s="53"/>
      <c r="BF1523" s="53"/>
      <c r="BG1523" s="53"/>
      <c r="BH1523" s="53"/>
      <c r="BI1523" s="53"/>
      <c r="BJ1523" s="53"/>
      <c r="BK1523" s="53"/>
      <c r="BL1523" s="53"/>
      <c r="BM1523" s="53"/>
      <c r="BN1523" s="53"/>
      <c r="BO1523" s="53"/>
      <c r="BP1523" s="53"/>
      <c r="BQ1523" s="53"/>
      <c r="BR1523" s="53"/>
      <c r="BS1523" s="53"/>
      <c r="BT1523" s="53"/>
      <c r="BU1523" s="53"/>
      <c r="BV1523" s="53"/>
      <c r="BW1523" s="53"/>
      <c r="BX1523" s="53"/>
      <c r="BY1523" s="53"/>
      <c r="BZ1523" s="53"/>
      <c r="CA1523" s="53"/>
      <c r="CB1523" s="53"/>
      <c r="CC1523" s="53"/>
      <c r="CD1523" s="53">
        <v>437500</v>
      </c>
      <c r="CE1523" s="53"/>
      <c r="CF1523" s="53"/>
      <c r="CG1523" s="53"/>
      <c r="CH1523" s="53"/>
      <c r="CI1523" s="53"/>
      <c r="CJ1523" s="53"/>
      <c r="CK1523" s="53"/>
      <c r="CL1523" s="53"/>
      <c r="CM1523" s="53"/>
      <c r="CN1523" s="53">
        <v>437500</v>
      </c>
    </row>
    <row r="1524" spans="1:92" outlineLevel="1">
      <c r="A1524" s="52" t="s">
        <v>1264</v>
      </c>
      <c r="B1524" s="53">
        <v>-17359939.089818299</v>
      </c>
      <c r="C1524" s="53">
        <v>-18877880.788452599</v>
      </c>
      <c r="D1524" s="53">
        <v>-19999235.590780701</v>
      </c>
      <c r="E1524" s="53">
        <v>-20108108.2657477</v>
      </c>
      <c r="F1524" s="53">
        <v>-19355087.734903298</v>
      </c>
      <c r="G1524" s="53">
        <v>-19590932.5542612</v>
      </c>
      <c r="H1524" s="53">
        <v>-20706712.231226999</v>
      </c>
      <c r="I1524" s="53">
        <v>-20544834.2012976</v>
      </c>
      <c r="J1524" s="53">
        <v>-19330009.272897899</v>
      </c>
      <c r="K1524" s="53">
        <v>-21946085.499559201</v>
      </c>
      <c r="L1524" s="53">
        <v>-17578816.790139101</v>
      </c>
      <c r="M1524" s="53">
        <v>-20813689.1806468</v>
      </c>
      <c r="N1524" s="53">
        <v>-236211331.19973201</v>
      </c>
      <c r="O1524" s="53">
        <v>-19366722.667056601</v>
      </c>
      <c r="P1524" s="53">
        <v>-20875512.712237801</v>
      </c>
      <c r="Q1524" s="53">
        <v>-22096702.886351898</v>
      </c>
      <c r="R1524" s="53">
        <v>-22204331.104499899</v>
      </c>
      <c r="S1524" s="53">
        <v>-21370958.482499901</v>
      </c>
      <c r="T1524" s="53">
        <v>-21629541.123</v>
      </c>
      <c r="U1524" s="53">
        <v>-22859644.769142799</v>
      </c>
      <c r="V1524" s="53">
        <v>-22678685.1599693</v>
      </c>
      <c r="W1524" s="53">
        <v>-21334059.797540799</v>
      </c>
      <c r="X1524" s="53">
        <v>-24216582.1093469</v>
      </c>
      <c r="Y1524" s="53">
        <v>-19394481.515999898</v>
      </c>
      <c r="Z1524" s="53">
        <v>-22959514.1159999</v>
      </c>
      <c r="AA1524" s="53">
        <v>-260986736.44364601</v>
      </c>
      <c r="AB1524" s="53">
        <v>-21006425.4705</v>
      </c>
      <c r="AC1524" s="53">
        <v>-21482076.475499999</v>
      </c>
      <c r="AD1524" s="53">
        <v>-22626487.696499899</v>
      </c>
      <c r="AE1524" s="53">
        <v>-22665844.885499999</v>
      </c>
      <c r="AF1524" s="53">
        <v>-21810667.582499899</v>
      </c>
      <c r="AG1524" s="53">
        <v>-22069707.5114999</v>
      </c>
      <c r="AH1524" s="53">
        <v>-23319563.153785702</v>
      </c>
      <c r="AI1524" s="53">
        <v>-23130725.9519387</v>
      </c>
      <c r="AJ1524" s="53">
        <v>-21758241.509081598</v>
      </c>
      <c r="AK1524" s="53">
        <v>-24696869.578193799</v>
      </c>
      <c r="AL1524" s="53">
        <v>-19778478.982499901</v>
      </c>
      <c r="AM1524" s="53">
        <v>-23413194.979499899</v>
      </c>
      <c r="AN1524" s="53">
        <v>-267758283.776999</v>
      </c>
      <c r="AO1524" s="53">
        <v>-21420719.638499901</v>
      </c>
      <c r="AP1524" s="53">
        <v>-21904963.010999899</v>
      </c>
      <c r="AQ1524" s="53">
        <v>-23071010.339999899</v>
      </c>
      <c r="AR1524" s="53">
        <v>-23110191.1124999</v>
      </c>
      <c r="AS1524" s="53">
        <v>-22237428.433499999</v>
      </c>
      <c r="AT1524" s="53">
        <v>-22500647.204999998</v>
      </c>
      <c r="AU1524" s="53">
        <v>-23773926.134999901</v>
      </c>
      <c r="AV1524" s="53">
        <v>-23580706.2968571</v>
      </c>
      <c r="AW1524" s="53">
        <v>-22181668.920857102</v>
      </c>
      <c r="AX1524" s="53">
        <v>-25177718.0592857</v>
      </c>
      <c r="AY1524" s="53">
        <v>-20163743.858999901</v>
      </c>
      <c r="AZ1524" s="53">
        <v>-23869489.844999898</v>
      </c>
      <c r="BA1524" s="53">
        <v>-272992212.85649902</v>
      </c>
      <c r="BB1524" s="53">
        <v>-21838373.688000001</v>
      </c>
      <c r="BC1524" s="53">
        <v>-22332242.653499998</v>
      </c>
      <c r="BD1524" s="53">
        <v>-23521228.982999999</v>
      </c>
      <c r="BE1524" s="53">
        <v>-23561378.365499899</v>
      </c>
      <c r="BF1524" s="53">
        <v>-22671747.679499902</v>
      </c>
      <c r="BG1524" s="53">
        <v>-22940281.355999999</v>
      </c>
      <c r="BH1524" s="53">
        <v>-24238618.383214202</v>
      </c>
      <c r="BI1524" s="53">
        <v>-24041731.6770612</v>
      </c>
      <c r="BJ1524" s="53">
        <v>-22615237.248918299</v>
      </c>
      <c r="BK1524" s="53">
        <v>-25669699.668306101</v>
      </c>
      <c r="BL1524" s="53">
        <v>-20557641.689999901</v>
      </c>
      <c r="BM1524" s="53">
        <v>-24335627.431499999</v>
      </c>
      <c r="BN1524" s="53">
        <v>-278323808.82449901</v>
      </c>
      <c r="BO1524" s="53">
        <v>-22264705.885499999</v>
      </c>
      <c r="BP1524" s="53">
        <v>-22768076.566500001</v>
      </c>
      <c r="BQ1524" s="53">
        <v>-23980109.588999901</v>
      </c>
      <c r="BR1524" s="53">
        <v>-24020865.535499901</v>
      </c>
      <c r="BS1524" s="53">
        <v>-23113731.27</v>
      </c>
      <c r="BT1524" s="53">
        <v>-23387326.2449999</v>
      </c>
      <c r="BU1524" s="53">
        <v>-24710778.923999902</v>
      </c>
      <c r="BV1524" s="53">
        <v>-24509943.456428502</v>
      </c>
      <c r="BW1524" s="53">
        <v>-23055804.870428499</v>
      </c>
      <c r="BX1524" s="53">
        <v>-26169962.196642801</v>
      </c>
      <c r="BY1524" s="53">
        <v>-20958399.0974999</v>
      </c>
      <c r="BZ1524" s="53">
        <v>-24810205.868999999</v>
      </c>
      <c r="CA1524" s="53">
        <v>-283749909.50550002</v>
      </c>
      <c r="CB1524" s="53"/>
      <c r="CC1524" s="53"/>
      <c r="CD1524" s="53"/>
      <c r="CE1524" s="53"/>
      <c r="CF1524" s="53"/>
      <c r="CG1524" s="53"/>
      <c r="CH1524" s="53"/>
      <c r="CI1524" s="53"/>
      <c r="CJ1524" s="53"/>
      <c r="CK1524" s="53"/>
      <c r="CL1524" s="53"/>
      <c r="CM1524" s="53"/>
      <c r="CN1524" s="53"/>
    </row>
    <row r="1525" spans="1:92" outlineLevel="1">
      <c r="A1525" s="52" t="s">
        <v>1265</v>
      </c>
      <c r="B1525" s="53">
        <v>-250.8</v>
      </c>
      <c r="C1525" s="53">
        <v>-256.08</v>
      </c>
      <c r="D1525" s="53">
        <v>-269.27999999999997</v>
      </c>
      <c r="E1525" s="53">
        <v>-269.27999999999997</v>
      </c>
      <c r="F1525" s="53">
        <v>-258.72000000000003</v>
      </c>
      <c r="G1525" s="53">
        <v>-261.35999999999899</v>
      </c>
      <c r="H1525" s="53">
        <v>-275.69142857142799</v>
      </c>
      <c r="I1525" s="53">
        <v>-272.99755102040803</v>
      </c>
      <c r="J1525" s="53">
        <v>-256.40326530612202</v>
      </c>
      <c r="K1525" s="53">
        <v>-290.50775510203999</v>
      </c>
      <c r="L1525" s="53">
        <v>-232.32</v>
      </c>
      <c r="M1525" s="53">
        <v>-274.55999999999898</v>
      </c>
      <c r="N1525" s="53">
        <v>-3168</v>
      </c>
      <c r="O1525" s="53">
        <v>-198</v>
      </c>
      <c r="P1525" s="53">
        <v>-26.4</v>
      </c>
      <c r="Q1525" s="53">
        <v>-10.56</v>
      </c>
      <c r="R1525" s="53"/>
      <c r="S1525" s="53"/>
      <c r="T1525" s="53"/>
      <c r="U1525" s="53"/>
      <c r="V1525" s="53"/>
      <c r="W1525" s="53"/>
      <c r="X1525" s="53"/>
      <c r="Y1525" s="53"/>
      <c r="Z1525" s="53"/>
      <c r="AA1525" s="53">
        <v>-234.96</v>
      </c>
      <c r="AB1525" s="53"/>
      <c r="AC1525" s="53"/>
      <c r="AD1525" s="53"/>
      <c r="AE1525" s="53"/>
      <c r="AF1525" s="53"/>
      <c r="AG1525" s="53"/>
      <c r="AH1525" s="53"/>
      <c r="AI1525" s="53"/>
      <c r="AJ1525" s="53"/>
      <c r="AK1525" s="53"/>
      <c r="AL1525" s="53"/>
      <c r="AM1525" s="53"/>
      <c r="AN1525" s="53"/>
      <c r="AO1525" s="53"/>
      <c r="AP1525" s="53"/>
      <c r="AQ1525" s="53"/>
      <c r="AR1525" s="53"/>
      <c r="AS1525" s="53"/>
      <c r="AT1525" s="53"/>
      <c r="AU1525" s="53"/>
      <c r="AV1525" s="53"/>
      <c r="AW1525" s="53"/>
      <c r="AX1525" s="53"/>
      <c r="AY1525" s="53"/>
      <c r="AZ1525" s="53"/>
      <c r="BA1525" s="53"/>
      <c r="BB1525" s="53"/>
      <c r="BC1525" s="53"/>
      <c r="BD1525" s="53"/>
      <c r="BE1525" s="53"/>
      <c r="BF1525" s="53"/>
      <c r="BG1525" s="53"/>
      <c r="BH1525" s="53"/>
      <c r="BI1525" s="53"/>
      <c r="BJ1525" s="53"/>
      <c r="BK1525" s="53"/>
      <c r="BL1525" s="53"/>
      <c r="BM1525" s="53"/>
      <c r="BN1525" s="53"/>
      <c r="BO1525" s="53"/>
      <c r="BP1525" s="53"/>
      <c r="BQ1525" s="53"/>
      <c r="BR1525" s="53"/>
      <c r="BS1525" s="53"/>
      <c r="BT1525" s="53"/>
      <c r="BU1525" s="53"/>
      <c r="BV1525" s="53"/>
      <c r="BW1525" s="53"/>
      <c r="BX1525" s="53"/>
      <c r="BY1525" s="53"/>
      <c r="BZ1525" s="53"/>
      <c r="CA1525" s="53"/>
      <c r="CB1525" s="53"/>
      <c r="CC1525" s="53"/>
      <c r="CD1525" s="53"/>
      <c r="CE1525" s="53">
        <v>337500</v>
      </c>
      <c r="CF1525" s="53"/>
      <c r="CG1525" s="53"/>
      <c r="CH1525" s="53"/>
      <c r="CI1525" s="53"/>
      <c r="CJ1525" s="53"/>
      <c r="CK1525" s="53"/>
      <c r="CL1525" s="53"/>
      <c r="CM1525" s="53"/>
      <c r="CN1525" s="53">
        <v>337500</v>
      </c>
    </row>
    <row r="1526" spans="1:92" outlineLevel="1">
      <c r="A1526" s="52" t="s">
        <v>1238</v>
      </c>
      <c r="B1526" s="53"/>
      <c r="C1526" s="53"/>
      <c r="D1526" s="53"/>
      <c r="E1526" s="53"/>
      <c r="F1526" s="53"/>
      <c r="G1526" s="53"/>
      <c r="H1526" s="53"/>
      <c r="I1526" s="53"/>
      <c r="J1526" s="53"/>
      <c r="K1526" s="53"/>
      <c r="L1526" s="53"/>
      <c r="M1526" s="53"/>
      <c r="N1526" s="53"/>
      <c r="O1526" s="53"/>
      <c r="P1526" s="53"/>
      <c r="Q1526" s="53"/>
      <c r="R1526" s="53"/>
      <c r="S1526" s="53"/>
      <c r="T1526" s="53"/>
      <c r="U1526" s="53"/>
      <c r="V1526" s="53"/>
      <c r="W1526" s="53"/>
      <c r="X1526" s="53"/>
      <c r="Y1526" s="53"/>
      <c r="Z1526" s="53"/>
      <c r="AA1526" s="53"/>
      <c r="AB1526" s="53"/>
      <c r="AC1526" s="53"/>
      <c r="AD1526" s="53"/>
      <c r="AE1526" s="53"/>
      <c r="AF1526" s="53"/>
      <c r="AG1526" s="53"/>
      <c r="AH1526" s="53"/>
      <c r="AI1526" s="53"/>
      <c r="AJ1526" s="53"/>
      <c r="AK1526" s="53"/>
      <c r="AL1526" s="53"/>
      <c r="AM1526" s="53"/>
      <c r="AN1526" s="53"/>
      <c r="AO1526" s="53"/>
      <c r="AP1526" s="53"/>
      <c r="AQ1526" s="53"/>
      <c r="AR1526" s="53"/>
      <c r="AS1526" s="53"/>
      <c r="AT1526" s="53"/>
      <c r="AU1526" s="53"/>
      <c r="AV1526" s="53"/>
      <c r="AW1526" s="53"/>
      <c r="AX1526" s="53"/>
      <c r="AY1526" s="53"/>
      <c r="AZ1526" s="53"/>
      <c r="BA1526" s="53"/>
      <c r="BB1526" s="53"/>
      <c r="BC1526" s="53"/>
      <c r="BD1526" s="53"/>
      <c r="BE1526" s="53"/>
      <c r="BF1526" s="53"/>
      <c r="BG1526" s="53"/>
      <c r="BH1526" s="53"/>
      <c r="BI1526" s="53"/>
      <c r="BJ1526" s="53"/>
      <c r="BK1526" s="53"/>
      <c r="BL1526" s="53"/>
      <c r="BM1526" s="53"/>
      <c r="BN1526" s="53"/>
      <c r="BO1526" s="53"/>
      <c r="BP1526" s="53"/>
      <c r="BQ1526" s="53"/>
      <c r="BR1526" s="53"/>
      <c r="BS1526" s="53"/>
      <c r="BT1526" s="53"/>
      <c r="BU1526" s="53"/>
      <c r="BV1526" s="53"/>
      <c r="BW1526" s="53"/>
      <c r="BX1526" s="53"/>
      <c r="BY1526" s="53"/>
      <c r="BZ1526" s="53"/>
      <c r="CA1526" s="53"/>
      <c r="CB1526" s="53"/>
      <c r="CC1526" s="53"/>
      <c r="CD1526" s="53"/>
      <c r="CE1526" s="53"/>
      <c r="CF1526" s="53"/>
      <c r="CG1526" s="53"/>
      <c r="CH1526" s="53"/>
      <c r="CI1526" s="53"/>
      <c r="CJ1526" s="53"/>
      <c r="CK1526" s="53"/>
      <c r="CL1526" s="53"/>
      <c r="CM1526" s="53"/>
      <c r="CN1526" s="53"/>
    </row>
    <row r="1527" spans="1:92" outlineLevel="1">
      <c r="A1527" s="52" t="s">
        <v>1261</v>
      </c>
      <c r="B1527" s="53">
        <v>-35833419.965693399</v>
      </c>
      <c r="C1527" s="53">
        <v>-37335077.3251746</v>
      </c>
      <c r="D1527" s="53">
        <v>-38578274.963325702</v>
      </c>
      <c r="E1527" s="53">
        <v>-43732381.780357197</v>
      </c>
      <c r="F1527" s="53">
        <v>-45415296.929751001</v>
      </c>
      <c r="G1527" s="53">
        <v>-49685235.890136696</v>
      </c>
      <c r="H1527" s="53">
        <v>-54485874.176458202</v>
      </c>
      <c r="I1527" s="53">
        <v>-55660025.676018499</v>
      </c>
      <c r="J1527" s="53">
        <v>-52139555.1837686</v>
      </c>
      <c r="K1527" s="53">
        <v>-55327731.122124001</v>
      </c>
      <c r="L1527" s="53">
        <v>-40650691.7382873</v>
      </c>
      <c r="M1527" s="53">
        <v>-43576742.566139899</v>
      </c>
      <c r="N1527" s="53">
        <v>-552420307.31723499</v>
      </c>
      <c r="O1527" s="53">
        <v>-43585558.450341001</v>
      </c>
      <c r="P1527" s="53">
        <v>-54186718.484494701</v>
      </c>
      <c r="Q1527" s="53">
        <v>-44414297.516844504</v>
      </c>
      <c r="R1527" s="53">
        <v>-45793138.718396902</v>
      </c>
      <c r="S1527" s="53">
        <v>-46430722.9761663</v>
      </c>
      <c r="T1527" s="53">
        <v>-51047668.571521498</v>
      </c>
      <c r="U1527" s="53">
        <v>-54923111.987704903</v>
      </c>
      <c r="V1527" s="53">
        <v>-58866073.098152503</v>
      </c>
      <c r="W1527" s="53">
        <v>-61516566.868992202</v>
      </c>
      <c r="X1527" s="53">
        <v>-57062809.6939153</v>
      </c>
      <c r="Y1527" s="53">
        <v>-42932457.901245303</v>
      </c>
      <c r="Z1527" s="53">
        <v>-44547819.671386398</v>
      </c>
      <c r="AA1527" s="53">
        <v>-605306943.93916094</v>
      </c>
      <c r="AB1527" s="53">
        <v>-44593560.594113402</v>
      </c>
      <c r="AC1527" s="53">
        <v>-55076256.603010103</v>
      </c>
      <c r="AD1527" s="53">
        <v>-44892045.631248198</v>
      </c>
      <c r="AE1527" s="53">
        <v>-45668783.491442502</v>
      </c>
      <c r="AF1527" s="53">
        <v>-46599918.637905203</v>
      </c>
      <c r="AG1527" s="53">
        <v>-51610956.767013498</v>
      </c>
      <c r="AH1527" s="53">
        <v>-55547578.187567502</v>
      </c>
      <c r="AI1527" s="53">
        <v>-59438682.296991803</v>
      </c>
      <c r="AJ1527" s="53">
        <v>-62333786.984302998</v>
      </c>
      <c r="AK1527" s="53">
        <v>-57696064.3989738</v>
      </c>
      <c r="AL1527" s="53">
        <v>-43166512.484590501</v>
      </c>
      <c r="AM1527" s="53">
        <v>-44414629.300017998</v>
      </c>
      <c r="AN1527" s="53">
        <v>-611038775.377177</v>
      </c>
      <c r="AO1527" s="53">
        <v>-44385067.1977024</v>
      </c>
      <c r="AP1527" s="53">
        <v>-54603207.714410797</v>
      </c>
      <c r="AQ1527" s="53">
        <v>-43680962.007158197</v>
      </c>
      <c r="AR1527" s="53">
        <v>-45907467.087740801</v>
      </c>
      <c r="AS1527" s="53">
        <v>-46825264.069624603</v>
      </c>
      <c r="AT1527" s="53">
        <v>-52054523.041789703</v>
      </c>
      <c r="AU1527" s="53">
        <v>-56028189.395715997</v>
      </c>
      <c r="AV1527" s="53">
        <v>-60223843.127523199</v>
      </c>
      <c r="AW1527" s="53">
        <v>-62920083.9965363</v>
      </c>
      <c r="AX1527" s="53">
        <v>-58294039.100521304</v>
      </c>
      <c r="AY1527" s="53">
        <v>-43160499.755432397</v>
      </c>
      <c r="AZ1527" s="53">
        <v>-44686558.9432275</v>
      </c>
      <c r="BA1527" s="53">
        <v>-612769705.43738306</v>
      </c>
      <c r="BB1527" s="53">
        <v>-44577109.036670901</v>
      </c>
      <c r="BC1527" s="53">
        <v>-54872051.073246501</v>
      </c>
      <c r="BD1527" s="53">
        <v>-44329166.783008002</v>
      </c>
      <c r="BE1527" s="53">
        <v>-46227189.869008698</v>
      </c>
      <c r="BF1527" s="53">
        <v>-47139269.088123001</v>
      </c>
      <c r="BG1527" s="53">
        <v>-52358517.427905299</v>
      </c>
      <c r="BH1527" s="53">
        <v>-56699848.658984102</v>
      </c>
      <c r="BI1527" s="53">
        <v>-60777422.642735697</v>
      </c>
      <c r="BJ1527" s="53">
        <v>-63437475.835789502</v>
      </c>
      <c r="BK1527" s="53">
        <v>-59015203.151133597</v>
      </c>
      <c r="BL1527" s="53">
        <v>-43826669.6605727</v>
      </c>
      <c r="BM1527" s="53">
        <v>-44925425.898474403</v>
      </c>
      <c r="BN1527" s="53">
        <v>-618185349.12565196</v>
      </c>
      <c r="BO1527" s="53">
        <v>-44873235.337700397</v>
      </c>
      <c r="BP1527" s="53">
        <v>-54942242.325894497</v>
      </c>
      <c r="BQ1527" s="53">
        <v>-44384649.998617597</v>
      </c>
      <c r="BR1527" s="53">
        <v>-46161080.634572104</v>
      </c>
      <c r="BS1527" s="53">
        <v>-47113428.931624398</v>
      </c>
      <c r="BT1527" s="53">
        <v>-52661516.023336701</v>
      </c>
      <c r="BU1527" s="53">
        <v>-57161230.511903301</v>
      </c>
      <c r="BV1527" s="53">
        <v>-61228468.642005399</v>
      </c>
      <c r="BW1527" s="53">
        <v>-63836018.857780099</v>
      </c>
      <c r="BX1527" s="53">
        <v>-59484554.869651698</v>
      </c>
      <c r="BY1527" s="53">
        <v>-44164716.952122003</v>
      </c>
      <c r="BZ1527" s="53">
        <v>-45359692.9774829</v>
      </c>
      <c r="CA1527" s="53">
        <v>-621370836.06269097</v>
      </c>
      <c r="CB1527" s="53"/>
      <c r="CC1527" s="53"/>
      <c r="CD1527" s="53"/>
      <c r="CE1527" s="53"/>
      <c r="CF1527" s="53"/>
      <c r="CG1527" s="53"/>
      <c r="CH1527" s="53"/>
      <c r="CI1527" s="53"/>
      <c r="CJ1527" s="53"/>
      <c r="CK1527" s="53"/>
      <c r="CL1527" s="53"/>
      <c r="CM1527" s="53"/>
      <c r="CN1527" s="53"/>
    </row>
    <row r="1528" spans="1:92" outlineLevel="1">
      <c r="A1528" s="52" t="s">
        <v>1262</v>
      </c>
      <c r="B1528" s="53">
        <v>-8659878.2111340202</v>
      </c>
      <c r="C1528" s="53">
        <v>-8355623.3244918901</v>
      </c>
      <c r="D1528" s="53">
        <v>-8967980.3751117196</v>
      </c>
      <c r="E1528" s="53">
        <v>-9077851.3581020702</v>
      </c>
      <c r="F1528" s="53">
        <v>-9286321.1037489902</v>
      </c>
      <c r="G1528" s="53">
        <v>-9929539.5232666805</v>
      </c>
      <c r="H1528" s="53">
        <v>-9983959.7768100407</v>
      </c>
      <c r="I1528" s="53">
        <v>-9699349.1396242902</v>
      </c>
      <c r="J1528" s="53">
        <v>-9176888.1065155491</v>
      </c>
      <c r="K1528" s="53">
        <v>-10730491.255589901</v>
      </c>
      <c r="L1528" s="53">
        <v>-8548852.3437493704</v>
      </c>
      <c r="M1528" s="53">
        <v>-10215183.3162928</v>
      </c>
      <c r="N1528" s="53">
        <v>-112631917.834437</v>
      </c>
      <c r="O1528" s="53">
        <v>-8146230.9046978801</v>
      </c>
      <c r="P1528" s="53">
        <v>-6728729.0327937501</v>
      </c>
      <c r="Q1528" s="53">
        <v>-8226557.7732544104</v>
      </c>
      <c r="R1528" s="53">
        <v>-9327014.2027629092</v>
      </c>
      <c r="S1528" s="53">
        <v>-9641727.6607531495</v>
      </c>
      <c r="T1528" s="53">
        <v>-10699986.819682701</v>
      </c>
      <c r="U1528" s="53">
        <v>-9454777.8357465602</v>
      </c>
      <c r="V1528" s="53">
        <v>-9152451.2519369498</v>
      </c>
      <c r="W1528" s="53">
        <v>-8825836.8178707398</v>
      </c>
      <c r="X1528" s="53">
        <v>-9172844.8865717109</v>
      </c>
      <c r="Y1528" s="53">
        <v>-6906815.6089095203</v>
      </c>
      <c r="Z1528" s="53">
        <v>-7502447.6168505503</v>
      </c>
      <c r="AA1528" s="53">
        <v>-103785420.41182999</v>
      </c>
      <c r="AB1528" s="53">
        <v>-7083761.18507089</v>
      </c>
      <c r="AC1528" s="53">
        <v>-6552424.6132201599</v>
      </c>
      <c r="AD1528" s="53">
        <v>-8274853.4236278096</v>
      </c>
      <c r="AE1528" s="53">
        <v>-9374973.0924604591</v>
      </c>
      <c r="AF1528" s="53">
        <v>-9698627.5352318808</v>
      </c>
      <c r="AG1528" s="53">
        <v>-10763620.333509499</v>
      </c>
      <c r="AH1528" s="53">
        <v>-9511289.16829882</v>
      </c>
      <c r="AI1528" s="53">
        <v>-9208001.5253405292</v>
      </c>
      <c r="AJ1528" s="53">
        <v>-8878000.6392491907</v>
      </c>
      <c r="AK1528" s="53">
        <v>-9233401.4055009708</v>
      </c>
      <c r="AL1528" s="53">
        <v>-6955163.0496762404</v>
      </c>
      <c r="AM1528" s="53">
        <v>-7557262.6525602303</v>
      </c>
      <c r="AN1528" s="53">
        <v>-103091378.62374599</v>
      </c>
      <c r="AO1528" s="53">
        <v>-7137708.6589984102</v>
      </c>
      <c r="AP1528" s="53">
        <v>-6577621.1093542101</v>
      </c>
      <c r="AQ1528" s="53">
        <v>-8248541.5314477095</v>
      </c>
      <c r="AR1528" s="53">
        <v>-9409792.5836294796</v>
      </c>
      <c r="AS1528" s="53">
        <v>-9727805.3016330898</v>
      </c>
      <c r="AT1528" s="53">
        <v>-10796728.3297584</v>
      </c>
      <c r="AU1528" s="53">
        <v>-9545467.8917988501</v>
      </c>
      <c r="AV1528" s="53">
        <v>-9241799.3403679896</v>
      </c>
      <c r="AW1528" s="53">
        <v>-8910445.2299594004</v>
      </c>
      <c r="AX1528" s="53">
        <v>-9267050.9054935891</v>
      </c>
      <c r="AY1528" s="53">
        <v>-6981956.9711368699</v>
      </c>
      <c r="AZ1528" s="53">
        <v>-7588154.0670653898</v>
      </c>
      <c r="BA1528" s="53">
        <v>-103433071.920643</v>
      </c>
      <c r="BB1528" s="53">
        <v>-7165681.9184153201</v>
      </c>
      <c r="BC1528" s="53">
        <v>-6604830.2525950503</v>
      </c>
      <c r="BD1528" s="53">
        <v>-8280375.6232824801</v>
      </c>
      <c r="BE1528" s="53">
        <v>-9442429.6138889492</v>
      </c>
      <c r="BF1528" s="53">
        <v>-9755987.0636243597</v>
      </c>
      <c r="BG1528" s="53">
        <v>-10826386.071132399</v>
      </c>
      <c r="BH1528" s="53">
        <v>-9577264.3784104697</v>
      </c>
      <c r="BI1528" s="53">
        <v>-9274734.1806887705</v>
      </c>
      <c r="BJ1528" s="53">
        <v>-8943525.3697367907</v>
      </c>
      <c r="BK1528" s="53">
        <v>-9303522.0407217909</v>
      </c>
      <c r="BL1528" s="53">
        <v>-7012523.2251861701</v>
      </c>
      <c r="BM1528" s="53">
        <v>-7625314.6325213797</v>
      </c>
      <c r="BN1528" s="53">
        <v>-103812574.370204</v>
      </c>
      <c r="BO1528" s="53">
        <v>-7200465.6916119298</v>
      </c>
      <c r="BP1528" s="53">
        <v>-6639058.5694790799</v>
      </c>
      <c r="BQ1528" s="53">
        <v>-8320777.1362973396</v>
      </c>
      <c r="BR1528" s="53">
        <v>-9484836.5702921003</v>
      </c>
      <c r="BS1528" s="53">
        <v>-9794227.1962826904</v>
      </c>
      <c r="BT1528" s="53">
        <v>-10868782.5990272</v>
      </c>
      <c r="BU1528" s="53">
        <v>-9624612.11212622</v>
      </c>
      <c r="BV1528" s="53">
        <v>-9324678.1157143004</v>
      </c>
      <c r="BW1528" s="53">
        <v>-8994048.2946130391</v>
      </c>
      <c r="BX1528" s="53">
        <v>-9359981.8499752209</v>
      </c>
      <c r="BY1528" s="53">
        <v>-7060455.5721890097</v>
      </c>
      <c r="BZ1528" s="53">
        <v>-7683883.5058196001</v>
      </c>
      <c r="CA1528" s="53">
        <v>-104355807.21342701</v>
      </c>
      <c r="CB1528" s="53"/>
      <c r="CC1528" s="53"/>
      <c r="CD1528" s="53"/>
      <c r="CE1528" s="53"/>
      <c r="CF1528" s="53"/>
      <c r="CG1528" s="53"/>
      <c r="CH1528" s="53"/>
      <c r="CI1528" s="53"/>
      <c r="CJ1528" s="53"/>
      <c r="CK1528" s="53"/>
      <c r="CL1528" s="53"/>
      <c r="CM1528" s="53"/>
      <c r="CN1528" s="53"/>
    </row>
    <row r="1529" spans="1:92" outlineLevel="1">
      <c r="A1529" s="52" t="s">
        <v>1266</v>
      </c>
      <c r="B1529" s="53">
        <v>-50512.2504303436</v>
      </c>
      <c r="C1529" s="53">
        <v>-50571.0602741365</v>
      </c>
      <c r="D1529" s="53">
        <v>-53107.844963198397</v>
      </c>
      <c r="E1529" s="53">
        <v>-53243.701755727998</v>
      </c>
      <c r="F1529" s="53">
        <v>-51648.218763725599</v>
      </c>
      <c r="G1529" s="53">
        <v>-52073.904250096297</v>
      </c>
      <c r="H1529" s="53">
        <v>-54859.3296169358</v>
      </c>
      <c r="I1529" s="53">
        <v>-54260.093643056898</v>
      </c>
      <c r="J1529" s="53">
        <v>-50995.503797079196</v>
      </c>
      <c r="K1529" s="53">
        <v>-57816.733480540199</v>
      </c>
      <c r="L1529" s="53">
        <v>-46318.923758021701</v>
      </c>
      <c r="M1529" s="53">
        <v>-54742.246357219301</v>
      </c>
      <c r="N1529" s="53">
        <v>-630149.81109008205</v>
      </c>
      <c r="O1529" s="53">
        <v>-61471.648100884297</v>
      </c>
      <c r="P1529" s="53">
        <v>-100011.682850609</v>
      </c>
      <c r="Q1529" s="53">
        <v>-103460.60427828399</v>
      </c>
      <c r="R1529" s="53">
        <v>-100915.992685598</v>
      </c>
      <c r="S1529" s="53">
        <v>-103876.820056371</v>
      </c>
      <c r="T1529" s="53">
        <v>-104556.87293569899</v>
      </c>
      <c r="U1529" s="53">
        <v>-112104.03066204301</v>
      </c>
      <c r="V1529" s="53">
        <v>-110403.77793783</v>
      </c>
      <c r="W1529" s="53">
        <v>-101695.465710276</v>
      </c>
      <c r="X1529" s="53">
        <v>-115638.012257375</v>
      </c>
      <c r="Y1529" s="53">
        <v>-93068.316216483203</v>
      </c>
      <c r="Z1529" s="53">
        <v>-111589.98408186799</v>
      </c>
      <c r="AA1529" s="53">
        <v>-1218793.2077733199</v>
      </c>
      <c r="AB1529" s="53">
        <v>-103674.621385265</v>
      </c>
      <c r="AC1529" s="53">
        <v>-100676.200027268</v>
      </c>
      <c r="AD1529" s="53">
        <v>-100837.360441789</v>
      </c>
      <c r="AE1529" s="53">
        <v>-96365.385455118507</v>
      </c>
      <c r="AF1529" s="53">
        <v>-99549.414066590398</v>
      </c>
      <c r="AG1529" s="53">
        <v>-100565.037090542</v>
      </c>
      <c r="AH1529" s="53">
        <v>-108198.74215041799</v>
      </c>
      <c r="AI1529" s="53">
        <v>-106901.86352329901</v>
      </c>
      <c r="AJ1529" s="53">
        <v>-98746.425120097003</v>
      </c>
      <c r="AK1529" s="53">
        <v>-112632.38088890701</v>
      </c>
      <c r="AL1529" s="53">
        <v>-90856.327888692205</v>
      </c>
      <c r="AM1529" s="53">
        <v>-109209.37818106799</v>
      </c>
      <c r="AN1529" s="53">
        <v>-1228213.13621905</v>
      </c>
      <c r="AO1529" s="53">
        <v>-101682.83817585</v>
      </c>
      <c r="AP1529" s="53">
        <v>-98937.517053966905</v>
      </c>
      <c r="AQ1529" s="53">
        <v>-99288.529140535902</v>
      </c>
      <c r="AR1529" s="53">
        <v>-95076.200136052998</v>
      </c>
      <c r="AS1529" s="53">
        <v>-98375.963826755804</v>
      </c>
      <c r="AT1529" s="53">
        <v>-99540.269498962603</v>
      </c>
      <c r="AU1529" s="53">
        <v>-107260.644928931</v>
      </c>
      <c r="AV1529" s="53">
        <v>-106125.711227801</v>
      </c>
      <c r="AW1529" s="53">
        <v>-98149.974513386696</v>
      </c>
      <c r="AX1529" s="53">
        <v>-112102.738700407</v>
      </c>
      <c r="AY1529" s="53">
        <v>-90518.534563313093</v>
      </c>
      <c r="AZ1529" s="53">
        <v>-108920.00861338701</v>
      </c>
      <c r="BA1529" s="53">
        <v>-1215978.93037935</v>
      </c>
      <c r="BB1529" s="53">
        <v>-101507.511082935</v>
      </c>
      <c r="BC1529" s="53">
        <v>-98850.451383530904</v>
      </c>
      <c r="BD1529" s="53">
        <v>-99282.980515057498</v>
      </c>
      <c r="BE1529" s="53">
        <v>-95151.333504323105</v>
      </c>
      <c r="BF1529" s="53">
        <v>-98520.447213638196</v>
      </c>
      <c r="BG1529" s="53">
        <v>-99753.920367253406</v>
      </c>
      <c r="BH1529" s="53">
        <v>-107559.80875122899</v>
      </c>
      <c r="BI1529" s="53">
        <v>-106484.222605441</v>
      </c>
      <c r="BJ1529" s="53">
        <v>-98531.379153656904</v>
      </c>
      <c r="BK1529" s="53">
        <v>-112600.43939743</v>
      </c>
      <c r="BL1529" s="53">
        <v>-90956.890294655605</v>
      </c>
      <c r="BM1529" s="53">
        <v>-109495.19136564501</v>
      </c>
      <c r="BN1529" s="53">
        <v>-1218694.5756347899</v>
      </c>
      <c r="BO1529" s="53">
        <v>-102081.674254328</v>
      </c>
      <c r="BP1529" s="53">
        <v>-99442.979860508</v>
      </c>
      <c r="BQ1529" s="53">
        <v>-99910.859913111795</v>
      </c>
      <c r="BR1529" s="53">
        <v>-95785.324411086898</v>
      </c>
      <c r="BS1529" s="53">
        <v>-99203.423113143697</v>
      </c>
      <c r="BT1529" s="53">
        <v>-100471.734262395</v>
      </c>
      <c r="BU1529" s="53">
        <v>-108360.60041377701</v>
      </c>
      <c r="BV1529" s="53">
        <v>-107301.15040052</v>
      </c>
      <c r="BW1529" s="53">
        <v>-99306.340492591102</v>
      </c>
      <c r="BX1529" s="53">
        <v>-113509.457304218</v>
      </c>
      <c r="BY1529" s="53">
        <v>-91705.0539046169</v>
      </c>
      <c r="BZ1529" s="53">
        <v>-110413.311548713</v>
      </c>
      <c r="CA1529" s="53">
        <v>-1227491.9098790099</v>
      </c>
      <c r="CB1529" s="53"/>
      <c r="CC1529" s="53"/>
      <c r="CD1529" s="53"/>
      <c r="CE1529" s="53"/>
      <c r="CF1529" s="53"/>
      <c r="CG1529" s="53"/>
      <c r="CH1529" s="53"/>
      <c r="CI1529" s="53"/>
      <c r="CJ1529" s="53"/>
      <c r="CK1529" s="53"/>
      <c r="CL1529" s="53"/>
      <c r="CM1529" s="53"/>
      <c r="CN1529" s="53"/>
    </row>
    <row r="1530" spans="1:92" outlineLevel="1">
      <c r="A1530" s="52" t="s">
        <v>1263</v>
      </c>
      <c r="B1530" s="53">
        <v>-9692509.1434391402</v>
      </c>
      <c r="C1530" s="53">
        <v>-9836075.0835206099</v>
      </c>
      <c r="D1530" s="53">
        <v>-10657661.7620652</v>
      </c>
      <c r="E1530" s="53">
        <v>-11027538.390344501</v>
      </c>
      <c r="F1530" s="53">
        <v>-11328544.497295801</v>
      </c>
      <c r="G1530" s="53">
        <v>-12510225.253610499</v>
      </c>
      <c r="H1530" s="53">
        <v>-13123003.9230798</v>
      </c>
      <c r="I1530" s="53">
        <v>-12464908.6311845</v>
      </c>
      <c r="J1530" s="53">
        <v>-12048091.770978499</v>
      </c>
      <c r="K1530" s="53">
        <v>-14078019.349103799</v>
      </c>
      <c r="L1530" s="53">
        <v>-10531989.289309001</v>
      </c>
      <c r="M1530" s="53">
        <v>-11362652.1387362</v>
      </c>
      <c r="N1530" s="53">
        <v>-138661219.23266801</v>
      </c>
      <c r="O1530" s="53">
        <v>-10532890.070170101</v>
      </c>
      <c r="P1530" s="53">
        <v>-12225238.2688327</v>
      </c>
      <c r="Q1530" s="53">
        <v>-12054268.3683125</v>
      </c>
      <c r="R1530" s="53">
        <v>-11490991.926020499</v>
      </c>
      <c r="S1530" s="53">
        <v>-11848703.547599601</v>
      </c>
      <c r="T1530" s="53">
        <v>-12884499.6100566</v>
      </c>
      <c r="U1530" s="53">
        <v>-13577029.3509693</v>
      </c>
      <c r="V1530" s="53">
        <v>-13300319.2172173</v>
      </c>
      <c r="W1530" s="53">
        <v>-12473967.699011</v>
      </c>
      <c r="X1530" s="53">
        <v>-14366615.143689699</v>
      </c>
      <c r="Y1530" s="53">
        <v>-10954446.396882899</v>
      </c>
      <c r="Z1530" s="53">
        <v>-11900165.448494099</v>
      </c>
      <c r="AA1530" s="53">
        <v>-147609135.04725599</v>
      </c>
      <c r="AB1530" s="53">
        <v>-11151947.3681744</v>
      </c>
      <c r="AC1530" s="53">
        <v>-12273479.411761699</v>
      </c>
      <c r="AD1530" s="53">
        <v>-12076268.018150499</v>
      </c>
      <c r="AE1530" s="53">
        <v>-11471837.938852699</v>
      </c>
      <c r="AF1530" s="53">
        <v>-11830225.303221099</v>
      </c>
      <c r="AG1530" s="53">
        <v>-12864314.541095801</v>
      </c>
      <c r="AH1530" s="53">
        <v>-13554639.290858399</v>
      </c>
      <c r="AI1530" s="53">
        <v>-13277090.877534101</v>
      </c>
      <c r="AJ1530" s="53">
        <v>-12450525.034866299</v>
      </c>
      <c r="AK1530" s="53">
        <v>-14341653.6958673</v>
      </c>
      <c r="AL1530" s="53">
        <v>-10934413.8246287</v>
      </c>
      <c r="AM1530" s="53">
        <v>-11874690.486543899</v>
      </c>
      <c r="AN1530" s="53">
        <v>-148101085.79155499</v>
      </c>
      <c r="AO1530" s="53">
        <v>-11122656.9198949</v>
      </c>
      <c r="AP1530" s="53">
        <v>-12233215.1888311</v>
      </c>
      <c r="AQ1530" s="53">
        <v>-12029368.066102499</v>
      </c>
      <c r="AR1530" s="53">
        <v>-11441699.6726512</v>
      </c>
      <c r="AS1530" s="53">
        <v>-11801996.934342301</v>
      </c>
      <c r="AT1530" s="53">
        <v>-12835138.7629</v>
      </c>
      <c r="AU1530" s="53">
        <v>-13522375.791543201</v>
      </c>
      <c r="AV1530" s="53">
        <v>-13243756.376744499</v>
      </c>
      <c r="AW1530" s="53">
        <v>-12417071.495544201</v>
      </c>
      <c r="AX1530" s="53">
        <v>-14306722.840195</v>
      </c>
      <c r="AY1530" s="53">
        <v>-10906706.056787699</v>
      </c>
      <c r="AZ1530" s="53">
        <v>-11839386.2902504</v>
      </c>
      <c r="BA1530" s="53">
        <v>-147700094.395787</v>
      </c>
      <c r="BB1530" s="53">
        <v>-11087332.196148699</v>
      </c>
      <c r="BC1530" s="53">
        <v>-12204862.247265</v>
      </c>
      <c r="BD1530" s="53">
        <v>-12002799.7104133</v>
      </c>
      <c r="BE1530" s="53">
        <v>-11420861.607514801</v>
      </c>
      <c r="BF1530" s="53">
        <v>-11782310.303900899</v>
      </c>
      <c r="BG1530" s="53">
        <v>-12814393.2014405</v>
      </c>
      <c r="BH1530" s="53">
        <v>-13499392.7337931</v>
      </c>
      <c r="BI1530" s="53">
        <v>-13219938.4719841</v>
      </c>
      <c r="BJ1530" s="53">
        <v>-12393139.390766799</v>
      </c>
      <c r="BK1530" s="53">
        <v>-14281576.845895</v>
      </c>
      <c r="BL1530" s="53">
        <v>-10886728.964469001</v>
      </c>
      <c r="BM1530" s="53">
        <v>-11814016.9823338</v>
      </c>
      <c r="BN1530" s="53">
        <v>-147407352.65592501</v>
      </c>
      <c r="BO1530" s="53">
        <v>-11060474.9472128</v>
      </c>
      <c r="BP1530" s="53">
        <v>-12177639.4624121</v>
      </c>
      <c r="BQ1530" s="53">
        <v>-11976554.5843064</v>
      </c>
      <c r="BR1530" s="53">
        <v>-11399593.8876394</v>
      </c>
      <c r="BS1530" s="53">
        <v>-11761945.1294361</v>
      </c>
      <c r="BT1530" s="53">
        <v>-12792720.520373801</v>
      </c>
      <c r="BU1530" s="53">
        <v>-13475257.3995778</v>
      </c>
      <c r="BV1530" s="53">
        <v>-13194832.533572899</v>
      </c>
      <c r="BW1530" s="53">
        <v>-12367787.338492701</v>
      </c>
      <c r="BX1530" s="53">
        <v>-14254442.829213601</v>
      </c>
      <c r="BY1530" s="53">
        <v>-10864898.9822072</v>
      </c>
      <c r="BZ1530" s="53">
        <v>-11786242.471875601</v>
      </c>
      <c r="CA1530" s="53">
        <v>-147112390.086321</v>
      </c>
      <c r="CB1530" s="53"/>
      <c r="CC1530" s="53"/>
      <c r="CD1530" s="53"/>
      <c r="CE1530" s="53"/>
      <c r="CF1530" s="53"/>
      <c r="CG1530" s="53"/>
      <c r="CH1530" s="53"/>
      <c r="CI1530" s="53"/>
      <c r="CJ1530" s="53"/>
      <c r="CK1530" s="53"/>
      <c r="CL1530" s="53"/>
      <c r="CM1530" s="53"/>
      <c r="CN1530" s="53"/>
    </row>
    <row r="1531" spans="1:92" outlineLevel="1">
      <c r="A1531" s="52" t="s">
        <v>1264</v>
      </c>
      <c r="B1531" s="53">
        <v>-96476917.299643606</v>
      </c>
      <c r="C1531" s="53">
        <v>-102045461.45875099</v>
      </c>
      <c r="D1531" s="53">
        <v>-96194070.7930222</v>
      </c>
      <c r="E1531" s="53">
        <v>-98397542.251211703</v>
      </c>
      <c r="F1531" s="53">
        <v>-102586776.90828399</v>
      </c>
      <c r="G1531" s="53">
        <v>-125758792.652539</v>
      </c>
      <c r="H1531" s="53">
        <v>-151733935.37013501</v>
      </c>
      <c r="I1531" s="53">
        <v>-162406715.18274999</v>
      </c>
      <c r="J1531" s="53">
        <v>-149973568.23335901</v>
      </c>
      <c r="K1531" s="53">
        <v>-151976340.81050199</v>
      </c>
      <c r="L1531" s="53">
        <v>-102763902.112174</v>
      </c>
      <c r="M1531" s="53">
        <v>-104672701.968393</v>
      </c>
      <c r="N1531" s="53">
        <v>-1444986725.04076</v>
      </c>
      <c r="O1531" s="53">
        <v>-111904963.086228</v>
      </c>
      <c r="P1531" s="53">
        <v>-147772271.166365</v>
      </c>
      <c r="Q1531" s="53">
        <v>-101422918.980101</v>
      </c>
      <c r="R1531" s="53">
        <v>-93165444.739720598</v>
      </c>
      <c r="S1531" s="53">
        <v>-95654729.063668206</v>
      </c>
      <c r="T1531" s="53">
        <v>-119321925.559071</v>
      </c>
      <c r="U1531" s="53">
        <v>-144784852.48529401</v>
      </c>
      <c r="V1531" s="53">
        <v>-164792817.679405</v>
      </c>
      <c r="W1531" s="53">
        <v>-172878743.82465401</v>
      </c>
      <c r="X1531" s="53">
        <v>-146128259.27547199</v>
      </c>
      <c r="Y1531" s="53">
        <v>-96585241.359138906</v>
      </c>
      <c r="Z1531" s="53">
        <v>-96660571.778990999</v>
      </c>
      <c r="AA1531" s="53">
        <v>-1491072738.9981101</v>
      </c>
      <c r="AB1531" s="53">
        <v>-115067595.634261</v>
      </c>
      <c r="AC1531" s="53">
        <v>-149772259.97396499</v>
      </c>
      <c r="AD1531" s="53">
        <v>-104862649.812287</v>
      </c>
      <c r="AE1531" s="53">
        <v>-94398686.352270201</v>
      </c>
      <c r="AF1531" s="53">
        <v>-97149812.205328196</v>
      </c>
      <c r="AG1531" s="53">
        <v>-122429195.35957199</v>
      </c>
      <c r="AH1531" s="53">
        <v>-149689549.894595</v>
      </c>
      <c r="AI1531" s="53">
        <v>-170449828.11737499</v>
      </c>
      <c r="AJ1531" s="53">
        <v>-178157094.162512</v>
      </c>
      <c r="AK1531" s="53">
        <v>-150890181.13051099</v>
      </c>
      <c r="AL1531" s="53">
        <v>-99149126.257414907</v>
      </c>
      <c r="AM1531" s="53">
        <v>-98639412.543214902</v>
      </c>
      <c r="AN1531" s="53">
        <v>-1530655391.4433</v>
      </c>
      <c r="AO1531" s="53">
        <v>-116729791.55898701</v>
      </c>
      <c r="AP1531" s="53">
        <v>-149203402.68706301</v>
      </c>
      <c r="AQ1531" s="53">
        <v>-101981816.449955</v>
      </c>
      <c r="AR1531" s="53">
        <v>-93160910.043833494</v>
      </c>
      <c r="AS1531" s="53">
        <v>-96055077.787432</v>
      </c>
      <c r="AT1531" s="53">
        <v>-121928005.79379199</v>
      </c>
      <c r="AU1531" s="53">
        <v>-149827469.33423001</v>
      </c>
      <c r="AV1531" s="53">
        <v>-170885098.52526</v>
      </c>
      <c r="AW1531" s="53">
        <v>-178660816.28900501</v>
      </c>
      <c r="AX1531" s="53">
        <v>-151232744.77643001</v>
      </c>
      <c r="AY1531" s="53">
        <v>-99147117.385742098</v>
      </c>
      <c r="AZ1531" s="53">
        <v>-98486080.895389602</v>
      </c>
      <c r="BA1531" s="53">
        <v>-1527298331.5271201</v>
      </c>
      <c r="BB1531" s="53">
        <v>-116630185.74033201</v>
      </c>
      <c r="BC1531" s="53">
        <v>-148721100.58808899</v>
      </c>
      <c r="BD1531" s="53">
        <v>-101049495.32373901</v>
      </c>
      <c r="BE1531" s="53">
        <v>-91950719.469027907</v>
      </c>
      <c r="BF1531" s="53">
        <v>-94933651.318914905</v>
      </c>
      <c r="BG1531" s="53">
        <v>-121242838.03173999</v>
      </c>
      <c r="BH1531" s="53">
        <v>-149758642.19441101</v>
      </c>
      <c r="BI1531" s="53">
        <v>-171102458.67176801</v>
      </c>
      <c r="BJ1531" s="53">
        <v>-178959666.090415</v>
      </c>
      <c r="BK1531" s="53">
        <v>-151367076.80569801</v>
      </c>
      <c r="BL1531" s="53">
        <v>-99002172.9160579</v>
      </c>
      <c r="BM1531" s="53">
        <v>-98176815.488043606</v>
      </c>
      <c r="BN1531" s="53">
        <v>-1522894822.6382401</v>
      </c>
      <c r="BO1531" s="53">
        <v>-116387532.008775</v>
      </c>
      <c r="BP1531" s="53">
        <v>-148208717.232678</v>
      </c>
      <c r="BQ1531" s="53">
        <v>-100272687.38721099</v>
      </c>
      <c r="BR1531" s="53">
        <v>-90953121.302162394</v>
      </c>
      <c r="BS1531" s="53">
        <v>-94047172.657816306</v>
      </c>
      <c r="BT1531" s="53">
        <v>-120663347.10967299</v>
      </c>
      <c r="BU1531" s="53">
        <v>-149701062.85348299</v>
      </c>
      <c r="BV1531" s="53">
        <v>-171329816.44545799</v>
      </c>
      <c r="BW1531" s="53">
        <v>-179350816.37101001</v>
      </c>
      <c r="BX1531" s="53">
        <v>-151864069.12317899</v>
      </c>
      <c r="BY1531" s="53">
        <v>-99346209.107069105</v>
      </c>
      <c r="BZ1531" s="53">
        <v>-98592801.923969105</v>
      </c>
      <c r="CA1531" s="53">
        <v>-1520717353.52248</v>
      </c>
      <c r="CB1531" s="53">
        <v>3372083.3333333302</v>
      </c>
      <c r="CC1531" s="53">
        <v>3372083.3333333302</v>
      </c>
      <c r="CD1531" s="53">
        <v>3372083.3333333302</v>
      </c>
      <c r="CE1531" s="53">
        <v>3372083.3333333302</v>
      </c>
      <c r="CF1531" s="53">
        <v>3372083.3333333302</v>
      </c>
      <c r="CG1531" s="53">
        <v>3372083.3333333302</v>
      </c>
      <c r="CH1531" s="53">
        <v>3372083.3333333302</v>
      </c>
      <c r="CI1531" s="53">
        <v>3372083.3333333302</v>
      </c>
      <c r="CJ1531" s="53">
        <v>3372083.3333333302</v>
      </c>
      <c r="CK1531" s="53">
        <v>3372083.3333333302</v>
      </c>
      <c r="CL1531" s="53">
        <v>3372083.3333333302</v>
      </c>
      <c r="CM1531" s="53">
        <v>3372083.3333333302</v>
      </c>
      <c r="CN1531" s="53">
        <v>40465000</v>
      </c>
    </row>
    <row r="1532" spans="1:92" outlineLevel="1">
      <c r="A1532" s="52" t="s">
        <v>1265</v>
      </c>
      <c r="B1532" s="53">
        <v>-40989.333897333301</v>
      </c>
      <c r="C1532" s="53">
        <v>-51461.0068124666</v>
      </c>
      <c r="D1532" s="53">
        <v>-52361.075346866601</v>
      </c>
      <c r="E1532" s="53">
        <v>-53624.643471199997</v>
      </c>
      <c r="F1532" s="53">
        <v>-42455.585434499997</v>
      </c>
      <c r="G1532" s="53">
        <v>-42713.329882833299</v>
      </c>
      <c r="H1532" s="53">
        <v>-43959.938177333301</v>
      </c>
      <c r="I1532" s="53">
        <v>-44514.124054514199</v>
      </c>
      <c r="J1532" s="53">
        <v>-41544.399010980902</v>
      </c>
      <c r="K1532" s="53">
        <v>-46507.527975771402</v>
      </c>
      <c r="L1532" s="53">
        <v>-37578.942248400002</v>
      </c>
      <c r="M1532" s="53">
        <v>-46863.1654896666</v>
      </c>
      <c r="N1532" s="53">
        <v>-544573.07180186606</v>
      </c>
      <c r="O1532" s="53">
        <v>-55562.231896266603</v>
      </c>
      <c r="P1532" s="53">
        <v>-68845.913075000004</v>
      </c>
      <c r="Q1532" s="53">
        <v>-70258.811712466602</v>
      </c>
      <c r="R1532" s="53">
        <v>-73135.611565600004</v>
      </c>
      <c r="S1532" s="53">
        <v>-62115.926134499998</v>
      </c>
      <c r="T1532" s="53">
        <v>-63102.252982833299</v>
      </c>
      <c r="U1532" s="53">
        <v>-65183.862077333302</v>
      </c>
      <c r="V1532" s="53">
        <v>-65995.634811657103</v>
      </c>
      <c r="W1532" s="53">
        <v>-61590.137068123797</v>
      </c>
      <c r="X1532" s="53">
        <v>-68946.494561485699</v>
      </c>
      <c r="Y1532" s="53">
        <v>-55712.645948400001</v>
      </c>
      <c r="Z1532" s="53">
        <v>-67583.686989666603</v>
      </c>
      <c r="AA1532" s="53">
        <v>-778033.20882333303</v>
      </c>
      <c r="AB1532" s="53">
        <v>-64145.551396266601</v>
      </c>
      <c r="AC1532" s="53">
        <v>-46326.759274999997</v>
      </c>
      <c r="AD1532" s="53">
        <v>-45764.158512466602</v>
      </c>
      <c r="AE1532" s="53">
        <v>-45523.985965599997</v>
      </c>
      <c r="AF1532" s="53">
        <v>-40691.097334500002</v>
      </c>
      <c r="AG1532" s="53">
        <v>-41553.027382833301</v>
      </c>
      <c r="AH1532" s="53">
        <v>-43037.158877333299</v>
      </c>
      <c r="AI1532" s="53">
        <v>-43580.145325942802</v>
      </c>
      <c r="AJ1532" s="53">
        <v>-40672.845182409503</v>
      </c>
      <c r="AK1532" s="53">
        <v>-45531.920732914201</v>
      </c>
      <c r="AL1532" s="53">
        <v>-36790.520348400001</v>
      </c>
      <c r="AM1532" s="53">
        <v>-43771.652589666599</v>
      </c>
      <c r="AN1532" s="53">
        <v>-537388.82292333303</v>
      </c>
      <c r="AO1532" s="53">
        <v>-43186.473796266597</v>
      </c>
      <c r="AP1532" s="53">
        <v>-43774.1432749999</v>
      </c>
      <c r="AQ1532" s="53">
        <v>-43823.248512466598</v>
      </c>
      <c r="AR1532" s="53">
        <v>-45739.5863656</v>
      </c>
      <c r="AS1532" s="53">
        <v>-40849.3425345</v>
      </c>
      <c r="AT1532" s="53">
        <v>-41768.195782833303</v>
      </c>
      <c r="AU1532" s="53">
        <v>-43257.1843630476</v>
      </c>
      <c r="AV1532" s="53">
        <v>-43802.841179003997</v>
      </c>
      <c r="AW1532" s="53">
        <v>-40880.656578327798</v>
      </c>
      <c r="AX1532" s="53">
        <v>-45764.542398220401</v>
      </c>
      <c r="AY1532" s="53">
        <v>-36978.5099483999</v>
      </c>
      <c r="AZ1532" s="53">
        <v>-44016.853389666598</v>
      </c>
      <c r="BA1532" s="53">
        <v>-513841.57812333299</v>
      </c>
      <c r="BB1532" s="53">
        <v>-43653.436996266602</v>
      </c>
      <c r="BC1532" s="53">
        <v>-44802.101674999998</v>
      </c>
      <c r="BD1532" s="53">
        <v>-44901.776112466599</v>
      </c>
      <c r="BE1532" s="53">
        <v>-46897.400365599999</v>
      </c>
      <c r="BF1532" s="53">
        <v>-41872.480534499999</v>
      </c>
      <c r="BG1532" s="53">
        <v>-42812.933782833301</v>
      </c>
      <c r="BH1532" s="53">
        <v>-44338.344077333299</v>
      </c>
      <c r="BI1532" s="53">
        <v>-44897.122525942803</v>
      </c>
      <c r="BJ1532" s="53">
        <v>-41901.798782409503</v>
      </c>
      <c r="BK1532" s="53">
        <v>-46907.597132914198</v>
      </c>
      <c r="BL1532" s="53">
        <v>-37902.2519484</v>
      </c>
      <c r="BM1532" s="53">
        <v>-45121.279389666597</v>
      </c>
      <c r="BN1532" s="53">
        <v>-526008.52332333301</v>
      </c>
      <c r="BO1532" s="53">
        <v>-44775.382996266599</v>
      </c>
      <c r="BP1532" s="53">
        <v>-46002.543275000004</v>
      </c>
      <c r="BQ1532" s="53">
        <v>-46108.948512466603</v>
      </c>
      <c r="BR1532" s="53">
        <v>-48159.391165599998</v>
      </c>
      <c r="BS1532" s="53">
        <v>-42991.820134499998</v>
      </c>
      <c r="BT1532" s="53">
        <v>-43956.441382833298</v>
      </c>
      <c r="BU1532" s="53">
        <v>-45521.929448761897</v>
      </c>
      <c r="BV1532" s="53">
        <v>-46095.072632065298</v>
      </c>
      <c r="BW1532" s="53">
        <v>-43019.680774246197</v>
      </c>
      <c r="BX1532" s="53">
        <v>-48158.941263526503</v>
      </c>
      <c r="BY1532" s="53">
        <v>-38913.506348399897</v>
      </c>
      <c r="BZ1532" s="53">
        <v>-45379.6441896666</v>
      </c>
      <c r="CA1532" s="53">
        <v>-539083.30212333298</v>
      </c>
      <c r="CB1532" s="53"/>
      <c r="CC1532" s="53"/>
      <c r="CD1532" s="53"/>
      <c r="CE1532" s="53"/>
      <c r="CF1532" s="53"/>
      <c r="CG1532" s="53"/>
      <c r="CH1532" s="53"/>
      <c r="CI1532" s="53"/>
      <c r="CJ1532" s="53"/>
      <c r="CK1532" s="53"/>
      <c r="CL1532" s="53"/>
      <c r="CM1532" s="53"/>
      <c r="CN1532" s="53"/>
    </row>
    <row r="1533" spans="1:92" outlineLevel="1">
      <c r="A1533" s="52" t="s">
        <v>1239</v>
      </c>
      <c r="B1533" s="53"/>
      <c r="C1533" s="53"/>
      <c r="D1533" s="53"/>
      <c r="E1533" s="53"/>
      <c r="F1533" s="53"/>
      <c r="G1533" s="53"/>
      <c r="H1533" s="53"/>
      <c r="I1533" s="53"/>
      <c r="J1533" s="53"/>
      <c r="K1533" s="53"/>
      <c r="L1533" s="53"/>
      <c r="M1533" s="53"/>
      <c r="N1533" s="53"/>
      <c r="O1533" s="53"/>
      <c r="P1533" s="53"/>
      <c r="Q1533" s="53"/>
      <c r="R1533" s="53"/>
      <c r="S1533" s="53"/>
      <c r="T1533" s="53"/>
      <c r="U1533" s="53"/>
      <c r="V1533" s="53"/>
      <c r="W1533" s="53"/>
      <c r="X1533" s="53"/>
      <c r="Y1533" s="53"/>
      <c r="Z1533" s="53"/>
      <c r="AA1533" s="53"/>
      <c r="AB1533" s="53"/>
      <c r="AC1533" s="53"/>
      <c r="AD1533" s="53"/>
      <c r="AE1533" s="53"/>
      <c r="AF1533" s="53"/>
      <c r="AG1533" s="53"/>
      <c r="AH1533" s="53"/>
      <c r="AI1533" s="53"/>
      <c r="AJ1533" s="53"/>
      <c r="AK1533" s="53"/>
      <c r="AL1533" s="53"/>
      <c r="AM1533" s="53"/>
      <c r="AN1533" s="53"/>
      <c r="AO1533" s="53"/>
      <c r="AP1533" s="53"/>
      <c r="AQ1533" s="53"/>
      <c r="AR1533" s="53"/>
      <c r="AS1533" s="53"/>
      <c r="AT1533" s="53"/>
      <c r="AU1533" s="53"/>
      <c r="AV1533" s="53"/>
      <c r="AW1533" s="53"/>
      <c r="AX1533" s="53"/>
      <c r="AY1533" s="53"/>
      <c r="AZ1533" s="53"/>
      <c r="BA1533" s="53"/>
      <c r="BB1533" s="53"/>
      <c r="BC1533" s="53"/>
      <c r="BD1533" s="53"/>
      <c r="BE1533" s="53"/>
      <c r="BF1533" s="53"/>
      <c r="BG1533" s="53"/>
      <c r="BH1533" s="53"/>
      <c r="BI1533" s="53"/>
      <c r="BJ1533" s="53"/>
      <c r="BK1533" s="53"/>
      <c r="BL1533" s="53"/>
      <c r="BM1533" s="53"/>
      <c r="BN1533" s="53"/>
      <c r="BO1533" s="53"/>
      <c r="BP1533" s="53"/>
      <c r="BQ1533" s="53"/>
      <c r="BR1533" s="53"/>
      <c r="BS1533" s="53"/>
      <c r="BT1533" s="53"/>
      <c r="BU1533" s="53"/>
      <c r="BV1533" s="53"/>
      <c r="BW1533" s="53"/>
      <c r="BX1533" s="53"/>
      <c r="BY1533" s="53"/>
      <c r="BZ1533" s="53"/>
      <c r="CA1533" s="53"/>
      <c r="CB1533" s="53"/>
      <c r="CC1533" s="53"/>
      <c r="CD1533" s="53"/>
      <c r="CE1533" s="53"/>
      <c r="CF1533" s="53"/>
      <c r="CG1533" s="53"/>
      <c r="CH1533" s="53"/>
      <c r="CI1533" s="53"/>
      <c r="CJ1533" s="53"/>
      <c r="CK1533" s="53"/>
      <c r="CL1533" s="53"/>
      <c r="CM1533" s="53"/>
      <c r="CN1533" s="53"/>
    </row>
    <row r="1534" spans="1:92" outlineLevel="1">
      <c r="A1534" s="52" t="s">
        <v>1265</v>
      </c>
      <c r="B1534" s="53">
        <v>-6534007.9419999998</v>
      </c>
      <c r="C1534" s="53">
        <v>-7459982.6091999998</v>
      </c>
      <c r="D1534" s="53">
        <v>-7928995.5271999901</v>
      </c>
      <c r="E1534" s="53">
        <v>-7830215.5271999901</v>
      </c>
      <c r="F1534" s="53">
        <v>-7060061.1928000003</v>
      </c>
      <c r="G1534" s="53">
        <v>-7096284.7763999999</v>
      </c>
      <c r="H1534" s="53">
        <v>-7555268.5159428502</v>
      </c>
      <c r="I1534" s="53">
        <v>-7489726.0836979598</v>
      </c>
      <c r="J1534" s="53">
        <v>-7037840.7010693802</v>
      </c>
      <c r="K1534" s="53">
        <v>-7973951.8932897896</v>
      </c>
      <c r="L1534" s="53">
        <v>-6376795.3568000002</v>
      </c>
      <c r="M1534" s="53">
        <v>-7702532.6943999901</v>
      </c>
      <c r="N1534" s="53">
        <v>-88045662.819999993</v>
      </c>
      <c r="O1534" s="53">
        <v>-6714370.4419999998</v>
      </c>
      <c r="P1534" s="53">
        <v>-4342880.1091999998</v>
      </c>
      <c r="Q1534" s="53">
        <v>-4346460.5271999901</v>
      </c>
      <c r="R1534" s="53">
        <v>-4068590.5271999999</v>
      </c>
      <c r="S1534" s="53">
        <v>-3512106.1927999998</v>
      </c>
      <c r="T1534" s="53">
        <v>-3507917.2763999999</v>
      </c>
      <c r="U1534" s="53">
        <v>-3718191.7302285698</v>
      </c>
      <c r="V1534" s="53">
        <v>-3685173.07349387</v>
      </c>
      <c r="W1534" s="53">
        <v>-3462520.5480081602</v>
      </c>
      <c r="X1534" s="53">
        <v>-3923074.3422693801</v>
      </c>
      <c r="Y1534" s="53">
        <v>-3137295.3568000002</v>
      </c>
      <c r="Z1534" s="53">
        <v>-3850272.6943999999</v>
      </c>
      <c r="AA1534" s="53">
        <v>-48268852.82</v>
      </c>
      <c r="AB1534" s="53">
        <v>-3702992.9419999998</v>
      </c>
      <c r="AC1534" s="53">
        <v>-3163630.1091999998</v>
      </c>
      <c r="AD1534" s="53">
        <v>-3288260.5271999999</v>
      </c>
      <c r="AE1534" s="53">
        <v>-3207740.5271999999</v>
      </c>
      <c r="AF1534" s="53">
        <v>-2949636.1927999998</v>
      </c>
      <c r="AG1534" s="53">
        <v>-2972172.2763999999</v>
      </c>
      <c r="AH1534" s="53">
        <v>-3167131.0159428502</v>
      </c>
      <c r="AI1534" s="53">
        <v>-3139635.01226938</v>
      </c>
      <c r="AJ1534" s="53">
        <v>-2950199.6296408102</v>
      </c>
      <c r="AK1534" s="53">
        <v>-3342609.03614693</v>
      </c>
      <c r="AL1534" s="53">
        <v>-2673095.3568000002</v>
      </c>
      <c r="AM1534" s="53">
        <v>-3206632.6943999999</v>
      </c>
      <c r="AN1534" s="53">
        <v>-37763735.32</v>
      </c>
      <c r="AO1534" s="53">
        <v>-2554407.9419999998</v>
      </c>
      <c r="AP1534" s="53">
        <v>-948660.10919999902</v>
      </c>
      <c r="AQ1534" s="53">
        <v>-842480.52719999896</v>
      </c>
      <c r="AR1534" s="53">
        <v>-699320.52719999896</v>
      </c>
      <c r="AS1534" s="53">
        <v>-535576.19279999996</v>
      </c>
      <c r="AT1534" s="53">
        <v>-524492.27639999997</v>
      </c>
      <c r="AU1534" s="53">
        <v>-546796.73022857099</v>
      </c>
      <c r="AV1534" s="53">
        <v>-541453.78777959105</v>
      </c>
      <c r="AW1534" s="53">
        <v>-508541.26229387702</v>
      </c>
      <c r="AX1534" s="53">
        <v>-576182.91369795904</v>
      </c>
      <c r="AY1534" s="53">
        <v>-460775.35679999902</v>
      </c>
      <c r="AZ1534" s="53">
        <v>-593512.69439999899</v>
      </c>
      <c r="BA1534" s="53">
        <v>-9332200.3200000003</v>
      </c>
      <c r="BB1534" s="53">
        <v>-676867.94199999899</v>
      </c>
      <c r="BC1534" s="53">
        <v>-715020.10919999902</v>
      </c>
      <c r="BD1534" s="53">
        <v>-761760.52720000001</v>
      </c>
      <c r="BE1534" s="53">
        <v>-718460.52719999896</v>
      </c>
      <c r="BF1534" s="53">
        <v>-549956.19279999996</v>
      </c>
      <c r="BG1534" s="53">
        <v>-538532.27639999997</v>
      </c>
      <c r="BH1534" s="53">
        <v>-561416.73022857099</v>
      </c>
      <c r="BI1534" s="53">
        <v>-555930.930636734</v>
      </c>
      <c r="BJ1534" s="53">
        <v>-522138.40515101998</v>
      </c>
      <c r="BK1534" s="53">
        <v>-591588.62798367301</v>
      </c>
      <c r="BL1534" s="53">
        <v>-473095.35679999902</v>
      </c>
      <c r="BM1534" s="53">
        <v>-609512.69440000004</v>
      </c>
      <c r="BN1534" s="53">
        <v>-7274280.3199999901</v>
      </c>
      <c r="BO1534" s="53">
        <v>-695527.94200000004</v>
      </c>
      <c r="BP1534" s="53">
        <v>-735050.10919999902</v>
      </c>
      <c r="BQ1534" s="53">
        <v>-783140.52719999896</v>
      </c>
      <c r="BR1534" s="53">
        <v>-738515.52719999896</v>
      </c>
      <c r="BS1534" s="53">
        <v>-564881.19279999903</v>
      </c>
      <c r="BT1534" s="53">
        <v>-553082.27639999997</v>
      </c>
      <c r="BU1534" s="53">
        <v>-576558.87308571395</v>
      </c>
      <c r="BV1534" s="53">
        <v>-570925.11431020405</v>
      </c>
      <c r="BW1534" s="53">
        <v>-536221.16025306098</v>
      </c>
      <c r="BX1534" s="53">
        <v>-607544.54635101999</v>
      </c>
      <c r="BY1534" s="53">
        <v>-485855.35679999902</v>
      </c>
      <c r="BZ1534" s="53">
        <v>-574192.69439999899</v>
      </c>
      <c r="CA1534" s="53">
        <v>-7421495.3199999901</v>
      </c>
      <c r="CB1534" s="53"/>
      <c r="CC1534" s="53">
        <v>32362693.409276001</v>
      </c>
      <c r="CD1534" s="53"/>
      <c r="CE1534" s="53"/>
      <c r="CF1534" s="53"/>
      <c r="CG1534" s="53"/>
      <c r="CH1534" s="53"/>
      <c r="CI1534" s="53"/>
      <c r="CJ1534" s="53"/>
      <c r="CK1534" s="53"/>
      <c r="CL1534" s="53"/>
      <c r="CM1534" s="53"/>
      <c r="CN1534" s="53">
        <v>32362693.409276001</v>
      </c>
    </row>
    <row r="1535" spans="1:92" outlineLevel="1">
      <c r="A1535" s="52" t="s">
        <v>1267</v>
      </c>
      <c r="B1535" s="53">
        <v>-697748.04449999996</v>
      </c>
      <c r="C1535" s="53">
        <v>-700746.78449999995</v>
      </c>
      <c r="D1535" s="53">
        <v>-687981.054</v>
      </c>
      <c r="E1535" s="53">
        <v>-714596.33249999897</v>
      </c>
      <c r="F1535" s="53">
        <v>-733597.93199999898</v>
      </c>
      <c r="G1535" s="53">
        <v>-782285.69399999897</v>
      </c>
      <c r="H1535" s="53">
        <v>-1020518.73428571</v>
      </c>
      <c r="I1535" s="53">
        <v>-1057367.6630816299</v>
      </c>
      <c r="J1535" s="53">
        <v>-965235.79022448906</v>
      </c>
      <c r="K1535" s="53">
        <v>-1075904.28440816</v>
      </c>
      <c r="L1535" s="53">
        <v>-814676.85299999896</v>
      </c>
      <c r="M1535" s="53">
        <v>-885589.48349999904</v>
      </c>
      <c r="N1535" s="53">
        <v>-10136248.65</v>
      </c>
      <c r="O1535" s="53">
        <v>-634530.54449999996</v>
      </c>
      <c r="P1535" s="53">
        <v>-107714.28449999999</v>
      </c>
      <c r="Q1535" s="53">
        <v>-59923.553999999996</v>
      </c>
      <c r="R1535" s="53">
        <v>-25803.832499999899</v>
      </c>
      <c r="S1535" s="53">
        <v>-24675.431999999899</v>
      </c>
      <c r="T1535" s="53">
        <v>-25678.194</v>
      </c>
      <c r="U1535" s="53">
        <v>-29846.9485714285</v>
      </c>
      <c r="V1535" s="53">
        <v>-26232.152877551001</v>
      </c>
      <c r="W1535" s="53">
        <v>-24555.637163265299</v>
      </c>
      <c r="X1535" s="53">
        <v>-28396.733387755099</v>
      </c>
      <c r="Y1535" s="53">
        <v>-22016.852999999999</v>
      </c>
      <c r="Z1535" s="53">
        <v>-20989.4834999999</v>
      </c>
      <c r="AA1535" s="53">
        <v>-1030363.64999999</v>
      </c>
      <c r="AB1535" s="53">
        <v>-23948.0445</v>
      </c>
      <c r="AC1535" s="53">
        <v>-26204.284500000002</v>
      </c>
      <c r="AD1535" s="53">
        <v>-27583.553999999898</v>
      </c>
      <c r="AE1535" s="53">
        <v>-25803.832499999899</v>
      </c>
      <c r="AF1535" s="53">
        <v>-24675.431999999899</v>
      </c>
      <c r="AG1535" s="53">
        <v>-25678.194</v>
      </c>
      <c r="AH1535" s="53">
        <v>-29846.9485714285</v>
      </c>
      <c r="AI1535" s="53">
        <v>-26232.152877551001</v>
      </c>
      <c r="AJ1535" s="53">
        <v>-24555.637163265299</v>
      </c>
      <c r="AK1535" s="53">
        <v>-28396.733387755099</v>
      </c>
      <c r="AL1535" s="53">
        <v>-22016.852999999999</v>
      </c>
      <c r="AM1535" s="53">
        <v>-20989.4834999999</v>
      </c>
      <c r="AN1535" s="53">
        <v>-305931.15000000002</v>
      </c>
      <c r="AO1535" s="53">
        <v>-23948.0445</v>
      </c>
      <c r="AP1535" s="53">
        <v>-26204.284500000002</v>
      </c>
      <c r="AQ1535" s="53">
        <v>-27583.553999999898</v>
      </c>
      <c r="AR1535" s="53">
        <v>-25803.832499999899</v>
      </c>
      <c r="AS1535" s="53">
        <v>-24675.431999999899</v>
      </c>
      <c r="AT1535" s="53">
        <v>-25678.194</v>
      </c>
      <c r="AU1535" s="53">
        <v>-29846.9485714285</v>
      </c>
      <c r="AV1535" s="53">
        <v>-26232.152877551001</v>
      </c>
      <c r="AW1535" s="53">
        <v>-24555.637163265299</v>
      </c>
      <c r="AX1535" s="53">
        <v>-28396.733387755099</v>
      </c>
      <c r="AY1535" s="53">
        <v>-22016.852999999999</v>
      </c>
      <c r="AZ1535" s="53">
        <v>-20989.4834999999</v>
      </c>
      <c r="BA1535" s="53">
        <v>-305931.15000000002</v>
      </c>
      <c r="BB1535" s="53">
        <v>-23948.0445</v>
      </c>
      <c r="BC1535" s="53">
        <v>-26204.284500000002</v>
      </c>
      <c r="BD1535" s="53">
        <v>-27583.553999999898</v>
      </c>
      <c r="BE1535" s="53">
        <v>-25803.832499999899</v>
      </c>
      <c r="BF1535" s="53">
        <v>-24675.431999999899</v>
      </c>
      <c r="BG1535" s="53">
        <v>-25678.194</v>
      </c>
      <c r="BH1535" s="53">
        <v>-29846.9485714285</v>
      </c>
      <c r="BI1535" s="53">
        <v>-26232.152877551001</v>
      </c>
      <c r="BJ1535" s="53">
        <v>-24555.637163265299</v>
      </c>
      <c r="BK1535" s="53">
        <v>-28396.733387755099</v>
      </c>
      <c r="BL1535" s="53">
        <v>-22016.852999999999</v>
      </c>
      <c r="BM1535" s="53">
        <v>-20989.4834999999</v>
      </c>
      <c r="BN1535" s="53">
        <v>-305931.15000000002</v>
      </c>
      <c r="BO1535" s="53">
        <v>-23948.0445</v>
      </c>
      <c r="BP1535" s="53">
        <v>-26204.284500000002</v>
      </c>
      <c r="BQ1535" s="53">
        <v>-27583.553999999898</v>
      </c>
      <c r="BR1535" s="53">
        <v>-25803.832499999899</v>
      </c>
      <c r="BS1535" s="53">
        <v>-24675.431999999899</v>
      </c>
      <c r="BT1535" s="53">
        <v>-25678.194</v>
      </c>
      <c r="BU1535" s="53">
        <v>-29846.9485714285</v>
      </c>
      <c r="BV1535" s="53">
        <v>-26232.152877551001</v>
      </c>
      <c r="BW1535" s="53">
        <v>-24555.637163265299</v>
      </c>
      <c r="BX1535" s="53">
        <v>-28396.733387755099</v>
      </c>
      <c r="BY1535" s="53">
        <v>-22016.852999999999</v>
      </c>
      <c r="BZ1535" s="53">
        <v>-20989.4834999999</v>
      </c>
      <c r="CA1535" s="53">
        <v>-305931.15000000002</v>
      </c>
      <c r="CB1535" s="53"/>
      <c r="CC1535" s="53"/>
      <c r="CD1535" s="53"/>
      <c r="CE1535" s="53"/>
      <c r="CF1535" s="53"/>
      <c r="CG1535" s="53"/>
      <c r="CH1535" s="53"/>
      <c r="CI1535" s="53"/>
      <c r="CJ1535" s="53"/>
      <c r="CK1535" s="53"/>
      <c r="CL1535" s="53"/>
      <c r="CM1535" s="53"/>
      <c r="CN1535" s="53"/>
    </row>
    <row r="1536" spans="1:92" outlineLevel="1">
      <c r="A1536" s="52" t="s">
        <v>1241</v>
      </c>
      <c r="B1536" s="53"/>
      <c r="C1536" s="53"/>
      <c r="D1536" s="53"/>
      <c r="E1536" s="53"/>
      <c r="F1536" s="53"/>
      <c r="G1536" s="53"/>
      <c r="H1536" s="53"/>
      <c r="I1536" s="53"/>
      <c r="J1536" s="53"/>
      <c r="K1536" s="53"/>
      <c r="L1536" s="53"/>
      <c r="M1536" s="53"/>
      <c r="N1536" s="53"/>
      <c r="O1536" s="53"/>
      <c r="P1536" s="53"/>
      <c r="Q1536" s="53"/>
      <c r="R1536" s="53"/>
      <c r="S1536" s="53"/>
      <c r="T1536" s="53"/>
      <c r="U1536" s="53"/>
      <c r="V1536" s="53"/>
      <c r="W1536" s="53"/>
      <c r="X1536" s="53"/>
      <c r="Y1536" s="53"/>
      <c r="Z1536" s="53"/>
      <c r="AA1536" s="53"/>
      <c r="AB1536" s="53"/>
      <c r="AC1536" s="53"/>
      <c r="AD1536" s="53"/>
      <c r="AE1536" s="53"/>
      <c r="AF1536" s="53"/>
      <c r="AG1536" s="53"/>
      <c r="AH1536" s="53"/>
      <c r="AI1536" s="53"/>
      <c r="AJ1536" s="53"/>
      <c r="AK1536" s="53"/>
      <c r="AL1536" s="53"/>
      <c r="AM1536" s="53"/>
      <c r="AN1536" s="53"/>
      <c r="AO1536" s="53"/>
      <c r="AP1536" s="53"/>
      <c r="AQ1536" s="53"/>
      <c r="AR1536" s="53"/>
      <c r="AS1536" s="53"/>
      <c r="AT1536" s="53"/>
      <c r="AU1536" s="53"/>
      <c r="AV1536" s="53"/>
      <c r="AW1536" s="53"/>
      <c r="AX1536" s="53"/>
      <c r="AY1536" s="53"/>
      <c r="AZ1536" s="53"/>
      <c r="BA1536" s="53"/>
      <c r="BB1536" s="53"/>
      <c r="BC1536" s="53"/>
      <c r="BD1536" s="53"/>
      <c r="BE1536" s="53"/>
      <c r="BF1536" s="53"/>
      <c r="BG1536" s="53"/>
      <c r="BH1536" s="53"/>
      <c r="BI1536" s="53"/>
      <c r="BJ1536" s="53"/>
      <c r="BK1536" s="53"/>
      <c r="BL1536" s="53"/>
      <c r="BM1536" s="53"/>
      <c r="BN1536" s="53"/>
      <c r="BO1536" s="53"/>
      <c r="BP1536" s="53"/>
      <c r="BQ1536" s="53"/>
      <c r="BR1536" s="53"/>
      <c r="BS1536" s="53"/>
      <c r="BT1536" s="53"/>
      <c r="BU1536" s="53"/>
      <c r="BV1536" s="53"/>
      <c r="BW1536" s="53"/>
      <c r="BX1536" s="53"/>
      <c r="BY1536" s="53"/>
      <c r="BZ1536" s="53"/>
      <c r="CA1536" s="53"/>
      <c r="CB1536" s="53"/>
      <c r="CC1536" s="53"/>
      <c r="CD1536" s="53"/>
      <c r="CE1536" s="53"/>
      <c r="CF1536" s="53"/>
      <c r="CG1536" s="53"/>
      <c r="CH1536" s="53"/>
      <c r="CI1536" s="53"/>
      <c r="CJ1536" s="53"/>
      <c r="CK1536" s="53"/>
      <c r="CL1536" s="53"/>
      <c r="CM1536" s="53"/>
      <c r="CN1536" s="53"/>
    </row>
    <row r="1537" spans="1:92" outlineLevel="1">
      <c r="A1537" s="52" t="s">
        <v>1261</v>
      </c>
      <c r="B1537" s="53">
        <v>-8074712.3398336899</v>
      </c>
      <c r="C1537" s="53">
        <v>-8105864.1365096197</v>
      </c>
      <c r="D1537" s="53">
        <v>-8191595.16481415</v>
      </c>
      <c r="E1537" s="53">
        <v>-9279651.4624909796</v>
      </c>
      <c r="F1537" s="53">
        <v>-9512238.7229777593</v>
      </c>
      <c r="G1537" s="53">
        <v>-10408141.7210341</v>
      </c>
      <c r="H1537" s="53">
        <v>-11660223.160380101</v>
      </c>
      <c r="I1537" s="53">
        <v>-11997081.2667064</v>
      </c>
      <c r="J1537" s="53">
        <v>-11254154.2828329</v>
      </c>
      <c r="K1537" s="53">
        <v>-11935382.380141299</v>
      </c>
      <c r="L1537" s="53">
        <v>-8675333.8392577097</v>
      </c>
      <c r="M1537" s="53">
        <v>-9271226.9166596793</v>
      </c>
      <c r="N1537" s="53">
        <v>-118365605.393638</v>
      </c>
      <c r="O1537" s="53">
        <v>-9232011.4581839293</v>
      </c>
      <c r="P1537" s="53">
        <v>-11190558.6571391</v>
      </c>
      <c r="Q1537" s="53">
        <v>-8810159.8421475105</v>
      </c>
      <c r="R1537" s="53">
        <v>-9450826.0759350304</v>
      </c>
      <c r="S1537" s="53">
        <v>-9821826.8199540898</v>
      </c>
      <c r="T1537" s="53">
        <v>-10904378.210998399</v>
      </c>
      <c r="U1537" s="53">
        <v>-12042279.517861599</v>
      </c>
      <c r="V1537" s="53">
        <v>-13001602.8350116</v>
      </c>
      <c r="W1537" s="53">
        <v>-13483649.419080099</v>
      </c>
      <c r="X1537" s="53">
        <v>-12436791.5367584</v>
      </c>
      <c r="Y1537" s="53">
        <v>-9068893.2205120195</v>
      </c>
      <c r="Z1537" s="53">
        <v>-9243945.0217688009</v>
      </c>
      <c r="AA1537" s="53">
        <v>-128686922.61535101</v>
      </c>
      <c r="AB1537" s="53">
        <v>-8451151.1834696308</v>
      </c>
      <c r="AC1537" s="53">
        <v>-8575139.25084823</v>
      </c>
      <c r="AD1537" s="53">
        <v>-6631160.7231752602</v>
      </c>
      <c r="AE1537" s="53">
        <v>-6936400.7043118896</v>
      </c>
      <c r="AF1537" s="53">
        <v>-7254634.9616125599</v>
      </c>
      <c r="AG1537" s="53">
        <v>-8113807.4671334997</v>
      </c>
      <c r="AH1537" s="53">
        <v>-8963206.6844728608</v>
      </c>
      <c r="AI1537" s="53">
        <v>-9661335.7513103895</v>
      </c>
      <c r="AJ1537" s="53">
        <v>-10055026.696940601</v>
      </c>
      <c r="AK1537" s="53">
        <v>-9254933.1526622605</v>
      </c>
      <c r="AL1537" s="53">
        <v>-6711068.44400026</v>
      </c>
      <c r="AM1537" s="53">
        <v>-6783123.2280115699</v>
      </c>
      <c r="AN1537" s="53">
        <v>-97390988.247949094</v>
      </c>
      <c r="AO1537" s="53">
        <v>-5605616.619771</v>
      </c>
      <c r="AP1537" s="53">
        <v>-3908544.4929586402</v>
      </c>
      <c r="AQ1537" s="53">
        <v>-2872127.9688084899</v>
      </c>
      <c r="AR1537" s="53">
        <v>-2987355.5716861999</v>
      </c>
      <c r="AS1537" s="53">
        <v>-3123200.1113841599</v>
      </c>
      <c r="AT1537" s="53">
        <v>-3505642.3063620799</v>
      </c>
      <c r="AU1537" s="53">
        <v>-3873001.0492400401</v>
      </c>
      <c r="AV1537" s="53">
        <v>-4193586.17010176</v>
      </c>
      <c r="AW1537" s="53">
        <v>-4348015.1475964598</v>
      </c>
      <c r="AX1537" s="53">
        <v>-4006590.7492767</v>
      </c>
      <c r="AY1537" s="53">
        <v>-2874714.3643285199</v>
      </c>
      <c r="AZ1537" s="53">
        <v>-2923618.9588472899</v>
      </c>
      <c r="BA1537" s="53">
        <v>-44222013.510361299</v>
      </c>
      <c r="BB1537" s="53">
        <v>-2349710.26247678</v>
      </c>
      <c r="BC1537" s="53">
        <v>-1429431.0631502699</v>
      </c>
      <c r="BD1537" s="53">
        <v>-1043199.67814992</v>
      </c>
      <c r="BE1537" s="53">
        <v>-1057061.4784377499</v>
      </c>
      <c r="BF1537" s="53">
        <v>-1104845.8883026501</v>
      </c>
      <c r="BG1537" s="53">
        <v>-1239166.4395779399</v>
      </c>
      <c r="BH1537" s="53">
        <v>-1377348.54478848</v>
      </c>
      <c r="BI1537" s="53">
        <v>-1487234.2588533401</v>
      </c>
      <c r="BJ1537" s="53">
        <v>-1540511.7069067401</v>
      </c>
      <c r="BK1537" s="53">
        <v>-1425227.46770564</v>
      </c>
      <c r="BL1537" s="53">
        <v>-1025787.0672842</v>
      </c>
      <c r="BM1537" s="53">
        <v>-1032886.49553045</v>
      </c>
      <c r="BN1537" s="53">
        <v>-16112410.351164199</v>
      </c>
      <c r="BO1537" s="53">
        <v>-865779.198334869</v>
      </c>
      <c r="BP1537" s="53">
        <v>-638324.06076408003</v>
      </c>
      <c r="BQ1537" s="53">
        <v>-476412.37386024703</v>
      </c>
      <c r="BR1537" s="53">
        <v>-494167.60934009799</v>
      </c>
      <c r="BS1537" s="53">
        <v>-516968.36850116699</v>
      </c>
      <c r="BT1537" s="53">
        <v>-583509.03689250001</v>
      </c>
      <c r="BU1537" s="53">
        <v>-650086.65049442102</v>
      </c>
      <c r="BV1537" s="53">
        <v>-701450.94009525899</v>
      </c>
      <c r="BW1537" s="53">
        <v>-725755.46172066405</v>
      </c>
      <c r="BX1537" s="53">
        <v>-672560.24538292899</v>
      </c>
      <c r="BY1537" s="53">
        <v>-483944.11293334299</v>
      </c>
      <c r="BZ1537" s="53">
        <v>-488229.216844354</v>
      </c>
      <c r="CA1537" s="53">
        <v>-7297187.2751639299</v>
      </c>
      <c r="CB1537" s="53"/>
      <c r="CC1537" s="53"/>
      <c r="CD1537" s="53"/>
      <c r="CE1537" s="53"/>
      <c r="CF1537" s="53"/>
      <c r="CG1537" s="53"/>
      <c r="CH1537" s="53"/>
      <c r="CI1537" s="53"/>
      <c r="CJ1537" s="53"/>
      <c r="CK1537" s="53"/>
      <c r="CL1537" s="53"/>
      <c r="CM1537" s="53"/>
      <c r="CN1537" s="53"/>
    </row>
    <row r="1538" spans="1:92" outlineLevel="1">
      <c r="A1538" s="52" t="s">
        <v>1262</v>
      </c>
      <c r="B1538" s="53">
        <v>-2781697.2655807501</v>
      </c>
      <c r="C1538" s="53">
        <v>-2712401.8279358</v>
      </c>
      <c r="D1538" s="53">
        <v>-2901499.72679045</v>
      </c>
      <c r="E1538" s="53">
        <v>-3044650.2100445698</v>
      </c>
      <c r="F1538" s="53">
        <v>-2997348.8240129901</v>
      </c>
      <c r="G1538" s="53">
        <v>-3081804.0071491501</v>
      </c>
      <c r="H1538" s="53">
        <v>-3316334.1604659902</v>
      </c>
      <c r="I1538" s="53">
        <v>-3191770.1627433202</v>
      </c>
      <c r="J1538" s="53">
        <v>-2937949.7136561899</v>
      </c>
      <c r="K1538" s="53">
        <v>-3368898.4934509299</v>
      </c>
      <c r="L1538" s="53">
        <v>-2645086.68262028</v>
      </c>
      <c r="M1538" s="53">
        <v>-3098285.99459117</v>
      </c>
      <c r="N1538" s="53">
        <v>-36077727.069041602</v>
      </c>
      <c r="O1538" s="53">
        <v>-2630956.2858962999</v>
      </c>
      <c r="P1538" s="53">
        <v>-2368240.7665488799</v>
      </c>
      <c r="Q1538" s="53">
        <v>-2693941.51131423</v>
      </c>
      <c r="R1538" s="53">
        <v>-3135758.36591698</v>
      </c>
      <c r="S1538" s="53">
        <v>-3628231.4181824899</v>
      </c>
      <c r="T1538" s="53">
        <v>-3909486.4388244702</v>
      </c>
      <c r="U1538" s="53">
        <v>-3443438.8384914501</v>
      </c>
      <c r="V1538" s="53">
        <v>-3274817.36459027</v>
      </c>
      <c r="W1538" s="53">
        <v>-3007729.3442442399</v>
      </c>
      <c r="X1538" s="53">
        <v>-3239025.11504813</v>
      </c>
      <c r="Y1538" s="53">
        <v>-2332531.9719465799</v>
      </c>
      <c r="Z1538" s="53">
        <v>-2476963.97783277</v>
      </c>
      <c r="AA1538" s="53">
        <v>-36141121.398836799</v>
      </c>
      <c r="AB1538" s="53">
        <v>-2225527.59330515</v>
      </c>
      <c r="AC1538" s="53">
        <v>-1776661.9159408901</v>
      </c>
      <c r="AD1538" s="53">
        <v>-2022603.9086849601</v>
      </c>
      <c r="AE1538" s="53">
        <v>-2319660.81474589</v>
      </c>
      <c r="AF1538" s="53">
        <v>-2685854.3464926402</v>
      </c>
      <c r="AG1538" s="53">
        <v>-2894299.5202983101</v>
      </c>
      <c r="AH1538" s="53">
        <v>-2549337.9157790001</v>
      </c>
      <c r="AI1538" s="53">
        <v>-2424743.9512596298</v>
      </c>
      <c r="AJ1538" s="53">
        <v>-2226642.4739594501</v>
      </c>
      <c r="AK1538" s="53">
        <v>-2399479.53197427</v>
      </c>
      <c r="AL1538" s="53">
        <v>-1728633.6396196601</v>
      </c>
      <c r="AM1538" s="53">
        <v>-1836222.2855263399</v>
      </c>
      <c r="AN1538" s="53">
        <v>-27089667.8975862</v>
      </c>
      <c r="AO1538" s="53">
        <v>-1543672.59443014</v>
      </c>
      <c r="AP1538" s="53">
        <v>-839311.37369218597</v>
      </c>
      <c r="AQ1538" s="53">
        <v>-895090.31162847602</v>
      </c>
      <c r="AR1538" s="53">
        <v>-997375.715592516</v>
      </c>
      <c r="AS1538" s="53">
        <v>-1154075.33687771</v>
      </c>
      <c r="AT1538" s="53">
        <v>-1243676.2633357199</v>
      </c>
      <c r="AU1538" s="53">
        <v>-1096015.82101248</v>
      </c>
      <c r="AV1538" s="53">
        <v>-1042531.00769201</v>
      </c>
      <c r="AW1538" s="53">
        <v>-957339.969055678</v>
      </c>
      <c r="AX1538" s="53">
        <v>-1031638.50510771</v>
      </c>
      <c r="AY1538" s="53">
        <v>-743367.15229277499</v>
      </c>
      <c r="AZ1538" s="53">
        <v>-789820.88293912995</v>
      </c>
      <c r="BA1538" s="53">
        <v>-12333914.933656501</v>
      </c>
      <c r="BB1538" s="53">
        <v>-652363.39617673005</v>
      </c>
      <c r="BC1538" s="53">
        <v>-310035.66146421398</v>
      </c>
      <c r="BD1538" s="53">
        <v>-321535.83145971101</v>
      </c>
      <c r="BE1538" s="53">
        <v>-351696.41739735001</v>
      </c>
      <c r="BF1538" s="53">
        <v>-406725.65813226602</v>
      </c>
      <c r="BG1538" s="53">
        <v>-438240.68878189899</v>
      </c>
      <c r="BH1538" s="53">
        <v>-386434.61628378899</v>
      </c>
      <c r="BI1538" s="53">
        <v>-367661.19258933899</v>
      </c>
      <c r="BJ1538" s="53">
        <v>-337668.69673378801</v>
      </c>
      <c r="BK1538" s="53">
        <v>-363953.83857414301</v>
      </c>
      <c r="BL1538" s="53">
        <v>-262369.52216255898</v>
      </c>
      <c r="BM1538" s="53">
        <v>-278910.019015053</v>
      </c>
      <c r="BN1538" s="53">
        <v>-4477595.5387708396</v>
      </c>
      <c r="BO1538" s="53">
        <v>-236505.30551983099</v>
      </c>
      <c r="BP1538" s="53">
        <v>-136834.72996532699</v>
      </c>
      <c r="BQ1538" s="53">
        <v>-147495.199633557</v>
      </c>
      <c r="BR1538" s="53">
        <v>-165388.84760670399</v>
      </c>
      <c r="BS1538" s="53">
        <v>-191160.545693817</v>
      </c>
      <c r="BT1538" s="53">
        <v>-205973.267028539</v>
      </c>
      <c r="BU1538" s="53">
        <v>-181810.65873012101</v>
      </c>
      <c r="BV1538" s="53">
        <v>-173053.38164268099</v>
      </c>
      <c r="BW1538" s="53">
        <v>-158979.0052819</v>
      </c>
      <c r="BX1538" s="53">
        <v>-171424.21517661001</v>
      </c>
      <c r="BY1538" s="53">
        <v>-123671.616934859</v>
      </c>
      <c r="BZ1538" s="53">
        <v>-131579.23784477101</v>
      </c>
      <c r="CA1538" s="53">
        <v>-2023876.0110587201</v>
      </c>
      <c r="CB1538" s="53"/>
      <c r="CC1538" s="53"/>
      <c r="CD1538" s="53"/>
      <c r="CE1538" s="53"/>
      <c r="CF1538" s="53"/>
      <c r="CG1538" s="53"/>
      <c r="CH1538" s="53"/>
      <c r="CI1538" s="53"/>
      <c r="CJ1538" s="53"/>
      <c r="CK1538" s="53"/>
      <c r="CL1538" s="53"/>
      <c r="CM1538" s="53"/>
      <c r="CN1538" s="53"/>
    </row>
    <row r="1539" spans="1:92" outlineLevel="1">
      <c r="A1539" s="52" t="s">
        <v>1266</v>
      </c>
      <c r="B1539" s="53">
        <v>-18364.9706098733</v>
      </c>
      <c r="C1539" s="53">
        <v>-17996.0560085531</v>
      </c>
      <c r="D1539" s="53">
        <v>-18846.354109027699</v>
      </c>
      <c r="E1539" s="53">
        <v>-18795.854905395201</v>
      </c>
      <c r="F1539" s="53">
        <v>-18053.283210174199</v>
      </c>
      <c r="G1539" s="53">
        <v>-18231.009217160201</v>
      </c>
      <c r="H1539" s="53">
        <v>-19223.2307563836</v>
      </c>
      <c r="I1539" s="53">
        <v>-19027.842838378299</v>
      </c>
      <c r="J1539" s="53">
        <v>-17864.600014009</v>
      </c>
      <c r="K1539" s="53">
        <v>-20231.940522691799</v>
      </c>
      <c r="L1539" s="53">
        <v>-16173.9132474208</v>
      </c>
      <c r="M1539" s="53">
        <v>-19106.944578068102</v>
      </c>
      <c r="N1539" s="53">
        <v>-221916.00001713599</v>
      </c>
      <c r="O1539" s="53">
        <v>-19444.421184671999</v>
      </c>
      <c r="P1539" s="53">
        <v>-26465.677407478201</v>
      </c>
      <c r="Q1539" s="53">
        <v>-28306.9503715061</v>
      </c>
      <c r="R1539" s="53">
        <v>-28523.123046434801</v>
      </c>
      <c r="S1539" s="53">
        <v>-27254.332815096801</v>
      </c>
      <c r="T1539" s="53">
        <v>-27381.931458843999</v>
      </c>
      <c r="U1539" s="53">
        <v>-28733.791884306</v>
      </c>
      <c r="V1539" s="53">
        <v>-28318.169645633599</v>
      </c>
      <c r="W1539" s="53">
        <v>-26489.865607768199</v>
      </c>
      <c r="X1539" s="53">
        <v>-29883.1570961176</v>
      </c>
      <c r="Y1539" s="53">
        <v>-23822.444241265301</v>
      </c>
      <c r="Z1539" s="53">
        <v>-28059.432878056599</v>
      </c>
      <c r="AA1539" s="53">
        <v>-322683.29763717903</v>
      </c>
      <c r="AB1539" s="53">
        <v>-24139.399747221101</v>
      </c>
      <c r="AC1539" s="53">
        <v>-19865.9860994923</v>
      </c>
      <c r="AD1539" s="53">
        <v>-20376.270799628699</v>
      </c>
      <c r="AE1539" s="53">
        <v>-20044.272993546001</v>
      </c>
      <c r="AF1539" s="53">
        <v>-19221.486234973599</v>
      </c>
      <c r="AG1539" s="53">
        <v>-19381.649592768001</v>
      </c>
      <c r="AH1539" s="53">
        <v>-20409.663183850698</v>
      </c>
      <c r="AI1539" s="53">
        <v>-20179.841925351699</v>
      </c>
      <c r="AJ1539" s="53">
        <v>-18929.9413418734</v>
      </c>
      <c r="AK1539" s="53">
        <v>-21420.659235895801</v>
      </c>
      <c r="AL1539" s="53">
        <v>-17115.199283264301</v>
      </c>
      <c r="AM1539" s="53">
        <v>-20209.189630695299</v>
      </c>
      <c r="AN1539" s="53">
        <v>-241293.560068561</v>
      </c>
      <c r="AO1539" s="53">
        <v>-16228.4526957002</v>
      </c>
      <c r="AP1539" s="53">
        <v>-9174.3494656912408</v>
      </c>
      <c r="AQ1539" s="53">
        <v>-8919.3224751462003</v>
      </c>
      <c r="AR1539" s="53">
        <v>-8471.6157333092397</v>
      </c>
      <c r="AS1539" s="53">
        <v>-8136.9586007026301</v>
      </c>
      <c r="AT1539" s="53">
        <v>-8218.0319409142903</v>
      </c>
      <c r="AU1539" s="53">
        <v>-8667.2962400706801</v>
      </c>
      <c r="AV1539" s="53">
        <v>-8581.9665275495499</v>
      </c>
      <c r="AW1539" s="53">
        <v>-8060.2985391879702</v>
      </c>
      <c r="AX1539" s="53">
        <v>-9133.0580484696493</v>
      </c>
      <c r="AY1539" s="53">
        <v>-7304.56114292847</v>
      </c>
      <c r="AZ1539" s="53">
        <v>-8634.2270849025608</v>
      </c>
      <c r="BA1539" s="53">
        <v>-109530.13849457201</v>
      </c>
      <c r="BB1539" s="53">
        <v>-6811.3689758189003</v>
      </c>
      <c r="BC1539" s="53">
        <v>-3369.8445589518301</v>
      </c>
      <c r="BD1539" s="53">
        <v>-3193.64664278705</v>
      </c>
      <c r="BE1539" s="53">
        <v>-2979.35201996245</v>
      </c>
      <c r="BF1539" s="53">
        <v>-2863.5967707453201</v>
      </c>
      <c r="BG1539" s="53">
        <v>-2894.0868733504699</v>
      </c>
      <c r="BH1539" s="53">
        <v>-3054.2715861782399</v>
      </c>
      <c r="BI1539" s="53">
        <v>-3025.9905007953698</v>
      </c>
      <c r="BJ1539" s="53">
        <v>-2843.4874634115699</v>
      </c>
      <c r="BK1539" s="53">
        <v>-3223.7015724824701</v>
      </c>
      <c r="BL1539" s="53">
        <v>-2579.3289045152801</v>
      </c>
      <c r="BM1539" s="53">
        <v>-3050.1706912878299</v>
      </c>
      <c r="BN1539" s="53">
        <v>-39888.846560286802</v>
      </c>
      <c r="BO1539" s="53">
        <v>-2475.5738716442402</v>
      </c>
      <c r="BP1539" s="53">
        <v>-1489.5129106644099</v>
      </c>
      <c r="BQ1539" s="53">
        <v>-1465.56382877746</v>
      </c>
      <c r="BR1539" s="53">
        <v>-1404.1297556654499</v>
      </c>
      <c r="BS1539" s="53">
        <v>-1349.9367614892899</v>
      </c>
      <c r="BT1539" s="53">
        <v>-1364.6675456631001</v>
      </c>
      <c r="BU1539" s="53">
        <v>-1440.5592282001101</v>
      </c>
      <c r="BV1539" s="53">
        <v>-1427.54369512931</v>
      </c>
      <c r="BW1539" s="53">
        <v>-1341.70293511368</v>
      </c>
      <c r="BX1539" s="53">
        <v>-1521.41963988049</v>
      </c>
      <c r="BY1539" s="53">
        <v>-1217.49316414542</v>
      </c>
      <c r="BZ1539" s="53">
        <v>-1439.96601549459</v>
      </c>
      <c r="CA1539" s="53">
        <v>-17938.0693518675</v>
      </c>
      <c r="CB1539" s="53"/>
      <c r="CC1539" s="53"/>
      <c r="CD1539" s="53"/>
      <c r="CE1539" s="53"/>
      <c r="CF1539" s="53"/>
      <c r="CG1539" s="53"/>
      <c r="CH1539" s="53"/>
      <c r="CI1539" s="53"/>
      <c r="CJ1539" s="53"/>
      <c r="CK1539" s="53"/>
      <c r="CL1539" s="53"/>
      <c r="CM1539" s="53"/>
      <c r="CN1539" s="53"/>
    </row>
    <row r="1540" spans="1:92" outlineLevel="1">
      <c r="A1540" s="52" t="s">
        <v>1263</v>
      </c>
      <c r="B1540" s="53">
        <v>-2410914.1919059502</v>
      </c>
      <c r="C1540" s="53">
        <v>-2402246.5249848301</v>
      </c>
      <c r="D1540" s="53">
        <v>-2518351.0024705902</v>
      </c>
      <c r="E1540" s="53">
        <v>-2605949.55723105</v>
      </c>
      <c r="F1540" s="53">
        <v>-2659616.3975985702</v>
      </c>
      <c r="G1540" s="53">
        <v>-2898547.28909866</v>
      </c>
      <c r="H1540" s="53">
        <v>-3080447.9896591501</v>
      </c>
      <c r="I1540" s="53">
        <v>-2965055.53953917</v>
      </c>
      <c r="J1540" s="53">
        <v>-2879289.6210934399</v>
      </c>
      <c r="K1540" s="53">
        <v>-3300090.5241024802</v>
      </c>
      <c r="L1540" s="53">
        <v>-2460903.7962324601</v>
      </c>
      <c r="M1540" s="53">
        <v>-2660216.6588241998</v>
      </c>
      <c r="N1540" s="53">
        <v>-32841629.092740599</v>
      </c>
      <c r="O1540" s="53">
        <v>-2436631.96750532</v>
      </c>
      <c r="P1540" s="53">
        <v>-2647199.6663675499</v>
      </c>
      <c r="Q1540" s="53">
        <v>-2576750.9057108099</v>
      </c>
      <c r="R1540" s="53">
        <v>-2679397.7798572402</v>
      </c>
      <c r="S1540" s="53">
        <v>-2756761.5452693002</v>
      </c>
      <c r="T1540" s="53">
        <v>-2997947.6515640402</v>
      </c>
      <c r="U1540" s="53">
        <v>-3214547.8477415801</v>
      </c>
      <c r="V1540" s="53">
        <v>-3221518.8647264498</v>
      </c>
      <c r="W1540" s="53">
        <v>-2978777.2977410601</v>
      </c>
      <c r="X1540" s="53">
        <v>-3421337.5069847102</v>
      </c>
      <c r="Y1540" s="53">
        <v>-2542947.0282560498</v>
      </c>
      <c r="Z1540" s="53">
        <v>-2714624.8094824199</v>
      </c>
      <c r="AA1540" s="53">
        <v>-34188442.8712065</v>
      </c>
      <c r="AB1540" s="53">
        <v>-2309434.3608804899</v>
      </c>
      <c r="AC1540" s="53">
        <v>-2014516.5778187499</v>
      </c>
      <c r="AD1540" s="53">
        <v>-1921378.76335246</v>
      </c>
      <c r="AE1540" s="53">
        <v>-1968601.14425271</v>
      </c>
      <c r="AF1540" s="53">
        <v>-2025662.65138425</v>
      </c>
      <c r="AG1540" s="53">
        <v>-2202876.2932030801</v>
      </c>
      <c r="AH1540" s="53">
        <v>-2361837.4576356001</v>
      </c>
      <c r="AI1540" s="53">
        <v>-2366731.76966597</v>
      </c>
      <c r="AJ1540" s="53">
        <v>-2188106.7998714899</v>
      </c>
      <c r="AK1540" s="53">
        <v>-2513552.7662101099</v>
      </c>
      <c r="AL1540" s="53">
        <v>-1868055.4699843901</v>
      </c>
      <c r="AM1540" s="53">
        <v>-1993554.9953292599</v>
      </c>
      <c r="AN1540" s="53">
        <v>-25734309.049588598</v>
      </c>
      <c r="AO1540" s="53">
        <v>-1568208.2811235699</v>
      </c>
      <c r="AP1540" s="53">
        <v>-938021.76345325005</v>
      </c>
      <c r="AQ1540" s="53">
        <v>-850635.31424172502</v>
      </c>
      <c r="AR1540" s="53">
        <v>-841110.957555815</v>
      </c>
      <c r="AS1540" s="53">
        <v>-865695.70231604704</v>
      </c>
      <c r="AT1540" s="53">
        <v>-941533.42823281395</v>
      </c>
      <c r="AU1540" s="53">
        <v>-1009361.42643666</v>
      </c>
      <c r="AV1540" s="53">
        <v>-1011322.76528295</v>
      </c>
      <c r="AW1540" s="53">
        <v>-934829.60485369898</v>
      </c>
      <c r="AX1540" s="53">
        <v>-1074140.26026864</v>
      </c>
      <c r="AY1540" s="53">
        <v>-798215.33833463804</v>
      </c>
      <c r="AZ1540" s="53">
        <v>-851471.29976259696</v>
      </c>
      <c r="BA1540" s="53">
        <v>-11684546.1418624</v>
      </c>
      <c r="BB1540" s="53">
        <v>-655974.08489721001</v>
      </c>
      <c r="BC1540" s="53">
        <v>-343118.40373472899</v>
      </c>
      <c r="BD1540" s="53">
        <v>-303878.40310965001</v>
      </c>
      <c r="BE1540" s="53">
        <v>-295038.479198154</v>
      </c>
      <c r="BF1540" s="53">
        <v>-303708.24659074598</v>
      </c>
      <c r="BG1540" s="53">
        <v>-330330.31752572698</v>
      </c>
      <c r="BH1540" s="53">
        <v>-354097.68520645198</v>
      </c>
      <c r="BI1540" s="53">
        <v>-354751.131703705</v>
      </c>
      <c r="BJ1540" s="53">
        <v>-327876.52298153099</v>
      </c>
      <c r="BK1540" s="53">
        <v>-376801.36852192099</v>
      </c>
      <c r="BL1540" s="53">
        <v>-279988.017330918</v>
      </c>
      <c r="BM1540" s="53">
        <v>-298576.66094058001</v>
      </c>
      <c r="BN1540" s="53">
        <v>-4224139.3217413202</v>
      </c>
      <c r="BO1540" s="53">
        <v>-237176.665279129</v>
      </c>
      <c r="BP1540" s="53">
        <v>-151013.24300649099</v>
      </c>
      <c r="BQ1540" s="53">
        <v>-138300.48048487899</v>
      </c>
      <c r="BR1540" s="53">
        <v>-137871.08395060501</v>
      </c>
      <c r="BS1540" s="53">
        <v>-141941.26438760301</v>
      </c>
      <c r="BT1540" s="53">
        <v>-154388.738144748</v>
      </c>
      <c r="BU1540" s="53">
        <v>-165481.00239446401</v>
      </c>
      <c r="BV1540" s="53">
        <v>-165768.159367213</v>
      </c>
      <c r="BW1540" s="53">
        <v>-153187.66705530899</v>
      </c>
      <c r="BX1540" s="53">
        <v>-176071.58482878099</v>
      </c>
      <c r="BY1540" s="53">
        <v>-130818.906824127</v>
      </c>
      <c r="BZ1540" s="53">
        <v>-139456.35084921899</v>
      </c>
      <c r="CA1540" s="53">
        <v>-1891475.1465725701</v>
      </c>
      <c r="CB1540" s="53"/>
      <c r="CC1540" s="53"/>
      <c r="CD1540" s="53"/>
      <c r="CE1540" s="53"/>
      <c r="CF1540" s="53"/>
      <c r="CG1540" s="53"/>
      <c r="CH1540" s="53"/>
      <c r="CI1540" s="53"/>
      <c r="CJ1540" s="53"/>
      <c r="CK1540" s="53"/>
      <c r="CL1540" s="53"/>
      <c r="CM1540" s="53"/>
      <c r="CN1540" s="53"/>
    </row>
    <row r="1541" spans="1:92" outlineLevel="1">
      <c r="A1541" s="52" t="s">
        <v>1264</v>
      </c>
      <c r="B1541" s="53">
        <v>-15260944.6965314</v>
      </c>
      <c r="C1541" s="53">
        <v>-15588400.5462719</v>
      </c>
      <c r="D1541" s="53">
        <v>-14741452.5508203</v>
      </c>
      <c r="E1541" s="53">
        <v>-15117764.731916901</v>
      </c>
      <c r="F1541" s="53">
        <v>-15639367.2899625</v>
      </c>
      <c r="G1541" s="53">
        <v>-18923588.347091001</v>
      </c>
      <c r="H1541" s="53">
        <v>-22423598.3278207</v>
      </c>
      <c r="I1541" s="53">
        <v>-23812634.9738518</v>
      </c>
      <c r="J1541" s="53">
        <v>-21992348.2085521</v>
      </c>
      <c r="K1541" s="53">
        <v>-22334365.347283099</v>
      </c>
      <c r="L1541" s="53">
        <v>-15304431.3276479</v>
      </c>
      <c r="M1541" s="53">
        <v>-15846602.5534543</v>
      </c>
      <c r="N1541" s="53">
        <v>-216985498.90120399</v>
      </c>
      <c r="O1541" s="53">
        <v>-16589792.9575141</v>
      </c>
      <c r="P1541" s="53">
        <v>-20484766.739462402</v>
      </c>
      <c r="Q1541" s="53">
        <v>-14413265.0554781</v>
      </c>
      <c r="R1541" s="53">
        <v>-14723043.0592747</v>
      </c>
      <c r="S1541" s="53">
        <v>-15222412.598291</v>
      </c>
      <c r="T1541" s="53">
        <v>-18967708.122406401</v>
      </c>
      <c r="U1541" s="53">
        <v>-22804652.989735901</v>
      </c>
      <c r="V1541" s="53">
        <v>-25851964.631903</v>
      </c>
      <c r="W1541" s="53">
        <v>-27122738.798602998</v>
      </c>
      <c r="X1541" s="53">
        <v>-22949754.5644897</v>
      </c>
      <c r="Y1541" s="53">
        <v>-15269809.027920701</v>
      </c>
      <c r="Z1541" s="53">
        <v>-14839012.7418654</v>
      </c>
      <c r="AA1541" s="53">
        <v>-229238921.286944</v>
      </c>
      <c r="AB1541" s="53">
        <v>-14785649.989961401</v>
      </c>
      <c r="AC1541" s="53">
        <v>-15604193.015145499</v>
      </c>
      <c r="AD1541" s="53">
        <v>-11072460.964079401</v>
      </c>
      <c r="AE1541" s="53">
        <v>-10976210.6787642</v>
      </c>
      <c r="AF1541" s="53">
        <v>-11376219.9709257</v>
      </c>
      <c r="AG1541" s="53">
        <v>-14322405.139644301</v>
      </c>
      <c r="AH1541" s="53">
        <v>-17351302.953882899</v>
      </c>
      <c r="AI1541" s="53">
        <v>-19678720.036359798</v>
      </c>
      <c r="AJ1541" s="53">
        <v>-20570353.334994499</v>
      </c>
      <c r="AK1541" s="53">
        <v>-17440018.535381202</v>
      </c>
      <c r="AL1541" s="53">
        <v>-11535864.528432701</v>
      </c>
      <c r="AM1541" s="53">
        <v>-11143857.6269948</v>
      </c>
      <c r="AN1541" s="53">
        <v>-175857256.77456701</v>
      </c>
      <c r="AO1541" s="53">
        <v>-9960789.5732186995</v>
      </c>
      <c r="AP1541" s="53">
        <v>-7113836.3300907305</v>
      </c>
      <c r="AQ1541" s="53">
        <v>-4806350.2320352402</v>
      </c>
      <c r="AR1541" s="53">
        <v>-4640967.3589823702</v>
      </c>
      <c r="AS1541" s="53">
        <v>-4819161.1474180697</v>
      </c>
      <c r="AT1541" s="53">
        <v>-6110259.1994688204</v>
      </c>
      <c r="AU1541" s="53">
        <v>-7439774.6677730298</v>
      </c>
      <c r="AV1541" s="53">
        <v>-8451526.8842530902</v>
      </c>
      <c r="AW1541" s="53">
        <v>-8836895.7373956591</v>
      </c>
      <c r="AX1541" s="53">
        <v>-7487927.5640554698</v>
      </c>
      <c r="AY1541" s="53">
        <v>-4941624.9564454602</v>
      </c>
      <c r="AZ1541" s="53">
        <v>-4766107.4701088602</v>
      </c>
      <c r="BA1541" s="53">
        <v>-79375221.121245503</v>
      </c>
      <c r="BB1541" s="53">
        <v>-4147894.9893764998</v>
      </c>
      <c r="BC1541" s="53">
        <v>-2575137.2499293098</v>
      </c>
      <c r="BD1541" s="53">
        <v>-1708898.7850131399</v>
      </c>
      <c r="BE1541" s="53">
        <v>-1609513.43025397</v>
      </c>
      <c r="BF1541" s="53">
        <v>-1673702.77324492</v>
      </c>
      <c r="BG1541" s="53">
        <v>-2135112.1873636199</v>
      </c>
      <c r="BH1541" s="53">
        <v>-2613192.0907011498</v>
      </c>
      <c r="BI1541" s="53">
        <v>-2973728.8902048301</v>
      </c>
      <c r="BJ1541" s="53">
        <v>-3110576.09768885</v>
      </c>
      <c r="BK1541" s="53">
        <v>-2633664.65950411</v>
      </c>
      <c r="BL1541" s="53">
        <v>-1733988.0475287</v>
      </c>
      <c r="BM1541" s="53">
        <v>-1669495.9225637501</v>
      </c>
      <c r="BN1541" s="53">
        <v>-28584905.123372801</v>
      </c>
      <c r="BO1541" s="53">
        <v>-1517010.5967834301</v>
      </c>
      <c r="BP1541" s="53">
        <v>-1147857.83278352</v>
      </c>
      <c r="BQ1541" s="53">
        <v>-771672.90442333301</v>
      </c>
      <c r="BR1541" s="53">
        <v>-745278.96837296698</v>
      </c>
      <c r="BS1541" s="53">
        <v>-776247.54599512101</v>
      </c>
      <c r="BT1541" s="53">
        <v>-994802.208130994</v>
      </c>
      <c r="BU1541" s="53">
        <v>-1222934.57549162</v>
      </c>
      <c r="BV1541" s="53">
        <v>-1394053.58537337</v>
      </c>
      <c r="BW1541" s="53">
        <v>-1459456.78645142</v>
      </c>
      <c r="BX1541" s="53">
        <v>-1237048.1918013699</v>
      </c>
      <c r="BY1541" s="53">
        <v>-814621.34049397998</v>
      </c>
      <c r="BZ1541" s="53">
        <v>-784897.734806236</v>
      </c>
      <c r="CA1541" s="53">
        <v>-12865882.2709073</v>
      </c>
      <c r="CB1541" s="53"/>
      <c r="CC1541" s="53"/>
      <c r="CD1541" s="53"/>
      <c r="CE1541" s="53"/>
      <c r="CF1541" s="53"/>
      <c r="CG1541" s="53"/>
      <c r="CH1541" s="53"/>
      <c r="CI1541" s="53"/>
      <c r="CJ1541" s="53"/>
      <c r="CK1541" s="53"/>
      <c r="CL1541" s="53"/>
      <c r="CM1541" s="53"/>
      <c r="CN1541" s="53"/>
    </row>
    <row r="1542" spans="1:92" outlineLevel="1">
      <c r="A1542" s="52" t="s">
        <v>1242</v>
      </c>
      <c r="B1542" s="53"/>
      <c r="C1542" s="53"/>
      <c r="D1542" s="53"/>
      <c r="E1542" s="53"/>
      <c r="F1542" s="53"/>
      <c r="G1542" s="53"/>
      <c r="H1542" s="53"/>
      <c r="I1542" s="53"/>
      <c r="J1542" s="53"/>
      <c r="K1542" s="53"/>
      <c r="L1542" s="53"/>
      <c r="M1542" s="53"/>
      <c r="N1542" s="53"/>
      <c r="O1542" s="53"/>
      <c r="P1542" s="53"/>
      <c r="Q1542" s="53"/>
      <c r="R1542" s="53"/>
      <c r="S1542" s="53"/>
      <c r="T1542" s="53"/>
      <c r="U1542" s="53"/>
      <c r="V1542" s="53"/>
      <c r="W1542" s="53"/>
      <c r="X1542" s="53"/>
      <c r="Y1542" s="53"/>
      <c r="Z1542" s="53"/>
      <c r="AA1542" s="53"/>
      <c r="AB1542" s="53"/>
      <c r="AC1542" s="53"/>
      <c r="AD1542" s="53"/>
      <c r="AE1542" s="53"/>
      <c r="AF1542" s="53"/>
      <c r="AG1542" s="53"/>
      <c r="AH1542" s="53"/>
      <c r="AI1542" s="53"/>
      <c r="AJ1542" s="53"/>
      <c r="AK1542" s="53"/>
      <c r="AL1542" s="53"/>
      <c r="AM1542" s="53"/>
      <c r="AN1542" s="53"/>
      <c r="AO1542" s="53"/>
      <c r="AP1542" s="53"/>
      <c r="AQ1542" s="53"/>
      <c r="AR1542" s="53"/>
      <c r="AS1542" s="53"/>
      <c r="AT1542" s="53"/>
      <c r="AU1542" s="53"/>
      <c r="AV1542" s="53"/>
      <c r="AW1542" s="53"/>
      <c r="AX1542" s="53"/>
      <c r="AY1542" s="53"/>
      <c r="AZ1542" s="53"/>
      <c r="BA1542" s="53"/>
      <c r="BB1542" s="53"/>
      <c r="BC1542" s="53"/>
      <c r="BD1542" s="53"/>
      <c r="BE1542" s="53"/>
      <c r="BF1542" s="53"/>
      <c r="BG1542" s="53"/>
      <c r="BH1542" s="53"/>
      <c r="BI1542" s="53"/>
      <c r="BJ1542" s="53"/>
      <c r="BK1542" s="53"/>
      <c r="BL1542" s="53"/>
      <c r="BM1542" s="53"/>
      <c r="BN1542" s="53"/>
      <c r="BO1542" s="53"/>
      <c r="BP1542" s="53"/>
      <c r="BQ1542" s="53"/>
      <c r="BR1542" s="53"/>
      <c r="BS1542" s="53"/>
      <c r="BT1542" s="53"/>
      <c r="BU1542" s="53"/>
      <c r="BV1542" s="53"/>
      <c r="BW1542" s="53"/>
      <c r="BX1542" s="53"/>
      <c r="BY1542" s="53"/>
      <c r="BZ1542" s="53"/>
      <c r="CA1542" s="53"/>
      <c r="CB1542" s="53"/>
      <c r="CC1542" s="53"/>
      <c r="CD1542" s="53"/>
      <c r="CE1542" s="53"/>
      <c r="CF1542" s="53"/>
      <c r="CG1542" s="53"/>
      <c r="CH1542" s="53"/>
      <c r="CI1542" s="53"/>
      <c r="CJ1542" s="53"/>
      <c r="CK1542" s="53"/>
      <c r="CL1542" s="53"/>
      <c r="CM1542" s="53"/>
      <c r="CN1542" s="53"/>
    </row>
    <row r="1543" spans="1:92" outlineLevel="1">
      <c r="A1543" s="52" t="s">
        <v>1261</v>
      </c>
      <c r="B1543" s="53">
        <v>-2337549.1405652501</v>
      </c>
      <c r="C1543" s="53">
        <v>-2218917.6661985498</v>
      </c>
      <c r="D1543" s="53">
        <v>-2230502.2264253702</v>
      </c>
      <c r="E1543" s="53">
        <v>-2517981.4379357202</v>
      </c>
      <c r="F1543" s="53">
        <v>-2581092.6880697701</v>
      </c>
      <c r="G1543" s="53">
        <v>-2824190.9475696399</v>
      </c>
      <c r="H1543" s="53">
        <v>-3163936.2317325799</v>
      </c>
      <c r="I1543" s="53">
        <v>-3255340.7917396198</v>
      </c>
      <c r="J1543" s="53">
        <v>-3053751.7166869398</v>
      </c>
      <c r="K1543" s="53">
        <v>-3238599.14451935</v>
      </c>
      <c r="L1543" s="53">
        <v>-2354003.2363761598</v>
      </c>
      <c r="M1543" s="53">
        <v>-2515695.4846203402</v>
      </c>
      <c r="N1543" s="53">
        <v>-32291560.712439299</v>
      </c>
      <c r="O1543" s="53">
        <v>-2486034.2084738398</v>
      </c>
      <c r="P1543" s="53">
        <v>-2959606.23647267</v>
      </c>
      <c r="Q1543" s="53">
        <v>-2327525.4623120199</v>
      </c>
      <c r="R1543" s="53">
        <v>-2493940.1110107498</v>
      </c>
      <c r="S1543" s="53">
        <v>-2591841.9906231598</v>
      </c>
      <c r="T1543" s="53">
        <v>-2877512.0806939802</v>
      </c>
      <c r="U1543" s="53">
        <v>-3177788.23526038</v>
      </c>
      <c r="V1543" s="53">
        <v>-3430940.1693712398</v>
      </c>
      <c r="W1543" s="53">
        <v>-3558145.4847293799</v>
      </c>
      <c r="X1543" s="53">
        <v>-3281894.4097151002</v>
      </c>
      <c r="Y1543" s="53">
        <v>-2393153.4009179901</v>
      </c>
      <c r="Z1543" s="53">
        <v>-2439347.1098225098</v>
      </c>
      <c r="AA1543" s="53">
        <v>-34017728.899402998</v>
      </c>
      <c r="AB1543" s="53">
        <v>-2447794.0750341001</v>
      </c>
      <c r="AC1543" s="53">
        <v>-3142410.2687355801</v>
      </c>
      <c r="AD1543" s="53">
        <v>-2467077.4694482102</v>
      </c>
      <c r="AE1543" s="53">
        <v>-2621919.9333917401</v>
      </c>
      <c r="AF1543" s="53">
        <v>-2742210.66892927</v>
      </c>
      <c r="AG1543" s="53">
        <v>-3066972.9793083598</v>
      </c>
      <c r="AH1543" s="53">
        <v>-3388041.0424560099</v>
      </c>
      <c r="AI1543" s="53">
        <v>-3651929.85085251</v>
      </c>
      <c r="AJ1543" s="53">
        <v>-3800742.7845260301</v>
      </c>
      <c r="AK1543" s="53">
        <v>-3498311.98478613</v>
      </c>
      <c r="AL1543" s="53">
        <v>-2536745.6232369002</v>
      </c>
      <c r="AM1543" s="53">
        <v>-2563981.9209291702</v>
      </c>
      <c r="AN1543" s="53">
        <v>-35928138.601634003</v>
      </c>
      <c r="AO1543" s="53">
        <v>-2528977.18289191</v>
      </c>
      <c r="AP1543" s="53">
        <v>-3126341.76203288</v>
      </c>
      <c r="AQ1543" s="53">
        <v>-2404881.3672773298</v>
      </c>
      <c r="AR1543" s="53">
        <v>-2633935.4540872802</v>
      </c>
      <c r="AS1543" s="53">
        <v>-2753708.8592841201</v>
      </c>
      <c r="AT1543" s="53">
        <v>-3090906.1002281299</v>
      </c>
      <c r="AU1543" s="53">
        <v>-3414804.34200624</v>
      </c>
      <c r="AV1543" s="53">
        <v>-3697462.5310392599</v>
      </c>
      <c r="AW1543" s="53">
        <v>-3833621.7357944399</v>
      </c>
      <c r="AX1543" s="53">
        <v>-3532589.6671153</v>
      </c>
      <c r="AY1543" s="53">
        <v>-2534620.3031013799</v>
      </c>
      <c r="AZ1543" s="53">
        <v>-2577739.2229218301</v>
      </c>
      <c r="BA1543" s="53">
        <v>-36129588.527780101</v>
      </c>
      <c r="BB1543" s="53">
        <v>-2548739.78864979</v>
      </c>
      <c r="BC1543" s="53">
        <v>-3182571.8152907798</v>
      </c>
      <c r="BD1543" s="53">
        <v>-2473514.46622254</v>
      </c>
      <c r="BE1543" s="53">
        <v>-2690046.0924523701</v>
      </c>
      <c r="BF1543" s="53">
        <v>-2811649.4879589202</v>
      </c>
      <c r="BG1543" s="53">
        <v>-3153473.0067084199</v>
      </c>
      <c r="BH1543" s="53">
        <v>-3505123.5395779102</v>
      </c>
      <c r="BI1543" s="53">
        <v>-3784764.4514512499</v>
      </c>
      <c r="BJ1543" s="53">
        <v>-3920346.7178334198</v>
      </c>
      <c r="BK1543" s="53">
        <v>-3626967.4551224401</v>
      </c>
      <c r="BL1543" s="53">
        <v>-2610457.90460002</v>
      </c>
      <c r="BM1543" s="53">
        <v>-2628524.7716669198</v>
      </c>
      <c r="BN1543" s="53">
        <v>-36936179.497534797</v>
      </c>
      <c r="BO1543" s="53">
        <v>-2636335.3952802601</v>
      </c>
      <c r="BP1543" s="53">
        <v>-3369800.2752602799</v>
      </c>
      <c r="BQ1543" s="53">
        <v>-2623234.5289457198</v>
      </c>
      <c r="BR1543" s="53">
        <v>-2850167.2244483801</v>
      </c>
      <c r="BS1543" s="53">
        <v>-2981673.1653986601</v>
      </c>
      <c r="BT1543" s="53">
        <v>-3365453.9485931001</v>
      </c>
      <c r="BU1543" s="53">
        <v>-3749447.8174417298</v>
      </c>
      <c r="BV1543" s="53">
        <v>-4045697.1303476901</v>
      </c>
      <c r="BW1543" s="53">
        <v>-4185876.1903130598</v>
      </c>
      <c r="BX1543" s="53">
        <v>-3879066.8016813002</v>
      </c>
      <c r="BY1543" s="53">
        <v>-2791202.05994335</v>
      </c>
      <c r="BZ1543" s="53">
        <v>-2815916.8783363001</v>
      </c>
      <c r="CA1543" s="53">
        <v>-39293871.415989801</v>
      </c>
      <c r="CB1543" s="53">
        <v>14636984.920697</v>
      </c>
      <c r="CC1543" s="53">
        <v>13239664.975370999</v>
      </c>
      <c r="CD1543" s="53">
        <v>14183658.045549201</v>
      </c>
      <c r="CE1543" s="53">
        <v>14620125.3385897</v>
      </c>
      <c r="CF1543" s="53">
        <v>17025925.064432099</v>
      </c>
      <c r="CG1543" s="53">
        <v>18398724.701769501</v>
      </c>
      <c r="CH1543" s="53">
        <v>19662962.669333499</v>
      </c>
      <c r="CI1543" s="53">
        <v>20136690.254781</v>
      </c>
      <c r="CJ1543" s="53">
        <v>18800869.083927698</v>
      </c>
      <c r="CK1543" s="53">
        <v>16145176.3461945</v>
      </c>
      <c r="CL1543" s="53">
        <v>13960036.1488743</v>
      </c>
      <c r="CM1543" s="53">
        <v>14567182.450480299</v>
      </c>
      <c r="CN1543" s="53">
        <v>195378000</v>
      </c>
    </row>
    <row r="1544" spans="1:92" outlineLevel="1">
      <c r="A1544" s="52" t="s">
        <v>1262</v>
      </c>
      <c r="B1544" s="53">
        <v>-806022.46845556598</v>
      </c>
      <c r="C1544" s="53">
        <v>-742862.68838183896</v>
      </c>
      <c r="D1544" s="53">
        <v>-790032.63877833402</v>
      </c>
      <c r="E1544" s="53">
        <v>-826148.777773323</v>
      </c>
      <c r="F1544" s="53">
        <v>-813313.81166521204</v>
      </c>
      <c r="G1544" s="53">
        <v>-836230.25247485796</v>
      </c>
      <c r="H1544" s="53">
        <v>-899868.69569387601</v>
      </c>
      <c r="I1544" s="53">
        <v>-866068.95274355705</v>
      </c>
      <c r="J1544" s="53">
        <v>-797196.19583525602</v>
      </c>
      <c r="K1544" s="53">
        <v>-914131.73297372996</v>
      </c>
      <c r="L1544" s="53">
        <v>-717729.45303928503</v>
      </c>
      <c r="M1544" s="53">
        <v>-840702.54743195302</v>
      </c>
      <c r="N1544" s="53">
        <v>-9850308.2152467892</v>
      </c>
      <c r="O1544" s="53">
        <v>-710406.31187899096</v>
      </c>
      <c r="P1544" s="53">
        <v>-627126.97317804105</v>
      </c>
      <c r="Q1544" s="53">
        <v>-711748.84376939596</v>
      </c>
      <c r="R1544" s="53">
        <v>-827482.54008305795</v>
      </c>
      <c r="S1544" s="53">
        <v>-957439.25378920103</v>
      </c>
      <c r="T1544" s="53">
        <v>-1031658.49893944</v>
      </c>
      <c r="U1544" s="53">
        <v>-908675.09042340296</v>
      </c>
      <c r="V1544" s="53">
        <v>-864178.25448958704</v>
      </c>
      <c r="W1544" s="53">
        <v>-793697.48151170602</v>
      </c>
      <c r="X1544" s="53">
        <v>-854733.18311918702</v>
      </c>
      <c r="Y1544" s="53">
        <v>-615522.38908142794</v>
      </c>
      <c r="Z1544" s="53">
        <v>-653635.96454024699</v>
      </c>
      <c r="AA1544" s="53">
        <v>-9556304.7848036997</v>
      </c>
      <c r="AB1544" s="53">
        <v>-626628.40067028801</v>
      </c>
      <c r="AC1544" s="53">
        <v>-643939.31469086395</v>
      </c>
      <c r="AD1544" s="53">
        <v>-753032.15470209799</v>
      </c>
      <c r="AE1544" s="53">
        <v>-876818.56746096595</v>
      </c>
      <c r="AF1544" s="53">
        <v>-1015237.63540337</v>
      </c>
      <c r="AG1544" s="53">
        <v>-1094028.7231040399</v>
      </c>
      <c r="AH1544" s="53">
        <v>-963635.20264583698</v>
      </c>
      <c r="AI1544" s="53">
        <v>-916539.39415966196</v>
      </c>
      <c r="AJ1544" s="53">
        <v>-841658.16478593298</v>
      </c>
      <c r="AK1544" s="53">
        <v>-906989.58766006597</v>
      </c>
      <c r="AL1544" s="53">
        <v>-653413.66372228903</v>
      </c>
      <c r="AM1544" s="53">
        <v>-694081.558691793</v>
      </c>
      <c r="AN1544" s="53">
        <v>-9986002.3676972091</v>
      </c>
      <c r="AO1544" s="53">
        <v>-658375.05871495395</v>
      </c>
      <c r="AP1544" s="53">
        <v>-649573.92411481997</v>
      </c>
      <c r="AQ1544" s="53">
        <v>-751537.26880061498</v>
      </c>
      <c r="AR1544" s="53">
        <v>-879380.84212117596</v>
      </c>
      <c r="AS1544" s="53">
        <v>-1017542.06138044</v>
      </c>
      <c r="AT1544" s="53">
        <v>-1096542.7197398299</v>
      </c>
      <c r="AU1544" s="53">
        <v>-966351.29629911901</v>
      </c>
      <c r="AV1544" s="53">
        <v>-919194.02202108002</v>
      </c>
      <c r="AW1544" s="53">
        <v>-844081.53820379602</v>
      </c>
      <c r="AX1544" s="53">
        <v>-909590.16066208098</v>
      </c>
      <c r="AY1544" s="53">
        <v>-655422.84834967402</v>
      </c>
      <c r="AZ1544" s="53">
        <v>-696380.85458225396</v>
      </c>
      <c r="BA1544" s="53">
        <v>-10043972.594989801</v>
      </c>
      <c r="BB1544" s="53">
        <v>-662431.40886540897</v>
      </c>
      <c r="BC1544" s="53">
        <v>-660553.13669605204</v>
      </c>
      <c r="BD1544" s="53">
        <v>-764784.78609799303</v>
      </c>
      <c r="BE1544" s="53">
        <v>-895009.034618743</v>
      </c>
      <c r="BF1544" s="53">
        <v>-1035049.32274688</v>
      </c>
      <c r="BG1544" s="53">
        <v>-1115249.8472971199</v>
      </c>
      <c r="BH1544" s="53">
        <v>-983411.98759684898</v>
      </c>
      <c r="BI1544" s="53">
        <v>-935636.73887068604</v>
      </c>
      <c r="BJ1544" s="53">
        <v>-859310.81277757196</v>
      </c>
      <c r="BK1544" s="53">
        <v>-926202.13796492503</v>
      </c>
      <c r="BL1544" s="53">
        <v>-667686.90588846104</v>
      </c>
      <c r="BM1544" s="53">
        <v>-709779.72625216295</v>
      </c>
      <c r="BN1544" s="53">
        <v>-10215105.845672799</v>
      </c>
      <c r="BO1544" s="53">
        <v>-681437.025049082</v>
      </c>
      <c r="BP1544" s="53">
        <v>-701324.30422257003</v>
      </c>
      <c r="BQ1544" s="53">
        <v>-814111.23935651802</v>
      </c>
      <c r="BR1544" s="53">
        <v>-953898.76598224603</v>
      </c>
      <c r="BS1544" s="53">
        <v>-1102539.93108078</v>
      </c>
      <c r="BT1544" s="53">
        <v>-1187973.9661230401</v>
      </c>
      <c r="BU1544" s="53">
        <v>-1048613.4072201599</v>
      </c>
      <c r="BV1544" s="53">
        <v>-998104.82742197497</v>
      </c>
      <c r="BW1544" s="53">
        <v>-916929.27999664203</v>
      </c>
      <c r="BX1544" s="53">
        <v>-988708.42673321394</v>
      </c>
      <c r="BY1544" s="53">
        <v>-713289.949644765</v>
      </c>
      <c r="BZ1544" s="53">
        <v>-758898.04194949998</v>
      </c>
      <c r="CA1544" s="53">
        <v>-10865829.164780499</v>
      </c>
      <c r="CB1544" s="53"/>
      <c r="CC1544" s="53"/>
      <c r="CD1544" s="53"/>
      <c r="CE1544" s="53"/>
      <c r="CF1544" s="53"/>
      <c r="CG1544" s="53"/>
      <c r="CH1544" s="53"/>
      <c r="CI1544" s="53"/>
      <c r="CJ1544" s="53"/>
      <c r="CK1544" s="53"/>
      <c r="CL1544" s="53"/>
      <c r="CM1544" s="53"/>
      <c r="CN1544" s="53"/>
    </row>
    <row r="1545" spans="1:92" outlineLevel="1">
      <c r="A1545" s="52" t="s">
        <v>1266</v>
      </c>
      <c r="B1545" s="53">
        <v>-5320.5953858314697</v>
      </c>
      <c r="C1545" s="53">
        <v>-4928.1158363972299</v>
      </c>
      <c r="D1545" s="53">
        <v>-5131.8439762386297</v>
      </c>
      <c r="E1545" s="53">
        <v>-5100.1499305464304</v>
      </c>
      <c r="F1545" s="53">
        <v>-4898.65726107916</v>
      </c>
      <c r="G1545" s="53">
        <v>-4946.8822174191901</v>
      </c>
      <c r="H1545" s="53">
        <v>-5216.1159734695402</v>
      </c>
      <c r="I1545" s="53">
        <v>-5163.0985565198998</v>
      </c>
      <c r="J1545" s="53">
        <v>-4847.4591328397</v>
      </c>
      <c r="K1545" s="53">
        <v>-5489.8237175690901</v>
      </c>
      <c r="L1545" s="53">
        <v>-4388.7007502818797</v>
      </c>
      <c r="M1545" s="53">
        <v>-5184.5623704414102</v>
      </c>
      <c r="N1545" s="53">
        <v>-60616.005108633603</v>
      </c>
      <c r="O1545" s="53">
        <v>-5233.8502723237798</v>
      </c>
      <c r="P1545" s="53">
        <v>-6997.62020447942</v>
      </c>
      <c r="Q1545" s="53">
        <v>-7475.2853452786603</v>
      </c>
      <c r="R1545" s="53">
        <v>-7526.8511011891796</v>
      </c>
      <c r="S1545" s="53">
        <v>-7192.0351999157801</v>
      </c>
      <c r="T1545" s="53">
        <v>-7225.7066878042297</v>
      </c>
      <c r="U1545" s="53">
        <v>-7582.4436452361997</v>
      </c>
      <c r="V1545" s="53">
        <v>-7472.7667806187701</v>
      </c>
      <c r="W1545" s="53">
        <v>-6990.3030532662997</v>
      </c>
      <c r="X1545" s="53">
        <v>-7885.7449631216496</v>
      </c>
      <c r="Y1545" s="53">
        <v>-6286.4080619249798</v>
      </c>
      <c r="Z1545" s="53">
        <v>-7404.48978581759</v>
      </c>
      <c r="AA1545" s="53">
        <v>-85273.505100976501</v>
      </c>
      <c r="AB1545" s="53">
        <v>-6820.7220641425602</v>
      </c>
      <c r="AC1545" s="53">
        <v>-7201.8334967041701</v>
      </c>
      <c r="AD1545" s="53">
        <v>-7579.30371374263</v>
      </c>
      <c r="AE1545" s="53">
        <v>-7576.6209526295897</v>
      </c>
      <c r="AF1545" s="53">
        <v>-7265.6122472226698</v>
      </c>
      <c r="AG1545" s="53">
        <v>-7326.1530836450702</v>
      </c>
      <c r="AH1545" s="53">
        <v>-7714.7363620854103</v>
      </c>
      <c r="AI1545" s="53">
        <v>-7627.8652362000303</v>
      </c>
      <c r="AJ1545" s="53">
        <v>-7155.40993924141</v>
      </c>
      <c r="AK1545" s="53">
        <v>-8096.8871077580898</v>
      </c>
      <c r="AL1545" s="53">
        <v>-6469.4477839013998</v>
      </c>
      <c r="AM1545" s="53">
        <v>-7638.9585015576404</v>
      </c>
      <c r="AN1545" s="53">
        <v>-88473.550488830704</v>
      </c>
      <c r="AO1545" s="53">
        <v>-6971.7531608404997</v>
      </c>
      <c r="AP1545" s="53">
        <v>-7110.5672638795104</v>
      </c>
      <c r="AQ1545" s="53">
        <v>-7472.8721868011899</v>
      </c>
      <c r="AR1545" s="53">
        <v>-7469.3783508241504</v>
      </c>
      <c r="AS1545" s="53">
        <v>-7174.3129441848596</v>
      </c>
      <c r="AT1545" s="53">
        <v>-7245.7948752909797</v>
      </c>
      <c r="AU1545" s="53">
        <v>-7641.9088086369702</v>
      </c>
      <c r="AV1545" s="53">
        <v>-7566.6740567960296</v>
      </c>
      <c r="AW1545" s="53">
        <v>-7106.7221773375004</v>
      </c>
      <c r="AX1545" s="53">
        <v>-8052.5685077799799</v>
      </c>
      <c r="AY1545" s="53">
        <v>-6440.3925509435703</v>
      </c>
      <c r="AZ1545" s="53">
        <v>-7612.7519111254896</v>
      </c>
      <c r="BA1545" s="53">
        <v>-87865.696794440795</v>
      </c>
      <c r="BB1545" s="53">
        <v>-6976.4331486992996</v>
      </c>
      <c r="BC1545" s="53">
        <v>-7194.7904575196799</v>
      </c>
      <c r="BD1545" s="53">
        <v>-7574.8889495805397</v>
      </c>
      <c r="BE1545" s="53">
        <v>-7581.95660595343</v>
      </c>
      <c r="BF1545" s="53">
        <v>-7287.3787008938598</v>
      </c>
      <c r="BG1545" s="53">
        <v>-7364.9709536099999</v>
      </c>
      <c r="BH1545" s="53">
        <v>-7772.6144725563099</v>
      </c>
      <c r="BI1545" s="53">
        <v>-7700.64380218722</v>
      </c>
      <c r="BJ1545" s="53">
        <v>-7236.2038499334103</v>
      </c>
      <c r="BK1545" s="53">
        <v>-8203.7856786772209</v>
      </c>
      <c r="BL1545" s="53">
        <v>-6563.96414236501</v>
      </c>
      <c r="BM1545" s="53">
        <v>-7762.1783754129101</v>
      </c>
      <c r="BN1545" s="53">
        <v>-89219.809137388904</v>
      </c>
      <c r="BO1545" s="53">
        <v>-7185.9931659256099</v>
      </c>
      <c r="BP1545" s="53">
        <v>-7645.4530318862999</v>
      </c>
      <c r="BQ1545" s="53">
        <v>-8074.51864118102</v>
      </c>
      <c r="BR1545" s="53">
        <v>-8098.4761704932098</v>
      </c>
      <c r="BS1545" s="53">
        <v>-7785.9119860419596</v>
      </c>
      <c r="BT1545" s="53">
        <v>-7870.8734393000896</v>
      </c>
      <c r="BU1545" s="53">
        <v>-8308.5872475038705</v>
      </c>
      <c r="BV1545" s="53">
        <v>-8233.5186977528301</v>
      </c>
      <c r="BW1545" s="53">
        <v>-7738.4224670528502</v>
      </c>
      <c r="BX1545" s="53">
        <v>-8774.9587594582699</v>
      </c>
      <c r="BY1545" s="53">
        <v>-7022.0286535394098</v>
      </c>
      <c r="BZ1545" s="53">
        <v>-8305.1658265559399</v>
      </c>
      <c r="CA1545" s="53">
        <v>-95043.908086691299</v>
      </c>
      <c r="CB1545" s="53">
        <v>16698580.1769762</v>
      </c>
      <c r="CC1545" s="53">
        <v>16698580.1769762</v>
      </c>
      <c r="CD1545" s="53">
        <v>16698580.1769762</v>
      </c>
      <c r="CE1545" s="53">
        <v>16698580.1769762</v>
      </c>
      <c r="CF1545" s="53">
        <v>16698580.1769762</v>
      </c>
      <c r="CG1545" s="53">
        <v>16698580.1769762</v>
      </c>
      <c r="CH1545" s="53">
        <v>16698580.1769762</v>
      </c>
      <c r="CI1545" s="53">
        <v>16698580.1769762</v>
      </c>
      <c r="CJ1545" s="53">
        <v>16698580.1769762</v>
      </c>
      <c r="CK1545" s="53">
        <v>16698580.1769762</v>
      </c>
      <c r="CL1545" s="53">
        <v>16698580.1769762</v>
      </c>
      <c r="CM1545" s="53">
        <v>16698580.1769762</v>
      </c>
      <c r="CN1545" s="53">
        <v>200382962.123714</v>
      </c>
    </row>
    <row r="1546" spans="1:92" outlineLevel="1">
      <c r="A1546" s="52" t="s">
        <v>1263</v>
      </c>
      <c r="B1546" s="53">
        <v>-698249.64237701404</v>
      </c>
      <c r="C1546" s="53">
        <v>-657743.00225386606</v>
      </c>
      <c r="D1546" s="53">
        <v>-685674.36984767602</v>
      </c>
      <c r="E1546" s="53">
        <v>-707109.813318701</v>
      </c>
      <c r="F1546" s="53">
        <v>-721672.00980035705</v>
      </c>
      <c r="G1546" s="53">
        <v>-786504.56867160997</v>
      </c>
      <c r="H1546" s="53">
        <v>-835862.30472561799</v>
      </c>
      <c r="I1546" s="53">
        <v>-804551.20983649604</v>
      </c>
      <c r="J1546" s="53">
        <v>-781279.10834359506</v>
      </c>
      <c r="K1546" s="53">
        <v>-895461.07596664596</v>
      </c>
      <c r="L1546" s="53">
        <v>-667752.45864628104</v>
      </c>
      <c r="M1546" s="53">
        <v>-721834.88732115296</v>
      </c>
      <c r="N1546" s="53">
        <v>-8963694.4511090107</v>
      </c>
      <c r="O1546" s="53">
        <v>-656958.94270147395</v>
      </c>
      <c r="P1546" s="53">
        <v>-700423.51888032199</v>
      </c>
      <c r="Q1546" s="53">
        <v>-680707.43975731102</v>
      </c>
      <c r="R1546" s="53">
        <v>-707055.39842219802</v>
      </c>
      <c r="S1546" s="53">
        <v>-727470.60828319204</v>
      </c>
      <c r="T1546" s="53">
        <v>-791116.23035622702</v>
      </c>
      <c r="U1546" s="53">
        <v>-848273.97645796405</v>
      </c>
      <c r="V1546" s="53">
        <v>-850113.52981905802</v>
      </c>
      <c r="W1546" s="53">
        <v>-786057.44354148197</v>
      </c>
      <c r="X1546" s="53">
        <v>-902842.85981112299</v>
      </c>
      <c r="Y1546" s="53">
        <v>-671047.96374277899</v>
      </c>
      <c r="Z1546" s="53">
        <v>-716351.31620421004</v>
      </c>
      <c r="AA1546" s="53">
        <v>-9038419.2279773392</v>
      </c>
      <c r="AB1546" s="53">
        <v>-656701.48886836204</v>
      </c>
      <c r="AC1546" s="53">
        <v>-732531.45927340095</v>
      </c>
      <c r="AD1546" s="53">
        <v>-714850.26346978301</v>
      </c>
      <c r="AE1546" s="53">
        <v>-744120.012819533</v>
      </c>
      <c r="AF1546" s="53">
        <v>-765688.93730288197</v>
      </c>
      <c r="AG1546" s="53">
        <v>-832674.68391133496</v>
      </c>
      <c r="AH1546" s="53">
        <v>-892761.09809465997</v>
      </c>
      <c r="AI1546" s="53">
        <v>-894611.12014784</v>
      </c>
      <c r="AJ1546" s="53">
        <v>-827091.89960821404</v>
      </c>
      <c r="AK1546" s="53">
        <v>-950108.62006018299</v>
      </c>
      <c r="AL1546" s="53">
        <v>-706114.32098910795</v>
      </c>
      <c r="AM1546" s="53">
        <v>-753552.426306232</v>
      </c>
      <c r="AN1546" s="53">
        <v>-9470806.33085154</v>
      </c>
      <c r="AO1546" s="53">
        <v>-681885.72599342396</v>
      </c>
      <c r="AP1546" s="53">
        <v>-733239.50351146795</v>
      </c>
      <c r="AQ1546" s="53">
        <v>-712995.29909788095</v>
      </c>
      <c r="AR1546" s="53">
        <v>-741603.03946579399</v>
      </c>
      <c r="AS1546" s="53">
        <v>-763279.27763020899</v>
      </c>
      <c r="AT1546" s="53">
        <v>-830144.99557244102</v>
      </c>
      <c r="AU1546" s="53">
        <v>-889948.57936479396</v>
      </c>
      <c r="AV1546" s="53">
        <v>-891677.88135137095</v>
      </c>
      <c r="AW1546" s="53">
        <v>-824234.27029971301</v>
      </c>
      <c r="AX1546" s="53">
        <v>-947063.731214019</v>
      </c>
      <c r="AY1546" s="53">
        <v>-703782.20107529999</v>
      </c>
      <c r="AZ1546" s="53">
        <v>-750737.69786185399</v>
      </c>
      <c r="BA1546" s="53">
        <v>-9470592.2024382707</v>
      </c>
      <c r="BB1546" s="53">
        <v>-681536.44232300797</v>
      </c>
      <c r="BC1546" s="53">
        <v>-740926.01278707595</v>
      </c>
      <c r="BD1546" s="53">
        <v>-721164.99362916197</v>
      </c>
      <c r="BE1546" s="53">
        <v>-750823.98165057797</v>
      </c>
      <c r="BF1546" s="53">
        <v>-772887.10132019501</v>
      </c>
      <c r="BG1546" s="53">
        <v>-840635.855155661</v>
      </c>
      <c r="BH1546" s="53">
        <v>-901119.86281423597</v>
      </c>
      <c r="BI1546" s="53">
        <v>-902782.77574070101</v>
      </c>
      <c r="BJ1546" s="53">
        <v>-834391.355133723</v>
      </c>
      <c r="BK1546" s="53">
        <v>-958896.97023216495</v>
      </c>
      <c r="BL1546" s="53">
        <v>-712523.05312237598</v>
      </c>
      <c r="BM1546" s="53">
        <v>-759828.06718840799</v>
      </c>
      <c r="BN1546" s="53">
        <v>-9577516.4710972905</v>
      </c>
      <c r="BO1546" s="53">
        <v>-696962.09103024798</v>
      </c>
      <c r="BP1546" s="53">
        <v>-781139.81536551297</v>
      </c>
      <c r="BQ1546" s="53">
        <v>-762239.34656018903</v>
      </c>
      <c r="BR1546" s="53">
        <v>-795186.971481057</v>
      </c>
      <c r="BS1546" s="53">
        <v>-818662.19458322204</v>
      </c>
      <c r="BT1546" s="53">
        <v>-890454.39840081695</v>
      </c>
      <c r="BU1546" s="53">
        <v>-954430.27907757403</v>
      </c>
      <c r="BV1546" s="53">
        <v>-956086.48919035902</v>
      </c>
      <c r="BW1546" s="53">
        <v>-883527.08590875601</v>
      </c>
      <c r="BX1546" s="53">
        <v>-1015512.65350194</v>
      </c>
      <c r="BY1546" s="53">
        <v>-754512.74733728403</v>
      </c>
      <c r="BZ1546" s="53">
        <v>-804330.17648080899</v>
      </c>
      <c r="CA1546" s="53">
        <v>-10113044.248917701</v>
      </c>
      <c r="CB1546" s="53"/>
      <c r="CC1546" s="53"/>
      <c r="CD1546" s="53"/>
      <c r="CE1546" s="53"/>
      <c r="CF1546" s="53"/>
      <c r="CG1546" s="53"/>
      <c r="CH1546" s="53"/>
      <c r="CI1546" s="53"/>
      <c r="CJ1546" s="53"/>
      <c r="CK1546" s="53"/>
      <c r="CL1546" s="53"/>
      <c r="CM1546" s="53"/>
      <c r="CN1546" s="53"/>
    </row>
    <row r="1547" spans="1:92" outlineLevel="1">
      <c r="A1547" s="52" t="s">
        <v>1264</v>
      </c>
      <c r="B1547" s="53">
        <v>-4415242.6689480403</v>
      </c>
      <c r="C1547" s="53">
        <v>-4265237.5950375404</v>
      </c>
      <c r="D1547" s="53">
        <v>-4014689.8766712099</v>
      </c>
      <c r="E1547" s="53">
        <v>-4102120.7673491598</v>
      </c>
      <c r="F1547" s="53">
        <v>-4243654.6993559096</v>
      </c>
      <c r="G1547" s="53">
        <v>-5134809.6843630197</v>
      </c>
      <c r="H1547" s="53">
        <v>-6084517.7848978098</v>
      </c>
      <c r="I1547" s="53">
        <v>-6461425.0971450498</v>
      </c>
      <c r="J1547" s="53">
        <v>-5967500.48098124</v>
      </c>
      <c r="K1547" s="53">
        <v>-6060304.9155294299</v>
      </c>
      <c r="L1547" s="53">
        <v>-4152771.7023582198</v>
      </c>
      <c r="M1547" s="53">
        <v>-4299886.8271321896</v>
      </c>
      <c r="N1547" s="53">
        <v>-59202162.099768803</v>
      </c>
      <c r="O1547" s="53">
        <v>-4465909.9663504297</v>
      </c>
      <c r="P1547" s="53">
        <v>-5417044.3668747302</v>
      </c>
      <c r="Q1547" s="53">
        <v>-3808163.3659261502</v>
      </c>
      <c r="R1547" s="53">
        <v>-3885204.0389528498</v>
      </c>
      <c r="S1547" s="53">
        <v>-4016980.6385392998</v>
      </c>
      <c r="T1547" s="53">
        <v>-5005311.4638165496</v>
      </c>
      <c r="U1547" s="53">
        <v>-6017827.2620636299</v>
      </c>
      <c r="V1547" s="53">
        <v>-6821969.95542059</v>
      </c>
      <c r="W1547" s="53">
        <v>-7157309.3893394303</v>
      </c>
      <c r="X1547" s="53">
        <v>-6056117.5273316503</v>
      </c>
      <c r="Y1547" s="53">
        <v>-4029487.88986554</v>
      </c>
      <c r="Z1547" s="53">
        <v>-3915806.8075098302</v>
      </c>
      <c r="AA1547" s="53">
        <v>-60597132.6719907</v>
      </c>
      <c r="AB1547" s="53">
        <v>-4307870.3777198596</v>
      </c>
      <c r="AC1547" s="53">
        <v>-5734517.4289958198</v>
      </c>
      <c r="AD1547" s="53">
        <v>-4116885.7218252802</v>
      </c>
      <c r="AE1547" s="53">
        <v>-4148945.07952367</v>
      </c>
      <c r="AF1547" s="53">
        <v>-4300146.3121756501</v>
      </c>
      <c r="AG1547" s="53">
        <v>-5413787.5146691296</v>
      </c>
      <c r="AH1547" s="53">
        <v>-6558693.6257624803</v>
      </c>
      <c r="AI1547" s="53">
        <v>-7438444.0182202198</v>
      </c>
      <c r="AJ1547" s="53">
        <v>-7775476.3233915502</v>
      </c>
      <c r="AK1547" s="53">
        <v>-6592227.6099494305</v>
      </c>
      <c r="AL1547" s="53">
        <v>-4360491.0450462503</v>
      </c>
      <c r="AM1547" s="53">
        <v>-4212314.6704794997</v>
      </c>
      <c r="AN1547" s="53">
        <v>-64959799.727758802</v>
      </c>
      <c r="AO1547" s="53">
        <v>-4532362.8902036697</v>
      </c>
      <c r="AP1547" s="53">
        <v>-5729486.3085939297</v>
      </c>
      <c r="AQ1547" s="53">
        <v>-4010683.77608656</v>
      </c>
      <c r="AR1547" s="53">
        <v>-4091916.13611153</v>
      </c>
      <c r="AS1547" s="53">
        <v>-4249028.6477614203</v>
      </c>
      <c r="AT1547" s="53">
        <v>-5387382.9053632403</v>
      </c>
      <c r="AU1547" s="53">
        <v>-6559609.59371401</v>
      </c>
      <c r="AV1547" s="53">
        <v>-7451666.11989245</v>
      </c>
      <c r="AW1547" s="53">
        <v>-7791443.7797109</v>
      </c>
      <c r="AX1547" s="53">
        <v>-6602065.7452138104</v>
      </c>
      <c r="AY1547" s="53">
        <v>-4357004.3341835598</v>
      </c>
      <c r="AZ1547" s="53">
        <v>-4202251.5038021104</v>
      </c>
      <c r="BA1547" s="53">
        <v>-64964901.740637198</v>
      </c>
      <c r="BB1547" s="53">
        <v>-4545132.6072183801</v>
      </c>
      <c r="BC1547" s="53">
        <v>-5786379.8482276797</v>
      </c>
      <c r="BD1547" s="53">
        <v>-4027692.5694319098</v>
      </c>
      <c r="BE1547" s="53">
        <v>-4095944.6561264801</v>
      </c>
      <c r="BF1547" s="53">
        <v>-4259295.8848034404</v>
      </c>
      <c r="BG1547" s="53">
        <v>-5433506.2943107197</v>
      </c>
      <c r="BH1547" s="53">
        <v>-6650140.3331878204</v>
      </c>
      <c r="BI1547" s="53">
        <v>-7567646.6736170603</v>
      </c>
      <c r="BJ1547" s="53">
        <v>-7915900.11323673</v>
      </c>
      <c r="BK1547" s="53">
        <v>-6702239.6243210398</v>
      </c>
      <c r="BL1547" s="53">
        <v>-4412711.9063192299</v>
      </c>
      <c r="BM1547" s="53">
        <v>-4248590.14775101</v>
      </c>
      <c r="BN1547" s="53">
        <v>-65645180.658551499</v>
      </c>
      <c r="BO1547" s="53">
        <v>-4663738.2432803595</v>
      </c>
      <c r="BP1547" s="53">
        <v>-6099526.9942900101</v>
      </c>
      <c r="BQ1547" s="53">
        <v>-4232344.5131007796</v>
      </c>
      <c r="BR1547" s="53">
        <v>-4298480.2091013398</v>
      </c>
      <c r="BS1547" s="53">
        <v>-4477094.9609753396</v>
      </c>
      <c r="BT1547" s="53">
        <v>-5737633.5373540903</v>
      </c>
      <c r="BU1547" s="53">
        <v>-7053412.6050177496</v>
      </c>
      <c r="BV1547" s="53">
        <v>-8040360.7259119796</v>
      </c>
      <c r="BW1547" s="53">
        <v>-8417581.0385415498</v>
      </c>
      <c r="BX1547" s="53">
        <v>-7134814.4732587403</v>
      </c>
      <c r="BY1547" s="53">
        <v>-4698420.1334293196</v>
      </c>
      <c r="BZ1547" s="53">
        <v>-4526985.8971045902</v>
      </c>
      <c r="CA1547" s="53">
        <v>-69380393.331365898</v>
      </c>
      <c r="CB1547" s="53">
        <v>6254150</v>
      </c>
      <c r="CC1547" s="53">
        <v>6254150</v>
      </c>
      <c r="CD1547" s="53">
        <v>6254150</v>
      </c>
      <c r="CE1547" s="53">
        <v>6254150</v>
      </c>
      <c r="CF1547" s="53">
        <v>6254150</v>
      </c>
      <c r="CG1547" s="53">
        <v>6254150</v>
      </c>
      <c r="CH1547" s="53">
        <v>6254150</v>
      </c>
      <c r="CI1547" s="53">
        <v>6254150</v>
      </c>
      <c r="CJ1547" s="53">
        <v>6254150</v>
      </c>
      <c r="CK1547" s="53">
        <v>6254150</v>
      </c>
      <c r="CL1547" s="53">
        <v>6254150</v>
      </c>
      <c r="CM1547" s="53">
        <v>6254150</v>
      </c>
      <c r="CN1547" s="53">
        <v>75049800</v>
      </c>
    </row>
    <row r="1548" spans="1:92" outlineLevel="1">
      <c r="A1548" s="52" t="s">
        <v>1243</v>
      </c>
      <c r="B1548" s="53"/>
      <c r="C1548" s="53"/>
      <c r="D1548" s="53"/>
      <c r="E1548" s="53"/>
      <c r="F1548" s="53"/>
      <c r="G1548" s="53"/>
      <c r="H1548" s="53"/>
      <c r="I1548" s="53"/>
      <c r="J1548" s="53"/>
      <c r="K1548" s="53"/>
      <c r="L1548" s="53"/>
      <c r="M1548" s="53"/>
      <c r="N1548" s="53"/>
      <c r="O1548" s="53"/>
      <c r="P1548" s="53"/>
      <c r="Q1548" s="53"/>
      <c r="R1548" s="53"/>
      <c r="S1548" s="53"/>
      <c r="T1548" s="53"/>
      <c r="U1548" s="53"/>
      <c r="V1548" s="53"/>
      <c r="W1548" s="53"/>
      <c r="X1548" s="53"/>
      <c r="Y1548" s="53"/>
      <c r="Z1548" s="53"/>
      <c r="AA1548" s="53"/>
      <c r="AB1548" s="53"/>
      <c r="AC1548" s="53"/>
      <c r="AD1548" s="53"/>
      <c r="AE1548" s="53"/>
      <c r="AF1548" s="53"/>
      <c r="AG1548" s="53"/>
      <c r="AH1548" s="53"/>
      <c r="AI1548" s="53"/>
      <c r="AJ1548" s="53"/>
      <c r="AK1548" s="53"/>
      <c r="AL1548" s="53"/>
      <c r="AM1548" s="53"/>
      <c r="AN1548" s="53"/>
      <c r="AO1548" s="53"/>
      <c r="AP1548" s="53"/>
      <c r="AQ1548" s="53"/>
      <c r="AR1548" s="53"/>
      <c r="AS1548" s="53"/>
      <c r="AT1548" s="53"/>
      <c r="AU1548" s="53"/>
      <c r="AV1548" s="53"/>
      <c r="AW1548" s="53"/>
      <c r="AX1548" s="53"/>
      <c r="AY1548" s="53"/>
      <c r="AZ1548" s="53"/>
      <c r="BA1548" s="53"/>
      <c r="BB1548" s="53"/>
      <c r="BC1548" s="53"/>
      <c r="BD1548" s="53"/>
      <c r="BE1548" s="53"/>
      <c r="BF1548" s="53"/>
      <c r="BG1548" s="53"/>
      <c r="BH1548" s="53"/>
      <c r="BI1548" s="53"/>
      <c r="BJ1548" s="53"/>
      <c r="BK1548" s="53"/>
      <c r="BL1548" s="53"/>
      <c r="BM1548" s="53"/>
      <c r="BN1548" s="53"/>
      <c r="BO1548" s="53"/>
      <c r="BP1548" s="53"/>
      <c r="BQ1548" s="53"/>
      <c r="BR1548" s="53"/>
      <c r="BS1548" s="53"/>
      <c r="BT1548" s="53"/>
      <c r="BU1548" s="53"/>
      <c r="BV1548" s="53"/>
      <c r="BW1548" s="53"/>
      <c r="BX1548" s="53"/>
      <c r="BY1548" s="53"/>
      <c r="BZ1548" s="53"/>
      <c r="CA1548" s="53"/>
      <c r="CB1548" s="53"/>
      <c r="CC1548" s="53"/>
      <c r="CD1548" s="53"/>
      <c r="CE1548" s="53"/>
      <c r="CF1548" s="53"/>
      <c r="CG1548" s="53"/>
      <c r="CH1548" s="53"/>
      <c r="CI1548" s="53"/>
      <c r="CJ1548" s="53"/>
      <c r="CK1548" s="53"/>
      <c r="CL1548" s="53"/>
      <c r="CM1548" s="53"/>
      <c r="CN1548" s="53"/>
    </row>
    <row r="1549" spans="1:92" outlineLevel="1">
      <c r="A1549" s="52" t="s">
        <v>1261</v>
      </c>
      <c r="B1549" s="53">
        <v>-641844.33219154505</v>
      </c>
      <c r="C1549" s="53">
        <v>-271284.30152495898</v>
      </c>
      <c r="D1549" s="53">
        <v>-239425.401424638</v>
      </c>
      <c r="E1549" s="53">
        <v>-245541.83282484199</v>
      </c>
      <c r="F1549" s="53">
        <v>-251696.148260338</v>
      </c>
      <c r="G1549" s="53">
        <v>-275401.95930994698</v>
      </c>
      <c r="H1549" s="53">
        <v>-308532.33847404202</v>
      </c>
      <c r="I1549" s="53">
        <v>-317445.68583019997</v>
      </c>
      <c r="J1549" s="53">
        <v>-297787.65729187999</v>
      </c>
      <c r="K1549" s="53">
        <v>-315813.11829771497</v>
      </c>
      <c r="L1549" s="53">
        <v>-229551.44165370401</v>
      </c>
      <c r="M1549" s="53">
        <v>-245318.91729482499</v>
      </c>
      <c r="N1549" s="53">
        <v>-3639643.1343786302</v>
      </c>
      <c r="O1549" s="53">
        <v>-228609.48848005201</v>
      </c>
      <c r="P1549" s="53">
        <v>-232752.337387926</v>
      </c>
      <c r="Q1549" s="53">
        <v>-181159.20546044601</v>
      </c>
      <c r="R1549" s="53">
        <v>-191992.313502</v>
      </c>
      <c r="S1549" s="53">
        <v>-199529.14579399899</v>
      </c>
      <c r="T1549" s="53">
        <v>-221521.03776000001</v>
      </c>
      <c r="U1549" s="53">
        <v>-244637.35613114201</v>
      </c>
      <c r="V1549" s="53">
        <v>-264125.88566032599</v>
      </c>
      <c r="W1549" s="53">
        <v>-273918.59987889702</v>
      </c>
      <c r="X1549" s="53">
        <v>-252651.81694163199</v>
      </c>
      <c r="Y1549" s="53">
        <v>-184233.39677599899</v>
      </c>
      <c r="Z1549" s="53">
        <v>-187789.55155399899</v>
      </c>
      <c r="AA1549" s="53">
        <v>-2662920.13532642</v>
      </c>
      <c r="AB1549" s="53">
        <v>-186422.75148277401</v>
      </c>
      <c r="AC1549" s="53">
        <v>-233762.721099057</v>
      </c>
      <c r="AD1549" s="53">
        <v>-183277.71910194901</v>
      </c>
      <c r="AE1549" s="53">
        <v>-194509.530623022</v>
      </c>
      <c r="AF1549" s="53">
        <v>-203433.40896488901</v>
      </c>
      <c r="AG1549" s="53">
        <v>-227526.19827984201</v>
      </c>
      <c r="AH1549" s="53">
        <v>-251344.92648185301</v>
      </c>
      <c r="AI1549" s="53">
        <v>-270921.75932261499</v>
      </c>
      <c r="AJ1549" s="53">
        <v>-281961.583045237</v>
      </c>
      <c r="AK1549" s="53">
        <v>-259525.47729151999</v>
      </c>
      <c r="AL1549" s="53">
        <v>-188190.79644721301</v>
      </c>
      <c r="AM1549" s="53">
        <v>-190211.34612631</v>
      </c>
      <c r="AN1549" s="53">
        <v>-2671088.2182662799</v>
      </c>
      <c r="AO1549" s="53">
        <v>-198846.10617417801</v>
      </c>
      <c r="AP1549" s="53">
        <v>-277092.26751651702</v>
      </c>
      <c r="AQ1549" s="53">
        <v>-214540.07437764801</v>
      </c>
      <c r="AR1549" s="53">
        <v>-236613.18243749099</v>
      </c>
      <c r="AS1549" s="53">
        <v>-247372.73485211999</v>
      </c>
      <c r="AT1549" s="53">
        <v>-277664.02849984198</v>
      </c>
      <c r="AU1549" s="53">
        <v>-306760.63891757198</v>
      </c>
      <c r="AV1549" s="53">
        <v>-332152.54954519903</v>
      </c>
      <c r="AW1549" s="53">
        <v>-344384.08039204899</v>
      </c>
      <c r="AX1549" s="53">
        <v>-317341.59699505399</v>
      </c>
      <c r="AY1549" s="53">
        <v>-227691.447509413</v>
      </c>
      <c r="AZ1549" s="53">
        <v>-231564.93075143901</v>
      </c>
      <c r="BA1549" s="53">
        <v>-3212023.6379685202</v>
      </c>
      <c r="BB1549" s="53">
        <v>-227904.828075489</v>
      </c>
      <c r="BC1549" s="53">
        <v>-281647.15504496102</v>
      </c>
      <c r="BD1549" s="53">
        <v>-218765.76722231999</v>
      </c>
      <c r="BE1549" s="53">
        <v>-237765.487170237</v>
      </c>
      <c r="BF1549" s="53">
        <v>-248513.66381125999</v>
      </c>
      <c r="BG1549" s="53">
        <v>-278726.46785567899</v>
      </c>
      <c r="BH1549" s="53">
        <v>-309807.853596979</v>
      </c>
      <c r="BI1549" s="53">
        <v>-334524.51470953302</v>
      </c>
      <c r="BJ1549" s="53">
        <v>-346508.24380192597</v>
      </c>
      <c r="BK1549" s="53">
        <v>-320577.28911686101</v>
      </c>
      <c r="BL1549" s="53">
        <v>-230730.91467320701</v>
      </c>
      <c r="BM1549" s="53">
        <v>-232327.79342627199</v>
      </c>
      <c r="BN1549" s="53">
        <v>-3267799.9785047201</v>
      </c>
      <c r="BO1549" s="53">
        <v>-228865.64377361201</v>
      </c>
      <c r="BP1549" s="53">
        <v>-281111.49328955798</v>
      </c>
      <c r="BQ1549" s="53">
        <v>-218332.30163449899</v>
      </c>
      <c r="BR1549" s="53">
        <v>-236647.534902004</v>
      </c>
      <c r="BS1549" s="53">
        <v>-247566.38783242201</v>
      </c>
      <c r="BT1549" s="53">
        <v>-279431.45718929201</v>
      </c>
      <c r="BU1549" s="53">
        <v>-311314.218909738</v>
      </c>
      <c r="BV1549" s="53">
        <v>-335911.60709603201</v>
      </c>
      <c r="BW1549" s="53">
        <v>-347550.58346946299</v>
      </c>
      <c r="BX1549" s="53">
        <v>-322076.39904909203</v>
      </c>
      <c r="BY1549" s="53">
        <v>-231751.69556124101</v>
      </c>
      <c r="BZ1549" s="53">
        <v>-233803.75089261701</v>
      </c>
      <c r="CA1549" s="53">
        <v>-3274363.07359957</v>
      </c>
      <c r="CB1549" s="53"/>
      <c r="CC1549" s="53"/>
      <c r="CD1549" s="53"/>
      <c r="CE1549" s="53"/>
      <c r="CF1549" s="53"/>
      <c r="CG1549" s="53"/>
      <c r="CH1549" s="53"/>
      <c r="CI1549" s="53"/>
      <c r="CJ1549" s="53"/>
      <c r="CK1549" s="53"/>
      <c r="CL1549" s="53"/>
      <c r="CM1549" s="53"/>
      <c r="CN1549" s="53"/>
    </row>
    <row r="1550" spans="1:92" outlineLevel="1">
      <c r="A1550" s="52" t="s">
        <v>1262</v>
      </c>
      <c r="B1550" s="53">
        <v>-223300.05624002399</v>
      </c>
      <c r="C1550" s="53">
        <v>-91840.449261874397</v>
      </c>
      <c r="D1550" s="53">
        <v>-84743.455827216705</v>
      </c>
      <c r="E1550" s="53">
        <v>-80562.184464221893</v>
      </c>
      <c r="F1550" s="53">
        <v>-79310.578294712599</v>
      </c>
      <c r="G1550" s="53">
        <v>-81545.282964670594</v>
      </c>
      <c r="H1550" s="53">
        <v>-87751.007816608893</v>
      </c>
      <c r="I1550" s="53">
        <v>-84455.014165506494</v>
      </c>
      <c r="J1550" s="53">
        <v>-77738.863399586699</v>
      </c>
      <c r="K1550" s="53">
        <v>-89141.872841498</v>
      </c>
      <c r="L1550" s="53">
        <v>-69989.636427230798</v>
      </c>
      <c r="M1550" s="53">
        <v>-81981.400357814899</v>
      </c>
      <c r="N1550" s="53">
        <v>-1132359.8020609601</v>
      </c>
      <c r="O1550" s="53">
        <v>-66741.044804616293</v>
      </c>
      <c r="P1550" s="53">
        <v>-49907.974486549901</v>
      </c>
      <c r="Q1550" s="53">
        <v>-55432.009567983703</v>
      </c>
      <c r="R1550" s="53">
        <v>-63702.526997999899</v>
      </c>
      <c r="S1550" s="53">
        <v>-73707.053574000005</v>
      </c>
      <c r="T1550" s="53">
        <v>-79420.713063999996</v>
      </c>
      <c r="U1550" s="53">
        <v>-69953.016137714207</v>
      </c>
      <c r="V1550" s="53">
        <v>-66527.492631061206</v>
      </c>
      <c r="W1550" s="53">
        <v>-61101.633925918301</v>
      </c>
      <c r="X1550" s="53">
        <v>-65800.377695306102</v>
      </c>
      <c r="Y1550" s="53">
        <v>-47385.086342000002</v>
      </c>
      <c r="Z1550" s="53">
        <v>-50319.203923999899</v>
      </c>
      <c r="AA1550" s="53">
        <v>-749998.13315114996</v>
      </c>
      <c r="AB1550" s="53">
        <v>-47875.4612356691</v>
      </c>
      <c r="AC1550" s="53">
        <v>-47949.978434013603</v>
      </c>
      <c r="AD1550" s="53">
        <v>-55938.785628829901</v>
      </c>
      <c r="AE1550" s="53">
        <v>-65047.588153372199</v>
      </c>
      <c r="AF1550" s="53">
        <v>-75316.333431160005</v>
      </c>
      <c r="AG1550" s="53">
        <v>-81161.522405374199</v>
      </c>
      <c r="AH1550" s="53">
        <v>-71488.159715080605</v>
      </c>
      <c r="AI1550" s="53">
        <v>-67994.314046381201</v>
      </c>
      <c r="AJ1550" s="53">
        <v>-62439.181491621101</v>
      </c>
      <c r="AK1550" s="53">
        <v>-67285.852908372894</v>
      </c>
      <c r="AL1550" s="53">
        <v>-48474.090842614001</v>
      </c>
      <c r="AM1550" s="53">
        <v>-51491.075862332596</v>
      </c>
      <c r="AN1550" s="53">
        <v>-742462.34415482101</v>
      </c>
      <c r="AO1550" s="53">
        <v>-50892.883049568802</v>
      </c>
      <c r="AP1550" s="53">
        <v>-57290.9366342719</v>
      </c>
      <c r="AQ1550" s="53">
        <v>-67070.336766478606</v>
      </c>
      <c r="AR1550" s="53">
        <v>-78997.038179492694</v>
      </c>
      <c r="AS1550" s="53">
        <v>-91408.415127872402</v>
      </c>
      <c r="AT1550" s="53">
        <v>-98505.2470415274</v>
      </c>
      <c r="AU1550" s="53">
        <v>-86809.817307828605</v>
      </c>
      <c r="AV1550" s="53">
        <v>-82573.558319519099</v>
      </c>
      <c r="AW1550" s="53">
        <v>-75826.011104870093</v>
      </c>
      <c r="AX1550" s="53">
        <v>-81710.818803136906</v>
      </c>
      <c r="AY1550" s="53">
        <v>-58878.316759664398</v>
      </c>
      <c r="AZ1550" s="53">
        <v>-62557.679587613296</v>
      </c>
      <c r="BA1550" s="53">
        <v>-892521.05868184404</v>
      </c>
      <c r="BB1550" s="53">
        <v>-59314.951597279498</v>
      </c>
      <c r="BC1550" s="53">
        <v>-58482.821680769899</v>
      </c>
      <c r="BD1550" s="53">
        <v>-67638.115008846202</v>
      </c>
      <c r="BE1550" s="53">
        <v>-79107.291036745402</v>
      </c>
      <c r="BF1550" s="53">
        <v>-91485.051932244794</v>
      </c>
      <c r="BG1550" s="53">
        <v>-98573.747120219399</v>
      </c>
      <c r="BH1550" s="53">
        <v>-86920.975434608205</v>
      </c>
      <c r="BI1550" s="53">
        <v>-82698.257719872097</v>
      </c>
      <c r="BJ1550" s="53">
        <v>-75952.027217663694</v>
      </c>
      <c r="BK1550" s="53">
        <v>-81864.360305657101</v>
      </c>
      <c r="BL1550" s="53">
        <v>-59014.937662659897</v>
      </c>
      <c r="BM1550" s="53">
        <v>-62735.401772262201</v>
      </c>
      <c r="BN1550" s="53">
        <v>-903787.93848882895</v>
      </c>
      <c r="BO1550" s="53">
        <v>-59467.3106201107</v>
      </c>
      <c r="BP1550" s="53">
        <v>-58602.320740110597</v>
      </c>
      <c r="BQ1550" s="53">
        <v>-67749.9042930328</v>
      </c>
      <c r="BR1550" s="53">
        <v>-79201.595464087499</v>
      </c>
      <c r="BS1550" s="53">
        <v>-91543.174934863506</v>
      </c>
      <c r="BT1550" s="53">
        <v>-98636.707418170598</v>
      </c>
      <c r="BU1550" s="53">
        <v>-87065.690656754407</v>
      </c>
      <c r="BV1550" s="53">
        <v>-82871.996055920506</v>
      </c>
      <c r="BW1550" s="53">
        <v>-76132.0430357101</v>
      </c>
      <c r="BX1550" s="53">
        <v>-82091.819004948702</v>
      </c>
      <c r="BY1550" s="53">
        <v>-59224.001597477203</v>
      </c>
      <c r="BZ1550" s="53">
        <v>-63010.811902120702</v>
      </c>
      <c r="CA1550" s="53">
        <v>-905597.37572330702</v>
      </c>
      <c r="CB1550" s="53"/>
      <c r="CC1550" s="53"/>
      <c r="CD1550" s="53"/>
      <c r="CE1550" s="53"/>
      <c r="CF1550" s="53"/>
      <c r="CG1550" s="53"/>
      <c r="CH1550" s="53"/>
      <c r="CI1550" s="53"/>
      <c r="CJ1550" s="53"/>
      <c r="CK1550" s="53"/>
      <c r="CL1550" s="53"/>
      <c r="CM1550" s="53"/>
      <c r="CN1550" s="53"/>
    </row>
    <row r="1551" spans="1:92" outlineLevel="1">
      <c r="A1551" s="52" t="s">
        <v>1266</v>
      </c>
      <c r="B1551" s="53">
        <v>-1471.8341865697801</v>
      </c>
      <c r="C1551" s="53">
        <v>-607.64713917276094</v>
      </c>
      <c r="D1551" s="53">
        <v>-551.256103188412</v>
      </c>
      <c r="E1551" s="53">
        <v>-497.34288853793601</v>
      </c>
      <c r="F1551" s="53">
        <v>-477.69426102369903</v>
      </c>
      <c r="G1551" s="53">
        <v>-482.39693435926398</v>
      </c>
      <c r="H1551" s="53">
        <v>-508.65135741534402</v>
      </c>
      <c r="I1551" s="53">
        <v>-503.481345622037</v>
      </c>
      <c r="J1551" s="53">
        <v>-472.70165779965498</v>
      </c>
      <c r="K1551" s="53">
        <v>-535.34206296703098</v>
      </c>
      <c r="L1551" s="53">
        <v>-427.96567508750502</v>
      </c>
      <c r="M1551" s="53">
        <v>-505.57439687741902</v>
      </c>
      <c r="N1551" s="53">
        <v>-7041.8880086208501</v>
      </c>
      <c r="O1551" s="53">
        <v>-479.66395282947701</v>
      </c>
      <c r="P1551" s="53">
        <v>-548.93495693425405</v>
      </c>
      <c r="Q1551" s="53">
        <v>-579.56659417866604</v>
      </c>
      <c r="R1551" s="53">
        <v>-579.443567999999</v>
      </c>
      <c r="S1551" s="53">
        <v>-553.66825799999901</v>
      </c>
      <c r="T1551" s="53">
        <v>-556.26040799999998</v>
      </c>
      <c r="U1551" s="53">
        <v>-583.72327828571395</v>
      </c>
      <c r="V1551" s="53">
        <v>-575.27996608163198</v>
      </c>
      <c r="W1551" s="53">
        <v>-538.13820522448896</v>
      </c>
      <c r="X1551" s="53">
        <v>-607.07248440816295</v>
      </c>
      <c r="Y1551" s="53">
        <v>-483.949884</v>
      </c>
      <c r="Z1551" s="53">
        <v>-570.02376199999901</v>
      </c>
      <c r="AA1551" s="53">
        <v>-6655.7253179423897</v>
      </c>
      <c r="AB1551" s="53">
        <v>-520.90670836011304</v>
      </c>
      <c r="AC1551" s="53">
        <v>-536.26338281000096</v>
      </c>
      <c r="AD1551" s="53">
        <v>-563.07213665295296</v>
      </c>
      <c r="AE1551" s="53">
        <v>-562.07856175764698</v>
      </c>
      <c r="AF1551" s="53">
        <v>-539.00609621896206</v>
      </c>
      <c r="AG1551" s="53">
        <v>-543.49737359401604</v>
      </c>
      <c r="AH1551" s="53">
        <v>-572.324779852608</v>
      </c>
      <c r="AI1551" s="53">
        <v>-565.88016584839602</v>
      </c>
      <c r="AJ1551" s="53">
        <v>-530.83063711129898</v>
      </c>
      <c r="AK1551" s="53">
        <v>-600.67498277885704</v>
      </c>
      <c r="AL1551" s="53">
        <v>-479.94190661992201</v>
      </c>
      <c r="AM1551" s="53">
        <v>-566.70312989482102</v>
      </c>
      <c r="AN1551" s="53">
        <v>-6581.1798614995996</v>
      </c>
      <c r="AO1551" s="53">
        <v>-540.14345303024095</v>
      </c>
      <c r="AP1551" s="53">
        <v>-627.27224862501896</v>
      </c>
      <c r="AQ1551" s="53">
        <v>-666.71335062859305</v>
      </c>
      <c r="AR1551" s="53">
        <v>-670.99342911978499</v>
      </c>
      <c r="AS1551" s="53">
        <v>-644.48694628862995</v>
      </c>
      <c r="AT1551" s="53">
        <v>-650.90835163459303</v>
      </c>
      <c r="AU1551" s="53">
        <v>-686.49228298392995</v>
      </c>
      <c r="AV1551" s="53">
        <v>-679.73375211888697</v>
      </c>
      <c r="AW1551" s="53">
        <v>-638.41509421559397</v>
      </c>
      <c r="AX1551" s="53">
        <v>-723.38289780984303</v>
      </c>
      <c r="AY1551" s="53">
        <v>-578.55699358947697</v>
      </c>
      <c r="AZ1551" s="53">
        <v>-683.87304404263796</v>
      </c>
      <c r="BA1551" s="53">
        <v>-7790.9718440872302</v>
      </c>
      <c r="BB1551" s="53">
        <v>-624.56358919580498</v>
      </c>
      <c r="BC1551" s="53">
        <v>-636.98512252685305</v>
      </c>
      <c r="BD1551" s="53">
        <v>-669.94608830270795</v>
      </c>
      <c r="BE1551" s="53">
        <v>-670.14747857895202</v>
      </c>
      <c r="BF1551" s="53">
        <v>-644.11057932187396</v>
      </c>
      <c r="BG1551" s="53">
        <v>-650.96873681570105</v>
      </c>
      <c r="BH1551" s="53">
        <v>-686.99918259356502</v>
      </c>
      <c r="BI1551" s="53">
        <v>-680.63790069944105</v>
      </c>
      <c r="BJ1551" s="53">
        <v>-639.58738048018404</v>
      </c>
      <c r="BK1551" s="53">
        <v>-725.10917340924402</v>
      </c>
      <c r="BL1551" s="53">
        <v>-580.17003368689302</v>
      </c>
      <c r="BM1551" s="53">
        <v>-686.07676578872997</v>
      </c>
      <c r="BN1551" s="53">
        <v>-7895.3020313999496</v>
      </c>
      <c r="BO1551" s="53">
        <v>-626.65332001443005</v>
      </c>
      <c r="BP1551" s="53">
        <v>-638.797070083417</v>
      </c>
      <c r="BQ1551" s="53">
        <v>-672.02246436397797</v>
      </c>
      <c r="BR1551" s="53">
        <v>-672.41122056645395</v>
      </c>
      <c r="BS1551" s="53">
        <v>-646.45921918402303</v>
      </c>
      <c r="BT1551" s="53">
        <v>-653.513513508497</v>
      </c>
      <c r="BU1551" s="53">
        <v>-689.85660692963495</v>
      </c>
      <c r="BV1551" s="53">
        <v>-683.62371396291098</v>
      </c>
      <c r="BW1551" s="53">
        <v>-642.51619524281205</v>
      </c>
      <c r="BX1551" s="53">
        <v>-728.57913089448402</v>
      </c>
      <c r="BY1551" s="53">
        <v>-583.03448184271099</v>
      </c>
      <c r="BZ1551" s="53">
        <v>-689.57252856881303</v>
      </c>
      <c r="CA1551" s="53">
        <v>-7927.03946516216</v>
      </c>
      <c r="CB1551" s="53">
        <v>5211941.8569540102</v>
      </c>
      <c r="CC1551" s="53">
        <v>5211941.8569540102</v>
      </c>
      <c r="CD1551" s="53">
        <v>5211941.8569540102</v>
      </c>
      <c r="CE1551" s="53">
        <v>2963163.0301156901</v>
      </c>
      <c r="CF1551" s="53">
        <v>2963163.0301156901</v>
      </c>
      <c r="CG1551" s="53">
        <v>2963163.0301156901</v>
      </c>
      <c r="CH1551" s="53">
        <v>2963163.0301156901</v>
      </c>
      <c r="CI1551" s="53">
        <v>2963163.0301156901</v>
      </c>
      <c r="CJ1551" s="53">
        <v>2963163.0301156901</v>
      </c>
      <c r="CK1551" s="53">
        <v>2963163.0301156901</v>
      </c>
      <c r="CL1551" s="53">
        <v>2963163.0301156901</v>
      </c>
      <c r="CM1551" s="53">
        <v>2963163.0301156901</v>
      </c>
      <c r="CN1551" s="53">
        <v>42304292.841903202</v>
      </c>
    </row>
    <row r="1552" spans="1:92" outlineLevel="1">
      <c r="A1552" s="52" t="s">
        <v>1263</v>
      </c>
      <c r="B1552" s="53">
        <v>-192556.531890301</v>
      </c>
      <c r="C1552" s="53">
        <v>-80825.9272247466</v>
      </c>
      <c r="D1552" s="53">
        <v>-73456.739316338295</v>
      </c>
      <c r="E1552" s="53">
        <v>-68954.058578384793</v>
      </c>
      <c r="F1552" s="53">
        <v>-70374.096216546401</v>
      </c>
      <c r="G1552" s="53">
        <v>-76696.265670274704</v>
      </c>
      <c r="H1552" s="53">
        <v>-81509.402412347597</v>
      </c>
      <c r="I1552" s="53">
        <v>-78456.090139668406</v>
      </c>
      <c r="J1552" s="53">
        <v>-76186.703094886499</v>
      </c>
      <c r="K1552" s="53">
        <v>-87321.197250925805</v>
      </c>
      <c r="L1552" s="53">
        <v>-65116.112493553497</v>
      </c>
      <c r="M1552" s="53">
        <v>-70389.979274451398</v>
      </c>
      <c r="N1552" s="53">
        <v>-1021843.10356242</v>
      </c>
      <c r="O1552" s="53">
        <v>-61007.125975729301</v>
      </c>
      <c r="P1552" s="53">
        <v>-55313.974286875702</v>
      </c>
      <c r="Q1552" s="53">
        <v>-52955.348083917903</v>
      </c>
      <c r="R1552" s="53">
        <v>-54431.620517999901</v>
      </c>
      <c r="S1552" s="53">
        <v>-56003.255440000001</v>
      </c>
      <c r="T1552" s="53">
        <v>-60902.920100000003</v>
      </c>
      <c r="U1552" s="53">
        <v>-65303.125165142803</v>
      </c>
      <c r="V1552" s="53">
        <v>-65444.740476612198</v>
      </c>
      <c r="W1552" s="53">
        <v>-60513.476833183602</v>
      </c>
      <c r="X1552" s="53">
        <v>-69504.030437061199</v>
      </c>
      <c r="Y1552" s="53">
        <v>-51659.641087999997</v>
      </c>
      <c r="Z1552" s="53">
        <v>-55147.253083999902</v>
      </c>
      <c r="AA1552" s="53">
        <v>-708186.51148852299</v>
      </c>
      <c r="AB1552" s="53">
        <v>-50117.091834639999</v>
      </c>
      <c r="AC1552" s="53">
        <v>-54530.779126595698</v>
      </c>
      <c r="AD1552" s="53">
        <v>-53105.705373440302</v>
      </c>
      <c r="AE1552" s="53">
        <v>-55203.224391939897</v>
      </c>
      <c r="AF1552" s="53">
        <v>-56803.334801060097</v>
      </c>
      <c r="AG1552" s="53">
        <v>-61772.733738573697</v>
      </c>
      <c r="AH1552" s="53">
        <v>-66230.299383799298</v>
      </c>
      <c r="AI1552" s="53">
        <v>-66367.544963507302</v>
      </c>
      <c r="AJ1552" s="53">
        <v>-61358.569774014803</v>
      </c>
      <c r="AK1552" s="53">
        <v>-70484.677802394901</v>
      </c>
      <c r="AL1552" s="53">
        <v>-52383.737349337498</v>
      </c>
      <c r="AM1552" s="53">
        <v>-55902.976621813199</v>
      </c>
      <c r="AN1552" s="53">
        <v>-704260.67516111699</v>
      </c>
      <c r="AO1552" s="53">
        <v>-53026.9540045584</v>
      </c>
      <c r="AP1552" s="53">
        <v>-64767.297594097698</v>
      </c>
      <c r="AQ1552" s="53">
        <v>-63615.689063448997</v>
      </c>
      <c r="AR1552" s="53">
        <v>-66620.104528766198</v>
      </c>
      <c r="AS1552" s="53">
        <v>-68567.3366400909</v>
      </c>
      <c r="AT1552" s="53">
        <v>-74574.055708976201</v>
      </c>
      <c r="AU1552" s="53">
        <v>-79946.365140597904</v>
      </c>
      <c r="AV1552" s="53">
        <v>-80101.7127767005</v>
      </c>
      <c r="AW1552" s="53">
        <v>-74043.080086500893</v>
      </c>
      <c r="AX1552" s="53">
        <v>-85077.165830293801</v>
      </c>
      <c r="AY1552" s="53">
        <v>-63222.561540329603</v>
      </c>
      <c r="AZ1552" s="53">
        <v>-67440.694338671106</v>
      </c>
      <c r="BA1552" s="53">
        <v>-841003.01725303195</v>
      </c>
      <c r="BB1552" s="53">
        <v>-60995.992194698803</v>
      </c>
      <c r="BC1552" s="53">
        <v>-65589.675566526203</v>
      </c>
      <c r="BD1552" s="53">
        <v>-63781.678214104701</v>
      </c>
      <c r="BE1552" s="53">
        <v>-66363.186220909804</v>
      </c>
      <c r="BF1552" s="53">
        <v>-68313.282322036102</v>
      </c>
      <c r="BG1552" s="53">
        <v>-74301.401078091003</v>
      </c>
      <c r="BH1552" s="53">
        <v>-79647.409678947006</v>
      </c>
      <c r="BI1552" s="53">
        <v>-79794.389800660094</v>
      </c>
      <c r="BJ1552" s="53">
        <v>-73749.467565123894</v>
      </c>
      <c r="BK1552" s="53">
        <v>-84754.163102635503</v>
      </c>
      <c r="BL1552" s="53">
        <v>-62977.876595126203</v>
      </c>
      <c r="BM1552" s="53">
        <v>-67159.031611972503</v>
      </c>
      <c r="BN1552" s="53">
        <v>-847427.55395083199</v>
      </c>
      <c r="BO1552" s="53">
        <v>-60707.046453637202</v>
      </c>
      <c r="BP1552" s="53">
        <v>-65237.6458290503</v>
      </c>
      <c r="BQ1552" s="53">
        <v>-63438.1083972169</v>
      </c>
      <c r="BR1552" s="53">
        <v>-66023.858169796396</v>
      </c>
      <c r="BS1552" s="53">
        <v>-67972.9907086694</v>
      </c>
      <c r="BT1552" s="53">
        <v>-73933.850798871397</v>
      </c>
      <c r="BU1552" s="53">
        <v>-79245.726651443299</v>
      </c>
      <c r="BV1552" s="53">
        <v>-79383.240702235998</v>
      </c>
      <c r="BW1552" s="53">
        <v>-73358.680538446002</v>
      </c>
      <c r="BX1552" s="53">
        <v>-84317.356557750696</v>
      </c>
      <c r="BY1552" s="53">
        <v>-62646.703736502299</v>
      </c>
      <c r="BZ1552" s="53">
        <v>-66783.0125470325</v>
      </c>
      <c r="CA1552" s="53">
        <v>-843048.22109065298</v>
      </c>
      <c r="CB1552" s="53"/>
      <c r="CC1552" s="53"/>
      <c r="CD1552" s="53"/>
      <c r="CE1552" s="53"/>
      <c r="CF1552" s="53"/>
      <c r="CG1552" s="53"/>
      <c r="CH1552" s="53"/>
      <c r="CI1552" s="53"/>
      <c r="CJ1552" s="53"/>
      <c r="CK1552" s="53"/>
      <c r="CL1552" s="53"/>
      <c r="CM1552" s="53"/>
      <c r="CN1552" s="53"/>
    </row>
    <row r="1553" spans="1:92" outlineLevel="1">
      <c r="A1553" s="52" t="s">
        <v>1264</v>
      </c>
      <c r="B1553" s="53">
        <v>-1205322.3295772499</v>
      </c>
      <c r="C1553" s="53">
        <v>-515960.23040942597</v>
      </c>
      <c r="D1553" s="53">
        <v>-432960.432887776</v>
      </c>
      <c r="E1553" s="53">
        <v>-400019.72870360297</v>
      </c>
      <c r="F1553" s="53">
        <v>-413821.45914857998</v>
      </c>
      <c r="G1553" s="53">
        <v>-500722.74644680199</v>
      </c>
      <c r="H1553" s="53">
        <v>-593333.86110421701</v>
      </c>
      <c r="I1553" s="53">
        <v>-630088.10831985401</v>
      </c>
      <c r="J1553" s="53">
        <v>-581922.87814659497</v>
      </c>
      <c r="K1553" s="53">
        <v>-590972.73475392396</v>
      </c>
      <c r="L1553" s="53">
        <v>-404958.97219008999</v>
      </c>
      <c r="M1553" s="53">
        <v>-419304.95458258502</v>
      </c>
      <c r="N1553" s="53">
        <v>-6689388.4362707101</v>
      </c>
      <c r="O1553" s="53">
        <v>-409606.62794240401</v>
      </c>
      <c r="P1553" s="53">
        <v>-425540.418585782</v>
      </c>
      <c r="Q1553" s="53">
        <v>-296680.608716577</v>
      </c>
      <c r="R1553" s="53">
        <v>-299096.72191909899</v>
      </c>
      <c r="S1553" s="53">
        <v>-309241.349734471</v>
      </c>
      <c r="T1553" s="53">
        <v>-385326.54553069902</v>
      </c>
      <c r="U1553" s="53">
        <v>-463273.585920532</v>
      </c>
      <c r="V1553" s="53">
        <v>-525179.32912651496</v>
      </c>
      <c r="W1553" s="53">
        <v>-550994.942517663</v>
      </c>
      <c r="X1553" s="53">
        <v>-466221.30570776999</v>
      </c>
      <c r="Y1553" s="53">
        <v>-310204.20209290303</v>
      </c>
      <c r="Z1553" s="53">
        <v>-301452.63107220299</v>
      </c>
      <c r="AA1553" s="53">
        <v>-4742818.26886662</v>
      </c>
      <c r="AB1553" s="53">
        <v>-327871.17770714598</v>
      </c>
      <c r="AC1553" s="53">
        <v>-426480.029940793</v>
      </c>
      <c r="AD1553" s="53">
        <v>-305857.73427709599</v>
      </c>
      <c r="AE1553" s="53">
        <v>-307793.28907839302</v>
      </c>
      <c r="AF1553" s="53">
        <v>-319010.29094721598</v>
      </c>
      <c r="AG1553" s="53">
        <v>-401626.78309129598</v>
      </c>
      <c r="AH1553" s="53">
        <v>-486562.691102841</v>
      </c>
      <c r="AI1553" s="53">
        <v>-551827.77937768097</v>
      </c>
      <c r="AJ1553" s="53">
        <v>-576830.82948946103</v>
      </c>
      <c r="AK1553" s="53">
        <v>-489050.44042007002</v>
      </c>
      <c r="AL1553" s="53">
        <v>-323487.02020074701</v>
      </c>
      <c r="AM1553" s="53">
        <v>-312494.42019823199</v>
      </c>
      <c r="AN1553" s="53">
        <v>-4828892.4858309701</v>
      </c>
      <c r="AO1553" s="53">
        <v>-357251.03268783801</v>
      </c>
      <c r="AP1553" s="53">
        <v>-508321.65981122502</v>
      </c>
      <c r="AQ1553" s="53">
        <v>-357624.04921668302</v>
      </c>
      <c r="AR1553" s="53">
        <v>-367587.32934409601</v>
      </c>
      <c r="AS1553" s="53">
        <v>-381701.14953074499</v>
      </c>
      <c r="AT1553" s="53">
        <v>-483962.434337274</v>
      </c>
      <c r="AU1553" s="53">
        <v>-589266.56653931004</v>
      </c>
      <c r="AV1553" s="53">
        <v>-669402.29395270499</v>
      </c>
      <c r="AW1553" s="53">
        <v>-699925.39325115201</v>
      </c>
      <c r="AX1553" s="53">
        <v>-593080.51160194597</v>
      </c>
      <c r="AY1553" s="53">
        <v>-391400.88258630299</v>
      </c>
      <c r="AZ1553" s="53">
        <v>-377499.03862465802</v>
      </c>
      <c r="BA1553" s="53">
        <v>-5777022.3414839404</v>
      </c>
      <c r="BB1553" s="53">
        <v>-406337.03677268198</v>
      </c>
      <c r="BC1553" s="53">
        <v>-512029.24973422202</v>
      </c>
      <c r="BD1553" s="53">
        <v>-356242.34257081099</v>
      </c>
      <c r="BE1553" s="53">
        <v>-362028.84378773399</v>
      </c>
      <c r="BF1553" s="53">
        <v>-376466.99210616201</v>
      </c>
      <c r="BG1553" s="53">
        <v>-480252.09483737301</v>
      </c>
      <c r="BH1553" s="53">
        <v>-587786.90094093396</v>
      </c>
      <c r="BI1553" s="53">
        <v>-668882.66455108998</v>
      </c>
      <c r="BJ1553" s="53">
        <v>-699663.79092740198</v>
      </c>
      <c r="BK1553" s="53">
        <v>-592391.80840786197</v>
      </c>
      <c r="BL1553" s="53">
        <v>-390026.99585396599</v>
      </c>
      <c r="BM1553" s="53">
        <v>-375520.742600278</v>
      </c>
      <c r="BN1553" s="53">
        <v>-5807629.4630905204</v>
      </c>
      <c r="BO1553" s="53">
        <v>-404513.01927190297</v>
      </c>
      <c r="BP1553" s="53">
        <v>-508643.43448846799</v>
      </c>
      <c r="BQ1553" s="53">
        <v>-352332.66344347998</v>
      </c>
      <c r="BR1553" s="53">
        <v>-356900.02207002201</v>
      </c>
      <c r="BS1553" s="53">
        <v>-371730.28899805999</v>
      </c>
      <c r="BT1553" s="53">
        <v>-476391.98891170201</v>
      </c>
      <c r="BU1553" s="53">
        <v>-585640.27096593298</v>
      </c>
      <c r="BV1553" s="53">
        <v>-667585.93291950098</v>
      </c>
      <c r="BW1553" s="53">
        <v>-698906.29066308099</v>
      </c>
      <c r="BX1553" s="53">
        <v>-592399.01525658602</v>
      </c>
      <c r="BY1553" s="53">
        <v>-390106.77442800999</v>
      </c>
      <c r="BZ1553" s="53">
        <v>-375872.70104591001</v>
      </c>
      <c r="CA1553" s="53">
        <v>-5781022.4024626603</v>
      </c>
      <c r="CB1553" s="53">
        <v>5262777.5798480297</v>
      </c>
      <c r="CC1553" s="53">
        <v>5262777.5798480297</v>
      </c>
      <c r="CD1553" s="53">
        <v>5262777.5798480297</v>
      </c>
      <c r="CE1553" s="53">
        <v>5262777.5798480297</v>
      </c>
      <c r="CF1553" s="53">
        <v>5262777.5798480297</v>
      </c>
      <c r="CG1553" s="53">
        <v>5262777.5798480297</v>
      </c>
      <c r="CH1553" s="53">
        <v>7577309.3457095502</v>
      </c>
      <c r="CI1553" s="53">
        <v>7577309.3457095502</v>
      </c>
      <c r="CJ1553" s="53">
        <v>7577309.3457095502</v>
      </c>
      <c r="CK1553" s="53">
        <v>7577309.3457095502</v>
      </c>
      <c r="CL1553" s="53">
        <v>7577309.3457095502</v>
      </c>
      <c r="CM1553" s="53">
        <v>7577309.3457095502</v>
      </c>
      <c r="CN1553" s="53">
        <v>77040521.553345397</v>
      </c>
    </row>
    <row r="1554" spans="1:92" outlineLevel="1">
      <c r="A1554" s="52" t="s">
        <v>1244</v>
      </c>
      <c r="B1554" s="53"/>
      <c r="C1554" s="53"/>
      <c r="D1554" s="53"/>
      <c r="E1554" s="53"/>
      <c r="F1554" s="53"/>
      <c r="G1554" s="53"/>
      <c r="H1554" s="53"/>
      <c r="I1554" s="53"/>
      <c r="J1554" s="53"/>
      <c r="K1554" s="53"/>
      <c r="L1554" s="53"/>
      <c r="M1554" s="53"/>
      <c r="N1554" s="53"/>
      <c r="O1554" s="53"/>
      <c r="P1554" s="53"/>
      <c r="Q1554" s="53"/>
      <c r="R1554" s="53"/>
      <c r="S1554" s="53"/>
      <c r="T1554" s="53"/>
      <c r="U1554" s="53"/>
      <c r="V1554" s="53"/>
      <c r="W1554" s="53"/>
      <c r="X1554" s="53"/>
      <c r="Y1554" s="53"/>
      <c r="Z1554" s="53"/>
      <c r="AA1554" s="53"/>
      <c r="AB1554" s="53"/>
      <c r="AC1554" s="53"/>
      <c r="AD1554" s="53"/>
      <c r="AE1554" s="53"/>
      <c r="AF1554" s="53"/>
      <c r="AG1554" s="53"/>
      <c r="AH1554" s="53"/>
      <c r="AI1554" s="53"/>
      <c r="AJ1554" s="53"/>
      <c r="AK1554" s="53"/>
      <c r="AL1554" s="53"/>
      <c r="AM1554" s="53"/>
      <c r="AN1554" s="53"/>
      <c r="AO1554" s="53"/>
      <c r="AP1554" s="53"/>
      <c r="AQ1554" s="53"/>
      <c r="AR1554" s="53"/>
      <c r="AS1554" s="53"/>
      <c r="AT1554" s="53"/>
      <c r="AU1554" s="53"/>
      <c r="AV1554" s="53"/>
      <c r="AW1554" s="53"/>
      <c r="AX1554" s="53"/>
      <c r="AY1554" s="53"/>
      <c r="AZ1554" s="53"/>
      <c r="BA1554" s="53"/>
      <c r="BB1554" s="53"/>
      <c r="BC1554" s="53"/>
      <c r="BD1554" s="53"/>
      <c r="BE1554" s="53"/>
      <c r="BF1554" s="53"/>
      <c r="BG1554" s="53"/>
      <c r="BH1554" s="53"/>
      <c r="BI1554" s="53"/>
      <c r="BJ1554" s="53"/>
      <c r="BK1554" s="53"/>
      <c r="BL1554" s="53"/>
      <c r="BM1554" s="53"/>
      <c r="BN1554" s="53"/>
      <c r="BO1554" s="53"/>
      <c r="BP1554" s="53"/>
      <c r="BQ1554" s="53"/>
      <c r="BR1554" s="53"/>
      <c r="BS1554" s="53"/>
      <c r="BT1554" s="53"/>
      <c r="BU1554" s="53"/>
      <c r="BV1554" s="53"/>
      <c r="BW1554" s="53"/>
      <c r="BX1554" s="53"/>
      <c r="BY1554" s="53"/>
      <c r="BZ1554" s="53"/>
      <c r="CA1554" s="53"/>
      <c r="CB1554" s="53"/>
      <c r="CC1554" s="53"/>
      <c r="CD1554" s="53"/>
      <c r="CE1554" s="53"/>
      <c r="CF1554" s="53"/>
      <c r="CG1554" s="53"/>
      <c r="CH1554" s="53"/>
      <c r="CI1554" s="53"/>
      <c r="CJ1554" s="53"/>
      <c r="CK1554" s="53"/>
      <c r="CL1554" s="53"/>
      <c r="CM1554" s="53"/>
      <c r="CN1554" s="53"/>
    </row>
    <row r="1555" spans="1:92" outlineLevel="1">
      <c r="A1555" s="52" t="s">
        <v>1261</v>
      </c>
      <c r="B1555" s="53">
        <v>-464113.94954341702</v>
      </c>
      <c r="C1555" s="53">
        <v>-1732730.0006018099</v>
      </c>
      <c r="D1555" s="53">
        <v>-1868992.25365567</v>
      </c>
      <c r="E1555" s="53">
        <v>-2204470.3819413502</v>
      </c>
      <c r="F1555" s="53">
        <v>-2259723.7208229299</v>
      </c>
      <c r="G1555" s="53">
        <v>-2472554.0875981199</v>
      </c>
      <c r="H1555" s="53">
        <v>-2769998.0659601898</v>
      </c>
      <c r="I1555" s="53">
        <v>-2850021.9463089998</v>
      </c>
      <c r="J1555" s="53">
        <v>-2673532.5017955001</v>
      </c>
      <c r="K1555" s="53">
        <v>-2835364.7828819901</v>
      </c>
      <c r="L1555" s="53">
        <v>-2060908.92307754</v>
      </c>
      <c r="M1555" s="53">
        <v>-2202469.0501196301</v>
      </c>
      <c r="N1555" s="53">
        <v>-26394879.664307099</v>
      </c>
      <c r="O1555" s="53">
        <v>-2425501.9769661701</v>
      </c>
      <c r="P1555" s="53">
        <v>-3597686.4363833298</v>
      </c>
      <c r="Q1555" s="53">
        <v>-2863290.7982867998</v>
      </c>
      <c r="R1555" s="53">
        <v>-3106208.3113054298</v>
      </c>
      <c r="S1555" s="53">
        <v>-3228145.3340919199</v>
      </c>
      <c r="T1555" s="53">
        <v>-3583948.1074430998</v>
      </c>
      <c r="U1555" s="53">
        <v>-3957942.7686954001</v>
      </c>
      <c r="V1555" s="53">
        <v>-4273244.1018294599</v>
      </c>
      <c r="W1555" s="53">
        <v>-4431678.6231971504</v>
      </c>
      <c r="X1555" s="53">
        <v>-4087607.2553932802</v>
      </c>
      <c r="Y1555" s="53">
        <v>-2980678.2253273898</v>
      </c>
      <c r="Z1555" s="53">
        <v>-3038212.5991063602</v>
      </c>
      <c r="AA1555" s="53">
        <v>-41574144.538025796</v>
      </c>
      <c r="AB1555" s="53">
        <v>-3021642.1051504398</v>
      </c>
      <c r="AC1555" s="53">
        <v>-3804402.44096433</v>
      </c>
      <c r="AD1555" s="53">
        <v>-2983480.6758349598</v>
      </c>
      <c r="AE1555" s="53">
        <v>-3167090.0339705301</v>
      </c>
      <c r="AF1555" s="53">
        <v>-3312392.5601262702</v>
      </c>
      <c r="AG1555" s="53">
        <v>-3704681.9902921701</v>
      </c>
      <c r="AH1555" s="53">
        <v>-4092509.0364467599</v>
      </c>
      <c r="AI1555" s="53">
        <v>-4411267.66995994</v>
      </c>
      <c r="AJ1555" s="53">
        <v>-4591022.9527818896</v>
      </c>
      <c r="AK1555" s="53">
        <v>-4225708.3756189803</v>
      </c>
      <c r="AL1555" s="53">
        <v>-3064205.6150353099</v>
      </c>
      <c r="AM1555" s="53">
        <v>-3097105.0967795299</v>
      </c>
      <c r="AN1555" s="53">
        <v>-43475508.552961104</v>
      </c>
      <c r="AO1555" s="53">
        <v>-3723369.4955596598</v>
      </c>
      <c r="AP1555" s="53">
        <v>-6464589.5655931197</v>
      </c>
      <c r="AQ1555" s="53">
        <v>-5055618.7919681901</v>
      </c>
      <c r="AR1555" s="53">
        <v>-5634711.04533266</v>
      </c>
      <c r="AS1555" s="53">
        <v>-5890939.2411118997</v>
      </c>
      <c r="AT1555" s="53">
        <v>-6612296.7121366803</v>
      </c>
      <c r="AU1555" s="53">
        <v>-7305203.9728969196</v>
      </c>
      <c r="AV1555" s="53">
        <v>-7909887.4389729798</v>
      </c>
      <c r="AW1555" s="53">
        <v>-8201169.3584927497</v>
      </c>
      <c r="AX1555" s="53">
        <v>-7557179.1195696499</v>
      </c>
      <c r="AY1555" s="53">
        <v>-5422248.6718296297</v>
      </c>
      <c r="AZ1555" s="53">
        <v>-5514491.8790039504</v>
      </c>
      <c r="BA1555" s="53">
        <v>-75291705.292468101</v>
      </c>
      <c r="BB1555" s="53">
        <v>-5928475.9900334897</v>
      </c>
      <c r="BC1555" s="53">
        <v>-8726651.6816784292</v>
      </c>
      <c r="BD1555" s="53">
        <v>-6842029.7048914498</v>
      </c>
      <c r="BE1555" s="53">
        <v>-7509135.6212909203</v>
      </c>
      <c r="BF1555" s="53">
        <v>-7848585.7115441104</v>
      </c>
      <c r="BG1555" s="53">
        <v>-8802769.7933851909</v>
      </c>
      <c r="BH1555" s="53">
        <v>-9784385.5173778497</v>
      </c>
      <c r="BI1555" s="53">
        <v>-10564989.8120068</v>
      </c>
      <c r="BJ1555" s="53">
        <v>-10943461.2549171</v>
      </c>
      <c r="BK1555" s="53">
        <v>-10124507.007868299</v>
      </c>
      <c r="BL1555" s="53">
        <v>-7286968.98328688</v>
      </c>
      <c r="BM1555" s="53">
        <v>-7337401.78272398</v>
      </c>
      <c r="BN1555" s="53">
        <v>-101699362.86100399</v>
      </c>
      <c r="BO1555" s="53">
        <v>-7598432.2404783303</v>
      </c>
      <c r="BP1555" s="53">
        <v>-10370776.4988833</v>
      </c>
      <c r="BQ1555" s="53">
        <v>-8101981.5571337501</v>
      </c>
      <c r="BR1555" s="53">
        <v>-8835850.8923603501</v>
      </c>
      <c r="BS1555" s="53">
        <v>-9243534.6506075691</v>
      </c>
      <c r="BT1555" s="53">
        <v>-10433299.849846199</v>
      </c>
      <c r="BU1555" s="53">
        <v>-11623725.639471101</v>
      </c>
      <c r="BV1555" s="53">
        <v>-12542133.0695151</v>
      </c>
      <c r="BW1555" s="53">
        <v>-12976704.5085032</v>
      </c>
      <c r="BX1555" s="53">
        <v>-12025559.611785401</v>
      </c>
      <c r="BY1555" s="53">
        <v>-8653052.0036001205</v>
      </c>
      <c r="BZ1555" s="53">
        <v>-8729670.8238148205</v>
      </c>
      <c r="CA1555" s="53">
        <v>-121134721.345999</v>
      </c>
      <c r="CB1555" s="53"/>
      <c r="CC1555" s="53"/>
      <c r="CD1555" s="53"/>
      <c r="CE1555" s="53"/>
      <c r="CF1555" s="53"/>
      <c r="CG1555" s="53"/>
      <c r="CH1555" s="53"/>
      <c r="CI1555" s="53"/>
      <c r="CJ1555" s="53"/>
      <c r="CK1555" s="53"/>
      <c r="CL1555" s="53"/>
      <c r="CM1555" s="53"/>
      <c r="CN1555" s="53"/>
    </row>
    <row r="1556" spans="1:92" outlineLevel="1">
      <c r="A1556" s="52" t="s">
        <v>1262</v>
      </c>
      <c r="B1556" s="53">
        <v>-152454.63322252201</v>
      </c>
      <c r="C1556" s="53">
        <v>-576200.92726216395</v>
      </c>
      <c r="D1556" s="53">
        <v>-662216.30647674098</v>
      </c>
      <c r="E1556" s="53">
        <v>-723285.91634551506</v>
      </c>
      <c r="F1556" s="53">
        <v>-712049.01752955397</v>
      </c>
      <c r="G1556" s="53">
        <v>-732112.15789400204</v>
      </c>
      <c r="H1556" s="53">
        <v>-787827.04963847401</v>
      </c>
      <c r="I1556" s="53">
        <v>-758235.67492512695</v>
      </c>
      <c r="J1556" s="53">
        <v>-697938.18804155895</v>
      </c>
      <c r="K1556" s="53">
        <v>-800314.21207988705</v>
      </c>
      <c r="L1556" s="53">
        <v>-628365.76061862905</v>
      </c>
      <c r="M1556" s="53">
        <v>-736027.612402</v>
      </c>
      <c r="N1556" s="53">
        <v>-7967027.4564361796</v>
      </c>
      <c r="O1556" s="53">
        <v>-667629.06437641499</v>
      </c>
      <c r="P1556" s="53">
        <v>-751721.85015734099</v>
      </c>
      <c r="Q1556" s="53">
        <v>-874967.94024271495</v>
      </c>
      <c r="R1556" s="53">
        <v>-1030631.46228656</v>
      </c>
      <c r="S1556" s="53">
        <v>-1192492.8568091199</v>
      </c>
      <c r="T1556" s="53">
        <v>-1284933.1023172999</v>
      </c>
      <c r="U1556" s="53">
        <v>-1131756.9759144899</v>
      </c>
      <c r="V1556" s="53">
        <v>-1076336.06143696</v>
      </c>
      <c r="W1556" s="53">
        <v>-988552.09186826297</v>
      </c>
      <c r="X1556" s="53">
        <v>-1064572.20268907</v>
      </c>
      <c r="Y1556" s="53">
        <v>-766634.59251410398</v>
      </c>
      <c r="Z1556" s="53">
        <v>-814105.14096114296</v>
      </c>
      <c r="AA1556" s="53">
        <v>-11644333.341573499</v>
      </c>
      <c r="AB1556" s="53">
        <v>-775570.17350791395</v>
      </c>
      <c r="AC1556" s="53">
        <v>-780233.00258112105</v>
      </c>
      <c r="AD1556" s="53">
        <v>-910607.82933379395</v>
      </c>
      <c r="AE1556" s="53">
        <v>-1059133.54227169</v>
      </c>
      <c r="AF1556" s="53">
        <v>-1226333.78550138</v>
      </c>
      <c r="AG1556" s="53">
        <v>-1321507.7324417401</v>
      </c>
      <c r="AH1556" s="53">
        <v>-1164001.77130306</v>
      </c>
      <c r="AI1556" s="53">
        <v>-1107113.4339443401</v>
      </c>
      <c r="AJ1556" s="53">
        <v>-1016662.31365624</v>
      </c>
      <c r="AK1556" s="53">
        <v>-1095577.9569810601</v>
      </c>
      <c r="AL1556" s="53">
        <v>-789276.54352816904</v>
      </c>
      <c r="AM1556" s="53">
        <v>-838400.42531423795</v>
      </c>
      <c r="AN1556" s="53">
        <v>-12084418.5103647</v>
      </c>
      <c r="AO1556" s="53">
        <v>-917336.40249635698</v>
      </c>
      <c r="AP1556" s="53">
        <v>-1326405.3801762001</v>
      </c>
      <c r="AQ1556" s="53">
        <v>-1581424.0455793401</v>
      </c>
      <c r="AR1556" s="53">
        <v>-1881237.04264088</v>
      </c>
      <c r="AS1556" s="53">
        <v>-2176801.8208091301</v>
      </c>
      <c r="AT1556" s="53">
        <v>-2345805.9175327201</v>
      </c>
      <c r="AU1556" s="53">
        <v>-2067290.72061298</v>
      </c>
      <c r="AV1556" s="53">
        <v>-1966408.3645818499</v>
      </c>
      <c r="AW1556" s="53">
        <v>-1805722.1406461601</v>
      </c>
      <c r="AX1556" s="53">
        <v>-1945863.06853315</v>
      </c>
      <c r="AY1556" s="53">
        <v>-1402129.4095223099</v>
      </c>
      <c r="AZ1556" s="53">
        <v>-1489749.8292844601</v>
      </c>
      <c r="BA1556" s="53">
        <v>-20906174.142415501</v>
      </c>
      <c r="BB1556" s="53">
        <v>-1504187.4877123199</v>
      </c>
      <c r="BC1556" s="53">
        <v>-1799496.5010387099</v>
      </c>
      <c r="BD1556" s="53">
        <v>-2116373.1606167601</v>
      </c>
      <c r="BE1556" s="53">
        <v>-2498375.11784263</v>
      </c>
      <c r="BF1556" s="53">
        <v>-2889290.9162556599</v>
      </c>
      <c r="BG1556" s="53">
        <v>-3113166.8630047399</v>
      </c>
      <c r="BH1556" s="53">
        <v>-2745147.7531137299</v>
      </c>
      <c r="BI1556" s="53">
        <v>-2611785.42038931</v>
      </c>
      <c r="BJ1556" s="53">
        <v>-2398725.2308029998</v>
      </c>
      <c r="BK1556" s="53">
        <v>-2585449.1810464598</v>
      </c>
      <c r="BL1556" s="53">
        <v>-1863816.21599122</v>
      </c>
      <c r="BM1556" s="53">
        <v>-1981316.32042457</v>
      </c>
      <c r="BN1556" s="53">
        <v>-28107130.168239102</v>
      </c>
      <c r="BO1556" s="53">
        <v>-1946153.45947721</v>
      </c>
      <c r="BP1556" s="53">
        <v>-2152766.5394472899</v>
      </c>
      <c r="BQ1556" s="53">
        <v>-2514923.0895046699</v>
      </c>
      <c r="BR1556" s="53">
        <v>-2957197.4550569998</v>
      </c>
      <c r="BS1556" s="53">
        <v>-3418002.4071354098</v>
      </c>
      <c r="BT1556" s="53">
        <v>-3682857.8823829</v>
      </c>
      <c r="BU1556" s="53">
        <v>-3250823.8921737298</v>
      </c>
      <c r="BV1556" s="53">
        <v>-3094241.4025382102</v>
      </c>
      <c r="BW1556" s="53">
        <v>-2842587.7356924801</v>
      </c>
      <c r="BX1556" s="53">
        <v>-3065111.4642319302</v>
      </c>
      <c r="BY1556" s="53">
        <v>-2211282.05531875</v>
      </c>
      <c r="BZ1556" s="53">
        <v>-2352672.46204045</v>
      </c>
      <c r="CA1556" s="53">
        <v>-33488619.844999999</v>
      </c>
      <c r="CB1556" s="53"/>
      <c r="CC1556" s="53"/>
      <c r="CD1556" s="53"/>
      <c r="CE1556" s="53"/>
      <c r="CF1556" s="53"/>
      <c r="CG1556" s="53"/>
      <c r="CH1556" s="53"/>
      <c r="CI1556" s="53"/>
      <c r="CJ1556" s="53"/>
      <c r="CK1556" s="53"/>
      <c r="CL1556" s="53"/>
      <c r="CM1556" s="53"/>
      <c r="CN1556" s="53"/>
    </row>
    <row r="1557" spans="1:92" outlineLevel="1">
      <c r="A1557" s="52" t="s">
        <v>1266</v>
      </c>
      <c r="B1557" s="53">
        <v>-1014.69855677438</v>
      </c>
      <c r="C1557" s="53">
        <v>-3828.6756372714399</v>
      </c>
      <c r="D1557" s="53">
        <v>-4298.5818387498302</v>
      </c>
      <c r="E1557" s="53">
        <v>-4465.1359600836104</v>
      </c>
      <c r="F1557" s="53">
        <v>-4288.7309178037804</v>
      </c>
      <c r="G1557" s="53">
        <v>-4330.95143870213</v>
      </c>
      <c r="H1557" s="53">
        <v>-4566.6632005483098</v>
      </c>
      <c r="I1557" s="53">
        <v>-4520.2469229571798</v>
      </c>
      <c r="J1557" s="53">
        <v>-4243.9074113178604</v>
      </c>
      <c r="K1557" s="53">
        <v>-4806.2918991895904</v>
      </c>
      <c r="L1557" s="53">
        <v>-3842.2685224922402</v>
      </c>
      <c r="M1557" s="53">
        <v>-4539.0383013846103</v>
      </c>
      <c r="N1557" s="53">
        <v>-48745.190607274999</v>
      </c>
      <c r="O1557" s="53">
        <v>-5135.7473948090201</v>
      </c>
      <c r="P1557" s="53">
        <v>-8531.1318171131497</v>
      </c>
      <c r="Q1557" s="53">
        <v>-9236.7288502309293</v>
      </c>
      <c r="R1557" s="53">
        <v>-9374.7108622414908</v>
      </c>
      <c r="S1557" s="53">
        <v>-8957.6968647116391</v>
      </c>
      <c r="T1557" s="53">
        <v>-8999.6347825755493</v>
      </c>
      <c r="U1557" s="53">
        <v>-9443.9515074370393</v>
      </c>
      <c r="V1557" s="53">
        <v>-9307.3487129559398</v>
      </c>
      <c r="W1557" s="53">
        <v>-8706.4389985689904</v>
      </c>
      <c r="X1557" s="53">
        <v>-9821.7140167636408</v>
      </c>
      <c r="Y1557" s="53">
        <v>-7829.7361207663098</v>
      </c>
      <c r="Z1557" s="53">
        <v>-9222.30955432257</v>
      </c>
      <c r="AA1557" s="53">
        <v>-104567.149482496</v>
      </c>
      <c r="AB1557" s="53">
        <v>-8439.1305050241808</v>
      </c>
      <c r="AC1557" s="53">
        <v>-8726.0060860162102</v>
      </c>
      <c r="AD1557" s="53">
        <v>-9165.9233893673008</v>
      </c>
      <c r="AE1557" s="53">
        <v>-9152.0112436096697</v>
      </c>
      <c r="AF1557" s="53">
        <v>-8776.3351755391595</v>
      </c>
      <c r="AG1557" s="53">
        <v>-8849.4641362063903</v>
      </c>
      <c r="AH1557" s="53">
        <v>-9318.8446893051096</v>
      </c>
      <c r="AI1557" s="53">
        <v>-9213.9106394405608</v>
      </c>
      <c r="AJ1557" s="53">
        <v>-8643.2187417064506</v>
      </c>
      <c r="AK1557" s="53">
        <v>-9780.4552071094095</v>
      </c>
      <c r="AL1557" s="53">
        <v>-7814.6259695969202</v>
      </c>
      <c r="AM1557" s="53">
        <v>-9227.3105033001793</v>
      </c>
      <c r="AN1557" s="53">
        <v>-107107.236286221</v>
      </c>
      <c r="AO1557" s="53">
        <v>-9786.7033835859602</v>
      </c>
      <c r="AP1557" s="53">
        <v>-14527.6316614434</v>
      </c>
      <c r="AQ1557" s="53">
        <v>-15713.076904211801</v>
      </c>
      <c r="AR1557" s="53">
        <v>-15979.050902650801</v>
      </c>
      <c r="AS1557" s="53">
        <v>-15347.824991892099</v>
      </c>
      <c r="AT1557" s="53">
        <v>-15500.744466862599</v>
      </c>
      <c r="AU1557" s="53">
        <v>-16348.140917664499</v>
      </c>
      <c r="AV1557" s="53">
        <v>-16187.1931288593</v>
      </c>
      <c r="AW1557" s="53">
        <v>-15203.2297855341</v>
      </c>
      <c r="AX1557" s="53">
        <v>-17226.654754836702</v>
      </c>
      <c r="AY1557" s="53">
        <v>-13777.7677834763</v>
      </c>
      <c r="AZ1557" s="53">
        <v>-16285.7663092812</v>
      </c>
      <c r="BA1557" s="53">
        <v>-181883.784990299</v>
      </c>
      <c r="BB1557" s="53">
        <v>-15893.374385310201</v>
      </c>
      <c r="BC1557" s="53">
        <v>-19606.474470497498</v>
      </c>
      <c r="BD1557" s="53">
        <v>-20953.9484144372</v>
      </c>
      <c r="BE1557" s="53">
        <v>-21164.670965523601</v>
      </c>
      <c r="BF1557" s="53">
        <v>-20342.370765413802</v>
      </c>
      <c r="BG1557" s="53">
        <v>-20558.965845491301</v>
      </c>
      <c r="BH1557" s="53">
        <v>-21696.8833248597</v>
      </c>
      <c r="BI1557" s="53">
        <v>-21495.980624317501</v>
      </c>
      <c r="BJ1557" s="53">
        <v>-20199.518604872901</v>
      </c>
      <c r="BK1557" s="53">
        <v>-22900.4772230616</v>
      </c>
      <c r="BL1557" s="53">
        <v>-18322.993459704801</v>
      </c>
      <c r="BM1557" s="53">
        <v>-21667.751456440601</v>
      </c>
      <c r="BN1557" s="53">
        <v>-244803.40953993099</v>
      </c>
      <c r="BO1557" s="53">
        <v>-20548.820132993798</v>
      </c>
      <c r="BP1557" s="53">
        <v>-23471.351050369401</v>
      </c>
      <c r="BQ1557" s="53">
        <v>-24939.748878171999</v>
      </c>
      <c r="BR1557" s="53">
        <v>-25106.220885569401</v>
      </c>
      <c r="BS1557" s="53">
        <v>-24137.235450464599</v>
      </c>
      <c r="BT1557" s="53">
        <v>-24400.625867050501</v>
      </c>
      <c r="BU1557" s="53">
        <v>-25757.589735570298</v>
      </c>
      <c r="BV1557" s="53">
        <v>-25524.868473948802</v>
      </c>
      <c r="BW1557" s="53">
        <v>-23990.0124015367</v>
      </c>
      <c r="BX1557" s="53">
        <v>-27203.395828885201</v>
      </c>
      <c r="BY1557" s="53">
        <v>-21769.108006132599</v>
      </c>
      <c r="BZ1557" s="53">
        <v>-25746.982931493501</v>
      </c>
      <c r="CA1557" s="53">
        <v>-292595.95964218699</v>
      </c>
      <c r="CB1557" s="53">
        <v>416666.66666666698</v>
      </c>
      <c r="CC1557" s="53">
        <v>416666.66666666698</v>
      </c>
      <c r="CD1557" s="53">
        <v>416666.66666666698</v>
      </c>
      <c r="CE1557" s="53">
        <v>416666.66666666698</v>
      </c>
      <c r="CF1557" s="53">
        <v>416666.66666666698</v>
      </c>
      <c r="CG1557" s="53">
        <v>416666.66666666698</v>
      </c>
      <c r="CH1557" s="53">
        <v>416666.66666666698</v>
      </c>
      <c r="CI1557" s="53">
        <v>416666.66666666698</v>
      </c>
      <c r="CJ1557" s="53">
        <v>416666.66666666698</v>
      </c>
      <c r="CK1557" s="53">
        <v>416666.66666666698</v>
      </c>
      <c r="CL1557" s="53">
        <v>416666.66666666698</v>
      </c>
      <c r="CM1557" s="53">
        <v>416666.66666666698</v>
      </c>
      <c r="CN1557" s="53">
        <v>5000000</v>
      </c>
    </row>
    <row r="1558" spans="1:92" outlineLevel="1">
      <c r="A1558" s="52" t="s">
        <v>1263</v>
      </c>
      <c r="B1558" s="53">
        <v>-135458.059321938</v>
      </c>
      <c r="C1558" s="53">
        <v>-512055.58899023099</v>
      </c>
      <c r="D1558" s="53">
        <v>-575095.96168116899</v>
      </c>
      <c r="E1558" s="53">
        <v>-619068.36037643102</v>
      </c>
      <c r="F1558" s="53">
        <v>-631817.43404161895</v>
      </c>
      <c r="G1558" s="53">
        <v>-688577.76343241695</v>
      </c>
      <c r="H1558" s="53">
        <v>-731790.02290798398</v>
      </c>
      <c r="I1558" s="53">
        <v>-704377.43746580905</v>
      </c>
      <c r="J1558" s="53">
        <v>-684002.919332469</v>
      </c>
      <c r="K1558" s="53">
        <v>-783968.21771971998</v>
      </c>
      <c r="L1558" s="53">
        <v>-584611.34596807999</v>
      </c>
      <c r="M1558" s="53">
        <v>-631960.03186425206</v>
      </c>
      <c r="N1558" s="53">
        <v>-7282783.1431021197</v>
      </c>
      <c r="O1558" s="53">
        <v>-630243.15841278899</v>
      </c>
      <c r="P1558" s="53">
        <v>-847277.21209372894</v>
      </c>
      <c r="Q1558" s="53">
        <v>-837873.37928071397</v>
      </c>
      <c r="R1558" s="53">
        <v>-880639.17230245494</v>
      </c>
      <c r="S1558" s="53">
        <v>-906066.36450618599</v>
      </c>
      <c r="T1558" s="53">
        <v>-985337.13744441001</v>
      </c>
      <c r="U1558" s="53">
        <v>-1056527.2455038801</v>
      </c>
      <c r="V1558" s="53">
        <v>-1058818.4135692599</v>
      </c>
      <c r="W1558" s="53">
        <v>-979036.40649273002</v>
      </c>
      <c r="X1558" s="53">
        <v>-1124492.9188822701</v>
      </c>
      <c r="Y1558" s="53">
        <v>-835791.82718129701</v>
      </c>
      <c r="Z1558" s="53">
        <v>-892217.25990296097</v>
      </c>
      <c r="AA1558" s="53">
        <v>-11034320.495572601</v>
      </c>
      <c r="AB1558" s="53">
        <v>-812039.07782575802</v>
      </c>
      <c r="AC1558" s="53">
        <v>-887360.23397204396</v>
      </c>
      <c r="AD1558" s="53">
        <v>-864479.853729925</v>
      </c>
      <c r="AE1558" s="53">
        <v>-898843.26621298795</v>
      </c>
      <c r="AF1558" s="53">
        <v>-924896.97018186201</v>
      </c>
      <c r="AG1558" s="53">
        <v>-1005810.91717156</v>
      </c>
      <c r="AH1558" s="53">
        <v>-1078390.96857338</v>
      </c>
      <c r="AI1558" s="53">
        <v>-1080625.66168229</v>
      </c>
      <c r="AJ1558" s="53">
        <v>-999067.31668894202</v>
      </c>
      <c r="AK1558" s="53">
        <v>-1147662.63586452</v>
      </c>
      <c r="AL1558" s="53">
        <v>-852935.13366578799</v>
      </c>
      <c r="AM1558" s="53">
        <v>-910236.94088991405</v>
      </c>
      <c r="AN1558" s="53">
        <v>-11462348.976459</v>
      </c>
      <c r="AO1558" s="53">
        <v>-968944.51542815601</v>
      </c>
      <c r="AP1558" s="53">
        <v>-1503035.8857452001</v>
      </c>
      <c r="AQ1558" s="53">
        <v>-1499429.1167880101</v>
      </c>
      <c r="AR1558" s="53">
        <v>-1586492.49784983</v>
      </c>
      <c r="AS1558" s="53">
        <v>-1632863.9221824801</v>
      </c>
      <c r="AT1558" s="53">
        <v>-1775908.0498806499</v>
      </c>
      <c r="AU1558" s="53">
        <v>-1903844.3338250199</v>
      </c>
      <c r="AV1558" s="53">
        <v>-1907543.7855292601</v>
      </c>
      <c r="AW1558" s="53">
        <v>-1763263.3858178</v>
      </c>
      <c r="AX1558" s="53">
        <v>-2026029.3237727699</v>
      </c>
      <c r="AY1558" s="53">
        <v>-1505583.34136615</v>
      </c>
      <c r="AZ1558" s="53">
        <v>-1606034.03994789</v>
      </c>
      <c r="BA1558" s="53">
        <v>-19678972.1981332</v>
      </c>
      <c r="BB1558" s="53">
        <v>-1560946.83278516</v>
      </c>
      <c r="BC1558" s="53">
        <v>-2022533.7770293599</v>
      </c>
      <c r="BD1558" s="53">
        <v>-1995065.3903860301</v>
      </c>
      <c r="BE1558" s="53">
        <v>-2095889.4056688601</v>
      </c>
      <c r="BF1558" s="53">
        <v>-2157477.5540254102</v>
      </c>
      <c r="BG1558" s="53">
        <v>-2346594.9755266099</v>
      </c>
      <c r="BH1558" s="53">
        <v>-2515433.2038758402</v>
      </c>
      <c r="BI1558" s="53">
        <v>-2520075.14615566</v>
      </c>
      <c r="BJ1558" s="53">
        <v>-2329163.7509526298</v>
      </c>
      <c r="BK1558" s="53">
        <v>-2676715.2490513599</v>
      </c>
      <c r="BL1558" s="53">
        <v>-1988974.1868008201</v>
      </c>
      <c r="BM1558" s="53">
        <v>-2121023.88185459</v>
      </c>
      <c r="BN1558" s="53">
        <v>-26329893.354112301</v>
      </c>
      <c r="BO1558" s="53">
        <v>-1997123.18396252</v>
      </c>
      <c r="BP1558" s="53">
        <v>-2399726.05735707</v>
      </c>
      <c r="BQ1558" s="53">
        <v>-2354396.8242976302</v>
      </c>
      <c r="BR1558" s="53">
        <v>-2465172.3770046602</v>
      </c>
      <c r="BS1558" s="53">
        <v>-2537948.3072084598</v>
      </c>
      <c r="BT1558" s="53">
        <v>-2760512.5142223099</v>
      </c>
      <c r="BU1558" s="53">
        <v>-2958845.2076580999</v>
      </c>
      <c r="BV1558" s="53">
        <v>-2963979.6522189202</v>
      </c>
      <c r="BW1558" s="53">
        <v>-2739037.0373662198</v>
      </c>
      <c r="BX1558" s="53">
        <v>-3148207.69415907</v>
      </c>
      <c r="BY1558" s="53">
        <v>-2339077.53716018</v>
      </c>
      <c r="BZ1558" s="53">
        <v>-2493517.3791375598</v>
      </c>
      <c r="CA1558" s="53">
        <v>-31157543.7717527</v>
      </c>
      <c r="CB1558" s="53"/>
      <c r="CC1558" s="53"/>
      <c r="CD1558" s="53"/>
      <c r="CE1558" s="53"/>
      <c r="CF1558" s="53"/>
      <c r="CG1558" s="53"/>
      <c r="CH1558" s="53"/>
      <c r="CI1558" s="53"/>
      <c r="CJ1558" s="53"/>
      <c r="CK1558" s="53"/>
      <c r="CL1558" s="53"/>
      <c r="CM1558" s="53"/>
      <c r="CN1558" s="53"/>
    </row>
    <row r="1559" spans="1:92" outlineLevel="1">
      <c r="A1559" s="52" t="s">
        <v>1264</v>
      </c>
      <c r="B1559" s="53">
        <v>-903454.29309368401</v>
      </c>
      <c r="C1559" s="53">
        <v>-3351732.79648074</v>
      </c>
      <c r="D1559" s="53">
        <v>-3356292.6901871702</v>
      </c>
      <c r="E1559" s="53">
        <v>-3591370.2930953</v>
      </c>
      <c r="F1559" s="53">
        <v>-3715281.9933357802</v>
      </c>
      <c r="G1559" s="53">
        <v>-4495480.2666709898</v>
      </c>
      <c r="H1559" s="53">
        <v>-5326941.2725293497</v>
      </c>
      <c r="I1559" s="53">
        <v>-5656920.27637274</v>
      </c>
      <c r="J1559" s="53">
        <v>-5224493.66240313</v>
      </c>
      <c r="K1559" s="53">
        <v>-5305743.1204777798</v>
      </c>
      <c r="L1559" s="53">
        <v>-3635714.7367686601</v>
      </c>
      <c r="M1559" s="53">
        <v>-3764512.7216996802</v>
      </c>
      <c r="N1559" s="53">
        <v>-48327938.123115003</v>
      </c>
      <c r="O1559" s="53">
        <v>-4376403.81588824</v>
      </c>
      <c r="P1559" s="53">
        <v>-6593449.6833676295</v>
      </c>
      <c r="Q1559" s="53">
        <v>-4679735.91667163</v>
      </c>
      <c r="R1559" s="53">
        <v>-4839030.8266150299</v>
      </c>
      <c r="S1559" s="53">
        <v>-5003158.8933091098</v>
      </c>
      <c r="T1559" s="53">
        <v>-6234127.2755255299</v>
      </c>
      <c r="U1559" s="53">
        <v>-7495218.0988205997</v>
      </c>
      <c r="V1559" s="53">
        <v>-8496779.7267654594</v>
      </c>
      <c r="W1559" s="53">
        <v>-8914445.7854443993</v>
      </c>
      <c r="X1559" s="53">
        <v>-7542908.7148432098</v>
      </c>
      <c r="Y1559" s="53">
        <v>-5018736.7044400303</v>
      </c>
      <c r="Z1559" s="53">
        <v>-4877146.6472881101</v>
      </c>
      <c r="AA1559" s="53">
        <v>-74071142.088979006</v>
      </c>
      <c r="AB1559" s="53">
        <v>-5314910.2224222897</v>
      </c>
      <c r="AC1559" s="53">
        <v>-6941114.6134587498</v>
      </c>
      <c r="AD1559" s="53">
        <v>-4978847.9881517999</v>
      </c>
      <c r="AE1559" s="53">
        <v>-5011626.1925101504</v>
      </c>
      <c r="AF1559" s="53">
        <v>-5194266.3681148598</v>
      </c>
      <c r="AG1559" s="53">
        <v>-6539464.5600647898</v>
      </c>
      <c r="AH1559" s="53">
        <v>-7922428.5049572904</v>
      </c>
      <c r="AI1559" s="53">
        <v>-8985103.4802111201</v>
      </c>
      <c r="AJ1559" s="53">
        <v>-9392214.1784594096</v>
      </c>
      <c r="AK1559" s="53">
        <v>-7962935.1374311699</v>
      </c>
      <c r="AL1559" s="53">
        <v>-5267158.4498459203</v>
      </c>
      <c r="AM1559" s="53">
        <v>-5088172.0844792398</v>
      </c>
      <c r="AN1559" s="53">
        <v>-78598241.780106798</v>
      </c>
      <c r="AO1559" s="53">
        <v>-6725571.2095993897</v>
      </c>
      <c r="AP1559" s="53">
        <v>-11877611.3907691</v>
      </c>
      <c r="AQ1559" s="53">
        <v>-8421265.3260554094</v>
      </c>
      <c r="AR1559" s="53">
        <v>-8753731.9917781707</v>
      </c>
      <c r="AS1559" s="53">
        <v>-9089838.7871743292</v>
      </c>
      <c r="AT1559" s="53">
        <v>-11525091.062949199</v>
      </c>
      <c r="AU1559" s="53">
        <v>-14032805.7672842</v>
      </c>
      <c r="AV1559" s="53">
        <v>-15941159.578050001</v>
      </c>
      <c r="AW1559" s="53">
        <v>-16668037.2734641</v>
      </c>
      <c r="AX1559" s="53">
        <v>-14123631.131067101</v>
      </c>
      <c r="AY1559" s="53">
        <v>-9320828.4236007202</v>
      </c>
      <c r="AZ1559" s="53">
        <v>-8989769.6342542507</v>
      </c>
      <c r="BA1559" s="53">
        <v>-135469341.57604599</v>
      </c>
      <c r="BB1559" s="53">
        <v>-10609397.573555199</v>
      </c>
      <c r="BC1559" s="53">
        <v>-15887246.3047217</v>
      </c>
      <c r="BD1559" s="53">
        <v>-11132068.7879056</v>
      </c>
      <c r="BE1559" s="53">
        <v>-11433634.541226801</v>
      </c>
      <c r="BF1559" s="53">
        <v>-11889621.720584501</v>
      </c>
      <c r="BG1559" s="53">
        <v>-15167374.186485</v>
      </c>
      <c r="BH1559" s="53">
        <v>-18563550.194412999</v>
      </c>
      <c r="BI1559" s="53">
        <v>-21124725.470557202</v>
      </c>
      <c r="BJ1559" s="53">
        <v>-22096858.3704441</v>
      </c>
      <c r="BK1559" s="53">
        <v>-18708982.885692898</v>
      </c>
      <c r="BL1559" s="53">
        <v>-12317875.2420663</v>
      </c>
      <c r="BM1559" s="53">
        <v>-11859737.1651942</v>
      </c>
      <c r="BN1559" s="53">
        <v>-180791072.44284701</v>
      </c>
      <c r="BO1559" s="53">
        <v>-13462288.135095401</v>
      </c>
      <c r="BP1559" s="53">
        <v>-18782291.226543002</v>
      </c>
      <c r="BQ1559" s="53">
        <v>-13067538.676412201</v>
      </c>
      <c r="BR1559" s="53">
        <v>-13325790.102976101</v>
      </c>
      <c r="BS1559" s="53">
        <v>-13879516.6707357</v>
      </c>
      <c r="BT1559" s="53">
        <v>-17787333.310198501</v>
      </c>
      <c r="BU1559" s="53">
        <v>-21866401.916923799</v>
      </c>
      <c r="BV1559" s="53">
        <v>-24926056.227700099</v>
      </c>
      <c r="BW1559" s="53">
        <v>-26095483.202852201</v>
      </c>
      <c r="BX1559" s="53">
        <v>-22118757.204700399</v>
      </c>
      <c r="BY1559" s="53">
        <v>-14565650.5248318</v>
      </c>
      <c r="BZ1559" s="53">
        <v>-14034184.392944001</v>
      </c>
      <c r="CA1559" s="53">
        <v>-213911291.59191301</v>
      </c>
      <c r="CB1559" s="53"/>
      <c r="CC1559" s="53"/>
      <c r="CD1559" s="53"/>
      <c r="CE1559" s="53"/>
      <c r="CF1559" s="53"/>
      <c r="CG1559" s="53"/>
      <c r="CH1559" s="53"/>
      <c r="CI1559" s="53"/>
      <c r="CJ1559" s="53"/>
      <c r="CK1559" s="53"/>
      <c r="CL1559" s="53"/>
      <c r="CM1559" s="53"/>
      <c r="CN1559" s="53"/>
    </row>
    <row r="1560" spans="1:92" outlineLevel="1">
      <c r="A1560" s="52" t="s">
        <v>675</v>
      </c>
      <c r="B1560" s="53"/>
      <c r="C1560" s="53"/>
      <c r="D1560" s="53"/>
      <c r="E1560" s="53"/>
      <c r="F1560" s="53"/>
      <c r="G1560" s="53"/>
      <c r="H1560" s="53"/>
      <c r="I1560" s="53"/>
      <c r="J1560" s="53"/>
      <c r="K1560" s="53"/>
      <c r="L1560" s="53"/>
      <c r="M1560" s="53"/>
      <c r="N1560" s="53"/>
      <c r="O1560" s="53"/>
      <c r="P1560" s="53"/>
      <c r="Q1560" s="53"/>
      <c r="R1560" s="53"/>
      <c r="S1560" s="53"/>
      <c r="T1560" s="53"/>
      <c r="U1560" s="53"/>
      <c r="V1560" s="53"/>
      <c r="W1560" s="53"/>
      <c r="X1560" s="53"/>
      <c r="Y1560" s="53"/>
      <c r="Z1560" s="53"/>
      <c r="AA1560" s="53"/>
      <c r="AB1560" s="53"/>
      <c r="AC1560" s="53"/>
      <c r="AD1560" s="53"/>
      <c r="AE1560" s="53"/>
      <c r="AF1560" s="53"/>
      <c r="AG1560" s="53"/>
      <c r="AH1560" s="53"/>
      <c r="AI1560" s="53"/>
      <c r="AJ1560" s="53"/>
      <c r="AK1560" s="53"/>
      <c r="AL1560" s="53"/>
      <c r="AM1560" s="53"/>
      <c r="AN1560" s="53"/>
      <c r="AO1560" s="53"/>
      <c r="AP1560" s="53"/>
      <c r="AQ1560" s="53"/>
      <c r="AR1560" s="53"/>
      <c r="AS1560" s="53"/>
      <c r="AT1560" s="53"/>
      <c r="AU1560" s="53"/>
      <c r="AV1560" s="53"/>
      <c r="AW1560" s="53"/>
      <c r="AX1560" s="53"/>
      <c r="AY1560" s="53"/>
      <c r="AZ1560" s="53"/>
      <c r="BA1560" s="53"/>
      <c r="BB1560" s="53"/>
      <c r="BC1560" s="53"/>
      <c r="BD1560" s="53"/>
      <c r="BE1560" s="53"/>
      <c r="BF1560" s="53"/>
      <c r="BG1560" s="53"/>
      <c r="BH1560" s="53"/>
      <c r="BI1560" s="53"/>
      <c r="BJ1560" s="53"/>
      <c r="BK1560" s="53"/>
      <c r="BL1560" s="53"/>
      <c r="BM1560" s="53"/>
      <c r="BN1560" s="53"/>
      <c r="BO1560" s="53"/>
      <c r="BP1560" s="53"/>
      <c r="BQ1560" s="53"/>
      <c r="BR1560" s="53"/>
      <c r="BS1560" s="53"/>
      <c r="BT1560" s="53"/>
      <c r="BU1560" s="53"/>
      <c r="BV1560" s="53"/>
      <c r="BW1560" s="53"/>
      <c r="BX1560" s="53"/>
      <c r="BY1560" s="53"/>
      <c r="BZ1560" s="53"/>
      <c r="CA1560" s="53"/>
      <c r="CB1560" s="53"/>
      <c r="CC1560" s="53"/>
      <c r="CD1560" s="53"/>
      <c r="CE1560" s="53"/>
      <c r="CF1560" s="53"/>
      <c r="CG1560" s="53"/>
      <c r="CH1560" s="53"/>
      <c r="CI1560" s="53"/>
      <c r="CJ1560" s="53"/>
      <c r="CK1560" s="53"/>
      <c r="CL1560" s="53"/>
      <c r="CM1560" s="53"/>
      <c r="CN1560" s="53"/>
    </row>
    <row r="1561" spans="1:92" outlineLevel="1">
      <c r="A1561" s="52" t="s">
        <v>787</v>
      </c>
      <c r="B1561" s="53"/>
      <c r="C1561" s="53"/>
      <c r="D1561" s="53"/>
      <c r="E1561" s="53"/>
      <c r="F1561" s="53"/>
      <c r="G1561" s="53"/>
      <c r="H1561" s="53"/>
      <c r="I1561" s="53"/>
      <c r="J1561" s="53"/>
      <c r="K1561" s="53"/>
      <c r="L1561" s="53"/>
      <c r="M1561" s="53"/>
      <c r="N1561" s="53"/>
      <c r="O1561" s="53"/>
      <c r="P1561" s="53"/>
      <c r="Q1561" s="53"/>
      <c r="R1561" s="53"/>
      <c r="S1561" s="53"/>
      <c r="T1561" s="53"/>
      <c r="U1561" s="53"/>
      <c r="V1561" s="53"/>
      <c r="W1561" s="53"/>
      <c r="X1561" s="53"/>
      <c r="Y1561" s="53"/>
      <c r="Z1561" s="53"/>
      <c r="AA1561" s="53"/>
      <c r="AB1561" s="53"/>
      <c r="AC1561" s="53"/>
      <c r="AD1561" s="53"/>
      <c r="AE1561" s="53"/>
      <c r="AF1561" s="53"/>
      <c r="AG1561" s="53"/>
      <c r="AH1561" s="53"/>
      <c r="AI1561" s="53"/>
      <c r="AJ1561" s="53"/>
      <c r="AK1561" s="53"/>
      <c r="AL1561" s="53"/>
      <c r="AM1561" s="53"/>
      <c r="AN1561" s="53"/>
      <c r="AO1561" s="53"/>
      <c r="AP1561" s="53"/>
      <c r="AQ1561" s="53"/>
      <c r="AR1561" s="53"/>
      <c r="AS1561" s="53"/>
      <c r="AT1561" s="53"/>
      <c r="AU1561" s="53"/>
      <c r="AV1561" s="53"/>
      <c r="AW1561" s="53"/>
      <c r="AX1561" s="53"/>
      <c r="AY1561" s="53"/>
      <c r="AZ1561" s="53"/>
      <c r="BA1561" s="53"/>
      <c r="BB1561" s="53"/>
      <c r="BC1561" s="53"/>
      <c r="BD1561" s="53"/>
      <c r="BE1561" s="53"/>
      <c r="BF1561" s="53"/>
      <c r="BG1561" s="53"/>
      <c r="BH1561" s="53"/>
      <c r="BI1561" s="53"/>
      <c r="BJ1561" s="53"/>
      <c r="BK1561" s="53"/>
      <c r="BL1561" s="53"/>
      <c r="BM1561" s="53"/>
      <c r="BN1561" s="53"/>
      <c r="BO1561" s="53"/>
      <c r="BP1561" s="53"/>
      <c r="BQ1561" s="53"/>
      <c r="BR1561" s="53"/>
      <c r="BS1561" s="53"/>
      <c r="BT1561" s="53"/>
      <c r="BU1561" s="53"/>
      <c r="BV1561" s="53"/>
      <c r="BW1561" s="53"/>
      <c r="BX1561" s="53"/>
      <c r="BY1561" s="53"/>
      <c r="BZ1561" s="53"/>
      <c r="CA1561" s="53"/>
      <c r="CB1561" s="53"/>
      <c r="CC1561" s="53"/>
      <c r="CD1561" s="53"/>
      <c r="CE1561" s="53"/>
      <c r="CF1561" s="53"/>
      <c r="CG1561" s="53"/>
      <c r="CH1561" s="53"/>
      <c r="CI1561" s="53"/>
      <c r="CJ1561" s="53"/>
      <c r="CK1561" s="53"/>
      <c r="CL1561" s="53"/>
      <c r="CM1561" s="53"/>
      <c r="CN1561" s="53"/>
    </row>
    <row r="1562" spans="1:92" outlineLevel="1">
      <c r="A1562" s="52" t="s">
        <v>649</v>
      </c>
      <c r="B1562" s="53">
        <v>-545945.02617801004</v>
      </c>
      <c r="C1562" s="53">
        <v>-545945.02617801004</v>
      </c>
      <c r="D1562" s="53">
        <v>-545945.02617801004</v>
      </c>
      <c r="E1562" s="53">
        <v>-545945.02617801004</v>
      </c>
      <c r="F1562" s="53">
        <v>-545945.02617801004</v>
      </c>
      <c r="G1562" s="53">
        <v>-545945.02617801004</v>
      </c>
      <c r="H1562" s="53">
        <v>-545945.02617801004</v>
      </c>
      <c r="I1562" s="53">
        <v>-545945.02617801004</v>
      </c>
      <c r="J1562" s="53">
        <v>-545945.02617801004</v>
      </c>
      <c r="K1562" s="53">
        <v>-545945.02617801004</v>
      </c>
      <c r="L1562" s="53">
        <v>-545945.02617801004</v>
      </c>
      <c r="M1562" s="53">
        <v>-545945.02617801004</v>
      </c>
      <c r="N1562" s="53">
        <v>-6551340.3141361196</v>
      </c>
      <c r="O1562" s="53">
        <v>-545945.02617801004</v>
      </c>
      <c r="P1562" s="53">
        <v>-545945.02617801004</v>
      </c>
      <c r="Q1562" s="53">
        <v>-545945.02617801004</v>
      </c>
      <c r="R1562" s="53">
        <v>-545945.02617801004</v>
      </c>
      <c r="S1562" s="53">
        <v>-545945.02617801004</v>
      </c>
      <c r="T1562" s="53">
        <v>-545945.02617801004</v>
      </c>
      <c r="U1562" s="53">
        <v>-545945.02617801004</v>
      </c>
      <c r="V1562" s="53">
        <v>-545945.02617801004</v>
      </c>
      <c r="W1562" s="53">
        <v>-545945.02617801004</v>
      </c>
      <c r="X1562" s="53">
        <v>-545945.02617801004</v>
      </c>
      <c r="Y1562" s="53">
        <v>-545945.02617801004</v>
      </c>
      <c r="Z1562" s="53">
        <v>-545945.02617801004</v>
      </c>
      <c r="AA1562" s="53">
        <v>-6551340.3141361196</v>
      </c>
      <c r="AB1562" s="53">
        <v>-545945.02617801004</v>
      </c>
      <c r="AC1562" s="53">
        <v>-545945.02617801004</v>
      </c>
      <c r="AD1562" s="53">
        <v>-545945.02617801004</v>
      </c>
      <c r="AE1562" s="53">
        <v>-545945.02617801004</v>
      </c>
      <c r="AF1562" s="53">
        <v>-545945.02617801004</v>
      </c>
      <c r="AG1562" s="53">
        <v>-545945.02617801004</v>
      </c>
      <c r="AH1562" s="53">
        <v>-545945.02617801004</v>
      </c>
      <c r="AI1562" s="53">
        <v>-545945.02617801004</v>
      </c>
      <c r="AJ1562" s="53">
        <v>-545945.02617801004</v>
      </c>
      <c r="AK1562" s="53">
        <v>-545945.02617801004</v>
      </c>
      <c r="AL1562" s="53">
        <v>-545945.02617801004</v>
      </c>
      <c r="AM1562" s="53">
        <v>-545945.02617801004</v>
      </c>
      <c r="AN1562" s="53">
        <v>-6551340.3141361196</v>
      </c>
      <c r="AO1562" s="53">
        <v>-545945.02617801004</v>
      </c>
      <c r="AP1562" s="53">
        <v>-545945.02617801004</v>
      </c>
      <c r="AQ1562" s="53">
        <v>-545945.02617801004</v>
      </c>
      <c r="AR1562" s="53">
        <v>-545945.02617801004</v>
      </c>
      <c r="AS1562" s="53">
        <v>-545945.02617801004</v>
      </c>
      <c r="AT1562" s="53">
        <v>-545945.02617801004</v>
      </c>
      <c r="AU1562" s="53">
        <v>-545945.02617801004</v>
      </c>
      <c r="AV1562" s="53">
        <v>-545945.02617801004</v>
      </c>
      <c r="AW1562" s="53">
        <v>-545945.02617801004</v>
      </c>
      <c r="AX1562" s="53">
        <v>-545945.02617801004</v>
      </c>
      <c r="AY1562" s="53">
        <v>-545945.02617801004</v>
      </c>
      <c r="AZ1562" s="53">
        <v>-545945.02617801004</v>
      </c>
      <c r="BA1562" s="53">
        <v>-6551340.3141361196</v>
      </c>
      <c r="BB1562" s="53">
        <v>-545945.02617801004</v>
      </c>
      <c r="BC1562" s="53">
        <v>-545945.02617801004</v>
      </c>
      <c r="BD1562" s="53">
        <v>-545945.02617801004</v>
      </c>
      <c r="BE1562" s="53">
        <v>-545945.02617801004</v>
      </c>
      <c r="BF1562" s="53">
        <v>-545945.02617801004</v>
      </c>
      <c r="BG1562" s="53">
        <v>-545945.02617801004</v>
      </c>
      <c r="BH1562" s="53">
        <v>-545945.02617801004</v>
      </c>
      <c r="BI1562" s="53">
        <v>-545945.02617801004</v>
      </c>
      <c r="BJ1562" s="53">
        <v>-545945.02617801004</v>
      </c>
      <c r="BK1562" s="53">
        <v>-545945.02617801004</v>
      </c>
      <c r="BL1562" s="53">
        <v>-545945.02617801004</v>
      </c>
      <c r="BM1562" s="53">
        <v>-545945.02617801004</v>
      </c>
      <c r="BN1562" s="53">
        <v>-6551340.3141361196</v>
      </c>
      <c r="BO1562" s="53">
        <v>-545945.02617801004</v>
      </c>
      <c r="BP1562" s="53">
        <v>-545945.02617801004</v>
      </c>
      <c r="BQ1562" s="53">
        <v>-545945.02617801004</v>
      </c>
      <c r="BR1562" s="53">
        <v>-545945.02617801004</v>
      </c>
      <c r="BS1562" s="53">
        <v>-545945.02617801004</v>
      </c>
      <c r="BT1562" s="53">
        <v>-545945.02617801004</v>
      </c>
      <c r="BU1562" s="53">
        <v>-545945.02617801004</v>
      </c>
      <c r="BV1562" s="53">
        <v>-545945.02617801004</v>
      </c>
      <c r="BW1562" s="53">
        <v>-545945.02617801004</v>
      </c>
      <c r="BX1562" s="53">
        <v>-545945.02617801004</v>
      </c>
      <c r="BY1562" s="53">
        <v>-545945.02617801004</v>
      </c>
      <c r="BZ1562" s="53">
        <v>-545945.02617801004</v>
      </c>
      <c r="CA1562" s="53">
        <v>-6551340.3141361196</v>
      </c>
      <c r="CB1562" s="53"/>
      <c r="CC1562" s="53"/>
      <c r="CD1562" s="53"/>
      <c r="CE1562" s="53"/>
      <c r="CF1562" s="53"/>
      <c r="CG1562" s="53"/>
      <c r="CH1562" s="53"/>
      <c r="CI1562" s="53"/>
      <c r="CJ1562" s="53"/>
      <c r="CK1562" s="53"/>
      <c r="CL1562" s="53"/>
      <c r="CM1562" s="53"/>
      <c r="CN1562" s="53"/>
    </row>
    <row r="1563" spans="1:92" outlineLevel="1">
      <c r="A1563" s="52" t="s">
        <v>788</v>
      </c>
      <c r="B1563" s="53"/>
      <c r="C1563" s="53"/>
      <c r="D1563" s="53"/>
      <c r="E1563" s="53"/>
      <c r="F1563" s="53"/>
      <c r="G1563" s="53"/>
      <c r="H1563" s="53"/>
      <c r="I1563" s="53"/>
      <c r="J1563" s="53"/>
      <c r="K1563" s="53"/>
      <c r="L1563" s="53"/>
      <c r="M1563" s="53"/>
      <c r="N1563" s="53"/>
      <c r="O1563" s="53"/>
      <c r="P1563" s="53"/>
      <c r="Q1563" s="53"/>
      <c r="R1563" s="53"/>
      <c r="S1563" s="53"/>
      <c r="T1563" s="53"/>
      <c r="U1563" s="53"/>
      <c r="V1563" s="53"/>
      <c r="W1563" s="53"/>
      <c r="X1563" s="53"/>
      <c r="Y1563" s="53"/>
      <c r="Z1563" s="53"/>
      <c r="AA1563" s="53"/>
      <c r="AB1563" s="53"/>
      <c r="AC1563" s="53"/>
      <c r="AD1563" s="53"/>
      <c r="AE1563" s="53"/>
      <c r="AF1563" s="53"/>
      <c r="AG1563" s="53"/>
      <c r="AH1563" s="53"/>
      <c r="AI1563" s="53"/>
      <c r="AJ1563" s="53"/>
      <c r="AK1563" s="53"/>
      <c r="AL1563" s="53"/>
      <c r="AM1563" s="53"/>
      <c r="AN1563" s="53"/>
      <c r="AO1563" s="53"/>
      <c r="AP1563" s="53"/>
      <c r="AQ1563" s="53"/>
      <c r="AR1563" s="53"/>
      <c r="AS1563" s="53"/>
      <c r="AT1563" s="53"/>
      <c r="AU1563" s="53"/>
      <c r="AV1563" s="53"/>
      <c r="AW1563" s="53"/>
      <c r="AX1563" s="53"/>
      <c r="AY1563" s="53"/>
      <c r="AZ1563" s="53"/>
      <c r="BA1563" s="53"/>
      <c r="BB1563" s="53"/>
      <c r="BC1563" s="53"/>
      <c r="BD1563" s="53"/>
      <c r="BE1563" s="53"/>
      <c r="BF1563" s="53"/>
      <c r="BG1563" s="53"/>
      <c r="BH1563" s="53"/>
      <c r="BI1563" s="53"/>
      <c r="BJ1563" s="53"/>
      <c r="BK1563" s="53"/>
      <c r="BL1563" s="53"/>
      <c r="BM1563" s="53"/>
      <c r="BN1563" s="53"/>
      <c r="BO1563" s="53"/>
      <c r="BP1563" s="53"/>
      <c r="BQ1563" s="53"/>
      <c r="BR1563" s="53"/>
      <c r="BS1563" s="53"/>
      <c r="BT1563" s="53"/>
      <c r="BU1563" s="53"/>
      <c r="BV1563" s="53"/>
      <c r="BW1563" s="53"/>
      <c r="BX1563" s="53"/>
      <c r="BY1563" s="53"/>
      <c r="BZ1563" s="53"/>
      <c r="CA1563" s="53"/>
      <c r="CB1563" s="53"/>
      <c r="CC1563" s="53"/>
      <c r="CD1563" s="53"/>
      <c r="CE1563" s="53"/>
      <c r="CF1563" s="53"/>
      <c r="CG1563" s="53"/>
      <c r="CH1563" s="53"/>
      <c r="CI1563" s="53"/>
      <c r="CJ1563" s="53"/>
      <c r="CK1563" s="53"/>
      <c r="CL1563" s="53"/>
      <c r="CM1563" s="53"/>
      <c r="CN1563" s="53"/>
    </row>
    <row r="1564" spans="1:92" outlineLevel="1">
      <c r="A1564" s="52" t="s">
        <v>649</v>
      </c>
      <c r="B1564" s="53">
        <v>-221439.91666666599</v>
      </c>
      <c r="C1564" s="53">
        <v>-221439.91666666599</v>
      </c>
      <c r="D1564" s="53">
        <v>-221439.91666666599</v>
      </c>
      <c r="E1564" s="53">
        <v>-221439.91666666599</v>
      </c>
      <c r="F1564" s="53">
        <v>-221439.91666666599</v>
      </c>
      <c r="G1564" s="53">
        <v>-221439.91666666599</v>
      </c>
      <c r="H1564" s="53">
        <v>-221439.91666666599</v>
      </c>
      <c r="I1564" s="53">
        <v>-221439.91666666599</v>
      </c>
      <c r="J1564" s="53">
        <v>-221439.91666666599</v>
      </c>
      <c r="K1564" s="53">
        <v>-221439.91666666599</v>
      </c>
      <c r="L1564" s="53">
        <v>-221439.91666666599</v>
      </c>
      <c r="M1564" s="53">
        <v>-221439.91666666599</v>
      </c>
      <c r="N1564" s="53">
        <v>-2657279</v>
      </c>
      <c r="O1564" s="53"/>
      <c r="P1564" s="53"/>
      <c r="Q1564" s="53"/>
      <c r="R1564" s="53"/>
      <c r="S1564" s="53"/>
      <c r="T1564" s="53"/>
      <c r="U1564" s="53"/>
      <c r="V1564" s="53"/>
      <c r="W1564" s="53"/>
      <c r="X1564" s="53"/>
      <c r="Y1564" s="53"/>
      <c r="Z1564" s="53"/>
      <c r="AA1564" s="53"/>
      <c r="AB1564" s="53"/>
      <c r="AC1564" s="53"/>
      <c r="AD1564" s="53"/>
      <c r="AE1564" s="53"/>
      <c r="AF1564" s="53"/>
      <c r="AG1564" s="53"/>
      <c r="AH1564" s="53"/>
      <c r="AI1564" s="53"/>
      <c r="AJ1564" s="53"/>
      <c r="AK1564" s="53"/>
      <c r="AL1564" s="53"/>
      <c r="AM1564" s="53"/>
      <c r="AN1564" s="53"/>
      <c r="AO1564" s="53"/>
      <c r="AP1564" s="53"/>
      <c r="AQ1564" s="53"/>
      <c r="AR1564" s="53"/>
      <c r="AS1564" s="53"/>
      <c r="AT1564" s="53"/>
      <c r="AU1564" s="53"/>
      <c r="AV1564" s="53"/>
      <c r="AW1564" s="53"/>
      <c r="AX1564" s="53"/>
      <c r="AY1564" s="53"/>
      <c r="AZ1564" s="53"/>
      <c r="BA1564" s="53"/>
      <c r="BB1564" s="53"/>
      <c r="BC1564" s="53"/>
      <c r="BD1564" s="53"/>
      <c r="BE1564" s="53"/>
      <c r="BF1564" s="53"/>
      <c r="BG1564" s="53"/>
      <c r="BH1564" s="53"/>
      <c r="BI1564" s="53"/>
      <c r="BJ1564" s="53"/>
      <c r="BK1564" s="53"/>
      <c r="BL1564" s="53"/>
      <c r="BM1564" s="53"/>
      <c r="BN1564" s="53"/>
      <c r="BO1564" s="53"/>
      <c r="BP1564" s="53"/>
      <c r="BQ1564" s="53"/>
      <c r="BR1564" s="53"/>
      <c r="BS1564" s="53"/>
      <c r="BT1564" s="53"/>
      <c r="BU1564" s="53"/>
      <c r="BV1564" s="53"/>
      <c r="BW1564" s="53"/>
      <c r="BX1564" s="53"/>
      <c r="BY1564" s="53"/>
      <c r="BZ1564" s="53"/>
      <c r="CA1564" s="53"/>
      <c r="CB1564" s="53"/>
      <c r="CC1564" s="53"/>
      <c r="CD1564" s="53"/>
      <c r="CE1564" s="53"/>
      <c r="CF1564" s="53"/>
      <c r="CG1564" s="53"/>
      <c r="CH1564" s="53"/>
      <c r="CI1564" s="53"/>
      <c r="CJ1564" s="53"/>
      <c r="CK1564" s="53"/>
      <c r="CL1564" s="53"/>
      <c r="CM1564" s="53"/>
      <c r="CN1564" s="53"/>
    </row>
    <row r="1565" spans="1:92" outlineLevel="1">
      <c r="A1565" s="52" t="s">
        <v>1246</v>
      </c>
      <c r="B1565" s="53"/>
      <c r="C1565" s="53"/>
      <c r="D1565" s="53"/>
      <c r="E1565" s="53"/>
      <c r="F1565" s="53"/>
      <c r="G1565" s="53"/>
      <c r="H1565" s="53"/>
      <c r="I1565" s="53"/>
      <c r="J1565" s="53"/>
      <c r="K1565" s="53"/>
      <c r="L1565" s="53"/>
      <c r="M1565" s="53"/>
      <c r="N1565" s="53"/>
      <c r="O1565" s="53"/>
      <c r="P1565" s="53"/>
      <c r="Q1565" s="53"/>
      <c r="R1565" s="53"/>
      <c r="S1565" s="53"/>
      <c r="T1565" s="53"/>
      <c r="U1565" s="53"/>
      <c r="V1565" s="53"/>
      <c r="W1565" s="53"/>
      <c r="X1565" s="53"/>
      <c r="Y1565" s="53"/>
      <c r="Z1565" s="53"/>
      <c r="AA1565" s="53"/>
      <c r="AB1565" s="53"/>
      <c r="AC1565" s="53"/>
      <c r="AD1565" s="53"/>
      <c r="AE1565" s="53"/>
      <c r="AF1565" s="53"/>
      <c r="AG1565" s="53"/>
      <c r="AH1565" s="53"/>
      <c r="AI1565" s="53"/>
      <c r="AJ1565" s="53"/>
      <c r="AK1565" s="53"/>
      <c r="AL1565" s="53"/>
      <c r="AM1565" s="53"/>
      <c r="AN1565" s="53"/>
      <c r="AO1565" s="53"/>
      <c r="AP1565" s="53"/>
      <c r="AQ1565" s="53"/>
      <c r="AR1565" s="53"/>
      <c r="AS1565" s="53"/>
      <c r="AT1565" s="53"/>
      <c r="AU1565" s="53"/>
      <c r="AV1565" s="53"/>
      <c r="AW1565" s="53"/>
      <c r="AX1565" s="53"/>
      <c r="AY1565" s="53"/>
      <c r="AZ1565" s="53"/>
      <c r="BA1565" s="53"/>
      <c r="BB1565" s="53"/>
      <c r="BC1565" s="53"/>
      <c r="BD1565" s="53"/>
      <c r="BE1565" s="53"/>
      <c r="BF1565" s="53"/>
      <c r="BG1565" s="53"/>
      <c r="BH1565" s="53"/>
      <c r="BI1565" s="53"/>
      <c r="BJ1565" s="53"/>
      <c r="BK1565" s="53"/>
      <c r="BL1565" s="53"/>
      <c r="BM1565" s="53"/>
      <c r="BN1565" s="53"/>
      <c r="BO1565" s="53"/>
      <c r="BP1565" s="53"/>
      <c r="BQ1565" s="53"/>
      <c r="BR1565" s="53"/>
      <c r="BS1565" s="53"/>
      <c r="BT1565" s="53"/>
      <c r="BU1565" s="53"/>
      <c r="BV1565" s="53"/>
      <c r="BW1565" s="53"/>
      <c r="BX1565" s="53"/>
      <c r="BY1565" s="53"/>
      <c r="BZ1565" s="53"/>
      <c r="CA1565" s="53"/>
      <c r="CB1565" s="53"/>
      <c r="CC1565" s="53"/>
      <c r="CD1565" s="53"/>
      <c r="CE1565" s="53"/>
      <c r="CF1565" s="53"/>
      <c r="CG1565" s="53"/>
      <c r="CH1565" s="53"/>
      <c r="CI1565" s="53"/>
      <c r="CJ1565" s="53"/>
      <c r="CK1565" s="53"/>
      <c r="CL1565" s="53"/>
      <c r="CM1565" s="53"/>
      <c r="CN1565" s="53"/>
    </row>
    <row r="1566" spans="1:92" outlineLevel="1">
      <c r="A1566" s="52" t="s">
        <v>1249</v>
      </c>
      <c r="B1566" s="53">
        <v>-96463546.520651296</v>
      </c>
      <c r="C1566" s="53">
        <v>-135180838.53455499</v>
      </c>
      <c r="D1566" s="53">
        <v>-136299216.23783001</v>
      </c>
      <c r="E1566" s="53">
        <v>-146869401.279787</v>
      </c>
      <c r="F1566" s="53">
        <v>-150580910.07515901</v>
      </c>
      <c r="G1566" s="53">
        <v>-172580380.553489</v>
      </c>
      <c r="H1566" s="53">
        <v>-197832259.71818399</v>
      </c>
      <c r="I1566" s="53">
        <v>-205089769.22558799</v>
      </c>
      <c r="J1566" s="53">
        <v>-190904581.831781</v>
      </c>
      <c r="K1566" s="53">
        <v>-200075060.98661199</v>
      </c>
      <c r="L1566" s="53">
        <v>-142156175.27028599</v>
      </c>
      <c r="M1566" s="53">
        <v>-150917053.19103801</v>
      </c>
      <c r="N1566" s="53">
        <v>-1924949193.4249599</v>
      </c>
      <c r="O1566" s="53">
        <v>-166766165.44639599</v>
      </c>
      <c r="P1566" s="53">
        <v>-243054000.87109399</v>
      </c>
      <c r="Q1566" s="53">
        <v>-190873019.240731</v>
      </c>
      <c r="R1566" s="53">
        <v>-203262069.08126301</v>
      </c>
      <c r="S1566" s="53">
        <v>-213005755.48536399</v>
      </c>
      <c r="T1566" s="53">
        <v>-249235781.30038401</v>
      </c>
      <c r="U1566" s="53">
        <v>-281242696.06394899</v>
      </c>
      <c r="V1566" s="53">
        <v>-307275968.82789898</v>
      </c>
      <c r="W1566" s="53">
        <v>-315680430.36062098</v>
      </c>
      <c r="X1566" s="53">
        <v>-284920529.24478102</v>
      </c>
      <c r="Y1566" s="53">
        <v>-197983427.77459401</v>
      </c>
      <c r="Z1566" s="53">
        <v>-198420878.40011799</v>
      </c>
      <c r="AA1566" s="53">
        <v>-2851720722.0971899</v>
      </c>
      <c r="AB1566" s="53">
        <v>-198539123.70489901</v>
      </c>
      <c r="AC1566" s="53">
        <v>-231266502.631787</v>
      </c>
      <c r="AD1566" s="53">
        <v>-180719489.033252</v>
      </c>
      <c r="AE1566" s="53">
        <v>-187280902.850364</v>
      </c>
      <c r="AF1566" s="53">
        <v>-196894672.97815299</v>
      </c>
      <c r="AG1566" s="53">
        <v>-232218477.38704401</v>
      </c>
      <c r="AH1566" s="53">
        <v>-263346317.314331</v>
      </c>
      <c r="AI1566" s="53">
        <v>-287835248.13905197</v>
      </c>
      <c r="AJ1566" s="53">
        <v>-295482499.08592302</v>
      </c>
      <c r="AK1566" s="53">
        <v>-266576905.65420601</v>
      </c>
      <c r="AL1566" s="53">
        <v>-184245254.221365</v>
      </c>
      <c r="AM1566" s="53">
        <v>-183539229.68939501</v>
      </c>
      <c r="AN1566" s="53">
        <v>-2707944622.6897702</v>
      </c>
      <c r="AO1566" s="53">
        <v>-171552453.79966599</v>
      </c>
      <c r="AP1566" s="53">
        <v>-164294872.82768801</v>
      </c>
      <c r="AQ1566" s="53">
        <v>-124561443.36114199</v>
      </c>
      <c r="AR1566" s="53">
        <v>-129616538.44249199</v>
      </c>
      <c r="AS1566" s="53">
        <v>-136387697.46625099</v>
      </c>
      <c r="AT1566" s="53">
        <v>-161545007.53778201</v>
      </c>
      <c r="AU1566" s="53">
        <v>-183671378.627891</v>
      </c>
      <c r="AV1566" s="53">
        <v>-201191027.417795</v>
      </c>
      <c r="AW1566" s="53">
        <v>-206356273.92914799</v>
      </c>
      <c r="AX1566" s="53">
        <v>-186169379.42292699</v>
      </c>
      <c r="AY1566" s="53">
        <v>-128111049.795011</v>
      </c>
      <c r="AZ1566" s="53">
        <v>-127761218.18048801</v>
      </c>
      <c r="BA1566" s="53">
        <v>-1921218340.80828</v>
      </c>
      <c r="BB1566" s="53">
        <v>-129310721.86910599</v>
      </c>
      <c r="BC1566" s="53">
        <v>-154121073.007983</v>
      </c>
      <c r="BD1566" s="53">
        <v>-118528480.33093899</v>
      </c>
      <c r="BE1566" s="53">
        <v>-124876561.447532</v>
      </c>
      <c r="BF1566" s="53">
        <v>-131487250.134253</v>
      </c>
      <c r="BG1566" s="53">
        <v>-156110096.512808</v>
      </c>
      <c r="BH1566" s="53">
        <v>-178265977.18667299</v>
      </c>
      <c r="BI1566" s="53">
        <v>-195296595.19141099</v>
      </c>
      <c r="BJ1566" s="53">
        <v>-200307604.06631199</v>
      </c>
      <c r="BK1566" s="53">
        <v>-180854561.103302</v>
      </c>
      <c r="BL1566" s="53">
        <v>-124440617.04586899</v>
      </c>
      <c r="BM1566" s="53">
        <v>-123620001.255597</v>
      </c>
      <c r="BN1566" s="53">
        <v>-1817219539.1517899</v>
      </c>
      <c r="BO1566" s="53">
        <v>-124934141.51274399</v>
      </c>
      <c r="BP1566" s="53">
        <v>-147725872.93409199</v>
      </c>
      <c r="BQ1566" s="53">
        <v>-113357625.571483</v>
      </c>
      <c r="BR1566" s="53">
        <v>-119122434.080054</v>
      </c>
      <c r="BS1566" s="53">
        <v>-125568549.812217</v>
      </c>
      <c r="BT1566" s="53">
        <v>-149666761.64789</v>
      </c>
      <c r="BU1566" s="53">
        <v>-171400074.42767799</v>
      </c>
      <c r="BV1566" s="53">
        <v>-187909396.85914099</v>
      </c>
      <c r="BW1566" s="53">
        <v>-192767069.42352101</v>
      </c>
      <c r="BX1566" s="53">
        <v>-174244629.314197</v>
      </c>
      <c r="BY1566" s="53">
        <v>-119906458.989871</v>
      </c>
      <c r="BZ1566" s="53">
        <v>-119237526.136066</v>
      </c>
      <c r="CA1566" s="53">
        <v>-1745840540.70895</v>
      </c>
      <c r="CB1566" s="53"/>
      <c r="CC1566" s="53"/>
      <c r="CD1566" s="53"/>
      <c r="CE1566" s="53"/>
      <c r="CF1566" s="53"/>
      <c r="CG1566" s="53"/>
      <c r="CH1566" s="53"/>
      <c r="CI1566" s="53"/>
      <c r="CJ1566" s="53"/>
      <c r="CK1566" s="53"/>
      <c r="CL1566" s="53"/>
      <c r="CM1566" s="53"/>
      <c r="CN1566" s="53"/>
    </row>
    <row r="1567" spans="1:92" outlineLevel="1">
      <c r="A1567" s="52" t="s">
        <v>1247</v>
      </c>
      <c r="B1567" s="53"/>
      <c r="C1567" s="53"/>
      <c r="D1567" s="53"/>
      <c r="E1567" s="53"/>
      <c r="F1567" s="53"/>
      <c r="G1567" s="53"/>
      <c r="H1567" s="53"/>
      <c r="I1567" s="53"/>
      <c r="J1567" s="53"/>
      <c r="K1567" s="53"/>
      <c r="L1567" s="53"/>
      <c r="M1567" s="53"/>
      <c r="N1567" s="53"/>
      <c r="O1567" s="53"/>
      <c r="P1567" s="53"/>
      <c r="Q1567" s="53"/>
      <c r="R1567" s="53"/>
      <c r="S1567" s="53"/>
      <c r="T1567" s="53"/>
      <c r="U1567" s="53"/>
      <c r="V1567" s="53"/>
      <c r="W1567" s="53"/>
      <c r="X1567" s="53"/>
      <c r="Y1567" s="53"/>
      <c r="Z1567" s="53"/>
      <c r="AA1567" s="53"/>
      <c r="AB1567" s="53"/>
      <c r="AC1567" s="53"/>
      <c r="AD1567" s="53"/>
      <c r="AE1567" s="53"/>
      <c r="AF1567" s="53"/>
      <c r="AG1567" s="53"/>
      <c r="AH1567" s="53"/>
      <c r="AI1567" s="53"/>
      <c r="AJ1567" s="53"/>
      <c r="AK1567" s="53"/>
      <c r="AL1567" s="53"/>
      <c r="AM1567" s="53"/>
      <c r="AN1567" s="53"/>
      <c r="AO1567" s="53"/>
      <c r="AP1567" s="53"/>
      <c r="AQ1567" s="53"/>
      <c r="AR1567" s="53"/>
      <c r="AS1567" s="53"/>
      <c r="AT1567" s="53"/>
      <c r="AU1567" s="53"/>
      <c r="AV1567" s="53"/>
      <c r="AW1567" s="53"/>
      <c r="AX1567" s="53"/>
      <c r="AY1567" s="53"/>
      <c r="AZ1567" s="53"/>
      <c r="BA1567" s="53"/>
      <c r="BB1567" s="53"/>
      <c r="BC1567" s="53"/>
      <c r="BD1567" s="53"/>
      <c r="BE1567" s="53"/>
      <c r="BF1567" s="53"/>
      <c r="BG1567" s="53"/>
      <c r="BH1567" s="53"/>
      <c r="BI1567" s="53"/>
      <c r="BJ1567" s="53"/>
      <c r="BK1567" s="53"/>
      <c r="BL1567" s="53"/>
      <c r="BM1567" s="53"/>
      <c r="BN1567" s="53"/>
      <c r="BO1567" s="53"/>
      <c r="BP1567" s="53"/>
      <c r="BQ1567" s="53"/>
      <c r="BR1567" s="53"/>
      <c r="BS1567" s="53"/>
      <c r="BT1567" s="53"/>
      <c r="BU1567" s="53"/>
      <c r="BV1567" s="53"/>
      <c r="BW1567" s="53"/>
      <c r="BX1567" s="53"/>
      <c r="BY1567" s="53"/>
      <c r="BZ1567" s="53"/>
      <c r="CA1567" s="53"/>
      <c r="CB1567" s="53"/>
      <c r="CC1567" s="53"/>
      <c r="CD1567" s="53"/>
      <c r="CE1567" s="53"/>
      <c r="CF1567" s="53"/>
      <c r="CG1567" s="53"/>
      <c r="CH1567" s="53"/>
      <c r="CI1567" s="53"/>
      <c r="CJ1567" s="53"/>
      <c r="CK1567" s="53"/>
      <c r="CL1567" s="53"/>
      <c r="CM1567" s="53"/>
      <c r="CN1567" s="53"/>
    </row>
    <row r="1568" spans="1:92" outlineLevel="1">
      <c r="A1568" s="52" t="s">
        <v>1248</v>
      </c>
      <c r="B1568" s="53"/>
      <c r="C1568" s="53"/>
      <c r="D1568" s="53"/>
      <c r="E1568" s="53"/>
      <c r="F1568" s="53"/>
      <c r="G1568" s="53"/>
      <c r="H1568" s="53"/>
      <c r="I1568" s="53"/>
      <c r="J1568" s="53"/>
      <c r="K1568" s="53"/>
      <c r="L1568" s="53"/>
      <c r="M1568" s="53"/>
      <c r="N1568" s="53"/>
      <c r="O1568" s="53"/>
      <c r="P1568" s="53"/>
      <c r="Q1568" s="53"/>
      <c r="R1568" s="53"/>
      <c r="S1568" s="53"/>
      <c r="T1568" s="53"/>
      <c r="U1568" s="53"/>
      <c r="V1568" s="53"/>
      <c r="W1568" s="53"/>
      <c r="X1568" s="53"/>
      <c r="Y1568" s="53"/>
      <c r="Z1568" s="53"/>
      <c r="AA1568" s="53"/>
      <c r="AB1568" s="53"/>
      <c r="AC1568" s="53"/>
      <c r="AD1568" s="53"/>
      <c r="AE1568" s="53"/>
      <c r="AF1568" s="53"/>
      <c r="AG1568" s="53"/>
      <c r="AH1568" s="53"/>
      <c r="AI1568" s="53"/>
      <c r="AJ1568" s="53"/>
      <c r="AK1568" s="53"/>
      <c r="AL1568" s="53"/>
      <c r="AM1568" s="53"/>
      <c r="AN1568" s="53"/>
      <c r="AO1568" s="53"/>
      <c r="AP1568" s="53"/>
      <c r="AQ1568" s="53"/>
      <c r="AR1568" s="53"/>
      <c r="AS1568" s="53"/>
      <c r="AT1568" s="53"/>
      <c r="AU1568" s="53"/>
      <c r="AV1568" s="53"/>
      <c r="AW1568" s="53"/>
      <c r="AX1568" s="53"/>
      <c r="AY1568" s="53"/>
      <c r="AZ1568" s="53"/>
      <c r="BA1568" s="53"/>
      <c r="BB1568" s="53"/>
      <c r="BC1568" s="53"/>
      <c r="BD1568" s="53"/>
      <c r="BE1568" s="53"/>
      <c r="BF1568" s="53"/>
      <c r="BG1568" s="53"/>
      <c r="BH1568" s="53"/>
      <c r="BI1568" s="53"/>
      <c r="BJ1568" s="53"/>
      <c r="BK1568" s="53"/>
      <c r="BL1568" s="53"/>
      <c r="BM1568" s="53"/>
      <c r="BN1568" s="53"/>
      <c r="BO1568" s="53"/>
      <c r="BP1568" s="53"/>
      <c r="BQ1568" s="53"/>
      <c r="BR1568" s="53"/>
      <c r="BS1568" s="53"/>
      <c r="BT1568" s="53"/>
      <c r="BU1568" s="53"/>
      <c r="BV1568" s="53"/>
      <c r="BW1568" s="53"/>
      <c r="BX1568" s="53"/>
      <c r="BY1568" s="53"/>
      <c r="BZ1568" s="53"/>
      <c r="CA1568" s="53"/>
      <c r="CB1568" s="53"/>
      <c r="CC1568" s="53"/>
      <c r="CD1568" s="53"/>
      <c r="CE1568" s="53"/>
      <c r="CF1568" s="53"/>
      <c r="CG1568" s="53"/>
      <c r="CH1568" s="53"/>
      <c r="CI1568" s="53"/>
      <c r="CJ1568" s="53"/>
      <c r="CK1568" s="53"/>
      <c r="CL1568" s="53"/>
      <c r="CM1568" s="53"/>
      <c r="CN1568" s="53"/>
    </row>
    <row r="1569" spans="1:92" outlineLevel="1">
      <c r="A1569" s="52" t="s">
        <v>649</v>
      </c>
      <c r="B1569" s="53">
        <v>2743416.4631051798</v>
      </c>
      <c r="C1569" s="53">
        <v>2131472.2341688098</v>
      </c>
      <c r="D1569" s="53">
        <v>1781790.0777302</v>
      </c>
      <c r="E1569" s="53">
        <v>694603.66442794004</v>
      </c>
      <c r="F1569" s="53">
        <v>629769.55830318597</v>
      </c>
      <c r="G1569" s="53">
        <v>581901.95061849197</v>
      </c>
      <c r="H1569" s="53">
        <v>873954.861586691</v>
      </c>
      <c r="I1569" s="53">
        <v>874720.62436687702</v>
      </c>
      <c r="J1569" s="53">
        <v>843902.37498390896</v>
      </c>
      <c r="K1569" s="53">
        <v>849344.59679849399</v>
      </c>
      <c r="L1569" s="53">
        <v>656531.54544786399</v>
      </c>
      <c r="M1569" s="53">
        <v>903934.74421155802</v>
      </c>
      <c r="N1569" s="53">
        <v>13565342.695749201</v>
      </c>
      <c r="O1569" s="53">
        <v>2084298.0994595501</v>
      </c>
      <c r="P1569" s="53">
        <v>1984381.6632226401</v>
      </c>
      <c r="Q1569" s="53">
        <v>2416221.7540972899</v>
      </c>
      <c r="R1569" s="53">
        <v>2814683.1936568399</v>
      </c>
      <c r="S1569" s="53">
        <v>2753720.1509282598</v>
      </c>
      <c r="T1569" s="53">
        <v>3679724.9093171102</v>
      </c>
      <c r="U1569" s="53">
        <v>4457509.0419478202</v>
      </c>
      <c r="V1569" s="53">
        <v>3926376.0527628399</v>
      </c>
      <c r="W1569" s="53">
        <v>3448338.94546672</v>
      </c>
      <c r="X1569" s="53">
        <v>4050786.5327370702</v>
      </c>
      <c r="Y1569" s="53">
        <v>3219439.2831973801</v>
      </c>
      <c r="Z1569" s="53">
        <v>4826635.8343028603</v>
      </c>
      <c r="AA1569" s="53">
        <v>39662115.461096399</v>
      </c>
      <c r="AB1569" s="53">
        <v>1512506.2214154</v>
      </c>
      <c r="AC1569" s="53">
        <v>1531387.4001426101</v>
      </c>
      <c r="AD1569" s="53">
        <v>1825631.1291002601</v>
      </c>
      <c r="AE1569" s="53">
        <v>2227637.2722332501</v>
      </c>
      <c r="AF1569" s="53">
        <v>2169754.93692639</v>
      </c>
      <c r="AG1569" s="53">
        <v>2985010.7197277402</v>
      </c>
      <c r="AH1569" s="53">
        <v>3531556.98984343</v>
      </c>
      <c r="AI1569" s="53">
        <v>3166526.5268250601</v>
      </c>
      <c r="AJ1569" s="53">
        <v>2820611.5984066701</v>
      </c>
      <c r="AK1569" s="53">
        <v>3391245.8875457598</v>
      </c>
      <c r="AL1569" s="53">
        <v>2762181.5588388401</v>
      </c>
      <c r="AM1569" s="53">
        <v>4117418.7350950302</v>
      </c>
      <c r="AN1569" s="53">
        <v>32041468.9761004</v>
      </c>
      <c r="AO1569" s="53">
        <v>636361.84366106999</v>
      </c>
      <c r="AP1569" s="53">
        <v>566337.86061880295</v>
      </c>
      <c r="AQ1569" s="53">
        <v>616104.59002085798</v>
      </c>
      <c r="AR1569" s="53">
        <v>472731.00183010299</v>
      </c>
      <c r="AS1569" s="53">
        <v>443453.97011011897</v>
      </c>
      <c r="AT1569" s="53">
        <v>424517.20318619901</v>
      </c>
      <c r="AU1569" s="53">
        <v>463680.00236431003</v>
      </c>
      <c r="AV1569" s="53">
        <v>498144.87638907402</v>
      </c>
      <c r="AW1569" s="53">
        <v>481132.34443810902</v>
      </c>
      <c r="AX1569" s="53">
        <v>481870.51815674</v>
      </c>
      <c r="AY1569" s="53">
        <v>503490.238304967</v>
      </c>
      <c r="AZ1569" s="53">
        <v>612361.35003153596</v>
      </c>
      <c r="BA1569" s="53">
        <v>6200185.7991118897</v>
      </c>
      <c r="BB1569" s="53">
        <v>632323.61167207395</v>
      </c>
      <c r="BC1569" s="53">
        <v>571086.44043036597</v>
      </c>
      <c r="BD1569" s="53">
        <v>589364.11983287195</v>
      </c>
      <c r="BE1569" s="53">
        <v>429493.90613010002</v>
      </c>
      <c r="BF1569" s="53">
        <v>466370.87115411903</v>
      </c>
      <c r="BG1569" s="53">
        <v>450919.47127108701</v>
      </c>
      <c r="BH1569" s="53">
        <v>475710.05686567101</v>
      </c>
      <c r="BI1569" s="53">
        <v>492272.99960638297</v>
      </c>
      <c r="BJ1569" s="53">
        <v>476425.31707493798</v>
      </c>
      <c r="BK1569" s="53">
        <v>534151.40123273095</v>
      </c>
      <c r="BL1569" s="53">
        <v>549763.75346925994</v>
      </c>
      <c r="BM1569" s="53">
        <v>629221.30396527704</v>
      </c>
      <c r="BN1569" s="53">
        <v>6297103.2527048802</v>
      </c>
      <c r="BO1569" s="53">
        <v>629701.478562259</v>
      </c>
      <c r="BP1569" s="53">
        <v>545681.13909299602</v>
      </c>
      <c r="BQ1569" s="53">
        <v>580947.06194173999</v>
      </c>
      <c r="BR1569" s="53">
        <v>474094.35143996897</v>
      </c>
      <c r="BS1569" s="53">
        <v>460523.52984044602</v>
      </c>
      <c r="BT1569" s="53">
        <v>452007.59052472899</v>
      </c>
      <c r="BU1569" s="53">
        <v>469691.71284920903</v>
      </c>
      <c r="BV1569" s="53">
        <v>482724.15601380798</v>
      </c>
      <c r="BW1569" s="53">
        <v>462175.60266473901</v>
      </c>
      <c r="BX1569" s="53">
        <v>483890.35726451903</v>
      </c>
      <c r="BY1569" s="53">
        <v>488028.12336450903</v>
      </c>
      <c r="BZ1569" s="53">
        <v>564490.95935285103</v>
      </c>
      <c r="CA1569" s="53">
        <v>6093956.0629117796</v>
      </c>
      <c r="CB1569" s="53"/>
      <c r="CC1569" s="53"/>
      <c r="CD1569" s="53"/>
      <c r="CE1569" s="53"/>
      <c r="CF1569" s="53"/>
      <c r="CG1569" s="53"/>
      <c r="CH1569" s="53"/>
      <c r="CI1569" s="53"/>
      <c r="CJ1569" s="53"/>
      <c r="CK1569" s="53"/>
      <c r="CL1569" s="53"/>
      <c r="CM1569" s="53"/>
      <c r="CN1569" s="53"/>
    </row>
    <row r="1570" spans="1:92" outlineLevel="1">
      <c r="A1570" s="52" t="s">
        <v>1250</v>
      </c>
      <c r="B1570" s="53"/>
      <c r="C1570" s="53"/>
      <c r="D1570" s="53"/>
      <c r="E1570" s="53"/>
      <c r="F1570" s="53"/>
      <c r="G1570" s="53"/>
      <c r="H1570" s="53"/>
      <c r="I1570" s="53"/>
      <c r="J1570" s="53"/>
      <c r="K1570" s="53"/>
      <c r="L1570" s="53"/>
      <c r="M1570" s="53"/>
      <c r="N1570" s="53"/>
      <c r="O1570" s="53"/>
      <c r="P1570" s="53"/>
      <c r="Q1570" s="53"/>
      <c r="R1570" s="53"/>
      <c r="S1570" s="53"/>
      <c r="T1570" s="53"/>
      <c r="U1570" s="53"/>
      <c r="V1570" s="53"/>
      <c r="W1570" s="53"/>
      <c r="X1570" s="53"/>
      <c r="Y1570" s="53"/>
      <c r="Z1570" s="53"/>
      <c r="AA1570" s="53"/>
      <c r="AB1570" s="53"/>
      <c r="AC1570" s="53"/>
      <c r="AD1570" s="53"/>
      <c r="AE1570" s="53"/>
      <c r="AF1570" s="53"/>
      <c r="AG1570" s="53"/>
      <c r="AH1570" s="53"/>
      <c r="AI1570" s="53"/>
      <c r="AJ1570" s="53"/>
      <c r="AK1570" s="53"/>
      <c r="AL1570" s="53"/>
      <c r="AM1570" s="53"/>
      <c r="AN1570" s="53"/>
      <c r="AO1570" s="53"/>
      <c r="AP1570" s="53"/>
      <c r="AQ1570" s="53"/>
      <c r="AR1570" s="53"/>
      <c r="AS1570" s="53"/>
      <c r="AT1570" s="53"/>
      <c r="AU1570" s="53"/>
      <c r="AV1570" s="53"/>
      <c r="AW1570" s="53"/>
      <c r="AX1570" s="53"/>
      <c r="AY1570" s="53"/>
      <c r="AZ1570" s="53"/>
      <c r="BA1570" s="53"/>
      <c r="BB1570" s="53"/>
      <c r="BC1570" s="53"/>
      <c r="BD1570" s="53"/>
      <c r="BE1570" s="53"/>
      <c r="BF1570" s="53"/>
      <c r="BG1570" s="53"/>
      <c r="BH1570" s="53"/>
      <c r="BI1570" s="53"/>
      <c r="BJ1570" s="53"/>
      <c r="BK1570" s="53"/>
      <c r="BL1570" s="53"/>
      <c r="BM1570" s="53"/>
      <c r="BN1570" s="53"/>
      <c r="BO1570" s="53"/>
      <c r="BP1570" s="53"/>
      <c r="BQ1570" s="53"/>
      <c r="BR1570" s="53"/>
      <c r="BS1570" s="53"/>
      <c r="BT1570" s="53"/>
      <c r="BU1570" s="53"/>
      <c r="BV1570" s="53"/>
      <c r="BW1570" s="53"/>
      <c r="BX1570" s="53"/>
      <c r="BY1570" s="53"/>
      <c r="BZ1570" s="53"/>
      <c r="CA1570" s="53"/>
      <c r="CB1570" s="53"/>
      <c r="CC1570" s="53"/>
      <c r="CD1570" s="53"/>
      <c r="CE1570" s="53"/>
      <c r="CF1570" s="53"/>
      <c r="CG1570" s="53"/>
      <c r="CH1570" s="53"/>
      <c r="CI1570" s="53"/>
      <c r="CJ1570" s="53"/>
      <c r="CK1570" s="53"/>
      <c r="CL1570" s="53"/>
      <c r="CM1570" s="53"/>
      <c r="CN1570" s="53"/>
    </row>
    <row r="1571" spans="1:92" outlineLevel="1">
      <c r="A1571" s="52" t="s">
        <v>649</v>
      </c>
      <c r="B1571" s="53">
        <v>26259.534003308501</v>
      </c>
      <c r="C1571" s="53">
        <v>47600.570986477702</v>
      </c>
      <c r="D1571" s="53">
        <v>43174.804548433203</v>
      </c>
      <c r="E1571" s="53">
        <v>51544.426838227198</v>
      </c>
      <c r="F1571" s="53">
        <v>33672.378730987803</v>
      </c>
      <c r="G1571" s="53">
        <v>33126.842980366797</v>
      </c>
      <c r="H1571" s="53">
        <v>120195.67607650001</v>
      </c>
      <c r="I1571" s="53">
        <v>141781.718066737</v>
      </c>
      <c r="J1571" s="53">
        <v>159946.056670563</v>
      </c>
      <c r="K1571" s="53">
        <v>158045.50466753199</v>
      </c>
      <c r="L1571" s="53">
        <v>152696.335958674</v>
      </c>
      <c r="M1571" s="53">
        <v>175549.213041949</v>
      </c>
      <c r="N1571" s="53">
        <v>1143593.06256975</v>
      </c>
      <c r="O1571" s="53">
        <v>45798.298789285</v>
      </c>
      <c r="P1571" s="53">
        <v>85018.962315359095</v>
      </c>
      <c r="Q1571" s="53">
        <v>37660.110173381603</v>
      </c>
      <c r="R1571" s="53">
        <v>63057.733443543897</v>
      </c>
      <c r="S1571" s="53">
        <v>34681.823918407397</v>
      </c>
      <c r="T1571" s="53">
        <v>37070.370093831698</v>
      </c>
      <c r="U1571" s="53">
        <v>102483.82395090901</v>
      </c>
      <c r="V1571" s="53">
        <v>119237.331035134</v>
      </c>
      <c r="W1571" s="53">
        <v>106522.463297828</v>
      </c>
      <c r="X1571" s="53">
        <v>83627.152333526799</v>
      </c>
      <c r="Y1571" s="53">
        <v>100624.96847155099</v>
      </c>
      <c r="Z1571" s="53">
        <v>115340.217512654</v>
      </c>
      <c r="AA1571" s="53">
        <v>931123.25533541397</v>
      </c>
      <c r="AB1571" s="53">
        <v>43127.0262190254</v>
      </c>
      <c r="AC1571" s="53">
        <v>79322.887439561397</v>
      </c>
      <c r="AD1571" s="53">
        <v>30967.503860578101</v>
      </c>
      <c r="AE1571" s="53">
        <v>52274.796800608397</v>
      </c>
      <c r="AF1571" s="53">
        <v>27205.943849929699</v>
      </c>
      <c r="AG1571" s="53">
        <v>30726.311427552399</v>
      </c>
      <c r="AH1571" s="53">
        <v>88209.394814677595</v>
      </c>
      <c r="AI1571" s="53">
        <v>100257.49385484299</v>
      </c>
      <c r="AJ1571" s="53">
        <v>87695.306270033296</v>
      </c>
      <c r="AK1571" s="53">
        <v>70902.108287347801</v>
      </c>
      <c r="AL1571" s="53">
        <v>85528.582469283298</v>
      </c>
      <c r="AM1571" s="53">
        <v>101701.599843458</v>
      </c>
      <c r="AN1571" s="53">
        <v>797918.95513689995</v>
      </c>
      <c r="AO1571" s="53">
        <v>35930.900399412698</v>
      </c>
      <c r="AP1571" s="53">
        <v>66531.469077179907</v>
      </c>
      <c r="AQ1571" s="53">
        <v>27705.615066570899</v>
      </c>
      <c r="AR1571" s="53">
        <v>45394.882634061403</v>
      </c>
      <c r="AS1571" s="53">
        <v>25909.8458810997</v>
      </c>
      <c r="AT1571" s="53">
        <v>29765.923411813601</v>
      </c>
      <c r="AU1571" s="53">
        <v>83365.699501543</v>
      </c>
      <c r="AV1571" s="53">
        <v>97179.469923626501</v>
      </c>
      <c r="AW1571" s="53">
        <v>84918.480501698694</v>
      </c>
      <c r="AX1571" s="53">
        <v>68276.098677540896</v>
      </c>
      <c r="AY1571" s="53">
        <v>82770.659489733196</v>
      </c>
      <c r="AZ1571" s="53">
        <v>97022.617716270703</v>
      </c>
      <c r="BA1571" s="53">
        <v>744771.66228055104</v>
      </c>
      <c r="BB1571" s="53">
        <v>34724.037776647499</v>
      </c>
      <c r="BC1571" s="53">
        <v>65761.081449644102</v>
      </c>
      <c r="BD1571" s="53">
        <v>26842.709695682701</v>
      </c>
      <c r="BE1571" s="53">
        <v>44238.485313627803</v>
      </c>
      <c r="BF1571" s="53">
        <v>24948.571048864898</v>
      </c>
      <c r="BG1571" s="53">
        <v>28577.649044941401</v>
      </c>
      <c r="BH1571" s="53">
        <v>80634.402099777202</v>
      </c>
      <c r="BI1571" s="53">
        <v>93859.264579023598</v>
      </c>
      <c r="BJ1571" s="53">
        <v>82454.536228373094</v>
      </c>
      <c r="BK1571" s="53">
        <v>66925.677227510998</v>
      </c>
      <c r="BL1571" s="53">
        <v>81457.791908049505</v>
      </c>
      <c r="BM1571" s="53">
        <v>96470.128126115407</v>
      </c>
      <c r="BN1571" s="53">
        <v>726894.33449825796</v>
      </c>
      <c r="BO1571" s="53">
        <v>34674.345282950002</v>
      </c>
      <c r="BP1571" s="53">
        <v>63737.574700382203</v>
      </c>
      <c r="BQ1571" s="53">
        <v>26165.798645435301</v>
      </c>
      <c r="BR1571" s="53">
        <v>43206.837874316501</v>
      </c>
      <c r="BS1571" s="53">
        <v>24684.116948143201</v>
      </c>
      <c r="BT1571" s="53">
        <v>28158.362205160101</v>
      </c>
      <c r="BU1571" s="53">
        <v>77158.209328815094</v>
      </c>
      <c r="BV1571" s="53">
        <v>89685.936345769005</v>
      </c>
      <c r="BW1571" s="53">
        <v>78638.778298201098</v>
      </c>
      <c r="BX1571" s="53">
        <v>63711.106720048097</v>
      </c>
      <c r="BY1571" s="53">
        <v>77491.411204959906</v>
      </c>
      <c r="BZ1571" s="53">
        <v>91415.410575249305</v>
      </c>
      <c r="CA1571" s="53">
        <v>698727.88812943001</v>
      </c>
      <c r="CB1571" s="53"/>
      <c r="CC1571" s="53"/>
      <c r="CD1571" s="53"/>
      <c r="CE1571" s="53"/>
      <c r="CF1571" s="53"/>
      <c r="CG1571" s="53"/>
      <c r="CH1571" s="53"/>
      <c r="CI1571" s="53"/>
      <c r="CJ1571" s="53"/>
      <c r="CK1571" s="53"/>
      <c r="CL1571" s="53"/>
      <c r="CM1571" s="53"/>
      <c r="CN1571" s="53"/>
    </row>
    <row r="1572" spans="1:92" outlineLevel="1">
      <c r="A1572" s="52" t="s">
        <v>709</v>
      </c>
      <c r="B1572" s="53"/>
      <c r="C1572" s="53"/>
      <c r="D1572" s="53"/>
      <c r="E1572" s="53"/>
      <c r="F1572" s="53"/>
      <c r="G1572" s="53"/>
      <c r="H1572" s="53"/>
      <c r="I1572" s="53"/>
      <c r="J1572" s="53"/>
      <c r="K1572" s="53"/>
      <c r="L1572" s="53"/>
      <c r="M1572" s="53"/>
      <c r="N1572" s="53"/>
      <c r="O1572" s="53"/>
      <c r="P1572" s="53"/>
      <c r="Q1572" s="53"/>
      <c r="R1572" s="53"/>
      <c r="S1572" s="53"/>
      <c r="T1572" s="53"/>
      <c r="U1572" s="53"/>
      <c r="V1572" s="53"/>
      <c r="W1572" s="53"/>
      <c r="X1572" s="53"/>
      <c r="Y1572" s="53"/>
      <c r="Z1572" s="53"/>
      <c r="AA1572" s="53"/>
      <c r="AB1572" s="53"/>
      <c r="AC1572" s="53"/>
      <c r="AD1572" s="53"/>
      <c r="AE1572" s="53"/>
      <c r="AF1572" s="53"/>
      <c r="AG1572" s="53"/>
      <c r="AH1572" s="53"/>
      <c r="AI1572" s="53"/>
      <c r="AJ1572" s="53"/>
      <c r="AK1572" s="53"/>
      <c r="AL1572" s="53"/>
      <c r="AM1572" s="53"/>
      <c r="AN1572" s="53"/>
      <c r="AO1572" s="53"/>
      <c r="AP1572" s="53"/>
      <c r="AQ1572" s="53"/>
      <c r="AR1572" s="53"/>
      <c r="AS1572" s="53"/>
      <c r="AT1572" s="53"/>
      <c r="AU1572" s="53"/>
      <c r="AV1572" s="53"/>
      <c r="AW1572" s="53"/>
      <c r="AX1572" s="53"/>
      <c r="AY1572" s="53"/>
      <c r="AZ1572" s="53"/>
      <c r="BA1572" s="53"/>
      <c r="BB1572" s="53"/>
      <c r="BC1572" s="53"/>
      <c r="BD1572" s="53"/>
      <c r="BE1572" s="53"/>
      <c r="BF1572" s="53"/>
      <c r="BG1572" s="53"/>
      <c r="BH1572" s="53"/>
      <c r="BI1572" s="53"/>
      <c r="BJ1572" s="53"/>
      <c r="BK1572" s="53"/>
      <c r="BL1572" s="53"/>
      <c r="BM1572" s="53"/>
      <c r="BN1572" s="53"/>
      <c r="BO1572" s="53"/>
      <c r="BP1572" s="53"/>
      <c r="BQ1572" s="53"/>
      <c r="BR1572" s="53"/>
      <c r="BS1572" s="53"/>
      <c r="BT1572" s="53"/>
      <c r="BU1572" s="53"/>
      <c r="BV1572" s="53"/>
      <c r="BW1572" s="53"/>
      <c r="BX1572" s="53"/>
      <c r="BY1572" s="53"/>
      <c r="BZ1572" s="53"/>
      <c r="CA1572" s="53"/>
      <c r="CB1572" s="53"/>
      <c r="CC1572" s="53"/>
      <c r="CD1572" s="53"/>
      <c r="CE1572" s="53"/>
      <c r="CF1572" s="53"/>
      <c r="CG1572" s="53"/>
      <c r="CH1572" s="53"/>
      <c r="CI1572" s="53"/>
      <c r="CJ1572" s="53"/>
      <c r="CK1572" s="53"/>
      <c r="CL1572" s="53"/>
      <c r="CM1572" s="53"/>
      <c r="CN1572" s="53"/>
    </row>
    <row r="1573" spans="1:92" outlineLevel="1">
      <c r="A1573" s="52" t="s">
        <v>733</v>
      </c>
      <c r="B1573" s="53"/>
      <c r="C1573" s="53"/>
      <c r="D1573" s="53"/>
      <c r="E1573" s="53"/>
      <c r="F1573" s="53"/>
      <c r="G1573" s="53"/>
      <c r="H1573" s="53"/>
      <c r="I1573" s="53"/>
      <c r="J1573" s="53"/>
      <c r="K1573" s="53"/>
      <c r="L1573" s="53"/>
      <c r="M1573" s="53"/>
      <c r="N1573" s="53"/>
      <c r="O1573" s="53"/>
      <c r="P1573" s="53"/>
      <c r="Q1573" s="53"/>
      <c r="R1573" s="53"/>
      <c r="S1573" s="53"/>
      <c r="T1573" s="53"/>
      <c r="U1573" s="53"/>
      <c r="V1573" s="53"/>
      <c r="W1573" s="53"/>
      <c r="X1573" s="53"/>
      <c r="Y1573" s="53"/>
      <c r="Z1573" s="53"/>
      <c r="AA1573" s="53"/>
      <c r="AB1573" s="53"/>
      <c r="AC1573" s="53"/>
      <c r="AD1573" s="53"/>
      <c r="AE1573" s="53"/>
      <c r="AF1573" s="53"/>
      <c r="AG1573" s="53"/>
      <c r="AH1573" s="53"/>
      <c r="AI1573" s="53"/>
      <c r="AJ1573" s="53"/>
      <c r="AK1573" s="53"/>
      <c r="AL1573" s="53"/>
      <c r="AM1573" s="53"/>
      <c r="AN1573" s="53"/>
      <c r="AO1573" s="53"/>
      <c r="AP1573" s="53"/>
      <c r="AQ1573" s="53"/>
      <c r="AR1573" s="53"/>
      <c r="AS1573" s="53"/>
      <c r="AT1573" s="53"/>
      <c r="AU1573" s="53"/>
      <c r="AV1573" s="53"/>
      <c r="AW1573" s="53"/>
      <c r="AX1573" s="53"/>
      <c r="AY1573" s="53"/>
      <c r="AZ1573" s="53"/>
      <c r="BA1573" s="53"/>
      <c r="BB1573" s="53"/>
      <c r="BC1573" s="53"/>
      <c r="BD1573" s="53"/>
      <c r="BE1573" s="53"/>
      <c r="BF1573" s="53"/>
      <c r="BG1573" s="53"/>
      <c r="BH1573" s="53"/>
      <c r="BI1573" s="53"/>
      <c r="BJ1573" s="53"/>
      <c r="BK1573" s="53"/>
      <c r="BL1573" s="53"/>
      <c r="BM1573" s="53"/>
      <c r="BN1573" s="53"/>
      <c r="BO1573" s="53"/>
      <c r="BP1573" s="53"/>
      <c r="BQ1573" s="53"/>
      <c r="BR1573" s="53"/>
      <c r="BS1573" s="53"/>
      <c r="BT1573" s="53"/>
      <c r="BU1573" s="53"/>
      <c r="BV1573" s="53"/>
      <c r="BW1573" s="53"/>
      <c r="BX1573" s="53"/>
      <c r="BY1573" s="53"/>
      <c r="BZ1573" s="53"/>
      <c r="CA1573" s="53"/>
      <c r="CB1573" s="53"/>
      <c r="CC1573" s="53"/>
      <c r="CD1573" s="53"/>
      <c r="CE1573" s="53"/>
      <c r="CF1573" s="53"/>
      <c r="CG1573" s="53"/>
      <c r="CH1573" s="53"/>
      <c r="CI1573" s="53"/>
      <c r="CJ1573" s="53"/>
      <c r="CK1573" s="53"/>
      <c r="CL1573" s="53"/>
      <c r="CM1573" s="53"/>
      <c r="CN1573" s="53"/>
    </row>
    <row r="1574" spans="1:92" outlineLevel="1">
      <c r="A1574" s="52" t="s">
        <v>713</v>
      </c>
      <c r="B1574" s="53">
        <v>-26552.4084880636</v>
      </c>
      <c r="C1574" s="53">
        <v>-26552.410666666601</v>
      </c>
      <c r="D1574" s="53">
        <v>-26552.407506702399</v>
      </c>
      <c r="E1574" s="53">
        <v>-26552.409703503999</v>
      </c>
      <c r="F1574" s="53">
        <v>-26552.406504064998</v>
      </c>
      <c r="G1574" s="53">
        <v>-26552.408719346</v>
      </c>
      <c r="H1574" s="53">
        <v>-26552.4109589041</v>
      </c>
      <c r="I1574" s="53">
        <v>-26552.4077134986</v>
      </c>
      <c r="J1574" s="53">
        <v>-26552.409972299101</v>
      </c>
      <c r="K1574" s="53">
        <v>-26552.4066852367</v>
      </c>
      <c r="L1574" s="53">
        <v>-26552.4089635854</v>
      </c>
      <c r="M1574" s="53">
        <v>-26552.411267605599</v>
      </c>
      <c r="N1574" s="53">
        <v>-318628.90714947699</v>
      </c>
      <c r="O1574" s="53">
        <v>-26552.407932011301</v>
      </c>
      <c r="P1574" s="53">
        <v>-26552.407932011301</v>
      </c>
      <c r="Q1574" s="53">
        <v>-26552.407932011301</v>
      </c>
      <c r="R1574" s="53">
        <v>-26552.407932011301</v>
      </c>
      <c r="S1574" s="53">
        <v>-26552.407932011301</v>
      </c>
      <c r="T1574" s="53">
        <v>-26552.407932011301</v>
      </c>
      <c r="U1574" s="53">
        <v>-26552.407932011301</v>
      </c>
      <c r="V1574" s="53">
        <v>-26552.407932011301</v>
      </c>
      <c r="W1574" s="53">
        <v>-26552.407932011301</v>
      </c>
      <c r="X1574" s="53">
        <v>-26552.407932011301</v>
      </c>
      <c r="Y1574" s="53">
        <v>-26552.407932011301</v>
      </c>
      <c r="Z1574" s="53">
        <v>-26552.407932011301</v>
      </c>
      <c r="AA1574" s="53">
        <v>-318628.895184136</v>
      </c>
      <c r="AB1574" s="53">
        <v>-26552.407932011301</v>
      </c>
      <c r="AC1574" s="53">
        <v>-26552.407932011301</v>
      </c>
      <c r="AD1574" s="53">
        <v>-26552.407932011301</v>
      </c>
      <c r="AE1574" s="53">
        <v>-26552.407932011301</v>
      </c>
      <c r="AF1574" s="53">
        <v>-26552.407932011301</v>
      </c>
      <c r="AG1574" s="53">
        <v>-26552.407932011301</v>
      </c>
      <c r="AH1574" s="53">
        <v>-26552.407932011301</v>
      </c>
      <c r="AI1574" s="53">
        <v>-26552.407932011301</v>
      </c>
      <c r="AJ1574" s="53">
        <v>-26552.407932011301</v>
      </c>
      <c r="AK1574" s="53">
        <v>-26552.407932011301</v>
      </c>
      <c r="AL1574" s="53">
        <v>-26552.407932011301</v>
      </c>
      <c r="AM1574" s="53">
        <v>-26552.407932011301</v>
      </c>
      <c r="AN1574" s="53">
        <v>-318628.895184136</v>
      </c>
      <c r="AO1574" s="53">
        <v>-26552.407932011301</v>
      </c>
      <c r="AP1574" s="53">
        <v>-26552.407932011301</v>
      </c>
      <c r="AQ1574" s="53">
        <v>-26552.407932011301</v>
      </c>
      <c r="AR1574" s="53">
        <v>-26552.407932011301</v>
      </c>
      <c r="AS1574" s="53">
        <v>-26552.407932011301</v>
      </c>
      <c r="AT1574" s="53">
        <v>-26552.407932011301</v>
      </c>
      <c r="AU1574" s="53">
        <v>-26552.407932011301</v>
      </c>
      <c r="AV1574" s="53">
        <v>-26552.407932011301</v>
      </c>
      <c r="AW1574" s="53">
        <v>-26552.407932011301</v>
      </c>
      <c r="AX1574" s="53">
        <v>-26552.407932011301</v>
      </c>
      <c r="AY1574" s="53">
        <v>-26552.407932011301</v>
      </c>
      <c r="AZ1574" s="53">
        <v>-26552.407932011301</v>
      </c>
      <c r="BA1574" s="53">
        <v>-318628.895184136</v>
      </c>
      <c r="BB1574" s="53">
        <v>-26552.407932011301</v>
      </c>
      <c r="BC1574" s="53">
        <v>-26552.407932011301</v>
      </c>
      <c r="BD1574" s="53">
        <v>-26552.407932011301</v>
      </c>
      <c r="BE1574" s="53">
        <v>-26552.407932011301</v>
      </c>
      <c r="BF1574" s="53">
        <v>-26552.407932011301</v>
      </c>
      <c r="BG1574" s="53">
        <v>-26552.407932011301</v>
      </c>
      <c r="BH1574" s="53">
        <v>-26552.407932011301</v>
      </c>
      <c r="BI1574" s="53">
        <v>-26552.407932011301</v>
      </c>
      <c r="BJ1574" s="53">
        <v>-26552.407932011301</v>
      </c>
      <c r="BK1574" s="53">
        <v>-26552.407932011301</v>
      </c>
      <c r="BL1574" s="53">
        <v>-26552.407932011301</v>
      </c>
      <c r="BM1574" s="53">
        <v>-26552.407932011301</v>
      </c>
      <c r="BN1574" s="53">
        <v>-318628.895184136</v>
      </c>
      <c r="BO1574" s="53">
        <v>-26552.407932011301</v>
      </c>
      <c r="BP1574" s="53">
        <v>-26552.407932011301</v>
      </c>
      <c r="BQ1574" s="53">
        <v>-26552.407932011301</v>
      </c>
      <c r="BR1574" s="53">
        <v>-26552.407932011301</v>
      </c>
      <c r="BS1574" s="53">
        <v>-26552.407932011301</v>
      </c>
      <c r="BT1574" s="53">
        <v>-26552.407932011301</v>
      </c>
      <c r="BU1574" s="53">
        <v>-26552.407932011301</v>
      </c>
      <c r="BV1574" s="53">
        <v>-26552.4079320114</v>
      </c>
      <c r="BW1574" s="53">
        <v>-26552.407932011301</v>
      </c>
      <c r="BX1574" s="53">
        <v>-26552.407932011301</v>
      </c>
      <c r="BY1574" s="53">
        <v>-26552.4079320114</v>
      </c>
      <c r="BZ1574" s="53">
        <v>-26552.4079320114</v>
      </c>
      <c r="CA1574" s="53">
        <v>-318628.895184136</v>
      </c>
      <c r="CB1574" s="53"/>
      <c r="CC1574" s="53"/>
      <c r="CD1574" s="53"/>
      <c r="CE1574" s="53"/>
      <c r="CF1574" s="53"/>
      <c r="CG1574" s="53"/>
      <c r="CH1574" s="53"/>
      <c r="CI1574" s="53"/>
      <c r="CJ1574" s="53"/>
      <c r="CK1574" s="53"/>
      <c r="CL1574" s="53"/>
      <c r="CM1574" s="53"/>
      <c r="CN1574" s="53"/>
    </row>
    <row r="1575" spans="1:92" outlineLevel="1">
      <c r="A1575" s="52" t="s">
        <v>716</v>
      </c>
      <c r="B1575" s="53">
        <v>24171.149367088601</v>
      </c>
      <c r="C1575" s="53">
        <v>24171.150127226399</v>
      </c>
      <c r="D1575" s="53">
        <v>24171.150895140599</v>
      </c>
      <c r="E1575" s="53">
        <v>24171.151670951102</v>
      </c>
      <c r="F1575" s="53">
        <v>24171.147286821699</v>
      </c>
      <c r="G1575" s="53">
        <v>24171.148051947999</v>
      </c>
      <c r="H1575" s="53">
        <v>24171.1488250652</v>
      </c>
      <c r="I1575" s="53">
        <v>24171.149606299201</v>
      </c>
      <c r="J1575" s="53">
        <v>24171.150395778299</v>
      </c>
      <c r="K1575" s="53">
        <v>24171.151193633901</v>
      </c>
      <c r="L1575" s="53">
        <v>24171.151999999998</v>
      </c>
      <c r="M1575" s="53">
        <v>24171.1474530831</v>
      </c>
      <c r="N1575" s="53">
        <v>290053.79687303602</v>
      </c>
      <c r="O1575" s="53">
        <v>24171.148247978399</v>
      </c>
      <c r="P1575" s="53">
        <v>24171.148247978399</v>
      </c>
      <c r="Q1575" s="53">
        <v>24171.148247978399</v>
      </c>
      <c r="R1575" s="53">
        <v>24171.148247978399</v>
      </c>
      <c r="S1575" s="53">
        <v>24171.148247978399</v>
      </c>
      <c r="T1575" s="53">
        <v>24171.148247978399</v>
      </c>
      <c r="U1575" s="53">
        <v>24171.148247978399</v>
      </c>
      <c r="V1575" s="53">
        <v>24171.148247978399</v>
      </c>
      <c r="W1575" s="53">
        <v>24171.148247978399</v>
      </c>
      <c r="X1575" s="53">
        <v>24171.148247978399</v>
      </c>
      <c r="Y1575" s="53">
        <v>24171.148247978399</v>
      </c>
      <c r="Z1575" s="53">
        <v>24171.148247978399</v>
      </c>
      <c r="AA1575" s="53">
        <v>290053.77897574101</v>
      </c>
      <c r="AB1575" s="53">
        <v>24171.148247978399</v>
      </c>
      <c r="AC1575" s="53">
        <v>24171.148247978399</v>
      </c>
      <c r="AD1575" s="53">
        <v>24171.148247978399</v>
      </c>
      <c r="AE1575" s="53">
        <v>24171.148247978399</v>
      </c>
      <c r="AF1575" s="53">
        <v>24171.148247978399</v>
      </c>
      <c r="AG1575" s="53">
        <v>24171.148247978399</v>
      </c>
      <c r="AH1575" s="53">
        <v>24171.148247978399</v>
      </c>
      <c r="AI1575" s="53">
        <v>24171.148247978399</v>
      </c>
      <c r="AJ1575" s="53">
        <v>24171.148247978399</v>
      </c>
      <c r="AK1575" s="53">
        <v>24171.148247978399</v>
      </c>
      <c r="AL1575" s="53">
        <v>24171.148247978399</v>
      </c>
      <c r="AM1575" s="53">
        <v>24171.148247978399</v>
      </c>
      <c r="AN1575" s="53">
        <v>290053.77897574002</v>
      </c>
      <c r="AO1575" s="53">
        <v>24171.148247978399</v>
      </c>
      <c r="AP1575" s="53">
        <v>24171.148247978399</v>
      </c>
      <c r="AQ1575" s="53">
        <v>24171.148247978399</v>
      </c>
      <c r="AR1575" s="53">
        <v>24171.148247978399</v>
      </c>
      <c r="AS1575" s="53">
        <v>24171.148247978399</v>
      </c>
      <c r="AT1575" s="53">
        <v>24171.148247978399</v>
      </c>
      <c r="AU1575" s="53">
        <v>24171.148247978399</v>
      </c>
      <c r="AV1575" s="53">
        <v>24171.148247978399</v>
      </c>
      <c r="AW1575" s="53">
        <v>24171.148247978399</v>
      </c>
      <c r="AX1575" s="53">
        <v>24171.148247978399</v>
      </c>
      <c r="AY1575" s="53">
        <v>24171.148247978399</v>
      </c>
      <c r="AZ1575" s="53">
        <v>24171.148247978399</v>
      </c>
      <c r="BA1575" s="53">
        <v>290053.77897574002</v>
      </c>
      <c r="BB1575" s="53">
        <v>24171.148247978399</v>
      </c>
      <c r="BC1575" s="53">
        <v>24171.148247978399</v>
      </c>
      <c r="BD1575" s="53">
        <v>24171.148247978399</v>
      </c>
      <c r="BE1575" s="53">
        <v>24171.148247978399</v>
      </c>
      <c r="BF1575" s="53">
        <v>24171.148247978399</v>
      </c>
      <c r="BG1575" s="53">
        <v>24171.148247978399</v>
      </c>
      <c r="BH1575" s="53">
        <v>24171.148247978399</v>
      </c>
      <c r="BI1575" s="53">
        <v>24171.148247978399</v>
      </c>
      <c r="BJ1575" s="53">
        <v>24171.148247978399</v>
      </c>
      <c r="BK1575" s="53">
        <v>24171.148247978399</v>
      </c>
      <c r="BL1575" s="53">
        <v>24171.148247978399</v>
      </c>
      <c r="BM1575" s="53">
        <v>24171.148247978399</v>
      </c>
      <c r="BN1575" s="53">
        <v>290053.77897574002</v>
      </c>
      <c r="BO1575" s="53">
        <v>24171.148247978399</v>
      </c>
      <c r="BP1575" s="53">
        <v>24171.148247978399</v>
      </c>
      <c r="BQ1575" s="53">
        <v>24171.148247978399</v>
      </c>
      <c r="BR1575" s="53">
        <v>24171.148247978399</v>
      </c>
      <c r="BS1575" s="53">
        <v>24171.148247978399</v>
      </c>
      <c r="BT1575" s="53">
        <v>24171.148247978399</v>
      </c>
      <c r="BU1575" s="53">
        <v>24171.148247978399</v>
      </c>
      <c r="BV1575" s="53">
        <v>24171.148247978399</v>
      </c>
      <c r="BW1575" s="53">
        <v>24171.148247978399</v>
      </c>
      <c r="BX1575" s="53">
        <v>24171.148247978399</v>
      </c>
      <c r="BY1575" s="53">
        <v>24171.148247978399</v>
      </c>
      <c r="BZ1575" s="53">
        <v>24171.148247978399</v>
      </c>
      <c r="CA1575" s="53">
        <v>290053.77897574002</v>
      </c>
      <c r="CB1575" s="53"/>
      <c r="CC1575" s="53"/>
      <c r="CD1575" s="53"/>
      <c r="CE1575" s="53"/>
      <c r="CF1575" s="53"/>
      <c r="CG1575" s="53"/>
      <c r="CH1575" s="53"/>
      <c r="CI1575" s="53"/>
      <c r="CJ1575" s="53"/>
      <c r="CK1575" s="53"/>
      <c r="CL1575" s="53"/>
      <c r="CM1575" s="53"/>
      <c r="CN1575" s="53"/>
    </row>
    <row r="1576" spans="1:92" outlineLevel="1">
      <c r="A1576" s="52" t="s">
        <v>734</v>
      </c>
      <c r="B1576" s="53">
        <v>-104270.47619047599</v>
      </c>
      <c r="C1576" s="53">
        <v>-104270.526315789</v>
      </c>
      <c r="D1576" s="53">
        <v>-104270.470588235</v>
      </c>
      <c r="E1576" s="53">
        <v>-104270.53333333301</v>
      </c>
      <c r="F1576" s="53">
        <v>-104270.46153846099</v>
      </c>
      <c r="G1576" s="53">
        <v>-104270.545454545</v>
      </c>
      <c r="H1576" s="53">
        <v>-104270.444444444</v>
      </c>
      <c r="I1576" s="53">
        <v>-104270.571428571</v>
      </c>
      <c r="J1576" s="53">
        <v>-104270.39999999999</v>
      </c>
      <c r="K1576" s="53">
        <v>-104270.666666666</v>
      </c>
      <c r="L1576" s="53">
        <v>-52135</v>
      </c>
      <c r="M1576" s="53"/>
      <c r="N1576" s="53">
        <v>-1094840.09596052</v>
      </c>
      <c r="O1576" s="53"/>
      <c r="P1576" s="53"/>
      <c r="Q1576" s="53"/>
      <c r="R1576" s="53"/>
      <c r="S1576" s="53"/>
      <c r="T1576" s="53"/>
      <c r="U1576" s="53"/>
      <c r="V1576" s="53"/>
      <c r="W1576" s="53"/>
      <c r="X1576" s="53"/>
      <c r="Y1576" s="53"/>
      <c r="Z1576" s="53"/>
      <c r="AA1576" s="53"/>
      <c r="AB1576" s="53"/>
      <c r="AC1576" s="53"/>
      <c r="AD1576" s="53"/>
      <c r="AE1576" s="53"/>
      <c r="AF1576" s="53"/>
      <c r="AG1576" s="53"/>
      <c r="AH1576" s="53"/>
      <c r="AI1576" s="53"/>
      <c r="AJ1576" s="53"/>
      <c r="AK1576" s="53"/>
      <c r="AL1576" s="53"/>
      <c r="AM1576" s="53"/>
      <c r="AN1576" s="53"/>
      <c r="AO1576" s="53"/>
      <c r="AP1576" s="53"/>
      <c r="AQ1576" s="53"/>
      <c r="AR1576" s="53"/>
      <c r="AS1576" s="53"/>
      <c r="AT1576" s="53"/>
      <c r="AU1576" s="53"/>
      <c r="AV1576" s="53"/>
      <c r="AW1576" s="53"/>
      <c r="AX1576" s="53"/>
      <c r="AY1576" s="53"/>
      <c r="AZ1576" s="53"/>
      <c r="BA1576" s="53"/>
      <c r="BB1576" s="53"/>
      <c r="BC1576" s="53"/>
      <c r="BD1576" s="53"/>
      <c r="BE1576" s="53"/>
      <c r="BF1576" s="53"/>
      <c r="BG1576" s="53"/>
      <c r="BH1576" s="53"/>
      <c r="BI1576" s="53"/>
      <c r="BJ1576" s="53"/>
      <c r="BK1576" s="53"/>
      <c r="BL1576" s="53"/>
      <c r="BM1576" s="53"/>
      <c r="BN1576" s="53"/>
      <c r="BO1576" s="53"/>
      <c r="BP1576" s="53"/>
      <c r="BQ1576" s="53"/>
      <c r="BR1576" s="53"/>
      <c r="BS1576" s="53"/>
      <c r="BT1576" s="53"/>
      <c r="BU1576" s="53"/>
      <c r="BV1576" s="53"/>
      <c r="BW1576" s="53"/>
      <c r="BX1576" s="53"/>
      <c r="BY1576" s="53"/>
      <c r="BZ1576" s="53"/>
      <c r="CA1576" s="53"/>
      <c r="CB1576" s="53"/>
      <c r="CC1576" s="53"/>
      <c r="CD1576" s="53"/>
      <c r="CE1576" s="53"/>
      <c r="CF1576" s="53"/>
      <c r="CG1576" s="53"/>
      <c r="CH1576" s="53"/>
      <c r="CI1576" s="53"/>
      <c r="CJ1576" s="53"/>
      <c r="CK1576" s="53"/>
      <c r="CL1576" s="53"/>
      <c r="CM1576" s="53"/>
      <c r="CN1576" s="53"/>
    </row>
    <row r="1577" spans="1:92" outlineLevel="1">
      <c r="A1577" s="52" t="s">
        <v>725</v>
      </c>
      <c r="B1577" s="53">
        <v>16813.8726114649</v>
      </c>
      <c r="C1577" s="53">
        <v>16813.870967741899</v>
      </c>
      <c r="D1577" s="53">
        <v>16813.8692810457</v>
      </c>
      <c r="E1577" s="53">
        <v>16813.867549668801</v>
      </c>
      <c r="F1577" s="53">
        <v>16813.879194630801</v>
      </c>
      <c r="G1577" s="53">
        <v>16813.8775510204</v>
      </c>
      <c r="H1577" s="53">
        <v>16813.8758620689</v>
      </c>
      <c r="I1577" s="53">
        <v>16813.874125874099</v>
      </c>
      <c r="J1577" s="53">
        <v>16813.8723404255</v>
      </c>
      <c r="K1577" s="53">
        <v>16813.8705035971</v>
      </c>
      <c r="L1577" s="53">
        <v>16813.868613138598</v>
      </c>
      <c r="M1577" s="53">
        <v>16813.866666666599</v>
      </c>
      <c r="N1577" s="53">
        <v>201766.46526734301</v>
      </c>
      <c r="O1577" s="53">
        <v>16813.8796992481</v>
      </c>
      <c r="P1577" s="53">
        <v>16813.8796992481</v>
      </c>
      <c r="Q1577" s="53">
        <v>16813.8796992481</v>
      </c>
      <c r="R1577" s="53">
        <v>16813.8796992481</v>
      </c>
      <c r="S1577" s="53">
        <v>16813.8796992481</v>
      </c>
      <c r="T1577" s="53">
        <v>16813.8796992481</v>
      </c>
      <c r="U1577" s="53">
        <v>16813.8796992481</v>
      </c>
      <c r="V1577" s="53">
        <v>16813.8796992481</v>
      </c>
      <c r="W1577" s="53">
        <v>16813.8796992481</v>
      </c>
      <c r="X1577" s="53">
        <v>16813.8796992481</v>
      </c>
      <c r="Y1577" s="53">
        <v>16813.8796992481</v>
      </c>
      <c r="Z1577" s="53">
        <v>16813.8796992481</v>
      </c>
      <c r="AA1577" s="53">
        <v>201766.556390977</v>
      </c>
      <c r="AB1577" s="53">
        <v>16813.8796992481</v>
      </c>
      <c r="AC1577" s="53">
        <v>16813.8796992481</v>
      </c>
      <c r="AD1577" s="53">
        <v>16813.8796992481</v>
      </c>
      <c r="AE1577" s="53">
        <v>16813.8796992481</v>
      </c>
      <c r="AF1577" s="53">
        <v>16813.8796992481</v>
      </c>
      <c r="AG1577" s="53">
        <v>16813.8796992481</v>
      </c>
      <c r="AH1577" s="53">
        <v>16813.8796992481</v>
      </c>
      <c r="AI1577" s="53">
        <v>16813.8796992481</v>
      </c>
      <c r="AJ1577" s="53">
        <v>16813.8796992481</v>
      </c>
      <c r="AK1577" s="53">
        <v>16813.8796992481</v>
      </c>
      <c r="AL1577" s="53">
        <v>16813.8796992481</v>
      </c>
      <c r="AM1577" s="53">
        <v>16813.8796992481</v>
      </c>
      <c r="AN1577" s="53">
        <v>201766.556390977</v>
      </c>
      <c r="AO1577" s="53">
        <v>16813.8796992481</v>
      </c>
      <c r="AP1577" s="53">
        <v>16813.8796992481</v>
      </c>
      <c r="AQ1577" s="53">
        <v>16813.8796992481</v>
      </c>
      <c r="AR1577" s="53">
        <v>16813.8796992481</v>
      </c>
      <c r="AS1577" s="53">
        <v>16813.8796992481</v>
      </c>
      <c r="AT1577" s="53">
        <v>16813.8796992481</v>
      </c>
      <c r="AU1577" s="53">
        <v>16813.8796992481</v>
      </c>
      <c r="AV1577" s="53">
        <v>16813.8796992481</v>
      </c>
      <c r="AW1577" s="53">
        <v>16813.8796992481</v>
      </c>
      <c r="AX1577" s="53">
        <v>16813.8796992481</v>
      </c>
      <c r="AY1577" s="53">
        <v>16813.8796992481</v>
      </c>
      <c r="AZ1577" s="53">
        <v>16813.8796992481</v>
      </c>
      <c r="BA1577" s="53">
        <v>201766.556390977</v>
      </c>
      <c r="BB1577" s="53">
        <v>16813.8796992481</v>
      </c>
      <c r="BC1577" s="53">
        <v>16813.8796992481</v>
      </c>
      <c r="BD1577" s="53">
        <v>16813.8796992481</v>
      </c>
      <c r="BE1577" s="53">
        <v>16813.8796992481</v>
      </c>
      <c r="BF1577" s="53">
        <v>16813.8796992481</v>
      </c>
      <c r="BG1577" s="53">
        <v>16813.8796992481</v>
      </c>
      <c r="BH1577" s="53">
        <v>16813.8796992481</v>
      </c>
      <c r="BI1577" s="53">
        <v>16813.8796992481</v>
      </c>
      <c r="BJ1577" s="53">
        <v>16813.8796992481</v>
      </c>
      <c r="BK1577" s="53">
        <v>16813.8796992481</v>
      </c>
      <c r="BL1577" s="53">
        <v>16813.8796992481</v>
      </c>
      <c r="BM1577" s="53">
        <v>16813.8796992481</v>
      </c>
      <c r="BN1577" s="53">
        <v>201766.556390977</v>
      </c>
      <c r="BO1577" s="53">
        <v>16813.8796992481</v>
      </c>
      <c r="BP1577" s="53">
        <v>16813.8796992481</v>
      </c>
      <c r="BQ1577" s="53">
        <v>16813.8796992481</v>
      </c>
      <c r="BR1577" s="53">
        <v>16813.8796992481</v>
      </c>
      <c r="BS1577" s="53">
        <v>16813.8796992481</v>
      </c>
      <c r="BT1577" s="53">
        <v>16813.8796992481</v>
      </c>
      <c r="BU1577" s="53">
        <v>16813.8796992481</v>
      </c>
      <c r="BV1577" s="53">
        <v>16813.8796992481</v>
      </c>
      <c r="BW1577" s="53">
        <v>16813.8796992481</v>
      </c>
      <c r="BX1577" s="53">
        <v>16813.8796992481</v>
      </c>
      <c r="BY1577" s="53">
        <v>16813.8796992481</v>
      </c>
      <c r="BZ1577" s="53">
        <v>16813.8796992481</v>
      </c>
      <c r="CA1577" s="53">
        <v>201766.556390977</v>
      </c>
      <c r="CB1577" s="53"/>
      <c r="CC1577" s="53"/>
      <c r="CD1577" s="53"/>
      <c r="CE1577" s="53"/>
      <c r="CF1577" s="53"/>
      <c r="CG1577" s="53"/>
      <c r="CH1577" s="53"/>
      <c r="CI1577" s="53"/>
      <c r="CJ1577" s="53"/>
      <c r="CK1577" s="53"/>
      <c r="CL1577" s="53"/>
      <c r="CM1577" s="53"/>
      <c r="CN1577" s="53"/>
    </row>
    <row r="1578" spans="1:92" outlineLevel="1">
      <c r="A1578" s="52" t="s">
        <v>726</v>
      </c>
      <c r="B1578" s="53">
        <v>-308004.32631578902</v>
      </c>
      <c r="C1578" s="53">
        <v>-308004.32978723402</v>
      </c>
      <c r="D1578" s="53">
        <v>-308004.32258064498</v>
      </c>
      <c r="E1578" s="53">
        <v>-308004.32608695602</v>
      </c>
      <c r="F1578" s="53">
        <v>-308004.329670329</v>
      </c>
      <c r="G1578" s="53">
        <v>-308004.32222222199</v>
      </c>
      <c r="H1578" s="53">
        <v>-308004.32584269601</v>
      </c>
      <c r="I1578" s="53">
        <v>-308004.32954545401</v>
      </c>
      <c r="J1578" s="53">
        <v>-308004.32183908002</v>
      </c>
      <c r="K1578" s="53">
        <v>-308004.32558139501</v>
      </c>
      <c r="L1578" s="53">
        <v>-308004.32941176399</v>
      </c>
      <c r="M1578" s="53">
        <v>-308004.32142857101</v>
      </c>
      <c r="N1578" s="53">
        <v>-3696051.9103121399</v>
      </c>
      <c r="O1578" s="53">
        <v>-308004.32530120399</v>
      </c>
      <c r="P1578" s="53">
        <v>-308004.32530120399</v>
      </c>
      <c r="Q1578" s="53">
        <v>-308004.32530120399</v>
      </c>
      <c r="R1578" s="53">
        <v>-308004.32530120399</v>
      </c>
      <c r="S1578" s="53">
        <v>-308004.32530120399</v>
      </c>
      <c r="T1578" s="53">
        <v>-308004.32530120399</v>
      </c>
      <c r="U1578" s="53">
        <v>-308004.32530120399</v>
      </c>
      <c r="V1578" s="53">
        <v>-308004.32530120399</v>
      </c>
      <c r="W1578" s="53">
        <v>-308004.32530120399</v>
      </c>
      <c r="X1578" s="53">
        <v>-308004.32530120399</v>
      </c>
      <c r="Y1578" s="53">
        <v>-308004.32530120399</v>
      </c>
      <c r="Z1578" s="53">
        <v>-308004.32530120399</v>
      </c>
      <c r="AA1578" s="53">
        <v>-3696051.9036144498</v>
      </c>
      <c r="AB1578" s="53">
        <v>-308004.32530120399</v>
      </c>
      <c r="AC1578" s="53">
        <v>-308004.32530120399</v>
      </c>
      <c r="AD1578" s="53">
        <v>-308004.32530120399</v>
      </c>
      <c r="AE1578" s="53">
        <v>-308004.32530120399</v>
      </c>
      <c r="AF1578" s="53">
        <v>-308004.32530120399</v>
      </c>
      <c r="AG1578" s="53">
        <v>-308004.32530120399</v>
      </c>
      <c r="AH1578" s="53">
        <v>-308004.32530120399</v>
      </c>
      <c r="AI1578" s="53">
        <v>-308004.32530120399</v>
      </c>
      <c r="AJ1578" s="53">
        <v>-308004.32530120399</v>
      </c>
      <c r="AK1578" s="53">
        <v>-308004.32530120399</v>
      </c>
      <c r="AL1578" s="53">
        <v>-308004.32530120498</v>
      </c>
      <c r="AM1578" s="53">
        <v>-308004.32530120399</v>
      </c>
      <c r="AN1578" s="53">
        <v>-3696051.9036144498</v>
      </c>
      <c r="AO1578" s="53">
        <v>-308004.32530120498</v>
      </c>
      <c r="AP1578" s="53">
        <v>-308004.32530120498</v>
      </c>
      <c r="AQ1578" s="53">
        <v>-308004.32530120498</v>
      </c>
      <c r="AR1578" s="53">
        <v>-308004.32530120498</v>
      </c>
      <c r="AS1578" s="53">
        <v>-308004.32530120498</v>
      </c>
      <c r="AT1578" s="53">
        <v>-308004.32530120498</v>
      </c>
      <c r="AU1578" s="53">
        <v>-308004.32530120498</v>
      </c>
      <c r="AV1578" s="53">
        <v>-308004.32530120498</v>
      </c>
      <c r="AW1578" s="53">
        <v>-308004.32530120498</v>
      </c>
      <c r="AX1578" s="53">
        <v>-308004.32530120498</v>
      </c>
      <c r="AY1578" s="53">
        <v>-308004.32530120498</v>
      </c>
      <c r="AZ1578" s="53">
        <v>-308004.32530120498</v>
      </c>
      <c r="BA1578" s="53">
        <v>-3696051.9036144498</v>
      </c>
      <c r="BB1578" s="53">
        <v>-308004.32530120498</v>
      </c>
      <c r="BC1578" s="53">
        <v>-308004.32530120498</v>
      </c>
      <c r="BD1578" s="53">
        <v>-308004.32530120498</v>
      </c>
      <c r="BE1578" s="53">
        <v>-308004.32530120498</v>
      </c>
      <c r="BF1578" s="53">
        <v>-308004.32530120498</v>
      </c>
      <c r="BG1578" s="53">
        <v>-308004.32530120498</v>
      </c>
      <c r="BH1578" s="53">
        <v>-308004.32530120498</v>
      </c>
      <c r="BI1578" s="53">
        <v>-308004.32530120498</v>
      </c>
      <c r="BJ1578" s="53">
        <v>-308004.32530120498</v>
      </c>
      <c r="BK1578" s="53">
        <v>-308004.32530120498</v>
      </c>
      <c r="BL1578" s="53">
        <v>-308004.32530120498</v>
      </c>
      <c r="BM1578" s="53">
        <v>-308004.32530120498</v>
      </c>
      <c r="BN1578" s="53">
        <v>-3696051.90361446</v>
      </c>
      <c r="BO1578" s="53">
        <v>-308004.32530120498</v>
      </c>
      <c r="BP1578" s="53">
        <v>-308004.32530120498</v>
      </c>
      <c r="BQ1578" s="53">
        <v>-308004.32530120498</v>
      </c>
      <c r="BR1578" s="53">
        <v>-308004.32530120498</v>
      </c>
      <c r="BS1578" s="53">
        <v>-308004.32530120498</v>
      </c>
      <c r="BT1578" s="53">
        <v>-308004.32530120498</v>
      </c>
      <c r="BU1578" s="53">
        <v>-308004.32530120498</v>
      </c>
      <c r="BV1578" s="53">
        <v>-308004.32530120498</v>
      </c>
      <c r="BW1578" s="53">
        <v>-308004.32530120498</v>
      </c>
      <c r="BX1578" s="53">
        <v>-308004.32530120498</v>
      </c>
      <c r="BY1578" s="53">
        <v>-308004.32530120498</v>
      </c>
      <c r="BZ1578" s="53">
        <v>-308004.32530120498</v>
      </c>
      <c r="CA1578" s="53">
        <v>-3696051.90361446</v>
      </c>
      <c r="CB1578" s="53"/>
      <c r="CC1578" s="53"/>
      <c r="CD1578" s="53"/>
      <c r="CE1578" s="53"/>
      <c r="CF1578" s="53"/>
      <c r="CG1578" s="53"/>
      <c r="CH1578" s="53"/>
      <c r="CI1578" s="53"/>
      <c r="CJ1578" s="53"/>
      <c r="CK1578" s="53"/>
      <c r="CL1578" s="53"/>
      <c r="CM1578" s="53"/>
      <c r="CN1578" s="53"/>
    </row>
    <row r="1579" spans="1:92" outlineLevel="1">
      <c r="A1579" s="52" t="s">
        <v>728</v>
      </c>
      <c r="B1579" s="53">
        <v>-199670.975369458</v>
      </c>
      <c r="C1579" s="53">
        <v>-199670.97512437799</v>
      </c>
      <c r="D1579" s="53">
        <v>-199670.97487437099</v>
      </c>
      <c r="E1579" s="53">
        <v>-199670.97461928899</v>
      </c>
      <c r="F1579" s="53">
        <v>-199670.974358974</v>
      </c>
      <c r="G1579" s="53">
        <v>-199670.974093264</v>
      </c>
      <c r="H1579" s="53">
        <v>-199670.973821989</v>
      </c>
      <c r="I1579" s="53">
        <v>-199670.97354497301</v>
      </c>
      <c r="J1579" s="53">
        <v>-199670.973262032</v>
      </c>
      <c r="K1579" s="53">
        <v>-199670.97297297299</v>
      </c>
      <c r="L1579" s="53">
        <v>-199670.97267759501</v>
      </c>
      <c r="M1579" s="53">
        <v>-199670.97237569001</v>
      </c>
      <c r="N1579" s="53">
        <v>-2396051.6870949902</v>
      </c>
      <c r="O1579" s="53">
        <v>-199670.97206703899</v>
      </c>
      <c r="P1579" s="53">
        <v>-199670.97206703899</v>
      </c>
      <c r="Q1579" s="53">
        <v>-199670.97206703899</v>
      </c>
      <c r="R1579" s="53">
        <v>-199670.97206703899</v>
      </c>
      <c r="S1579" s="53">
        <v>-199670.97206703899</v>
      </c>
      <c r="T1579" s="53">
        <v>-199670.97206703899</v>
      </c>
      <c r="U1579" s="53">
        <v>-199670.97206703899</v>
      </c>
      <c r="V1579" s="53">
        <v>-199670.972067038</v>
      </c>
      <c r="W1579" s="53">
        <v>-199670.972067038</v>
      </c>
      <c r="X1579" s="53">
        <v>-199670.972067038</v>
      </c>
      <c r="Y1579" s="53">
        <v>-199670.97206703899</v>
      </c>
      <c r="Z1579" s="53">
        <v>-199670.97206703899</v>
      </c>
      <c r="AA1579" s="53">
        <v>-2396051.66480446</v>
      </c>
      <c r="AB1579" s="53">
        <v>-199670.97206703899</v>
      </c>
      <c r="AC1579" s="53">
        <v>-199670.97206703899</v>
      </c>
      <c r="AD1579" s="53">
        <v>-199670.97206703899</v>
      </c>
      <c r="AE1579" s="53">
        <v>-199670.97206703899</v>
      </c>
      <c r="AF1579" s="53">
        <v>-199670.97206703899</v>
      </c>
      <c r="AG1579" s="53">
        <v>-199670.97206703899</v>
      </c>
      <c r="AH1579" s="53">
        <v>-199670.97206703899</v>
      </c>
      <c r="AI1579" s="53">
        <v>-199670.97206703899</v>
      </c>
      <c r="AJ1579" s="53">
        <v>-199670.97206703899</v>
      </c>
      <c r="AK1579" s="53">
        <v>-199670.97206703899</v>
      </c>
      <c r="AL1579" s="53">
        <v>-199670.97206703899</v>
      </c>
      <c r="AM1579" s="53">
        <v>-199670.97206703899</v>
      </c>
      <c r="AN1579" s="53">
        <v>-2396051.66480446</v>
      </c>
      <c r="AO1579" s="53">
        <v>-199670.97206703899</v>
      </c>
      <c r="AP1579" s="53">
        <v>-199670.97206703899</v>
      </c>
      <c r="AQ1579" s="53">
        <v>-199670.97206703899</v>
      </c>
      <c r="AR1579" s="53">
        <v>-199670.97206703899</v>
      </c>
      <c r="AS1579" s="53">
        <v>-199670.97206703899</v>
      </c>
      <c r="AT1579" s="53">
        <v>-199670.97206703899</v>
      </c>
      <c r="AU1579" s="53">
        <v>-199670.97206703899</v>
      </c>
      <c r="AV1579" s="53">
        <v>-199670.97206703899</v>
      </c>
      <c r="AW1579" s="53">
        <v>-199670.97206703899</v>
      </c>
      <c r="AX1579" s="53">
        <v>-199670.97206703899</v>
      </c>
      <c r="AY1579" s="53">
        <v>-199670.97206703899</v>
      </c>
      <c r="AZ1579" s="53">
        <v>-199670.97206703899</v>
      </c>
      <c r="BA1579" s="53">
        <v>-2396051.66480446</v>
      </c>
      <c r="BB1579" s="53">
        <v>-199670.97206703899</v>
      </c>
      <c r="BC1579" s="53">
        <v>-199670.97206703899</v>
      </c>
      <c r="BD1579" s="53">
        <v>-199670.97206703899</v>
      </c>
      <c r="BE1579" s="53">
        <v>-199670.97206703899</v>
      </c>
      <c r="BF1579" s="53">
        <v>-199670.97206703899</v>
      </c>
      <c r="BG1579" s="53">
        <v>-199670.97206703899</v>
      </c>
      <c r="BH1579" s="53">
        <v>-199670.97206703899</v>
      </c>
      <c r="BI1579" s="53">
        <v>-199670.97206703899</v>
      </c>
      <c r="BJ1579" s="53">
        <v>-199670.97206703899</v>
      </c>
      <c r="BK1579" s="53">
        <v>-199670.97206703899</v>
      </c>
      <c r="BL1579" s="53">
        <v>-199670.97206703899</v>
      </c>
      <c r="BM1579" s="53">
        <v>-199670.97206703899</v>
      </c>
      <c r="BN1579" s="53">
        <v>-2396051.6648044698</v>
      </c>
      <c r="BO1579" s="53">
        <v>-199670.97206703899</v>
      </c>
      <c r="BP1579" s="53">
        <v>-199670.97206703899</v>
      </c>
      <c r="BQ1579" s="53">
        <v>-199670.97206703899</v>
      </c>
      <c r="BR1579" s="53">
        <v>-199670.97206703899</v>
      </c>
      <c r="BS1579" s="53">
        <v>-199670.97206703899</v>
      </c>
      <c r="BT1579" s="53">
        <v>-199670.97206703899</v>
      </c>
      <c r="BU1579" s="53">
        <v>-199670.97206703899</v>
      </c>
      <c r="BV1579" s="53">
        <v>-199670.97206703899</v>
      </c>
      <c r="BW1579" s="53">
        <v>-199670.97206703899</v>
      </c>
      <c r="BX1579" s="53">
        <v>-199670.97206703899</v>
      </c>
      <c r="BY1579" s="53">
        <v>-199670.97206703899</v>
      </c>
      <c r="BZ1579" s="53">
        <v>-199670.97206703899</v>
      </c>
      <c r="CA1579" s="53">
        <v>-2396051.6648044698</v>
      </c>
      <c r="CB1579" s="53"/>
      <c r="CC1579" s="53"/>
      <c r="CD1579" s="53"/>
      <c r="CE1579" s="53"/>
      <c r="CF1579" s="53"/>
      <c r="CG1579" s="53"/>
      <c r="CH1579" s="53"/>
      <c r="CI1579" s="53"/>
      <c r="CJ1579" s="53"/>
      <c r="CK1579" s="53"/>
      <c r="CL1579" s="53"/>
      <c r="CM1579" s="53"/>
      <c r="CN1579" s="53"/>
    </row>
    <row r="1580" spans="1:92" outlineLevel="1">
      <c r="A1580" s="52" t="s">
        <v>729</v>
      </c>
      <c r="B1580" s="53">
        <v>-115069.472803347</v>
      </c>
      <c r="C1580" s="53">
        <v>-115069.476793248</v>
      </c>
      <c r="D1580" s="53">
        <v>-115069.472340425</v>
      </c>
      <c r="E1580" s="53">
        <v>-115069.476394849</v>
      </c>
      <c r="F1580" s="53">
        <v>-115069.471861471</v>
      </c>
      <c r="G1580" s="53">
        <v>-115069.47598253201</v>
      </c>
      <c r="H1580" s="53">
        <v>-115069.471365638</v>
      </c>
      <c r="I1580" s="53">
        <v>-115069.47555555499</v>
      </c>
      <c r="J1580" s="53">
        <v>-115069.470852017</v>
      </c>
      <c r="K1580" s="53">
        <v>-115069.475113122</v>
      </c>
      <c r="L1580" s="53">
        <v>-115069.470319634</v>
      </c>
      <c r="M1580" s="53">
        <v>-115069.474654377</v>
      </c>
      <c r="N1580" s="53">
        <v>-1380833.68403622</v>
      </c>
      <c r="O1580" s="53">
        <v>-115069.469767441</v>
      </c>
      <c r="P1580" s="53">
        <v>-115069.469767441</v>
      </c>
      <c r="Q1580" s="53">
        <v>-115069.469767441</v>
      </c>
      <c r="R1580" s="53">
        <v>-115069.469767441</v>
      </c>
      <c r="S1580" s="53">
        <v>-115069.469767441</v>
      </c>
      <c r="T1580" s="53">
        <v>-115069.469767441</v>
      </c>
      <c r="U1580" s="53">
        <v>-115069.469767441</v>
      </c>
      <c r="V1580" s="53">
        <v>-115069.469767441</v>
      </c>
      <c r="W1580" s="53">
        <v>-115069.469767441</v>
      </c>
      <c r="X1580" s="53">
        <v>-115069.469767441</v>
      </c>
      <c r="Y1580" s="53">
        <v>-115069.469767441</v>
      </c>
      <c r="Z1580" s="53">
        <v>-115069.469767441</v>
      </c>
      <c r="AA1580" s="53">
        <v>-1380833.6372093</v>
      </c>
      <c r="AB1580" s="53">
        <v>-115069.469767441</v>
      </c>
      <c r="AC1580" s="53">
        <v>-115069.469767441</v>
      </c>
      <c r="AD1580" s="53">
        <v>-115069.469767441</v>
      </c>
      <c r="AE1580" s="53">
        <v>-115069.469767441</v>
      </c>
      <c r="AF1580" s="53">
        <v>-115069.469767441</v>
      </c>
      <c r="AG1580" s="53">
        <v>-115069.469767441</v>
      </c>
      <c r="AH1580" s="53">
        <v>-115069.469767441</v>
      </c>
      <c r="AI1580" s="53">
        <v>-115069.469767441</v>
      </c>
      <c r="AJ1580" s="53">
        <v>-115069.469767441</v>
      </c>
      <c r="AK1580" s="53">
        <v>-115069.469767441</v>
      </c>
      <c r="AL1580" s="53">
        <v>-115069.469767441</v>
      </c>
      <c r="AM1580" s="53">
        <v>-115069.469767441</v>
      </c>
      <c r="AN1580" s="53">
        <v>-1380833.6372093</v>
      </c>
      <c r="AO1580" s="53">
        <v>-115069.469767441</v>
      </c>
      <c r="AP1580" s="53">
        <v>-115069.469767441</v>
      </c>
      <c r="AQ1580" s="53">
        <v>-115069.469767441</v>
      </c>
      <c r="AR1580" s="53">
        <v>-115069.469767441</v>
      </c>
      <c r="AS1580" s="53">
        <v>-115069.469767441</v>
      </c>
      <c r="AT1580" s="53">
        <v>-115069.469767441</v>
      </c>
      <c r="AU1580" s="53">
        <v>-115069.469767441</v>
      </c>
      <c r="AV1580" s="53">
        <v>-115069.469767441</v>
      </c>
      <c r="AW1580" s="53">
        <v>-115069.469767441</v>
      </c>
      <c r="AX1580" s="53">
        <v>-115069.469767441</v>
      </c>
      <c r="AY1580" s="53">
        <v>-115069.469767441</v>
      </c>
      <c r="AZ1580" s="53">
        <v>-115069.469767441</v>
      </c>
      <c r="BA1580" s="53">
        <v>-1380833.6372093</v>
      </c>
      <c r="BB1580" s="53">
        <v>-115069.469767441</v>
      </c>
      <c r="BC1580" s="53">
        <v>-115069.469767441</v>
      </c>
      <c r="BD1580" s="53">
        <v>-115069.469767441</v>
      </c>
      <c r="BE1580" s="53">
        <v>-115069.469767441</v>
      </c>
      <c r="BF1580" s="53">
        <v>-115069.469767441</v>
      </c>
      <c r="BG1580" s="53">
        <v>-115069.469767441</v>
      </c>
      <c r="BH1580" s="53">
        <v>-115069.469767441</v>
      </c>
      <c r="BI1580" s="53">
        <v>-115069.469767441</v>
      </c>
      <c r="BJ1580" s="53">
        <v>-115069.469767441</v>
      </c>
      <c r="BK1580" s="53">
        <v>-115069.469767441</v>
      </c>
      <c r="BL1580" s="53">
        <v>-115069.469767441</v>
      </c>
      <c r="BM1580" s="53">
        <v>-115069.469767441</v>
      </c>
      <c r="BN1580" s="53">
        <v>-1380833.6372093</v>
      </c>
      <c r="BO1580" s="53">
        <v>-115069.469767441</v>
      </c>
      <c r="BP1580" s="53">
        <v>-115069.469767441</v>
      </c>
      <c r="BQ1580" s="53">
        <v>-115069.469767441</v>
      </c>
      <c r="BR1580" s="53">
        <v>-115069.469767441</v>
      </c>
      <c r="BS1580" s="53">
        <v>-115069.469767441</v>
      </c>
      <c r="BT1580" s="53">
        <v>-115069.469767441</v>
      </c>
      <c r="BU1580" s="53">
        <v>-115069.469767441</v>
      </c>
      <c r="BV1580" s="53">
        <v>-115069.469767441</v>
      </c>
      <c r="BW1580" s="53">
        <v>-115069.469767441</v>
      </c>
      <c r="BX1580" s="53">
        <v>-115069.469767441</v>
      </c>
      <c r="BY1580" s="53">
        <v>-115069.469767441</v>
      </c>
      <c r="BZ1580" s="53">
        <v>-115069.469767441</v>
      </c>
      <c r="CA1580" s="53">
        <v>-1380833.6372093</v>
      </c>
      <c r="CB1580" s="53"/>
      <c r="CC1580" s="53"/>
      <c r="CD1580" s="53"/>
      <c r="CE1580" s="53"/>
      <c r="CF1580" s="53"/>
      <c r="CG1580" s="53"/>
      <c r="CH1580" s="53"/>
      <c r="CI1580" s="53"/>
      <c r="CJ1580" s="53"/>
      <c r="CK1580" s="53"/>
      <c r="CL1580" s="53"/>
      <c r="CM1580" s="53"/>
      <c r="CN1580" s="53"/>
    </row>
    <row r="1581" spans="1:92" outlineLevel="1">
      <c r="A1581" s="52" t="s">
        <v>1301</v>
      </c>
      <c r="B1581" s="53"/>
      <c r="C1581" s="53"/>
      <c r="D1581" s="53"/>
      <c r="E1581" s="53"/>
      <c r="F1581" s="53"/>
      <c r="G1581" s="53"/>
      <c r="H1581" s="53"/>
      <c r="I1581" s="53"/>
      <c r="J1581" s="53"/>
      <c r="K1581" s="53"/>
      <c r="L1581" s="53"/>
      <c r="M1581" s="53"/>
      <c r="N1581" s="53"/>
      <c r="O1581" s="53"/>
      <c r="P1581" s="53"/>
      <c r="Q1581" s="53"/>
      <c r="R1581" s="53"/>
      <c r="S1581" s="53"/>
      <c r="T1581" s="53"/>
      <c r="U1581" s="53"/>
      <c r="V1581" s="53"/>
      <c r="W1581" s="53"/>
      <c r="X1581" s="53"/>
      <c r="Y1581" s="53"/>
      <c r="Z1581" s="53"/>
      <c r="AA1581" s="53"/>
      <c r="AB1581" s="53"/>
      <c r="AC1581" s="53"/>
      <c r="AD1581" s="53"/>
      <c r="AE1581" s="53"/>
      <c r="AF1581" s="53"/>
      <c r="AG1581" s="53"/>
      <c r="AH1581" s="53"/>
      <c r="AI1581" s="53"/>
      <c r="AJ1581" s="53"/>
      <c r="AK1581" s="53"/>
      <c r="AL1581" s="53"/>
      <c r="AM1581" s="53"/>
      <c r="AN1581" s="53"/>
      <c r="AO1581" s="53"/>
      <c r="AP1581" s="53"/>
      <c r="AQ1581" s="53"/>
      <c r="AR1581" s="53"/>
      <c r="AS1581" s="53"/>
      <c r="AT1581" s="53"/>
      <c r="AU1581" s="53"/>
      <c r="AV1581" s="53"/>
      <c r="AW1581" s="53"/>
      <c r="AX1581" s="53"/>
      <c r="AY1581" s="53"/>
      <c r="AZ1581" s="53"/>
      <c r="BA1581" s="53"/>
      <c r="BB1581" s="53"/>
      <c r="BC1581" s="53"/>
      <c r="BD1581" s="53"/>
      <c r="BE1581" s="53"/>
      <c r="BF1581" s="53"/>
      <c r="BG1581" s="53"/>
      <c r="BH1581" s="53"/>
      <c r="BI1581" s="53"/>
      <c r="BJ1581" s="53"/>
      <c r="BK1581" s="53"/>
      <c r="BL1581" s="53"/>
      <c r="BM1581" s="53"/>
      <c r="BN1581" s="53"/>
      <c r="BO1581" s="53"/>
      <c r="BP1581" s="53"/>
      <c r="BQ1581" s="53"/>
      <c r="BR1581" s="53"/>
      <c r="BS1581" s="53"/>
      <c r="BT1581" s="53"/>
      <c r="BU1581" s="53"/>
      <c r="BV1581" s="53"/>
      <c r="BW1581" s="53"/>
      <c r="BX1581" s="53"/>
      <c r="BY1581" s="53"/>
      <c r="BZ1581" s="53"/>
      <c r="CA1581" s="53"/>
      <c r="CB1581" s="53"/>
      <c r="CC1581" s="53"/>
      <c r="CD1581" s="53"/>
      <c r="CE1581" s="53"/>
      <c r="CF1581" s="53"/>
      <c r="CG1581" s="53"/>
      <c r="CH1581" s="53"/>
      <c r="CI1581" s="53"/>
      <c r="CJ1581" s="53"/>
      <c r="CK1581" s="53"/>
      <c r="CL1581" s="53"/>
      <c r="CM1581" s="53"/>
      <c r="CN1581" s="53"/>
    </row>
    <row r="1582" spans="1:92" outlineLevel="1">
      <c r="A1582" s="52" t="s">
        <v>713</v>
      </c>
      <c r="B1582" s="53">
        <v>-26552.407932011301</v>
      </c>
      <c r="C1582" s="53">
        <v>-26552.407932011301</v>
      </c>
      <c r="D1582" s="53">
        <v>-26552.407932011301</v>
      </c>
      <c r="E1582" s="53">
        <v>-26552.407932011301</v>
      </c>
      <c r="F1582" s="53">
        <v>-26552.407932011301</v>
      </c>
      <c r="G1582" s="53">
        <v>-26552.407932011301</v>
      </c>
      <c r="H1582" s="53">
        <v>-26552.407932011301</v>
      </c>
      <c r="I1582" s="53">
        <v>-26552.407932011301</v>
      </c>
      <c r="J1582" s="53">
        <v>-26552.407932011301</v>
      </c>
      <c r="K1582" s="53">
        <v>-26552.407932011301</v>
      </c>
      <c r="L1582" s="53">
        <v>-26552.407932011301</v>
      </c>
      <c r="M1582" s="53">
        <v>-26552.407932011301</v>
      </c>
      <c r="N1582" s="53">
        <v>-318628.895184136</v>
      </c>
      <c r="O1582" s="53">
        <v>-26552.407932011301</v>
      </c>
      <c r="P1582" s="53">
        <v>-26552.407932011301</v>
      </c>
      <c r="Q1582" s="53">
        <v>-26552.407932011301</v>
      </c>
      <c r="R1582" s="53">
        <v>-26552.407932011301</v>
      </c>
      <c r="S1582" s="53">
        <v>-26552.407932011301</v>
      </c>
      <c r="T1582" s="53">
        <v>-26552.407932011301</v>
      </c>
      <c r="U1582" s="53">
        <v>-26552.407932011301</v>
      </c>
      <c r="V1582" s="53">
        <v>-26552.407932011301</v>
      </c>
      <c r="W1582" s="53">
        <v>-26552.407932011301</v>
      </c>
      <c r="X1582" s="53">
        <v>-26552.407932011301</v>
      </c>
      <c r="Y1582" s="53">
        <v>-26552.407932011301</v>
      </c>
      <c r="Z1582" s="53">
        <v>-26552.407932011301</v>
      </c>
      <c r="AA1582" s="53">
        <v>-318628.895184136</v>
      </c>
      <c r="AB1582" s="53">
        <v>-26552.407932011301</v>
      </c>
      <c r="AC1582" s="53">
        <v>-26552.407932011301</v>
      </c>
      <c r="AD1582" s="53">
        <v>-26552.407932011301</v>
      </c>
      <c r="AE1582" s="53">
        <v>-26552.407932011301</v>
      </c>
      <c r="AF1582" s="53">
        <v>-26552.407932011301</v>
      </c>
      <c r="AG1582" s="53">
        <v>-26552.407932011301</v>
      </c>
      <c r="AH1582" s="53">
        <v>-26552.407932011301</v>
      </c>
      <c r="AI1582" s="53">
        <v>-26552.407932011301</v>
      </c>
      <c r="AJ1582" s="53">
        <v>-26552.407932011301</v>
      </c>
      <c r="AK1582" s="53">
        <v>-26552.407932011301</v>
      </c>
      <c r="AL1582" s="53">
        <v>-26552.407932011301</v>
      </c>
      <c r="AM1582" s="53">
        <v>-26552.407932011301</v>
      </c>
      <c r="AN1582" s="53">
        <v>-318628.895184136</v>
      </c>
      <c r="AO1582" s="53">
        <v>-26552.407932011301</v>
      </c>
      <c r="AP1582" s="53">
        <v>-26552.407932011301</v>
      </c>
      <c r="AQ1582" s="53">
        <v>-26552.407932011301</v>
      </c>
      <c r="AR1582" s="53">
        <v>-26552.407932011301</v>
      </c>
      <c r="AS1582" s="53">
        <v>-26552.407932011301</v>
      </c>
      <c r="AT1582" s="53">
        <v>-26552.407932011301</v>
      </c>
      <c r="AU1582" s="53">
        <v>-26552.407932011301</v>
      </c>
      <c r="AV1582" s="53">
        <v>-26552.407932011301</v>
      </c>
      <c r="AW1582" s="53">
        <v>-26552.407932011301</v>
      </c>
      <c r="AX1582" s="53">
        <v>-26552.407932011301</v>
      </c>
      <c r="AY1582" s="53">
        <v>-26552.407932011301</v>
      </c>
      <c r="AZ1582" s="53">
        <v>-26552.407932011301</v>
      </c>
      <c r="BA1582" s="53">
        <v>-318628.895184136</v>
      </c>
      <c r="BB1582" s="53">
        <v>-26552.407932011301</v>
      </c>
      <c r="BC1582" s="53">
        <v>-26552.407932011301</v>
      </c>
      <c r="BD1582" s="53">
        <v>-26552.407932011301</v>
      </c>
      <c r="BE1582" s="53">
        <v>-26552.407932011301</v>
      </c>
      <c r="BF1582" s="53">
        <v>-26552.407932011301</v>
      </c>
      <c r="BG1582" s="53">
        <v>-26552.407932011301</v>
      </c>
      <c r="BH1582" s="53">
        <v>-26552.407932011301</v>
      </c>
      <c r="BI1582" s="53">
        <v>-26552.4079320114</v>
      </c>
      <c r="BJ1582" s="53">
        <v>-26552.407932011301</v>
      </c>
      <c r="BK1582" s="53">
        <v>-26552.407932011301</v>
      </c>
      <c r="BL1582" s="53">
        <v>-26552.4079320114</v>
      </c>
      <c r="BM1582" s="53">
        <v>-26552.4079320114</v>
      </c>
      <c r="BN1582" s="53">
        <v>-318628.895184136</v>
      </c>
      <c r="BO1582" s="53">
        <v>-26552.4079320114</v>
      </c>
      <c r="BP1582" s="53">
        <v>-26552.4079320114</v>
      </c>
      <c r="BQ1582" s="53">
        <v>-26552.4079320114</v>
      </c>
      <c r="BR1582" s="53">
        <v>-26552.4079320114</v>
      </c>
      <c r="BS1582" s="53">
        <v>-26552.4079320114</v>
      </c>
      <c r="BT1582" s="53">
        <v>-26552.4079320114</v>
      </c>
      <c r="BU1582" s="53">
        <v>-26552.4079320114</v>
      </c>
      <c r="BV1582" s="53">
        <v>-26552.4079320114</v>
      </c>
      <c r="BW1582" s="53">
        <v>-26552.4079320114</v>
      </c>
      <c r="BX1582" s="53">
        <v>-26552.4079320114</v>
      </c>
      <c r="BY1582" s="53">
        <v>-26552.4079320114</v>
      </c>
      <c r="BZ1582" s="53">
        <v>-26552.4079320114</v>
      </c>
      <c r="CA1582" s="53">
        <v>-318628.89518413699</v>
      </c>
      <c r="CB1582" s="53"/>
      <c r="CC1582" s="53"/>
      <c r="CD1582" s="53"/>
      <c r="CE1582" s="53"/>
      <c r="CF1582" s="53"/>
      <c r="CG1582" s="53"/>
      <c r="CH1582" s="53"/>
      <c r="CI1582" s="53"/>
      <c r="CJ1582" s="53"/>
      <c r="CK1582" s="53"/>
      <c r="CL1582" s="53"/>
      <c r="CM1582" s="53"/>
      <c r="CN1582" s="53"/>
    </row>
    <row r="1583" spans="1:92" outlineLevel="1">
      <c r="A1583" s="52" t="s">
        <v>716</v>
      </c>
      <c r="B1583" s="53">
        <v>24171.148247978399</v>
      </c>
      <c r="C1583" s="53">
        <v>24171.148247978399</v>
      </c>
      <c r="D1583" s="53">
        <v>24171.148247978399</v>
      </c>
      <c r="E1583" s="53">
        <v>24171.148247978399</v>
      </c>
      <c r="F1583" s="53">
        <v>24171.148247978399</v>
      </c>
      <c r="G1583" s="53">
        <v>24171.148247978399</v>
      </c>
      <c r="H1583" s="53">
        <v>24171.148247978399</v>
      </c>
      <c r="I1583" s="53">
        <v>24171.148247978399</v>
      </c>
      <c r="J1583" s="53">
        <v>24171.148247978399</v>
      </c>
      <c r="K1583" s="53">
        <v>24171.148247978399</v>
      </c>
      <c r="L1583" s="53">
        <v>24171.148247978399</v>
      </c>
      <c r="M1583" s="53">
        <v>24171.148247978399</v>
      </c>
      <c r="N1583" s="53">
        <v>290053.77897574101</v>
      </c>
      <c r="O1583" s="53">
        <v>24171.148247978399</v>
      </c>
      <c r="P1583" s="53">
        <v>24171.148247978399</v>
      </c>
      <c r="Q1583" s="53">
        <v>24171.148247978399</v>
      </c>
      <c r="R1583" s="53">
        <v>24171.148247978399</v>
      </c>
      <c r="S1583" s="53">
        <v>24171.148247978399</v>
      </c>
      <c r="T1583" s="53">
        <v>24171.148247978399</v>
      </c>
      <c r="U1583" s="53">
        <v>24171.148247978399</v>
      </c>
      <c r="V1583" s="53">
        <v>24171.148247978399</v>
      </c>
      <c r="W1583" s="53">
        <v>24171.148247978399</v>
      </c>
      <c r="X1583" s="53">
        <v>24171.148247978399</v>
      </c>
      <c r="Y1583" s="53">
        <v>24171.148247978399</v>
      </c>
      <c r="Z1583" s="53">
        <v>24171.148247978399</v>
      </c>
      <c r="AA1583" s="53">
        <v>290053.77897574002</v>
      </c>
      <c r="AB1583" s="53">
        <v>24171.148247978399</v>
      </c>
      <c r="AC1583" s="53">
        <v>24171.148247978399</v>
      </c>
      <c r="AD1583" s="53">
        <v>24171.148247978399</v>
      </c>
      <c r="AE1583" s="53">
        <v>24171.148247978399</v>
      </c>
      <c r="AF1583" s="53">
        <v>24171.148247978399</v>
      </c>
      <c r="AG1583" s="53">
        <v>24171.148247978399</v>
      </c>
      <c r="AH1583" s="53">
        <v>24171.148247978399</v>
      </c>
      <c r="AI1583" s="53">
        <v>24171.148247978399</v>
      </c>
      <c r="AJ1583" s="53">
        <v>24171.148247978399</v>
      </c>
      <c r="AK1583" s="53">
        <v>24171.148247978399</v>
      </c>
      <c r="AL1583" s="53">
        <v>24171.148247978399</v>
      </c>
      <c r="AM1583" s="53">
        <v>24171.148247978399</v>
      </c>
      <c r="AN1583" s="53">
        <v>290053.77897574002</v>
      </c>
      <c r="AO1583" s="53">
        <v>24171.148247978399</v>
      </c>
      <c r="AP1583" s="53">
        <v>24171.148247978399</v>
      </c>
      <c r="AQ1583" s="53">
        <v>24171.148247978399</v>
      </c>
      <c r="AR1583" s="53">
        <v>24171.148247978399</v>
      </c>
      <c r="AS1583" s="53">
        <v>24171.148247978399</v>
      </c>
      <c r="AT1583" s="53">
        <v>24171.148247978399</v>
      </c>
      <c r="AU1583" s="53">
        <v>24171.148247978399</v>
      </c>
      <c r="AV1583" s="53">
        <v>24171.148247978399</v>
      </c>
      <c r="AW1583" s="53">
        <v>24171.148247978399</v>
      </c>
      <c r="AX1583" s="53">
        <v>24171.148247978399</v>
      </c>
      <c r="AY1583" s="53">
        <v>24171.148247978399</v>
      </c>
      <c r="AZ1583" s="53">
        <v>24171.148247978399</v>
      </c>
      <c r="BA1583" s="53">
        <v>290053.77897574002</v>
      </c>
      <c r="BB1583" s="53">
        <v>24171.148247978399</v>
      </c>
      <c r="BC1583" s="53">
        <v>24171.148247978399</v>
      </c>
      <c r="BD1583" s="53">
        <v>24171.148247978399</v>
      </c>
      <c r="BE1583" s="53">
        <v>24171.148247978399</v>
      </c>
      <c r="BF1583" s="53">
        <v>24171.148247978399</v>
      </c>
      <c r="BG1583" s="53">
        <v>24171.148247978399</v>
      </c>
      <c r="BH1583" s="53">
        <v>24171.148247978399</v>
      </c>
      <c r="BI1583" s="53">
        <v>24171.148247978399</v>
      </c>
      <c r="BJ1583" s="53">
        <v>24171.148247978399</v>
      </c>
      <c r="BK1583" s="53">
        <v>24171.148247978399</v>
      </c>
      <c r="BL1583" s="53">
        <v>24171.148247978399</v>
      </c>
      <c r="BM1583" s="53">
        <v>24171.148247978399</v>
      </c>
      <c r="BN1583" s="53">
        <v>290053.77897574002</v>
      </c>
      <c r="BO1583" s="53">
        <v>24171.148247978399</v>
      </c>
      <c r="BP1583" s="53">
        <v>24171.148247978399</v>
      </c>
      <c r="BQ1583" s="53">
        <v>24171.148247978399</v>
      </c>
      <c r="BR1583" s="53">
        <v>24171.148247978399</v>
      </c>
      <c r="BS1583" s="53">
        <v>24171.148247978399</v>
      </c>
      <c r="BT1583" s="53">
        <v>24171.148247978399</v>
      </c>
      <c r="BU1583" s="53">
        <v>24171.148247978399</v>
      </c>
      <c r="BV1583" s="53">
        <v>24171.148247978399</v>
      </c>
      <c r="BW1583" s="53">
        <v>24171.148247978399</v>
      </c>
      <c r="BX1583" s="53">
        <v>24171.148247978399</v>
      </c>
      <c r="BY1583" s="53">
        <v>24171.148247978399</v>
      </c>
      <c r="BZ1583" s="53">
        <v>24171.148247978399</v>
      </c>
      <c r="CA1583" s="53">
        <v>290053.77897574002</v>
      </c>
      <c r="CB1583" s="53">
        <v>216833.99999999901</v>
      </c>
      <c r="CC1583" s="53">
        <v>216833.99999999901</v>
      </c>
      <c r="CD1583" s="53">
        <v>216833.99999999901</v>
      </c>
      <c r="CE1583" s="53">
        <v>216833.99999999901</v>
      </c>
      <c r="CF1583" s="53">
        <v>216833.99999999901</v>
      </c>
      <c r="CG1583" s="53">
        <v>216833.99999999901</v>
      </c>
      <c r="CH1583" s="53">
        <v>216833.99999999901</v>
      </c>
      <c r="CI1583" s="53">
        <v>216833.99999999901</v>
      </c>
      <c r="CJ1583" s="53">
        <v>216833.99999999901</v>
      </c>
      <c r="CK1583" s="53">
        <v>216833.99999999901</v>
      </c>
      <c r="CL1583" s="53">
        <v>216833.99999999901</v>
      </c>
      <c r="CM1583" s="53">
        <v>216833.99999999901</v>
      </c>
      <c r="CN1583" s="53">
        <v>2602007.99999998</v>
      </c>
    </row>
    <row r="1584" spans="1:92" outlineLevel="1">
      <c r="A1584" s="52" t="s">
        <v>725</v>
      </c>
      <c r="B1584" s="53">
        <v>16813.8796992481</v>
      </c>
      <c r="C1584" s="53">
        <v>16813.8796992481</v>
      </c>
      <c r="D1584" s="53">
        <v>16813.8796992481</v>
      </c>
      <c r="E1584" s="53">
        <v>16813.8796992481</v>
      </c>
      <c r="F1584" s="53">
        <v>16813.8796992481</v>
      </c>
      <c r="G1584" s="53">
        <v>16813.8796992481</v>
      </c>
      <c r="H1584" s="53">
        <v>16813.8796992481</v>
      </c>
      <c r="I1584" s="53">
        <v>16813.8796992481</v>
      </c>
      <c r="J1584" s="53">
        <v>16813.8796992481</v>
      </c>
      <c r="K1584" s="53">
        <v>16813.8796992481</v>
      </c>
      <c r="L1584" s="53">
        <v>16813.8796992481</v>
      </c>
      <c r="M1584" s="53">
        <v>16813.8796992481</v>
      </c>
      <c r="N1584" s="53">
        <v>201766.556390977</v>
      </c>
      <c r="O1584" s="53">
        <v>16813.8796992481</v>
      </c>
      <c r="P1584" s="53">
        <v>16813.8796992481</v>
      </c>
      <c r="Q1584" s="53">
        <v>16813.8796992481</v>
      </c>
      <c r="R1584" s="53">
        <v>16813.8796992481</v>
      </c>
      <c r="S1584" s="53">
        <v>16813.8796992481</v>
      </c>
      <c r="T1584" s="53">
        <v>16813.8796992481</v>
      </c>
      <c r="U1584" s="53">
        <v>16813.8796992481</v>
      </c>
      <c r="V1584" s="53">
        <v>16813.8796992481</v>
      </c>
      <c r="W1584" s="53">
        <v>16813.8796992481</v>
      </c>
      <c r="X1584" s="53">
        <v>16813.8796992481</v>
      </c>
      <c r="Y1584" s="53">
        <v>16813.8796992481</v>
      </c>
      <c r="Z1584" s="53">
        <v>16813.8796992481</v>
      </c>
      <c r="AA1584" s="53">
        <v>201766.556390977</v>
      </c>
      <c r="AB1584" s="53">
        <v>16813.8796992481</v>
      </c>
      <c r="AC1584" s="53">
        <v>16813.8796992481</v>
      </c>
      <c r="AD1584" s="53">
        <v>16813.8796992481</v>
      </c>
      <c r="AE1584" s="53">
        <v>16813.8796992481</v>
      </c>
      <c r="AF1584" s="53">
        <v>16813.8796992481</v>
      </c>
      <c r="AG1584" s="53">
        <v>16813.8796992481</v>
      </c>
      <c r="AH1584" s="53">
        <v>16813.8796992481</v>
      </c>
      <c r="AI1584" s="53">
        <v>16813.8796992481</v>
      </c>
      <c r="AJ1584" s="53">
        <v>16813.8796992481</v>
      </c>
      <c r="AK1584" s="53">
        <v>16813.8796992481</v>
      </c>
      <c r="AL1584" s="53">
        <v>16813.8796992481</v>
      </c>
      <c r="AM1584" s="53">
        <v>16813.8796992481</v>
      </c>
      <c r="AN1584" s="53">
        <v>201766.556390977</v>
      </c>
      <c r="AO1584" s="53">
        <v>16813.8796992481</v>
      </c>
      <c r="AP1584" s="53">
        <v>16813.8796992481</v>
      </c>
      <c r="AQ1584" s="53">
        <v>16813.8796992481</v>
      </c>
      <c r="AR1584" s="53">
        <v>16813.8796992481</v>
      </c>
      <c r="AS1584" s="53">
        <v>16813.8796992481</v>
      </c>
      <c r="AT1584" s="53">
        <v>16813.8796992481</v>
      </c>
      <c r="AU1584" s="53">
        <v>16813.8796992481</v>
      </c>
      <c r="AV1584" s="53">
        <v>16813.8796992481</v>
      </c>
      <c r="AW1584" s="53">
        <v>16813.8796992481</v>
      </c>
      <c r="AX1584" s="53">
        <v>16813.8796992481</v>
      </c>
      <c r="AY1584" s="53">
        <v>16813.8796992481</v>
      </c>
      <c r="AZ1584" s="53">
        <v>16813.8796992481</v>
      </c>
      <c r="BA1584" s="53">
        <v>201766.556390977</v>
      </c>
      <c r="BB1584" s="53">
        <v>16813.8796992481</v>
      </c>
      <c r="BC1584" s="53">
        <v>16813.8796992481</v>
      </c>
      <c r="BD1584" s="53">
        <v>16813.8796992481</v>
      </c>
      <c r="BE1584" s="53">
        <v>16813.8796992481</v>
      </c>
      <c r="BF1584" s="53">
        <v>16813.8796992481</v>
      </c>
      <c r="BG1584" s="53">
        <v>16813.8796992481</v>
      </c>
      <c r="BH1584" s="53">
        <v>16813.8796992481</v>
      </c>
      <c r="BI1584" s="53">
        <v>16813.8796992481</v>
      </c>
      <c r="BJ1584" s="53">
        <v>16813.8796992481</v>
      </c>
      <c r="BK1584" s="53">
        <v>16813.8796992481</v>
      </c>
      <c r="BL1584" s="53">
        <v>16813.8796992481</v>
      </c>
      <c r="BM1584" s="53">
        <v>16813.8796992481</v>
      </c>
      <c r="BN1584" s="53">
        <v>201766.556390977</v>
      </c>
      <c r="BO1584" s="53">
        <v>16813.8796992481</v>
      </c>
      <c r="BP1584" s="53">
        <v>16813.8796992481</v>
      </c>
      <c r="BQ1584" s="53">
        <v>16813.8796992481</v>
      </c>
      <c r="BR1584" s="53">
        <v>16813.8796992481</v>
      </c>
      <c r="BS1584" s="53">
        <v>16813.8796992481</v>
      </c>
      <c r="BT1584" s="53">
        <v>16813.8796992481</v>
      </c>
      <c r="BU1584" s="53">
        <v>8406.9398496240701</v>
      </c>
      <c r="BV1584" s="53"/>
      <c r="BW1584" s="53"/>
      <c r="BX1584" s="53"/>
      <c r="BY1584" s="53"/>
      <c r="BZ1584" s="53"/>
      <c r="CA1584" s="53">
        <v>109290.21804511199</v>
      </c>
      <c r="CB1584" s="53"/>
      <c r="CC1584" s="53"/>
      <c r="CD1584" s="53"/>
      <c r="CE1584" s="53"/>
      <c r="CF1584" s="53"/>
      <c r="CG1584" s="53"/>
      <c r="CH1584" s="53"/>
      <c r="CI1584" s="53"/>
      <c r="CJ1584" s="53"/>
      <c r="CK1584" s="53"/>
      <c r="CL1584" s="53"/>
      <c r="CM1584" s="53"/>
      <c r="CN1584" s="53"/>
    </row>
    <row r="1585" spans="1:92" outlineLevel="1">
      <c r="A1585" s="52" t="s">
        <v>726</v>
      </c>
      <c r="B1585" s="53">
        <v>-308004.32530120399</v>
      </c>
      <c r="C1585" s="53">
        <v>-308004.32530120399</v>
      </c>
      <c r="D1585" s="53">
        <v>-308004.32530120399</v>
      </c>
      <c r="E1585" s="53">
        <v>-308004.32530120399</v>
      </c>
      <c r="F1585" s="53">
        <v>-308004.32530120399</v>
      </c>
      <c r="G1585" s="53">
        <v>-308004.32530120399</v>
      </c>
      <c r="H1585" s="53">
        <v>-308004.32530120399</v>
      </c>
      <c r="I1585" s="53">
        <v>-308004.32530120399</v>
      </c>
      <c r="J1585" s="53">
        <v>-308004.32530120399</v>
      </c>
      <c r="K1585" s="53">
        <v>-308004.32530120399</v>
      </c>
      <c r="L1585" s="53">
        <v>-308004.32530120399</v>
      </c>
      <c r="M1585" s="53">
        <v>-308004.32530120399</v>
      </c>
      <c r="N1585" s="53">
        <v>-3696051.9036144498</v>
      </c>
      <c r="O1585" s="53">
        <v>-308004.32530120399</v>
      </c>
      <c r="P1585" s="53">
        <v>-308004.32530120399</v>
      </c>
      <c r="Q1585" s="53">
        <v>-308004.32530120399</v>
      </c>
      <c r="R1585" s="53">
        <v>-308004.32530120399</v>
      </c>
      <c r="S1585" s="53">
        <v>-308004.32530120399</v>
      </c>
      <c r="T1585" s="53">
        <v>-308004.32530120399</v>
      </c>
      <c r="U1585" s="53">
        <v>-308004.32530120399</v>
      </c>
      <c r="V1585" s="53">
        <v>-308004.32530120399</v>
      </c>
      <c r="W1585" s="53">
        <v>-308004.32530120399</v>
      </c>
      <c r="X1585" s="53">
        <v>-308004.32530120399</v>
      </c>
      <c r="Y1585" s="53">
        <v>-308004.32530120498</v>
      </c>
      <c r="Z1585" s="53">
        <v>-308004.32530120399</v>
      </c>
      <c r="AA1585" s="53">
        <v>-3696051.9036144498</v>
      </c>
      <c r="AB1585" s="53">
        <v>-308004.32530120498</v>
      </c>
      <c r="AC1585" s="53">
        <v>-308004.32530120498</v>
      </c>
      <c r="AD1585" s="53">
        <v>-308004.32530120498</v>
      </c>
      <c r="AE1585" s="53">
        <v>-308004.32530120498</v>
      </c>
      <c r="AF1585" s="53">
        <v>-308004.32530120498</v>
      </c>
      <c r="AG1585" s="53">
        <v>-308004.32530120498</v>
      </c>
      <c r="AH1585" s="53">
        <v>-308004.32530120498</v>
      </c>
      <c r="AI1585" s="53">
        <v>-308004.32530120498</v>
      </c>
      <c r="AJ1585" s="53">
        <v>-308004.32530120498</v>
      </c>
      <c r="AK1585" s="53">
        <v>-308004.32530120498</v>
      </c>
      <c r="AL1585" s="53">
        <v>-308004.32530120498</v>
      </c>
      <c r="AM1585" s="53">
        <v>-308004.32530120498</v>
      </c>
      <c r="AN1585" s="53">
        <v>-3696051.9036144498</v>
      </c>
      <c r="AO1585" s="53">
        <v>-308004.32530120498</v>
      </c>
      <c r="AP1585" s="53">
        <v>-308004.32530120498</v>
      </c>
      <c r="AQ1585" s="53">
        <v>-308004.32530120498</v>
      </c>
      <c r="AR1585" s="53">
        <v>-308004.32530120498</v>
      </c>
      <c r="AS1585" s="53">
        <v>-308004.32530120498</v>
      </c>
      <c r="AT1585" s="53">
        <v>-308004.32530120498</v>
      </c>
      <c r="AU1585" s="53">
        <v>-308004.32530120498</v>
      </c>
      <c r="AV1585" s="53">
        <v>-308004.32530120498</v>
      </c>
      <c r="AW1585" s="53">
        <v>-308004.32530120498</v>
      </c>
      <c r="AX1585" s="53">
        <v>-308004.32530120498</v>
      </c>
      <c r="AY1585" s="53">
        <v>-308004.32530120498</v>
      </c>
      <c r="AZ1585" s="53">
        <v>-308004.32530120498</v>
      </c>
      <c r="BA1585" s="53">
        <v>-3696051.90361446</v>
      </c>
      <c r="BB1585" s="53">
        <v>-308004.32530120498</v>
      </c>
      <c r="BC1585" s="53">
        <v>-308004.32530120498</v>
      </c>
      <c r="BD1585" s="53">
        <v>-308004.32530120498</v>
      </c>
      <c r="BE1585" s="53">
        <v>-308004.32530120498</v>
      </c>
      <c r="BF1585" s="53">
        <v>-308004.32530120498</v>
      </c>
      <c r="BG1585" s="53">
        <v>-308004.32530120498</v>
      </c>
      <c r="BH1585" s="53">
        <v>-308004.32530120498</v>
      </c>
      <c r="BI1585" s="53">
        <v>-308004.32530120498</v>
      </c>
      <c r="BJ1585" s="53">
        <v>-308004.32530120498</v>
      </c>
      <c r="BK1585" s="53">
        <v>-308004.32530120498</v>
      </c>
      <c r="BL1585" s="53">
        <v>-308004.32530120498</v>
      </c>
      <c r="BM1585" s="53">
        <v>-308004.32530120498</v>
      </c>
      <c r="BN1585" s="53">
        <v>-3696051.90361446</v>
      </c>
      <c r="BO1585" s="53">
        <v>-308004.32530120498</v>
      </c>
      <c r="BP1585" s="53">
        <v>-308004.32530120498</v>
      </c>
      <c r="BQ1585" s="53">
        <v>-308004.32530120498</v>
      </c>
      <c r="BR1585" s="53">
        <v>-308004.32530120498</v>
      </c>
      <c r="BS1585" s="53">
        <v>-308004.32530120498</v>
      </c>
      <c r="BT1585" s="53">
        <v>-308004.32530120498</v>
      </c>
      <c r="BU1585" s="53">
        <v>-308004.32530120498</v>
      </c>
      <c r="BV1585" s="53">
        <v>-308004.32530120498</v>
      </c>
      <c r="BW1585" s="53">
        <v>-308004.32530120498</v>
      </c>
      <c r="BX1585" s="53">
        <v>-308004.32530120498</v>
      </c>
      <c r="BY1585" s="53">
        <v>-308004.32530120498</v>
      </c>
      <c r="BZ1585" s="53">
        <v>-308004.32530120498</v>
      </c>
      <c r="CA1585" s="53">
        <v>-3696051.90361446</v>
      </c>
      <c r="CB1585" s="53"/>
      <c r="CC1585" s="53"/>
      <c r="CD1585" s="53"/>
      <c r="CE1585" s="53"/>
      <c r="CF1585" s="53"/>
      <c r="CG1585" s="53"/>
      <c r="CH1585" s="53"/>
      <c r="CI1585" s="53"/>
      <c r="CJ1585" s="53"/>
      <c r="CK1585" s="53"/>
      <c r="CL1585" s="53"/>
      <c r="CM1585" s="53"/>
      <c r="CN1585" s="53"/>
    </row>
    <row r="1586" spans="1:92" outlineLevel="1">
      <c r="A1586" s="52" t="s">
        <v>728</v>
      </c>
      <c r="B1586" s="53">
        <v>-199670.97206703899</v>
      </c>
      <c r="C1586" s="53">
        <v>-199670.97206703899</v>
      </c>
      <c r="D1586" s="53">
        <v>-199670.97206703899</v>
      </c>
      <c r="E1586" s="53">
        <v>-199670.97206703899</v>
      </c>
      <c r="F1586" s="53">
        <v>-199670.97206703899</v>
      </c>
      <c r="G1586" s="53">
        <v>-199670.97206703899</v>
      </c>
      <c r="H1586" s="53">
        <v>-199670.97206703899</v>
      </c>
      <c r="I1586" s="53">
        <v>-199670.972067038</v>
      </c>
      <c r="J1586" s="53">
        <v>-199670.972067038</v>
      </c>
      <c r="K1586" s="53">
        <v>-199670.972067038</v>
      </c>
      <c r="L1586" s="53">
        <v>-199670.97206703899</v>
      </c>
      <c r="M1586" s="53">
        <v>-199670.97206703899</v>
      </c>
      <c r="N1586" s="53">
        <v>-2396051.66480446</v>
      </c>
      <c r="O1586" s="53">
        <v>-199670.97206703899</v>
      </c>
      <c r="P1586" s="53">
        <v>-199670.97206703899</v>
      </c>
      <c r="Q1586" s="53">
        <v>-199670.97206703899</v>
      </c>
      <c r="R1586" s="53">
        <v>-199670.97206703899</v>
      </c>
      <c r="S1586" s="53">
        <v>-199670.97206703899</v>
      </c>
      <c r="T1586" s="53">
        <v>-199670.97206703899</v>
      </c>
      <c r="U1586" s="53">
        <v>-199670.97206703899</v>
      </c>
      <c r="V1586" s="53">
        <v>-199670.97206703899</v>
      </c>
      <c r="W1586" s="53">
        <v>-199670.97206703899</v>
      </c>
      <c r="X1586" s="53">
        <v>-199670.97206703899</v>
      </c>
      <c r="Y1586" s="53">
        <v>-199670.97206703899</v>
      </c>
      <c r="Z1586" s="53">
        <v>-199670.97206703899</v>
      </c>
      <c r="AA1586" s="53">
        <v>-2396051.66480446</v>
      </c>
      <c r="AB1586" s="53">
        <v>-199670.97206703899</v>
      </c>
      <c r="AC1586" s="53">
        <v>-199670.97206703899</v>
      </c>
      <c r="AD1586" s="53">
        <v>-199670.97206703899</v>
      </c>
      <c r="AE1586" s="53">
        <v>-199670.97206703899</v>
      </c>
      <c r="AF1586" s="53">
        <v>-199670.97206703899</v>
      </c>
      <c r="AG1586" s="53">
        <v>-199670.97206703899</v>
      </c>
      <c r="AH1586" s="53">
        <v>-199670.97206703899</v>
      </c>
      <c r="AI1586" s="53">
        <v>-199670.97206703899</v>
      </c>
      <c r="AJ1586" s="53">
        <v>-199670.97206703899</v>
      </c>
      <c r="AK1586" s="53">
        <v>-199670.97206703899</v>
      </c>
      <c r="AL1586" s="53">
        <v>-199670.97206703899</v>
      </c>
      <c r="AM1586" s="53">
        <v>-199670.97206703899</v>
      </c>
      <c r="AN1586" s="53">
        <v>-2396051.66480446</v>
      </c>
      <c r="AO1586" s="53">
        <v>-199670.97206703899</v>
      </c>
      <c r="AP1586" s="53">
        <v>-199670.97206703899</v>
      </c>
      <c r="AQ1586" s="53">
        <v>-199670.97206703899</v>
      </c>
      <c r="AR1586" s="53">
        <v>-199670.97206703899</v>
      </c>
      <c r="AS1586" s="53">
        <v>-199670.97206703899</v>
      </c>
      <c r="AT1586" s="53">
        <v>-199670.97206703899</v>
      </c>
      <c r="AU1586" s="53">
        <v>-199670.97206703899</v>
      </c>
      <c r="AV1586" s="53">
        <v>-199670.97206703899</v>
      </c>
      <c r="AW1586" s="53">
        <v>-199670.97206703899</v>
      </c>
      <c r="AX1586" s="53">
        <v>-199670.97206703899</v>
      </c>
      <c r="AY1586" s="53">
        <v>-199670.97206703899</v>
      </c>
      <c r="AZ1586" s="53">
        <v>-199670.97206703899</v>
      </c>
      <c r="BA1586" s="53">
        <v>-2396051.6648044698</v>
      </c>
      <c r="BB1586" s="53">
        <v>-199670.97206703899</v>
      </c>
      <c r="BC1586" s="53">
        <v>-199670.97206703899</v>
      </c>
      <c r="BD1586" s="53">
        <v>-199670.97206703899</v>
      </c>
      <c r="BE1586" s="53">
        <v>-199670.97206703899</v>
      </c>
      <c r="BF1586" s="53">
        <v>-199670.97206703899</v>
      </c>
      <c r="BG1586" s="53">
        <v>-199670.97206703899</v>
      </c>
      <c r="BH1586" s="53">
        <v>-199670.97206703899</v>
      </c>
      <c r="BI1586" s="53">
        <v>-199670.97206703899</v>
      </c>
      <c r="BJ1586" s="53">
        <v>-199670.97206703899</v>
      </c>
      <c r="BK1586" s="53">
        <v>-199670.97206703899</v>
      </c>
      <c r="BL1586" s="53">
        <v>-199670.97206703899</v>
      </c>
      <c r="BM1586" s="53">
        <v>-199670.97206703899</v>
      </c>
      <c r="BN1586" s="53">
        <v>-2396051.6648044698</v>
      </c>
      <c r="BO1586" s="53">
        <v>-199670.97206703899</v>
      </c>
      <c r="BP1586" s="53">
        <v>-199670.97206703899</v>
      </c>
      <c r="BQ1586" s="53">
        <v>-199670.97206703899</v>
      </c>
      <c r="BR1586" s="53">
        <v>-199670.97206703899</v>
      </c>
      <c r="BS1586" s="53">
        <v>-199670.97206703899</v>
      </c>
      <c r="BT1586" s="53">
        <v>-199670.97206703899</v>
      </c>
      <c r="BU1586" s="53">
        <v>-199670.97206703899</v>
      </c>
      <c r="BV1586" s="53">
        <v>-199670.97206703899</v>
      </c>
      <c r="BW1586" s="53">
        <v>-199670.97206703899</v>
      </c>
      <c r="BX1586" s="53">
        <v>-199670.97206703899</v>
      </c>
      <c r="BY1586" s="53">
        <v>-199670.97206703899</v>
      </c>
      <c r="BZ1586" s="53">
        <v>-199670.97206703899</v>
      </c>
      <c r="CA1586" s="53">
        <v>-2396051.6648044698</v>
      </c>
      <c r="CB1586" s="53"/>
      <c r="CC1586" s="53"/>
      <c r="CD1586" s="53"/>
      <c r="CE1586" s="53"/>
      <c r="CF1586" s="53"/>
      <c r="CG1586" s="53"/>
      <c r="CH1586" s="53"/>
      <c r="CI1586" s="53"/>
      <c r="CJ1586" s="53"/>
      <c r="CK1586" s="53"/>
      <c r="CL1586" s="53"/>
      <c r="CM1586" s="53"/>
      <c r="CN1586" s="53"/>
    </row>
    <row r="1587" spans="1:92" outlineLevel="1">
      <c r="A1587" s="52" t="s">
        <v>729</v>
      </c>
      <c r="B1587" s="53">
        <v>-115069.469767441</v>
      </c>
      <c r="C1587" s="53">
        <v>-115069.469767441</v>
      </c>
      <c r="D1587" s="53">
        <v>-115069.469767441</v>
      </c>
      <c r="E1587" s="53">
        <v>-115069.469767441</v>
      </c>
      <c r="F1587" s="53">
        <v>-115069.469767441</v>
      </c>
      <c r="G1587" s="53">
        <v>-115069.469767441</v>
      </c>
      <c r="H1587" s="53">
        <v>-115069.469767441</v>
      </c>
      <c r="I1587" s="53">
        <v>-115069.469767441</v>
      </c>
      <c r="J1587" s="53">
        <v>-115069.469767441</v>
      </c>
      <c r="K1587" s="53">
        <v>-115069.469767441</v>
      </c>
      <c r="L1587" s="53">
        <v>-115069.469767441</v>
      </c>
      <c r="M1587" s="53">
        <v>-115069.469767441</v>
      </c>
      <c r="N1587" s="53">
        <v>-1380833.6372093</v>
      </c>
      <c r="O1587" s="53">
        <v>-115069.469767441</v>
      </c>
      <c r="P1587" s="53">
        <v>-115069.469767441</v>
      </c>
      <c r="Q1587" s="53">
        <v>-115069.469767441</v>
      </c>
      <c r="R1587" s="53">
        <v>-115069.469767441</v>
      </c>
      <c r="S1587" s="53">
        <v>-115069.469767441</v>
      </c>
      <c r="T1587" s="53">
        <v>-115069.469767441</v>
      </c>
      <c r="U1587" s="53">
        <v>-115069.469767441</v>
      </c>
      <c r="V1587" s="53">
        <v>-115069.469767441</v>
      </c>
      <c r="W1587" s="53">
        <v>-115069.469767441</v>
      </c>
      <c r="X1587" s="53">
        <v>-115069.469767441</v>
      </c>
      <c r="Y1587" s="53">
        <v>-115069.469767441</v>
      </c>
      <c r="Z1587" s="53">
        <v>-115069.469767441</v>
      </c>
      <c r="AA1587" s="53">
        <v>-1380833.6372093</v>
      </c>
      <c r="AB1587" s="53">
        <v>-115069.469767441</v>
      </c>
      <c r="AC1587" s="53">
        <v>-115069.469767441</v>
      </c>
      <c r="AD1587" s="53">
        <v>-115069.469767441</v>
      </c>
      <c r="AE1587" s="53">
        <v>-115069.469767441</v>
      </c>
      <c r="AF1587" s="53">
        <v>-115069.469767441</v>
      </c>
      <c r="AG1587" s="53">
        <v>-115069.469767441</v>
      </c>
      <c r="AH1587" s="53">
        <v>-115069.469767441</v>
      </c>
      <c r="AI1587" s="53">
        <v>-115069.469767441</v>
      </c>
      <c r="AJ1587" s="53">
        <v>-115069.469767441</v>
      </c>
      <c r="AK1587" s="53">
        <v>-115069.469767441</v>
      </c>
      <c r="AL1587" s="53">
        <v>-115069.469767441</v>
      </c>
      <c r="AM1587" s="53">
        <v>-115069.469767441</v>
      </c>
      <c r="AN1587" s="53">
        <v>-1380833.6372093</v>
      </c>
      <c r="AO1587" s="53">
        <v>-115069.469767441</v>
      </c>
      <c r="AP1587" s="53">
        <v>-115069.469767441</v>
      </c>
      <c r="AQ1587" s="53">
        <v>-115069.469767441</v>
      </c>
      <c r="AR1587" s="53">
        <v>-115069.469767441</v>
      </c>
      <c r="AS1587" s="53">
        <v>-115069.469767441</v>
      </c>
      <c r="AT1587" s="53">
        <v>-115069.469767441</v>
      </c>
      <c r="AU1587" s="53">
        <v>-115069.469767441</v>
      </c>
      <c r="AV1587" s="53">
        <v>-115069.469767441</v>
      </c>
      <c r="AW1587" s="53">
        <v>-115069.469767441</v>
      </c>
      <c r="AX1587" s="53">
        <v>-115069.469767441</v>
      </c>
      <c r="AY1587" s="53">
        <v>-115069.469767441</v>
      </c>
      <c r="AZ1587" s="53">
        <v>-115069.469767441</v>
      </c>
      <c r="BA1587" s="53">
        <v>-1380833.6372093</v>
      </c>
      <c r="BB1587" s="53">
        <v>-115069.469767441</v>
      </c>
      <c r="BC1587" s="53">
        <v>-115069.469767441</v>
      </c>
      <c r="BD1587" s="53">
        <v>-115069.469767441</v>
      </c>
      <c r="BE1587" s="53">
        <v>-115069.469767441</v>
      </c>
      <c r="BF1587" s="53">
        <v>-115069.469767441</v>
      </c>
      <c r="BG1587" s="53">
        <v>-115069.469767441</v>
      </c>
      <c r="BH1587" s="53">
        <v>-115069.469767441</v>
      </c>
      <c r="BI1587" s="53">
        <v>-115069.469767441</v>
      </c>
      <c r="BJ1587" s="53">
        <v>-115069.469767441</v>
      </c>
      <c r="BK1587" s="53">
        <v>-115069.469767441</v>
      </c>
      <c r="BL1587" s="53">
        <v>-115069.469767441</v>
      </c>
      <c r="BM1587" s="53">
        <v>-115069.469767441</v>
      </c>
      <c r="BN1587" s="53">
        <v>-1380833.6372093</v>
      </c>
      <c r="BO1587" s="53">
        <v>-115069.469767441</v>
      </c>
      <c r="BP1587" s="53">
        <v>-115069.469767441</v>
      </c>
      <c r="BQ1587" s="53">
        <v>-115069.469767441</v>
      </c>
      <c r="BR1587" s="53">
        <v>-115069.469767441</v>
      </c>
      <c r="BS1587" s="53">
        <v>-115069.469767441</v>
      </c>
      <c r="BT1587" s="53">
        <v>-115069.469767441</v>
      </c>
      <c r="BU1587" s="53">
        <v>-115069.469767441</v>
      </c>
      <c r="BV1587" s="53">
        <v>-115069.469767441</v>
      </c>
      <c r="BW1587" s="53">
        <v>-115069.469767441</v>
      </c>
      <c r="BX1587" s="53">
        <v>-115069.469767441</v>
      </c>
      <c r="BY1587" s="53">
        <v>-115069.469767441</v>
      </c>
      <c r="BZ1587" s="53">
        <v>-115069.469767441</v>
      </c>
      <c r="CA1587" s="53">
        <v>-1380833.6372093</v>
      </c>
      <c r="CB1587" s="53"/>
      <c r="CC1587" s="53"/>
      <c r="CD1587" s="53"/>
      <c r="CE1587" s="53"/>
      <c r="CF1587" s="53"/>
      <c r="CG1587" s="53"/>
      <c r="CH1587" s="53"/>
      <c r="CI1587" s="53"/>
      <c r="CJ1587" s="53"/>
      <c r="CK1587" s="53"/>
      <c r="CL1587" s="53"/>
      <c r="CM1587" s="53"/>
      <c r="CN1587" s="53"/>
    </row>
    <row r="1588" spans="1:92" outlineLevel="1">
      <c r="A1588" s="52" t="s">
        <v>1376</v>
      </c>
      <c r="B1588" s="53"/>
      <c r="C1588" s="53"/>
      <c r="D1588" s="53"/>
      <c r="E1588" s="53"/>
      <c r="F1588" s="53"/>
      <c r="G1588" s="53"/>
      <c r="H1588" s="53"/>
      <c r="I1588" s="53"/>
      <c r="J1588" s="53"/>
      <c r="K1588" s="53"/>
      <c r="L1588" s="53"/>
      <c r="M1588" s="53"/>
      <c r="N1588" s="53"/>
      <c r="O1588" s="53"/>
      <c r="P1588" s="53"/>
      <c r="Q1588" s="53"/>
      <c r="R1588" s="53"/>
      <c r="S1588" s="53"/>
      <c r="T1588" s="53"/>
      <c r="U1588" s="53"/>
      <c r="V1588" s="53"/>
      <c r="W1588" s="53"/>
      <c r="X1588" s="53"/>
      <c r="Y1588" s="53"/>
      <c r="Z1588" s="53"/>
      <c r="AA1588" s="53"/>
      <c r="AB1588" s="53"/>
      <c r="AC1588" s="53"/>
      <c r="AD1588" s="53"/>
      <c r="AE1588" s="53"/>
      <c r="AF1588" s="53"/>
      <c r="AG1588" s="53"/>
      <c r="AH1588" s="53"/>
      <c r="AI1588" s="53"/>
      <c r="AJ1588" s="53"/>
      <c r="AK1588" s="53"/>
      <c r="AL1588" s="53"/>
      <c r="AM1588" s="53"/>
      <c r="AN1588" s="53"/>
      <c r="AO1588" s="53"/>
      <c r="AP1588" s="53"/>
      <c r="AQ1588" s="53"/>
      <c r="AR1588" s="53"/>
      <c r="AS1588" s="53"/>
      <c r="AT1588" s="53"/>
      <c r="AU1588" s="53"/>
      <c r="AV1588" s="53"/>
      <c r="AW1588" s="53"/>
      <c r="AX1588" s="53"/>
      <c r="AY1588" s="53"/>
      <c r="AZ1588" s="53"/>
      <c r="BA1588" s="53"/>
      <c r="BB1588" s="53"/>
      <c r="BC1588" s="53"/>
      <c r="BD1588" s="53"/>
      <c r="BE1588" s="53"/>
      <c r="BF1588" s="53"/>
      <c r="BG1588" s="53"/>
      <c r="BH1588" s="53"/>
      <c r="BI1588" s="53"/>
      <c r="BJ1588" s="53"/>
      <c r="BK1588" s="53"/>
      <c r="BL1588" s="53"/>
      <c r="BM1588" s="53"/>
      <c r="BN1588" s="53"/>
      <c r="BO1588" s="53"/>
      <c r="BP1588" s="53"/>
      <c r="BQ1588" s="53"/>
      <c r="BR1588" s="53"/>
      <c r="BS1588" s="53"/>
      <c r="BT1588" s="53"/>
      <c r="BU1588" s="53"/>
      <c r="BV1588" s="53"/>
      <c r="BW1588" s="53"/>
      <c r="BX1588" s="53"/>
      <c r="BY1588" s="53"/>
      <c r="BZ1588" s="53"/>
      <c r="CA1588" s="53"/>
      <c r="CB1588" s="53"/>
      <c r="CC1588" s="53"/>
      <c r="CD1588" s="53"/>
      <c r="CE1588" s="53"/>
      <c r="CF1588" s="53"/>
      <c r="CG1588" s="53"/>
      <c r="CH1588" s="53"/>
      <c r="CI1588" s="53"/>
      <c r="CJ1588" s="53"/>
      <c r="CK1588" s="53"/>
      <c r="CL1588" s="53"/>
      <c r="CM1588" s="53"/>
      <c r="CN1588" s="53"/>
    </row>
    <row r="1589" spans="1:92" outlineLevel="1">
      <c r="A1589" s="52" t="s">
        <v>1377</v>
      </c>
      <c r="B1589" s="53"/>
      <c r="C1589" s="53"/>
      <c r="D1589" s="53"/>
      <c r="E1589" s="53"/>
      <c r="F1589" s="53"/>
      <c r="G1589" s="53"/>
      <c r="H1589" s="53"/>
      <c r="I1589" s="53"/>
      <c r="J1589" s="53"/>
      <c r="K1589" s="53"/>
      <c r="L1589" s="53"/>
      <c r="M1589" s="53"/>
      <c r="N1589" s="53"/>
      <c r="O1589" s="53"/>
      <c r="P1589" s="53"/>
      <c r="Q1589" s="53"/>
      <c r="R1589" s="53"/>
      <c r="S1589" s="53"/>
      <c r="T1589" s="53"/>
      <c r="U1589" s="53"/>
      <c r="V1589" s="53"/>
      <c r="W1589" s="53"/>
      <c r="X1589" s="53"/>
      <c r="Y1589" s="53"/>
      <c r="Z1589" s="53"/>
      <c r="AA1589" s="53"/>
      <c r="AB1589" s="53"/>
      <c r="AC1589" s="53"/>
      <c r="AD1589" s="53"/>
      <c r="AE1589" s="53"/>
      <c r="AF1589" s="53"/>
      <c r="AG1589" s="53"/>
      <c r="AH1589" s="53"/>
      <c r="AI1589" s="53"/>
      <c r="AJ1589" s="53"/>
      <c r="AK1589" s="53"/>
      <c r="AL1589" s="53"/>
      <c r="AM1589" s="53"/>
      <c r="AN1589" s="53"/>
      <c r="AO1589" s="53"/>
      <c r="AP1589" s="53"/>
      <c r="AQ1589" s="53"/>
      <c r="AR1589" s="53"/>
      <c r="AS1589" s="53"/>
      <c r="AT1589" s="53"/>
      <c r="AU1589" s="53"/>
      <c r="AV1589" s="53"/>
      <c r="AW1589" s="53"/>
      <c r="AX1589" s="53"/>
      <c r="AY1589" s="53"/>
      <c r="AZ1589" s="53"/>
      <c r="BA1589" s="53"/>
      <c r="BB1589" s="53"/>
      <c r="BC1589" s="53"/>
      <c r="BD1589" s="53"/>
      <c r="BE1589" s="53"/>
      <c r="BF1589" s="53"/>
      <c r="BG1589" s="53"/>
      <c r="BH1589" s="53"/>
      <c r="BI1589" s="53"/>
      <c r="BJ1589" s="53"/>
      <c r="BK1589" s="53"/>
      <c r="BL1589" s="53"/>
      <c r="BM1589" s="53"/>
      <c r="BN1589" s="53"/>
      <c r="BO1589" s="53"/>
      <c r="BP1589" s="53"/>
      <c r="BQ1589" s="53"/>
      <c r="BR1589" s="53"/>
      <c r="BS1589" s="53"/>
      <c r="BT1589" s="53"/>
      <c r="BU1589" s="53"/>
      <c r="BV1589" s="53"/>
      <c r="BW1589" s="53"/>
      <c r="BX1589" s="53"/>
      <c r="BY1589" s="53"/>
      <c r="BZ1589" s="53"/>
      <c r="CA1589" s="53"/>
      <c r="CB1589" s="53"/>
      <c r="CC1589" s="53"/>
      <c r="CD1589" s="53"/>
      <c r="CE1589" s="53"/>
      <c r="CF1589" s="53"/>
      <c r="CG1589" s="53"/>
      <c r="CH1589" s="53"/>
      <c r="CI1589" s="53"/>
      <c r="CJ1589" s="53"/>
      <c r="CK1589" s="53"/>
      <c r="CL1589" s="53"/>
      <c r="CM1589" s="53"/>
      <c r="CN1589" s="53"/>
    </row>
    <row r="1590" spans="1:92" outlineLevel="1">
      <c r="A1590" s="52" t="s">
        <v>1378</v>
      </c>
      <c r="B1590" s="53">
        <v>-1092858.8531758301</v>
      </c>
      <c r="C1590" s="53">
        <v>-1100788.4559366601</v>
      </c>
      <c r="D1590" s="53">
        <v>-547623.79020000005</v>
      </c>
      <c r="E1590" s="53">
        <v>-509720.25867333298</v>
      </c>
      <c r="F1590" s="53">
        <v>-1057819.7020399999</v>
      </c>
      <c r="G1590" s="53">
        <v>-3033714.06765666</v>
      </c>
      <c r="H1590" s="53">
        <v>-3055726.1908216602</v>
      </c>
      <c r="I1590" s="53">
        <v>-3077898.0293899998</v>
      </c>
      <c r="J1590" s="53">
        <v>-1034298.744295</v>
      </c>
      <c r="K1590" s="53">
        <v>-595115.44545583299</v>
      </c>
      <c r="L1590" s="53">
        <v>-599433.50796583295</v>
      </c>
      <c r="M1590" s="53">
        <v>-1206811.6939083301</v>
      </c>
      <c r="N1590" s="53">
        <v>-16911808.739519101</v>
      </c>
      <c r="O1590" s="53">
        <v>-1204871.6006449901</v>
      </c>
      <c r="P1590" s="53">
        <v>-1213613.9481673399</v>
      </c>
      <c r="Q1590" s="53">
        <v>-661267.92870625702</v>
      </c>
      <c r="R1590" s="53">
        <v>-624188.97858562798</v>
      </c>
      <c r="S1590" s="53">
        <v>-1173118.9897827399</v>
      </c>
      <c r="T1590" s="53">
        <v>-3149849.9456527801</v>
      </c>
      <c r="U1590" s="53">
        <v>-3172704.7318834402</v>
      </c>
      <c r="V1590" s="53">
        <v>-3195725.34863387</v>
      </c>
      <c r="W1590" s="53">
        <v>-1152980.9991426601</v>
      </c>
      <c r="X1590" s="53">
        <v>-714658.83710894606</v>
      </c>
      <c r="Y1590" s="53">
        <v>-719844.28252120304</v>
      </c>
      <c r="Z1590" s="53">
        <v>-1328096.1526611301</v>
      </c>
      <c r="AA1590" s="53">
        <v>-18310921.743491001</v>
      </c>
      <c r="AB1590" s="53">
        <v>-1326741.92699548</v>
      </c>
      <c r="AC1590" s="53">
        <v>-1336368.5452941</v>
      </c>
      <c r="AD1590" s="53">
        <v>-784913.21273066802</v>
      </c>
      <c r="AE1590" s="53">
        <v>-748731.412183373</v>
      </c>
      <c r="AF1590" s="53">
        <v>3.8769374325073702</v>
      </c>
      <c r="AG1590" s="53">
        <v>3.9050678443614002</v>
      </c>
      <c r="AH1590" s="53">
        <v>3.93340236579545</v>
      </c>
      <c r="AI1590" s="53">
        <v>3.9619424777946</v>
      </c>
      <c r="AJ1590" s="53">
        <v>3.9906896720897298</v>
      </c>
      <c r="AK1590" s="53">
        <v>4.0196454512354602</v>
      </c>
      <c r="AL1590" s="53">
        <v>4.0488113286887204</v>
      </c>
      <c r="AM1590" s="53">
        <v>4.0781888288877903</v>
      </c>
      <c r="AN1590" s="53">
        <v>-4196723.2825182201</v>
      </c>
      <c r="AO1590" s="53">
        <v>4.1077794873320599</v>
      </c>
      <c r="AP1590" s="53">
        <v>4.1375848506622299</v>
      </c>
      <c r="AQ1590" s="53">
        <v>4.1676064767411498</v>
      </c>
      <c r="AR1590" s="53">
        <v>4.1978459347353096</v>
      </c>
      <c r="AS1590" s="53">
        <v>4.2283048051967498</v>
      </c>
      <c r="AT1590" s="53">
        <v>4.2589846801457902</v>
      </c>
      <c r="AU1590" s="53">
        <v>4.28988716315415</v>
      </c>
      <c r="AV1590" s="53">
        <v>4.3210138694287998</v>
      </c>
      <c r="AW1590" s="53">
        <v>4.3523664258963901</v>
      </c>
      <c r="AX1590" s="53">
        <v>4.3839464712882901</v>
      </c>
      <c r="AY1590" s="53">
        <v>4.4157556562262101</v>
      </c>
      <c r="AZ1590" s="53">
        <v>4.4477956433085</v>
      </c>
      <c r="BA1590" s="53">
        <v>51.308871464115597</v>
      </c>
      <c r="BB1590" s="53">
        <v>4.48006810719707</v>
      </c>
      <c r="BC1590" s="53">
        <v>4.5125747347048701</v>
      </c>
      <c r="BD1590" s="53">
        <v>4.5453172248840996</v>
      </c>
      <c r="BE1590" s="53">
        <v>4.57829728911498</v>
      </c>
      <c r="BF1590" s="53">
        <v>4.6115166511952497</v>
      </c>
      <c r="BG1590" s="53">
        <v>4.6449770474302099</v>
      </c>
      <c r="BH1590" s="53">
        <v>4.6786802267235101</v>
      </c>
      <c r="BI1590" s="53">
        <v>4.71262795066857</v>
      </c>
      <c r="BJ1590" s="53">
        <v>4.7468219936406202</v>
      </c>
      <c r="BK1590" s="53">
        <v>4.7812641428894702</v>
      </c>
      <c r="BL1590" s="53">
        <v>4.81595619863291</v>
      </c>
      <c r="BM1590" s="53">
        <v>4.8508999741508196</v>
      </c>
      <c r="BN1590" s="53">
        <v>55.959001541232396</v>
      </c>
      <c r="BO1590" s="53">
        <v>4.8860972958799103</v>
      </c>
      <c r="BP1590" s="53">
        <v>4.9215500035092301</v>
      </c>
      <c r="BQ1590" s="53">
        <v>4.9572599500763399</v>
      </c>
      <c r="BR1590" s="53">
        <v>4.9932290020640604</v>
      </c>
      <c r="BS1590" s="53"/>
      <c r="BT1590" s="53"/>
      <c r="BU1590" s="53"/>
      <c r="BV1590" s="53"/>
      <c r="BW1590" s="53"/>
      <c r="BX1590" s="53"/>
      <c r="BY1590" s="53"/>
      <c r="BZ1590" s="53"/>
      <c r="CA1590" s="53">
        <v>19.7581362515295</v>
      </c>
      <c r="CB1590" s="53"/>
      <c r="CC1590" s="53"/>
      <c r="CD1590" s="53"/>
      <c r="CE1590" s="53"/>
      <c r="CF1590" s="53"/>
      <c r="CG1590" s="53"/>
      <c r="CH1590" s="53"/>
      <c r="CI1590" s="53"/>
      <c r="CJ1590" s="53"/>
      <c r="CK1590" s="53"/>
      <c r="CL1590" s="53"/>
      <c r="CM1590" s="53"/>
      <c r="CN1590" s="53"/>
    </row>
    <row r="1591" spans="1:92" outlineLevel="1">
      <c r="A1591" s="52" t="s">
        <v>1379</v>
      </c>
      <c r="B1591" s="53">
        <v>-289089.632509007</v>
      </c>
      <c r="C1591" s="53">
        <v>-290850.66529097001</v>
      </c>
      <c r="D1591" s="53">
        <v>-292622.43963176099</v>
      </c>
      <c r="E1591" s="53">
        <v>-294404.99022865598</v>
      </c>
      <c r="F1591" s="53">
        <v>-296198.40715600102</v>
      </c>
      <c r="G1591" s="53">
        <v>-298002.75499340898</v>
      </c>
      <c r="H1591" s="53">
        <v>-299818.08483441698</v>
      </c>
      <c r="I1591" s="53">
        <v>-301644.47794360301</v>
      </c>
      <c r="J1591" s="53">
        <v>-303482.00289655698</v>
      </c>
      <c r="K1591" s="53">
        <v>-305330.71414299699</v>
      </c>
      <c r="L1591" s="53">
        <v>-307190.68249075598</v>
      </c>
      <c r="M1591" s="53">
        <v>-309061.98052333301</v>
      </c>
      <c r="N1591" s="53">
        <v>-3587696.8326414698</v>
      </c>
      <c r="O1591" s="53">
        <v>-310944.68276122899</v>
      </c>
      <c r="P1591" s="53">
        <v>-312838.85412038199</v>
      </c>
      <c r="Q1591" s="53">
        <v>-314744.56414006598</v>
      </c>
      <c r="R1591" s="53">
        <v>-316661.88310995197</v>
      </c>
      <c r="S1591" s="53">
        <v>-318590.88174789702</v>
      </c>
      <c r="T1591" s="53">
        <v>-320531.63120254403</v>
      </c>
      <c r="U1591" s="53">
        <v>-322484.20305595302</v>
      </c>
      <c r="V1591" s="53">
        <v>-324448.66932623601</v>
      </c>
      <c r="W1591" s="53">
        <v>-326425.10247021401</v>
      </c>
      <c r="X1591" s="53">
        <v>-328413.57538609498</v>
      </c>
      <c r="Y1591" s="53">
        <v>-330414.16141615598</v>
      </c>
      <c r="Z1591" s="53">
        <v>-332426.934349449</v>
      </c>
      <c r="AA1591" s="53">
        <v>-3858925.1430861698</v>
      </c>
      <c r="AB1591" s="53">
        <v>-334451.96842452802</v>
      </c>
      <c r="AC1591" s="53">
        <v>-336489.33833217999</v>
      </c>
      <c r="AD1591" s="53">
        <v>-338539.119218187</v>
      </c>
      <c r="AE1591" s="53">
        <v>-340601.38668609102</v>
      </c>
      <c r="AF1591" s="53">
        <v>-342676.21679998701</v>
      </c>
      <c r="AG1591" s="53">
        <v>-344763.68608732702</v>
      </c>
      <c r="AH1591" s="53">
        <v>-346863.871541742</v>
      </c>
      <c r="AI1591" s="53">
        <v>-348976.85062588402</v>
      </c>
      <c r="AJ1591" s="53">
        <v>-351102.70127428003</v>
      </c>
      <c r="AK1591" s="53">
        <v>-353241.50189620903</v>
      </c>
      <c r="AL1591" s="53">
        <v>-355393.33137859299</v>
      </c>
      <c r="AM1591" s="53">
        <v>-357558.26908890699</v>
      </c>
      <c r="AN1591" s="53">
        <v>-4150658.24135391</v>
      </c>
      <c r="AO1591" s="53">
        <v>-359736.39487810701</v>
      </c>
      <c r="AP1591" s="53">
        <v>-361927.78908357298</v>
      </c>
      <c r="AQ1591" s="53">
        <v>-364132.53253207402</v>
      </c>
      <c r="AR1591" s="53">
        <v>-366350.70654274803</v>
      </c>
      <c r="AS1591" s="53">
        <v>-368582.39293010399</v>
      </c>
      <c r="AT1591" s="53">
        <v>-370827.67400703701</v>
      </c>
      <c r="AU1591" s="53">
        <v>-373086.63258786203</v>
      </c>
      <c r="AV1591" s="53">
        <v>-375359.35199137701</v>
      </c>
      <c r="AW1591" s="53">
        <v>-377645.91604392399</v>
      </c>
      <c r="AX1591" s="53">
        <v>-379946.40908249101</v>
      </c>
      <c r="AY1591" s="53">
        <v>-382260.91595781897</v>
      </c>
      <c r="AZ1591" s="53">
        <v>-384589.52203752799</v>
      </c>
      <c r="BA1591" s="53">
        <v>-4464446.2376746396</v>
      </c>
      <c r="BB1591" s="53">
        <v>-386932.31320927298</v>
      </c>
      <c r="BC1591" s="53">
        <v>-389289.37588390597</v>
      </c>
      <c r="BD1591" s="53">
        <v>-391660.79699866503</v>
      </c>
      <c r="BE1591" s="53">
        <v>-394046.66402038198</v>
      </c>
      <c r="BF1591" s="53">
        <v>-396447.06494870601</v>
      </c>
      <c r="BG1591" s="53">
        <v>-398862.08831935102</v>
      </c>
      <c r="BH1591" s="53">
        <v>-401291.82320736302</v>
      </c>
      <c r="BI1591" s="53">
        <v>-403736.3592304</v>
      </c>
      <c r="BJ1591" s="53">
        <v>-406195.78655204503</v>
      </c>
      <c r="BK1591" s="53">
        <v>-408670.19588512398</v>
      </c>
      <c r="BL1591" s="53">
        <v>-411159.67849505699</v>
      </c>
      <c r="BM1591" s="53">
        <v>-413664.32620322099</v>
      </c>
      <c r="BN1591" s="53">
        <v>-4801956.47295349</v>
      </c>
      <c r="BO1591" s="53">
        <v>-416184.23139034002</v>
      </c>
      <c r="BP1591" s="53">
        <v>-418719.48699989298</v>
      </c>
      <c r="BQ1591" s="53">
        <v>-421270.186541526</v>
      </c>
      <c r="BR1591" s="53"/>
      <c r="BS1591" s="53"/>
      <c r="BT1591" s="53"/>
      <c r="BU1591" s="53"/>
      <c r="BV1591" s="53"/>
      <c r="BW1591" s="53"/>
      <c r="BX1591" s="53"/>
      <c r="BY1591" s="53"/>
      <c r="BZ1591" s="53"/>
      <c r="CA1591" s="53">
        <v>-1256173.9049317599</v>
      </c>
      <c r="CB1591" s="53"/>
      <c r="CC1591" s="53"/>
      <c r="CD1591" s="53"/>
      <c r="CE1591" s="53"/>
      <c r="CF1591" s="53"/>
      <c r="CG1591" s="53"/>
      <c r="CH1591" s="53"/>
      <c r="CI1591" s="53"/>
      <c r="CJ1591" s="53"/>
      <c r="CK1591" s="53"/>
      <c r="CL1591" s="53"/>
      <c r="CM1591" s="53"/>
      <c r="CN1591" s="53"/>
    </row>
    <row r="1592" spans="1:92" outlineLevel="1">
      <c r="A1592" s="52" t="s">
        <v>735</v>
      </c>
      <c r="B1592" s="53"/>
      <c r="C1592" s="53"/>
      <c r="D1592" s="53"/>
      <c r="E1592" s="53"/>
      <c r="F1592" s="53"/>
      <c r="G1592" s="53"/>
      <c r="H1592" s="53"/>
      <c r="I1592" s="53"/>
      <c r="J1592" s="53"/>
      <c r="K1592" s="53"/>
      <c r="L1592" s="53"/>
      <c r="M1592" s="53"/>
      <c r="N1592" s="53"/>
      <c r="O1592" s="53"/>
      <c r="P1592" s="53"/>
      <c r="Q1592" s="53"/>
      <c r="R1592" s="53"/>
      <c r="S1592" s="53"/>
      <c r="T1592" s="53"/>
      <c r="U1592" s="53"/>
      <c r="V1592" s="53"/>
      <c r="W1592" s="53"/>
      <c r="X1592" s="53"/>
      <c r="Y1592" s="53"/>
      <c r="Z1592" s="53"/>
      <c r="AA1592" s="53"/>
      <c r="AB1592" s="53"/>
      <c r="AC1592" s="53"/>
      <c r="AD1592" s="53"/>
      <c r="AE1592" s="53"/>
      <c r="AF1592" s="53"/>
      <c r="AG1592" s="53"/>
      <c r="AH1592" s="53"/>
      <c r="AI1592" s="53"/>
      <c r="AJ1592" s="53"/>
      <c r="AK1592" s="53"/>
      <c r="AL1592" s="53"/>
      <c r="AM1592" s="53"/>
      <c r="AN1592" s="53"/>
      <c r="AO1592" s="53"/>
      <c r="AP1592" s="53"/>
      <c r="AQ1592" s="53"/>
      <c r="AR1592" s="53"/>
      <c r="AS1592" s="53"/>
      <c r="AT1592" s="53"/>
      <c r="AU1592" s="53"/>
      <c r="AV1592" s="53"/>
      <c r="AW1592" s="53"/>
      <c r="AX1592" s="53"/>
      <c r="AY1592" s="53"/>
      <c r="AZ1592" s="53"/>
      <c r="BA1592" s="53"/>
      <c r="BB1592" s="53"/>
      <c r="BC1592" s="53"/>
      <c r="BD1592" s="53"/>
      <c r="BE1592" s="53"/>
      <c r="BF1592" s="53"/>
      <c r="BG1592" s="53"/>
      <c r="BH1592" s="53"/>
      <c r="BI1592" s="53"/>
      <c r="BJ1592" s="53"/>
      <c r="BK1592" s="53"/>
      <c r="BL1592" s="53"/>
      <c r="BM1592" s="53"/>
      <c r="BN1592" s="53"/>
      <c r="BO1592" s="53"/>
      <c r="BP1592" s="53"/>
      <c r="BQ1592" s="53"/>
      <c r="BR1592" s="53"/>
      <c r="BS1592" s="53"/>
      <c r="BT1592" s="53"/>
      <c r="BU1592" s="53"/>
      <c r="BV1592" s="53"/>
      <c r="BW1592" s="53"/>
      <c r="BX1592" s="53"/>
      <c r="BY1592" s="53"/>
      <c r="BZ1592" s="53"/>
      <c r="CA1592" s="53"/>
      <c r="CB1592" s="53"/>
      <c r="CC1592" s="53"/>
      <c r="CD1592" s="53"/>
      <c r="CE1592" s="53"/>
      <c r="CF1592" s="53"/>
      <c r="CG1592" s="53"/>
      <c r="CH1592" s="53"/>
      <c r="CI1592" s="53"/>
      <c r="CJ1592" s="53"/>
      <c r="CK1592" s="53"/>
      <c r="CL1592" s="53"/>
      <c r="CM1592" s="53"/>
      <c r="CN1592" s="53"/>
    </row>
    <row r="1593" spans="1:92" outlineLevel="1">
      <c r="A1593" s="52" t="s">
        <v>736</v>
      </c>
      <c r="B1593" s="53"/>
      <c r="C1593" s="53"/>
      <c r="D1593" s="53"/>
      <c r="E1593" s="53"/>
      <c r="F1593" s="53"/>
      <c r="G1593" s="53"/>
      <c r="H1593" s="53"/>
      <c r="I1593" s="53"/>
      <c r="J1593" s="53"/>
      <c r="K1593" s="53"/>
      <c r="L1593" s="53"/>
      <c r="M1593" s="53"/>
      <c r="N1593" s="53"/>
      <c r="O1593" s="53"/>
      <c r="P1593" s="53"/>
      <c r="Q1593" s="53"/>
      <c r="R1593" s="53"/>
      <c r="S1593" s="53"/>
      <c r="T1593" s="53"/>
      <c r="U1593" s="53"/>
      <c r="V1593" s="53"/>
      <c r="W1593" s="53"/>
      <c r="X1593" s="53"/>
      <c r="Y1593" s="53"/>
      <c r="Z1593" s="53"/>
      <c r="AA1593" s="53"/>
      <c r="AB1593" s="53"/>
      <c r="AC1593" s="53"/>
      <c r="AD1593" s="53"/>
      <c r="AE1593" s="53"/>
      <c r="AF1593" s="53"/>
      <c r="AG1593" s="53"/>
      <c r="AH1593" s="53"/>
      <c r="AI1593" s="53"/>
      <c r="AJ1593" s="53"/>
      <c r="AK1593" s="53"/>
      <c r="AL1593" s="53"/>
      <c r="AM1593" s="53"/>
      <c r="AN1593" s="53"/>
      <c r="AO1593" s="53"/>
      <c r="AP1593" s="53"/>
      <c r="AQ1593" s="53"/>
      <c r="AR1593" s="53"/>
      <c r="AS1593" s="53"/>
      <c r="AT1593" s="53"/>
      <c r="AU1593" s="53"/>
      <c r="AV1593" s="53"/>
      <c r="AW1593" s="53"/>
      <c r="AX1593" s="53"/>
      <c r="AY1593" s="53"/>
      <c r="AZ1593" s="53"/>
      <c r="BA1593" s="53"/>
      <c r="BB1593" s="53"/>
      <c r="BC1593" s="53"/>
      <c r="BD1593" s="53"/>
      <c r="BE1593" s="53"/>
      <c r="BF1593" s="53"/>
      <c r="BG1593" s="53"/>
      <c r="BH1593" s="53"/>
      <c r="BI1593" s="53"/>
      <c r="BJ1593" s="53"/>
      <c r="BK1593" s="53"/>
      <c r="BL1593" s="53"/>
      <c r="BM1593" s="53"/>
      <c r="BN1593" s="53"/>
      <c r="BO1593" s="53"/>
      <c r="BP1593" s="53"/>
      <c r="BQ1593" s="53"/>
      <c r="BR1593" s="53"/>
      <c r="BS1593" s="53"/>
      <c r="BT1593" s="53"/>
      <c r="BU1593" s="53"/>
      <c r="BV1593" s="53"/>
      <c r="BW1593" s="53"/>
      <c r="BX1593" s="53"/>
      <c r="BY1593" s="53"/>
      <c r="BZ1593" s="53"/>
      <c r="CA1593" s="53"/>
      <c r="CB1593" s="53"/>
      <c r="CC1593" s="53"/>
      <c r="CD1593" s="53"/>
      <c r="CE1593" s="53"/>
      <c r="CF1593" s="53"/>
      <c r="CG1593" s="53"/>
      <c r="CH1593" s="53"/>
      <c r="CI1593" s="53"/>
      <c r="CJ1593" s="53"/>
      <c r="CK1593" s="53"/>
      <c r="CL1593" s="53"/>
      <c r="CM1593" s="53"/>
      <c r="CN1593" s="53"/>
    </row>
    <row r="1594" spans="1:92" outlineLevel="1">
      <c r="A1594" s="52" t="s">
        <v>737</v>
      </c>
      <c r="B1594" s="53">
        <v>-8902.2999999999993</v>
      </c>
      <c r="C1594" s="53">
        <v>-8902.3050847457598</v>
      </c>
      <c r="D1594" s="53">
        <v>-8902.2931034482699</v>
      </c>
      <c r="E1594" s="53">
        <v>-8902.2982456140307</v>
      </c>
      <c r="F1594" s="53">
        <v>-8902.3035714285706</v>
      </c>
      <c r="G1594" s="53">
        <v>-8902.3090909090897</v>
      </c>
      <c r="H1594" s="53">
        <v>-8902.2962962962902</v>
      </c>
      <c r="I1594" s="53">
        <v>-8902.3018867924493</v>
      </c>
      <c r="J1594" s="53">
        <v>-8902.3076923076896</v>
      </c>
      <c r="K1594" s="53">
        <v>-8902.2941176470504</v>
      </c>
      <c r="L1594" s="53">
        <v>-8902.2999999999993</v>
      </c>
      <c r="M1594" s="53">
        <v>-8902.3061224489793</v>
      </c>
      <c r="N1594" s="53">
        <v>-106827.615211638</v>
      </c>
      <c r="O1594" s="53">
        <v>-8902.2916666666606</v>
      </c>
      <c r="P1594" s="53">
        <v>-8902.2916666666606</v>
      </c>
      <c r="Q1594" s="53">
        <v>-8902.2916666666606</v>
      </c>
      <c r="R1594" s="53">
        <v>-8902.2916666666606</v>
      </c>
      <c r="S1594" s="53">
        <v>-8902.2916666666606</v>
      </c>
      <c r="T1594" s="53">
        <v>-8902.2916666666606</v>
      </c>
      <c r="U1594" s="53">
        <v>-8902.2916666666606</v>
      </c>
      <c r="V1594" s="53">
        <v>-8902.2916666666606</v>
      </c>
      <c r="W1594" s="53">
        <v>-8902.2916666666606</v>
      </c>
      <c r="X1594" s="53">
        <v>-8902.2916666666606</v>
      </c>
      <c r="Y1594" s="53">
        <v>-8902.2916666666606</v>
      </c>
      <c r="Z1594" s="53">
        <v>-8902.2916666666697</v>
      </c>
      <c r="AA1594" s="53">
        <v>-106827.5</v>
      </c>
      <c r="AB1594" s="53">
        <v>-8902.2916666666697</v>
      </c>
      <c r="AC1594" s="53">
        <v>-8902.2916666666697</v>
      </c>
      <c r="AD1594" s="53">
        <v>-8902.2916666666697</v>
      </c>
      <c r="AE1594" s="53">
        <v>-8902.2916666666697</v>
      </c>
      <c r="AF1594" s="53">
        <v>-8902.2916666666697</v>
      </c>
      <c r="AG1594" s="53">
        <v>-8902.2916666666697</v>
      </c>
      <c r="AH1594" s="53">
        <v>-8902.2916666666697</v>
      </c>
      <c r="AI1594" s="53">
        <v>-8902.2916666666697</v>
      </c>
      <c r="AJ1594" s="53">
        <v>-8902.2916666666697</v>
      </c>
      <c r="AK1594" s="53">
        <v>-8902.2916666666697</v>
      </c>
      <c r="AL1594" s="53">
        <v>-8902.2916666666697</v>
      </c>
      <c r="AM1594" s="53">
        <v>-8902.2916666666697</v>
      </c>
      <c r="AN1594" s="53">
        <v>-106827.5</v>
      </c>
      <c r="AO1594" s="53">
        <v>-8902.2916666666697</v>
      </c>
      <c r="AP1594" s="53">
        <v>-8902.2916666666697</v>
      </c>
      <c r="AQ1594" s="53">
        <v>-8902.2916666666697</v>
      </c>
      <c r="AR1594" s="53">
        <v>-8902.2916666666697</v>
      </c>
      <c r="AS1594" s="53">
        <v>-8902.2916666666697</v>
      </c>
      <c r="AT1594" s="53">
        <v>-8902.2916666666697</v>
      </c>
      <c r="AU1594" s="53">
        <v>-8902.2916666666697</v>
      </c>
      <c r="AV1594" s="53">
        <v>-8902.2916666666697</v>
      </c>
      <c r="AW1594" s="53">
        <v>-8902.2916666666697</v>
      </c>
      <c r="AX1594" s="53">
        <v>-8902.2916666666697</v>
      </c>
      <c r="AY1594" s="53">
        <v>-8902.2916666666697</v>
      </c>
      <c r="AZ1594" s="53">
        <v>-8902.2916666666697</v>
      </c>
      <c r="BA1594" s="53">
        <v>-106827.5</v>
      </c>
      <c r="BB1594" s="53">
        <v>-8902.2916666666697</v>
      </c>
      <c r="BC1594" s="53">
        <v>-8902.2916666666697</v>
      </c>
      <c r="BD1594" s="53">
        <v>-8902.2916666666697</v>
      </c>
      <c r="BE1594" s="53">
        <v>-8902.2916666666697</v>
      </c>
      <c r="BF1594" s="53">
        <v>-8902.2916666666697</v>
      </c>
      <c r="BG1594" s="53">
        <v>-8902.2916666666697</v>
      </c>
      <c r="BH1594" s="53">
        <v>-8902.2916666666697</v>
      </c>
      <c r="BI1594" s="53">
        <v>-8902.2916666666697</v>
      </c>
      <c r="BJ1594" s="53">
        <v>-8902.2916666666697</v>
      </c>
      <c r="BK1594" s="53">
        <v>-8902.2916666666697</v>
      </c>
      <c r="BL1594" s="53">
        <v>-8902.2916666666697</v>
      </c>
      <c r="BM1594" s="53">
        <v>-8902.2916666666697</v>
      </c>
      <c r="BN1594" s="53">
        <v>-106827.5</v>
      </c>
      <c r="BO1594" s="53"/>
      <c r="BP1594" s="53"/>
      <c r="BQ1594" s="53"/>
      <c r="BR1594" s="53"/>
      <c r="BS1594" s="53"/>
      <c r="BT1594" s="53"/>
      <c r="BU1594" s="53"/>
      <c r="BV1594" s="53"/>
      <c r="BW1594" s="53"/>
      <c r="BX1594" s="53"/>
      <c r="BY1594" s="53"/>
      <c r="BZ1594" s="53"/>
      <c r="CA1594" s="53"/>
      <c r="CB1594" s="53"/>
      <c r="CC1594" s="53"/>
      <c r="CD1594" s="53"/>
      <c r="CE1594" s="53"/>
      <c r="CF1594" s="53"/>
      <c r="CG1594" s="53"/>
      <c r="CH1594" s="53"/>
      <c r="CI1594" s="53"/>
      <c r="CJ1594" s="53"/>
      <c r="CK1594" s="53"/>
      <c r="CL1594" s="53"/>
      <c r="CM1594" s="53"/>
      <c r="CN1594" s="53"/>
    </row>
    <row r="1595" spans="1:92" outlineLevel="1">
      <c r="A1595" s="52" t="s">
        <v>741</v>
      </c>
      <c r="B1595" s="53"/>
      <c r="C1595" s="53"/>
      <c r="D1595" s="53"/>
      <c r="E1595" s="53"/>
      <c r="F1595" s="53"/>
      <c r="G1595" s="53"/>
      <c r="H1595" s="53"/>
      <c r="I1595" s="53"/>
      <c r="J1595" s="53"/>
      <c r="K1595" s="53"/>
      <c r="L1595" s="53"/>
      <c r="M1595" s="53"/>
      <c r="N1595" s="53"/>
      <c r="O1595" s="53"/>
      <c r="P1595" s="53"/>
      <c r="Q1595" s="53"/>
      <c r="R1595" s="53"/>
      <c r="S1595" s="53"/>
      <c r="T1595" s="53"/>
      <c r="U1595" s="53"/>
      <c r="V1595" s="53"/>
      <c r="W1595" s="53"/>
      <c r="X1595" s="53"/>
      <c r="Y1595" s="53"/>
      <c r="Z1595" s="53"/>
      <c r="AA1595" s="53"/>
      <c r="AB1595" s="53"/>
      <c r="AC1595" s="53"/>
      <c r="AD1595" s="53"/>
      <c r="AE1595" s="53"/>
      <c r="AF1595" s="53"/>
      <c r="AG1595" s="53"/>
      <c r="AH1595" s="53"/>
      <c r="AI1595" s="53"/>
      <c r="AJ1595" s="53"/>
      <c r="AK1595" s="53"/>
      <c r="AL1595" s="53"/>
      <c r="AM1595" s="53"/>
      <c r="AN1595" s="53"/>
      <c r="AO1595" s="53"/>
      <c r="AP1595" s="53"/>
      <c r="AQ1595" s="53"/>
      <c r="AR1595" s="53"/>
      <c r="AS1595" s="53"/>
      <c r="AT1595" s="53"/>
      <c r="AU1595" s="53"/>
      <c r="AV1595" s="53"/>
      <c r="AW1595" s="53"/>
      <c r="AX1595" s="53"/>
      <c r="AY1595" s="53"/>
      <c r="AZ1595" s="53"/>
      <c r="BA1595" s="53"/>
      <c r="BB1595" s="53"/>
      <c r="BC1595" s="53"/>
      <c r="BD1595" s="53"/>
      <c r="BE1595" s="53"/>
      <c r="BF1595" s="53"/>
      <c r="BG1595" s="53"/>
      <c r="BH1595" s="53"/>
      <c r="BI1595" s="53"/>
      <c r="BJ1595" s="53"/>
      <c r="BK1595" s="53"/>
      <c r="BL1595" s="53"/>
      <c r="BM1595" s="53"/>
      <c r="BN1595" s="53"/>
      <c r="BO1595" s="53"/>
      <c r="BP1595" s="53"/>
      <c r="BQ1595" s="53"/>
      <c r="BR1595" s="53"/>
      <c r="BS1595" s="53"/>
      <c r="BT1595" s="53"/>
      <c r="BU1595" s="53"/>
      <c r="BV1595" s="53"/>
      <c r="BW1595" s="53"/>
      <c r="BX1595" s="53"/>
      <c r="BY1595" s="53"/>
      <c r="BZ1595" s="53"/>
      <c r="CA1595" s="53"/>
      <c r="CB1595" s="53"/>
      <c r="CC1595" s="53"/>
      <c r="CD1595" s="53"/>
      <c r="CE1595" s="53"/>
      <c r="CF1595" s="53"/>
      <c r="CG1595" s="53"/>
      <c r="CH1595" s="53"/>
      <c r="CI1595" s="53"/>
      <c r="CJ1595" s="53"/>
      <c r="CK1595" s="53"/>
      <c r="CL1595" s="53"/>
      <c r="CM1595" s="53"/>
      <c r="CN1595" s="53"/>
    </row>
    <row r="1596" spans="1:92" outlineLevel="1">
      <c r="A1596" s="52" t="s">
        <v>742</v>
      </c>
      <c r="B1596" s="53"/>
      <c r="C1596" s="53"/>
      <c r="D1596" s="53"/>
      <c r="E1596" s="53"/>
      <c r="F1596" s="53"/>
      <c r="G1596" s="53"/>
      <c r="H1596" s="53"/>
      <c r="I1596" s="53"/>
      <c r="J1596" s="53"/>
      <c r="K1596" s="53"/>
      <c r="L1596" s="53"/>
      <c r="M1596" s="53"/>
      <c r="N1596" s="53"/>
      <c r="O1596" s="53"/>
      <c r="P1596" s="53"/>
      <c r="Q1596" s="53"/>
      <c r="R1596" s="53"/>
      <c r="S1596" s="53"/>
      <c r="T1596" s="53"/>
      <c r="U1596" s="53"/>
      <c r="V1596" s="53"/>
      <c r="W1596" s="53"/>
      <c r="X1596" s="53"/>
      <c r="Y1596" s="53"/>
      <c r="Z1596" s="53"/>
      <c r="AA1596" s="53"/>
      <c r="AB1596" s="53"/>
      <c r="AC1596" s="53"/>
      <c r="AD1596" s="53"/>
      <c r="AE1596" s="53"/>
      <c r="AF1596" s="53"/>
      <c r="AG1596" s="53"/>
      <c r="AH1596" s="53"/>
      <c r="AI1596" s="53"/>
      <c r="AJ1596" s="53"/>
      <c r="AK1596" s="53"/>
      <c r="AL1596" s="53"/>
      <c r="AM1596" s="53"/>
      <c r="AN1596" s="53"/>
      <c r="AO1596" s="53"/>
      <c r="AP1596" s="53"/>
      <c r="AQ1596" s="53"/>
      <c r="AR1596" s="53"/>
      <c r="AS1596" s="53"/>
      <c r="AT1596" s="53"/>
      <c r="AU1596" s="53"/>
      <c r="AV1596" s="53"/>
      <c r="AW1596" s="53"/>
      <c r="AX1596" s="53"/>
      <c r="AY1596" s="53"/>
      <c r="AZ1596" s="53"/>
      <c r="BA1596" s="53"/>
      <c r="BB1596" s="53"/>
      <c r="BC1596" s="53"/>
      <c r="BD1596" s="53"/>
      <c r="BE1596" s="53"/>
      <c r="BF1596" s="53"/>
      <c r="BG1596" s="53"/>
      <c r="BH1596" s="53"/>
      <c r="BI1596" s="53"/>
      <c r="BJ1596" s="53"/>
      <c r="BK1596" s="53"/>
      <c r="BL1596" s="53"/>
      <c r="BM1596" s="53"/>
      <c r="BN1596" s="53"/>
      <c r="BO1596" s="53"/>
      <c r="BP1596" s="53"/>
      <c r="BQ1596" s="53"/>
      <c r="BR1596" s="53"/>
      <c r="BS1596" s="53"/>
      <c r="BT1596" s="53"/>
      <c r="BU1596" s="53"/>
      <c r="BV1596" s="53"/>
      <c r="BW1596" s="53"/>
      <c r="BX1596" s="53"/>
      <c r="BY1596" s="53"/>
      <c r="BZ1596" s="53"/>
      <c r="CA1596" s="53"/>
      <c r="CB1596" s="53">
        <v>-5.4569682106375603E-9</v>
      </c>
      <c r="CC1596" s="53">
        <v>-9.0949470177292807E-9</v>
      </c>
      <c r="CD1596" s="53">
        <v>-1.2732925824820899E-8</v>
      </c>
      <c r="CE1596" s="53"/>
      <c r="CF1596" s="53">
        <v>-2.1827872842550202E-8</v>
      </c>
      <c r="CG1596" s="53">
        <v>-4.0017766878008803E-8</v>
      </c>
      <c r="CH1596" s="53">
        <v>1.0913936421275101E-8</v>
      </c>
      <c r="CI1596" s="53">
        <v>-1.4551915228366801E-8</v>
      </c>
      <c r="CJ1596" s="53">
        <v>-3.2741809263825397E-8</v>
      </c>
      <c r="CK1596" s="53">
        <v>-9.0949470177292807E-9</v>
      </c>
      <c r="CL1596" s="53">
        <v>5.4569682106375603E-9</v>
      </c>
      <c r="CM1596" s="53">
        <v>-9.0949470177292807E-9</v>
      </c>
      <c r="CN1596" s="53">
        <v>-1.3824319466948501E-7</v>
      </c>
    </row>
    <row r="1597" spans="1:92" outlineLevel="1">
      <c r="A1597" s="52" t="s">
        <v>649</v>
      </c>
      <c r="B1597" s="53">
        <v>-47000</v>
      </c>
      <c r="C1597" s="53">
        <v>-47000</v>
      </c>
      <c r="D1597" s="53">
        <v>-47000</v>
      </c>
      <c r="E1597" s="53">
        <v>-47000</v>
      </c>
      <c r="F1597" s="53">
        <v>-47000</v>
      </c>
      <c r="G1597" s="53">
        <v>-47000</v>
      </c>
      <c r="H1597" s="53">
        <v>-47000</v>
      </c>
      <c r="I1597" s="53">
        <v>-47000</v>
      </c>
      <c r="J1597" s="53">
        <v>-47000</v>
      </c>
      <c r="K1597" s="53">
        <v>-47000</v>
      </c>
      <c r="L1597" s="53">
        <v>-47000</v>
      </c>
      <c r="M1597" s="53">
        <v>-47000</v>
      </c>
      <c r="N1597" s="53">
        <v>-564000</v>
      </c>
      <c r="O1597" s="53">
        <v>-47000</v>
      </c>
      <c r="P1597" s="53">
        <v>-47000</v>
      </c>
      <c r="Q1597" s="53">
        <v>-47000</v>
      </c>
      <c r="R1597" s="53">
        <v>-57648.148148148102</v>
      </c>
      <c r="S1597" s="53">
        <v>-57648.148148148102</v>
      </c>
      <c r="T1597" s="53">
        <v>-57648.148148148102</v>
      </c>
      <c r="U1597" s="53">
        <v>-57648.148148148102</v>
      </c>
      <c r="V1597" s="53">
        <v>-57648.148148148102</v>
      </c>
      <c r="W1597" s="53">
        <v>-57648.148148148102</v>
      </c>
      <c r="X1597" s="53">
        <v>-57648.148148148102</v>
      </c>
      <c r="Y1597" s="53">
        <v>-57648.148148148102</v>
      </c>
      <c r="Z1597" s="53">
        <v>-57648.148148148102</v>
      </c>
      <c r="AA1597" s="53">
        <v>-659833.33333333302</v>
      </c>
      <c r="AB1597" s="53">
        <v>-57648.148148148102</v>
      </c>
      <c r="AC1597" s="53">
        <v>-57648.148148148102</v>
      </c>
      <c r="AD1597" s="53">
        <v>-57648.148148148102</v>
      </c>
      <c r="AE1597" s="53">
        <v>-68296.296296296307</v>
      </c>
      <c r="AF1597" s="53">
        <v>-68296.296296296307</v>
      </c>
      <c r="AG1597" s="53">
        <v>-68296.296296296307</v>
      </c>
      <c r="AH1597" s="53">
        <v>-68296.296296296307</v>
      </c>
      <c r="AI1597" s="53">
        <v>-68296.296296296307</v>
      </c>
      <c r="AJ1597" s="53">
        <v>-68296.296296296307</v>
      </c>
      <c r="AK1597" s="53">
        <v>-68296.296296296307</v>
      </c>
      <c r="AL1597" s="53">
        <v>-68296.296296296307</v>
      </c>
      <c r="AM1597" s="53">
        <v>-68296.296296296307</v>
      </c>
      <c r="AN1597" s="53">
        <v>-787611.11111111101</v>
      </c>
      <c r="AO1597" s="53">
        <v>-68296.296296296307</v>
      </c>
      <c r="AP1597" s="53">
        <v>-68296.296296296307</v>
      </c>
      <c r="AQ1597" s="53">
        <v>-68296.296296296307</v>
      </c>
      <c r="AR1597" s="53">
        <v>-78944.444444444394</v>
      </c>
      <c r="AS1597" s="53">
        <v>-78944.444444444394</v>
      </c>
      <c r="AT1597" s="53">
        <v>-78944.444444444394</v>
      </c>
      <c r="AU1597" s="53">
        <v>-78944.444444444394</v>
      </c>
      <c r="AV1597" s="53">
        <v>-78944.444444444394</v>
      </c>
      <c r="AW1597" s="53">
        <v>-78944.444444444394</v>
      </c>
      <c r="AX1597" s="53">
        <v>-78944.444444444394</v>
      </c>
      <c r="AY1597" s="53">
        <v>-78944.444444444394</v>
      </c>
      <c r="AZ1597" s="53">
        <v>-78944.444444444394</v>
      </c>
      <c r="BA1597" s="53">
        <v>-915388.88888888794</v>
      </c>
      <c r="BB1597" s="53">
        <v>-78944.444444444394</v>
      </c>
      <c r="BC1597" s="53">
        <v>-78944.444444444394</v>
      </c>
      <c r="BD1597" s="53">
        <v>-78944.444444444394</v>
      </c>
      <c r="BE1597" s="53">
        <v>-89592.592592592599</v>
      </c>
      <c r="BF1597" s="53">
        <v>-89592.592592592599</v>
      </c>
      <c r="BG1597" s="53">
        <v>-89592.592592592599</v>
      </c>
      <c r="BH1597" s="53">
        <v>-89592.592592592599</v>
      </c>
      <c r="BI1597" s="53">
        <v>-89592.592592592599</v>
      </c>
      <c r="BJ1597" s="53">
        <v>-89592.592592592599</v>
      </c>
      <c r="BK1597" s="53">
        <v>-89592.592592592599</v>
      </c>
      <c r="BL1597" s="53">
        <v>-89592.592592592599</v>
      </c>
      <c r="BM1597" s="53">
        <v>-89592.592592592599</v>
      </c>
      <c r="BN1597" s="53">
        <v>-1043166.66666666</v>
      </c>
      <c r="BO1597" s="53">
        <v>-89592.592592592599</v>
      </c>
      <c r="BP1597" s="53">
        <v>-89592.592592592599</v>
      </c>
      <c r="BQ1597" s="53">
        <v>-89592.592592592599</v>
      </c>
      <c r="BR1597" s="53">
        <v>-100240.74074074101</v>
      </c>
      <c r="BS1597" s="53">
        <v>-100240.74074074101</v>
      </c>
      <c r="BT1597" s="53">
        <v>-100240.74074074101</v>
      </c>
      <c r="BU1597" s="53">
        <v>-53240.740740740701</v>
      </c>
      <c r="BV1597" s="53">
        <v>-53240.740740740701</v>
      </c>
      <c r="BW1597" s="53">
        <v>-53240.740740740701</v>
      </c>
      <c r="BX1597" s="53">
        <v>-53240.740740740701</v>
      </c>
      <c r="BY1597" s="53">
        <v>-53240.740740740701</v>
      </c>
      <c r="BZ1597" s="53">
        <v>-53240.740740740701</v>
      </c>
      <c r="CA1597" s="53">
        <v>-888944.44444444403</v>
      </c>
      <c r="CB1597" s="53"/>
      <c r="CC1597" s="53"/>
      <c r="CD1597" s="53"/>
      <c r="CE1597" s="53"/>
      <c r="CF1597" s="53"/>
      <c r="CG1597" s="53"/>
      <c r="CH1597" s="53"/>
      <c r="CI1597" s="53"/>
      <c r="CJ1597" s="53"/>
      <c r="CK1597" s="53"/>
      <c r="CL1597" s="53"/>
      <c r="CM1597" s="53"/>
      <c r="CN1597" s="53"/>
    </row>
    <row r="1598" spans="1:92" outlineLevel="1">
      <c r="A1598" s="52" t="s">
        <v>744</v>
      </c>
      <c r="B1598" s="53"/>
      <c r="C1598" s="53"/>
      <c r="D1598" s="53"/>
      <c r="E1598" s="53"/>
      <c r="F1598" s="53"/>
      <c r="G1598" s="53"/>
      <c r="H1598" s="53"/>
      <c r="I1598" s="53"/>
      <c r="J1598" s="53"/>
      <c r="K1598" s="53"/>
      <c r="L1598" s="53"/>
      <c r="M1598" s="53"/>
      <c r="N1598" s="53"/>
      <c r="O1598" s="53"/>
      <c r="P1598" s="53"/>
      <c r="Q1598" s="53"/>
      <c r="R1598" s="53"/>
      <c r="S1598" s="53"/>
      <c r="T1598" s="53"/>
      <c r="U1598" s="53"/>
      <c r="V1598" s="53"/>
      <c r="W1598" s="53"/>
      <c r="X1598" s="53"/>
      <c r="Y1598" s="53"/>
      <c r="Z1598" s="53"/>
      <c r="AA1598" s="53"/>
      <c r="AB1598" s="53"/>
      <c r="AC1598" s="53"/>
      <c r="AD1598" s="53"/>
      <c r="AE1598" s="53"/>
      <c r="AF1598" s="53"/>
      <c r="AG1598" s="53"/>
      <c r="AH1598" s="53"/>
      <c r="AI1598" s="53"/>
      <c r="AJ1598" s="53"/>
      <c r="AK1598" s="53"/>
      <c r="AL1598" s="53"/>
      <c r="AM1598" s="53"/>
      <c r="AN1598" s="53"/>
      <c r="AO1598" s="53"/>
      <c r="AP1598" s="53"/>
      <c r="AQ1598" s="53"/>
      <c r="AR1598" s="53"/>
      <c r="AS1598" s="53"/>
      <c r="AT1598" s="53"/>
      <c r="AU1598" s="53"/>
      <c r="AV1598" s="53"/>
      <c r="AW1598" s="53"/>
      <c r="AX1598" s="53"/>
      <c r="AY1598" s="53"/>
      <c r="AZ1598" s="53"/>
      <c r="BA1598" s="53"/>
      <c r="BB1598" s="53"/>
      <c r="BC1598" s="53"/>
      <c r="BD1598" s="53"/>
      <c r="BE1598" s="53"/>
      <c r="BF1598" s="53"/>
      <c r="BG1598" s="53"/>
      <c r="BH1598" s="53"/>
      <c r="BI1598" s="53"/>
      <c r="BJ1598" s="53"/>
      <c r="BK1598" s="53"/>
      <c r="BL1598" s="53"/>
      <c r="BM1598" s="53"/>
      <c r="BN1598" s="53"/>
      <c r="BO1598" s="53"/>
      <c r="BP1598" s="53"/>
      <c r="BQ1598" s="53"/>
      <c r="BR1598" s="53"/>
      <c r="BS1598" s="53"/>
      <c r="BT1598" s="53"/>
      <c r="BU1598" s="53"/>
      <c r="BV1598" s="53"/>
      <c r="BW1598" s="53"/>
      <c r="BX1598" s="53"/>
      <c r="BY1598" s="53"/>
      <c r="BZ1598" s="53"/>
      <c r="CA1598" s="53"/>
      <c r="CB1598" s="53"/>
      <c r="CC1598" s="53"/>
      <c r="CD1598" s="53"/>
      <c r="CE1598" s="53"/>
      <c r="CF1598" s="53"/>
      <c r="CG1598" s="53"/>
      <c r="CH1598" s="53"/>
      <c r="CI1598" s="53"/>
      <c r="CJ1598" s="53"/>
      <c r="CK1598" s="53"/>
      <c r="CL1598" s="53"/>
      <c r="CM1598" s="53"/>
      <c r="CN1598" s="53"/>
    </row>
    <row r="1599" spans="1:92" outlineLevel="1">
      <c r="A1599" s="52" t="s">
        <v>649</v>
      </c>
      <c r="B1599" s="53">
        <v>-10885</v>
      </c>
      <c r="C1599" s="53">
        <v>-10885</v>
      </c>
      <c r="D1599" s="53">
        <v>-10885</v>
      </c>
      <c r="E1599" s="53">
        <v>-10885</v>
      </c>
      <c r="F1599" s="53">
        <v>-10885</v>
      </c>
      <c r="G1599" s="53">
        <v>-10885</v>
      </c>
      <c r="H1599" s="53">
        <v>-10885</v>
      </c>
      <c r="I1599" s="53">
        <v>-10885</v>
      </c>
      <c r="J1599" s="53">
        <v>-11196</v>
      </c>
      <c r="K1599" s="53">
        <v>-11196</v>
      </c>
      <c r="L1599" s="53">
        <v>-11196</v>
      </c>
      <c r="M1599" s="53">
        <v>-11196</v>
      </c>
      <c r="N1599" s="53">
        <v>-131864</v>
      </c>
      <c r="O1599" s="53">
        <v>-11196</v>
      </c>
      <c r="P1599" s="53">
        <v>-11196</v>
      </c>
      <c r="Q1599" s="53">
        <v>-11196</v>
      </c>
      <c r="R1599" s="53">
        <v>-11196</v>
      </c>
      <c r="S1599" s="53">
        <v>-11196</v>
      </c>
      <c r="T1599" s="53">
        <v>-11196</v>
      </c>
      <c r="U1599" s="53">
        <v>-11196</v>
      </c>
      <c r="V1599" s="53">
        <v>-11196</v>
      </c>
      <c r="W1599" s="53">
        <v>-11196</v>
      </c>
      <c r="X1599" s="53">
        <v>-11196</v>
      </c>
      <c r="Y1599" s="53">
        <v>-11196</v>
      </c>
      <c r="Z1599" s="53">
        <v>-11196</v>
      </c>
      <c r="AA1599" s="53">
        <v>-134352</v>
      </c>
      <c r="AB1599" s="53">
        <v>-11196</v>
      </c>
      <c r="AC1599" s="53">
        <v>-11196</v>
      </c>
      <c r="AD1599" s="53">
        <v>-11196</v>
      </c>
      <c r="AE1599" s="53">
        <v>-11196</v>
      </c>
      <c r="AF1599" s="53">
        <v>-11196</v>
      </c>
      <c r="AG1599" s="53">
        <v>-11196</v>
      </c>
      <c r="AH1599" s="53">
        <v>-11196</v>
      </c>
      <c r="AI1599" s="53">
        <v>-11196</v>
      </c>
      <c r="AJ1599" s="53">
        <v>-11196</v>
      </c>
      <c r="AK1599" s="53">
        <v>-11196</v>
      </c>
      <c r="AL1599" s="53">
        <v>-11196</v>
      </c>
      <c r="AM1599" s="53">
        <v>-11196</v>
      </c>
      <c r="AN1599" s="53">
        <v>-134352</v>
      </c>
      <c r="AO1599" s="53">
        <v>-11196</v>
      </c>
      <c r="AP1599" s="53">
        <v>-11196</v>
      </c>
      <c r="AQ1599" s="53">
        <v>-11196</v>
      </c>
      <c r="AR1599" s="53">
        <v>-11196</v>
      </c>
      <c r="AS1599" s="53">
        <v>-11196</v>
      </c>
      <c r="AT1599" s="53">
        <v>-11196</v>
      </c>
      <c r="AU1599" s="53">
        <v>-11196</v>
      </c>
      <c r="AV1599" s="53">
        <v>-11196</v>
      </c>
      <c r="AW1599" s="53">
        <v>-11196</v>
      </c>
      <c r="AX1599" s="53">
        <v>-11196</v>
      </c>
      <c r="AY1599" s="53">
        <v>-11196</v>
      </c>
      <c r="AZ1599" s="53">
        <v>-11196</v>
      </c>
      <c r="BA1599" s="53">
        <v>-134352</v>
      </c>
      <c r="BB1599" s="53">
        <v>-11196</v>
      </c>
      <c r="BC1599" s="53">
        <v>-11196</v>
      </c>
      <c r="BD1599" s="53">
        <v>-11196</v>
      </c>
      <c r="BE1599" s="53">
        <v>-11196</v>
      </c>
      <c r="BF1599" s="53">
        <v>-11196</v>
      </c>
      <c r="BG1599" s="53">
        <v>-11196</v>
      </c>
      <c r="BH1599" s="53">
        <v>-11196</v>
      </c>
      <c r="BI1599" s="53">
        <v>-11196</v>
      </c>
      <c r="BJ1599" s="53">
        <v>-11196</v>
      </c>
      <c r="BK1599" s="53">
        <v>-11196</v>
      </c>
      <c r="BL1599" s="53">
        <v>-11196</v>
      </c>
      <c r="BM1599" s="53">
        <v>-11196</v>
      </c>
      <c r="BN1599" s="53">
        <v>-134352</v>
      </c>
      <c r="BO1599" s="53">
        <v>-11196</v>
      </c>
      <c r="BP1599" s="53">
        <v>-11196</v>
      </c>
      <c r="BQ1599" s="53">
        <v>-11196</v>
      </c>
      <c r="BR1599" s="53">
        <v>-11196</v>
      </c>
      <c r="BS1599" s="53">
        <v>-11196</v>
      </c>
      <c r="BT1599" s="53">
        <v>-11196</v>
      </c>
      <c r="BU1599" s="53">
        <v>-11196</v>
      </c>
      <c r="BV1599" s="53">
        <v>-11196</v>
      </c>
      <c r="BW1599" s="53">
        <v>-11196</v>
      </c>
      <c r="BX1599" s="53">
        <v>-11196</v>
      </c>
      <c r="BY1599" s="53">
        <v>-11196</v>
      </c>
      <c r="BZ1599" s="53">
        <v>-11196</v>
      </c>
      <c r="CA1599" s="53">
        <v>-134352</v>
      </c>
      <c r="CB1599" s="53"/>
      <c r="CC1599" s="53"/>
      <c r="CD1599" s="53"/>
      <c r="CE1599" s="53"/>
      <c r="CF1599" s="53"/>
      <c r="CG1599" s="53"/>
      <c r="CH1599" s="53"/>
      <c r="CI1599" s="53"/>
      <c r="CJ1599" s="53"/>
      <c r="CK1599" s="53"/>
      <c r="CL1599" s="53"/>
      <c r="CM1599" s="53"/>
      <c r="CN1599" s="53"/>
    </row>
    <row r="1600" spans="1:92" outlineLevel="1">
      <c r="A1600" s="52" t="s">
        <v>745</v>
      </c>
      <c r="B1600" s="53"/>
      <c r="C1600" s="53"/>
      <c r="D1600" s="53"/>
      <c r="E1600" s="53"/>
      <c r="F1600" s="53"/>
      <c r="G1600" s="53"/>
      <c r="H1600" s="53"/>
      <c r="I1600" s="53"/>
      <c r="J1600" s="53"/>
      <c r="K1600" s="53"/>
      <c r="L1600" s="53"/>
      <c r="M1600" s="53"/>
      <c r="N1600" s="53"/>
      <c r="O1600" s="53"/>
      <c r="P1600" s="53"/>
      <c r="Q1600" s="53"/>
      <c r="R1600" s="53"/>
      <c r="S1600" s="53"/>
      <c r="T1600" s="53"/>
      <c r="U1600" s="53"/>
      <c r="V1600" s="53"/>
      <c r="W1600" s="53"/>
      <c r="X1600" s="53"/>
      <c r="Y1600" s="53"/>
      <c r="Z1600" s="53"/>
      <c r="AA1600" s="53"/>
      <c r="AB1600" s="53"/>
      <c r="AC1600" s="53"/>
      <c r="AD1600" s="53"/>
      <c r="AE1600" s="53"/>
      <c r="AF1600" s="53"/>
      <c r="AG1600" s="53"/>
      <c r="AH1600" s="53"/>
      <c r="AI1600" s="53"/>
      <c r="AJ1600" s="53"/>
      <c r="AK1600" s="53"/>
      <c r="AL1600" s="53"/>
      <c r="AM1600" s="53"/>
      <c r="AN1600" s="53"/>
      <c r="AO1600" s="53"/>
      <c r="AP1600" s="53"/>
      <c r="AQ1600" s="53"/>
      <c r="AR1600" s="53"/>
      <c r="AS1600" s="53"/>
      <c r="AT1600" s="53"/>
      <c r="AU1600" s="53"/>
      <c r="AV1600" s="53"/>
      <c r="AW1600" s="53"/>
      <c r="AX1600" s="53"/>
      <c r="AY1600" s="53"/>
      <c r="AZ1600" s="53"/>
      <c r="BA1600" s="53"/>
      <c r="BB1600" s="53"/>
      <c r="BC1600" s="53"/>
      <c r="BD1600" s="53"/>
      <c r="BE1600" s="53"/>
      <c r="BF1600" s="53"/>
      <c r="BG1600" s="53"/>
      <c r="BH1600" s="53"/>
      <c r="BI1600" s="53"/>
      <c r="BJ1600" s="53"/>
      <c r="BK1600" s="53"/>
      <c r="BL1600" s="53"/>
      <c r="BM1600" s="53"/>
      <c r="BN1600" s="53"/>
      <c r="BO1600" s="53"/>
      <c r="BP1600" s="53"/>
      <c r="BQ1600" s="53"/>
      <c r="BR1600" s="53"/>
      <c r="BS1600" s="53"/>
      <c r="BT1600" s="53"/>
      <c r="BU1600" s="53"/>
      <c r="BV1600" s="53"/>
      <c r="BW1600" s="53"/>
      <c r="BX1600" s="53"/>
      <c r="BY1600" s="53"/>
      <c r="BZ1600" s="53"/>
      <c r="CA1600" s="53"/>
      <c r="CB1600" s="53">
        <v>-84849019.661116406</v>
      </c>
      <c r="CC1600" s="53">
        <v>-80638335.8186225</v>
      </c>
      <c r="CD1600" s="53">
        <v>-141855068.726616</v>
      </c>
      <c r="CE1600" s="53">
        <v>-65071067.381324001</v>
      </c>
      <c r="CF1600" s="53">
        <v>-64583708.528266102</v>
      </c>
      <c r="CG1600" s="53">
        <v>-533105490.71989799</v>
      </c>
      <c r="CH1600" s="53">
        <v>-84941868.224685207</v>
      </c>
      <c r="CI1600" s="53">
        <v>-81106711.098046094</v>
      </c>
      <c r="CJ1600" s="53">
        <v>-156861231.42036501</v>
      </c>
      <c r="CK1600" s="53">
        <v>-80791442.160578594</v>
      </c>
      <c r="CL1600" s="53">
        <v>-120740389.49302</v>
      </c>
      <c r="CM1600" s="53">
        <v>-659426696.48250401</v>
      </c>
      <c r="CN1600" s="53">
        <v>-2153971029.7150402</v>
      </c>
    </row>
    <row r="1601" spans="1:92" outlineLevel="1">
      <c r="A1601" s="52" t="s">
        <v>1225</v>
      </c>
      <c r="B1601" s="53"/>
      <c r="C1601" s="53"/>
      <c r="D1601" s="53"/>
      <c r="E1601" s="53"/>
      <c r="F1601" s="53"/>
      <c r="G1601" s="53"/>
      <c r="H1601" s="53"/>
      <c r="I1601" s="53"/>
      <c r="J1601" s="53"/>
      <c r="K1601" s="53"/>
      <c r="L1601" s="53"/>
      <c r="M1601" s="53"/>
      <c r="N1601" s="53"/>
      <c r="O1601" s="53"/>
      <c r="P1601" s="53"/>
      <c r="Q1601" s="53"/>
      <c r="R1601" s="53"/>
      <c r="S1601" s="53"/>
      <c r="T1601" s="53"/>
      <c r="U1601" s="53"/>
      <c r="V1601" s="53"/>
      <c r="W1601" s="53"/>
      <c r="X1601" s="53"/>
      <c r="Y1601" s="53"/>
      <c r="Z1601" s="53"/>
      <c r="AA1601" s="53"/>
      <c r="AB1601" s="53"/>
      <c r="AC1601" s="53"/>
      <c r="AD1601" s="53"/>
      <c r="AE1601" s="53"/>
      <c r="AF1601" s="53"/>
      <c r="AG1601" s="53"/>
      <c r="AH1601" s="53"/>
      <c r="AI1601" s="53"/>
      <c r="AJ1601" s="53"/>
      <c r="AK1601" s="53"/>
      <c r="AL1601" s="53"/>
      <c r="AM1601" s="53"/>
      <c r="AN1601" s="53"/>
      <c r="AO1601" s="53"/>
      <c r="AP1601" s="53"/>
      <c r="AQ1601" s="53"/>
      <c r="AR1601" s="53"/>
      <c r="AS1601" s="53"/>
      <c r="AT1601" s="53"/>
      <c r="AU1601" s="53"/>
      <c r="AV1601" s="53"/>
      <c r="AW1601" s="53"/>
      <c r="AX1601" s="53"/>
      <c r="AY1601" s="53"/>
      <c r="AZ1601" s="53"/>
      <c r="BA1601" s="53"/>
      <c r="BB1601" s="53"/>
      <c r="BC1601" s="53"/>
      <c r="BD1601" s="53"/>
      <c r="BE1601" s="53"/>
      <c r="BF1601" s="53"/>
      <c r="BG1601" s="53"/>
      <c r="BH1601" s="53"/>
      <c r="BI1601" s="53"/>
      <c r="BJ1601" s="53"/>
      <c r="BK1601" s="53"/>
      <c r="BL1601" s="53"/>
      <c r="BM1601" s="53"/>
      <c r="BN1601" s="53"/>
      <c r="BO1601" s="53"/>
      <c r="BP1601" s="53"/>
      <c r="BQ1601" s="53"/>
      <c r="BR1601" s="53"/>
      <c r="BS1601" s="53"/>
      <c r="BT1601" s="53"/>
      <c r="BU1601" s="53"/>
      <c r="BV1601" s="53"/>
      <c r="BW1601" s="53"/>
      <c r="BX1601" s="53"/>
      <c r="BY1601" s="53"/>
      <c r="BZ1601" s="53"/>
      <c r="CA1601" s="53"/>
      <c r="CB1601" s="53"/>
      <c r="CC1601" s="53"/>
      <c r="CD1601" s="53"/>
      <c r="CE1601" s="53"/>
      <c r="CF1601" s="53"/>
      <c r="CG1601" s="53"/>
      <c r="CH1601" s="53"/>
      <c r="CI1601" s="53"/>
      <c r="CJ1601" s="53"/>
      <c r="CK1601" s="53"/>
      <c r="CL1601" s="53"/>
      <c r="CM1601" s="53"/>
      <c r="CN1601" s="53"/>
    </row>
    <row r="1602" spans="1:92" outlineLevel="1">
      <c r="A1602" s="52" t="s">
        <v>649</v>
      </c>
      <c r="B1602" s="53">
        <v>-22991564.399999999</v>
      </c>
      <c r="C1602" s="53">
        <v>-34302451.090000004</v>
      </c>
      <c r="D1602" s="53">
        <v>-37866581.869999997</v>
      </c>
      <c r="E1602" s="53">
        <v>-12588353.9099999</v>
      </c>
      <c r="F1602" s="53">
        <v>-16039955.51</v>
      </c>
      <c r="G1602" s="53">
        <v>-32420786.439999901</v>
      </c>
      <c r="H1602" s="53">
        <v>-44359930.909999996</v>
      </c>
      <c r="I1602" s="53">
        <v>-28158787.2999999</v>
      </c>
      <c r="J1602" s="53">
        <v>-40371437.859999999</v>
      </c>
      <c r="K1602" s="53">
        <v>-25430191.949999999</v>
      </c>
      <c r="L1602" s="53">
        <v>-29146212</v>
      </c>
      <c r="M1602" s="53">
        <v>-39996699.909999996</v>
      </c>
      <c r="N1602" s="53">
        <v>-363672953.14999998</v>
      </c>
      <c r="O1602" s="53">
        <v>-44989931.859999999</v>
      </c>
      <c r="P1602" s="53"/>
      <c r="Q1602" s="53"/>
      <c r="R1602" s="53"/>
      <c r="S1602" s="53"/>
      <c r="T1602" s="53"/>
      <c r="U1602" s="53"/>
      <c r="V1602" s="53"/>
      <c r="W1602" s="53"/>
      <c r="X1602" s="53"/>
      <c r="Y1602" s="53"/>
      <c r="Z1602" s="53"/>
      <c r="AA1602" s="53">
        <v>-44989931.859999999</v>
      </c>
      <c r="AB1602" s="53"/>
      <c r="AC1602" s="53"/>
      <c r="AD1602" s="53"/>
      <c r="AE1602" s="53"/>
      <c r="AF1602" s="53"/>
      <c r="AG1602" s="53"/>
      <c r="AH1602" s="53"/>
      <c r="AI1602" s="53"/>
      <c r="AJ1602" s="53"/>
      <c r="AK1602" s="53"/>
      <c r="AL1602" s="53"/>
      <c r="AM1602" s="53"/>
      <c r="AN1602" s="53"/>
      <c r="AO1602" s="53"/>
      <c r="AP1602" s="53"/>
      <c r="AQ1602" s="53"/>
      <c r="AR1602" s="53"/>
      <c r="AS1602" s="53"/>
      <c r="AT1602" s="53"/>
      <c r="AU1602" s="53"/>
      <c r="AV1602" s="53"/>
      <c r="AW1602" s="53"/>
      <c r="AX1602" s="53"/>
      <c r="AY1602" s="53"/>
      <c r="AZ1602" s="53"/>
      <c r="BA1602" s="53"/>
      <c r="BB1602" s="53"/>
      <c r="BC1602" s="53"/>
      <c r="BD1602" s="53"/>
      <c r="BE1602" s="53"/>
      <c r="BF1602" s="53"/>
      <c r="BG1602" s="53"/>
      <c r="BH1602" s="53"/>
      <c r="BI1602" s="53"/>
      <c r="BJ1602" s="53"/>
      <c r="BK1602" s="53"/>
      <c r="BL1602" s="53"/>
      <c r="BM1602" s="53"/>
      <c r="BN1602" s="53"/>
      <c r="BO1602" s="53"/>
      <c r="BP1602" s="53"/>
      <c r="BQ1602" s="53"/>
      <c r="BR1602" s="53"/>
      <c r="BS1602" s="53"/>
      <c r="BT1602" s="53"/>
      <c r="BU1602" s="53"/>
      <c r="BV1602" s="53"/>
      <c r="BW1602" s="53"/>
      <c r="BX1602" s="53"/>
      <c r="BY1602" s="53"/>
      <c r="BZ1602" s="53"/>
      <c r="CA1602" s="53"/>
      <c r="CB1602" s="53"/>
      <c r="CC1602" s="53"/>
      <c r="CD1602" s="53"/>
      <c r="CE1602" s="53"/>
      <c r="CF1602" s="53"/>
      <c r="CG1602" s="53"/>
      <c r="CH1602" s="53"/>
      <c r="CI1602" s="53"/>
      <c r="CJ1602" s="53"/>
      <c r="CK1602" s="53"/>
      <c r="CL1602" s="53"/>
      <c r="CM1602" s="53"/>
      <c r="CN1602" s="53"/>
    </row>
    <row r="1603" spans="1:92" outlineLevel="1">
      <c r="A1603" s="52" t="s">
        <v>1222</v>
      </c>
      <c r="B1603" s="53"/>
      <c r="C1603" s="53"/>
      <c r="D1603" s="53"/>
      <c r="E1603" s="53"/>
      <c r="F1603" s="53"/>
      <c r="G1603" s="53"/>
      <c r="H1603" s="53"/>
      <c r="I1603" s="53"/>
      <c r="J1603" s="53"/>
      <c r="K1603" s="53"/>
      <c r="L1603" s="53"/>
      <c r="M1603" s="53"/>
      <c r="N1603" s="53"/>
      <c r="O1603" s="53"/>
      <c r="P1603" s="53"/>
      <c r="Q1603" s="53"/>
      <c r="R1603" s="53"/>
      <c r="S1603" s="53"/>
      <c r="T1603" s="53"/>
      <c r="U1603" s="53"/>
      <c r="V1603" s="53"/>
      <c r="W1603" s="53"/>
      <c r="X1603" s="53"/>
      <c r="Y1603" s="53"/>
      <c r="Z1603" s="53"/>
      <c r="AA1603" s="53"/>
      <c r="AB1603" s="53"/>
      <c r="AC1603" s="53"/>
      <c r="AD1603" s="53"/>
      <c r="AE1603" s="53"/>
      <c r="AF1603" s="53"/>
      <c r="AG1603" s="53"/>
      <c r="AH1603" s="53"/>
      <c r="AI1603" s="53"/>
      <c r="AJ1603" s="53"/>
      <c r="AK1603" s="53"/>
      <c r="AL1603" s="53"/>
      <c r="AM1603" s="53"/>
      <c r="AN1603" s="53"/>
      <c r="AO1603" s="53"/>
      <c r="AP1603" s="53"/>
      <c r="AQ1603" s="53"/>
      <c r="AR1603" s="53"/>
      <c r="AS1603" s="53"/>
      <c r="AT1603" s="53"/>
      <c r="AU1603" s="53"/>
      <c r="AV1603" s="53"/>
      <c r="AW1603" s="53"/>
      <c r="AX1603" s="53"/>
      <c r="AY1603" s="53"/>
      <c r="AZ1603" s="53"/>
      <c r="BA1603" s="53"/>
      <c r="BB1603" s="53"/>
      <c r="BC1603" s="53"/>
      <c r="BD1603" s="53"/>
      <c r="BE1603" s="53"/>
      <c r="BF1603" s="53"/>
      <c r="BG1603" s="53"/>
      <c r="BH1603" s="53"/>
      <c r="BI1603" s="53"/>
      <c r="BJ1603" s="53"/>
      <c r="BK1603" s="53"/>
      <c r="BL1603" s="53"/>
      <c r="BM1603" s="53"/>
      <c r="BN1603" s="53"/>
      <c r="BO1603" s="53"/>
      <c r="BP1603" s="53"/>
      <c r="BQ1603" s="53"/>
      <c r="BR1603" s="53"/>
      <c r="BS1603" s="53"/>
      <c r="BT1603" s="53"/>
      <c r="BU1603" s="53"/>
      <c r="BV1603" s="53"/>
      <c r="BW1603" s="53"/>
      <c r="BX1603" s="53"/>
      <c r="BY1603" s="53"/>
      <c r="BZ1603" s="53"/>
      <c r="CA1603" s="53"/>
      <c r="CB1603" s="53">
        <v>-84849019.661116302</v>
      </c>
      <c r="CC1603" s="53">
        <v>-80638335.818622395</v>
      </c>
      <c r="CD1603" s="53">
        <v>-141855068.726616</v>
      </c>
      <c r="CE1603" s="53">
        <v>-65071067.381324001</v>
      </c>
      <c r="CF1603" s="53">
        <v>-64583708.528266102</v>
      </c>
      <c r="CG1603" s="53">
        <v>-533105490.71989799</v>
      </c>
      <c r="CH1603" s="53">
        <v>-84941868.224685103</v>
      </c>
      <c r="CI1603" s="53">
        <v>-81106711.098046005</v>
      </c>
      <c r="CJ1603" s="53">
        <v>-156861231.42036501</v>
      </c>
      <c r="CK1603" s="53">
        <v>-80791442.160578504</v>
      </c>
      <c r="CL1603" s="53">
        <v>-120740389.49302</v>
      </c>
      <c r="CM1603" s="53">
        <v>-659426696.48250496</v>
      </c>
      <c r="CN1603" s="53">
        <v>-2153971029.7150402</v>
      </c>
    </row>
    <row r="1604" spans="1:92" outlineLevel="1">
      <c r="A1604" s="52" t="s">
        <v>649</v>
      </c>
      <c r="B1604" s="53"/>
      <c r="C1604" s="53"/>
      <c r="D1604" s="53"/>
      <c r="E1604" s="53"/>
      <c r="F1604" s="53"/>
      <c r="G1604" s="53"/>
      <c r="H1604" s="53"/>
      <c r="I1604" s="53"/>
      <c r="J1604" s="53"/>
      <c r="K1604" s="53"/>
      <c r="L1604" s="53"/>
      <c r="M1604" s="53"/>
      <c r="N1604" s="53"/>
      <c r="O1604" s="53"/>
      <c r="P1604" s="53">
        <v>-1189666.97029785</v>
      </c>
      <c r="Q1604" s="53">
        <v>-2233349.8897617199</v>
      </c>
      <c r="R1604" s="53">
        <v>-179387.54782046899</v>
      </c>
      <c r="S1604" s="53">
        <v>-1033052.38650028</v>
      </c>
      <c r="T1604" s="53">
        <v>-2076362.0680704</v>
      </c>
      <c r="U1604" s="53">
        <v>-2249648.3520378801</v>
      </c>
      <c r="V1604" s="53">
        <v>-3297603.1986955102</v>
      </c>
      <c r="W1604" s="53">
        <v>-4349358.0009448398</v>
      </c>
      <c r="X1604" s="53">
        <v>-4557024.1327773901</v>
      </c>
      <c r="Y1604" s="53">
        <v>-5613510.6354678497</v>
      </c>
      <c r="Z1604" s="53">
        <v>-6673966.4049185701</v>
      </c>
      <c r="AA1604" s="53">
        <v>-33452929.587292701</v>
      </c>
      <c r="AB1604" s="53">
        <v>-6665560.7110996898</v>
      </c>
      <c r="AC1604" s="53">
        <v>-7903196.5122474199</v>
      </c>
      <c r="AD1604" s="53">
        <v>-8994305.0694999602</v>
      </c>
      <c r="AE1604" s="53">
        <v>-9640693.4855225701</v>
      </c>
      <c r="AF1604" s="53">
        <v>-10543825.307235699</v>
      </c>
      <c r="AG1604" s="53">
        <v>-11646861.093870901</v>
      </c>
      <c r="AH1604" s="53">
        <v>-11842252.917847799</v>
      </c>
      <c r="AI1604" s="53">
        <v>-12946880.624033101</v>
      </c>
      <c r="AJ1604" s="53">
        <v>-14055242.750561099</v>
      </c>
      <c r="AK1604" s="53">
        <v>-14282564.3204113</v>
      </c>
      <c r="AL1604" s="53">
        <v>-15395441.999409299</v>
      </c>
      <c r="AM1604" s="53">
        <v>-16514879.670560701</v>
      </c>
      <c r="AN1604" s="53">
        <v>-140431704.4623</v>
      </c>
      <c r="AO1604" s="53">
        <v>-16513815.966390001</v>
      </c>
      <c r="AP1604" s="53">
        <v>-17633676.896308299</v>
      </c>
      <c r="AQ1604" s="53">
        <v>-18756596.925441898</v>
      </c>
      <c r="AR1604" s="53">
        <v>-19415172.210011199</v>
      </c>
      <c r="AS1604" s="53">
        <v>-20346295.839072201</v>
      </c>
      <c r="AT1604" s="53">
        <v>-21479561.534265298</v>
      </c>
      <c r="AU1604" s="53">
        <v>-21712692.5097069</v>
      </c>
      <c r="AV1604" s="53">
        <v>-22846867.133390199</v>
      </c>
      <c r="AW1604" s="53">
        <v>-23984117.645277999</v>
      </c>
      <c r="AX1604" s="53">
        <v>-24219085.231812298</v>
      </c>
      <c r="AY1604" s="53">
        <v>-25360057.2071984</v>
      </c>
      <c r="AZ1604" s="53">
        <v>-26506920.252508398</v>
      </c>
      <c r="BA1604" s="53">
        <v>-258774859.351383</v>
      </c>
      <c r="BB1604" s="53">
        <v>-26507151.8803395</v>
      </c>
      <c r="BC1604" s="53">
        <v>-27653006.958791699</v>
      </c>
      <c r="BD1604" s="53">
        <v>-28801921.730377302</v>
      </c>
      <c r="BE1604" s="53">
        <v>-29475718.909522198</v>
      </c>
      <c r="BF1604" s="53">
        <v>-30428569.385194398</v>
      </c>
      <c r="BG1604" s="53">
        <v>-31587884.503713001</v>
      </c>
      <c r="BH1604" s="53">
        <v>-31827302.641490199</v>
      </c>
      <c r="BI1604" s="53">
        <v>-32987556.006354</v>
      </c>
      <c r="BJ1604" s="53">
        <v>-34150907.511043899</v>
      </c>
      <c r="BK1604" s="53">
        <v>-34392181.504638001</v>
      </c>
      <c r="BL1604" s="53">
        <v>-35559283.678215101</v>
      </c>
      <c r="BM1604" s="53">
        <v>-36732298.968410604</v>
      </c>
      <c r="BN1604" s="53">
        <v>-380103783.67808998</v>
      </c>
      <c r="BO1604" s="53">
        <v>-36733670.199525297</v>
      </c>
      <c r="BP1604" s="53">
        <v>-37906832.402995303</v>
      </c>
      <c r="BQ1604" s="53">
        <v>-39083127.215820402</v>
      </c>
      <c r="BR1604" s="53">
        <v>-39773981.380675599</v>
      </c>
      <c r="BS1604" s="53">
        <v>-40749765.333554</v>
      </c>
      <c r="BT1604" s="53">
        <v>-41936640.387849197</v>
      </c>
      <c r="BU1604" s="53">
        <v>-42182807.076667197</v>
      </c>
      <c r="BV1604" s="53">
        <v>-43370711.988754399</v>
      </c>
      <c r="BW1604" s="53">
        <v>-44561788.876574799</v>
      </c>
      <c r="BX1604" s="53">
        <v>-44809871.6395832</v>
      </c>
      <c r="BY1604" s="53">
        <v>-46004791.4103164</v>
      </c>
      <c r="BZ1604" s="53">
        <v>-47205698.576966099</v>
      </c>
      <c r="CA1604" s="53">
        <v>-504319686.48928201</v>
      </c>
      <c r="CB1604" s="53"/>
      <c r="CC1604" s="53"/>
      <c r="CD1604" s="53"/>
      <c r="CE1604" s="53"/>
      <c r="CF1604" s="53"/>
      <c r="CG1604" s="53"/>
      <c r="CH1604" s="53"/>
      <c r="CI1604" s="53"/>
      <c r="CJ1604" s="53"/>
      <c r="CK1604" s="53"/>
      <c r="CL1604" s="53"/>
      <c r="CM1604" s="53"/>
      <c r="CN1604" s="53"/>
    </row>
    <row r="1605" spans="1:92" outlineLevel="1">
      <c r="A1605" s="52" t="s">
        <v>1223</v>
      </c>
      <c r="B1605" s="53"/>
      <c r="C1605" s="53"/>
      <c r="D1605" s="53"/>
      <c r="E1605" s="53"/>
      <c r="F1605" s="53"/>
      <c r="G1605" s="53"/>
      <c r="H1605" s="53"/>
      <c r="I1605" s="53"/>
      <c r="J1605" s="53"/>
      <c r="K1605" s="53"/>
      <c r="L1605" s="53"/>
      <c r="M1605" s="53"/>
      <c r="N1605" s="53"/>
      <c r="O1605" s="53"/>
      <c r="P1605" s="53"/>
      <c r="Q1605" s="53"/>
      <c r="R1605" s="53"/>
      <c r="S1605" s="53"/>
      <c r="T1605" s="53"/>
      <c r="U1605" s="53"/>
      <c r="V1605" s="53"/>
      <c r="W1605" s="53"/>
      <c r="X1605" s="53"/>
      <c r="Y1605" s="53"/>
      <c r="Z1605" s="53"/>
      <c r="AA1605" s="53"/>
      <c r="AB1605" s="53"/>
      <c r="AC1605" s="53"/>
      <c r="AD1605" s="53"/>
      <c r="AE1605" s="53"/>
      <c r="AF1605" s="53"/>
      <c r="AG1605" s="53"/>
      <c r="AH1605" s="53"/>
      <c r="AI1605" s="53"/>
      <c r="AJ1605" s="53"/>
      <c r="AK1605" s="53"/>
      <c r="AL1605" s="53"/>
      <c r="AM1605" s="53"/>
      <c r="AN1605" s="53"/>
      <c r="AO1605" s="53"/>
      <c r="AP1605" s="53"/>
      <c r="AQ1605" s="53"/>
      <c r="AR1605" s="53"/>
      <c r="AS1605" s="53"/>
      <c r="AT1605" s="53"/>
      <c r="AU1605" s="53"/>
      <c r="AV1605" s="53"/>
      <c r="AW1605" s="53"/>
      <c r="AX1605" s="53"/>
      <c r="AY1605" s="53"/>
      <c r="AZ1605" s="53"/>
      <c r="BA1605" s="53"/>
      <c r="BB1605" s="53"/>
      <c r="BC1605" s="53"/>
      <c r="BD1605" s="53"/>
      <c r="BE1605" s="53"/>
      <c r="BF1605" s="53"/>
      <c r="BG1605" s="53"/>
      <c r="BH1605" s="53"/>
      <c r="BI1605" s="53"/>
      <c r="BJ1605" s="53"/>
      <c r="BK1605" s="53"/>
      <c r="BL1605" s="53"/>
      <c r="BM1605" s="53"/>
      <c r="BN1605" s="53"/>
      <c r="BO1605" s="53"/>
      <c r="BP1605" s="53"/>
      <c r="BQ1605" s="53"/>
      <c r="BR1605" s="53"/>
      <c r="BS1605" s="53"/>
      <c r="BT1605" s="53"/>
      <c r="BU1605" s="53"/>
      <c r="BV1605" s="53"/>
      <c r="BW1605" s="53"/>
      <c r="BX1605" s="53"/>
      <c r="BY1605" s="53"/>
      <c r="BZ1605" s="53"/>
      <c r="CA1605" s="53"/>
      <c r="CB1605" s="53">
        <v>15710272.7989663</v>
      </c>
      <c r="CC1605" s="53">
        <v>17399396.434068099</v>
      </c>
      <c r="CD1605" s="53">
        <v>21624700.480832901</v>
      </c>
      <c r="CE1605" s="53">
        <v>15896218.8440332</v>
      </c>
      <c r="CF1605" s="53">
        <v>15827346.7604503</v>
      </c>
      <c r="CG1605" s="53">
        <v>27659435.681952599</v>
      </c>
      <c r="CH1605" s="53">
        <v>16288409.9248577</v>
      </c>
      <c r="CI1605" s="53">
        <v>15840655.745694</v>
      </c>
      <c r="CJ1605" s="53">
        <v>21441702.350702502</v>
      </c>
      <c r="CK1605" s="53">
        <v>15825382.0499967</v>
      </c>
      <c r="CL1605" s="53">
        <v>19499496.825794902</v>
      </c>
      <c r="CM1605" s="53">
        <v>80831761.358135104</v>
      </c>
      <c r="CN1605" s="53">
        <v>283844779.25548398</v>
      </c>
    </row>
    <row r="1606" spans="1:92" outlineLevel="1">
      <c r="A1606" s="52" t="s">
        <v>649</v>
      </c>
      <c r="B1606" s="53"/>
      <c r="C1606" s="53"/>
      <c r="D1606" s="53"/>
      <c r="E1606" s="53"/>
      <c r="F1606" s="53"/>
      <c r="G1606" s="53"/>
      <c r="H1606" s="53"/>
      <c r="I1606" s="53"/>
      <c r="J1606" s="53"/>
      <c r="K1606" s="53"/>
      <c r="L1606" s="53"/>
      <c r="M1606" s="53"/>
      <c r="N1606" s="53"/>
      <c r="O1606" s="53"/>
      <c r="P1606" s="53"/>
      <c r="Q1606" s="53"/>
      <c r="R1606" s="53"/>
      <c r="S1606" s="53"/>
      <c r="T1606" s="53"/>
      <c r="U1606" s="53"/>
      <c r="V1606" s="53"/>
      <c r="W1606" s="53">
        <v>-34957002.304019198</v>
      </c>
      <c r="X1606" s="53">
        <v>-97623944.7103073</v>
      </c>
      <c r="Y1606" s="53">
        <v>-240481624.42002299</v>
      </c>
      <c r="Z1606" s="53">
        <v>-60551123.303601101</v>
      </c>
      <c r="AA1606" s="53">
        <v>-433613694.73795098</v>
      </c>
      <c r="AB1606" s="53"/>
      <c r="AC1606" s="53"/>
      <c r="AD1606" s="53"/>
      <c r="AE1606" s="53"/>
      <c r="AF1606" s="53"/>
      <c r="AG1606" s="53"/>
      <c r="AH1606" s="53"/>
      <c r="AI1606" s="53"/>
      <c r="AJ1606" s="53">
        <v>-137442028.716232</v>
      </c>
      <c r="AK1606" s="53">
        <v>-239377237.91134599</v>
      </c>
      <c r="AL1606" s="53">
        <v>-393280992.26323497</v>
      </c>
      <c r="AM1606" s="53">
        <v>-193048441.87334099</v>
      </c>
      <c r="AN1606" s="53">
        <v>-963148700.76415598</v>
      </c>
      <c r="AO1606" s="53"/>
      <c r="AP1606" s="53"/>
      <c r="AQ1606" s="53"/>
      <c r="AR1606" s="53"/>
      <c r="AS1606" s="53"/>
      <c r="AT1606" s="53"/>
      <c r="AU1606" s="53">
        <v>-233794140.86158001</v>
      </c>
      <c r="AV1606" s="53">
        <v>-227643124.22132599</v>
      </c>
      <c r="AW1606" s="53">
        <v>-280939309.93058503</v>
      </c>
      <c r="AX1606" s="53">
        <v>-341934612.80359203</v>
      </c>
      <c r="AY1606" s="53">
        <v>-384555249.98042399</v>
      </c>
      <c r="AZ1606" s="53">
        <v>-71955812.614500105</v>
      </c>
      <c r="BA1606" s="53">
        <v>-1540822250.4119999</v>
      </c>
      <c r="BB1606" s="53"/>
      <c r="BC1606" s="53"/>
      <c r="BD1606" s="53"/>
      <c r="BE1606" s="53"/>
      <c r="BF1606" s="53"/>
      <c r="BG1606" s="53"/>
      <c r="BH1606" s="53">
        <v>-233559606.438665</v>
      </c>
      <c r="BI1606" s="53">
        <v>-256509907.93695101</v>
      </c>
      <c r="BJ1606" s="53">
        <v>-316266376.39893699</v>
      </c>
      <c r="BK1606" s="53">
        <v>-290456805.72593403</v>
      </c>
      <c r="BL1606" s="53">
        <v>-345374414.50259</v>
      </c>
      <c r="BM1606" s="53">
        <v>-25961727.997004099</v>
      </c>
      <c r="BN1606" s="53">
        <v>-1468128839.0000801</v>
      </c>
      <c r="BO1606" s="53"/>
      <c r="BP1606" s="53"/>
      <c r="BQ1606" s="53"/>
      <c r="BR1606" s="53"/>
      <c r="BS1606" s="53"/>
      <c r="BT1606" s="53"/>
      <c r="BU1606" s="53">
        <v>-89413364.099600807</v>
      </c>
      <c r="BV1606" s="53">
        <v>-131321263.992834</v>
      </c>
      <c r="BW1606" s="53">
        <v>-209891225.351459</v>
      </c>
      <c r="BX1606" s="53">
        <v>-354915954.59222502</v>
      </c>
      <c r="BY1606" s="53">
        <v>-406748952.61554003</v>
      </c>
      <c r="BZ1606" s="53">
        <v>-76328665.770742998</v>
      </c>
      <c r="CA1606" s="53">
        <v>-1268619426.4224</v>
      </c>
      <c r="CB1606" s="53"/>
      <c r="CC1606" s="53"/>
      <c r="CD1606" s="53"/>
      <c r="CE1606" s="53"/>
      <c r="CF1606" s="53"/>
      <c r="CG1606" s="53"/>
      <c r="CH1606" s="53"/>
      <c r="CI1606" s="53"/>
      <c r="CJ1606" s="53"/>
      <c r="CK1606" s="53"/>
      <c r="CL1606" s="53"/>
      <c r="CM1606" s="53"/>
      <c r="CN1606" s="53"/>
    </row>
    <row r="1607" spans="1:92" outlineLevel="1">
      <c r="A1607" s="52" t="s">
        <v>1365</v>
      </c>
      <c r="B1607" s="53"/>
      <c r="C1607" s="53"/>
      <c r="D1607" s="53"/>
      <c r="E1607" s="53"/>
      <c r="F1607" s="53"/>
      <c r="G1607" s="53"/>
      <c r="H1607" s="53"/>
      <c r="I1607" s="53"/>
      <c r="J1607" s="53"/>
      <c r="K1607" s="53"/>
      <c r="L1607" s="53"/>
      <c r="M1607" s="53"/>
      <c r="N1607" s="53"/>
      <c r="O1607" s="53"/>
      <c r="P1607" s="53"/>
      <c r="Q1607" s="53"/>
      <c r="R1607" s="53"/>
      <c r="S1607" s="53"/>
      <c r="T1607" s="53"/>
      <c r="U1607" s="53"/>
      <c r="V1607" s="53"/>
      <c r="W1607" s="53"/>
      <c r="X1607" s="53"/>
      <c r="Y1607" s="53"/>
      <c r="Z1607" s="53"/>
      <c r="AA1607" s="53"/>
      <c r="AB1607" s="53"/>
      <c r="AC1607" s="53"/>
      <c r="AD1607" s="53"/>
      <c r="AE1607" s="53"/>
      <c r="AF1607" s="53"/>
      <c r="AG1607" s="53"/>
      <c r="AH1607" s="53"/>
      <c r="AI1607" s="53"/>
      <c r="AJ1607" s="53"/>
      <c r="AK1607" s="53"/>
      <c r="AL1607" s="53"/>
      <c r="AM1607" s="53"/>
      <c r="AN1607" s="53"/>
      <c r="AO1607" s="53"/>
      <c r="AP1607" s="53"/>
      <c r="AQ1607" s="53"/>
      <c r="AR1607" s="53"/>
      <c r="AS1607" s="53"/>
      <c r="AT1607" s="53"/>
      <c r="AU1607" s="53"/>
      <c r="AV1607" s="53"/>
      <c r="AW1607" s="53"/>
      <c r="AX1607" s="53"/>
      <c r="AY1607" s="53"/>
      <c r="AZ1607" s="53"/>
      <c r="BA1607" s="53"/>
      <c r="BB1607" s="53"/>
      <c r="BC1607" s="53"/>
      <c r="BD1607" s="53"/>
      <c r="BE1607" s="53"/>
      <c r="BF1607" s="53"/>
      <c r="BG1607" s="53"/>
      <c r="BH1607" s="53"/>
      <c r="BI1607" s="53"/>
      <c r="BJ1607" s="53"/>
      <c r="BK1607" s="53"/>
      <c r="BL1607" s="53"/>
      <c r="BM1607" s="53"/>
      <c r="BN1607" s="53"/>
      <c r="BO1607" s="53"/>
      <c r="BP1607" s="53"/>
      <c r="BQ1607" s="53"/>
      <c r="BR1607" s="53"/>
      <c r="BS1607" s="53"/>
      <c r="BT1607" s="53"/>
      <c r="BU1607" s="53"/>
      <c r="BV1607" s="53"/>
      <c r="BW1607" s="53"/>
      <c r="BX1607" s="53"/>
      <c r="BY1607" s="53"/>
      <c r="BZ1607" s="53"/>
      <c r="CA1607" s="53"/>
      <c r="CB1607" s="53">
        <v>-80474443.410568699</v>
      </c>
      <c r="CC1607" s="53">
        <v>-80623529.935607105</v>
      </c>
      <c r="CD1607" s="53">
        <v>-80751735.382209599</v>
      </c>
      <c r="CE1607" s="53">
        <v>-81027264.061864302</v>
      </c>
      <c r="CF1607" s="53">
        <v>-81135965.937506199</v>
      </c>
      <c r="CG1607" s="53">
        <v>-81262395.363006204</v>
      </c>
      <c r="CH1607" s="53">
        <v>-82621150.410617307</v>
      </c>
      <c r="CI1607" s="53">
        <v>-82736331.591046497</v>
      </c>
      <c r="CJ1607" s="53">
        <v>-82890714.633642107</v>
      </c>
      <c r="CK1607" s="53">
        <v>-83272056.878634393</v>
      </c>
      <c r="CL1607" s="53">
        <v>-83448116.742368206</v>
      </c>
      <c r="CM1607" s="53">
        <v>-83667274.896947399</v>
      </c>
      <c r="CN1607" s="53">
        <v>-983910979.24401796</v>
      </c>
    </row>
    <row r="1608" spans="1:92" outlineLevel="1">
      <c r="A1608" s="52" t="s">
        <v>1367</v>
      </c>
      <c r="B1608" s="53"/>
      <c r="C1608" s="53"/>
      <c r="D1608" s="53"/>
      <c r="E1608" s="53"/>
      <c r="F1608" s="53"/>
      <c r="G1608" s="53"/>
      <c r="H1608" s="53"/>
      <c r="I1608" s="53"/>
      <c r="J1608" s="53"/>
      <c r="K1608" s="53"/>
      <c r="L1608" s="53"/>
      <c r="M1608" s="53"/>
      <c r="N1608" s="53"/>
      <c r="O1608" s="53"/>
      <c r="P1608" s="53"/>
      <c r="Q1608" s="53"/>
      <c r="R1608" s="53"/>
      <c r="S1608" s="53"/>
      <c r="T1608" s="53"/>
      <c r="U1608" s="53"/>
      <c r="V1608" s="53"/>
      <c r="W1608" s="53"/>
      <c r="X1608" s="53"/>
      <c r="Y1608" s="53"/>
      <c r="Z1608" s="53"/>
      <c r="AA1608" s="53"/>
      <c r="AB1608" s="53"/>
      <c r="AC1608" s="53"/>
      <c r="AD1608" s="53"/>
      <c r="AE1608" s="53"/>
      <c r="AF1608" s="53"/>
      <c r="AG1608" s="53"/>
      <c r="AH1608" s="53"/>
      <c r="AI1608" s="53"/>
      <c r="AJ1608" s="53"/>
      <c r="AK1608" s="53"/>
      <c r="AL1608" s="53"/>
      <c r="AM1608" s="53"/>
      <c r="AN1608" s="53"/>
      <c r="AO1608" s="53"/>
      <c r="AP1608" s="53"/>
      <c r="AQ1608" s="53"/>
      <c r="AR1608" s="53"/>
      <c r="AS1608" s="53"/>
      <c r="AT1608" s="53"/>
      <c r="AU1608" s="53"/>
      <c r="AV1608" s="53"/>
      <c r="AW1608" s="53"/>
      <c r="AX1608" s="53"/>
      <c r="AY1608" s="53"/>
      <c r="AZ1608" s="53"/>
      <c r="BA1608" s="53"/>
      <c r="BB1608" s="53"/>
      <c r="BC1608" s="53"/>
      <c r="BD1608" s="53"/>
      <c r="BE1608" s="53"/>
      <c r="BF1608" s="53"/>
      <c r="BG1608" s="53"/>
      <c r="BH1608" s="53"/>
      <c r="BI1608" s="53"/>
      <c r="BJ1608" s="53"/>
      <c r="BK1608" s="53"/>
      <c r="BL1608" s="53"/>
      <c r="BM1608" s="53"/>
      <c r="BN1608" s="53"/>
      <c r="BO1608" s="53"/>
      <c r="BP1608" s="53"/>
      <c r="BQ1608" s="53"/>
      <c r="BR1608" s="53"/>
      <c r="BS1608" s="53"/>
      <c r="BT1608" s="53"/>
      <c r="BU1608" s="53"/>
      <c r="BV1608" s="53"/>
      <c r="BW1608" s="53"/>
      <c r="BX1608" s="53"/>
      <c r="BY1608" s="53"/>
      <c r="BZ1608" s="53"/>
      <c r="CA1608" s="53"/>
      <c r="CB1608" s="53"/>
      <c r="CC1608" s="53"/>
      <c r="CD1608" s="53"/>
      <c r="CE1608" s="53"/>
      <c r="CF1608" s="53"/>
      <c r="CG1608" s="53"/>
      <c r="CH1608" s="53"/>
      <c r="CI1608" s="53"/>
      <c r="CJ1608" s="53"/>
      <c r="CK1608" s="53"/>
      <c r="CL1608" s="53"/>
      <c r="CM1608" s="53"/>
      <c r="CN1608" s="53"/>
    </row>
    <row r="1609" spans="1:92" outlineLevel="1">
      <c r="A1609" s="52" t="s">
        <v>649</v>
      </c>
      <c r="B1609" s="53"/>
      <c r="C1609" s="53"/>
      <c r="D1609" s="53"/>
      <c r="E1609" s="53"/>
      <c r="F1609" s="53"/>
      <c r="G1609" s="53"/>
      <c r="H1609" s="53"/>
      <c r="I1609" s="53"/>
      <c r="J1609" s="53"/>
      <c r="K1609" s="53"/>
      <c r="L1609" s="53"/>
      <c r="M1609" s="53"/>
      <c r="N1609" s="53"/>
      <c r="O1609" s="53"/>
      <c r="P1609" s="53"/>
      <c r="Q1609" s="53"/>
      <c r="R1609" s="53"/>
      <c r="S1609" s="53"/>
      <c r="T1609" s="53"/>
      <c r="U1609" s="53"/>
      <c r="V1609" s="53"/>
      <c r="W1609" s="53"/>
      <c r="X1609" s="53"/>
      <c r="Y1609" s="53"/>
      <c r="Z1609" s="53">
        <v>-2452678.4923239001</v>
      </c>
      <c r="AA1609" s="53">
        <v>-2452678.4923239001</v>
      </c>
      <c r="AB1609" s="53"/>
      <c r="AC1609" s="53"/>
      <c r="AD1609" s="53"/>
      <c r="AE1609" s="53"/>
      <c r="AF1609" s="53"/>
      <c r="AG1609" s="53"/>
      <c r="AH1609" s="53"/>
      <c r="AI1609" s="53"/>
      <c r="AJ1609" s="53"/>
      <c r="AK1609" s="53"/>
      <c r="AL1609" s="53"/>
      <c r="AM1609" s="53">
        <v>-12211613.409646699</v>
      </c>
      <c r="AN1609" s="53">
        <v>-12211613.409646699</v>
      </c>
      <c r="AO1609" s="53"/>
      <c r="AP1609" s="53"/>
      <c r="AQ1609" s="53"/>
      <c r="AR1609" s="53"/>
      <c r="AS1609" s="53"/>
      <c r="AT1609" s="53"/>
      <c r="AU1609" s="53"/>
      <c r="AV1609" s="53"/>
      <c r="AW1609" s="53"/>
      <c r="AX1609" s="53"/>
      <c r="AY1609" s="53"/>
      <c r="AZ1609" s="53">
        <v>-1032080.95795413</v>
      </c>
      <c r="BA1609" s="53">
        <v>-1032080.95795413</v>
      </c>
      <c r="BB1609" s="53"/>
      <c r="BC1609" s="53"/>
      <c r="BD1609" s="53"/>
      <c r="BE1609" s="53"/>
      <c r="BF1609" s="53"/>
      <c r="BG1609" s="53"/>
      <c r="BH1609" s="53"/>
      <c r="BI1609" s="53"/>
      <c r="BJ1609" s="53"/>
      <c r="BK1609" s="53"/>
      <c r="BL1609" s="53"/>
      <c r="BM1609" s="53"/>
      <c r="BN1609" s="53"/>
      <c r="BO1609" s="53"/>
      <c r="BP1609" s="53"/>
      <c r="BQ1609" s="53"/>
      <c r="BR1609" s="53"/>
      <c r="BS1609" s="53"/>
      <c r="BT1609" s="53"/>
      <c r="BU1609" s="53"/>
      <c r="BV1609" s="53"/>
      <c r="BW1609" s="53"/>
      <c r="BX1609" s="53"/>
      <c r="BY1609" s="53"/>
      <c r="BZ1609" s="53">
        <v>-55635372.030196197</v>
      </c>
      <c r="CA1609" s="53">
        <v>-55635372.030196197</v>
      </c>
      <c r="CB1609" s="53"/>
      <c r="CC1609" s="53"/>
      <c r="CD1609" s="53"/>
      <c r="CE1609" s="53"/>
      <c r="CF1609" s="53"/>
      <c r="CG1609" s="53"/>
      <c r="CH1609" s="53"/>
      <c r="CI1609" s="53"/>
      <c r="CJ1609" s="53"/>
      <c r="CK1609" s="53"/>
      <c r="CL1609" s="53"/>
      <c r="CM1609" s="53"/>
      <c r="CN1609" s="53"/>
    </row>
    <row r="1610" spans="1:92" outlineLevel="1">
      <c r="A1610" s="52" t="s">
        <v>683</v>
      </c>
      <c r="B1610" s="53"/>
      <c r="C1610" s="53"/>
      <c r="D1610" s="53"/>
      <c r="E1610" s="53"/>
      <c r="F1610" s="53"/>
      <c r="G1610" s="53"/>
      <c r="H1610" s="53"/>
      <c r="I1610" s="53"/>
      <c r="J1610" s="53"/>
      <c r="K1610" s="53"/>
      <c r="L1610" s="53"/>
      <c r="M1610" s="53"/>
      <c r="N1610" s="53"/>
      <c r="O1610" s="53"/>
      <c r="P1610" s="53"/>
      <c r="Q1610" s="53"/>
      <c r="R1610" s="53"/>
      <c r="S1610" s="53"/>
      <c r="T1610" s="53"/>
      <c r="U1610" s="53"/>
      <c r="V1610" s="53"/>
      <c r="W1610" s="53"/>
      <c r="X1610" s="53"/>
      <c r="Y1610" s="53"/>
      <c r="Z1610" s="53"/>
      <c r="AA1610" s="53"/>
      <c r="AB1610" s="53"/>
      <c r="AC1610" s="53"/>
      <c r="AD1610" s="53"/>
      <c r="AE1610" s="53"/>
      <c r="AF1610" s="53"/>
      <c r="AG1610" s="53"/>
      <c r="AH1610" s="53"/>
      <c r="AI1610" s="53"/>
      <c r="AJ1610" s="53"/>
      <c r="AK1610" s="53"/>
      <c r="AL1610" s="53"/>
      <c r="AM1610" s="53"/>
      <c r="AN1610" s="53"/>
      <c r="AO1610" s="53"/>
      <c r="AP1610" s="53"/>
      <c r="AQ1610" s="53"/>
      <c r="AR1610" s="53"/>
      <c r="AS1610" s="53"/>
      <c r="AT1610" s="53"/>
      <c r="AU1610" s="53"/>
      <c r="AV1610" s="53"/>
      <c r="AW1610" s="53"/>
      <c r="AX1610" s="53"/>
      <c r="AY1610" s="53"/>
      <c r="AZ1610" s="53"/>
      <c r="BA1610" s="53"/>
      <c r="BB1610" s="53"/>
      <c r="BC1610" s="53"/>
      <c r="BD1610" s="53"/>
      <c r="BE1610" s="53"/>
      <c r="BF1610" s="53"/>
      <c r="BG1610" s="53"/>
      <c r="BH1610" s="53"/>
      <c r="BI1610" s="53"/>
      <c r="BJ1610" s="53"/>
      <c r="BK1610" s="53"/>
      <c r="BL1610" s="53"/>
      <c r="BM1610" s="53"/>
      <c r="BN1610" s="53"/>
      <c r="BO1610" s="53"/>
      <c r="BP1610" s="53"/>
      <c r="BQ1610" s="53"/>
      <c r="BR1610" s="53"/>
      <c r="BS1610" s="53"/>
      <c r="BT1610" s="53"/>
      <c r="BU1610" s="53"/>
      <c r="BV1610" s="53"/>
      <c r="BW1610" s="53"/>
      <c r="BX1610" s="53"/>
      <c r="BY1610" s="53"/>
      <c r="BZ1610" s="53"/>
      <c r="CA1610" s="53"/>
      <c r="CB1610" s="53"/>
      <c r="CC1610" s="53"/>
      <c r="CD1610" s="53"/>
      <c r="CE1610" s="53"/>
      <c r="CF1610" s="53"/>
      <c r="CG1610" s="53"/>
      <c r="CH1610" s="53"/>
      <c r="CI1610" s="53"/>
      <c r="CJ1610" s="53"/>
      <c r="CK1610" s="53"/>
      <c r="CL1610" s="53"/>
      <c r="CM1610" s="53"/>
      <c r="CN1610" s="53"/>
    </row>
    <row r="1611" spans="1:92" outlineLevel="1">
      <c r="A1611" s="52" t="s">
        <v>1319</v>
      </c>
      <c r="B1611" s="53"/>
      <c r="C1611" s="53"/>
      <c r="D1611" s="53"/>
      <c r="E1611" s="53"/>
      <c r="F1611" s="53"/>
      <c r="G1611" s="53"/>
      <c r="H1611" s="53"/>
      <c r="I1611" s="53"/>
      <c r="J1611" s="53"/>
      <c r="K1611" s="53"/>
      <c r="L1611" s="53"/>
      <c r="M1611" s="53"/>
      <c r="N1611" s="53"/>
      <c r="O1611" s="53"/>
      <c r="P1611" s="53"/>
      <c r="Q1611" s="53"/>
      <c r="R1611" s="53"/>
      <c r="S1611" s="53"/>
      <c r="T1611" s="53"/>
      <c r="U1611" s="53"/>
      <c r="V1611" s="53"/>
      <c r="W1611" s="53"/>
      <c r="X1611" s="53"/>
      <c r="Y1611" s="53"/>
      <c r="Z1611" s="53"/>
      <c r="AA1611" s="53"/>
      <c r="AB1611" s="53"/>
      <c r="AC1611" s="53"/>
      <c r="AD1611" s="53"/>
      <c r="AE1611" s="53"/>
      <c r="AF1611" s="53"/>
      <c r="AG1611" s="53"/>
      <c r="AH1611" s="53"/>
      <c r="AI1611" s="53"/>
      <c r="AJ1611" s="53"/>
      <c r="AK1611" s="53"/>
      <c r="AL1611" s="53"/>
      <c r="AM1611" s="53"/>
      <c r="AN1611" s="53"/>
      <c r="AO1611" s="53"/>
      <c r="AP1611" s="53"/>
      <c r="AQ1611" s="53"/>
      <c r="AR1611" s="53"/>
      <c r="AS1611" s="53"/>
      <c r="AT1611" s="53"/>
      <c r="AU1611" s="53"/>
      <c r="AV1611" s="53"/>
      <c r="AW1611" s="53"/>
      <c r="AX1611" s="53"/>
      <c r="AY1611" s="53"/>
      <c r="AZ1611" s="53"/>
      <c r="BA1611" s="53"/>
      <c r="BB1611" s="53"/>
      <c r="BC1611" s="53"/>
      <c r="BD1611" s="53"/>
      <c r="BE1611" s="53"/>
      <c r="BF1611" s="53"/>
      <c r="BG1611" s="53"/>
      <c r="BH1611" s="53"/>
      <c r="BI1611" s="53"/>
      <c r="BJ1611" s="53"/>
      <c r="BK1611" s="53"/>
      <c r="BL1611" s="53"/>
      <c r="BM1611" s="53"/>
      <c r="BN1611" s="53"/>
      <c r="BO1611" s="53"/>
      <c r="BP1611" s="53"/>
      <c r="BQ1611" s="53"/>
      <c r="BR1611" s="53"/>
      <c r="BS1611" s="53"/>
      <c r="BT1611" s="53"/>
      <c r="BU1611" s="53"/>
      <c r="BV1611" s="53"/>
      <c r="BW1611" s="53"/>
      <c r="BX1611" s="53"/>
      <c r="BY1611" s="53"/>
      <c r="BZ1611" s="53"/>
      <c r="CA1611" s="53"/>
      <c r="CB1611" s="53">
        <v>-1160575.1815611499</v>
      </c>
      <c r="CC1611" s="53">
        <v>-1071237.63054075</v>
      </c>
      <c r="CD1611" s="53">
        <v>-1032839.43054074</v>
      </c>
      <c r="CE1611" s="53">
        <v>-1017927.86191329</v>
      </c>
      <c r="CF1611" s="53">
        <v>-973569.01575945201</v>
      </c>
      <c r="CG1611" s="53">
        <v>-969717.69500473503</v>
      </c>
      <c r="CH1611" s="53">
        <v>-935311.02833806805</v>
      </c>
      <c r="CI1611" s="53">
        <v>-928751.02833806805</v>
      </c>
      <c r="CJ1611" s="53">
        <v>-928751.02833806805</v>
      </c>
      <c r="CK1611" s="53">
        <v>-926209.97570648906</v>
      </c>
      <c r="CL1611" s="53">
        <v>-920191.69984441996</v>
      </c>
      <c r="CM1611" s="53">
        <v>-900441.869335945</v>
      </c>
      <c r="CN1611" s="53">
        <v>-11765523.445221201</v>
      </c>
    </row>
    <row r="1612" spans="1:92" outlineLevel="1">
      <c r="A1612" s="52" t="s">
        <v>649</v>
      </c>
      <c r="B1612" s="53"/>
      <c r="C1612" s="53"/>
      <c r="D1612" s="53"/>
      <c r="E1612" s="53"/>
      <c r="F1612" s="53"/>
      <c r="G1612" s="53"/>
      <c r="H1612" s="53"/>
      <c r="I1612" s="53"/>
      <c r="J1612" s="53"/>
      <c r="K1612" s="53"/>
      <c r="L1612" s="53"/>
      <c r="M1612" s="53"/>
      <c r="N1612" s="53"/>
      <c r="O1612" s="53">
        <v>-2113996.9181152801</v>
      </c>
      <c r="P1612" s="53">
        <v>-2113996.9181152801</v>
      </c>
      <c r="Q1612" s="53">
        <v>-2113996.9181152801</v>
      </c>
      <c r="R1612" s="53">
        <v>-2113996.9181152801</v>
      </c>
      <c r="S1612" s="53">
        <v>-2113996.9181152801</v>
      </c>
      <c r="T1612" s="53">
        <v>-2113996.9181152801</v>
      </c>
      <c r="U1612" s="53">
        <v>-2113996.9181152801</v>
      </c>
      <c r="V1612" s="53">
        <v>-2113996.9181152801</v>
      </c>
      <c r="W1612" s="53">
        <v>-2113996.9181152801</v>
      </c>
      <c r="X1612" s="53">
        <v>-2113996.9181152801</v>
      </c>
      <c r="Y1612" s="53">
        <v>-2113996.9181152801</v>
      </c>
      <c r="Z1612" s="53">
        <v>-2113996.9181152801</v>
      </c>
      <c r="AA1612" s="53">
        <v>-25367963.0173834</v>
      </c>
      <c r="AB1612" s="53">
        <v>-2326819.5320989899</v>
      </c>
      <c r="AC1612" s="53">
        <v>-2326819.5320989899</v>
      </c>
      <c r="AD1612" s="53">
        <v>-2326819.5320989899</v>
      </c>
      <c r="AE1612" s="53">
        <v>-2326819.5320989899</v>
      </c>
      <c r="AF1612" s="53">
        <v>-2326819.5320989899</v>
      </c>
      <c r="AG1612" s="53">
        <v>-2326819.5320989899</v>
      </c>
      <c r="AH1612" s="53">
        <v>-2326819.5320989899</v>
      </c>
      <c r="AI1612" s="53">
        <v>-2326819.5320989899</v>
      </c>
      <c r="AJ1612" s="53">
        <v>-2326819.5320989899</v>
      </c>
      <c r="AK1612" s="53">
        <v>-2326819.5320989899</v>
      </c>
      <c r="AL1612" s="53">
        <v>-2326819.5320989899</v>
      </c>
      <c r="AM1612" s="53">
        <v>-2326819.5320989899</v>
      </c>
      <c r="AN1612" s="53">
        <v>-27921834.385187902</v>
      </c>
      <c r="AO1612" s="53">
        <v>-2430957.2625034801</v>
      </c>
      <c r="AP1612" s="53">
        <v>-2430957.2625034801</v>
      </c>
      <c r="AQ1612" s="53">
        <v>-2430957.2625034801</v>
      </c>
      <c r="AR1612" s="53">
        <v>-2430957.2625034801</v>
      </c>
      <c r="AS1612" s="53">
        <v>-2430957.2625034801</v>
      </c>
      <c r="AT1612" s="53">
        <v>-2430957.2625034801</v>
      </c>
      <c r="AU1612" s="53">
        <v>-2430957.2625034801</v>
      </c>
      <c r="AV1612" s="53">
        <v>-2430957.2625034801</v>
      </c>
      <c r="AW1612" s="53">
        <v>-2430957.2625034801</v>
      </c>
      <c r="AX1612" s="53">
        <v>-2430957.2625034801</v>
      </c>
      <c r="AY1612" s="53">
        <v>-2430957.2625034801</v>
      </c>
      <c r="AZ1612" s="53">
        <v>-2430957.2625034801</v>
      </c>
      <c r="BA1612" s="53">
        <v>-29171487.1500418</v>
      </c>
      <c r="BB1612" s="53">
        <v>-2517322.8425640301</v>
      </c>
      <c r="BC1612" s="53">
        <v>-2517322.8425640301</v>
      </c>
      <c r="BD1612" s="53">
        <v>-2517322.8425640301</v>
      </c>
      <c r="BE1612" s="53">
        <v>-2517322.8425640301</v>
      </c>
      <c r="BF1612" s="53">
        <v>-2517322.8425640301</v>
      </c>
      <c r="BG1612" s="53">
        <v>-2517322.8425640301</v>
      </c>
      <c r="BH1612" s="53">
        <v>-2517322.8425640301</v>
      </c>
      <c r="BI1612" s="53">
        <v>-2517322.8425640301</v>
      </c>
      <c r="BJ1612" s="53">
        <v>-2517322.8425640301</v>
      </c>
      <c r="BK1612" s="53">
        <v>-2517322.8425640301</v>
      </c>
      <c r="BL1612" s="53">
        <v>-2517322.8425640301</v>
      </c>
      <c r="BM1612" s="53">
        <v>-2517322.8425640301</v>
      </c>
      <c r="BN1612" s="53">
        <v>-30207874.1107684</v>
      </c>
      <c r="BO1612" s="53">
        <v>-2607458.39488095</v>
      </c>
      <c r="BP1612" s="53">
        <v>-2607458.39488095</v>
      </c>
      <c r="BQ1612" s="53">
        <v>-2607458.39488095</v>
      </c>
      <c r="BR1612" s="53">
        <v>-2607458.39488095</v>
      </c>
      <c r="BS1612" s="53">
        <v>-2607458.39488095</v>
      </c>
      <c r="BT1612" s="53">
        <v>-2607458.39488095</v>
      </c>
      <c r="BU1612" s="53">
        <v>-2607458.39488095</v>
      </c>
      <c r="BV1612" s="53">
        <v>-2607458.39488095</v>
      </c>
      <c r="BW1612" s="53">
        <v>-2607458.39488095</v>
      </c>
      <c r="BX1612" s="53">
        <v>-2607458.39488095</v>
      </c>
      <c r="BY1612" s="53">
        <v>-2607458.39488095</v>
      </c>
      <c r="BZ1612" s="53">
        <v>-2607458.39488095</v>
      </c>
      <c r="CA1612" s="53">
        <v>-31289500.738571301</v>
      </c>
      <c r="CB1612" s="53"/>
      <c r="CC1612" s="53"/>
      <c r="CD1612" s="53"/>
      <c r="CE1612" s="53"/>
      <c r="CF1612" s="53"/>
      <c r="CG1612" s="53"/>
      <c r="CH1612" s="53"/>
      <c r="CI1612" s="53"/>
      <c r="CJ1612" s="53"/>
      <c r="CK1612" s="53"/>
      <c r="CL1612" s="53"/>
      <c r="CM1612" s="53"/>
      <c r="CN1612" s="53"/>
    </row>
    <row r="1613" spans="1:92" outlineLevel="1">
      <c r="A1613" s="52" t="s">
        <v>650</v>
      </c>
      <c r="B1613" s="53"/>
      <c r="C1613" s="53"/>
      <c r="D1613" s="53"/>
      <c r="E1613" s="53"/>
      <c r="F1613" s="53"/>
      <c r="G1613" s="53"/>
      <c r="H1613" s="53"/>
      <c r="I1613" s="53"/>
      <c r="J1613" s="53"/>
      <c r="K1613" s="53"/>
      <c r="L1613" s="53"/>
      <c r="M1613" s="53"/>
      <c r="N1613" s="53"/>
      <c r="O1613" s="53"/>
      <c r="P1613" s="53"/>
      <c r="Q1613" s="53"/>
      <c r="R1613" s="53"/>
      <c r="S1613" s="53"/>
      <c r="T1613" s="53"/>
      <c r="U1613" s="53"/>
      <c r="V1613" s="53"/>
      <c r="W1613" s="53"/>
      <c r="X1613" s="53"/>
      <c r="Y1613" s="53"/>
      <c r="Z1613" s="53"/>
      <c r="AA1613" s="53"/>
      <c r="AB1613" s="53"/>
      <c r="AC1613" s="53"/>
      <c r="AD1613" s="53"/>
      <c r="AE1613" s="53"/>
      <c r="AF1613" s="53"/>
      <c r="AG1613" s="53"/>
      <c r="AH1613" s="53"/>
      <c r="AI1613" s="53"/>
      <c r="AJ1613" s="53"/>
      <c r="AK1613" s="53"/>
      <c r="AL1613" s="53"/>
      <c r="AM1613" s="53"/>
      <c r="AN1613" s="53"/>
      <c r="AO1613" s="53"/>
      <c r="AP1613" s="53"/>
      <c r="AQ1613" s="53"/>
      <c r="AR1613" s="53"/>
      <c r="AS1613" s="53"/>
      <c r="AT1613" s="53"/>
      <c r="AU1613" s="53"/>
      <c r="AV1613" s="53"/>
      <c r="AW1613" s="53"/>
      <c r="AX1613" s="53"/>
      <c r="AY1613" s="53"/>
      <c r="AZ1613" s="53"/>
      <c r="BA1613" s="53"/>
      <c r="BB1613" s="53"/>
      <c r="BC1613" s="53"/>
      <c r="BD1613" s="53"/>
      <c r="BE1613" s="53"/>
      <c r="BF1613" s="53"/>
      <c r="BG1613" s="53"/>
      <c r="BH1613" s="53"/>
      <c r="BI1613" s="53"/>
      <c r="BJ1613" s="53"/>
      <c r="BK1613" s="53"/>
      <c r="BL1613" s="53"/>
      <c r="BM1613" s="53"/>
      <c r="BN1613" s="53"/>
      <c r="BO1613" s="53"/>
      <c r="BP1613" s="53"/>
      <c r="BQ1613" s="53"/>
      <c r="BR1613" s="53"/>
      <c r="BS1613" s="53"/>
      <c r="BT1613" s="53"/>
      <c r="BU1613" s="53"/>
      <c r="BV1613" s="53"/>
      <c r="BW1613" s="53"/>
      <c r="BX1613" s="53"/>
      <c r="BY1613" s="53"/>
      <c r="BZ1613" s="53"/>
      <c r="CA1613" s="53"/>
      <c r="CB1613" s="53">
        <v>-99137.488866953703</v>
      </c>
      <c r="CC1613" s="53">
        <v>-99137.488866953703</v>
      </c>
      <c r="CD1613" s="53">
        <v>-99137.488866953703</v>
      </c>
      <c r="CE1613" s="53">
        <v>-99137.488866953703</v>
      </c>
      <c r="CF1613" s="53">
        <v>-99137.488866953703</v>
      </c>
      <c r="CG1613" s="53">
        <v>-99137.488866953703</v>
      </c>
      <c r="CH1613" s="53">
        <v>-99137.488866953703</v>
      </c>
      <c r="CI1613" s="53">
        <v>-99137.488866953703</v>
      </c>
      <c r="CJ1613" s="53">
        <v>-99137.488866953703</v>
      </c>
      <c r="CK1613" s="53">
        <v>-99137.488866953703</v>
      </c>
      <c r="CL1613" s="53">
        <v>-99137.488866953703</v>
      </c>
      <c r="CM1613" s="53">
        <v>-99137.488866953703</v>
      </c>
      <c r="CN1613" s="53">
        <v>-1189649.86640344</v>
      </c>
    </row>
    <row r="1614" spans="1:92" outlineLevel="1">
      <c r="A1614" s="52" t="s">
        <v>1251</v>
      </c>
      <c r="B1614" s="53"/>
      <c r="C1614" s="53"/>
      <c r="D1614" s="53"/>
      <c r="E1614" s="53"/>
      <c r="F1614" s="53"/>
      <c r="G1614" s="53"/>
      <c r="H1614" s="53"/>
      <c r="I1614" s="53"/>
      <c r="J1614" s="53"/>
      <c r="K1614" s="53"/>
      <c r="L1614" s="53"/>
      <c r="M1614" s="53"/>
      <c r="N1614" s="53"/>
      <c r="O1614" s="53"/>
      <c r="P1614" s="53"/>
      <c r="Q1614" s="53"/>
      <c r="R1614" s="53"/>
      <c r="S1614" s="53"/>
      <c r="T1614" s="53"/>
      <c r="U1614" s="53"/>
      <c r="V1614" s="53"/>
      <c r="W1614" s="53"/>
      <c r="X1614" s="53"/>
      <c r="Y1614" s="53"/>
      <c r="Z1614" s="53"/>
      <c r="AA1614" s="53"/>
      <c r="AB1614" s="53"/>
      <c r="AC1614" s="53"/>
      <c r="AD1614" s="53"/>
      <c r="AE1614" s="53"/>
      <c r="AF1614" s="53"/>
      <c r="AG1614" s="53"/>
      <c r="AH1614" s="53"/>
      <c r="AI1614" s="53"/>
      <c r="AJ1614" s="53"/>
      <c r="AK1614" s="53"/>
      <c r="AL1614" s="53"/>
      <c r="AM1614" s="53"/>
      <c r="AN1614" s="53"/>
      <c r="AO1614" s="53"/>
      <c r="AP1614" s="53"/>
      <c r="AQ1614" s="53"/>
      <c r="AR1614" s="53"/>
      <c r="AS1614" s="53"/>
      <c r="AT1614" s="53"/>
      <c r="AU1614" s="53"/>
      <c r="AV1614" s="53"/>
      <c r="AW1614" s="53"/>
      <c r="AX1614" s="53"/>
      <c r="AY1614" s="53"/>
      <c r="AZ1614" s="53"/>
      <c r="BA1614" s="53"/>
      <c r="BB1614" s="53"/>
      <c r="BC1614" s="53"/>
      <c r="BD1614" s="53"/>
      <c r="BE1614" s="53"/>
      <c r="BF1614" s="53"/>
      <c r="BG1614" s="53"/>
      <c r="BH1614" s="53"/>
      <c r="BI1614" s="53"/>
      <c r="BJ1614" s="53"/>
      <c r="BK1614" s="53"/>
      <c r="BL1614" s="53"/>
      <c r="BM1614" s="53"/>
      <c r="BN1614" s="53"/>
      <c r="BO1614" s="53"/>
      <c r="BP1614" s="53"/>
      <c r="BQ1614" s="53"/>
      <c r="BR1614" s="53"/>
      <c r="BS1614" s="53"/>
      <c r="BT1614" s="53"/>
      <c r="BU1614" s="53"/>
      <c r="BV1614" s="53"/>
      <c r="BW1614" s="53"/>
      <c r="BX1614" s="53"/>
      <c r="BY1614" s="53"/>
      <c r="BZ1614" s="53"/>
      <c r="CA1614" s="53"/>
      <c r="CB1614" s="53"/>
      <c r="CC1614" s="53"/>
      <c r="CD1614" s="53"/>
      <c r="CE1614" s="53"/>
      <c r="CF1614" s="53"/>
      <c r="CG1614" s="53"/>
      <c r="CH1614" s="53"/>
      <c r="CI1614" s="53"/>
      <c r="CJ1614" s="53"/>
      <c r="CK1614" s="53"/>
      <c r="CL1614" s="53"/>
      <c r="CM1614" s="53"/>
      <c r="CN1614" s="53"/>
    </row>
    <row r="1615" spans="1:92" outlineLevel="1">
      <c r="A1615" s="52" t="s">
        <v>1249</v>
      </c>
      <c r="B1615" s="53"/>
      <c r="C1615" s="53"/>
      <c r="D1615" s="53"/>
      <c r="E1615" s="53"/>
      <c r="F1615" s="53"/>
      <c r="G1615" s="53"/>
      <c r="H1615" s="53"/>
      <c r="I1615" s="53"/>
      <c r="J1615" s="53"/>
      <c r="K1615" s="53"/>
      <c r="L1615" s="53"/>
      <c r="M1615" s="53"/>
      <c r="N1615" s="53"/>
      <c r="O1615" s="53">
        <v>-957820.33629742195</v>
      </c>
      <c r="P1615" s="53">
        <v>-3865518.0764021701</v>
      </c>
      <c r="Q1615" s="53">
        <v>-3128128.32553154</v>
      </c>
      <c r="R1615" s="53">
        <v>-3436751.2697614999</v>
      </c>
      <c r="S1615" s="53">
        <v>-3601497.33759801</v>
      </c>
      <c r="T1615" s="53">
        <v>-4214073.9377775602</v>
      </c>
      <c r="U1615" s="53">
        <v>-4755246.2551313397</v>
      </c>
      <c r="V1615" s="53">
        <v>-5195416.3450647602</v>
      </c>
      <c r="W1615" s="53">
        <v>-5337518.8237751396</v>
      </c>
      <c r="X1615" s="53">
        <v>-4817430.9898992497</v>
      </c>
      <c r="Y1615" s="53">
        <v>-3347500.1010839902</v>
      </c>
      <c r="Z1615" s="53">
        <v>-3354896.5080945301</v>
      </c>
      <c r="AA1615" s="53">
        <v>-46011798.306417197</v>
      </c>
      <c r="AB1615" s="53">
        <v>-3426958.7569470899</v>
      </c>
      <c r="AC1615" s="53">
        <v>-4186193.5062250602</v>
      </c>
      <c r="AD1615" s="53">
        <v>-3259516.1686418802</v>
      </c>
      <c r="AE1615" s="53">
        <v>-3436751.2697614999</v>
      </c>
      <c r="AF1615" s="53">
        <v>-3601497.33759801</v>
      </c>
      <c r="AG1615" s="53">
        <v>-4214073.9377775602</v>
      </c>
      <c r="AH1615" s="53">
        <v>-4755246.2551313397</v>
      </c>
      <c r="AI1615" s="53">
        <v>-5195416.3450647602</v>
      </c>
      <c r="AJ1615" s="53">
        <v>-5337518.8237751396</v>
      </c>
      <c r="AK1615" s="53">
        <v>-4817430.9898992497</v>
      </c>
      <c r="AL1615" s="53">
        <v>-3347500.1010839902</v>
      </c>
      <c r="AM1615" s="53">
        <v>-3354896.5080945301</v>
      </c>
      <c r="AN1615" s="53">
        <v>-48933000.000000097</v>
      </c>
      <c r="AO1615" s="53">
        <v>-2469138.4206496598</v>
      </c>
      <c r="AP1615" s="53">
        <v>-320675.429822893</v>
      </c>
      <c r="AQ1615" s="53">
        <v>-131387.843110346</v>
      </c>
      <c r="AR1615" s="53"/>
      <c r="AS1615" s="53"/>
      <c r="AT1615" s="53"/>
      <c r="AU1615" s="53"/>
      <c r="AV1615" s="53"/>
      <c r="AW1615" s="53"/>
      <c r="AX1615" s="53"/>
      <c r="AY1615" s="53"/>
      <c r="AZ1615" s="53"/>
      <c r="BA1615" s="53">
        <v>-2921201.6935828999</v>
      </c>
      <c r="BB1615" s="53"/>
      <c r="BC1615" s="53"/>
      <c r="BD1615" s="53"/>
      <c r="BE1615" s="53"/>
      <c r="BF1615" s="53"/>
      <c r="BG1615" s="53"/>
      <c r="BH1615" s="53"/>
      <c r="BI1615" s="53"/>
      <c r="BJ1615" s="53"/>
      <c r="BK1615" s="53"/>
      <c r="BL1615" s="53"/>
      <c r="BM1615" s="53"/>
      <c r="BN1615" s="53"/>
      <c r="BO1615" s="53"/>
      <c r="BP1615" s="53"/>
      <c r="BQ1615" s="53"/>
      <c r="BR1615" s="53"/>
      <c r="BS1615" s="53"/>
      <c r="BT1615" s="53"/>
      <c r="BU1615" s="53"/>
      <c r="BV1615" s="53"/>
      <c r="BW1615" s="53"/>
      <c r="BX1615" s="53"/>
      <c r="BY1615" s="53"/>
      <c r="BZ1615" s="53"/>
      <c r="CA1615" s="53"/>
      <c r="CB1615" s="53"/>
      <c r="CC1615" s="53"/>
      <c r="CD1615" s="53"/>
      <c r="CE1615" s="53"/>
      <c r="CF1615" s="53"/>
      <c r="CG1615" s="53"/>
      <c r="CH1615" s="53"/>
      <c r="CI1615" s="53"/>
      <c r="CJ1615" s="53"/>
      <c r="CK1615" s="53"/>
      <c r="CL1615" s="53"/>
      <c r="CM1615" s="53"/>
      <c r="CN1615" s="53"/>
    </row>
    <row r="1616" spans="1:92" outlineLevel="1">
      <c r="A1616" s="52" t="s">
        <v>1252</v>
      </c>
      <c r="B1616" s="53"/>
      <c r="C1616" s="53"/>
      <c r="D1616" s="53"/>
      <c r="E1616" s="53"/>
      <c r="F1616" s="53"/>
      <c r="G1616" s="53"/>
      <c r="H1616" s="53"/>
      <c r="I1616" s="53"/>
      <c r="J1616" s="53"/>
      <c r="K1616" s="53"/>
      <c r="L1616" s="53"/>
      <c r="M1616" s="53"/>
      <c r="N1616" s="53"/>
      <c r="O1616" s="53"/>
      <c r="P1616" s="53"/>
      <c r="Q1616" s="53"/>
      <c r="R1616" s="53"/>
      <c r="S1616" s="53"/>
      <c r="T1616" s="53"/>
      <c r="U1616" s="53"/>
      <c r="V1616" s="53"/>
      <c r="W1616" s="53"/>
      <c r="X1616" s="53"/>
      <c r="Y1616" s="53"/>
      <c r="Z1616" s="53"/>
      <c r="AA1616" s="53"/>
      <c r="AB1616" s="53"/>
      <c r="AC1616" s="53"/>
      <c r="AD1616" s="53"/>
      <c r="AE1616" s="53"/>
      <c r="AF1616" s="53"/>
      <c r="AG1616" s="53"/>
      <c r="AH1616" s="53"/>
      <c r="AI1616" s="53"/>
      <c r="AJ1616" s="53"/>
      <c r="AK1616" s="53"/>
      <c r="AL1616" s="53"/>
      <c r="AM1616" s="53"/>
      <c r="AN1616" s="53"/>
      <c r="AO1616" s="53"/>
      <c r="AP1616" s="53"/>
      <c r="AQ1616" s="53"/>
      <c r="AR1616" s="53"/>
      <c r="AS1616" s="53"/>
      <c r="AT1616" s="53"/>
      <c r="AU1616" s="53"/>
      <c r="AV1616" s="53"/>
      <c r="AW1616" s="53"/>
      <c r="AX1616" s="53"/>
      <c r="AY1616" s="53"/>
      <c r="AZ1616" s="53"/>
      <c r="BA1616" s="53"/>
      <c r="BB1616" s="53"/>
      <c r="BC1616" s="53"/>
      <c r="BD1616" s="53"/>
      <c r="BE1616" s="53"/>
      <c r="BF1616" s="53"/>
      <c r="BG1616" s="53"/>
      <c r="BH1616" s="53"/>
      <c r="BI1616" s="53"/>
      <c r="BJ1616" s="53"/>
      <c r="BK1616" s="53"/>
      <c r="BL1616" s="53"/>
      <c r="BM1616" s="53"/>
      <c r="BN1616" s="53"/>
      <c r="BO1616" s="53"/>
      <c r="BP1616" s="53"/>
      <c r="BQ1616" s="53"/>
      <c r="BR1616" s="53"/>
      <c r="BS1616" s="53"/>
      <c r="BT1616" s="53"/>
      <c r="BU1616" s="53"/>
      <c r="BV1616" s="53"/>
      <c r="BW1616" s="53"/>
      <c r="BX1616" s="53"/>
      <c r="BY1616" s="53"/>
      <c r="BZ1616" s="53"/>
      <c r="CA1616" s="53"/>
      <c r="CB1616" s="53"/>
      <c r="CC1616" s="53"/>
      <c r="CD1616" s="53"/>
      <c r="CE1616" s="53"/>
      <c r="CF1616" s="53"/>
      <c r="CG1616" s="53"/>
      <c r="CH1616" s="53"/>
      <c r="CI1616" s="53"/>
      <c r="CJ1616" s="53"/>
      <c r="CK1616" s="53"/>
      <c r="CL1616" s="53"/>
      <c r="CM1616" s="53"/>
      <c r="CN1616" s="53"/>
    </row>
    <row r="1617" spans="1:92" outlineLevel="1">
      <c r="A1617" s="52" t="s">
        <v>1249</v>
      </c>
      <c r="B1617" s="53"/>
      <c r="C1617" s="53"/>
      <c r="D1617" s="53"/>
      <c r="E1617" s="53"/>
      <c r="F1617" s="53"/>
      <c r="G1617" s="53"/>
      <c r="H1617" s="53"/>
      <c r="I1617" s="53"/>
      <c r="J1617" s="53"/>
      <c r="K1617" s="53"/>
      <c r="L1617" s="53"/>
      <c r="M1617" s="53"/>
      <c r="N1617" s="53"/>
      <c r="O1617" s="53"/>
      <c r="P1617" s="53"/>
      <c r="Q1617" s="53"/>
      <c r="R1617" s="53"/>
      <c r="S1617" s="53"/>
      <c r="T1617" s="53"/>
      <c r="U1617" s="53"/>
      <c r="V1617" s="53"/>
      <c r="W1617" s="53"/>
      <c r="X1617" s="53"/>
      <c r="Y1617" s="53"/>
      <c r="Z1617" s="53"/>
      <c r="AA1617" s="53"/>
      <c r="AB1617" s="53">
        <v>-1542993.5377157901</v>
      </c>
      <c r="AC1617" s="53">
        <v>-6238968.0571370097</v>
      </c>
      <c r="AD1617" s="53">
        <v>-5082518.3483961998</v>
      </c>
      <c r="AE1617" s="53">
        <v>-5503704.0354599599</v>
      </c>
      <c r="AF1617" s="53">
        <v>-5786228.0122403102</v>
      </c>
      <c r="AG1617" s="53">
        <v>-6824303.7685727403</v>
      </c>
      <c r="AH1617" s="53">
        <v>-7739070.9210989196</v>
      </c>
      <c r="AI1617" s="53">
        <v>-8458737.6108297296</v>
      </c>
      <c r="AJ1617" s="53">
        <v>-8683470.6469049305</v>
      </c>
      <c r="AK1617" s="53">
        <v>-7834009.60311333</v>
      </c>
      <c r="AL1617" s="53">
        <v>-5414494.1301499298</v>
      </c>
      <c r="AM1617" s="53">
        <v>-5393745.8850987898</v>
      </c>
      <c r="AN1617" s="53">
        <v>-74502244.556717604</v>
      </c>
      <c r="AO1617" s="53">
        <v>-3970312.8492167699</v>
      </c>
      <c r="AP1617" s="53">
        <v>-515216.08684300497</v>
      </c>
      <c r="AQ1617" s="53">
        <v>-211226.50722294499</v>
      </c>
      <c r="AR1617" s="53"/>
      <c r="AS1617" s="53"/>
      <c r="AT1617" s="53"/>
      <c r="AU1617" s="53"/>
      <c r="AV1617" s="53"/>
      <c r="AW1617" s="53"/>
      <c r="AX1617" s="53"/>
      <c r="AY1617" s="53"/>
      <c r="AZ1617" s="53"/>
      <c r="BA1617" s="53">
        <v>-4696755.4432827197</v>
      </c>
      <c r="BB1617" s="53"/>
      <c r="BC1617" s="53"/>
      <c r="BD1617" s="53"/>
      <c r="BE1617" s="53"/>
      <c r="BF1617" s="53"/>
      <c r="BG1617" s="53"/>
      <c r="BH1617" s="53"/>
      <c r="BI1617" s="53"/>
      <c r="BJ1617" s="53"/>
      <c r="BK1617" s="53"/>
      <c r="BL1617" s="53"/>
      <c r="BM1617" s="53"/>
      <c r="BN1617" s="53"/>
      <c r="BO1617" s="53"/>
      <c r="BP1617" s="53"/>
      <c r="BQ1617" s="53"/>
      <c r="BR1617" s="53"/>
      <c r="BS1617" s="53"/>
      <c r="BT1617" s="53"/>
      <c r="BU1617" s="53"/>
      <c r="BV1617" s="53"/>
      <c r="BW1617" s="53"/>
      <c r="BX1617" s="53"/>
      <c r="BY1617" s="53"/>
      <c r="BZ1617" s="53"/>
      <c r="CA1617" s="53"/>
      <c r="CB1617" s="53"/>
      <c r="CC1617" s="53"/>
      <c r="CD1617" s="53"/>
      <c r="CE1617" s="53"/>
      <c r="CF1617" s="53"/>
      <c r="CG1617" s="53"/>
      <c r="CH1617" s="53"/>
      <c r="CI1617" s="53"/>
      <c r="CJ1617" s="53"/>
      <c r="CK1617" s="53"/>
      <c r="CL1617" s="53"/>
      <c r="CM1617" s="53"/>
      <c r="CN1617" s="53"/>
    </row>
    <row r="1618" spans="1:92" outlineLevel="1">
      <c r="A1618" s="52" t="s">
        <v>1253</v>
      </c>
      <c r="B1618" s="53"/>
      <c r="C1618" s="53"/>
      <c r="D1618" s="53"/>
      <c r="E1618" s="53"/>
      <c r="F1618" s="53"/>
      <c r="G1618" s="53"/>
      <c r="H1618" s="53"/>
      <c r="I1618" s="53"/>
      <c r="J1618" s="53"/>
      <c r="K1618" s="53"/>
      <c r="L1618" s="53"/>
      <c r="M1618" s="53"/>
      <c r="N1618" s="53"/>
      <c r="O1618" s="53"/>
      <c r="P1618" s="53"/>
      <c r="Q1618" s="53"/>
      <c r="R1618" s="53"/>
      <c r="S1618" s="53"/>
      <c r="T1618" s="53"/>
      <c r="U1618" s="53"/>
      <c r="V1618" s="53"/>
      <c r="W1618" s="53"/>
      <c r="X1618" s="53"/>
      <c r="Y1618" s="53"/>
      <c r="Z1618" s="53"/>
      <c r="AA1618" s="53"/>
      <c r="AB1618" s="53"/>
      <c r="AC1618" s="53"/>
      <c r="AD1618" s="53"/>
      <c r="AE1618" s="53"/>
      <c r="AF1618" s="53"/>
      <c r="AG1618" s="53"/>
      <c r="AH1618" s="53"/>
      <c r="AI1618" s="53"/>
      <c r="AJ1618" s="53"/>
      <c r="AK1618" s="53"/>
      <c r="AL1618" s="53"/>
      <c r="AM1618" s="53"/>
      <c r="AN1618" s="53"/>
      <c r="AO1618" s="53"/>
      <c r="AP1618" s="53"/>
      <c r="AQ1618" s="53"/>
      <c r="AR1618" s="53"/>
      <c r="AS1618" s="53"/>
      <c r="AT1618" s="53"/>
      <c r="AU1618" s="53"/>
      <c r="AV1618" s="53"/>
      <c r="AW1618" s="53"/>
      <c r="AX1618" s="53"/>
      <c r="AY1618" s="53"/>
      <c r="AZ1618" s="53"/>
      <c r="BA1618" s="53"/>
      <c r="BB1618" s="53"/>
      <c r="BC1618" s="53"/>
      <c r="BD1618" s="53"/>
      <c r="BE1618" s="53"/>
      <c r="BF1618" s="53"/>
      <c r="BG1618" s="53"/>
      <c r="BH1618" s="53"/>
      <c r="BI1618" s="53"/>
      <c r="BJ1618" s="53"/>
      <c r="BK1618" s="53"/>
      <c r="BL1618" s="53"/>
      <c r="BM1618" s="53"/>
      <c r="BN1618" s="53"/>
      <c r="BO1618" s="53"/>
      <c r="BP1618" s="53"/>
      <c r="BQ1618" s="53"/>
      <c r="BR1618" s="53"/>
      <c r="BS1618" s="53"/>
      <c r="BT1618" s="53"/>
      <c r="BU1618" s="53"/>
      <c r="BV1618" s="53"/>
      <c r="BW1618" s="53"/>
      <c r="BX1618" s="53"/>
      <c r="BY1618" s="53"/>
      <c r="BZ1618" s="53"/>
      <c r="CA1618" s="53"/>
      <c r="CB1618" s="53">
        <v>1.2358975297212999E-9</v>
      </c>
      <c r="CC1618" s="53">
        <v>1.2358975297212999E-9</v>
      </c>
      <c r="CD1618" s="53">
        <v>1.2358975297212999E-9</v>
      </c>
      <c r="CE1618" s="53">
        <v>1.2358975297212999E-9</v>
      </c>
      <c r="CF1618" s="53">
        <v>1.2358975297212999E-9</v>
      </c>
      <c r="CG1618" s="53">
        <v>1.2358975297212999E-9</v>
      </c>
      <c r="CH1618" s="53">
        <v>1.2358975297212999E-9</v>
      </c>
      <c r="CI1618" s="53">
        <v>1.2358975297212999E-9</v>
      </c>
      <c r="CJ1618" s="53">
        <v>1.2358975297212999E-9</v>
      </c>
      <c r="CK1618" s="53">
        <v>1.2358975297212999E-9</v>
      </c>
      <c r="CL1618" s="53">
        <v>1.2358975297212999E-9</v>
      </c>
      <c r="CM1618" s="53">
        <v>1.2358975297212999E-9</v>
      </c>
      <c r="CN1618" s="53">
        <v>1.48307703566556E-8</v>
      </c>
    </row>
    <row r="1619" spans="1:92" outlineLevel="1">
      <c r="A1619" s="52" t="s">
        <v>1249</v>
      </c>
      <c r="B1619" s="53"/>
      <c r="C1619" s="53"/>
      <c r="D1619" s="53"/>
      <c r="E1619" s="53"/>
      <c r="F1619" s="53"/>
      <c r="G1619" s="53"/>
      <c r="H1619" s="53"/>
      <c r="I1619" s="53"/>
      <c r="J1619" s="53"/>
      <c r="K1619" s="53"/>
      <c r="L1619" s="53"/>
      <c r="M1619" s="53"/>
      <c r="N1619" s="53"/>
      <c r="O1619" s="53"/>
      <c r="P1619" s="53"/>
      <c r="Q1619" s="53"/>
      <c r="R1619" s="53"/>
      <c r="S1619" s="53"/>
      <c r="T1619" s="53"/>
      <c r="U1619" s="53"/>
      <c r="V1619" s="53"/>
      <c r="W1619" s="53"/>
      <c r="X1619" s="53"/>
      <c r="Y1619" s="53"/>
      <c r="Z1619" s="53"/>
      <c r="AA1619" s="53"/>
      <c r="AB1619" s="53"/>
      <c r="AC1619" s="53"/>
      <c r="AD1619" s="53"/>
      <c r="AE1619" s="53"/>
      <c r="AF1619" s="53"/>
      <c r="AG1619" s="53"/>
      <c r="AH1619" s="53"/>
      <c r="AI1619" s="53"/>
      <c r="AJ1619" s="53"/>
      <c r="AK1619" s="53"/>
      <c r="AL1619" s="53"/>
      <c r="AM1619" s="53"/>
      <c r="AN1619" s="53"/>
      <c r="AO1619" s="53">
        <v>-2508070.9404790401</v>
      </c>
      <c r="AP1619" s="53">
        <v>-10121933.299931699</v>
      </c>
      <c r="AQ1619" s="53">
        <v>-8191064.0795987798</v>
      </c>
      <c r="AR1619" s="53">
        <v>-8999199.1845397092</v>
      </c>
      <c r="AS1619" s="53">
        <v>-9430589.9262483101</v>
      </c>
      <c r="AT1619" s="53">
        <v>-11034633.515118901</v>
      </c>
      <c r="AU1619" s="53">
        <v>-12451703.618467901</v>
      </c>
      <c r="AV1619" s="53">
        <v>-13604297.450101901</v>
      </c>
      <c r="AW1619" s="53">
        <v>-13976395.518933101</v>
      </c>
      <c r="AX1619" s="53">
        <v>-12614535.5403872</v>
      </c>
      <c r="AY1619" s="53">
        <v>-8765493.2857600003</v>
      </c>
      <c r="AZ1619" s="53">
        <v>-8784860.9195260592</v>
      </c>
      <c r="BA1619" s="53">
        <v>-120482777.279092</v>
      </c>
      <c r="BB1619" s="53">
        <v>-8973557.3017216194</v>
      </c>
      <c r="BC1619" s="53">
        <v>-10961628.0698021</v>
      </c>
      <c r="BD1619" s="53">
        <v>-8535105.6693932991</v>
      </c>
      <c r="BE1619" s="53">
        <v>-8999199.1845397092</v>
      </c>
      <c r="BF1619" s="53">
        <v>-9430589.9262483101</v>
      </c>
      <c r="BG1619" s="53">
        <v>-11034633.515118901</v>
      </c>
      <c r="BH1619" s="53">
        <v>-12451703.618467901</v>
      </c>
      <c r="BI1619" s="53">
        <v>-13604297.450101901</v>
      </c>
      <c r="BJ1619" s="53">
        <v>-13976395.518933101</v>
      </c>
      <c r="BK1619" s="53">
        <v>-12614535.5403872</v>
      </c>
      <c r="BL1619" s="53">
        <v>-8765493.2857600003</v>
      </c>
      <c r="BM1619" s="53">
        <v>-8784860.9195260592</v>
      </c>
      <c r="BN1619" s="53">
        <v>-128132000</v>
      </c>
      <c r="BO1619" s="53">
        <v>-8973557.3017216194</v>
      </c>
      <c r="BP1619" s="53">
        <v>-10961628.0698021</v>
      </c>
      <c r="BQ1619" s="53">
        <v>-8535105.6693932991</v>
      </c>
      <c r="BR1619" s="53">
        <v>-8999199.1845397092</v>
      </c>
      <c r="BS1619" s="53">
        <v>-9430589.9262483101</v>
      </c>
      <c r="BT1619" s="53">
        <v>-11034633.515118901</v>
      </c>
      <c r="BU1619" s="53">
        <v>-12451703.618467901</v>
      </c>
      <c r="BV1619" s="53">
        <v>-13604297.450101901</v>
      </c>
      <c r="BW1619" s="53">
        <v>-13976395.518933101</v>
      </c>
      <c r="BX1619" s="53">
        <v>-12614535.5403872</v>
      </c>
      <c r="BY1619" s="53">
        <v>-8765493.2857600003</v>
      </c>
      <c r="BZ1619" s="53">
        <v>-8784860.9195260592</v>
      </c>
      <c r="CA1619" s="53">
        <v>-128132000</v>
      </c>
      <c r="CB1619" s="53"/>
      <c r="CC1619" s="53"/>
      <c r="CD1619" s="53"/>
      <c r="CE1619" s="53"/>
      <c r="CF1619" s="53"/>
      <c r="CG1619" s="53"/>
      <c r="CH1619" s="53"/>
      <c r="CI1619" s="53"/>
      <c r="CJ1619" s="53"/>
      <c r="CK1619" s="53"/>
      <c r="CL1619" s="53"/>
      <c r="CM1619" s="53"/>
      <c r="CN1619" s="53"/>
    </row>
    <row r="1620" spans="1:92" outlineLevel="1">
      <c r="A1620" s="52" t="s">
        <v>1254</v>
      </c>
      <c r="B1620" s="53"/>
      <c r="C1620" s="53"/>
      <c r="D1620" s="53"/>
      <c r="E1620" s="53"/>
      <c r="F1620" s="53"/>
      <c r="G1620" s="53"/>
      <c r="H1620" s="53"/>
      <c r="I1620" s="53"/>
      <c r="J1620" s="53"/>
      <c r="K1620" s="53"/>
      <c r="L1620" s="53"/>
      <c r="M1620" s="53"/>
      <c r="N1620" s="53"/>
      <c r="O1620" s="53"/>
      <c r="P1620" s="53"/>
      <c r="Q1620" s="53"/>
      <c r="R1620" s="53"/>
      <c r="S1620" s="53"/>
      <c r="T1620" s="53"/>
      <c r="U1620" s="53"/>
      <c r="V1620" s="53"/>
      <c r="W1620" s="53"/>
      <c r="X1620" s="53"/>
      <c r="Y1620" s="53"/>
      <c r="Z1620" s="53"/>
      <c r="AA1620" s="53"/>
      <c r="AB1620" s="53"/>
      <c r="AC1620" s="53"/>
      <c r="AD1620" s="53"/>
      <c r="AE1620" s="53"/>
      <c r="AF1620" s="53"/>
      <c r="AG1620" s="53"/>
      <c r="AH1620" s="53"/>
      <c r="AI1620" s="53"/>
      <c r="AJ1620" s="53"/>
      <c r="AK1620" s="53"/>
      <c r="AL1620" s="53"/>
      <c r="AM1620" s="53"/>
      <c r="AN1620" s="53"/>
      <c r="AO1620" s="53"/>
      <c r="AP1620" s="53"/>
      <c r="AQ1620" s="53"/>
      <c r="AR1620" s="53"/>
      <c r="AS1620" s="53"/>
      <c r="AT1620" s="53"/>
      <c r="AU1620" s="53"/>
      <c r="AV1620" s="53"/>
      <c r="AW1620" s="53"/>
      <c r="AX1620" s="53"/>
      <c r="AY1620" s="53"/>
      <c r="AZ1620" s="53"/>
      <c r="BA1620" s="53"/>
      <c r="BB1620" s="53"/>
      <c r="BC1620" s="53"/>
      <c r="BD1620" s="53"/>
      <c r="BE1620" s="53"/>
      <c r="BF1620" s="53"/>
      <c r="BG1620" s="53"/>
      <c r="BH1620" s="53"/>
      <c r="BI1620" s="53"/>
      <c r="BJ1620" s="53"/>
      <c r="BK1620" s="53"/>
      <c r="BL1620" s="53"/>
      <c r="BM1620" s="53"/>
      <c r="BN1620" s="53"/>
      <c r="BO1620" s="53"/>
      <c r="BP1620" s="53"/>
      <c r="BQ1620" s="53"/>
      <c r="BR1620" s="53"/>
      <c r="BS1620" s="53"/>
      <c r="BT1620" s="53"/>
      <c r="BU1620" s="53"/>
      <c r="BV1620" s="53"/>
      <c r="BW1620" s="53"/>
      <c r="BX1620" s="53"/>
      <c r="BY1620" s="53"/>
      <c r="BZ1620" s="53"/>
      <c r="CA1620" s="53"/>
      <c r="CB1620" s="53"/>
      <c r="CC1620" s="53"/>
      <c r="CD1620" s="53"/>
      <c r="CE1620" s="53"/>
      <c r="CF1620" s="53"/>
      <c r="CG1620" s="53"/>
      <c r="CH1620" s="53"/>
      <c r="CI1620" s="53"/>
      <c r="CJ1620" s="53"/>
      <c r="CK1620" s="53"/>
      <c r="CL1620" s="53"/>
      <c r="CM1620" s="53"/>
      <c r="CN1620" s="53"/>
    </row>
    <row r="1621" spans="1:92" outlineLevel="1">
      <c r="A1621" s="52" t="s">
        <v>1249</v>
      </c>
      <c r="B1621" s="53"/>
      <c r="C1621" s="53"/>
      <c r="D1621" s="53"/>
      <c r="E1621" s="53"/>
      <c r="F1621" s="53"/>
      <c r="G1621" s="53"/>
      <c r="H1621" s="53"/>
      <c r="I1621" s="53"/>
      <c r="J1621" s="53"/>
      <c r="K1621" s="53"/>
      <c r="L1621" s="53"/>
      <c r="M1621" s="53"/>
      <c r="N1621" s="53"/>
      <c r="O1621" s="53">
        <v>-137356.33333333299</v>
      </c>
      <c r="P1621" s="53">
        <v>-597500.05000000005</v>
      </c>
      <c r="Q1621" s="53">
        <v>-673046.03333333298</v>
      </c>
      <c r="R1621" s="53">
        <v>-700517.3</v>
      </c>
      <c r="S1621" s="53">
        <v>-673046.03333333298</v>
      </c>
      <c r="T1621" s="53">
        <v>-679913.85</v>
      </c>
      <c r="U1621" s="53">
        <v>-717196.28333333298</v>
      </c>
      <c r="V1621" s="53">
        <v>-710188.307142857</v>
      </c>
      <c r="W1621" s="53">
        <v>-667019.17380952404</v>
      </c>
      <c r="X1621" s="53">
        <v>-755740.15238095203</v>
      </c>
      <c r="Y1621" s="53">
        <v>-604367.866666666</v>
      </c>
      <c r="Z1621" s="53">
        <v>-714252.933333333</v>
      </c>
      <c r="AA1621" s="53">
        <v>-7630144.3166666701</v>
      </c>
      <c r="AB1621" s="53">
        <v>93086.283333333806</v>
      </c>
      <c r="AC1621" s="53">
        <v>2576872.3533333298</v>
      </c>
      <c r="AD1621" s="53">
        <v>2952574.14666666</v>
      </c>
      <c r="AE1621" s="53">
        <v>3101679.92</v>
      </c>
      <c r="AF1621" s="53">
        <v>2980045.4133333298</v>
      </c>
      <c r="AG1621" s="53">
        <v>3010454.04</v>
      </c>
      <c r="AH1621" s="53">
        <v>3175529.44190476</v>
      </c>
      <c r="AI1621" s="53">
        <v>3144500.2310204101</v>
      </c>
      <c r="AJ1621" s="53">
        <v>2953360.2919727899</v>
      </c>
      <c r="AK1621" s="53">
        <v>3346190.1017687102</v>
      </c>
      <c r="AL1621" s="53">
        <v>2675959.14666666</v>
      </c>
      <c r="AM1621" s="53">
        <v>3162497.1733333301</v>
      </c>
      <c r="AN1621" s="53">
        <v>33172748.543333299</v>
      </c>
      <c r="AO1621" s="53">
        <v>2446992.5666666599</v>
      </c>
      <c r="AP1621" s="53">
        <v>1027689.4816666601</v>
      </c>
      <c r="AQ1621" s="53">
        <v>936727.78333333298</v>
      </c>
      <c r="AR1621" s="53">
        <v>848362.38999999897</v>
      </c>
      <c r="AS1621" s="53">
        <v>815093.27666666603</v>
      </c>
      <c r="AT1621" s="53">
        <v>823410.554999999</v>
      </c>
      <c r="AU1621" s="53">
        <v>868561.49452380894</v>
      </c>
      <c r="AV1621" s="53">
        <v>860074.47581632598</v>
      </c>
      <c r="AW1621" s="53">
        <v>807794.44057822996</v>
      </c>
      <c r="AX1621" s="53">
        <v>915240.09741496504</v>
      </c>
      <c r="AY1621" s="53">
        <v>731920.49333333306</v>
      </c>
      <c r="AZ1621" s="53">
        <v>864996.94666666596</v>
      </c>
      <c r="BA1621" s="53">
        <v>11946864.0016666</v>
      </c>
      <c r="BB1621" s="53">
        <v>710878.25833333295</v>
      </c>
      <c r="BC1621" s="53">
        <v>461981.15083333303</v>
      </c>
      <c r="BD1621" s="53">
        <v>459972.79166666698</v>
      </c>
      <c r="BE1621" s="53">
        <v>444120.15500000003</v>
      </c>
      <c r="BF1621" s="53">
        <v>426703.67833333299</v>
      </c>
      <c r="BG1621" s="53">
        <v>431057.79749999999</v>
      </c>
      <c r="BH1621" s="53">
        <v>454694.44440476201</v>
      </c>
      <c r="BI1621" s="53">
        <v>450251.46566326497</v>
      </c>
      <c r="BJ1621" s="53">
        <v>422882.71661564597</v>
      </c>
      <c r="BK1621" s="53">
        <v>479130.82748299302</v>
      </c>
      <c r="BL1621" s="53">
        <v>383162.48666666599</v>
      </c>
      <c r="BM1621" s="53">
        <v>452828.39333333302</v>
      </c>
      <c r="BN1621" s="53">
        <v>5577664.1658333298</v>
      </c>
      <c r="BO1621" s="53">
        <v>445273.40416666598</v>
      </c>
      <c r="BP1621" s="53">
        <v>559949.121666666</v>
      </c>
      <c r="BQ1621" s="53">
        <v>599117.363333332</v>
      </c>
      <c r="BR1621" s="53">
        <v>605443.77999999898</v>
      </c>
      <c r="BS1621" s="53">
        <v>581700.88666666602</v>
      </c>
      <c r="BT1621" s="53">
        <v>587636.60999999905</v>
      </c>
      <c r="BU1621" s="53">
        <v>619859.10809523705</v>
      </c>
      <c r="BV1621" s="53">
        <v>613802.24755102</v>
      </c>
      <c r="BW1621" s="53">
        <v>576491.98659863905</v>
      </c>
      <c r="BX1621" s="53">
        <v>653171.84108843398</v>
      </c>
      <c r="BY1621" s="53">
        <v>522343.65333333297</v>
      </c>
      <c r="BZ1621" s="53">
        <v>617315.22666666599</v>
      </c>
      <c r="CA1621" s="53">
        <v>6982105.2291666605</v>
      </c>
      <c r="CB1621" s="53"/>
      <c r="CC1621" s="53"/>
      <c r="CD1621" s="53"/>
      <c r="CE1621" s="53"/>
      <c r="CF1621" s="53"/>
      <c r="CG1621" s="53"/>
      <c r="CH1621" s="53"/>
      <c r="CI1621" s="53"/>
      <c r="CJ1621" s="53"/>
      <c r="CK1621" s="53"/>
      <c r="CL1621" s="53"/>
      <c r="CM1621" s="53"/>
      <c r="CN1621" s="53"/>
    </row>
    <row r="1622" spans="1:92" outlineLevel="1">
      <c r="A1622" s="52" t="s">
        <v>1255</v>
      </c>
      <c r="B1622" s="53"/>
      <c r="C1622" s="53"/>
      <c r="D1622" s="53"/>
      <c r="E1622" s="53"/>
      <c r="F1622" s="53"/>
      <c r="G1622" s="53"/>
      <c r="H1622" s="53"/>
      <c r="I1622" s="53"/>
      <c r="J1622" s="53"/>
      <c r="K1622" s="53"/>
      <c r="L1622" s="53"/>
      <c r="M1622" s="53"/>
      <c r="N1622" s="53"/>
      <c r="O1622" s="53"/>
      <c r="P1622" s="53"/>
      <c r="Q1622" s="53"/>
      <c r="R1622" s="53"/>
      <c r="S1622" s="53"/>
      <c r="T1622" s="53"/>
      <c r="U1622" s="53"/>
      <c r="V1622" s="53"/>
      <c r="W1622" s="53"/>
      <c r="X1622" s="53"/>
      <c r="Y1622" s="53"/>
      <c r="Z1622" s="53"/>
      <c r="AA1622" s="53"/>
      <c r="AB1622" s="53"/>
      <c r="AC1622" s="53"/>
      <c r="AD1622" s="53"/>
      <c r="AE1622" s="53"/>
      <c r="AF1622" s="53"/>
      <c r="AG1622" s="53"/>
      <c r="AH1622" s="53"/>
      <c r="AI1622" s="53"/>
      <c r="AJ1622" s="53"/>
      <c r="AK1622" s="53"/>
      <c r="AL1622" s="53"/>
      <c r="AM1622" s="53"/>
      <c r="AN1622" s="53"/>
      <c r="AO1622" s="53"/>
      <c r="AP1622" s="53"/>
      <c r="AQ1622" s="53"/>
      <c r="AR1622" s="53"/>
      <c r="AS1622" s="53"/>
      <c r="AT1622" s="53"/>
      <c r="AU1622" s="53"/>
      <c r="AV1622" s="53"/>
      <c r="AW1622" s="53"/>
      <c r="AX1622" s="53"/>
      <c r="AY1622" s="53"/>
      <c r="AZ1622" s="53"/>
      <c r="BA1622" s="53"/>
      <c r="BB1622" s="53"/>
      <c r="BC1622" s="53"/>
      <c r="BD1622" s="53"/>
      <c r="BE1622" s="53"/>
      <c r="BF1622" s="53"/>
      <c r="BG1622" s="53"/>
      <c r="BH1622" s="53"/>
      <c r="BI1622" s="53"/>
      <c r="BJ1622" s="53"/>
      <c r="BK1622" s="53"/>
      <c r="BL1622" s="53"/>
      <c r="BM1622" s="53"/>
      <c r="BN1622" s="53"/>
      <c r="BO1622" s="53"/>
      <c r="BP1622" s="53"/>
      <c r="BQ1622" s="53"/>
      <c r="BR1622" s="53"/>
      <c r="BS1622" s="53"/>
      <c r="BT1622" s="53"/>
      <c r="BU1622" s="53"/>
      <c r="BV1622" s="53"/>
      <c r="BW1622" s="53"/>
      <c r="BX1622" s="53"/>
      <c r="BY1622" s="53"/>
      <c r="BZ1622" s="53"/>
      <c r="CA1622" s="53"/>
      <c r="CB1622" s="53"/>
      <c r="CC1622" s="53"/>
      <c r="CD1622" s="53"/>
      <c r="CE1622" s="53"/>
      <c r="CF1622" s="53"/>
      <c r="CG1622" s="53"/>
      <c r="CH1622" s="53"/>
      <c r="CI1622" s="53"/>
      <c r="CJ1622" s="53"/>
      <c r="CK1622" s="53"/>
      <c r="CL1622" s="53"/>
      <c r="CM1622" s="53"/>
      <c r="CN1622" s="53"/>
    </row>
    <row r="1623" spans="1:92" outlineLevel="1">
      <c r="A1623" s="52" t="s">
        <v>1249</v>
      </c>
      <c r="B1623" s="53"/>
      <c r="C1623" s="53"/>
      <c r="D1623" s="53"/>
      <c r="E1623" s="53"/>
      <c r="F1623" s="53"/>
      <c r="G1623" s="53"/>
      <c r="H1623" s="53"/>
      <c r="I1623" s="53"/>
      <c r="J1623" s="53"/>
      <c r="K1623" s="53"/>
      <c r="L1623" s="53"/>
      <c r="M1623" s="53"/>
      <c r="N1623" s="53"/>
      <c r="O1623" s="53">
        <v>-477608.48927425197</v>
      </c>
      <c r="P1623" s="53">
        <v>-1927505.79494844</v>
      </c>
      <c r="Q1623" s="53">
        <v>-1559813.03298324</v>
      </c>
      <c r="R1623" s="53">
        <v>-1713705.0861827401</v>
      </c>
      <c r="S1623" s="53">
        <v>-1795854.2300163701</v>
      </c>
      <c r="T1623" s="53">
        <v>-2101310.0378430099</v>
      </c>
      <c r="U1623" s="53">
        <v>-2371160.7427544701</v>
      </c>
      <c r="V1623" s="53">
        <v>-2590647.5960921999</v>
      </c>
      <c r="W1623" s="53">
        <v>-2661505.7180249002</v>
      </c>
      <c r="X1623" s="53">
        <v>-2402168.6010165098</v>
      </c>
      <c r="Y1623" s="53">
        <v>-1669200.7942788899</v>
      </c>
      <c r="Z1623" s="53">
        <v>-1672888.94605902</v>
      </c>
      <c r="AA1623" s="53">
        <v>-22943369.069474101</v>
      </c>
      <c r="AB1623" s="53">
        <v>-1708822.1378110501</v>
      </c>
      <c r="AC1623" s="53">
        <v>-2087407.7116034301</v>
      </c>
      <c r="AD1623" s="53">
        <v>-1625328.39831732</v>
      </c>
      <c r="AE1623" s="53">
        <v>-1713705.0861827401</v>
      </c>
      <c r="AF1623" s="53">
        <v>-1795854.2300163701</v>
      </c>
      <c r="AG1623" s="53">
        <v>-2101310.0378430099</v>
      </c>
      <c r="AH1623" s="53">
        <v>-2371160.7427544701</v>
      </c>
      <c r="AI1623" s="53">
        <v>-2590647.5960921999</v>
      </c>
      <c r="AJ1623" s="53">
        <v>-2661505.7180249002</v>
      </c>
      <c r="AK1623" s="53">
        <v>-2402168.6010165098</v>
      </c>
      <c r="AL1623" s="53">
        <v>-1669200.7942788899</v>
      </c>
      <c r="AM1623" s="53">
        <v>-1672888.94605902</v>
      </c>
      <c r="AN1623" s="53">
        <v>-24399999.999999899</v>
      </c>
      <c r="AO1623" s="53">
        <v>-1231213.6485367999</v>
      </c>
      <c r="AP1623" s="53">
        <v>-159901.91665498799</v>
      </c>
      <c r="AQ1623" s="53">
        <v>-65515.365334078</v>
      </c>
      <c r="AR1623" s="53"/>
      <c r="AS1623" s="53"/>
      <c r="AT1623" s="53"/>
      <c r="AU1623" s="53"/>
      <c r="AV1623" s="53"/>
      <c r="AW1623" s="53"/>
      <c r="AX1623" s="53"/>
      <c r="AY1623" s="53"/>
      <c r="AZ1623" s="53"/>
      <c r="BA1623" s="53">
        <v>-1456630.9305258701</v>
      </c>
      <c r="BB1623" s="53"/>
      <c r="BC1623" s="53"/>
      <c r="BD1623" s="53"/>
      <c r="BE1623" s="53"/>
      <c r="BF1623" s="53"/>
      <c r="BG1623" s="53"/>
      <c r="BH1623" s="53"/>
      <c r="BI1623" s="53"/>
      <c r="BJ1623" s="53"/>
      <c r="BK1623" s="53"/>
      <c r="BL1623" s="53"/>
      <c r="BM1623" s="53"/>
      <c r="BN1623" s="53"/>
      <c r="BO1623" s="53"/>
      <c r="BP1623" s="53"/>
      <c r="BQ1623" s="53"/>
      <c r="BR1623" s="53"/>
      <c r="BS1623" s="53"/>
      <c r="BT1623" s="53"/>
      <c r="BU1623" s="53"/>
      <c r="BV1623" s="53"/>
      <c r="BW1623" s="53"/>
      <c r="BX1623" s="53"/>
      <c r="BY1623" s="53"/>
      <c r="BZ1623" s="53"/>
      <c r="CA1623" s="53"/>
      <c r="CB1623" s="53"/>
      <c r="CC1623" s="53"/>
      <c r="CD1623" s="53"/>
      <c r="CE1623" s="53"/>
      <c r="CF1623" s="53"/>
      <c r="CG1623" s="53"/>
      <c r="CH1623" s="53"/>
      <c r="CI1623" s="53"/>
      <c r="CJ1623" s="53"/>
      <c r="CK1623" s="53"/>
      <c r="CL1623" s="53"/>
      <c r="CM1623" s="53"/>
      <c r="CN1623" s="53"/>
    </row>
    <row r="1624" spans="1:92" outlineLevel="1">
      <c r="A1624" s="52" t="s">
        <v>1256</v>
      </c>
      <c r="B1624" s="53"/>
      <c r="C1624" s="53"/>
      <c r="D1624" s="53"/>
      <c r="E1624" s="53"/>
      <c r="F1624" s="53"/>
      <c r="G1624" s="53"/>
      <c r="H1624" s="53"/>
      <c r="I1624" s="53"/>
      <c r="J1624" s="53"/>
      <c r="K1624" s="53"/>
      <c r="L1624" s="53"/>
      <c r="M1624" s="53"/>
      <c r="N1624" s="53"/>
      <c r="O1624" s="53"/>
      <c r="P1624" s="53"/>
      <c r="Q1624" s="53"/>
      <c r="R1624" s="53"/>
      <c r="S1624" s="53"/>
      <c r="T1624" s="53"/>
      <c r="U1624" s="53"/>
      <c r="V1624" s="53"/>
      <c r="W1624" s="53"/>
      <c r="X1624" s="53"/>
      <c r="Y1624" s="53"/>
      <c r="Z1624" s="53"/>
      <c r="AA1624" s="53"/>
      <c r="AB1624" s="53"/>
      <c r="AC1624" s="53"/>
      <c r="AD1624" s="53"/>
      <c r="AE1624" s="53"/>
      <c r="AF1624" s="53"/>
      <c r="AG1624" s="53"/>
      <c r="AH1624" s="53"/>
      <c r="AI1624" s="53"/>
      <c r="AJ1624" s="53"/>
      <c r="AK1624" s="53"/>
      <c r="AL1624" s="53"/>
      <c r="AM1624" s="53"/>
      <c r="AN1624" s="53"/>
      <c r="AO1624" s="53"/>
      <c r="AP1624" s="53"/>
      <c r="AQ1624" s="53"/>
      <c r="AR1624" s="53"/>
      <c r="AS1624" s="53"/>
      <c r="AT1624" s="53"/>
      <c r="AU1624" s="53"/>
      <c r="AV1624" s="53"/>
      <c r="AW1624" s="53"/>
      <c r="AX1624" s="53"/>
      <c r="AY1624" s="53"/>
      <c r="AZ1624" s="53"/>
      <c r="BA1624" s="53"/>
      <c r="BB1624" s="53"/>
      <c r="BC1624" s="53"/>
      <c r="BD1624" s="53"/>
      <c r="BE1624" s="53"/>
      <c r="BF1624" s="53"/>
      <c r="BG1624" s="53"/>
      <c r="BH1624" s="53"/>
      <c r="BI1624" s="53"/>
      <c r="BJ1624" s="53"/>
      <c r="BK1624" s="53"/>
      <c r="BL1624" s="53"/>
      <c r="BM1624" s="53"/>
      <c r="BN1624" s="53"/>
      <c r="BO1624" s="53"/>
      <c r="BP1624" s="53"/>
      <c r="BQ1624" s="53"/>
      <c r="BR1624" s="53"/>
      <c r="BS1624" s="53"/>
      <c r="BT1624" s="53"/>
      <c r="BU1624" s="53"/>
      <c r="BV1624" s="53"/>
      <c r="BW1624" s="53"/>
      <c r="BX1624" s="53"/>
      <c r="BY1624" s="53"/>
      <c r="BZ1624" s="53"/>
      <c r="CA1624" s="53"/>
      <c r="CB1624" s="53">
        <v>-20161917.376749501</v>
      </c>
      <c r="CC1624" s="53">
        <v>-20617263.355098698</v>
      </c>
      <c r="CD1624" s="53">
        <v>-21712703.990340099</v>
      </c>
      <c r="CE1624" s="53">
        <v>-21747301.479328599</v>
      </c>
      <c r="CF1624" s="53">
        <v>-20923967.110188998</v>
      </c>
      <c r="CG1624" s="53">
        <v>-21169406.239618801</v>
      </c>
      <c r="CH1624" s="53">
        <v>-22364903.000026301</v>
      </c>
      <c r="CI1624" s="53">
        <v>-22180169.034013599</v>
      </c>
      <c r="CJ1624" s="53">
        <v>-20860177.574848</v>
      </c>
      <c r="CK1624" s="53">
        <v>-23672237.356111199</v>
      </c>
      <c r="CL1624" s="53">
        <v>-18954499.102572199</v>
      </c>
      <c r="CM1624" s="53">
        <v>-22433130.3953062</v>
      </c>
      <c r="CN1624" s="53">
        <v>-256797676.014202</v>
      </c>
    </row>
    <row r="1625" spans="1:92" outlineLevel="1">
      <c r="A1625" s="52" t="s">
        <v>1249</v>
      </c>
      <c r="B1625" s="53"/>
      <c r="C1625" s="53"/>
      <c r="D1625" s="53"/>
      <c r="E1625" s="53"/>
      <c r="F1625" s="53"/>
      <c r="G1625" s="53"/>
      <c r="H1625" s="53"/>
      <c r="I1625" s="53"/>
      <c r="J1625" s="53"/>
      <c r="K1625" s="53"/>
      <c r="L1625" s="53"/>
      <c r="M1625" s="53"/>
      <c r="N1625" s="53"/>
      <c r="O1625" s="53">
        <v>1090423.63015528</v>
      </c>
      <c r="P1625" s="53">
        <v>4409038.68421729</v>
      </c>
      <c r="Q1625" s="53">
        <v>3591783.0971563398</v>
      </c>
      <c r="R1625" s="53">
        <v>3889432.3190302099</v>
      </c>
      <c r="S1625" s="53">
        <v>4089090.20017908</v>
      </c>
      <c r="T1625" s="53">
        <v>4822691.67479828</v>
      </c>
      <c r="U1625" s="53">
        <v>5469151.7505035</v>
      </c>
      <c r="V1625" s="53">
        <v>5977735.5813080203</v>
      </c>
      <c r="W1625" s="53">
        <v>6136552.9755634097</v>
      </c>
      <c r="X1625" s="53">
        <v>5536244.3077656403</v>
      </c>
      <c r="Y1625" s="53">
        <v>3826388.2514976999</v>
      </c>
      <c r="Z1625" s="53">
        <v>3811725.59988251</v>
      </c>
      <c r="AA1625" s="53">
        <v>52650258.072057299</v>
      </c>
      <c r="AB1625" s="53">
        <v>3896218.2391879</v>
      </c>
      <c r="AC1625" s="53">
        <v>4773138.58612708</v>
      </c>
      <c r="AD1625" s="53">
        <v>3741055.5141568901</v>
      </c>
      <c r="AE1625" s="53">
        <v>3889432.3190302099</v>
      </c>
      <c r="AF1625" s="53">
        <v>4089090.20017908</v>
      </c>
      <c r="AG1625" s="53">
        <v>4822691.67479828</v>
      </c>
      <c r="AH1625" s="53">
        <v>5469151.7505035</v>
      </c>
      <c r="AI1625" s="53">
        <v>5977735.5813080203</v>
      </c>
      <c r="AJ1625" s="53">
        <v>6136552.9755634097</v>
      </c>
      <c r="AK1625" s="53">
        <v>5536244.3077656403</v>
      </c>
      <c r="AL1625" s="53">
        <v>3826388.2514976999</v>
      </c>
      <c r="AM1625" s="53">
        <v>3811725.59988251</v>
      </c>
      <c r="AN1625" s="53">
        <v>55969425.000000201</v>
      </c>
      <c r="AO1625" s="53">
        <v>3896218.2391879</v>
      </c>
      <c r="AP1625" s="53">
        <v>4773138.58612708</v>
      </c>
      <c r="AQ1625" s="53">
        <v>3741055.5141568901</v>
      </c>
      <c r="AR1625" s="53">
        <v>3889432.3190302099</v>
      </c>
      <c r="AS1625" s="53">
        <v>4089090.20017908</v>
      </c>
      <c r="AT1625" s="53">
        <v>4822691.67479828</v>
      </c>
      <c r="AU1625" s="53">
        <v>5469151.7505035</v>
      </c>
      <c r="AV1625" s="53">
        <v>5977735.5813080203</v>
      </c>
      <c r="AW1625" s="53">
        <v>6136552.9755634097</v>
      </c>
      <c r="AX1625" s="53">
        <v>5536244.3077656403</v>
      </c>
      <c r="AY1625" s="53">
        <v>3826388.2514976999</v>
      </c>
      <c r="AZ1625" s="53">
        <v>3811725.59988251</v>
      </c>
      <c r="BA1625" s="53">
        <v>55969425.000000201</v>
      </c>
      <c r="BB1625" s="53">
        <v>3896218.2391879</v>
      </c>
      <c r="BC1625" s="53">
        <v>4773138.58612708</v>
      </c>
      <c r="BD1625" s="53">
        <v>3741055.5141568901</v>
      </c>
      <c r="BE1625" s="53">
        <v>3889432.3190302099</v>
      </c>
      <c r="BF1625" s="53">
        <v>4089090.20017908</v>
      </c>
      <c r="BG1625" s="53">
        <v>4822691.67479828</v>
      </c>
      <c r="BH1625" s="53">
        <v>5469151.7505035</v>
      </c>
      <c r="BI1625" s="53">
        <v>5977735.5813080203</v>
      </c>
      <c r="BJ1625" s="53">
        <v>6136552.9755634097</v>
      </c>
      <c r="BK1625" s="53">
        <v>5536244.3077656403</v>
      </c>
      <c r="BL1625" s="53">
        <v>3826388.2514976999</v>
      </c>
      <c r="BM1625" s="53">
        <v>3811725.59988251</v>
      </c>
      <c r="BN1625" s="53">
        <v>55969425.000000201</v>
      </c>
      <c r="BO1625" s="53">
        <v>3896218.2391879</v>
      </c>
      <c r="BP1625" s="53">
        <v>4773138.58612708</v>
      </c>
      <c r="BQ1625" s="53">
        <v>3741055.5141568901</v>
      </c>
      <c r="BR1625" s="53">
        <v>3889432.3190302099</v>
      </c>
      <c r="BS1625" s="53">
        <v>4089090.20017908</v>
      </c>
      <c r="BT1625" s="53">
        <v>4822691.67479828</v>
      </c>
      <c r="BU1625" s="53">
        <v>5469151.7505035</v>
      </c>
      <c r="BV1625" s="53">
        <v>5977735.5813080203</v>
      </c>
      <c r="BW1625" s="53">
        <v>6136552.9755634097</v>
      </c>
      <c r="BX1625" s="53">
        <v>5536244.3077656403</v>
      </c>
      <c r="BY1625" s="53">
        <v>3826388.2514976999</v>
      </c>
      <c r="BZ1625" s="53">
        <v>3811725.59988251</v>
      </c>
      <c r="CA1625" s="53">
        <v>55969425.000000201</v>
      </c>
      <c r="CB1625" s="53">
        <v>-366.666666666666</v>
      </c>
      <c r="CC1625" s="53">
        <v>-1595</v>
      </c>
      <c r="CD1625" s="53">
        <v>-1796.6666666666599</v>
      </c>
      <c r="CE1625" s="53">
        <v>-1869.99999999999</v>
      </c>
      <c r="CF1625" s="53">
        <v>-1796.6666666666599</v>
      </c>
      <c r="CG1625" s="53">
        <v>-1815</v>
      </c>
      <c r="CH1625" s="53">
        <v>-1914.5238095238001</v>
      </c>
      <c r="CI1625" s="53">
        <v>-1895.81632653061</v>
      </c>
      <c r="CJ1625" s="53">
        <v>-1780.5782312925101</v>
      </c>
      <c r="CK1625" s="53">
        <v>-2017.4149659863899</v>
      </c>
      <c r="CL1625" s="53">
        <v>-1613.3333333333301</v>
      </c>
      <c r="CM1625" s="53">
        <v>-1906.6666666666599</v>
      </c>
      <c r="CN1625" s="53">
        <v>-20368.333333333299</v>
      </c>
    </row>
    <row r="1626" spans="1:92" outlineLevel="1">
      <c r="A1626" s="52" t="s">
        <v>1257</v>
      </c>
      <c r="B1626" s="53"/>
      <c r="C1626" s="53"/>
      <c r="D1626" s="53"/>
      <c r="E1626" s="53"/>
      <c r="F1626" s="53"/>
      <c r="G1626" s="53"/>
      <c r="H1626" s="53"/>
      <c r="I1626" s="53"/>
      <c r="J1626" s="53"/>
      <c r="K1626" s="53"/>
      <c r="L1626" s="53"/>
      <c r="M1626" s="53"/>
      <c r="N1626" s="53"/>
      <c r="O1626" s="53"/>
      <c r="P1626" s="53"/>
      <c r="Q1626" s="53"/>
      <c r="R1626" s="53"/>
      <c r="S1626" s="53"/>
      <c r="T1626" s="53"/>
      <c r="U1626" s="53"/>
      <c r="V1626" s="53"/>
      <c r="W1626" s="53"/>
      <c r="X1626" s="53"/>
      <c r="Y1626" s="53"/>
      <c r="Z1626" s="53"/>
      <c r="AA1626" s="53"/>
      <c r="AB1626" s="53"/>
      <c r="AC1626" s="53"/>
      <c r="AD1626" s="53"/>
      <c r="AE1626" s="53"/>
      <c r="AF1626" s="53"/>
      <c r="AG1626" s="53"/>
      <c r="AH1626" s="53"/>
      <c r="AI1626" s="53"/>
      <c r="AJ1626" s="53"/>
      <c r="AK1626" s="53"/>
      <c r="AL1626" s="53"/>
      <c r="AM1626" s="53"/>
      <c r="AN1626" s="53"/>
      <c r="AO1626" s="53"/>
      <c r="AP1626" s="53"/>
      <c r="AQ1626" s="53"/>
      <c r="AR1626" s="53"/>
      <c r="AS1626" s="53"/>
      <c r="AT1626" s="53"/>
      <c r="AU1626" s="53"/>
      <c r="AV1626" s="53"/>
      <c r="AW1626" s="53"/>
      <c r="AX1626" s="53"/>
      <c r="AY1626" s="53"/>
      <c r="AZ1626" s="53"/>
      <c r="BA1626" s="53"/>
      <c r="BB1626" s="53"/>
      <c r="BC1626" s="53"/>
      <c r="BD1626" s="53"/>
      <c r="BE1626" s="53"/>
      <c r="BF1626" s="53"/>
      <c r="BG1626" s="53"/>
      <c r="BH1626" s="53"/>
      <c r="BI1626" s="53"/>
      <c r="BJ1626" s="53"/>
      <c r="BK1626" s="53"/>
      <c r="BL1626" s="53"/>
      <c r="BM1626" s="53"/>
      <c r="BN1626" s="53"/>
      <c r="BO1626" s="53"/>
      <c r="BP1626" s="53"/>
      <c r="BQ1626" s="53"/>
      <c r="BR1626" s="53"/>
      <c r="BS1626" s="53"/>
      <c r="BT1626" s="53"/>
      <c r="BU1626" s="53"/>
      <c r="BV1626" s="53"/>
      <c r="BW1626" s="53"/>
      <c r="BX1626" s="53"/>
      <c r="BY1626" s="53"/>
      <c r="BZ1626" s="53"/>
      <c r="CA1626" s="53"/>
      <c r="CB1626" s="53"/>
      <c r="CC1626" s="53"/>
      <c r="CD1626" s="53"/>
      <c r="CE1626" s="53"/>
      <c r="CF1626" s="53"/>
      <c r="CG1626" s="53"/>
      <c r="CH1626" s="53"/>
      <c r="CI1626" s="53"/>
      <c r="CJ1626" s="53"/>
      <c r="CK1626" s="53"/>
      <c r="CL1626" s="53"/>
      <c r="CM1626" s="53"/>
      <c r="CN1626" s="53"/>
    </row>
    <row r="1627" spans="1:92" outlineLevel="1">
      <c r="A1627" s="52" t="s">
        <v>1249</v>
      </c>
      <c r="B1627" s="53"/>
      <c r="C1627" s="53"/>
      <c r="D1627" s="53"/>
      <c r="E1627" s="53"/>
      <c r="F1627" s="53"/>
      <c r="G1627" s="53"/>
      <c r="H1627" s="53"/>
      <c r="I1627" s="53"/>
      <c r="J1627" s="53"/>
      <c r="K1627" s="53"/>
      <c r="L1627" s="53"/>
      <c r="M1627" s="53"/>
      <c r="N1627" s="53"/>
      <c r="O1627" s="53">
        <v>-250166</v>
      </c>
      <c r="P1627" s="53">
        <v>-1088222.0999999901</v>
      </c>
      <c r="Q1627" s="53">
        <v>-1225813.3999999899</v>
      </c>
      <c r="R1627" s="53">
        <v>-1275846.5999999901</v>
      </c>
      <c r="S1627" s="53">
        <v>-1225813.3999999899</v>
      </c>
      <c r="T1627" s="53">
        <v>-1663603.9</v>
      </c>
      <c r="U1627" s="53">
        <v>-3668505.6999999899</v>
      </c>
      <c r="V1627" s="53">
        <v>-3805331.1857142802</v>
      </c>
      <c r="W1627" s="53">
        <v>-3644510.1857142802</v>
      </c>
      <c r="X1627" s="53">
        <v>-4129270.62857142</v>
      </c>
      <c r="Y1627" s="53">
        <v>-3302191.2</v>
      </c>
      <c r="Z1627" s="53">
        <v>-3902589.5999999898</v>
      </c>
      <c r="AA1627" s="53">
        <v>-29181863.899999999</v>
      </c>
      <c r="AB1627" s="53">
        <v>-3564865.5</v>
      </c>
      <c r="AC1627" s="53">
        <v>-3639915.29999999</v>
      </c>
      <c r="AD1627" s="53">
        <v>-4165263.9</v>
      </c>
      <c r="AE1627" s="53">
        <v>-5572447.6500000004</v>
      </c>
      <c r="AF1627" s="53">
        <v>-5441110.4999999898</v>
      </c>
      <c r="AG1627" s="53">
        <v>-5678768.1999999899</v>
      </c>
      <c r="AH1627" s="53">
        <v>-6468577.9999999898</v>
      </c>
      <c r="AI1627" s="53">
        <v>-6448539.1928571397</v>
      </c>
      <c r="AJ1627" s="53">
        <v>-6074183.6428571399</v>
      </c>
      <c r="AK1627" s="53">
        <v>-6882117.7142857099</v>
      </c>
      <c r="AL1627" s="53">
        <v>-5503651.9999999898</v>
      </c>
      <c r="AM1627" s="53">
        <v>-6504316</v>
      </c>
      <c r="AN1627" s="53">
        <v>-65943757.599999897</v>
      </c>
      <c r="AO1627" s="53">
        <v>-5941442.4999999898</v>
      </c>
      <c r="AP1627" s="53">
        <v>-6066525.5</v>
      </c>
      <c r="AQ1627" s="53">
        <v>-6379233</v>
      </c>
      <c r="AR1627" s="53">
        <v>-6379232.9999999898</v>
      </c>
      <c r="AS1627" s="53">
        <v>-6129066.9999999898</v>
      </c>
      <c r="AT1627" s="53">
        <v>-6191608.4999999898</v>
      </c>
      <c r="AU1627" s="53">
        <v>-6531119.5</v>
      </c>
      <c r="AV1627" s="53">
        <v>-6467301.6428571399</v>
      </c>
      <c r="AW1627" s="53">
        <v>-6074183.6428571399</v>
      </c>
      <c r="AX1627" s="53">
        <v>-6882117.7142857099</v>
      </c>
      <c r="AY1627" s="53">
        <v>-5503651.9999999898</v>
      </c>
      <c r="AZ1627" s="53">
        <v>-6504316</v>
      </c>
      <c r="BA1627" s="53">
        <v>-75049800</v>
      </c>
      <c r="BB1627" s="53">
        <v>-5941442.4999999898</v>
      </c>
      <c r="BC1627" s="53">
        <v>-6066525.5</v>
      </c>
      <c r="BD1627" s="53">
        <v>-6379233</v>
      </c>
      <c r="BE1627" s="53">
        <v>-6379232.9999999898</v>
      </c>
      <c r="BF1627" s="53">
        <v>-6129066.9999999898</v>
      </c>
      <c r="BG1627" s="53">
        <v>-6191608.4999999898</v>
      </c>
      <c r="BH1627" s="53">
        <v>-6531119.5</v>
      </c>
      <c r="BI1627" s="53">
        <v>-6467301.6428571399</v>
      </c>
      <c r="BJ1627" s="53">
        <v>-6074183.6428571399</v>
      </c>
      <c r="BK1627" s="53">
        <v>-6882117.7142857099</v>
      </c>
      <c r="BL1627" s="53">
        <v>-5503651.9999999898</v>
      </c>
      <c r="BM1627" s="53">
        <v>-6504316</v>
      </c>
      <c r="BN1627" s="53">
        <v>-75049800</v>
      </c>
      <c r="BO1627" s="53">
        <v>-5941442.4999999898</v>
      </c>
      <c r="BP1627" s="53">
        <v>-6066525.5</v>
      </c>
      <c r="BQ1627" s="53">
        <v>-6379233</v>
      </c>
      <c r="BR1627" s="53">
        <v>-6379232.9999999898</v>
      </c>
      <c r="BS1627" s="53">
        <v>-6129066.9999999898</v>
      </c>
      <c r="BT1627" s="53">
        <v>-6191608.4999999898</v>
      </c>
      <c r="BU1627" s="53">
        <v>-6531119.5</v>
      </c>
      <c r="BV1627" s="53">
        <v>-6467301.6428571399</v>
      </c>
      <c r="BW1627" s="53">
        <v>-6074183.6428571399</v>
      </c>
      <c r="BX1627" s="53">
        <v>-6882117.7142857099</v>
      </c>
      <c r="BY1627" s="53">
        <v>-5503651.9999999898</v>
      </c>
      <c r="BZ1627" s="53">
        <v>-6504316</v>
      </c>
      <c r="CA1627" s="53">
        <v>-75049800</v>
      </c>
      <c r="CB1627" s="53">
        <v>-38535342.511081897</v>
      </c>
      <c r="CC1627" s="53">
        <v>-37814273.513877399</v>
      </c>
      <c r="CD1627" s="53">
        <v>-38973182.962211899</v>
      </c>
      <c r="CE1627" s="53">
        <v>-42890154.586634897</v>
      </c>
      <c r="CF1627" s="53">
        <v>-44791174.580760397</v>
      </c>
      <c r="CG1627" s="53">
        <v>-50813420.757621802</v>
      </c>
      <c r="CH1627" s="53">
        <v>-55351318.099226601</v>
      </c>
      <c r="CI1627" s="53">
        <v>-56893859.624385297</v>
      </c>
      <c r="CJ1627" s="53">
        <v>-52964163.561358698</v>
      </c>
      <c r="CK1627" s="53">
        <v>-56516108.185811102</v>
      </c>
      <c r="CL1627" s="53">
        <v>-41879213.212958202</v>
      </c>
      <c r="CM1627" s="53">
        <v>-43557717.458121501</v>
      </c>
      <c r="CN1627" s="53">
        <v>-560979929.05404997</v>
      </c>
    </row>
    <row r="1628" spans="1:92" outlineLevel="1">
      <c r="A1628" s="52" t="s">
        <v>1258</v>
      </c>
      <c r="B1628" s="53"/>
      <c r="C1628" s="53"/>
      <c r="D1628" s="53"/>
      <c r="E1628" s="53"/>
      <c r="F1628" s="53"/>
      <c r="G1628" s="53"/>
      <c r="H1628" s="53"/>
      <c r="I1628" s="53"/>
      <c r="J1628" s="53"/>
      <c r="K1628" s="53"/>
      <c r="L1628" s="53"/>
      <c r="M1628" s="53"/>
      <c r="N1628" s="53"/>
      <c r="O1628" s="53"/>
      <c r="P1628" s="53"/>
      <c r="Q1628" s="53"/>
      <c r="R1628" s="53"/>
      <c r="S1628" s="53"/>
      <c r="T1628" s="53"/>
      <c r="U1628" s="53"/>
      <c r="V1628" s="53"/>
      <c r="W1628" s="53"/>
      <c r="X1628" s="53"/>
      <c r="Y1628" s="53"/>
      <c r="Z1628" s="53"/>
      <c r="AA1628" s="53"/>
      <c r="AB1628" s="53"/>
      <c r="AC1628" s="53"/>
      <c r="AD1628" s="53"/>
      <c r="AE1628" s="53"/>
      <c r="AF1628" s="53"/>
      <c r="AG1628" s="53"/>
      <c r="AH1628" s="53"/>
      <c r="AI1628" s="53"/>
      <c r="AJ1628" s="53"/>
      <c r="AK1628" s="53"/>
      <c r="AL1628" s="53"/>
      <c r="AM1628" s="53"/>
      <c r="AN1628" s="53"/>
      <c r="AO1628" s="53"/>
      <c r="AP1628" s="53"/>
      <c r="AQ1628" s="53"/>
      <c r="AR1628" s="53"/>
      <c r="AS1628" s="53"/>
      <c r="AT1628" s="53"/>
      <c r="AU1628" s="53"/>
      <c r="AV1628" s="53"/>
      <c r="AW1628" s="53"/>
      <c r="AX1628" s="53"/>
      <c r="AY1628" s="53"/>
      <c r="AZ1628" s="53"/>
      <c r="BA1628" s="53"/>
      <c r="BB1628" s="53"/>
      <c r="BC1628" s="53"/>
      <c r="BD1628" s="53"/>
      <c r="BE1628" s="53"/>
      <c r="BF1628" s="53"/>
      <c r="BG1628" s="53"/>
      <c r="BH1628" s="53"/>
      <c r="BI1628" s="53"/>
      <c r="BJ1628" s="53"/>
      <c r="BK1628" s="53"/>
      <c r="BL1628" s="53"/>
      <c r="BM1628" s="53"/>
      <c r="BN1628" s="53"/>
      <c r="BO1628" s="53"/>
      <c r="BP1628" s="53"/>
      <c r="BQ1628" s="53"/>
      <c r="BR1628" s="53"/>
      <c r="BS1628" s="53"/>
      <c r="BT1628" s="53"/>
      <c r="BU1628" s="53"/>
      <c r="BV1628" s="53"/>
      <c r="BW1628" s="53"/>
      <c r="BX1628" s="53"/>
      <c r="BY1628" s="53"/>
      <c r="BZ1628" s="53"/>
      <c r="CA1628" s="53"/>
      <c r="CB1628" s="53">
        <v>-8808426.4809097201</v>
      </c>
      <c r="CC1628" s="53">
        <v>-8616074.3981727399</v>
      </c>
      <c r="CD1628" s="53">
        <v>-9267340.1550383195</v>
      </c>
      <c r="CE1628" s="53">
        <v>-9354590.6625894196</v>
      </c>
      <c r="CF1628" s="53">
        <v>-9362736.5570452195</v>
      </c>
      <c r="CG1628" s="53">
        <v>-10078958.806493901</v>
      </c>
      <c r="CH1628" s="53">
        <v>-10071600.649500901</v>
      </c>
      <c r="CI1628" s="53">
        <v>-10068898.3983876</v>
      </c>
      <c r="CJ1628" s="53">
        <v>-9792474.7193289995</v>
      </c>
      <c r="CK1628" s="53">
        <v>-11040895.08592</v>
      </c>
      <c r="CL1628" s="53">
        <v>-8810214.0959618203</v>
      </c>
      <c r="CM1628" s="53">
        <v>-10415667.828328401</v>
      </c>
      <c r="CN1628" s="53">
        <v>-115687877.837677</v>
      </c>
    </row>
    <row r="1629" spans="1:92" outlineLevel="1">
      <c r="A1629" s="52" t="s">
        <v>1249</v>
      </c>
      <c r="B1629" s="53"/>
      <c r="C1629" s="53"/>
      <c r="D1629" s="53"/>
      <c r="E1629" s="53"/>
      <c r="F1629" s="53"/>
      <c r="G1629" s="53"/>
      <c r="H1629" s="53"/>
      <c r="I1629" s="53"/>
      <c r="J1629" s="53"/>
      <c r="K1629" s="53"/>
      <c r="L1629" s="53"/>
      <c r="M1629" s="53"/>
      <c r="N1629" s="53"/>
      <c r="O1629" s="53"/>
      <c r="P1629" s="53"/>
      <c r="Q1629" s="53"/>
      <c r="R1629" s="53">
        <v>-7919344.8875022903</v>
      </c>
      <c r="S1629" s="53">
        <v>-32808714.533938002</v>
      </c>
      <c r="T1629" s="53">
        <v>-36202719.485724702</v>
      </c>
      <c r="U1629" s="53">
        <v>-39381232.059620202</v>
      </c>
      <c r="V1629" s="53">
        <v>-38996424.241957299</v>
      </c>
      <c r="W1629" s="53">
        <v>-36626008.0851539</v>
      </c>
      <c r="X1629" s="53">
        <v>-41497675.0567661</v>
      </c>
      <c r="Y1629" s="53">
        <v>-33185826.195247699</v>
      </c>
      <c r="Z1629" s="53">
        <v>-39219612.7762018</v>
      </c>
      <c r="AA1629" s="53">
        <v>-305837557.32211202</v>
      </c>
      <c r="AB1629" s="53">
        <v>-35825607.824415103</v>
      </c>
      <c r="AC1629" s="53">
        <v>-36579831.147034399</v>
      </c>
      <c r="AD1629" s="53">
        <v>-38465389.453582503</v>
      </c>
      <c r="AE1629" s="53">
        <v>-30546044.566080201</v>
      </c>
      <c r="AF1629" s="53">
        <v>-4148228.27440596</v>
      </c>
      <c r="AG1629" s="53">
        <v>-1131334.98392889</v>
      </c>
      <c r="AH1629" s="53"/>
      <c r="AI1629" s="53"/>
      <c r="AJ1629" s="53"/>
      <c r="AK1629" s="53"/>
      <c r="AL1629" s="53"/>
      <c r="AM1629" s="53"/>
      <c r="AN1629" s="53">
        <v>-146696436.24944699</v>
      </c>
      <c r="AO1629" s="53"/>
      <c r="AP1629" s="53"/>
      <c r="AQ1629" s="53"/>
      <c r="AR1629" s="53"/>
      <c r="AS1629" s="53"/>
      <c r="AT1629" s="53"/>
      <c r="AU1629" s="53"/>
      <c r="AV1629" s="53"/>
      <c r="AW1629" s="53"/>
      <c r="AX1629" s="53"/>
      <c r="AY1629" s="53"/>
      <c r="AZ1629" s="53"/>
      <c r="BA1629" s="53"/>
      <c r="BB1629" s="53"/>
      <c r="BC1629" s="53"/>
      <c r="BD1629" s="53"/>
      <c r="BE1629" s="53"/>
      <c r="BF1629" s="53"/>
      <c r="BG1629" s="53"/>
      <c r="BH1629" s="53"/>
      <c r="BI1629" s="53"/>
      <c r="BJ1629" s="53"/>
      <c r="BK1629" s="53"/>
      <c r="BL1629" s="53"/>
      <c r="BM1629" s="53"/>
      <c r="BN1629" s="53"/>
      <c r="BO1629" s="53"/>
      <c r="BP1629" s="53"/>
      <c r="BQ1629" s="53"/>
      <c r="BR1629" s="53"/>
      <c r="BS1629" s="53"/>
      <c r="BT1629" s="53"/>
      <c r="BU1629" s="53"/>
      <c r="BV1629" s="53"/>
      <c r="BW1629" s="53"/>
      <c r="BX1629" s="53"/>
      <c r="BY1629" s="53"/>
      <c r="BZ1629" s="53"/>
      <c r="CA1629" s="53"/>
      <c r="CB1629" s="53">
        <v>-49376.530325675703</v>
      </c>
      <c r="CC1629" s="53">
        <v>-49907.653423199197</v>
      </c>
      <c r="CD1629" s="53">
        <v>-52449.5275017971</v>
      </c>
      <c r="CE1629" s="53">
        <v>-52609.110611679702</v>
      </c>
      <c r="CF1629" s="53">
        <v>-51031.4083067424</v>
      </c>
      <c r="CG1629" s="53">
        <v>-51452.309632148201</v>
      </c>
      <c r="CH1629" s="53">
        <v>-54206.013263014502</v>
      </c>
      <c r="CI1629" s="53">
        <v>-53616.0472143187</v>
      </c>
      <c r="CJ1629" s="53">
        <v>-50392.3521839311</v>
      </c>
      <c r="CK1629" s="53">
        <v>-57135.965466207701</v>
      </c>
      <c r="CL1629" s="53">
        <v>-45775.564153114297</v>
      </c>
      <c r="CM1629" s="53">
        <v>-54102.8818621549</v>
      </c>
      <c r="CN1629" s="53">
        <v>-622055.36394398403</v>
      </c>
    </row>
    <row r="1630" spans="1:92" outlineLevel="1">
      <c r="A1630" s="52" t="s">
        <v>1259</v>
      </c>
      <c r="B1630" s="53"/>
      <c r="C1630" s="53"/>
      <c r="D1630" s="53"/>
      <c r="E1630" s="53"/>
      <c r="F1630" s="53"/>
      <c r="G1630" s="53"/>
      <c r="H1630" s="53"/>
      <c r="I1630" s="53"/>
      <c r="J1630" s="53"/>
      <c r="K1630" s="53"/>
      <c r="L1630" s="53"/>
      <c r="M1630" s="53"/>
      <c r="N1630" s="53"/>
      <c r="O1630" s="53"/>
      <c r="P1630" s="53"/>
      <c r="Q1630" s="53"/>
      <c r="R1630" s="53"/>
      <c r="S1630" s="53"/>
      <c r="T1630" s="53"/>
      <c r="U1630" s="53"/>
      <c r="V1630" s="53"/>
      <c r="W1630" s="53"/>
      <c r="X1630" s="53"/>
      <c r="Y1630" s="53"/>
      <c r="Z1630" s="53"/>
      <c r="AA1630" s="53"/>
      <c r="AB1630" s="53"/>
      <c r="AC1630" s="53"/>
      <c r="AD1630" s="53"/>
      <c r="AE1630" s="53"/>
      <c r="AF1630" s="53"/>
      <c r="AG1630" s="53"/>
      <c r="AH1630" s="53"/>
      <c r="AI1630" s="53"/>
      <c r="AJ1630" s="53"/>
      <c r="AK1630" s="53"/>
      <c r="AL1630" s="53"/>
      <c r="AM1630" s="53"/>
      <c r="AN1630" s="53"/>
      <c r="AO1630" s="53"/>
      <c r="AP1630" s="53"/>
      <c r="AQ1630" s="53"/>
      <c r="AR1630" s="53"/>
      <c r="AS1630" s="53"/>
      <c r="AT1630" s="53"/>
      <c r="AU1630" s="53"/>
      <c r="AV1630" s="53"/>
      <c r="AW1630" s="53"/>
      <c r="AX1630" s="53"/>
      <c r="AY1630" s="53"/>
      <c r="AZ1630" s="53"/>
      <c r="BA1630" s="53"/>
      <c r="BB1630" s="53"/>
      <c r="BC1630" s="53"/>
      <c r="BD1630" s="53"/>
      <c r="BE1630" s="53"/>
      <c r="BF1630" s="53"/>
      <c r="BG1630" s="53"/>
      <c r="BH1630" s="53"/>
      <c r="BI1630" s="53"/>
      <c r="BJ1630" s="53"/>
      <c r="BK1630" s="53"/>
      <c r="BL1630" s="53"/>
      <c r="BM1630" s="53"/>
      <c r="BN1630" s="53"/>
      <c r="BO1630" s="53"/>
      <c r="BP1630" s="53"/>
      <c r="BQ1630" s="53"/>
      <c r="BR1630" s="53"/>
      <c r="BS1630" s="53"/>
      <c r="BT1630" s="53"/>
      <c r="BU1630" s="53"/>
      <c r="BV1630" s="53"/>
      <c r="BW1630" s="53"/>
      <c r="BX1630" s="53"/>
      <c r="BY1630" s="53"/>
      <c r="BZ1630" s="53"/>
      <c r="CA1630" s="53"/>
      <c r="CB1630" s="53">
        <v>-10046258.445913401</v>
      </c>
      <c r="CC1630" s="53">
        <v>-9979372.4781778995</v>
      </c>
      <c r="CD1630" s="53">
        <v>-10814609.434807301</v>
      </c>
      <c r="CE1630" s="53">
        <v>-11184681.5184875</v>
      </c>
      <c r="CF1630" s="53">
        <v>-11483818.979884701</v>
      </c>
      <c r="CG1630" s="53">
        <v>-12668340.537964299</v>
      </c>
      <c r="CH1630" s="53">
        <v>-13469513.030078501</v>
      </c>
      <c r="CI1630" s="53">
        <v>-13023133.765371799</v>
      </c>
      <c r="CJ1630" s="53">
        <v>-11686194.2783795</v>
      </c>
      <c r="CK1630" s="53">
        <v>-14215491.267811401</v>
      </c>
      <c r="CL1630" s="53">
        <v>-10655322.298410499</v>
      </c>
      <c r="CM1630" s="53">
        <v>-11535804.8243379</v>
      </c>
      <c r="CN1630" s="53">
        <v>-140762540.85962501</v>
      </c>
    </row>
    <row r="1631" spans="1:92" outlineLevel="1">
      <c r="A1631" s="52" t="s">
        <v>1249</v>
      </c>
      <c r="B1631" s="53"/>
      <c r="C1631" s="53"/>
      <c r="D1631" s="53"/>
      <c r="E1631" s="53"/>
      <c r="F1631" s="53"/>
      <c r="G1631" s="53"/>
      <c r="H1631" s="53"/>
      <c r="I1631" s="53"/>
      <c r="J1631" s="53"/>
      <c r="K1631" s="53"/>
      <c r="L1631" s="53"/>
      <c r="M1631" s="53"/>
      <c r="N1631" s="53"/>
      <c r="O1631" s="53">
        <v>-369304.95752416202</v>
      </c>
      <c r="P1631" s="53">
        <v>-1606476.5652300999</v>
      </c>
      <c r="Q1631" s="53">
        <v>-1809594.29186839</v>
      </c>
      <c r="R1631" s="53">
        <v>-1883455.2833732199</v>
      </c>
      <c r="S1631" s="53">
        <v>-1809594.29186839</v>
      </c>
      <c r="T1631" s="53">
        <v>-1690884.88540312</v>
      </c>
      <c r="U1631" s="53">
        <v>-1166346.12468844</v>
      </c>
      <c r="V1631" s="53">
        <v>-1099254.126589</v>
      </c>
      <c r="W1631" s="53">
        <v>-791380.44074028905</v>
      </c>
      <c r="X1631" s="53">
        <v>-93989.687734034305</v>
      </c>
      <c r="Y1631" s="53">
        <v>-31188.4516860113</v>
      </c>
      <c r="Z1631" s="53"/>
      <c r="AA1631" s="53">
        <v>-12351469.106705099</v>
      </c>
      <c r="AB1631" s="53">
        <v>-369304.95752416202</v>
      </c>
      <c r="AC1631" s="53">
        <v>-1606476.5652300999</v>
      </c>
      <c r="AD1631" s="53">
        <v>-1809594.29186839</v>
      </c>
      <c r="AE1631" s="53">
        <v>-1883455.2833732199</v>
      </c>
      <c r="AF1631" s="53">
        <v>-1809594.29186839</v>
      </c>
      <c r="AG1631" s="53">
        <v>-1690884.88540312</v>
      </c>
      <c r="AH1631" s="53">
        <v>-1166346.12468844</v>
      </c>
      <c r="AI1631" s="53">
        <v>-1099254.126589</v>
      </c>
      <c r="AJ1631" s="53">
        <v>-791380.44074028905</v>
      </c>
      <c r="AK1631" s="53">
        <v>-93989.687734034305</v>
      </c>
      <c r="AL1631" s="53">
        <v>-31188.4516860113</v>
      </c>
      <c r="AM1631" s="53"/>
      <c r="AN1631" s="53">
        <v>-12351469.106705099</v>
      </c>
      <c r="AO1631" s="53">
        <v>-369304.95752416202</v>
      </c>
      <c r="AP1631" s="53">
        <v>-1606476.5652300999</v>
      </c>
      <c r="AQ1631" s="53">
        <v>-1809594.29186839</v>
      </c>
      <c r="AR1631" s="53">
        <v>-1883455.2833732199</v>
      </c>
      <c r="AS1631" s="53">
        <v>-1809594.29186839</v>
      </c>
      <c r="AT1631" s="53">
        <v>-1690884.88540312</v>
      </c>
      <c r="AU1631" s="53">
        <v>-1166346.12468844</v>
      </c>
      <c r="AV1631" s="53">
        <v>-1099254.126589</v>
      </c>
      <c r="AW1631" s="53">
        <v>-791380.44074028905</v>
      </c>
      <c r="AX1631" s="53">
        <v>-93989.687734034305</v>
      </c>
      <c r="AY1631" s="53">
        <v>-31188.4516860113</v>
      </c>
      <c r="AZ1631" s="53"/>
      <c r="BA1631" s="53">
        <v>-12351469.106705099</v>
      </c>
      <c r="BB1631" s="53">
        <v>-369304.95752416202</v>
      </c>
      <c r="BC1631" s="53">
        <v>-1606476.5652300999</v>
      </c>
      <c r="BD1631" s="53">
        <v>-1809594.29186839</v>
      </c>
      <c r="BE1631" s="53">
        <v>-1883455.2833732199</v>
      </c>
      <c r="BF1631" s="53">
        <v>-1809594.29186839</v>
      </c>
      <c r="BG1631" s="53">
        <v>-1690884.88540312</v>
      </c>
      <c r="BH1631" s="53">
        <v>-1166346.12468844</v>
      </c>
      <c r="BI1631" s="53">
        <v>-1099254.126589</v>
      </c>
      <c r="BJ1631" s="53">
        <v>-791380.44074028905</v>
      </c>
      <c r="BK1631" s="53">
        <v>-93989.687734034305</v>
      </c>
      <c r="BL1631" s="53">
        <v>-31188.4516860113</v>
      </c>
      <c r="BM1631" s="53"/>
      <c r="BN1631" s="53">
        <v>-12351469.106705099</v>
      </c>
      <c r="BO1631" s="53">
        <v>-369304.95752416202</v>
      </c>
      <c r="BP1631" s="53">
        <v>-1606476.5652300999</v>
      </c>
      <c r="BQ1631" s="53">
        <v>-1809594.29186839</v>
      </c>
      <c r="BR1631" s="53">
        <v>-1883455.2833732199</v>
      </c>
      <c r="BS1631" s="53">
        <v>-1809594.29186839</v>
      </c>
      <c r="BT1631" s="53">
        <v>-1690884.88540312</v>
      </c>
      <c r="BU1631" s="53">
        <v>-1166346.12468844</v>
      </c>
      <c r="BV1631" s="53">
        <v>-1099254.126589</v>
      </c>
      <c r="BW1631" s="53">
        <v>-791380.44074028905</v>
      </c>
      <c r="BX1631" s="53">
        <v>-93989.687734034305</v>
      </c>
      <c r="BY1631" s="53">
        <v>-31188.4516860113</v>
      </c>
      <c r="BZ1631" s="53"/>
      <c r="CA1631" s="53">
        <v>-12351469.106705099</v>
      </c>
      <c r="CB1631" s="53">
        <v>-100699982.184112</v>
      </c>
      <c r="CC1631" s="53">
        <v>-104006422.67884099</v>
      </c>
      <c r="CD1631" s="53">
        <v>-95439177.5551534</v>
      </c>
      <c r="CE1631" s="53">
        <v>-96548193.388047293</v>
      </c>
      <c r="CF1631" s="53">
        <v>-100691957.71725599</v>
      </c>
      <c r="CG1631" s="53">
        <v>-129458164.096973</v>
      </c>
      <c r="CH1631" s="53">
        <v>-159971453.52361199</v>
      </c>
      <c r="CI1631" s="53">
        <v>-171620463.746696</v>
      </c>
      <c r="CJ1631" s="53">
        <v>-159232770.90698299</v>
      </c>
      <c r="CK1631" s="53">
        <v>-159376266.74031901</v>
      </c>
      <c r="CL1631" s="53">
        <v>-105253752.25376201</v>
      </c>
      <c r="CM1631" s="53">
        <v>-104006436.47570001</v>
      </c>
      <c r="CN1631" s="53">
        <v>-1486305041.2674501</v>
      </c>
    </row>
    <row r="1632" spans="1:92" outlineLevel="1">
      <c r="A1632" s="52" t="s">
        <v>1404</v>
      </c>
      <c r="B1632" s="53"/>
      <c r="C1632" s="53"/>
      <c r="D1632" s="53"/>
      <c r="E1632" s="53"/>
      <c r="F1632" s="53"/>
      <c r="G1632" s="53"/>
      <c r="H1632" s="53"/>
      <c r="I1632" s="53"/>
      <c r="J1632" s="53"/>
      <c r="K1632" s="53"/>
      <c r="L1632" s="53"/>
      <c r="M1632" s="53"/>
      <c r="N1632" s="53"/>
      <c r="O1632" s="53"/>
      <c r="P1632" s="53"/>
      <c r="Q1632" s="53"/>
      <c r="R1632" s="53"/>
      <c r="S1632" s="53"/>
      <c r="T1632" s="53"/>
      <c r="U1632" s="53"/>
      <c r="V1632" s="53"/>
      <c r="W1632" s="53"/>
      <c r="X1632" s="53"/>
      <c r="Y1632" s="53"/>
      <c r="Z1632" s="53"/>
      <c r="AA1632" s="53"/>
      <c r="AB1632" s="53"/>
      <c r="AC1632" s="53"/>
      <c r="AD1632" s="53"/>
      <c r="AE1632" s="53"/>
      <c r="AF1632" s="53"/>
      <c r="AG1632" s="53"/>
      <c r="AH1632" s="53"/>
      <c r="AI1632" s="53"/>
      <c r="AJ1632" s="53"/>
      <c r="AK1632" s="53"/>
      <c r="AL1632" s="53"/>
      <c r="AM1632" s="53"/>
      <c r="AN1632" s="53"/>
      <c r="AO1632" s="53"/>
      <c r="AP1632" s="53"/>
      <c r="AQ1632" s="53"/>
      <c r="AR1632" s="53"/>
      <c r="AS1632" s="53"/>
      <c r="AT1632" s="53"/>
      <c r="AU1632" s="53"/>
      <c r="AV1632" s="53"/>
      <c r="AW1632" s="53"/>
      <c r="AX1632" s="53"/>
      <c r="AY1632" s="53"/>
      <c r="AZ1632" s="53"/>
      <c r="BA1632" s="53"/>
      <c r="BB1632" s="53"/>
      <c r="BC1632" s="53"/>
      <c r="BD1632" s="53"/>
      <c r="BE1632" s="53"/>
      <c r="BF1632" s="53"/>
      <c r="BG1632" s="53"/>
      <c r="BH1632" s="53"/>
      <c r="BI1632" s="53"/>
      <c r="BJ1632" s="53"/>
      <c r="BK1632" s="53"/>
      <c r="BL1632" s="53"/>
      <c r="BM1632" s="53"/>
      <c r="BN1632" s="53"/>
      <c r="BO1632" s="53"/>
      <c r="BP1632" s="53"/>
      <c r="BQ1632" s="53"/>
      <c r="BR1632" s="53"/>
      <c r="BS1632" s="53"/>
      <c r="BT1632" s="53"/>
      <c r="BU1632" s="53"/>
      <c r="BV1632" s="53"/>
      <c r="BW1632" s="53"/>
      <c r="BX1632" s="53"/>
      <c r="BY1632" s="53"/>
      <c r="BZ1632" s="53"/>
      <c r="CA1632" s="53"/>
      <c r="CB1632" s="53">
        <v>-38319.176596266603</v>
      </c>
      <c r="CC1632" s="53">
        <v>-39334.990474999999</v>
      </c>
      <c r="CD1632" s="53">
        <v>-39441.555312466597</v>
      </c>
      <c r="CE1632" s="53">
        <v>-41096.115565599997</v>
      </c>
      <c r="CF1632" s="53">
        <v>-36379.557334500001</v>
      </c>
      <c r="CG1632" s="53">
        <v>-37156.541782833301</v>
      </c>
      <c r="CH1632" s="53">
        <v>-38465.939734476196</v>
      </c>
      <c r="CI1632" s="53">
        <v>-38953.446999412197</v>
      </c>
      <c r="CJ1632" s="53">
        <v>-36355.384284450301</v>
      </c>
      <c r="CK1632" s="53">
        <v>-40699.005100261202</v>
      </c>
      <c r="CL1632" s="53">
        <v>-32884.874348400001</v>
      </c>
      <c r="CM1632" s="53">
        <v>-39267.981789666599</v>
      </c>
      <c r="CN1632" s="53">
        <v>-458354.56932333298</v>
      </c>
    </row>
    <row r="1633" spans="1:92" outlineLevel="1">
      <c r="A1633" s="52" t="s">
        <v>649</v>
      </c>
      <c r="B1633" s="53"/>
      <c r="C1633" s="53"/>
      <c r="D1633" s="53"/>
      <c r="E1633" s="53"/>
      <c r="F1633" s="53"/>
      <c r="G1633" s="53"/>
      <c r="H1633" s="53"/>
      <c r="I1633" s="53"/>
      <c r="J1633" s="53"/>
      <c r="K1633" s="53"/>
      <c r="L1633" s="53"/>
      <c r="M1633" s="53"/>
      <c r="N1633" s="53"/>
      <c r="O1633" s="53"/>
      <c r="P1633" s="53"/>
      <c r="Q1633" s="53"/>
      <c r="R1633" s="53">
        <v>1056106.7838025701</v>
      </c>
      <c r="S1633" s="53">
        <v>939504.95851226896</v>
      </c>
      <c r="T1633" s="53">
        <v>806225.79444331594</v>
      </c>
      <c r="U1633" s="53">
        <v>655766.38637625903</v>
      </c>
      <c r="V1633" s="53">
        <v>494810.67529495398</v>
      </c>
      <c r="W1633" s="53">
        <v>331686.88066475</v>
      </c>
      <c r="X1633" s="53">
        <v>177165.39238004401</v>
      </c>
      <c r="Y1633" s="53">
        <v>42049.012347483302</v>
      </c>
      <c r="Z1633" s="53"/>
      <c r="AA1633" s="53">
        <v>4503315.8838216504</v>
      </c>
      <c r="AB1633" s="53"/>
      <c r="AC1633" s="53"/>
      <c r="AD1633" s="53"/>
      <c r="AE1633" s="53"/>
      <c r="AF1633" s="53"/>
      <c r="AG1633" s="53"/>
      <c r="AH1633" s="53"/>
      <c r="AI1633" s="53"/>
      <c r="AJ1633" s="53"/>
      <c r="AK1633" s="53"/>
      <c r="AL1633" s="53"/>
      <c r="AM1633" s="53"/>
      <c r="AN1633" s="53"/>
      <c r="AO1633" s="53"/>
      <c r="AP1633" s="53"/>
      <c r="AQ1633" s="53"/>
      <c r="AR1633" s="53"/>
      <c r="AS1633" s="53"/>
      <c r="AT1633" s="53"/>
      <c r="AU1633" s="53"/>
      <c r="AV1633" s="53"/>
      <c r="AW1633" s="53"/>
      <c r="AX1633" s="53"/>
      <c r="AY1633" s="53"/>
      <c r="AZ1633" s="53"/>
      <c r="BA1633" s="53"/>
      <c r="BB1633" s="53"/>
      <c r="BC1633" s="53"/>
      <c r="BD1633" s="53"/>
      <c r="BE1633" s="53"/>
      <c r="BF1633" s="53"/>
      <c r="BG1633" s="53"/>
      <c r="BH1633" s="53"/>
      <c r="BI1633" s="53"/>
      <c r="BJ1633" s="53"/>
      <c r="BK1633" s="53"/>
      <c r="BL1633" s="53"/>
      <c r="BM1633" s="53"/>
      <c r="BN1633" s="53"/>
      <c r="BO1633" s="53"/>
      <c r="BP1633" s="53"/>
      <c r="BQ1633" s="53"/>
      <c r="BR1633" s="53"/>
      <c r="BS1633" s="53"/>
      <c r="BT1633" s="53"/>
      <c r="BU1633" s="53"/>
      <c r="BV1633" s="53"/>
      <c r="BW1633" s="53"/>
      <c r="BX1633" s="53"/>
      <c r="BY1633" s="53"/>
      <c r="BZ1633" s="53"/>
      <c r="CA1633" s="53"/>
      <c r="CB1633" s="53"/>
      <c r="CC1633" s="53"/>
      <c r="CD1633" s="53"/>
      <c r="CE1633" s="53"/>
      <c r="CF1633" s="53"/>
      <c r="CG1633" s="53"/>
      <c r="CH1633" s="53"/>
      <c r="CI1633" s="53"/>
      <c r="CJ1633" s="53"/>
      <c r="CK1633" s="53"/>
      <c r="CL1633" s="53"/>
      <c r="CM1633" s="53"/>
      <c r="CN1633" s="53"/>
    </row>
    <row r="1634" spans="1:92" outlineLevel="1">
      <c r="A1634" s="52" t="s">
        <v>1405</v>
      </c>
      <c r="B1634" s="53"/>
      <c r="C1634" s="53"/>
      <c r="D1634" s="53"/>
      <c r="E1634" s="53"/>
      <c r="F1634" s="53"/>
      <c r="G1634" s="53"/>
      <c r="H1634" s="53"/>
      <c r="I1634" s="53"/>
      <c r="J1634" s="53"/>
      <c r="K1634" s="53"/>
      <c r="L1634" s="53"/>
      <c r="M1634" s="53"/>
      <c r="N1634" s="53"/>
      <c r="O1634" s="53"/>
      <c r="P1634" s="53"/>
      <c r="Q1634" s="53"/>
      <c r="R1634" s="53"/>
      <c r="S1634" s="53"/>
      <c r="T1634" s="53"/>
      <c r="U1634" s="53"/>
      <c r="V1634" s="53"/>
      <c r="W1634" s="53"/>
      <c r="X1634" s="53"/>
      <c r="Y1634" s="53"/>
      <c r="Z1634" s="53"/>
      <c r="AA1634" s="53"/>
      <c r="AB1634" s="53"/>
      <c r="AC1634" s="53"/>
      <c r="AD1634" s="53"/>
      <c r="AE1634" s="53"/>
      <c r="AF1634" s="53"/>
      <c r="AG1634" s="53"/>
      <c r="AH1634" s="53"/>
      <c r="AI1634" s="53"/>
      <c r="AJ1634" s="53"/>
      <c r="AK1634" s="53"/>
      <c r="AL1634" s="53"/>
      <c r="AM1634" s="53"/>
      <c r="AN1634" s="53"/>
      <c r="AO1634" s="53"/>
      <c r="AP1634" s="53"/>
      <c r="AQ1634" s="53"/>
      <c r="AR1634" s="53"/>
      <c r="AS1634" s="53"/>
      <c r="AT1634" s="53"/>
      <c r="AU1634" s="53"/>
      <c r="AV1634" s="53"/>
      <c r="AW1634" s="53"/>
      <c r="AX1634" s="53"/>
      <c r="AY1634" s="53"/>
      <c r="AZ1634" s="53"/>
      <c r="BA1634" s="53"/>
      <c r="BB1634" s="53"/>
      <c r="BC1634" s="53"/>
      <c r="BD1634" s="53"/>
      <c r="BE1634" s="53"/>
      <c r="BF1634" s="53"/>
      <c r="BG1634" s="53"/>
      <c r="BH1634" s="53"/>
      <c r="BI1634" s="53"/>
      <c r="BJ1634" s="53"/>
      <c r="BK1634" s="53"/>
      <c r="BL1634" s="53"/>
      <c r="BM1634" s="53"/>
      <c r="BN1634" s="53"/>
      <c r="BO1634" s="53"/>
      <c r="BP1634" s="53"/>
      <c r="BQ1634" s="53"/>
      <c r="BR1634" s="53"/>
      <c r="BS1634" s="53"/>
      <c r="BT1634" s="53"/>
      <c r="BU1634" s="53"/>
      <c r="BV1634" s="53"/>
      <c r="BW1634" s="53"/>
      <c r="BX1634" s="53"/>
      <c r="BY1634" s="53"/>
      <c r="BZ1634" s="53"/>
      <c r="CA1634" s="53"/>
      <c r="CB1634" s="53"/>
      <c r="CC1634" s="53"/>
      <c r="CD1634" s="53"/>
      <c r="CE1634" s="53"/>
      <c r="CF1634" s="53"/>
      <c r="CG1634" s="53"/>
      <c r="CH1634" s="53"/>
      <c r="CI1634" s="53"/>
      <c r="CJ1634" s="53"/>
      <c r="CK1634" s="53"/>
      <c r="CL1634" s="53"/>
      <c r="CM1634" s="53"/>
      <c r="CN1634" s="53"/>
    </row>
    <row r="1635" spans="1:92" outlineLevel="1">
      <c r="A1635" s="52" t="s">
        <v>649</v>
      </c>
      <c r="B1635" s="53"/>
      <c r="C1635" s="53"/>
      <c r="D1635" s="53"/>
      <c r="E1635" s="53"/>
      <c r="F1635" s="53"/>
      <c r="G1635" s="53"/>
      <c r="H1635" s="53"/>
      <c r="I1635" s="53"/>
      <c r="J1635" s="53"/>
      <c r="K1635" s="53"/>
      <c r="L1635" s="53"/>
      <c r="M1635" s="53"/>
      <c r="N1635" s="53"/>
      <c r="O1635" s="53">
        <v>-459444.44399999903</v>
      </c>
      <c r="P1635" s="53">
        <v>-459444.44399999903</v>
      </c>
      <c r="Q1635" s="53">
        <v>-459444.44399999903</v>
      </c>
      <c r="R1635" s="53">
        <v>-459444.44399999903</v>
      </c>
      <c r="S1635" s="53">
        <v>-459444.44399999903</v>
      </c>
      <c r="T1635" s="53">
        <v>-459444.44399999903</v>
      </c>
      <c r="U1635" s="53">
        <v>-459444.44399999903</v>
      </c>
      <c r="V1635" s="53">
        <v>-459444.44399999903</v>
      </c>
      <c r="W1635" s="53">
        <v>-459444.44399999903</v>
      </c>
      <c r="X1635" s="53">
        <v>-459444.44399999903</v>
      </c>
      <c r="Y1635" s="53">
        <v>-459444.44399999903</v>
      </c>
      <c r="Z1635" s="53">
        <v>-459444.44399999903</v>
      </c>
      <c r="AA1635" s="53">
        <v>-5513333.3279999904</v>
      </c>
      <c r="AB1635" s="53">
        <v>-459444.44399999903</v>
      </c>
      <c r="AC1635" s="53">
        <v>-459444.44399999903</v>
      </c>
      <c r="AD1635" s="53">
        <v>-459444.44399999903</v>
      </c>
      <c r="AE1635" s="53">
        <v>-459444.44399999903</v>
      </c>
      <c r="AF1635" s="53">
        <v>-459444.44399999903</v>
      </c>
      <c r="AG1635" s="53">
        <v>-459444.44399999903</v>
      </c>
      <c r="AH1635" s="53">
        <v>-459444.44399999903</v>
      </c>
      <c r="AI1635" s="53">
        <v>-459444.44399999903</v>
      </c>
      <c r="AJ1635" s="53">
        <v>-459444.44399999903</v>
      </c>
      <c r="AK1635" s="53">
        <v>-459444.44399999903</v>
      </c>
      <c r="AL1635" s="53">
        <v>-459444.44399999903</v>
      </c>
      <c r="AM1635" s="53">
        <v>-459444.44399999903</v>
      </c>
      <c r="AN1635" s="53">
        <v>-5513333.3279999904</v>
      </c>
      <c r="AO1635" s="53">
        <v>-459444.44399999903</v>
      </c>
      <c r="AP1635" s="53">
        <v>-459444.44399999903</v>
      </c>
      <c r="AQ1635" s="53">
        <v>-459444.44399999903</v>
      </c>
      <c r="AR1635" s="53">
        <v>-459444.44399999903</v>
      </c>
      <c r="AS1635" s="53">
        <v>-459444.44399999903</v>
      </c>
      <c r="AT1635" s="53">
        <v>-459444.44399999903</v>
      </c>
      <c r="AU1635" s="53">
        <v>-459444.44399999903</v>
      </c>
      <c r="AV1635" s="53">
        <v>-459444.44399999903</v>
      </c>
      <c r="AW1635" s="53">
        <v>-459444.44399999903</v>
      </c>
      <c r="AX1635" s="53">
        <v>-459444.44399999903</v>
      </c>
      <c r="AY1635" s="53">
        <v>-459444.44399999903</v>
      </c>
      <c r="AZ1635" s="53">
        <v>-459444.44399999903</v>
      </c>
      <c r="BA1635" s="53">
        <v>-5513333.3279999904</v>
      </c>
      <c r="BB1635" s="53">
        <v>-459444.44399999903</v>
      </c>
      <c r="BC1635" s="53">
        <v>-459444.44399999903</v>
      </c>
      <c r="BD1635" s="53">
        <v>-459444.44399999903</v>
      </c>
      <c r="BE1635" s="53">
        <v>-459444.44399999903</v>
      </c>
      <c r="BF1635" s="53">
        <v>-459444.44399999903</v>
      </c>
      <c r="BG1635" s="53">
        <v>-459444.44399999903</v>
      </c>
      <c r="BH1635" s="53">
        <v>-459444.44399999903</v>
      </c>
      <c r="BI1635" s="53">
        <v>-459444.44399999903</v>
      </c>
      <c r="BJ1635" s="53">
        <v>-459444.44399999903</v>
      </c>
      <c r="BK1635" s="53">
        <v>-459444.44399999903</v>
      </c>
      <c r="BL1635" s="53">
        <v>-459444.44399999903</v>
      </c>
      <c r="BM1635" s="53">
        <v>-459444.44399999903</v>
      </c>
      <c r="BN1635" s="53">
        <v>-5513333.3279999904</v>
      </c>
      <c r="BO1635" s="53">
        <v>-459444.44399999903</v>
      </c>
      <c r="BP1635" s="53">
        <v>-459444.44399999903</v>
      </c>
      <c r="BQ1635" s="53">
        <v>-459444.44399999903</v>
      </c>
      <c r="BR1635" s="53">
        <v>-459444.44399999903</v>
      </c>
      <c r="BS1635" s="53">
        <v>-459444.44399999903</v>
      </c>
      <c r="BT1635" s="53">
        <v>-459444.44399999903</v>
      </c>
      <c r="BU1635" s="53">
        <v>-459444.44399999903</v>
      </c>
      <c r="BV1635" s="53">
        <v>-459444.44399999903</v>
      </c>
      <c r="BW1635" s="53">
        <v>-459444.44399999903</v>
      </c>
      <c r="BX1635" s="53">
        <v>-459444.44399999903</v>
      </c>
      <c r="BY1635" s="53">
        <v>-459444.44399999903</v>
      </c>
      <c r="BZ1635" s="53">
        <v>-459444.44399999903</v>
      </c>
      <c r="CA1635" s="53">
        <v>-5513333.3279999904</v>
      </c>
      <c r="CB1635" s="53">
        <v>-681516.78961111105</v>
      </c>
      <c r="CC1635" s="53">
        <v>-735242.59630833298</v>
      </c>
      <c r="CD1635" s="53">
        <v>-784539.88049444405</v>
      </c>
      <c r="CE1635" s="53">
        <v>-742169.65001666604</v>
      </c>
      <c r="CF1635" s="53">
        <v>-572735.546094444</v>
      </c>
      <c r="CG1635" s="53">
        <v>-561544.07207499899</v>
      </c>
      <c r="CH1635" s="53">
        <v>-585690.35596944403</v>
      </c>
      <c r="CI1635" s="53">
        <v>-579967.37027499999</v>
      </c>
      <c r="CJ1635" s="53">
        <v>-544713.77839722205</v>
      </c>
      <c r="CK1635" s="53">
        <v>-617166.777288888</v>
      </c>
      <c r="CL1635" s="53">
        <v>-493550.28628888802</v>
      </c>
      <c r="CM1635" s="53">
        <v>-633686.70197777695</v>
      </c>
      <c r="CN1635" s="53">
        <v>-7532523.80479722</v>
      </c>
    </row>
    <row r="1636" spans="1:92" outlineLevel="1">
      <c r="A1636" s="52" t="s">
        <v>1433</v>
      </c>
      <c r="B1636" s="53"/>
      <c r="C1636" s="53"/>
      <c r="D1636" s="53"/>
      <c r="E1636" s="53"/>
      <c r="F1636" s="53"/>
      <c r="G1636" s="53"/>
      <c r="H1636" s="53"/>
      <c r="I1636" s="53"/>
      <c r="J1636" s="53"/>
      <c r="K1636" s="53"/>
      <c r="L1636" s="53"/>
      <c r="M1636" s="53"/>
      <c r="N1636" s="53"/>
      <c r="O1636" s="53"/>
      <c r="P1636" s="53"/>
      <c r="Q1636" s="53"/>
      <c r="R1636" s="53"/>
      <c r="S1636" s="53"/>
      <c r="T1636" s="53"/>
      <c r="U1636" s="53"/>
      <c r="V1636" s="53"/>
      <c r="W1636" s="53"/>
      <c r="X1636" s="53"/>
      <c r="Y1636" s="53"/>
      <c r="Z1636" s="53"/>
      <c r="AA1636" s="53"/>
      <c r="AB1636" s="53"/>
      <c r="AC1636" s="53"/>
      <c r="AD1636" s="53"/>
      <c r="AE1636" s="53"/>
      <c r="AF1636" s="53"/>
      <c r="AG1636" s="53"/>
      <c r="AH1636" s="53"/>
      <c r="AI1636" s="53"/>
      <c r="AJ1636" s="53"/>
      <c r="AK1636" s="53"/>
      <c r="AL1636" s="53"/>
      <c r="AM1636" s="53"/>
      <c r="AN1636" s="53"/>
      <c r="AO1636" s="53"/>
      <c r="AP1636" s="53"/>
      <c r="AQ1636" s="53"/>
      <c r="AR1636" s="53"/>
      <c r="AS1636" s="53"/>
      <c r="AT1636" s="53"/>
      <c r="AU1636" s="53"/>
      <c r="AV1636" s="53"/>
      <c r="AW1636" s="53"/>
      <c r="AX1636" s="53"/>
      <c r="AY1636" s="53"/>
      <c r="AZ1636" s="53"/>
      <c r="BA1636" s="53"/>
      <c r="BB1636" s="53"/>
      <c r="BC1636" s="53"/>
      <c r="BD1636" s="53"/>
      <c r="BE1636" s="53"/>
      <c r="BF1636" s="53"/>
      <c r="BG1636" s="53"/>
      <c r="BH1636" s="53"/>
      <c r="BI1636" s="53"/>
      <c r="BJ1636" s="53"/>
      <c r="BK1636" s="53"/>
      <c r="BL1636" s="53"/>
      <c r="BM1636" s="53"/>
      <c r="BN1636" s="53"/>
      <c r="BO1636" s="53"/>
      <c r="BP1636" s="53"/>
      <c r="BQ1636" s="53"/>
      <c r="BR1636" s="53"/>
      <c r="BS1636" s="53"/>
      <c r="BT1636" s="53"/>
      <c r="BU1636" s="53"/>
      <c r="BV1636" s="53"/>
      <c r="BW1636" s="53"/>
      <c r="BX1636" s="53"/>
      <c r="BY1636" s="53"/>
      <c r="BZ1636" s="53"/>
      <c r="CA1636" s="53"/>
      <c r="CB1636" s="53">
        <v>-26889.711166666599</v>
      </c>
      <c r="CC1636" s="53">
        <v>-39000.5344999999</v>
      </c>
      <c r="CD1636" s="53">
        <v>-41997.720666666602</v>
      </c>
      <c r="CE1636" s="53">
        <v>-40806.332499999997</v>
      </c>
      <c r="CF1636" s="53">
        <v>-39089.598666666599</v>
      </c>
      <c r="CG1636" s="53">
        <v>-40239.443999999901</v>
      </c>
      <c r="CH1636" s="53">
        <v>-45206.6509523809</v>
      </c>
      <c r="CI1636" s="53">
        <v>-41441.770224489701</v>
      </c>
      <c r="CJ1636" s="53">
        <v>-38840.7307006802</v>
      </c>
      <c r="CK1636" s="53">
        <v>-44581.903455782303</v>
      </c>
      <c r="CL1636" s="53">
        <v>-34960.186333333302</v>
      </c>
      <c r="CM1636" s="53">
        <v>-36286.150166666601</v>
      </c>
      <c r="CN1636" s="53">
        <v>-469340.73333333299</v>
      </c>
    </row>
    <row r="1637" spans="1:92" outlineLevel="1">
      <c r="A1637" s="52" t="s">
        <v>649</v>
      </c>
      <c r="B1637" s="53"/>
      <c r="C1637" s="53"/>
      <c r="D1637" s="53"/>
      <c r="E1637" s="53"/>
      <c r="F1637" s="53"/>
      <c r="G1637" s="53"/>
      <c r="H1637" s="53"/>
      <c r="I1637" s="53"/>
      <c r="J1637" s="53"/>
      <c r="K1637" s="53"/>
      <c r="L1637" s="53"/>
      <c r="M1637" s="53"/>
      <c r="N1637" s="53"/>
      <c r="O1637" s="53">
        <v>-69954.984999999899</v>
      </c>
      <c r="P1637" s="53">
        <v>-69954.984999999899</v>
      </c>
      <c r="Q1637" s="53">
        <v>-69954.984999999899</v>
      </c>
      <c r="R1637" s="53">
        <v>-69954.984999999899</v>
      </c>
      <c r="S1637" s="53">
        <v>-69954.984999999899</v>
      </c>
      <c r="T1637" s="53">
        <v>-69954.984999999899</v>
      </c>
      <c r="U1637" s="53">
        <v>-69954.984999999899</v>
      </c>
      <c r="V1637" s="53">
        <v>-69954.984999999899</v>
      </c>
      <c r="W1637" s="53">
        <v>-69954.984999999899</v>
      </c>
      <c r="X1637" s="53">
        <v>-69954.984999999899</v>
      </c>
      <c r="Y1637" s="53">
        <v>-69954.984999999899</v>
      </c>
      <c r="Z1637" s="53">
        <v>-69954.984999999899</v>
      </c>
      <c r="AA1637" s="53">
        <v>-839459.81999999797</v>
      </c>
      <c r="AB1637" s="53">
        <v>-69954.984999999899</v>
      </c>
      <c r="AC1637" s="53">
        <v>-69954.984999999899</v>
      </c>
      <c r="AD1637" s="53">
        <v>-69954.984999999899</v>
      </c>
      <c r="AE1637" s="53">
        <v>-69954.984999999899</v>
      </c>
      <c r="AF1637" s="53">
        <v>-69954.984999999899</v>
      </c>
      <c r="AG1637" s="53">
        <v>-69954.984999999899</v>
      </c>
      <c r="AH1637" s="53">
        <v>-69954.984999999899</v>
      </c>
      <c r="AI1637" s="53">
        <v>-69954.984999999899</v>
      </c>
      <c r="AJ1637" s="53">
        <v>-69954.984999999899</v>
      </c>
      <c r="AK1637" s="53">
        <v>-69954.984999999899</v>
      </c>
      <c r="AL1637" s="53">
        <v>-69954.984999999899</v>
      </c>
      <c r="AM1637" s="53">
        <v>-69954.984999999899</v>
      </c>
      <c r="AN1637" s="53">
        <v>-839459.81999999797</v>
      </c>
      <c r="AO1637" s="53">
        <v>-69954.984999999899</v>
      </c>
      <c r="AP1637" s="53">
        <v>-69954.984999999899</v>
      </c>
      <c r="AQ1637" s="53">
        <v>-69954.984999999899</v>
      </c>
      <c r="AR1637" s="53">
        <v>-69954.984999999899</v>
      </c>
      <c r="AS1637" s="53">
        <v>-69954.984999999899</v>
      </c>
      <c r="AT1637" s="53">
        <v>-69954.984999999899</v>
      </c>
      <c r="AU1637" s="53">
        <v>-69954.984999999899</v>
      </c>
      <c r="AV1637" s="53">
        <v>-69954.984999999899</v>
      </c>
      <c r="AW1637" s="53">
        <v>-69954.984999999899</v>
      </c>
      <c r="AX1637" s="53">
        <v>-69954.984999999899</v>
      </c>
      <c r="AY1637" s="53">
        <v>-69954.984999999899</v>
      </c>
      <c r="AZ1637" s="53">
        <v>-69954.984999999899</v>
      </c>
      <c r="BA1637" s="53">
        <v>-839459.81999999797</v>
      </c>
      <c r="BB1637" s="53">
        <v>-67490.796224314996</v>
      </c>
      <c r="BC1637" s="53">
        <v>-67490.796224314996</v>
      </c>
      <c r="BD1637" s="53">
        <v>-67490.796224314996</v>
      </c>
      <c r="BE1637" s="53">
        <v>-67490.796224314996</v>
      </c>
      <c r="BF1637" s="53">
        <v>-67490.796224314996</v>
      </c>
      <c r="BG1637" s="53">
        <v>-67490.796224314996</v>
      </c>
      <c r="BH1637" s="53">
        <v>-67490.796224314996</v>
      </c>
      <c r="BI1637" s="53">
        <v>-67490.796224314996</v>
      </c>
      <c r="BJ1637" s="53">
        <v>-67490.796224314996</v>
      </c>
      <c r="BK1637" s="53">
        <v>-67490.796224314996</v>
      </c>
      <c r="BL1637" s="53">
        <v>-67490.796224314996</v>
      </c>
      <c r="BM1637" s="53">
        <v>-67490.796224314996</v>
      </c>
      <c r="BN1637" s="53">
        <v>-809889.55469177896</v>
      </c>
      <c r="BO1637" s="53">
        <v>-67490.796224314996</v>
      </c>
      <c r="BP1637" s="53">
        <v>-67490.796224314996</v>
      </c>
      <c r="BQ1637" s="53">
        <v>-67490.796224314996</v>
      </c>
      <c r="BR1637" s="53">
        <v>-67490.796224314996</v>
      </c>
      <c r="BS1637" s="53">
        <v>-67490.796224314996</v>
      </c>
      <c r="BT1637" s="53">
        <v>-67490.796224314996</v>
      </c>
      <c r="BU1637" s="53">
        <v>-67490.796224314996</v>
      </c>
      <c r="BV1637" s="53">
        <v>-67490.796224314996</v>
      </c>
      <c r="BW1637" s="53">
        <v>-67490.796224314996</v>
      </c>
      <c r="BX1637" s="53">
        <v>-67490.796224314996</v>
      </c>
      <c r="BY1637" s="53">
        <v>-67490.796224314996</v>
      </c>
      <c r="BZ1637" s="53">
        <v>-67490.796224314996</v>
      </c>
      <c r="CA1637" s="53">
        <v>-809889.55469177896</v>
      </c>
      <c r="CB1637" s="53"/>
      <c r="CC1637" s="53"/>
      <c r="CD1637" s="53"/>
      <c r="CE1637" s="53"/>
      <c r="CF1637" s="53"/>
      <c r="CG1637" s="53"/>
      <c r="CH1637" s="53"/>
      <c r="CI1637" s="53"/>
      <c r="CJ1637" s="53"/>
      <c r="CK1637" s="53"/>
      <c r="CL1637" s="53"/>
      <c r="CM1637" s="53"/>
      <c r="CN1637" s="53"/>
    </row>
    <row r="1638" spans="1:92" outlineLevel="1">
      <c r="A1638" s="52" t="s">
        <v>1406</v>
      </c>
      <c r="B1638" s="53"/>
      <c r="C1638" s="53"/>
      <c r="D1638" s="53"/>
      <c r="E1638" s="53"/>
      <c r="F1638" s="53"/>
      <c r="G1638" s="53"/>
      <c r="H1638" s="53"/>
      <c r="I1638" s="53"/>
      <c r="J1638" s="53"/>
      <c r="K1638" s="53"/>
      <c r="L1638" s="53"/>
      <c r="M1638" s="53"/>
      <c r="N1638" s="53"/>
      <c r="O1638" s="53"/>
      <c r="P1638" s="53"/>
      <c r="Q1638" s="53"/>
      <c r="R1638" s="53"/>
      <c r="S1638" s="53"/>
      <c r="T1638" s="53"/>
      <c r="U1638" s="53"/>
      <c r="V1638" s="53"/>
      <c r="W1638" s="53"/>
      <c r="X1638" s="53"/>
      <c r="Y1638" s="53"/>
      <c r="Z1638" s="53"/>
      <c r="AA1638" s="53"/>
      <c r="AB1638" s="53"/>
      <c r="AC1638" s="53"/>
      <c r="AD1638" s="53"/>
      <c r="AE1638" s="53"/>
      <c r="AF1638" s="53"/>
      <c r="AG1638" s="53"/>
      <c r="AH1638" s="53"/>
      <c r="AI1638" s="53"/>
      <c r="AJ1638" s="53"/>
      <c r="AK1638" s="53"/>
      <c r="AL1638" s="53"/>
      <c r="AM1638" s="53"/>
      <c r="AN1638" s="53"/>
      <c r="AO1638" s="53"/>
      <c r="AP1638" s="53"/>
      <c r="AQ1638" s="53"/>
      <c r="AR1638" s="53"/>
      <c r="AS1638" s="53"/>
      <c r="AT1638" s="53"/>
      <c r="AU1638" s="53"/>
      <c r="AV1638" s="53"/>
      <c r="AW1638" s="53"/>
      <c r="AX1638" s="53"/>
      <c r="AY1638" s="53"/>
      <c r="AZ1638" s="53"/>
      <c r="BA1638" s="53"/>
      <c r="BB1638" s="53"/>
      <c r="BC1638" s="53"/>
      <c r="BD1638" s="53"/>
      <c r="BE1638" s="53"/>
      <c r="BF1638" s="53"/>
      <c r="BG1638" s="53"/>
      <c r="BH1638" s="53"/>
      <c r="BI1638" s="53"/>
      <c r="BJ1638" s="53"/>
      <c r="BK1638" s="53"/>
      <c r="BL1638" s="53"/>
      <c r="BM1638" s="53"/>
      <c r="BN1638" s="53"/>
      <c r="BO1638" s="53"/>
      <c r="BP1638" s="53"/>
      <c r="BQ1638" s="53"/>
      <c r="BR1638" s="53"/>
      <c r="BS1638" s="53"/>
      <c r="BT1638" s="53"/>
      <c r="BU1638" s="53"/>
      <c r="BV1638" s="53"/>
      <c r="BW1638" s="53"/>
      <c r="BX1638" s="53"/>
      <c r="BY1638" s="53"/>
      <c r="BZ1638" s="53"/>
      <c r="CA1638" s="53"/>
      <c r="CB1638" s="53">
        <v>-2372209.1306063002</v>
      </c>
      <c r="CC1638" s="53">
        <v>-1130417.88500873</v>
      </c>
      <c r="CD1638" s="53">
        <v>-1027808.9726234101</v>
      </c>
      <c r="CE1638" s="53">
        <v>-1050687.4057925099</v>
      </c>
      <c r="CF1638" s="53">
        <v>-1082997.9368328201</v>
      </c>
      <c r="CG1638" s="53">
        <v>-1228749.02501105</v>
      </c>
      <c r="CH1638" s="53">
        <v>-1367519.5197646101</v>
      </c>
      <c r="CI1638" s="53">
        <v>-1415707.64848123</v>
      </c>
      <c r="CJ1638" s="53">
        <v>-1319788.22269202</v>
      </c>
      <c r="CK1638" s="53">
        <v>-1407358.5143894299</v>
      </c>
      <c r="CL1638" s="53">
        <v>-1031788.3484706799</v>
      </c>
      <c r="CM1638" s="53">
        <v>-1069844.9881228199</v>
      </c>
      <c r="CN1638" s="53">
        <v>-15504877.5977956</v>
      </c>
    </row>
    <row r="1639" spans="1:92" outlineLevel="1">
      <c r="A1639" s="52" t="s">
        <v>649</v>
      </c>
      <c r="B1639" s="53"/>
      <c r="C1639" s="53"/>
      <c r="D1639" s="53"/>
      <c r="E1639" s="53"/>
      <c r="F1639" s="53"/>
      <c r="G1639" s="53"/>
      <c r="H1639" s="53"/>
      <c r="I1639" s="53"/>
      <c r="J1639" s="53"/>
      <c r="K1639" s="53"/>
      <c r="L1639" s="53"/>
      <c r="M1639" s="53"/>
      <c r="N1639" s="53"/>
      <c r="O1639" s="53"/>
      <c r="P1639" s="53"/>
      <c r="Q1639" s="53">
        <v>-1570338.8199999901</v>
      </c>
      <c r="R1639" s="53"/>
      <c r="S1639" s="53"/>
      <c r="T1639" s="53">
        <v>-1570338.8199999901</v>
      </c>
      <c r="U1639" s="53"/>
      <c r="V1639" s="53"/>
      <c r="W1639" s="53">
        <v>-1570338.8199999901</v>
      </c>
      <c r="X1639" s="53"/>
      <c r="Y1639" s="53"/>
      <c r="Z1639" s="53">
        <v>-1570338.8199999901</v>
      </c>
      <c r="AA1639" s="53">
        <v>-6281355.27999999</v>
      </c>
      <c r="AB1639" s="53"/>
      <c r="AC1639" s="53"/>
      <c r="AD1639" s="53">
        <v>-1570338.8199999901</v>
      </c>
      <c r="AE1639" s="53"/>
      <c r="AF1639" s="53"/>
      <c r="AG1639" s="53">
        <v>-1570338.8199999901</v>
      </c>
      <c r="AH1639" s="53"/>
      <c r="AI1639" s="53"/>
      <c r="AJ1639" s="53">
        <v>-1570338.8199999901</v>
      </c>
      <c r="AK1639" s="53"/>
      <c r="AL1639" s="53"/>
      <c r="AM1639" s="53">
        <v>-1570338.8199999901</v>
      </c>
      <c r="AN1639" s="53">
        <v>-6281355.27999999</v>
      </c>
      <c r="AO1639" s="53"/>
      <c r="AP1639" s="53"/>
      <c r="AQ1639" s="53">
        <v>-1570338.8199999901</v>
      </c>
      <c r="AR1639" s="53"/>
      <c r="AS1639" s="53"/>
      <c r="AT1639" s="53">
        <v>-1570338.8199999901</v>
      </c>
      <c r="AU1639" s="53"/>
      <c r="AV1639" s="53"/>
      <c r="AW1639" s="53">
        <v>-1570338.8199999901</v>
      </c>
      <c r="AX1639" s="53"/>
      <c r="AY1639" s="53"/>
      <c r="AZ1639" s="53">
        <v>-1570338.8199999901</v>
      </c>
      <c r="BA1639" s="53">
        <v>-6281355.27999999</v>
      </c>
      <c r="BB1639" s="53"/>
      <c r="BC1639" s="53"/>
      <c r="BD1639" s="53">
        <v>-1570338.8199999901</v>
      </c>
      <c r="BE1639" s="53"/>
      <c r="BF1639" s="53"/>
      <c r="BG1639" s="53">
        <v>-1570338.8199999901</v>
      </c>
      <c r="BH1639" s="53"/>
      <c r="BI1639" s="53"/>
      <c r="BJ1639" s="53">
        <v>-1570338.8199999901</v>
      </c>
      <c r="BK1639" s="53"/>
      <c r="BL1639" s="53"/>
      <c r="BM1639" s="53">
        <v>-1570338.8199999901</v>
      </c>
      <c r="BN1639" s="53">
        <v>-6281355.27999999</v>
      </c>
      <c r="BO1639" s="53"/>
      <c r="BP1639" s="53"/>
      <c r="BQ1639" s="53">
        <v>-1570338.8199999901</v>
      </c>
      <c r="BR1639" s="53"/>
      <c r="BS1639" s="53"/>
      <c r="BT1639" s="53">
        <v>-1570338.8199999901</v>
      </c>
      <c r="BU1639" s="53"/>
      <c r="BV1639" s="53"/>
      <c r="BW1639" s="53">
        <v>-861366</v>
      </c>
      <c r="BX1639" s="53"/>
      <c r="BY1639" s="53"/>
      <c r="BZ1639" s="53"/>
      <c r="CA1639" s="53">
        <v>-4002043.6399999899</v>
      </c>
      <c r="CB1639" s="53">
        <v>-804029.76701976696</v>
      </c>
      <c r="CC1639" s="53">
        <v>-386807.30642257602</v>
      </c>
      <c r="CD1639" s="53">
        <v>-371535.78564166598</v>
      </c>
      <c r="CE1639" s="53">
        <v>-362285.53615660698</v>
      </c>
      <c r="CF1639" s="53">
        <v>-348846.17609889799</v>
      </c>
      <c r="CG1639" s="53">
        <v>-361065.64149764599</v>
      </c>
      <c r="CH1639" s="53">
        <v>-386184.89035136398</v>
      </c>
      <c r="CI1639" s="53">
        <v>-382361.54694071098</v>
      </c>
      <c r="CJ1639" s="53">
        <v>-361923.14951321902</v>
      </c>
      <c r="CK1639" s="53">
        <v>-400202.53553362499</v>
      </c>
      <c r="CL1639" s="53">
        <v>-314764.228921581</v>
      </c>
      <c r="CM1639" s="53">
        <v>-364759.24424593803</v>
      </c>
      <c r="CN1639" s="53">
        <v>-4844765.8083435996</v>
      </c>
    </row>
    <row r="1640" spans="1:92" outlineLevel="1">
      <c r="A1640" s="52" t="s">
        <v>1407</v>
      </c>
      <c r="B1640" s="53"/>
      <c r="C1640" s="53"/>
      <c r="D1640" s="53"/>
      <c r="E1640" s="53"/>
      <c r="F1640" s="53"/>
      <c r="G1640" s="53"/>
      <c r="H1640" s="53"/>
      <c r="I1640" s="53"/>
      <c r="J1640" s="53"/>
      <c r="K1640" s="53"/>
      <c r="L1640" s="53"/>
      <c r="M1640" s="53"/>
      <c r="N1640" s="53"/>
      <c r="O1640" s="53"/>
      <c r="P1640" s="53"/>
      <c r="Q1640" s="53"/>
      <c r="R1640" s="53"/>
      <c r="S1640" s="53"/>
      <c r="T1640" s="53"/>
      <c r="U1640" s="53"/>
      <c r="V1640" s="53"/>
      <c r="W1640" s="53"/>
      <c r="X1640" s="53"/>
      <c r="Y1640" s="53"/>
      <c r="Z1640" s="53"/>
      <c r="AA1640" s="53"/>
      <c r="AB1640" s="53"/>
      <c r="AC1640" s="53"/>
      <c r="AD1640" s="53"/>
      <c r="AE1640" s="53"/>
      <c r="AF1640" s="53"/>
      <c r="AG1640" s="53"/>
      <c r="AH1640" s="53"/>
      <c r="AI1640" s="53"/>
      <c r="AJ1640" s="53"/>
      <c r="AK1640" s="53"/>
      <c r="AL1640" s="53"/>
      <c r="AM1640" s="53"/>
      <c r="AN1640" s="53"/>
      <c r="AO1640" s="53"/>
      <c r="AP1640" s="53"/>
      <c r="AQ1640" s="53"/>
      <c r="AR1640" s="53"/>
      <c r="AS1640" s="53"/>
      <c r="AT1640" s="53"/>
      <c r="AU1640" s="53"/>
      <c r="AV1640" s="53"/>
      <c r="AW1640" s="53"/>
      <c r="AX1640" s="53"/>
      <c r="AY1640" s="53"/>
      <c r="AZ1640" s="53"/>
      <c r="BA1640" s="53"/>
      <c r="BB1640" s="53"/>
      <c r="BC1640" s="53"/>
      <c r="BD1640" s="53"/>
      <c r="BE1640" s="53"/>
      <c r="BF1640" s="53"/>
      <c r="BG1640" s="53"/>
      <c r="BH1640" s="53"/>
      <c r="BI1640" s="53"/>
      <c r="BJ1640" s="53"/>
      <c r="BK1640" s="53"/>
      <c r="BL1640" s="53"/>
      <c r="BM1640" s="53"/>
      <c r="BN1640" s="53"/>
      <c r="BO1640" s="53"/>
      <c r="BP1640" s="53"/>
      <c r="BQ1640" s="53"/>
      <c r="BR1640" s="53"/>
      <c r="BS1640" s="53"/>
      <c r="BT1640" s="53"/>
      <c r="BU1640" s="53"/>
      <c r="BV1640" s="53"/>
      <c r="BW1640" s="53"/>
      <c r="BX1640" s="53"/>
      <c r="BY1640" s="53"/>
      <c r="BZ1640" s="53"/>
      <c r="CA1640" s="53"/>
      <c r="CB1640" s="53">
        <v>-4951.6470760955499</v>
      </c>
      <c r="CC1640" s="53">
        <v>-2434.1213803262699</v>
      </c>
      <c r="CD1640" s="53">
        <v>-2302.2932455240598</v>
      </c>
      <c r="CE1640" s="53">
        <v>-2144.0354232053601</v>
      </c>
      <c r="CF1640" s="53">
        <v>-2059.2806591096</v>
      </c>
      <c r="CG1640" s="53">
        <v>-2079.5652570993402</v>
      </c>
      <c r="CH1640" s="53">
        <v>-2192.8072625755699</v>
      </c>
      <c r="CI1640" s="53">
        <v>-2170.6055544513101</v>
      </c>
      <c r="CJ1640" s="53">
        <v>-2037.99512708722</v>
      </c>
      <c r="CK1640" s="53">
        <v>-2308.1851490921399</v>
      </c>
      <c r="CL1640" s="53">
        <v>-1845.30197402668</v>
      </c>
      <c r="CM1640" s="53">
        <v>-2180.04833866628</v>
      </c>
      <c r="CN1640" s="53">
        <v>-28705.8864472594</v>
      </c>
    </row>
    <row r="1641" spans="1:92" outlineLevel="1">
      <c r="A1641" s="52" t="s">
        <v>649</v>
      </c>
      <c r="B1641" s="53">
        <v>-48418.384375000001</v>
      </c>
      <c r="C1641" s="53">
        <v>-48418.384375000001</v>
      </c>
      <c r="D1641" s="53">
        <v>-48418.384375000001</v>
      </c>
      <c r="E1641" s="53">
        <v>-48418.384375000001</v>
      </c>
      <c r="F1641" s="53">
        <v>-48418.384375000001</v>
      </c>
      <c r="G1641" s="53">
        <v>-48418.384375000001</v>
      </c>
      <c r="H1641" s="53">
        <v>-48418.384375000001</v>
      </c>
      <c r="I1641" s="53">
        <v>-48418.384375000001</v>
      </c>
      <c r="J1641" s="53">
        <v>-48418.384375000001</v>
      </c>
      <c r="K1641" s="53">
        <v>-48418.384375000001</v>
      </c>
      <c r="L1641" s="53">
        <v>-48418.384375000001</v>
      </c>
      <c r="M1641" s="53">
        <v>-48418.384375000001</v>
      </c>
      <c r="N1641" s="53">
        <v>-581020.61250000005</v>
      </c>
      <c r="O1641" s="53">
        <v>-48418.384375000001</v>
      </c>
      <c r="P1641" s="53">
        <v>-48418.384375000001</v>
      </c>
      <c r="Q1641" s="53">
        <v>-48418.384375000001</v>
      </c>
      <c r="R1641" s="53">
        <v>-48418.384375000001</v>
      </c>
      <c r="S1641" s="53">
        <v>-48418.384375000001</v>
      </c>
      <c r="T1641" s="53">
        <v>-48418.384375000001</v>
      </c>
      <c r="U1641" s="53">
        <v>-48418.384375000001</v>
      </c>
      <c r="V1641" s="53">
        <v>-48418.384375000001</v>
      </c>
      <c r="W1641" s="53">
        <v>-48418.384375000001</v>
      </c>
      <c r="X1641" s="53">
        <v>-48418.384375000001</v>
      </c>
      <c r="Y1641" s="53">
        <v>-48418.384375000001</v>
      </c>
      <c r="Z1641" s="53">
        <v>-48418.384375000001</v>
      </c>
      <c r="AA1641" s="53">
        <v>-581020.61250000005</v>
      </c>
      <c r="AB1641" s="53">
        <v>-48418.384375000001</v>
      </c>
      <c r="AC1641" s="53">
        <v>-48418.384375000001</v>
      </c>
      <c r="AD1641" s="53">
        <v>-48418.384375000001</v>
      </c>
      <c r="AE1641" s="53">
        <v>-48418.384375000001</v>
      </c>
      <c r="AF1641" s="53">
        <v>-48418.384375000001</v>
      </c>
      <c r="AG1641" s="53">
        <v>-48418.384375000001</v>
      </c>
      <c r="AH1641" s="53">
        <v>-48418.384375000001</v>
      </c>
      <c r="AI1641" s="53">
        <v>-48418.384375000001</v>
      </c>
      <c r="AJ1641" s="53">
        <v>-48418.384375000001</v>
      </c>
      <c r="AK1641" s="53">
        <v>-48418.384375000001</v>
      </c>
      <c r="AL1641" s="53">
        <v>-48418.384375000001</v>
      </c>
      <c r="AM1641" s="53">
        <v>-48418.384375000001</v>
      </c>
      <c r="AN1641" s="53">
        <v>-581020.61250000005</v>
      </c>
      <c r="AO1641" s="53">
        <v>-48418.384375000001</v>
      </c>
      <c r="AP1641" s="53">
        <v>-48418.384375000001</v>
      </c>
      <c r="AQ1641" s="53">
        <v>-48418.384375000001</v>
      </c>
      <c r="AR1641" s="53">
        <v>-48418.384375000001</v>
      </c>
      <c r="AS1641" s="53">
        <v>-48418.384375000001</v>
      </c>
      <c r="AT1641" s="53">
        <v>-48418.384375000001</v>
      </c>
      <c r="AU1641" s="53">
        <v>-48418.384375000001</v>
      </c>
      <c r="AV1641" s="53">
        <v>-48418.384375000001</v>
      </c>
      <c r="AW1641" s="53">
        <v>-48418.384375000001</v>
      </c>
      <c r="AX1641" s="53">
        <v>-48418.384375000001</v>
      </c>
      <c r="AY1641" s="53">
        <v>-48418.384375000001</v>
      </c>
      <c r="AZ1641" s="53">
        <v>-48418.384375000001</v>
      </c>
      <c r="BA1641" s="53">
        <v>-581020.61250000005</v>
      </c>
      <c r="BB1641" s="53"/>
      <c r="BC1641" s="53"/>
      <c r="BD1641" s="53"/>
      <c r="BE1641" s="53"/>
      <c r="BF1641" s="53"/>
      <c r="BG1641" s="53"/>
      <c r="BH1641" s="53"/>
      <c r="BI1641" s="53"/>
      <c r="BJ1641" s="53"/>
      <c r="BK1641" s="53"/>
      <c r="BL1641" s="53"/>
      <c r="BM1641" s="53"/>
      <c r="BN1641" s="53"/>
      <c r="BO1641" s="53"/>
      <c r="BP1641" s="53"/>
      <c r="BQ1641" s="53"/>
      <c r="BR1641" s="53"/>
      <c r="BS1641" s="53"/>
      <c r="BT1641" s="53"/>
      <c r="BU1641" s="53"/>
      <c r="BV1641" s="53"/>
      <c r="BW1641" s="53"/>
      <c r="BX1641" s="53"/>
      <c r="BY1641" s="53"/>
      <c r="BZ1641" s="53"/>
      <c r="CA1641" s="53"/>
      <c r="CB1641" s="53">
        <v>-686770.03544979298</v>
      </c>
      <c r="CC1641" s="53">
        <v>-334736.581019053</v>
      </c>
      <c r="CD1641" s="53">
        <v>-316078.23430970998</v>
      </c>
      <c r="CE1641" s="53">
        <v>-305131.63985554001</v>
      </c>
      <c r="CF1641" s="53">
        <v>-311250.90997102001</v>
      </c>
      <c r="CG1641" s="53">
        <v>-338854.18240626698</v>
      </c>
      <c r="CH1641" s="53">
        <v>-365071.461903369</v>
      </c>
      <c r="CI1641" s="53">
        <v>-357524.25404694502</v>
      </c>
      <c r="CJ1641" s="53">
        <v>-322271.62754151202</v>
      </c>
      <c r="CK1641" s="53">
        <v>-384660.39204839501</v>
      </c>
      <c r="CL1641" s="53">
        <v>-287404.604986633</v>
      </c>
      <c r="CM1641" s="53">
        <v>-311789.36194683902</v>
      </c>
      <c r="CN1641" s="53">
        <v>-4321543.2854850804</v>
      </c>
    </row>
    <row r="1642" spans="1:92" outlineLevel="1">
      <c r="A1642" s="52" t="s">
        <v>1408</v>
      </c>
      <c r="B1642" s="53"/>
      <c r="C1642" s="53"/>
      <c r="D1642" s="53"/>
      <c r="E1642" s="53"/>
      <c r="F1642" s="53"/>
      <c r="G1642" s="53"/>
      <c r="H1642" s="53"/>
      <c r="I1642" s="53"/>
      <c r="J1642" s="53"/>
      <c r="K1642" s="53"/>
      <c r="L1642" s="53"/>
      <c r="M1642" s="53"/>
      <c r="N1642" s="53"/>
      <c r="O1642" s="53"/>
      <c r="P1642" s="53"/>
      <c r="Q1642" s="53"/>
      <c r="R1642" s="53"/>
      <c r="S1642" s="53"/>
      <c r="T1642" s="53"/>
      <c r="U1642" s="53"/>
      <c r="V1642" s="53"/>
      <c r="W1642" s="53"/>
      <c r="X1642" s="53"/>
      <c r="Y1642" s="53"/>
      <c r="Z1642" s="53"/>
      <c r="AA1642" s="53"/>
      <c r="AB1642" s="53"/>
      <c r="AC1642" s="53"/>
      <c r="AD1642" s="53"/>
      <c r="AE1642" s="53"/>
      <c r="AF1642" s="53"/>
      <c r="AG1642" s="53"/>
      <c r="AH1642" s="53"/>
      <c r="AI1642" s="53"/>
      <c r="AJ1642" s="53"/>
      <c r="AK1642" s="53"/>
      <c r="AL1642" s="53"/>
      <c r="AM1642" s="53"/>
      <c r="AN1642" s="53"/>
      <c r="AO1642" s="53"/>
      <c r="AP1642" s="53"/>
      <c r="AQ1642" s="53"/>
      <c r="AR1642" s="53"/>
      <c r="AS1642" s="53"/>
      <c r="AT1642" s="53"/>
      <c r="AU1642" s="53"/>
      <c r="AV1642" s="53"/>
      <c r="AW1642" s="53"/>
      <c r="AX1642" s="53"/>
      <c r="AY1642" s="53"/>
      <c r="AZ1642" s="53"/>
      <c r="BA1642" s="53"/>
      <c r="BB1642" s="53"/>
      <c r="BC1642" s="53"/>
      <c r="BD1642" s="53"/>
      <c r="BE1642" s="53"/>
      <c r="BF1642" s="53"/>
      <c r="BG1642" s="53"/>
      <c r="BH1642" s="53"/>
      <c r="BI1642" s="53"/>
      <c r="BJ1642" s="53"/>
      <c r="BK1642" s="53"/>
      <c r="BL1642" s="53"/>
      <c r="BM1642" s="53"/>
      <c r="BN1642" s="53"/>
      <c r="BO1642" s="53"/>
      <c r="BP1642" s="53"/>
      <c r="BQ1642" s="53"/>
      <c r="BR1642" s="53"/>
      <c r="BS1642" s="53"/>
      <c r="BT1642" s="53"/>
      <c r="BU1642" s="53"/>
      <c r="BV1642" s="53"/>
      <c r="BW1642" s="53"/>
      <c r="BX1642" s="53"/>
      <c r="BY1642" s="53"/>
      <c r="BZ1642" s="53"/>
      <c r="CA1642" s="53"/>
      <c r="CB1642" s="53">
        <v>-4372761.9880392496</v>
      </c>
      <c r="CC1642" s="53">
        <v>-2156280.8911530999</v>
      </c>
      <c r="CD1642" s="53">
        <v>-1824525.0341577299</v>
      </c>
      <c r="CE1642" s="53">
        <v>-1712483.84948908</v>
      </c>
      <c r="CF1642" s="53">
        <v>-1771917.8463169101</v>
      </c>
      <c r="CG1642" s="53">
        <v>-2248505.8787237401</v>
      </c>
      <c r="CH1642" s="53">
        <v>-2729004.6909225699</v>
      </c>
      <c r="CI1642" s="53">
        <v>-2904981.4993206202</v>
      </c>
      <c r="CJ1642" s="53">
        <v>-2695680.6656156899</v>
      </c>
      <c r="CK1642" s="53">
        <v>-2703773.2742900499</v>
      </c>
      <c r="CL1642" s="53">
        <v>-1809214.7995178299</v>
      </c>
      <c r="CM1642" s="53">
        <v>-1817760.8855522899</v>
      </c>
      <c r="CN1642" s="53">
        <v>-28746891.303098898</v>
      </c>
    </row>
    <row r="1643" spans="1:92" outlineLevel="1">
      <c r="A1643" s="52" t="s">
        <v>649</v>
      </c>
      <c r="B1643" s="53">
        <v>-19475.434583333299</v>
      </c>
      <c r="C1643" s="53">
        <v>-19475.434583333299</v>
      </c>
      <c r="D1643" s="53">
        <v>-19475.434583333299</v>
      </c>
      <c r="E1643" s="53">
        <v>-19475.434583333299</v>
      </c>
      <c r="F1643" s="53">
        <v>-19475.434583333299</v>
      </c>
      <c r="G1643" s="53">
        <v>-19475.434583333299</v>
      </c>
      <c r="H1643" s="53">
        <v>-19475.434583333299</v>
      </c>
      <c r="I1643" s="53">
        <v>-19475.434583333299</v>
      </c>
      <c r="J1643" s="53">
        <v>-19475.434583333299</v>
      </c>
      <c r="K1643" s="53">
        <v>-19475.434583333299</v>
      </c>
      <c r="L1643" s="53">
        <v>-19475.434583333299</v>
      </c>
      <c r="M1643" s="53">
        <v>-19475.434583333299</v>
      </c>
      <c r="N1643" s="53">
        <v>-233705.21499999901</v>
      </c>
      <c r="O1643" s="53">
        <v>-19475.434583333299</v>
      </c>
      <c r="P1643" s="53">
        <v>-19475.434583333299</v>
      </c>
      <c r="Q1643" s="53">
        <v>-19475.434583333299</v>
      </c>
      <c r="R1643" s="53">
        <v>-19475.434583333299</v>
      </c>
      <c r="S1643" s="53">
        <v>-19475.434583333299</v>
      </c>
      <c r="T1643" s="53">
        <v>-19475.434583333299</v>
      </c>
      <c r="U1643" s="53">
        <v>-19475.434583333299</v>
      </c>
      <c r="V1643" s="53">
        <v>-19475.434583333299</v>
      </c>
      <c r="W1643" s="53">
        <v>-19475.434583333299</v>
      </c>
      <c r="X1643" s="53">
        <v>-19475.434583333299</v>
      </c>
      <c r="Y1643" s="53">
        <v>-19475.434583333299</v>
      </c>
      <c r="Z1643" s="53">
        <v>-19475.434583333299</v>
      </c>
      <c r="AA1643" s="53">
        <v>-233705.21499999901</v>
      </c>
      <c r="AB1643" s="53">
        <v>-19475.434583333299</v>
      </c>
      <c r="AC1643" s="53">
        <v>-19475.434583333299</v>
      </c>
      <c r="AD1643" s="53">
        <v>-19475.434583333299</v>
      </c>
      <c r="AE1643" s="53">
        <v>-19475.434583333299</v>
      </c>
      <c r="AF1643" s="53">
        <v>-19475.434583333299</v>
      </c>
      <c r="AG1643" s="53">
        <v>-19475.434583333299</v>
      </c>
      <c r="AH1643" s="53">
        <v>-19475.434583333299</v>
      </c>
      <c r="AI1643" s="53">
        <v>-19475.434583333299</v>
      </c>
      <c r="AJ1643" s="53">
        <v>-19475.434583333299</v>
      </c>
      <c r="AK1643" s="53">
        <v>-19475.434583333299</v>
      </c>
      <c r="AL1643" s="53">
        <v>-19475.434583333299</v>
      </c>
      <c r="AM1643" s="53">
        <v>-19475.434583333299</v>
      </c>
      <c r="AN1643" s="53">
        <v>-233705.21499999901</v>
      </c>
      <c r="AO1643" s="53">
        <v>-19475.434583333299</v>
      </c>
      <c r="AP1643" s="53">
        <v>-19475.434583333299</v>
      </c>
      <c r="AQ1643" s="53">
        <v>-19475.434583333299</v>
      </c>
      <c r="AR1643" s="53">
        <v>-19475.434583333299</v>
      </c>
      <c r="AS1643" s="53">
        <v>-19475.434583333299</v>
      </c>
      <c r="AT1643" s="53">
        <v>-19475.434583333299</v>
      </c>
      <c r="AU1643" s="53">
        <v>-19475.434583333299</v>
      </c>
      <c r="AV1643" s="53">
        <v>-19475.434583333299</v>
      </c>
      <c r="AW1643" s="53">
        <v>-19475.434583333299</v>
      </c>
      <c r="AX1643" s="53">
        <v>-19475.434583333299</v>
      </c>
      <c r="AY1643" s="53">
        <v>-19475.434583333299</v>
      </c>
      <c r="AZ1643" s="53">
        <v>-19475.434583333299</v>
      </c>
      <c r="BA1643" s="53">
        <v>-233705.21499999901</v>
      </c>
      <c r="BB1643" s="53"/>
      <c r="BC1643" s="53"/>
      <c r="BD1643" s="53"/>
      <c r="BE1643" s="53"/>
      <c r="BF1643" s="53"/>
      <c r="BG1643" s="53"/>
      <c r="BH1643" s="53"/>
      <c r="BI1643" s="53"/>
      <c r="BJ1643" s="53"/>
      <c r="BK1643" s="53"/>
      <c r="BL1643" s="53"/>
      <c r="BM1643" s="53"/>
      <c r="BN1643" s="53"/>
      <c r="BO1643" s="53"/>
      <c r="BP1643" s="53"/>
      <c r="BQ1643" s="53"/>
      <c r="BR1643" s="53"/>
      <c r="BS1643" s="53"/>
      <c r="BT1643" s="53"/>
      <c r="BU1643" s="53"/>
      <c r="BV1643" s="53"/>
      <c r="BW1643" s="53"/>
      <c r="BX1643" s="53"/>
      <c r="BY1643" s="53"/>
      <c r="BZ1643" s="53"/>
      <c r="CA1643" s="53"/>
      <c r="CB1643" s="53"/>
      <c r="CC1643" s="53"/>
      <c r="CD1643" s="53"/>
      <c r="CE1643" s="53"/>
      <c r="CF1643" s="53"/>
      <c r="CG1643" s="53"/>
      <c r="CH1643" s="53"/>
      <c r="CI1643" s="53"/>
      <c r="CJ1643" s="53"/>
      <c r="CK1643" s="53"/>
      <c r="CL1643" s="53"/>
      <c r="CM1643" s="53"/>
      <c r="CN1643" s="53"/>
    </row>
    <row r="1644" spans="1:92" outlineLevel="1">
      <c r="A1644" s="52" t="s">
        <v>1409</v>
      </c>
      <c r="B1644" s="53"/>
      <c r="C1644" s="53"/>
      <c r="D1644" s="53"/>
      <c r="E1644" s="53"/>
      <c r="F1644" s="53"/>
      <c r="G1644" s="53"/>
      <c r="H1644" s="53"/>
      <c r="I1644" s="53"/>
      <c r="J1644" s="53"/>
      <c r="K1644" s="53"/>
      <c r="L1644" s="53"/>
      <c r="M1644" s="53"/>
      <c r="N1644" s="53"/>
      <c r="O1644" s="53"/>
      <c r="P1644" s="53"/>
      <c r="Q1644" s="53"/>
      <c r="R1644" s="53"/>
      <c r="S1644" s="53"/>
      <c r="T1644" s="53"/>
      <c r="U1644" s="53"/>
      <c r="V1644" s="53"/>
      <c r="W1644" s="53"/>
      <c r="X1644" s="53"/>
      <c r="Y1644" s="53"/>
      <c r="Z1644" s="53"/>
      <c r="AA1644" s="53"/>
      <c r="AB1644" s="53"/>
      <c r="AC1644" s="53"/>
      <c r="AD1644" s="53"/>
      <c r="AE1644" s="53"/>
      <c r="AF1644" s="53"/>
      <c r="AG1644" s="53"/>
      <c r="AH1644" s="53"/>
      <c r="AI1644" s="53"/>
      <c r="AJ1644" s="53"/>
      <c r="AK1644" s="53"/>
      <c r="AL1644" s="53"/>
      <c r="AM1644" s="53"/>
      <c r="AN1644" s="53"/>
      <c r="AO1644" s="53"/>
      <c r="AP1644" s="53"/>
      <c r="AQ1644" s="53"/>
      <c r="AR1644" s="53"/>
      <c r="AS1644" s="53"/>
      <c r="AT1644" s="53"/>
      <c r="AU1644" s="53"/>
      <c r="AV1644" s="53"/>
      <c r="AW1644" s="53"/>
      <c r="AX1644" s="53"/>
      <c r="AY1644" s="53"/>
      <c r="AZ1644" s="53"/>
      <c r="BA1644" s="53"/>
      <c r="BB1644" s="53"/>
      <c r="BC1644" s="53"/>
      <c r="BD1644" s="53"/>
      <c r="BE1644" s="53"/>
      <c r="BF1644" s="53"/>
      <c r="BG1644" s="53"/>
      <c r="BH1644" s="53"/>
      <c r="BI1644" s="53"/>
      <c r="BJ1644" s="53"/>
      <c r="BK1644" s="53"/>
      <c r="BL1644" s="53"/>
      <c r="BM1644" s="53"/>
      <c r="BN1644" s="53"/>
      <c r="BO1644" s="53"/>
      <c r="BP1644" s="53"/>
      <c r="BQ1644" s="53"/>
      <c r="BR1644" s="53"/>
      <c r="BS1644" s="53"/>
      <c r="BT1644" s="53"/>
      <c r="BU1644" s="53"/>
      <c r="BV1644" s="53"/>
      <c r="BW1644" s="53"/>
      <c r="BX1644" s="53"/>
      <c r="BY1644" s="53"/>
      <c r="BZ1644" s="53"/>
      <c r="CA1644" s="53"/>
      <c r="CB1644" s="53">
        <v>-2279690.8742275899</v>
      </c>
      <c r="CC1644" s="53">
        <v>-2262259.6434833901</v>
      </c>
      <c r="CD1644" s="53">
        <v>-2289049.9101053299</v>
      </c>
      <c r="CE1644" s="53">
        <v>-2524834.71062375</v>
      </c>
      <c r="CF1644" s="53">
        <v>-2602477.9276638599</v>
      </c>
      <c r="CG1644" s="53">
        <v>-2952722.35289898</v>
      </c>
      <c r="CH1644" s="53">
        <v>-3286192.1937218299</v>
      </c>
      <c r="CI1644" s="53">
        <v>-3401989.7747654198</v>
      </c>
      <c r="CJ1644" s="53">
        <v>-3171492.3934124801</v>
      </c>
      <c r="CK1644" s="53">
        <v>-3381926.54431037</v>
      </c>
      <c r="CL1644" s="53">
        <v>-2479419.6845549499</v>
      </c>
      <c r="CM1644" s="53">
        <v>-2570870.9803767898</v>
      </c>
      <c r="CN1644" s="53">
        <v>-33202926.9901448</v>
      </c>
    </row>
    <row r="1645" spans="1:92" outlineLevel="1">
      <c r="A1645" s="52" t="s">
        <v>649</v>
      </c>
      <c r="B1645" s="53"/>
      <c r="C1645" s="53"/>
      <c r="D1645" s="53"/>
      <c r="E1645" s="53"/>
      <c r="F1645" s="53"/>
      <c r="G1645" s="53"/>
      <c r="H1645" s="53"/>
      <c r="I1645" s="53"/>
      <c r="J1645" s="53"/>
      <c r="K1645" s="53"/>
      <c r="L1645" s="53"/>
      <c r="M1645" s="53"/>
      <c r="N1645" s="53"/>
      <c r="O1645" s="53">
        <v>111279.41666666701</v>
      </c>
      <c r="P1645" s="53">
        <v>111279.41666666701</v>
      </c>
      <c r="Q1645" s="53">
        <v>111279.41666666701</v>
      </c>
      <c r="R1645" s="53">
        <v>111279.41666666701</v>
      </c>
      <c r="S1645" s="53">
        <v>111279.41666666701</v>
      </c>
      <c r="T1645" s="53">
        <v>111279.41666666701</v>
      </c>
      <c r="U1645" s="53">
        <v>111279.41666666701</v>
      </c>
      <c r="V1645" s="53">
        <v>111279.41666666701</v>
      </c>
      <c r="W1645" s="53">
        <v>111279.41666666701</v>
      </c>
      <c r="X1645" s="53">
        <v>111279.41666666701</v>
      </c>
      <c r="Y1645" s="53">
        <v>111279.41666666701</v>
      </c>
      <c r="Z1645" s="53">
        <v>111279.41666666701</v>
      </c>
      <c r="AA1645" s="53">
        <v>1335353</v>
      </c>
      <c r="AB1645" s="53">
        <v>110447.08333333299</v>
      </c>
      <c r="AC1645" s="53">
        <v>110447.08333333299</v>
      </c>
      <c r="AD1645" s="53">
        <v>110447.08333333299</v>
      </c>
      <c r="AE1645" s="53">
        <v>110447.08333333299</v>
      </c>
      <c r="AF1645" s="53">
        <v>110447.08333333299</v>
      </c>
      <c r="AG1645" s="53">
        <v>110447.08333333299</v>
      </c>
      <c r="AH1645" s="53">
        <v>110447.08333333299</v>
      </c>
      <c r="AI1645" s="53">
        <v>110447.08333333299</v>
      </c>
      <c r="AJ1645" s="53">
        <v>110447.08333333299</v>
      </c>
      <c r="AK1645" s="53">
        <v>110447.08333333299</v>
      </c>
      <c r="AL1645" s="53">
        <v>110447.08333333299</v>
      </c>
      <c r="AM1645" s="53">
        <v>110447.08333333299</v>
      </c>
      <c r="AN1645" s="53">
        <v>1325364.99999999</v>
      </c>
      <c r="AO1645" s="53">
        <v>110280.66666666701</v>
      </c>
      <c r="AP1645" s="53">
        <v>110280.66666666701</v>
      </c>
      <c r="AQ1645" s="53">
        <v>110280.66666666701</v>
      </c>
      <c r="AR1645" s="53">
        <v>110280.66666666701</v>
      </c>
      <c r="AS1645" s="53">
        <v>110280.66666666701</v>
      </c>
      <c r="AT1645" s="53">
        <v>110280.66666666701</v>
      </c>
      <c r="AU1645" s="53">
        <v>110280.66666666701</v>
      </c>
      <c r="AV1645" s="53">
        <v>110280.66666666701</v>
      </c>
      <c r="AW1645" s="53">
        <v>110280.66666666701</v>
      </c>
      <c r="AX1645" s="53">
        <v>110280.66666666701</v>
      </c>
      <c r="AY1645" s="53">
        <v>110280.66666666701</v>
      </c>
      <c r="AZ1645" s="53">
        <v>110280.66666666701</v>
      </c>
      <c r="BA1645" s="53">
        <v>1323368</v>
      </c>
      <c r="BB1645" s="53">
        <v>94724.916666666701</v>
      </c>
      <c r="BC1645" s="53">
        <v>94724.916666666701</v>
      </c>
      <c r="BD1645" s="53">
        <v>94724.916666666701</v>
      </c>
      <c r="BE1645" s="53">
        <v>94724.916666666701</v>
      </c>
      <c r="BF1645" s="53">
        <v>94724.916666666701</v>
      </c>
      <c r="BG1645" s="53">
        <v>94724.916666666701</v>
      </c>
      <c r="BH1645" s="53">
        <v>94724.916666666701</v>
      </c>
      <c r="BI1645" s="53">
        <v>94724.916666666701</v>
      </c>
      <c r="BJ1645" s="53">
        <v>94724.916666666701</v>
      </c>
      <c r="BK1645" s="53">
        <v>94724.916666666701</v>
      </c>
      <c r="BL1645" s="53">
        <v>94724.916666666701</v>
      </c>
      <c r="BM1645" s="53">
        <v>94724.916666666701</v>
      </c>
      <c r="BN1645" s="53">
        <v>1136699</v>
      </c>
      <c r="BO1645" s="53">
        <v>81829.833333333299</v>
      </c>
      <c r="BP1645" s="53">
        <v>81829.833333333299</v>
      </c>
      <c r="BQ1645" s="53">
        <v>81829.833333333299</v>
      </c>
      <c r="BR1645" s="53">
        <v>81829.833333333299</v>
      </c>
      <c r="BS1645" s="53">
        <v>81829.833333333299</v>
      </c>
      <c r="BT1645" s="53">
        <v>81829.833333333299</v>
      </c>
      <c r="BU1645" s="53">
        <v>81829.833333333299</v>
      </c>
      <c r="BV1645" s="53">
        <v>81829.833333333299</v>
      </c>
      <c r="BW1645" s="53">
        <v>81829.833333333299</v>
      </c>
      <c r="BX1645" s="53">
        <v>81829.833333333299</v>
      </c>
      <c r="BY1645" s="53">
        <v>81829.833333333299</v>
      </c>
      <c r="BZ1645" s="53">
        <v>81829.833333333299</v>
      </c>
      <c r="CA1645" s="53">
        <v>981957.99999999895</v>
      </c>
      <c r="CB1645" s="53">
        <v>-771410.07357766805</v>
      </c>
      <c r="CC1645" s="53">
        <v>-773230.62658205896</v>
      </c>
      <c r="CD1645" s="53">
        <v>-831215.34318165702</v>
      </c>
      <c r="CE1645" s="53">
        <v>-870583.47877995798</v>
      </c>
      <c r="CF1645" s="53">
        <v>-838288.27606295201</v>
      </c>
      <c r="CG1645" s="53">
        <v>-867652.033745719</v>
      </c>
      <c r="CH1645" s="53">
        <v>-928014.374686528</v>
      </c>
      <c r="CI1645" s="53">
        <v>-918826.76084378897</v>
      </c>
      <c r="CJ1645" s="53">
        <v>-869712.65233733703</v>
      </c>
      <c r="CK1645" s="53">
        <v>-961699.21465154504</v>
      </c>
      <c r="CL1645" s="53">
        <v>-756388.29062053701</v>
      </c>
      <c r="CM1645" s="53">
        <v>-876527.87671740295</v>
      </c>
      <c r="CN1645" s="53">
        <v>-10263549.0017871</v>
      </c>
    </row>
    <row r="1646" spans="1:92" outlineLevel="1">
      <c r="A1646" s="52" t="s">
        <v>1358</v>
      </c>
      <c r="B1646" s="53"/>
      <c r="C1646" s="53"/>
      <c r="D1646" s="53"/>
      <c r="E1646" s="53"/>
      <c r="F1646" s="53"/>
      <c r="G1646" s="53"/>
      <c r="H1646" s="53"/>
      <c r="I1646" s="53"/>
      <c r="J1646" s="53"/>
      <c r="K1646" s="53"/>
      <c r="L1646" s="53"/>
      <c r="M1646" s="53"/>
      <c r="N1646" s="53"/>
      <c r="O1646" s="53"/>
      <c r="P1646" s="53"/>
      <c r="Q1646" s="53"/>
      <c r="R1646" s="53"/>
      <c r="S1646" s="53"/>
      <c r="T1646" s="53"/>
      <c r="U1646" s="53"/>
      <c r="V1646" s="53"/>
      <c r="W1646" s="53"/>
      <c r="X1646" s="53"/>
      <c r="Y1646" s="53"/>
      <c r="Z1646" s="53"/>
      <c r="AA1646" s="53"/>
      <c r="AB1646" s="53"/>
      <c r="AC1646" s="53"/>
      <c r="AD1646" s="53"/>
      <c r="AE1646" s="53"/>
      <c r="AF1646" s="53"/>
      <c r="AG1646" s="53"/>
      <c r="AH1646" s="53"/>
      <c r="AI1646" s="53"/>
      <c r="AJ1646" s="53"/>
      <c r="AK1646" s="53"/>
      <c r="AL1646" s="53"/>
      <c r="AM1646" s="53"/>
      <c r="AN1646" s="53"/>
      <c r="AO1646" s="53"/>
      <c r="AP1646" s="53"/>
      <c r="AQ1646" s="53"/>
      <c r="AR1646" s="53"/>
      <c r="AS1646" s="53"/>
      <c r="AT1646" s="53"/>
      <c r="AU1646" s="53"/>
      <c r="AV1646" s="53"/>
      <c r="AW1646" s="53"/>
      <c r="AX1646" s="53"/>
      <c r="AY1646" s="53"/>
      <c r="AZ1646" s="53"/>
      <c r="BA1646" s="53"/>
      <c r="BB1646" s="53"/>
      <c r="BC1646" s="53"/>
      <c r="BD1646" s="53"/>
      <c r="BE1646" s="53"/>
      <c r="BF1646" s="53"/>
      <c r="BG1646" s="53"/>
      <c r="BH1646" s="53"/>
      <c r="BI1646" s="53"/>
      <c r="BJ1646" s="53"/>
      <c r="BK1646" s="53"/>
      <c r="BL1646" s="53"/>
      <c r="BM1646" s="53"/>
      <c r="BN1646" s="53"/>
      <c r="BO1646" s="53"/>
      <c r="BP1646" s="53"/>
      <c r="BQ1646" s="53"/>
      <c r="BR1646" s="53"/>
      <c r="BS1646" s="53"/>
      <c r="BT1646" s="53"/>
      <c r="BU1646" s="53"/>
      <c r="BV1646" s="53"/>
      <c r="BW1646" s="53"/>
      <c r="BX1646" s="53"/>
      <c r="BY1646" s="53"/>
      <c r="BZ1646" s="53"/>
      <c r="CA1646" s="53"/>
      <c r="CB1646" s="53">
        <v>-4774.8445468154996</v>
      </c>
      <c r="CC1646" s="53">
        <v>-4899.3072571827097</v>
      </c>
      <c r="CD1646" s="53">
        <v>-5152.5511271683699</v>
      </c>
      <c r="CE1646" s="53">
        <v>-5152.18420576061</v>
      </c>
      <c r="CF1646" s="53">
        <v>-4948.5158557833001</v>
      </c>
      <c r="CG1646" s="53">
        <v>-4997.2603794286697</v>
      </c>
      <c r="CH1646" s="53">
        <v>-5269.3844617682298</v>
      </c>
      <c r="CI1646" s="53">
        <v>-5216.0330624859698</v>
      </c>
      <c r="CJ1646" s="53">
        <v>-4897.3660563396897</v>
      </c>
      <c r="CK1646" s="53">
        <v>-5546.6411330763904</v>
      </c>
      <c r="CL1646" s="53">
        <v>-4434.3183804423898</v>
      </c>
      <c r="CM1646" s="53">
        <v>-5238.7243684057503</v>
      </c>
      <c r="CN1646" s="53">
        <v>-60527.130834657597</v>
      </c>
    </row>
    <row r="1647" spans="1:92" outlineLevel="1">
      <c r="A1647" s="52" t="s">
        <v>649</v>
      </c>
      <c r="B1647" s="53">
        <v>-355385</v>
      </c>
      <c r="C1647" s="53">
        <v>-355385</v>
      </c>
      <c r="D1647" s="53">
        <v>-355385</v>
      </c>
      <c r="E1647" s="53">
        <v>-355385</v>
      </c>
      <c r="F1647" s="53">
        <v>-355385</v>
      </c>
      <c r="G1647" s="53">
        <v>-355385</v>
      </c>
      <c r="H1647" s="53">
        <v>-355385</v>
      </c>
      <c r="I1647" s="53">
        <v>-355385</v>
      </c>
      <c r="J1647" s="53">
        <v>-355385</v>
      </c>
      <c r="K1647" s="53">
        <v>-355385</v>
      </c>
      <c r="L1647" s="53">
        <v>-355385</v>
      </c>
      <c r="M1647" s="53">
        <v>-355385</v>
      </c>
      <c r="N1647" s="53">
        <v>-4264620</v>
      </c>
      <c r="O1647" s="53">
        <v>-355385</v>
      </c>
      <c r="P1647" s="53">
        <v>-355385</v>
      </c>
      <c r="Q1647" s="53">
        <v>-355385</v>
      </c>
      <c r="R1647" s="53">
        <v>-355385</v>
      </c>
      <c r="S1647" s="53">
        <v>-355385</v>
      </c>
      <c r="T1647" s="53">
        <v>-355385</v>
      </c>
      <c r="U1647" s="53">
        <v>-355385</v>
      </c>
      <c r="V1647" s="53">
        <v>-355385</v>
      </c>
      <c r="W1647" s="53">
        <v>-355385</v>
      </c>
      <c r="X1647" s="53">
        <v>-355385</v>
      </c>
      <c r="Y1647" s="53">
        <v>-355385</v>
      </c>
      <c r="Z1647" s="53">
        <v>-355385</v>
      </c>
      <c r="AA1647" s="53">
        <v>-4264620</v>
      </c>
      <c r="AB1647" s="53">
        <v>-355385</v>
      </c>
      <c r="AC1647" s="53">
        <v>-355385</v>
      </c>
      <c r="AD1647" s="53">
        <v>-355385</v>
      </c>
      <c r="AE1647" s="53">
        <v>-355385</v>
      </c>
      <c r="AF1647" s="53">
        <v>-355385</v>
      </c>
      <c r="AG1647" s="53">
        <v>-355385</v>
      </c>
      <c r="AH1647" s="53">
        <v>-355385</v>
      </c>
      <c r="AI1647" s="53">
        <v>-355385</v>
      </c>
      <c r="AJ1647" s="53">
        <v>-355385</v>
      </c>
      <c r="AK1647" s="53">
        <v>-355385</v>
      </c>
      <c r="AL1647" s="53">
        <v>-355385</v>
      </c>
      <c r="AM1647" s="53">
        <v>-355385</v>
      </c>
      <c r="AN1647" s="53">
        <v>-4264620</v>
      </c>
      <c r="AO1647" s="53">
        <v>-355385</v>
      </c>
      <c r="AP1647" s="53">
        <v>-355385</v>
      </c>
      <c r="AQ1647" s="53">
        <v>-355385</v>
      </c>
      <c r="AR1647" s="53">
        <v>-355385</v>
      </c>
      <c r="AS1647" s="53">
        <v>-355385</v>
      </c>
      <c r="AT1647" s="53">
        <v>-355385</v>
      </c>
      <c r="AU1647" s="53">
        <v>-355385</v>
      </c>
      <c r="AV1647" s="53">
        <v>-355385</v>
      </c>
      <c r="AW1647" s="53">
        <v>-355385</v>
      </c>
      <c r="AX1647" s="53">
        <v>-355385</v>
      </c>
      <c r="AY1647" s="53">
        <v>-355385</v>
      </c>
      <c r="AZ1647" s="53">
        <v>-355385</v>
      </c>
      <c r="BA1647" s="53">
        <v>-4264620</v>
      </c>
      <c r="BB1647" s="53">
        <v>-355385</v>
      </c>
      <c r="BC1647" s="53">
        <v>-355385</v>
      </c>
      <c r="BD1647" s="53">
        <v>-355385</v>
      </c>
      <c r="BE1647" s="53">
        <v>-355385</v>
      </c>
      <c r="BF1647" s="53">
        <v>-355385</v>
      </c>
      <c r="BG1647" s="53">
        <v>-355385</v>
      </c>
      <c r="BH1647" s="53">
        <v>-355385</v>
      </c>
      <c r="BI1647" s="53">
        <v>-355385</v>
      </c>
      <c r="BJ1647" s="53">
        <v>-355385</v>
      </c>
      <c r="BK1647" s="53">
        <v>-355385</v>
      </c>
      <c r="BL1647" s="53">
        <v>-355385</v>
      </c>
      <c r="BM1647" s="53">
        <v>-355385</v>
      </c>
      <c r="BN1647" s="53">
        <v>-4264620</v>
      </c>
      <c r="BO1647" s="53">
        <v>-355385</v>
      </c>
      <c r="BP1647" s="53">
        <v>-355385</v>
      </c>
      <c r="BQ1647" s="53">
        <v>-355385</v>
      </c>
      <c r="BR1647" s="53">
        <v>-355385</v>
      </c>
      <c r="BS1647" s="53">
        <v>-355385</v>
      </c>
      <c r="BT1647" s="53">
        <v>-355385</v>
      </c>
      <c r="BU1647" s="53">
        <v>-355385</v>
      </c>
      <c r="BV1647" s="53">
        <v>-355385</v>
      </c>
      <c r="BW1647" s="53">
        <v>-355385</v>
      </c>
      <c r="BX1647" s="53">
        <v>-355385</v>
      </c>
      <c r="BY1647" s="53">
        <v>-355385</v>
      </c>
      <c r="BZ1647" s="53">
        <v>-355385</v>
      </c>
      <c r="CA1647" s="53">
        <v>-4264620</v>
      </c>
      <c r="CB1647" s="53">
        <v>-661241.90885616501</v>
      </c>
      <c r="CC1647" s="53">
        <v>-672281.24921154696</v>
      </c>
      <c r="CD1647" s="53">
        <v>-707203.31239734695</v>
      </c>
      <c r="CE1647" s="53">
        <v>-733240.87770492304</v>
      </c>
      <c r="CF1647" s="53">
        <v>-747945.67525562202</v>
      </c>
      <c r="CG1647" s="53">
        <v>-814277.20258438599</v>
      </c>
      <c r="CH1647" s="53">
        <v>-877278.14551705495</v>
      </c>
      <c r="CI1647" s="53">
        <v>-859141.96889674105</v>
      </c>
      <c r="CJ1647" s="53">
        <v>-774428.80439998303</v>
      </c>
      <c r="CK1647" s="53">
        <v>-924350.95756512496</v>
      </c>
      <c r="CL1647" s="53">
        <v>-690642.25826140295</v>
      </c>
      <c r="CM1647" s="53">
        <v>-749239.59220090497</v>
      </c>
      <c r="CN1647" s="53">
        <v>-9211271.9528512005</v>
      </c>
    </row>
    <row r="1648" spans="1:92" outlineLevel="1">
      <c r="A1648" s="52" t="s">
        <v>1294</v>
      </c>
      <c r="B1648" s="53"/>
      <c r="C1648" s="53"/>
      <c r="D1648" s="53"/>
      <c r="E1648" s="53"/>
      <c r="F1648" s="53"/>
      <c r="G1648" s="53"/>
      <c r="H1648" s="53"/>
      <c r="I1648" s="53"/>
      <c r="J1648" s="53"/>
      <c r="K1648" s="53"/>
      <c r="L1648" s="53"/>
      <c r="M1648" s="53"/>
      <c r="N1648" s="53"/>
      <c r="O1648" s="53"/>
      <c r="P1648" s="53"/>
      <c r="Q1648" s="53"/>
      <c r="R1648" s="53"/>
      <c r="S1648" s="53"/>
      <c r="T1648" s="53"/>
      <c r="U1648" s="53"/>
      <c r="V1648" s="53"/>
      <c r="W1648" s="53"/>
      <c r="X1648" s="53"/>
      <c r="Y1648" s="53"/>
      <c r="Z1648" s="53"/>
      <c r="AA1648" s="53"/>
      <c r="AB1648" s="53"/>
      <c r="AC1648" s="53"/>
      <c r="AD1648" s="53"/>
      <c r="AE1648" s="53"/>
      <c r="AF1648" s="53"/>
      <c r="AG1648" s="53"/>
      <c r="AH1648" s="53"/>
      <c r="AI1648" s="53"/>
      <c r="AJ1648" s="53"/>
      <c r="AK1648" s="53"/>
      <c r="AL1648" s="53"/>
      <c r="AM1648" s="53"/>
      <c r="AN1648" s="53"/>
      <c r="AO1648" s="53"/>
      <c r="AP1648" s="53"/>
      <c r="AQ1648" s="53"/>
      <c r="AR1648" s="53"/>
      <c r="AS1648" s="53"/>
      <c r="AT1648" s="53"/>
      <c r="AU1648" s="53"/>
      <c r="AV1648" s="53"/>
      <c r="AW1648" s="53"/>
      <c r="AX1648" s="53"/>
      <c r="AY1648" s="53"/>
      <c r="AZ1648" s="53"/>
      <c r="BA1648" s="53"/>
      <c r="BB1648" s="53"/>
      <c r="BC1648" s="53"/>
      <c r="BD1648" s="53"/>
      <c r="BE1648" s="53"/>
      <c r="BF1648" s="53"/>
      <c r="BG1648" s="53"/>
      <c r="BH1648" s="53"/>
      <c r="BI1648" s="53"/>
      <c r="BJ1648" s="53"/>
      <c r="BK1648" s="53"/>
      <c r="BL1648" s="53"/>
      <c r="BM1648" s="53"/>
      <c r="BN1648" s="53"/>
      <c r="BO1648" s="53"/>
      <c r="BP1648" s="53"/>
      <c r="BQ1648" s="53"/>
      <c r="BR1648" s="53"/>
      <c r="BS1648" s="53"/>
      <c r="BT1648" s="53"/>
      <c r="BU1648" s="53"/>
      <c r="BV1648" s="53"/>
      <c r="BW1648" s="53"/>
      <c r="BX1648" s="53"/>
      <c r="BY1648" s="53"/>
      <c r="BZ1648" s="53"/>
      <c r="CA1648" s="53"/>
      <c r="CB1648" s="53">
        <v>-4251096.5824809596</v>
      </c>
      <c r="CC1648" s="53">
        <v>-4386322.7256369898</v>
      </c>
      <c r="CD1648" s="53">
        <v>-4048773.8182084002</v>
      </c>
      <c r="CE1648" s="53">
        <v>-4115152.27148963</v>
      </c>
      <c r="CF1648" s="53">
        <v>-4257974.0254715402</v>
      </c>
      <c r="CG1648" s="53">
        <v>-5403229.9791022297</v>
      </c>
      <c r="CH1648" s="53">
        <v>-6557883.6589357601</v>
      </c>
      <c r="CI1648" s="53">
        <v>-6980761.4355786098</v>
      </c>
      <c r="CJ1648" s="53">
        <v>-6477804.9834623002</v>
      </c>
      <c r="CK1648" s="53">
        <v>-6497251.7753129303</v>
      </c>
      <c r="CL1648" s="53">
        <v>-4347599.7709816098</v>
      </c>
      <c r="CM1648" s="53">
        <v>-4368136.2831172301</v>
      </c>
      <c r="CN1648" s="53">
        <v>-61691987.309778199</v>
      </c>
    </row>
    <row r="1649" spans="1:92" outlineLevel="1">
      <c r="A1649" s="52" t="s">
        <v>649</v>
      </c>
      <c r="B1649" s="53"/>
      <c r="C1649" s="53"/>
      <c r="D1649" s="53"/>
      <c r="E1649" s="53"/>
      <c r="F1649" s="53"/>
      <c r="G1649" s="53"/>
      <c r="H1649" s="53"/>
      <c r="I1649" s="53"/>
      <c r="J1649" s="53"/>
      <c r="K1649" s="53"/>
      <c r="L1649" s="53"/>
      <c r="M1649" s="53"/>
      <c r="N1649" s="53"/>
      <c r="O1649" s="53">
        <v>13011993.853433199</v>
      </c>
      <c r="P1649" s="53"/>
      <c r="Q1649" s="53"/>
      <c r="R1649" s="53"/>
      <c r="S1649" s="53"/>
      <c r="T1649" s="53"/>
      <c r="U1649" s="53"/>
      <c r="V1649" s="53"/>
      <c r="W1649" s="53"/>
      <c r="X1649" s="53"/>
      <c r="Y1649" s="53"/>
      <c r="Z1649" s="53"/>
      <c r="AA1649" s="53">
        <v>13011993.853433199</v>
      </c>
      <c r="AB1649" s="53"/>
      <c r="AC1649" s="53"/>
      <c r="AD1649" s="53"/>
      <c r="AE1649" s="53"/>
      <c r="AF1649" s="53"/>
      <c r="AG1649" s="53"/>
      <c r="AH1649" s="53"/>
      <c r="AI1649" s="53"/>
      <c r="AJ1649" s="53"/>
      <c r="AK1649" s="53"/>
      <c r="AL1649" s="53"/>
      <c r="AM1649" s="53"/>
      <c r="AN1649" s="53"/>
      <c r="AO1649" s="53"/>
      <c r="AP1649" s="53"/>
      <c r="AQ1649" s="53"/>
      <c r="AR1649" s="53"/>
      <c r="AS1649" s="53"/>
      <c r="AT1649" s="53"/>
      <c r="AU1649" s="53"/>
      <c r="AV1649" s="53"/>
      <c r="AW1649" s="53"/>
      <c r="AX1649" s="53"/>
      <c r="AY1649" s="53"/>
      <c r="AZ1649" s="53"/>
      <c r="BA1649" s="53"/>
      <c r="BB1649" s="53"/>
      <c r="BC1649" s="53"/>
      <c r="BD1649" s="53"/>
      <c r="BE1649" s="53"/>
      <c r="BF1649" s="53"/>
      <c r="BG1649" s="53"/>
      <c r="BH1649" s="53"/>
      <c r="BI1649" s="53"/>
      <c r="BJ1649" s="53"/>
      <c r="BK1649" s="53"/>
      <c r="BL1649" s="53"/>
      <c r="BM1649" s="53"/>
      <c r="BN1649" s="53"/>
      <c r="BO1649" s="53"/>
      <c r="BP1649" s="53"/>
      <c r="BQ1649" s="53"/>
      <c r="BR1649" s="53"/>
      <c r="BS1649" s="53"/>
      <c r="BT1649" s="53"/>
      <c r="BU1649" s="53"/>
      <c r="BV1649" s="53"/>
      <c r="BW1649" s="53"/>
      <c r="BX1649" s="53"/>
      <c r="BY1649" s="53"/>
      <c r="BZ1649" s="53"/>
      <c r="CA1649" s="53"/>
      <c r="CB1649" s="53"/>
      <c r="CC1649" s="53"/>
      <c r="CD1649" s="53"/>
      <c r="CE1649" s="53"/>
      <c r="CF1649" s="53"/>
      <c r="CG1649" s="53"/>
      <c r="CH1649" s="53"/>
      <c r="CI1649" s="53"/>
      <c r="CJ1649" s="53"/>
      <c r="CK1649" s="53"/>
      <c r="CL1649" s="53"/>
      <c r="CM1649" s="53"/>
      <c r="CN1649" s="53"/>
    </row>
    <row r="1650" spans="1:92" outlineLevel="1">
      <c r="A1650" s="52" t="s">
        <v>1289</v>
      </c>
      <c r="B1650" s="53"/>
      <c r="C1650" s="53"/>
      <c r="D1650" s="53"/>
      <c r="E1650" s="53"/>
      <c r="F1650" s="53"/>
      <c r="G1650" s="53"/>
      <c r="H1650" s="53"/>
      <c r="I1650" s="53"/>
      <c r="J1650" s="53"/>
      <c r="K1650" s="53"/>
      <c r="L1650" s="53"/>
      <c r="M1650" s="53"/>
      <c r="N1650" s="53"/>
      <c r="O1650" s="53"/>
      <c r="P1650" s="53"/>
      <c r="Q1650" s="53"/>
      <c r="R1650" s="53"/>
      <c r="S1650" s="53"/>
      <c r="T1650" s="53"/>
      <c r="U1650" s="53"/>
      <c r="V1650" s="53"/>
      <c r="W1650" s="53"/>
      <c r="X1650" s="53"/>
      <c r="Y1650" s="53"/>
      <c r="Z1650" s="53"/>
      <c r="AA1650" s="53"/>
      <c r="AB1650" s="53"/>
      <c r="AC1650" s="53"/>
      <c r="AD1650" s="53"/>
      <c r="AE1650" s="53"/>
      <c r="AF1650" s="53"/>
      <c r="AG1650" s="53"/>
      <c r="AH1650" s="53"/>
      <c r="AI1650" s="53"/>
      <c r="AJ1650" s="53"/>
      <c r="AK1650" s="53"/>
      <c r="AL1650" s="53"/>
      <c r="AM1650" s="53"/>
      <c r="AN1650" s="53"/>
      <c r="AO1650" s="53"/>
      <c r="AP1650" s="53"/>
      <c r="AQ1650" s="53"/>
      <c r="AR1650" s="53"/>
      <c r="AS1650" s="53"/>
      <c r="AT1650" s="53"/>
      <c r="AU1650" s="53"/>
      <c r="AV1650" s="53"/>
      <c r="AW1650" s="53"/>
      <c r="AX1650" s="53"/>
      <c r="AY1650" s="53"/>
      <c r="AZ1650" s="53"/>
      <c r="BA1650" s="53"/>
      <c r="BB1650" s="53"/>
      <c r="BC1650" s="53"/>
      <c r="BD1650" s="53"/>
      <c r="BE1650" s="53"/>
      <c r="BF1650" s="53"/>
      <c r="BG1650" s="53"/>
      <c r="BH1650" s="53"/>
      <c r="BI1650" s="53"/>
      <c r="BJ1650" s="53"/>
      <c r="BK1650" s="53"/>
      <c r="BL1650" s="53"/>
      <c r="BM1650" s="53"/>
      <c r="BN1650" s="53"/>
      <c r="BO1650" s="53"/>
      <c r="BP1650" s="53"/>
      <c r="BQ1650" s="53"/>
      <c r="BR1650" s="53"/>
      <c r="BS1650" s="53"/>
      <c r="BT1650" s="53"/>
      <c r="BU1650" s="53"/>
      <c r="BV1650" s="53"/>
      <c r="BW1650" s="53"/>
      <c r="BX1650" s="53"/>
      <c r="BY1650" s="53"/>
      <c r="BZ1650" s="53"/>
      <c r="CA1650" s="53"/>
      <c r="CB1650" s="53">
        <v>-228163.20949341601</v>
      </c>
      <c r="CC1650" s="53">
        <v>-223159.534086789</v>
      </c>
      <c r="CD1650" s="53">
        <v>-225493.30535113299</v>
      </c>
      <c r="CE1650" s="53">
        <v>-248499.32371231599</v>
      </c>
      <c r="CF1650" s="53">
        <v>-256141.12570598</v>
      </c>
      <c r="CG1650" s="53">
        <v>-290612.88832818798</v>
      </c>
      <c r="CH1650" s="53">
        <v>-323433.66252550599</v>
      </c>
      <c r="CI1650" s="53">
        <v>-334830.69396513799</v>
      </c>
      <c r="CJ1650" s="53">
        <v>-312144.67687948397</v>
      </c>
      <c r="CK1650" s="53">
        <v>-332856.03036494902</v>
      </c>
      <c r="CL1650" s="53">
        <v>-244029.48526428299</v>
      </c>
      <c r="CM1650" s="53">
        <v>-253030.30621653001</v>
      </c>
      <c r="CN1650" s="53">
        <v>-3272394.2418937101</v>
      </c>
    </row>
    <row r="1651" spans="1:92" outlineLevel="1">
      <c r="A1651" s="52" t="s">
        <v>649</v>
      </c>
      <c r="B1651" s="53">
        <v>-166666.66666666701</v>
      </c>
      <c r="C1651" s="53">
        <v>-166666.66666666701</v>
      </c>
      <c r="D1651" s="53">
        <v>-166666.66666666701</v>
      </c>
      <c r="E1651" s="53">
        <v>-166666.66666666701</v>
      </c>
      <c r="F1651" s="53">
        <v>-166666.66666666701</v>
      </c>
      <c r="G1651" s="53">
        <v>-166666.66666666701</v>
      </c>
      <c r="H1651" s="53">
        <v>-166666.66666666701</v>
      </c>
      <c r="I1651" s="53">
        <v>-166666.66666666701</v>
      </c>
      <c r="J1651" s="53">
        <v>-166666.66666666701</v>
      </c>
      <c r="K1651" s="53">
        <v>-166666.66666666701</v>
      </c>
      <c r="L1651" s="53">
        <v>-166666.66666666701</v>
      </c>
      <c r="M1651" s="53">
        <v>-166666.66666666701</v>
      </c>
      <c r="N1651" s="53">
        <v>-2000000</v>
      </c>
      <c r="O1651" s="53">
        <v>-13011993.853433199</v>
      </c>
      <c r="P1651" s="53"/>
      <c r="Q1651" s="53"/>
      <c r="R1651" s="53"/>
      <c r="S1651" s="53"/>
      <c r="T1651" s="53"/>
      <c r="U1651" s="53"/>
      <c r="V1651" s="53"/>
      <c r="W1651" s="53"/>
      <c r="X1651" s="53"/>
      <c r="Y1651" s="53"/>
      <c r="Z1651" s="53"/>
      <c r="AA1651" s="53">
        <v>-13011993.853433199</v>
      </c>
      <c r="AB1651" s="53"/>
      <c r="AC1651" s="53"/>
      <c r="AD1651" s="53"/>
      <c r="AE1651" s="53"/>
      <c r="AF1651" s="53"/>
      <c r="AG1651" s="53"/>
      <c r="AH1651" s="53"/>
      <c r="AI1651" s="53"/>
      <c r="AJ1651" s="53"/>
      <c r="AK1651" s="53"/>
      <c r="AL1651" s="53"/>
      <c r="AM1651" s="53"/>
      <c r="AN1651" s="53"/>
      <c r="AO1651" s="53"/>
      <c r="AP1651" s="53"/>
      <c r="AQ1651" s="53"/>
      <c r="AR1651" s="53"/>
      <c r="AS1651" s="53"/>
      <c r="AT1651" s="53"/>
      <c r="AU1651" s="53"/>
      <c r="AV1651" s="53"/>
      <c r="AW1651" s="53"/>
      <c r="AX1651" s="53"/>
      <c r="AY1651" s="53"/>
      <c r="AZ1651" s="53"/>
      <c r="BA1651" s="53"/>
      <c r="BB1651" s="53"/>
      <c r="BC1651" s="53"/>
      <c r="BD1651" s="53"/>
      <c r="BE1651" s="53"/>
      <c r="BF1651" s="53"/>
      <c r="BG1651" s="53"/>
      <c r="BH1651" s="53"/>
      <c r="BI1651" s="53"/>
      <c r="BJ1651" s="53"/>
      <c r="BK1651" s="53"/>
      <c r="BL1651" s="53"/>
      <c r="BM1651" s="53"/>
      <c r="BN1651" s="53"/>
      <c r="BO1651" s="53"/>
      <c r="BP1651" s="53"/>
      <c r="BQ1651" s="53"/>
      <c r="BR1651" s="53"/>
      <c r="BS1651" s="53"/>
      <c r="BT1651" s="53"/>
      <c r="BU1651" s="53"/>
      <c r="BV1651" s="53"/>
      <c r="BW1651" s="53"/>
      <c r="BX1651" s="53"/>
      <c r="BY1651" s="53"/>
      <c r="BZ1651" s="53"/>
      <c r="CA1651" s="53"/>
      <c r="CB1651" s="53">
        <v>-77210.192203910396</v>
      </c>
      <c r="CC1651" s="53">
        <v>-76276.129424501298</v>
      </c>
      <c r="CD1651" s="53">
        <v>-81878.1608937126</v>
      </c>
      <c r="CE1651" s="53">
        <v>-85684.581569495596</v>
      </c>
      <c r="CF1651" s="53">
        <v>-82506.022592719906</v>
      </c>
      <c r="CG1651" s="53">
        <v>-85396.062837777004</v>
      </c>
      <c r="CH1651" s="53">
        <v>-91337.046157741599</v>
      </c>
      <c r="CI1651" s="53">
        <v>-90432.782675920898</v>
      </c>
      <c r="CJ1651" s="53">
        <v>-85598.873074935007</v>
      </c>
      <c r="CK1651" s="53">
        <v>-94652.376034760193</v>
      </c>
      <c r="CL1651" s="53">
        <v>-74445.2608688521</v>
      </c>
      <c r="CM1651" s="53">
        <v>-86269.641201762497</v>
      </c>
      <c r="CN1651" s="53">
        <v>-1011687.1295360801</v>
      </c>
    </row>
    <row r="1652" spans="1:92" outlineLevel="1">
      <c r="A1652" s="52" t="s">
        <v>1287</v>
      </c>
      <c r="B1652" s="53"/>
      <c r="C1652" s="53"/>
      <c r="D1652" s="53"/>
      <c r="E1652" s="53"/>
      <c r="F1652" s="53"/>
      <c r="G1652" s="53"/>
      <c r="H1652" s="53"/>
      <c r="I1652" s="53"/>
      <c r="J1652" s="53"/>
      <c r="K1652" s="53"/>
      <c r="L1652" s="53"/>
      <c r="M1652" s="53"/>
      <c r="N1652" s="53"/>
      <c r="O1652" s="53"/>
      <c r="P1652" s="53"/>
      <c r="Q1652" s="53"/>
      <c r="R1652" s="53"/>
      <c r="S1652" s="53"/>
      <c r="T1652" s="53"/>
      <c r="U1652" s="53"/>
      <c r="V1652" s="53"/>
      <c r="W1652" s="53"/>
      <c r="X1652" s="53"/>
      <c r="Y1652" s="53"/>
      <c r="Z1652" s="53"/>
      <c r="AA1652" s="53"/>
      <c r="AB1652" s="53"/>
      <c r="AC1652" s="53"/>
      <c r="AD1652" s="53"/>
      <c r="AE1652" s="53"/>
      <c r="AF1652" s="53"/>
      <c r="AG1652" s="53"/>
      <c r="AH1652" s="53"/>
      <c r="AI1652" s="53"/>
      <c r="AJ1652" s="53"/>
      <c r="AK1652" s="53"/>
      <c r="AL1652" s="53"/>
      <c r="AM1652" s="53"/>
      <c r="AN1652" s="53"/>
      <c r="AO1652" s="53"/>
      <c r="AP1652" s="53"/>
      <c r="AQ1652" s="53"/>
      <c r="AR1652" s="53"/>
      <c r="AS1652" s="53"/>
      <c r="AT1652" s="53"/>
      <c r="AU1652" s="53"/>
      <c r="AV1652" s="53"/>
      <c r="AW1652" s="53"/>
      <c r="AX1652" s="53"/>
      <c r="AY1652" s="53"/>
      <c r="AZ1652" s="53"/>
      <c r="BA1652" s="53"/>
      <c r="BB1652" s="53"/>
      <c r="BC1652" s="53"/>
      <c r="BD1652" s="53"/>
      <c r="BE1652" s="53"/>
      <c r="BF1652" s="53"/>
      <c r="BG1652" s="53"/>
      <c r="BH1652" s="53"/>
      <c r="BI1652" s="53"/>
      <c r="BJ1652" s="53"/>
      <c r="BK1652" s="53"/>
      <c r="BL1652" s="53"/>
      <c r="BM1652" s="53"/>
      <c r="BN1652" s="53"/>
      <c r="BO1652" s="53"/>
      <c r="BP1652" s="53"/>
      <c r="BQ1652" s="53"/>
      <c r="BR1652" s="53"/>
      <c r="BS1652" s="53"/>
      <c r="BT1652" s="53"/>
      <c r="BU1652" s="53"/>
      <c r="BV1652" s="53"/>
      <c r="BW1652" s="53"/>
      <c r="BX1652" s="53"/>
      <c r="BY1652" s="53"/>
      <c r="BZ1652" s="53"/>
      <c r="CA1652" s="53"/>
      <c r="CB1652" s="53">
        <v>-477.845826307599</v>
      </c>
      <c r="CC1652" s="53">
        <v>-483.25258847438499</v>
      </c>
      <c r="CD1652" s="53">
        <v>-507.54556852345797</v>
      </c>
      <c r="CE1652" s="53">
        <v>-507.088359244115</v>
      </c>
      <c r="CF1652" s="53">
        <v>-487.04290952892899</v>
      </c>
      <c r="CG1652" s="53">
        <v>-491.84044384259403</v>
      </c>
      <c r="CH1652" s="53">
        <v>-518.62344478229204</v>
      </c>
      <c r="CI1652" s="53">
        <v>-513.37249247837997</v>
      </c>
      <c r="CJ1652" s="53">
        <v>-482.008643120805</v>
      </c>
      <c r="CK1652" s="53">
        <v>-545.91160547847596</v>
      </c>
      <c r="CL1652" s="53">
        <v>-436.43455709336303</v>
      </c>
      <c r="CM1652" s="53">
        <v>-515.60581656549198</v>
      </c>
      <c r="CN1652" s="53">
        <v>-5966.5722554398899</v>
      </c>
    </row>
    <row r="1653" spans="1:92" outlineLevel="1">
      <c r="A1653" s="52" t="s">
        <v>649</v>
      </c>
      <c r="B1653" s="53">
        <v>-16854.599999999999</v>
      </c>
      <c r="C1653" s="53">
        <v>-8567.7999999999993</v>
      </c>
      <c r="D1653" s="53">
        <v>-1641.6</v>
      </c>
      <c r="E1653" s="53">
        <v>-4957</v>
      </c>
      <c r="F1653" s="53">
        <v>-16777.400000000001</v>
      </c>
      <c r="G1653" s="53">
        <v>395.1</v>
      </c>
      <c r="H1653" s="53">
        <v>113.6</v>
      </c>
      <c r="I1653" s="53">
        <v>-455.2</v>
      </c>
      <c r="J1653" s="53">
        <v>-2129</v>
      </c>
      <c r="K1653" s="53">
        <v>-1834.8999999999901</v>
      </c>
      <c r="L1653" s="53">
        <v>-8.6969565163599292</v>
      </c>
      <c r="M1653" s="53">
        <v>-6925.2</v>
      </c>
      <c r="N1653" s="53">
        <v>-59642.696956516302</v>
      </c>
      <c r="O1653" s="53">
        <v>26972252.3807608</v>
      </c>
      <c r="P1653" s="53">
        <v>12342.963667496701</v>
      </c>
      <c r="Q1653" s="53">
        <v>107477.202463333</v>
      </c>
      <c r="R1653" s="53">
        <v>107264.92164589401</v>
      </c>
      <c r="S1653" s="53">
        <v>87254.804872237801</v>
      </c>
      <c r="T1653" s="53">
        <v>56618.983309157898</v>
      </c>
      <c r="U1653" s="53">
        <v>66423.5662530962</v>
      </c>
      <c r="V1653" s="53">
        <v>57434.5205439364</v>
      </c>
      <c r="W1653" s="53">
        <v>58357.588991040197</v>
      </c>
      <c r="X1653" s="53">
        <v>76317.635634432503</v>
      </c>
      <c r="Y1653" s="53">
        <v>-8353.6205669180599</v>
      </c>
      <c r="Z1653" s="53">
        <v>-9266.0006087423099</v>
      </c>
      <c r="AA1653" s="53">
        <v>27584124.946965698</v>
      </c>
      <c r="AB1653" s="53">
        <v>19566.449826817901</v>
      </c>
      <c r="AC1653" s="53">
        <v>33703.264818216499</v>
      </c>
      <c r="AD1653" s="53">
        <v>-35567.587871606302</v>
      </c>
      <c r="AE1653" s="53">
        <v>5642.2607364955602</v>
      </c>
      <c r="AF1653" s="53">
        <v>-60900.837342934603</v>
      </c>
      <c r="AG1653" s="53">
        <v>-73746.685166889001</v>
      </c>
      <c r="AH1653" s="53">
        <v>-26884.298339926499</v>
      </c>
      <c r="AI1653" s="53">
        <v>77031.902905713301</v>
      </c>
      <c r="AJ1653" s="53">
        <v>44708.705025899697</v>
      </c>
      <c r="AK1653" s="53">
        <v>53810.013761321403</v>
      </c>
      <c r="AL1653" s="53">
        <v>-5011.6688384317404</v>
      </c>
      <c r="AM1653" s="53">
        <v>-22556.548018615998</v>
      </c>
      <c r="AN1653" s="53">
        <v>9794.9714960601395</v>
      </c>
      <c r="AO1653" s="53">
        <v>-16592.636564938301</v>
      </c>
      <c r="AP1653" s="53">
        <v>-24403.5073785116</v>
      </c>
      <c r="AQ1653" s="53">
        <v>-84752.463028330603</v>
      </c>
      <c r="AR1653" s="53">
        <v>-44264.936813268498</v>
      </c>
      <c r="AS1653" s="53">
        <v>-94468.629338087398</v>
      </c>
      <c r="AT1653" s="53">
        <v>-103709.355246443</v>
      </c>
      <c r="AU1653" s="53">
        <v>-56280.2952303407</v>
      </c>
      <c r="AV1653" s="53">
        <v>70896.193023423199</v>
      </c>
      <c r="AW1653" s="53">
        <v>43270.8060995552</v>
      </c>
      <c r="AX1653" s="53">
        <v>13107.5833478512</v>
      </c>
      <c r="AY1653" s="53">
        <v>-18262.825693200899</v>
      </c>
      <c r="AZ1653" s="53">
        <v>-20087.004303966602</v>
      </c>
      <c r="BA1653" s="53">
        <v>-335547.071126258</v>
      </c>
      <c r="BB1653" s="53">
        <v>-15829.759425570999</v>
      </c>
      <c r="BC1653" s="53">
        <v>-20453.762957928098</v>
      </c>
      <c r="BD1653" s="53">
        <v>-58907.947855812403</v>
      </c>
      <c r="BE1653" s="53">
        <v>-32315.685607551099</v>
      </c>
      <c r="BF1653" s="53">
        <v>-79736.355696440995</v>
      </c>
      <c r="BG1653" s="53">
        <v>-76219.210612762297</v>
      </c>
      <c r="BH1653" s="53">
        <v>-44241.617582025399</v>
      </c>
      <c r="BI1653" s="53">
        <v>93594.184419023804</v>
      </c>
      <c r="BJ1653" s="53">
        <v>82810.495379220796</v>
      </c>
      <c r="BK1653" s="53">
        <v>49982.634886036998</v>
      </c>
      <c r="BL1653" s="53">
        <v>23808.6058711197</v>
      </c>
      <c r="BM1653" s="53">
        <v>21308.695381128899</v>
      </c>
      <c r="BN1653" s="53">
        <v>-56199.7238015611</v>
      </c>
      <c r="BO1653" s="53">
        <v>10423.2427628449</v>
      </c>
      <c r="BP1653" s="53">
        <v>597.35156434180703</v>
      </c>
      <c r="BQ1653" s="53">
        <v>-23318.967840968999</v>
      </c>
      <c r="BR1653" s="53">
        <v>-15157.073525915501</v>
      </c>
      <c r="BS1653" s="53">
        <v>-49889.174690979402</v>
      </c>
      <c r="BT1653" s="53">
        <v>-41408.2619443652</v>
      </c>
      <c r="BU1653" s="53">
        <v>-32623.451761930399</v>
      </c>
      <c r="BV1653" s="53">
        <v>114032.39609742</v>
      </c>
      <c r="BW1653" s="53">
        <v>102229.043502389</v>
      </c>
      <c r="BX1653" s="53">
        <v>66725.321171368705</v>
      </c>
      <c r="BY1653" s="53">
        <v>47441.8958135211</v>
      </c>
      <c r="BZ1653" s="53">
        <v>45557.996967385399</v>
      </c>
      <c r="CA1653" s="53">
        <v>224610.31811511199</v>
      </c>
      <c r="CB1653" s="53">
        <v>-66177.015083783699</v>
      </c>
      <c r="CC1653" s="53">
        <v>-66313.690284731405</v>
      </c>
      <c r="CD1653" s="53">
        <v>-69662.389877846406</v>
      </c>
      <c r="CE1653" s="53">
        <v>-72167.045811440097</v>
      </c>
      <c r="CF1653" s="53">
        <v>-73614.321639556496</v>
      </c>
      <c r="CG1653" s="53">
        <v>-80142.804321074596</v>
      </c>
      <c r="CH1653" s="53">
        <v>-86343.484169989795</v>
      </c>
      <c r="CI1653" s="53">
        <v>-84558.485094243704</v>
      </c>
      <c r="CJ1653" s="53">
        <v>-76220.844614889793</v>
      </c>
      <c r="CK1653" s="53">
        <v>-90976.485257135297</v>
      </c>
      <c r="CL1653" s="53">
        <v>-67974.403782933601</v>
      </c>
      <c r="CM1653" s="53">
        <v>-73741.671554578599</v>
      </c>
      <c r="CN1653" s="53">
        <v>-907892.64149220404</v>
      </c>
    </row>
    <row r="1654" spans="1:92" outlineLevel="1">
      <c r="A1654" s="52" t="s">
        <v>1291</v>
      </c>
      <c r="B1654" s="53"/>
      <c r="C1654" s="53"/>
      <c r="D1654" s="53"/>
      <c r="E1654" s="53"/>
      <c r="F1654" s="53"/>
      <c r="G1654" s="53"/>
      <c r="H1654" s="53"/>
      <c r="I1654" s="53"/>
      <c r="J1654" s="53"/>
      <c r="K1654" s="53"/>
      <c r="L1654" s="53"/>
      <c r="M1654" s="53"/>
      <c r="N1654" s="53"/>
      <c r="O1654" s="53"/>
      <c r="P1654" s="53"/>
      <c r="Q1654" s="53"/>
      <c r="R1654" s="53"/>
      <c r="S1654" s="53"/>
      <c r="T1654" s="53"/>
      <c r="U1654" s="53"/>
      <c r="V1654" s="53"/>
      <c r="W1654" s="53"/>
      <c r="X1654" s="53"/>
      <c r="Y1654" s="53"/>
      <c r="Z1654" s="53"/>
      <c r="AA1654" s="53"/>
      <c r="AB1654" s="53"/>
      <c r="AC1654" s="53"/>
      <c r="AD1654" s="53"/>
      <c r="AE1654" s="53"/>
      <c r="AF1654" s="53"/>
      <c r="AG1654" s="53"/>
      <c r="AH1654" s="53"/>
      <c r="AI1654" s="53"/>
      <c r="AJ1654" s="53"/>
      <c r="AK1654" s="53"/>
      <c r="AL1654" s="53"/>
      <c r="AM1654" s="53"/>
      <c r="AN1654" s="53"/>
      <c r="AO1654" s="53"/>
      <c r="AP1654" s="53"/>
      <c r="AQ1654" s="53"/>
      <c r="AR1654" s="53"/>
      <c r="AS1654" s="53"/>
      <c r="AT1654" s="53"/>
      <c r="AU1654" s="53"/>
      <c r="AV1654" s="53"/>
      <c r="AW1654" s="53"/>
      <c r="AX1654" s="53"/>
      <c r="AY1654" s="53"/>
      <c r="AZ1654" s="53"/>
      <c r="BA1654" s="53"/>
      <c r="BB1654" s="53"/>
      <c r="BC1654" s="53"/>
      <c r="BD1654" s="53"/>
      <c r="BE1654" s="53"/>
      <c r="BF1654" s="53"/>
      <c r="BG1654" s="53"/>
      <c r="BH1654" s="53"/>
      <c r="BI1654" s="53"/>
      <c r="BJ1654" s="53"/>
      <c r="BK1654" s="53"/>
      <c r="BL1654" s="53"/>
      <c r="BM1654" s="53"/>
      <c r="BN1654" s="53"/>
      <c r="BO1654" s="53"/>
      <c r="BP1654" s="53"/>
      <c r="BQ1654" s="53"/>
      <c r="BR1654" s="53"/>
      <c r="BS1654" s="53"/>
      <c r="BT1654" s="53"/>
      <c r="BU1654" s="53"/>
      <c r="BV1654" s="53"/>
      <c r="BW1654" s="53"/>
      <c r="BX1654" s="53"/>
      <c r="BY1654" s="53"/>
      <c r="BZ1654" s="53"/>
      <c r="CA1654" s="53"/>
      <c r="CB1654" s="53">
        <v>-425336.19150545198</v>
      </c>
      <c r="CC1654" s="53">
        <v>-432592.182954185</v>
      </c>
      <c r="CD1654" s="53">
        <v>-398860.46391308698</v>
      </c>
      <c r="CE1654" s="53">
        <v>-405021.58503110101</v>
      </c>
      <c r="CF1654" s="53">
        <v>-419078.39006731799</v>
      </c>
      <c r="CG1654" s="53">
        <v>-531796.79050645803</v>
      </c>
      <c r="CH1654" s="53">
        <v>-645440.13410960604</v>
      </c>
      <c r="CI1654" s="53">
        <v>-687060.61764722201</v>
      </c>
      <c r="CJ1654" s="53">
        <v>-637558.62938567298</v>
      </c>
      <c r="CK1654" s="53">
        <v>-639472.62185532704</v>
      </c>
      <c r="CL1654" s="53">
        <v>-427899.53667653998</v>
      </c>
      <c r="CM1654" s="53">
        <v>-429920.78161413397</v>
      </c>
      <c r="CN1654" s="53">
        <v>-6080037.9252661001</v>
      </c>
    </row>
    <row r="1655" spans="1:92" outlineLevel="1">
      <c r="A1655" s="52" t="s">
        <v>649</v>
      </c>
      <c r="B1655" s="53">
        <v>-720000.74046040897</v>
      </c>
      <c r="C1655" s="53">
        <v>-720000.74046040897</v>
      </c>
      <c r="D1655" s="53">
        <v>-720000.74046040897</v>
      </c>
      <c r="E1655" s="53">
        <v>-720000.74046040897</v>
      </c>
      <c r="F1655" s="53">
        <v>-720000.74046040897</v>
      </c>
      <c r="G1655" s="53">
        <v>-720000.74046040897</v>
      </c>
      <c r="H1655" s="53">
        <v>-720000.74046040897</v>
      </c>
      <c r="I1655" s="53">
        <v>-720000.74046040897</v>
      </c>
      <c r="J1655" s="53">
        <v>-720000.74046040897</v>
      </c>
      <c r="K1655" s="53">
        <v>-720000.74046040897</v>
      </c>
      <c r="L1655" s="53">
        <v>-720000.74046040897</v>
      </c>
      <c r="M1655" s="53">
        <v>-720000.74046040897</v>
      </c>
      <c r="N1655" s="53">
        <v>-8640008.8855249099</v>
      </c>
      <c r="O1655" s="53">
        <v>-837739.11872719799</v>
      </c>
      <c r="P1655" s="53">
        <v>14366131.421122599</v>
      </c>
      <c r="Q1655" s="53">
        <v>6636112.9663426802</v>
      </c>
      <c r="R1655" s="53">
        <v>-17382.418596622301</v>
      </c>
      <c r="S1655" s="53">
        <v>-1320420.1621185499</v>
      </c>
      <c r="T1655" s="53">
        <v>-1222762.59542939</v>
      </c>
      <c r="U1655" s="53">
        <v>-1246933.72720965</v>
      </c>
      <c r="V1655" s="53">
        <v>-1198618.65355461</v>
      </c>
      <c r="W1655" s="53">
        <v>-816607.97157991305</v>
      </c>
      <c r="X1655" s="53">
        <v>-78969.734516533194</v>
      </c>
      <c r="Y1655" s="53"/>
      <c r="Z1655" s="53"/>
      <c r="AA1655" s="53">
        <v>14262810.005732801</v>
      </c>
      <c r="AB1655" s="53">
        <v>-159396.98351845299</v>
      </c>
      <c r="AC1655" s="53">
        <v>-7655.8406842814302</v>
      </c>
      <c r="AD1655" s="53"/>
      <c r="AE1655" s="53">
        <v>-97255.291564477404</v>
      </c>
      <c r="AF1655" s="53">
        <v>-776917.36263051303</v>
      </c>
      <c r="AG1655" s="53">
        <v>-738188.55743353197</v>
      </c>
      <c r="AH1655" s="53">
        <v>-708003.12641932396</v>
      </c>
      <c r="AI1655" s="53">
        <v>-812705.60911089601</v>
      </c>
      <c r="AJ1655" s="53">
        <v>-406740.82915997098</v>
      </c>
      <c r="AK1655" s="53">
        <v>-183173.97711180101</v>
      </c>
      <c r="AL1655" s="53">
        <v>-267465.69639317802</v>
      </c>
      <c r="AM1655" s="53"/>
      <c r="AN1655" s="53">
        <v>-4157503.27402642</v>
      </c>
      <c r="AO1655" s="53">
        <v>-31914.462826986</v>
      </c>
      <c r="AP1655" s="53">
        <v>-8623.9390217233395</v>
      </c>
      <c r="AQ1655" s="53">
        <v>-321708.75747491699</v>
      </c>
      <c r="AR1655" s="53">
        <v>-149778.38290843501</v>
      </c>
      <c r="AS1655" s="53">
        <v>-340894.52444876998</v>
      </c>
      <c r="AT1655" s="53">
        <v>-351551.61753155699</v>
      </c>
      <c r="AU1655" s="53">
        <v>-330216.15992824099</v>
      </c>
      <c r="AV1655" s="53">
        <v>-231424.09819176799</v>
      </c>
      <c r="AW1655" s="53">
        <v>-217062.36264681499</v>
      </c>
      <c r="AX1655" s="53">
        <v>-114785.01584178599</v>
      </c>
      <c r="AY1655" s="53"/>
      <c r="AZ1655" s="53"/>
      <c r="BA1655" s="53">
        <v>-2097959.32082099</v>
      </c>
      <c r="BB1655" s="53">
        <v>-54835.355413437399</v>
      </c>
      <c r="BC1655" s="53">
        <v>-5999.9016805231804</v>
      </c>
      <c r="BD1655" s="53"/>
      <c r="BE1655" s="53">
        <v>-3534.66142005345</v>
      </c>
      <c r="BF1655" s="53">
        <v>-446186.69961813401</v>
      </c>
      <c r="BG1655" s="53">
        <v>-457606.463671531</v>
      </c>
      <c r="BH1655" s="53">
        <v>-439080.89468070801</v>
      </c>
      <c r="BI1655" s="53">
        <v>-401082.65208509698</v>
      </c>
      <c r="BJ1655" s="53">
        <v>-342254.75542270602</v>
      </c>
      <c r="BK1655" s="53">
        <v>-377762.24580325698</v>
      </c>
      <c r="BL1655" s="53">
        <v>-108007.46336428</v>
      </c>
      <c r="BM1655" s="53"/>
      <c r="BN1655" s="53">
        <v>-2636351.0931597198</v>
      </c>
      <c r="BO1655" s="53">
        <v>-42811.950860384997</v>
      </c>
      <c r="BP1655" s="53">
        <v>-21507.163226604502</v>
      </c>
      <c r="BQ1655" s="53">
        <v>-201253.810403068</v>
      </c>
      <c r="BR1655" s="53">
        <v>-2741.34073271125</v>
      </c>
      <c r="BS1655" s="53">
        <v>-289003.657767025</v>
      </c>
      <c r="BT1655" s="53">
        <v>-285680.66946936602</v>
      </c>
      <c r="BU1655" s="53">
        <v>-288034.81392021099</v>
      </c>
      <c r="BV1655" s="53">
        <v>-251776.877214943</v>
      </c>
      <c r="BW1655" s="53">
        <v>-225111.941258292</v>
      </c>
      <c r="BX1655" s="53">
        <v>-167914.45636721599</v>
      </c>
      <c r="BY1655" s="53"/>
      <c r="BZ1655" s="53">
        <v>-4270.7639702566703</v>
      </c>
      <c r="CA1655" s="53">
        <v>-1780107.44519007</v>
      </c>
      <c r="CB1655" s="53"/>
      <c r="CC1655" s="53"/>
      <c r="CD1655" s="53"/>
      <c r="CE1655" s="53"/>
      <c r="CF1655" s="53"/>
      <c r="CG1655" s="53"/>
      <c r="CH1655" s="53"/>
      <c r="CI1655" s="53"/>
      <c r="CJ1655" s="53"/>
      <c r="CK1655" s="53"/>
      <c r="CL1655" s="53"/>
      <c r="CM1655" s="53"/>
      <c r="CN1655" s="53"/>
    </row>
    <row r="1656" spans="1:92" outlineLevel="1">
      <c r="A1656" s="52" t="s">
        <v>1292</v>
      </c>
      <c r="B1656" s="53"/>
      <c r="C1656" s="53"/>
      <c r="D1656" s="53"/>
      <c r="E1656" s="53"/>
      <c r="F1656" s="53"/>
      <c r="G1656" s="53"/>
      <c r="H1656" s="53"/>
      <c r="I1656" s="53"/>
      <c r="J1656" s="53"/>
      <c r="K1656" s="53"/>
      <c r="L1656" s="53"/>
      <c r="M1656" s="53"/>
      <c r="N1656" s="53"/>
      <c r="O1656" s="53"/>
      <c r="P1656" s="53"/>
      <c r="Q1656" s="53"/>
      <c r="R1656" s="53"/>
      <c r="S1656" s="53"/>
      <c r="T1656" s="53"/>
      <c r="U1656" s="53"/>
      <c r="V1656" s="53"/>
      <c r="W1656" s="53"/>
      <c r="X1656" s="53"/>
      <c r="Y1656" s="53"/>
      <c r="Z1656" s="53"/>
      <c r="AA1656" s="53"/>
      <c r="AB1656" s="53"/>
      <c r="AC1656" s="53"/>
      <c r="AD1656" s="53"/>
      <c r="AE1656" s="53"/>
      <c r="AF1656" s="53"/>
      <c r="AG1656" s="53"/>
      <c r="AH1656" s="53"/>
      <c r="AI1656" s="53"/>
      <c r="AJ1656" s="53"/>
      <c r="AK1656" s="53"/>
      <c r="AL1656" s="53"/>
      <c r="AM1656" s="53"/>
      <c r="AN1656" s="53"/>
      <c r="AO1656" s="53"/>
      <c r="AP1656" s="53"/>
      <c r="AQ1656" s="53"/>
      <c r="AR1656" s="53"/>
      <c r="AS1656" s="53"/>
      <c r="AT1656" s="53"/>
      <c r="AU1656" s="53"/>
      <c r="AV1656" s="53"/>
      <c r="AW1656" s="53"/>
      <c r="AX1656" s="53"/>
      <c r="AY1656" s="53"/>
      <c r="AZ1656" s="53"/>
      <c r="BA1656" s="53"/>
      <c r="BB1656" s="53"/>
      <c r="BC1656" s="53"/>
      <c r="BD1656" s="53"/>
      <c r="BE1656" s="53"/>
      <c r="BF1656" s="53"/>
      <c r="BG1656" s="53"/>
      <c r="BH1656" s="53"/>
      <c r="BI1656" s="53"/>
      <c r="BJ1656" s="53"/>
      <c r="BK1656" s="53"/>
      <c r="BL1656" s="53"/>
      <c r="BM1656" s="53"/>
      <c r="BN1656" s="53"/>
      <c r="BO1656" s="53"/>
      <c r="BP1656" s="53"/>
      <c r="BQ1656" s="53"/>
      <c r="BR1656" s="53"/>
      <c r="BS1656" s="53"/>
      <c r="BT1656" s="53"/>
      <c r="BU1656" s="53"/>
      <c r="BV1656" s="53"/>
      <c r="BW1656" s="53"/>
      <c r="BX1656" s="53"/>
      <c r="BY1656" s="53"/>
      <c r="BZ1656" s="53"/>
      <c r="CA1656" s="53"/>
      <c r="CB1656" s="53">
        <v>-6715638.1194463801</v>
      </c>
      <c r="CC1656" s="53">
        <v>-7924827.3722459497</v>
      </c>
      <c r="CD1656" s="53">
        <v>-8138167.4952927101</v>
      </c>
      <c r="CE1656" s="53">
        <v>-9061937.0804950204</v>
      </c>
      <c r="CF1656" s="53">
        <v>-9340607.9751021694</v>
      </c>
      <c r="CG1656" s="53">
        <v>-10597677.568972901</v>
      </c>
      <c r="CH1656" s="53">
        <v>-11794541.150998401</v>
      </c>
      <c r="CI1656" s="53">
        <v>-12210152.671655601</v>
      </c>
      <c r="CJ1656" s="53">
        <v>-11382869.6981405</v>
      </c>
      <c r="CK1656" s="53">
        <v>-12138143.311498299</v>
      </c>
      <c r="CL1656" s="53">
        <v>-8898937.0603302103</v>
      </c>
      <c r="CM1656" s="53">
        <v>-9227166.8193636201</v>
      </c>
      <c r="CN1656" s="53">
        <v>-117430666.323542</v>
      </c>
    </row>
    <row r="1657" spans="1:92" outlineLevel="1">
      <c r="A1657" s="52" t="s">
        <v>649</v>
      </c>
      <c r="B1657" s="53">
        <v>228698.20629999999</v>
      </c>
      <c r="C1657" s="53">
        <v>117870.7846</v>
      </c>
      <c r="D1657" s="53">
        <v>62151.5</v>
      </c>
      <c r="E1657" s="53">
        <v>36723.769999999997</v>
      </c>
      <c r="F1657" s="53">
        <v>66655.3</v>
      </c>
      <c r="G1657" s="53">
        <v>-1206775</v>
      </c>
      <c r="H1657" s="53">
        <v>-1170593.8</v>
      </c>
      <c r="I1657" s="53">
        <v>-1213492.29999999</v>
      </c>
      <c r="J1657" s="53">
        <v>-1231131.8999999999</v>
      </c>
      <c r="K1657" s="53">
        <v>-1234847.6000000001</v>
      </c>
      <c r="L1657" s="53">
        <v>-1244708.5999999901</v>
      </c>
      <c r="M1657" s="53">
        <v>-4505441.3999999901</v>
      </c>
      <c r="N1657" s="53">
        <v>-11294891.0390999</v>
      </c>
      <c r="O1657" s="53"/>
      <c r="P1657" s="53"/>
      <c r="Q1657" s="53"/>
      <c r="R1657" s="53"/>
      <c r="S1657" s="53"/>
      <c r="T1657" s="53"/>
      <c r="U1657" s="53"/>
      <c r="V1657" s="53"/>
      <c r="W1657" s="53"/>
      <c r="X1657" s="53"/>
      <c r="Y1657" s="53"/>
      <c r="Z1657" s="53"/>
      <c r="AA1657" s="53"/>
      <c r="AB1657" s="53"/>
      <c r="AC1657" s="53"/>
      <c r="AD1657" s="53"/>
      <c r="AE1657" s="53"/>
      <c r="AF1657" s="53"/>
      <c r="AG1657" s="53"/>
      <c r="AH1657" s="53"/>
      <c r="AI1657" s="53"/>
      <c r="AJ1657" s="53"/>
      <c r="AK1657" s="53"/>
      <c r="AL1657" s="53"/>
      <c r="AM1657" s="53"/>
      <c r="AN1657" s="53"/>
      <c r="AO1657" s="53"/>
      <c r="AP1657" s="53"/>
      <c r="AQ1657" s="53"/>
      <c r="AR1657" s="53"/>
      <c r="AS1657" s="53"/>
      <c r="AT1657" s="53"/>
      <c r="AU1657" s="53"/>
      <c r="AV1657" s="53"/>
      <c r="AW1657" s="53"/>
      <c r="AX1657" s="53"/>
      <c r="AY1657" s="53"/>
      <c r="AZ1657" s="53"/>
      <c r="BA1657" s="53"/>
      <c r="BB1657" s="53"/>
      <c r="BC1657" s="53"/>
      <c r="BD1657" s="53"/>
      <c r="BE1657" s="53"/>
      <c r="BF1657" s="53"/>
      <c r="BG1657" s="53"/>
      <c r="BH1657" s="53"/>
      <c r="BI1657" s="53"/>
      <c r="BJ1657" s="53"/>
      <c r="BK1657" s="53"/>
      <c r="BL1657" s="53"/>
      <c r="BM1657" s="53"/>
      <c r="BN1657" s="53"/>
      <c r="BO1657" s="53"/>
      <c r="BP1657" s="53"/>
      <c r="BQ1657" s="53"/>
      <c r="BR1657" s="53"/>
      <c r="BS1657" s="53"/>
      <c r="BT1657" s="53"/>
      <c r="BU1657" s="53"/>
      <c r="BV1657" s="53"/>
      <c r="BW1657" s="53"/>
      <c r="BX1657" s="53"/>
      <c r="BY1657" s="53"/>
      <c r="BZ1657" s="53"/>
      <c r="CA1657" s="53"/>
      <c r="CB1657" s="53">
        <v>-2271109.3946672198</v>
      </c>
      <c r="CC1657" s="53">
        <v>-2708223.4947422501</v>
      </c>
      <c r="CD1657" s="53">
        <v>-2956926.7349187499</v>
      </c>
      <c r="CE1657" s="53">
        <v>-3124629.3766586501</v>
      </c>
      <c r="CF1657" s="53">
        <v>-3008717.9889579401</v>
      </c>
      <c r="CG1657" s="53">
        <v>-3114108.06595921</v>
      </c>
      <c r="CH1657" s="53">
        <v>-3330755.8066352201</v>
      </c>
      <c r="CI1657" s="53">
        <v>-3297780.3495835299</v>
      </c>
      <c r="CJ1657" s="53">
        <v>-3121503.8752553901</v>
      </c>
      <c r="CK1657" s="53">
        <v>-3451654.7704545702</v>
      </c>
      <c r="CL1657" s="53">
        <v>-2714769.0378247099</v>
      </c>
      <c r="CM1657" s="53">
        <v>-3145964.53965523</v>
      </c>
      <c r="CN1657" s="53">
        <v>-36246143.435312703</v>
      </c>
    </row>
    <row r="1658" spans="1:92" outlineLevel="1">
      <c r="A1658" s="52" t="s">
        <v>1434</v>
      </c>
      <c r="B1658" s="53"/>
      <c r="C1658" s="53"/>
      <c r="D1658" s="53"/>
      <c r="E1658" s="53"/>
      <c r="F1658" s="53"/>
      <c r="G1658" s="53"/>
      <c r="H1658" s="53"/>
      <c r="I1658" s="53"/>
      <c r="J1658" s="53"/>
      <c r="K1658" s="53"/>
      <c r="L1658" s="53"/>
      <c r="M1658" s="53"/>
      <c r="N1658" s="53"/>
      <c r="O1658" s="53"/>
      <c r="P1658" s="53"/>
      <c r="Q1658" s="53"/>
      <c r="R1658" s="53"/>
      <c r="S1658" s="53"/>
      <c r="T1658" s="53"/>
      <c r="U1658" s="53"/>
      <c r="V1658" s="53"/>
      <c r="W1658" s="53"/>
      <c r="X1658" s="53"/>
      <c r="Y1658" s="53"/>
      <c r="Z1658" s="53"/>
      <c r="AA1658" s="53"/>
      <c r="AB1658" s="53"/>
      <c r="AC1658" s="53"/>
      <c r="AD1658" s="53"/>
      <c r="AE1658" s="53"/>
      <c r="AF1658" s="53"/>
      <c r="AG1658" s="53"/>
      <c r="AH1658" s="53"/>
      <c r="AI1658" s="53"/>
      <c r="AJ1658" s="53"/>
      <c r="AK1658" s="53"/>
      <c r="AL1658" s="53"/>
      <c r="AM1658" s="53"/>
      <c r="AN1658" s="53"/>
      <c r="AO1658" s="53"/>
      <c r="AP1658" s="53"/>
      <c r="AQ1658" s="53"/>
      <c r="AR1658" s="53"/>
      <c r="AS1658" s="53"/>
      <c r="AT1658" s="53"/>
      <c r="AU1658" s="53"/>
      <c r="AV1658" s="53"/>
      <c r="AW1658" s="53"/>
      <c r="AX1658" s="53"/>
      <c r="AY1658" s="53"/>
      <c r="AZ1658" s="53"/>
      <c r="BA1658" s="53"/>
      <c r="BB1658" s="53"/>
      <c r="BC1658" s="53"/>
      <c r="BD1658" s="53"/>
      <c r="BE1658" s="53"/>
      <c r="BF1658" s="53"/>
      <c r="BG1658" s="53"/>
      <c r="BH1658" s="53"/>
      <c r="BI1658" s="53"/>
      <c r="BJ1658" s="53"/>
      <c r="BK1658" s="53"/>
      <c r="BL1658" s="53"/>
      <c r="BM1658" s="53"/>
      <c r="BN1658" s="53"/>
      <c r="BO1658" s="53"/>
      <c r="BP1658" s="53"/>
      <c r="BQ1658" s="53"/>
      <c r="BR1658" s="53"/>
      <c r="BS1658" s="53"/>
      <c r="BT1658" s="53"/>
      <c r="BU1658" s="53"/>
      <c r="BV1658" s="53"/>
      <c r="BW1658" s="53"/>
      <c r="BX1658" s="53"/>
      <c r="BY1658" s="53"/>
      <c r="BZ1658" s="53"/>
      <c r="CA1658" s="53"/>
      <c r="CB1658" s="53">
        <v>-14083.4884010322</v>
      </c>
      <c r="CC1658" s="53">
        <v>-17176.9710107305</v>
      </c>
      <c r="CD1658" s="53">
        <v>-18330.2578946539</v>
      </c>
      <c r="CE1658" s="53">
        <v>-18491.812118737998</v>
      </c>
      <c r="CF1658" s="53">
        <v>-17760.821783007599</v>
      </c>
      <c r="CG1658" s="53">
        <v>-17935.771772578999</v>
      </c>
      <c r="CH1658" s="53">
        <v>-18912.458009453199</v>
      </c>
      <c r="CI1658" s="53">
        <v>-18720.9733861557</v>
      </c>
      <c r="CJ1658" s="53">
        <v>-17577.238967749399</v>
      </c>
      <c r="CK1658" s="53">
        <v>-19907.5657287705</v>
      </c>
      <c r="CL1658" s="53">
        <v>-15915.3048670359</v>
      </c>
      <c r="CM1658" s="53">
        <v>-18802.415226943998</v>
      </c>
      <c r="CN1658" s="53">
        <v>-213615.07916684999</v>
      </c>
    </row>
    <row r="1659" spans="1:92" outlineLevel="1">
      <c r="A1659" s="52" t="s">
        <v>649</v>
      </c>
      <c r="B1659" s="53"/>
      <c r="C1659" s="53"/>
      <c r="D1659" s="53"/>
      <c r="E1659" s="53"/>
      <c r="F1659" s="53"/>
      <c r="G1659" s="53"/>
      <c r="H1659" s="53"/>
      <c r="I1659" s="53"/>
      <c r="J1659" s="53"/>
      <c r="K1659" s="53"/>
      <c r="L1659" s="53"/>
      <c r="M1659" s="53"/>
      <c r="N1659" s="53"/>
      <c r="O1659" s="53"/>
      <c r="P1659" s="53"/>
      <c r="Q1659" s="53"/>
      <c r="R1659" s="53"/>
      <c r="S1659" s="53"/>
      <c r="T1659" s="53"/>
      <c r="U1659" s="53"/>
      <c r="V1659" s="53"/>
      <c r="W1659" s="53"/>
      <c r="X1659" s="53"/>
      <c r="Y1659" s="53"/>
      <c r="Z1659" s="53"/>
      <c r="AA1659" s="53"/>
      <c r="AB1659" s="53"/>
      <c r="AC1659" s="53"/>
      <c r="AD1659" s="53"/>
      <c r="AE1659" s="53"/>
      <c r="AF1659" s="53"/>
      <c r="AG1659" s="53"/>
      <c r="AH1659" s="53"/>
      <c r="AI1659" s="53"/>
      <c r="AJ1659" s="53"/>
      <c r="AK1659" s="53"/>
      <c r="AL1659" s="53"/>
      <c r="AM1659" s="53"/>
      <c r="AN1659" s="53"/>
      <c r="AO1659" s="53">
        <v>-47271.890776666703</v>
      </c>
      <c r="AP1659" s="53">
        <v>-47271.890776666703</v>
      </c>
      <c r="AQ1659" s="53">
        <v>-47271.890776666703</v>
      </c>
      <c r="AR1659" s="53">
        <v>-47271.890776666703</v>
      </c>
      <c r="AS1659" s="53">
        <v>-47271.890776666703</v>
      </c>
      <c r="AT1659" s="53">
        <v>-47271.890776666703</v>
      </c>
      <c r="AU1659" s="53">
        <v>-47271.890776666703</v>
      </c>
      <c r="AV1659" s="53">
        <v>-47271.890776666703</v>
      </c>
      <c r="AW1659" s="53">
        <v>-47271.890776666703</v>
      </c>
      <c r="AX1659" s="53">
        <v>-47271.890776666703</v>
      </c>
      <c r="AY1659" s="53">
        <v>-47271.890776666703</v>
      </c>
      <c r="AZ1659" s="53">
        <v>-47271.890776666703</v>
      </c>
      <c r="BA1659" s="53">
        <v>-567262.68932</v>
      </c>
      <c r="BB1659" s="53">
        <v>-47271.890776666703</v>
      </c>
      <c r="BC1659" s="53">
        <v>-47271.890776666703</v>
      </c>
      <c r="BD1659" s="53">
        <v>-47271.890776666703</v>
      </c>
      <c r="BE1659" s="53">
        <v>-47271.890776666703</v>
      </c>
      <c r="BF1659" s="53">
        <v>-47271.890776666703</v>
      </c>
      <c r="BG1659" s="53">
        <v>-47271.890776666703</v>
      </c>
      <c r="BH1659" s="53">
        <v>-47271.890776666703</v>
      </c>
      <c r="BI1659" s="53">
        <v>-47271.890776666703</v>
      </c>
      <c r="BJ1659" s="53">
        <v>-47271.890776666703</v>
      </c>
      <c r="BK1659" s="53">
        <v>-47271.890776666703</v>
      </c>
      <c r="BL1659" s="53">
        <v>-47271.890776666703</v>
      </c>
      <c r="BM1659" s="53">
        <v>-47271.890776666703</v>
      </c>
      <c r="BN1659" s="53">
        <v>-567262.68932</v>
      </c>
      <c r="BO1659" s="53">
        <v>-47271.890776666703</v>
      </c>
      <c r="BP1659" s="53">
        <v>-47271.890776666703</v>
      </c>
      <c r="BQ1659" s="53">
        <v>-47271.890776666703</v>
      </c>
      <c r="BR1659" s="53">
        <v>-47271.890776666703</v>
      </c>
      <c r="BS1659" s="53">
        <v>-47271.890776666703</v>
      </c>
      <c r="BT1659" s="53">
        <v>-47271.890776666703</v>
      </c>
      <c r="BU1659" s="53">
        <v>-47271.890776666703</v>
      </c>
      <c r="BV1659" s="53">
        <v>-47271.890776666703</v>
      </c>
      <c r="BW1659" s="53">
        <v>-47271.890776666703</v>
      </c>
      <c r="BX1659" s="53">
        <v>-47271.890776666703</v>
      </c>
      <c r="BY1659" s="53">
        <v>-47271.890776666703</v>
      </c>
      <c r="BZ1659" s="53">
        <v>-47271.890776666703</v>
      </c>
      <c r="CA1659" s="53">
        <v>-567262.68932</v>
      </c>
      <c r="CB1659" s="53">
        <v>-1949269.5185721801</v>
      </c>
      <c r="CC1659" s="53">
        <v>-2356268.8178556799</v>
      </c>
      <c r="CD1659" s="53">
        <v>-2515799.70209616</v>
      </c>
      <c r="CE1659" s="53">
        <v>-2631690.17387575</v>
      </c>
      <c r="CF1659" s="53">
        <v>-2684467.4703954598</v>
      </c>
      <c r="CG1659" s="53">
        <v>-2922539.3428143398</v>
      </c>
      <c r="CH1659" s="53">
        <v>-3148657.3450999898</v>
      </c>
      <c r="CI1659" s="53">
        <v>-3083564.4141756399</v>
      </c>
      <c r="CJ1659" s="53">
        <v>-2779518.6232455899</v>
      </c>
      <c r="CK1659" s="53">
        <v>-3317607.3596045799</v>
      </c>
      <c r="CL1659" s="53">
        <v>-2478798.57765012</v>
      </c>
      <c r="CM1659" s="53">
        <v>-2689111.4947730498</v>
      </c>
      <c r="CN1659" s="53">
        <v>-32557292.8401586</v>
      </c>
    </row>
    <row r="1660" spans="1:92" outlineLevel="1">
      <c r="A1660" s="52" t="s">
        <v>1435</v>
      </c>
      <c r="B1660" s="53"/>
      <c r="C1660" s="53"/>
      <c r="D1660" s="53"/>
      <c r="E1660" s="53"/>
      <c r="F1660" s="53"/>
      <c r="G1660" s="53"/>
      <c r="H1660" s="53"/>
      <c r="I1660" s="53"/>
      <c r="J1660" s="53"/>
      <c r="K1660" s="53"/>
      <c r="L1660" s="53"/>
      <c r="M1660" s="53"/>
      <c r="N1660" s="53"/>
      <c r="O1660" s="53"/>
      <c r="P1660" s="53"/>
      <c r="Q1660" s="53"/>
      <c r="R1660" s="53"/>
      <c r="S1660" s="53"/>
      <c r="T1660" s="53"/>
      <c r="U1660" s="53"/>
      <c r="V1660" s="53"/>
      <c r="W1660" s="53"/>
      <c r="X1660" s="53"/>
      <c r="Y1660" s="53"/>
      <c r="Z1660" s="53"/>
      <c r="AA1660" s="53"/>
      <c r="AB1660" s="53"/>
      <c r="AC1660" s="53"/>
      <c r="AD1660" s="53"/>
      <c r="AE1660" s="53"/>
      <c r="AF1660" s="53"/>
      <c r="AG1660" s="53"/>
      <c r="AH1660" s="53"/>
      <c r="AI1660" s="53"/>
      <c r="AJ1660" s="53"/>
      <c r="AK1660" s="53"/>
      <c r="AL1660" s="53"/>
      <c r="AM1660" s="53"/>
      <c r="AN1660" s="53"/>
      <c r="AO1660" s="53"/>
      <c r="AP1660" s="53"/>
      <c r="AQ1660" s="53"/>
      <c r="AR1660" s="53"/>
      <c r="AS1660" s="53"/>
      <c r="AT1660" s="53"/>
      <c r="AU1660" s="53"/>
      <c r="AV1660" s="53"/>
      <c r="AW1660" s="53"/>
      <c r="AX1660" s="53"/>
      <c r="AY1660" s="53"/>
      <c r="AZ1660" s="53"/>
      <c r="BA1660" s="53"/>
      <c r="BB1660" s="53"/>
      <c r="BC1660" s="53"/>
      <c r="BD1660" s="53"/>
      <c r="BE1660" s="53"/>
      <c r="BF1660" s="53"/>
      <c r="BG1660" s="53"/>
      <c r="BH1660" s="53"/>
      <c r="BI1660" s="53"/>
      <c r="BJ1660" s="53"/>
      <c r="BK1660" s="53"/>
      <c r="BL1660" s="53"/>
      <c r="BM1660" s="53"/>
      <c r="BN1660" s="53"/>
      <c r="BO1660" s="53"/>
      <c r="BP1660" s="53"/>
      <c r="BQ1660" s="53"/>
      <c r="BR1660" s="53"/>
      <c r="BS1660" s="53"/>
      <c r="BT1660" s="53"/>
      <c r="BU1660" s="53"/>
      <c r="BV1660" s="53"/>
      <c r="BW1660" s="53"/>
      <c r="BX1660" s="53"/>
      <c r="BY1660" s="53"/>
      <c r="BZ1660" s="53"/>
      <c r="CA1660" s="53"/>
      <c r="CB1660" s="53">
        <v>-12575505.8348723</v>
      </c>
      <c r="CC1660" s="53">
        <v>-15402114.361613801</v>
      </c>
      <c r="CD1660" s="53">
        <v>-14387664.7111529</v>
      </c>
      <c r="CE1660" s="53">
        <v>-14769779.1083054</v>
      </c>
      <c r="CF1660" s="53">
        <v>-15282383.653412599</v>
      </c>
      <c r="CG1660" s="53">
        <v>-19392845.755820699</v>
      </c>
      <c r="CH1660" s="53">
        <v>-23537037.433947802</v>
      </c>
      <c r="CI1660" s="53">
        <v>-25054796.908876199</v>
      </c>
      <c r="CJ1660" s="53">
        <v>-23249625.3845268</v>
      </c>
      <c r="CK1660" s="53">
        <v>-23319422.271992899</v>
      </c>
      <c r="CL1660" s="53">
        <v>-15604061.2916307</v>
      </c>
      <c r="CM1660" s="53">
        <v>-15677769.3169691</v>
      </c>
      <c r="CN1660" s="53">
        <v>-218253006.03312099</v>
      </c>
    </row>
    <row r="1661" spans="1:92" outlineLevel="1">
      <c r="A1661" s="52" t="s">
        <v>649</v>
      </c>
      <c r="B1661" s="53"/>
      <c r="C1661" s="53"/>
      <c r="D1661" s="53"/>
      <c r="E1661" s="53"/>
      <c r="F1661" s="53"/>
      <c r="G1661" s="53"/>
      <c r="H1661" s="53"/>
      <c r="I1661" s="53"/>
      <c r="J1661" s="53"/>
      <c r="K1661" s="53"/>
      <c r="L1661" s="53"/>
      <c r="M1661" s="53"/>
      <c r="N1661" s="53"/>
      <c r="O1661" s="53"/>
      <c r="P1661" s="53"/>
      <c r="Q1661" s="53"/>
      <c r="R1661" s="53"/>
      <c r="S1661" s="53"/>
      <c r="T1661" s="53"/>
      <c r="U1661" s="53"/>
      <c r="V1661" s="53"/>
      <c r="W1661" s="53"/>
      <c r="X1661" s="53"/>
      <c r="Y1661" s="53"/>
      <c r="Z1661" s="53"/>
      <c r="AA1661" s="53"/>
      <c r="AB1661" s="53"/>
      <c r="AC1661" s="53"/>
      <c r="AD1661" s="53"/>
      <c r="AE1661" s="53"/>
      <c r="AF1661" s="53"/>
      <c r="AG1661" s="53"/>
      <c r="AH1661" s="53"/>
      <c r="AI1661" s="53"/>
      <c r="AJ1661" s="53"/>
      <c r="AK1661" s="53"/>
      <c r="AL1661" s="53"/>
      <c r="AM1661" s="53"/>
      <c r="AN1661" s="53"/>
      <c r="AO1661" s="53">
        <v>-317982.89999999898</v>
      </c>
      <c r="AP1661" s="53">
        <v>-317982.89999999898</v>
      </c>
      <c r="AQ1661" s="53">
        <v>-317982.89999999898</v>
      </c>
      <c r="AR1661" s="53">
        <v>-317982.89999999898</v>
      </c>
      <c r="AS1661" s="53">
        <v>-317982.89999999898</v>
      </c>
      <c r="AT1661" s="53">
        <v>-317982.89999999898</v>
      </c>
      <c r="AU1661" s="53">
        <v>-317982.89999999898</v>
      </c>
      <c r="AV1661" s="53">
        <v>-317982.89999999898</v>
      </c>
      <c r="AW1661" s="53">
        <v>-317982.89999999898</v>
      </c>
      <c r="AX1661" s="53">
        <v>-317982.89999999898</v>
      </c>
      <c r="AY1661" s="53">
        <v>-317982.89999999898</v>
      </c>
      <c r="AZ1661" s="53">
        <v>-317982.89999999898</v>
      </c>
      <c r="BA1661" s="53">
        <v>-3815794.8</v>
      </c>
      <c r="BB1661" s="53">
        <v>-317982.89999999898</v>
      </c>
      <c r="BC1661" s="53">
        <v>-317982.89999999898</v>
      </c>
      <c r="BD1661" s="53">
        <v>-317982.89999999898</v>
      </c>
      <c r="BE1661" s="53">
        <v>-317982.89999999898</v>
      </c>
      <c r="BF1661" s="53">
        <v>-317982.89999999898</v>
      </c>
      <c r="BG1661" s="53">
        <v>-317982.89999999898</v>
      </c>
      <c r="BH1661" s="53">
        <v>-317982.89999999898</v>
      </c>
      <c r="BI1661" s="53">
        <v>-317982.89999999898</v>
      </c>
      <c r="BJ1661" s="53">
        <v>-317982.89999999898</v>
      </c>
      <c r="BK1661" s="53">
        <v>-317982.89999999898</v>
      </c>
      <c r="BL1661" s="53">
        <v>-317982.89999999898</v>
      </c>
      <c r="BM1661" s="53">
        <v>-317982.89999999898</v>
      </c>
      <c r="BN1661" s="53">
        <v>-3815794.8</v>
      </c>
      <c r="BO1661" s="53">
        <v>-317982.89999999898</v>
      </c>
      <c r="BP1661" s="53">
        <v>-317982.89999999898</v>
      </c>
      <c r="BQ1661" s="53">
        <v>-317982.89999999898</v>
      </c>
      <c r="BR1661" s="53">
        <v>-317982.89999999898</v>
      </c>
      <c r="BS1661" s="53">
        <v>-317982.89999999898</v>
      </c>
      <c r="BT1661" s="53">
        <v>-317982.89999999898</v>
      </c>
      <c r="BU1661" s="53">
        <v>-317982.89999999898</v>
      </c>
      <c r="BV1661" s="53">
        <v>-317982.89999999898</v>
      </c>
      <c r="BW1661" s="53">
        <v>-317982.89999999898</v>
      </c>
      <c r="BX1661" s="53">
        <v>-317982.89999999898</v>
      </c>
      <c r="BY1661" s="53">
        <v>-317982.89999999898</v>
      </c>
      <c r="BZ1661" s="53">
        <v>-317982.89999999898</v>
      </c>
      <c r="CA1661" s="53">
        <v>-3815794.8</v>
      </c>
      <c r="CB1661" s="53"/>
      <c r="CC1661" s="53"/>
      <c r="CD1661" s="53"/>
      <c r="CE1661" s="53"/>
      <c r="CF1661" s="53"/>
      <c r="CG1661" s="53"/>
      <c r="CH1661" s="53"/>
      <c r="CI1661" s="53"/>
      <c r="CJ1661" s="53"/>
      <c r="CK1661" s="53"/>
      <c r="CL1661" s="53"/>
      <c r="CM1661" s="53"/>
      <c r="CN1661" s="53"/>
    </row>
    <row r="1662" spans="1:92" outlineLevel="1">
      <c r="A1662" s="52" t="s">
        <v>1436</v>
      </c>
      <c r="B1662" s="53"/>
      <c r="C1662" s="53"/>
      <c r="D1662" s="53"/>
      <c r="E1662" s="53"/>
      <c r="F1662" s="53"/>
      <c r="G1662" s="53"/>
      <c r="H1662" s="53"/>
      <c r="I1662" s="53"/>
      <c r="J1662" s="53"/>
      <c r="K1662" s="53"/>
      <c r="L1662" s="53"/>
      <c r="M1662" s="53"/>
      <c r="N1662" s="53"/>
      <c r="O1662" s="53"/>
      <c r="P1662" s="53"/>
      <c r="Q1662" s="53"/>
      <c r="R1662" s="53"/>
      <c r="S1662" s="53"/>
      <c r="T1662" s="53"/>
      <c r="U1662" s="53"/>
      <c r="V1662" s="53"/>
      <c r="W1662" s="53"/>
      <c r="X1662" s="53"/>
      <c r="Y1662" s="53"/>
      <c r="Z1662" s="53"/>
      <c r="AA1662" s="53"/>
      <c r="AB1662" s="53"/>
      <c r="AC1662" s="53"/>
      <c r="AD1662" s="53"/>
      <c r="AE1662" s="53"/>
      <c r="AF1662" s="53"/>
      <c r="AG1662" s="53"/>
      <c r="AH1662" s="53"/>
      <c r="AI1662" s="53"/>
      <c r="AJ1662" s="53"/>
      <c r="AK1662" s="53"/>
      <c r="AL1662" s="53"/>
      <c r="AM1662" s="53"/>
      <c r="AN1662" s="53"/>
      <c r="AO1662" s="53"/>
      <c r="AP1662" s="53"/>
      <c r="AQ1662" s="53"/>
      <c r="AR1662" s="53"/>
      <c r="AS1662" s="53"/>
      <c r="AT1662" s="53"/>
      <c r="AU1662" s="53"/>
      <c r="AV1662" s="53"/>
      <c r="AW1662" s="53"/>
      <c r="AX1662" s="53"/>
      <c r="AY1662" s="53"/>
      <c r="AZ1662" s="53"/>
      <c r="BA1662" s="53"/>
      <c r="BB1662" s="53"/>
      <c r="BC1662" s="53"/>
      <c r="BD1662" s="53"/>
      <c r="BE1662" s="53"/>
      <c r="BF1662" s="53"/>
      <c r="BG1662" s="53"/>
      <c r="BH1662" s="53"/>
      <c r="BI1662" s="53"/>
      <c r="BJ1662" s="53"/>
      <c r="BK1662" s="53"/>
      <c r="BL1662" s="53"/>
      <c r="BM1662" s="53"/>
      <c r="BN1662" s="53"/>
      <c r="BO1662" s="53"/>
      <c r="BP1662" s="53"/>
      <c r="BQ1662" s="53"/>
      <c r="BR1662" s="53"/>
      <c r="BS1662" s="53"/>
      <c r="BT1662" s="53"/>
      <c r="BU1662" s="53"/>
      <c r="BV1662" s="53"/>
      <c r="BW1662" s="53"/>
      <c r="BX1662" s="53"/>
      <c r="BY1662" s="53"/>
      <c r="BZ1662" s="53"/>
      <c r="CA1662" s="53"/>
      <c r="CB1662" s="53"/>
      <c r="CC1662" s="53"/>
      <c r="CD1662" s="53"/>
      <c r="CE1662" s="53"/>
      <c r="CF1662" s="53"/>
      <c r="CG1662" s="53"/>
      <c r="CH1662" s="53"/>
      <c r="CI1662" s="53"/>
      <c r="CJ1662" s="53"/>
      <c r="CK1662" s="53"/>
      <c r="CL1662" s="53"/>
      <c r="CM1662" s="53"/>
      <c r="CN1662" s="53"/>
    </row>
    <row r="1663" spans="1:92" outlineLevel="1">
      <c r="A1663" s="52" t="s">
        <v>649</v>
      </c>
      <c r="B1663" s="53"/>
      <c r="C1663" s="53"/>
      <c r="D1663" s="53"/>
      <c r="E1663" s="53"/>
      <c r="F1663" s="53"/>
      <c r="G1663" s="53"/>
      <c r="H1663" s="53"/>
      <c r="I1663" s="53"/>
      <c r="J1663" s="53"/>
      <c r="K1663" s="53"/>
      <c r="L1663" s="53"/>
      <c r="M1663" s="53"/>
      <c r="N1663" s="53"/>
      <c r="O1663" s="53"/>
      <c r="P1663" s="53"/>
      <c r="Q1663" s="53"/>
      <c r="R1663" s="53"/>
      <c r="S1663" s="53"/>
      <c r="T1663" s="53"/>
      <c r="U1663" s="53"/>
      <c r="V1663" s="53"/>
      <c r="W1663" s="53"/>
      <c r="X1663" s="53"/>
      <c r="Y1663" s="53"/>
      <c r="Z1663" s="53"/>
      <c r="AA1663" s="53"/>
      <c r="AB1663" s="53"/>
      <c r="AC1663" s="53"/>
      <c r="AD1663" s="53"/>
      <c r="AE1663" s="53"/>
      <c r="AF1663" s="53"/>
      <c r="AG1663" s="53"/>
      <c r="AH1663" s="53"/>
      <c r="AI1663" s="53"/>
      <c r="AJ1663" s="53"/>
      <c r="AK1663" s="53"/>
      <c r="AL1663" s="53"/>
      <c r="AM1663" s="53"/>
      <c r="AN1663" s="53"/>
      <c r="AO1663" s="53">
        <v>-29000000</v>
      </c>
      <c r="AP1663" s="53"/>
      <c r="AQ1663" s="53"/>
      <c r="AR1663" s="53"/>
      <c r="AS1663" s="53"/>
      <c r="AT1663" s="53"/>
      <c r="AU1663" s="53"/>
      <c r="AV1663" s="53"/>
      <c r="AW1663" s="53"/>
      <c r="AX1663" s="53"/>
      <c r="AY1663" s="53"/>
      <c r="AZ1663" s="53"/>
      <c r="BA1663" s="53">
        <v>-29000000</v>
      </c>
      <c r="BB1663" s="53"/>
      <c r="BC1663" s="53"/>
      <c r="BD1663" s="53"/>
      <c r="BE1663" s="53"/>
      <c r="BF1663" s="53"/>
      <c r="BG1663" s="53"/>
      <c r="BH1663" s="53"/>
      <c r="BI1663" s="53"/>
      <c r="BJ1663" s="53"/>
      <c r="BK1663" s="53"/>
      <c r="BL1663" s="53"/>
      <c r="BM1663" s="53"/>
      <c r="BN1663" s="53"/>
      <c r="BO1663" s="53"/>
      <c r="BP1663" s="53"/>
      <c r="BQ1663" s="53"/>
      <c r="BR1663" s="53"/>
      <c r="BS1663" s="53"/>
      <c r="BT1663" s="53"/>
      <c r="BU1663" s="53"/>
      <c r="BV1663" s="53"/>
      <c r="BW1663" s="53"/>
      <c r="BX1663" s="53"/>
      <c r="BY1663" s="53"/>
      <c r="BZ1663" s="53"/>
      <c r="CA1663" s="53"/>
      <c r="CB1663" s="53">
        <v>-545945.02617801004</v>
      </c>
      <c r="CC1663" s="53">
        <v>-545945.02617801004</v>
      </c>
      <c r="CD1663" s="53">
        <v>-545945.02617801004</v>
      </c>
      <c r="CE1663" s="53">
        <v>-545945.02617801004</v>
      </c>
      <c r="CF1663" s="53">
        <v>-545945.02617801004</v>
      </c>
      <c r="CG1663" s="53">
        <v>-545945.02617801004</v>
      </c>
      <c r="CH1663" s="53">
        <v>-545945.02617801004</v>
      </c>
      <c r="CI1663" s="53">
        <v>-545945.02617801004</v>
      </c>
      <c r="CJ1663" s="53">
        <v>-545945.02617801004</v>
      </c>
      <c r="CK1663" s="53">
        <v>-545945.02617801004</v>
      </c>
      <c r="CL1663" s="53">
        <v>-545945.02617801004</v>
      </c>
      <c r="CM1663" s="53">
        <v>-545945.02617801004</v>
      </c>
      <c r="CN1663" s="53">
        <v>-6551340.3141361196</v>
      </c>
    </row>
    <row r="1664" spans="1:92" outlineLevel="1">
      <c r="A1664" s="52" t="s">
        <v>1437</v>
      </c>
      <c r="B1664" s="53"/>
      <c r="C1664" s="53"/>
      <c r="D1664" s="53"/>
      <c r="E1664" s="53"/>
      <c r="F1664" s="53"/>
      <c r="G1664" s="53"/>
      <c r="H1664" s="53"/>
      <c r="I1664" s="53"/>
      <c r="J1664" s="53"/>
      <c r="K1664" s="53"/>
      <c r="L1664" s="53"/>
      <c r="M1664" s="53"/>
      <c r="N1664" s="53"/>
      <c r="O1664" s="53"/>
      <c r="P1664" s="53"/>
      <c r="Q1664" s="53"/>
      <c r="R1664" s="53"/>
      <c r="S1664" s="53"/>
      <c r="T1664" s="53"/>
      <c r="U1664" s="53"/>
      <c r="V1664" s="53"/>
      <c r="W1664" s="53"/>
      <c r="X1664" s="53"/>
      <c r="Y1664" s="53"/>
      <c r="Z1664" s="53"/>
      <c r="AA1664" s="53"/>
      <c r="AB1664" s="53"/>
      <c r="AC1664" s="53"/>
      <c r="AD1664" s="53"/>
      <c r="AE1664" s="53"/>
      <c r="AF1664" s="53"/>
      <c r="AG1664" s="53"/>
      <c r="AH1664" s="53"/>
      <c r="AI1664" s="53"/>
      <c r="AJ1664" s="53"/>
      <c r="AK1664" s="53"/>
      <c r="AL1664" s="53"/>
      <c r="AM1664" s="53"/>
      <c r="AN1664" s="53"/>
      <c r="AO1664" s="53"/>
      <c r="AP1664" s="53"/>
      <c r="AQ1664" s="53"/>
      <c r="AR1664" s="53"/>
      <c r="AS1664" s="53"/>
      <c r="AT1664" s="53"/>
      <c r="AU1664" s="53"/>
      <c r="AV1664" s="53"/>
      <c r="AW1664" s="53"/>
      <c r="AX1664" s="53"/>
      <c r="AY1664" s="53"/>
      <c r="AZ1664" s="53"/>
      <c r="BA1664" s="53"/>
      <c r="BB1664" s="53"/>
      <c r="BC1664" s="53"/>
      <c r="BD1664" s="53"/>
      <c r="BE1664" s="53"/>
      <c r="BF1664" s="53"/>
      <c r="BG1664" s="53"/>
      <c r="BH1664" s="53"/>
      <c r="BI1664" s="53"/>
      <c r="BJ1664" s="53"/>
      <c r="BK1664" s="53"/>
      <c r="BL1664" s="53"/>
      <c r="BM1664" s="53"/>
      <c r="BN1664" s="53"/>
      <c r="BO1664" s="53"/>
      <c r="BP1664" s="53"/>
      <c r="BQ1664" s="53"/>
      <c r="BR1664" s="53"/>
      <c r="BS1664" s="53"/>
      <c r="BT1664" s="53"/>
      <c r="BU1664" s="53"/>
      <c r="BV1664" s="53"/>
      <c r="BW1664" s="53"/>
      <c r="BX1664" s="53"/>
      <c r="BY1664" s="53"/>
      <c r="BZ1664" s="53"/>
      <c r="CA1664" s="53"/>
      <c r="CB1664" s="53"/>
      <c r="CC1664" s="53"/>
      <c r="CD1664" s="53"/>
      <c r="CE1664" s="53"/>
      <c r="CF1664" s="53"/>
      <c r="CG1664" s="53"/>
      <c r="CH1664" s="53"/>
      <c r="CI1664" s="53"/>
      <c r="CJ1664" s="53"/>
      <c r="CK1664" s="53"/>
      <c r="CL1664" s="53"/>
      <c r="CM1664" s="53"/>
      <c r="CN1664" s="53"/>
    </row>
    <row r="1665" spans="1:92" outlineLevel="1">
      <c r="A1665" s="52" t="s">
        <v>649</v>
      </c>
      <c r="B1665" s="53">
        <v>-89506</v>
      </c>
      <c r="C1665" s="53">
        <v>-89506</v>
      </c>
      <c r="D1665" s="53">
        <v>-89506</v>
      </c>
      <c r="E1665" s="53">
        <v>-89506</v>
      </c>
      <c r="F1665" s="53">
        <v>-89506</v>
      </c>
      <c r="G1665" s="53">
        <v>-89506</v>
      </c>
      <c r="H1665" s="53">
        <v>-89506</v>
      </c>
      <c r="I1665" s="53">
        <v>-89506</v>
      </c>
      <c r="J1665" s="53">
        <v>-89506</v>
      </c>
      <c r="K1665" s="53">
        <v>-89506</v>
      </c>
      <c r="L1665" s="53">
        <v>-89506</v>
      </c>
      <c r="M1665" s="53">
        <v>-89506</v>
      </c>
      <c r="N1665" s="53">
        <v>-1074072</v>
      </c>
      <c r="O1665" s="53">
        <v>-89506</v>
      </c>
      <c r="P1665" s="53">
        <v>-89506</v>
      </c>
      <c r="Q1665" s="53">
        <v>-89506</v>
      </c>
      <c r="R1665" s="53">
        <v>-89506</v>
      </c>
      <c r="S1665" s="53">
        <v>-89506</v>
      </c>
      <c r="T1665" s="53">
        <v>-89506</v>
      </c>
      <c r="U1665" s="53">
        <v>-89506</v>
      </c>
      <c r="V1665" s="53">
        <v>-89506</v>
      </c>
      <c r="W1665" s="53">
        <v>-89506</v>
      </c>
      <c r="X1665" s="53">
        <v>-89506</v>
      </c>
      <c r="Y1665" s="53">
        <v>-89506</v>
      </c>
      <c r="Z1665" s="53">
        <v>-89506</v>
      </c>
      <c r="AA1665" s="53">
        <v>-1074072</v>
      </c>
      <c r="AB1665" s="53">
        <v>-89506</v>
      </c>
      <c r="AC1665" s="53">
        <v>-89506</v>
      </c>
      <c r="AD1665" s="53">
        <v>-89506</v>
      </c>
      <c r="AE1665" s="53">
        <v>-89506</v>
      </c>
      <c r="AF1665" s="53">
        <v>-89506</v>
      </c>
      <c r="AG1665" s="53">
        <v>-89506</v>
      </c>
      <c r="AH1665" s="53">
        <v>-89506</v>
      </c>
      <c r="AI1665" s="53">
        <v>-89506</v>
      </c>
      <c r="AJ1665" s="53">
        <v>-89506</v>
      </c>
      <c r="AK1665" s="53">
        <v>-89506</v>
      </c>
      <c r="AL1665" s="53">
        <v>-89506</v>
      </c>
      <c r="AM1665" s="53">
        <v>-89506</v>
      </c>
      <c r="AN1665" s="53">
        <v>-1074072</v>
      </c>
      <c r="AO1665" s="53">
        <v>-89506</v>
      </c>
      <c r="AP1665" s="53">
        <v>-89506</v>
      </c>
      <c r="AQ1665" s="53">
        <v>-89506</v>
      </c>
      <c r="AR1665" s="53">
        <v>-89506</v>
      </c>
      <c r="AS1665" s="53">
        <v>-89506</v>
      </c>
      <c r="AT1665" s="53">
        <v>-89506</v>
      </c>
      <c r="AU1665" s="53">
        <v>-89506</v>
      </c>
      <c r="AV1665" s="53">
        <v>-89506</v>
      </c>
      <c r="AW1665" s="53">
        <v>-89506</v>
      </c>
      <c r="AX1665" s="53">
        <v>-89506</v>
      </c>
      <c r="AY1665" s="53">
        <v>-89506</v>
      </c>
      <c r="AZ1665" s="53">
        <v>-89506</v>
      </c>
      <c r="BA1665" s="53">
        <v>-1074072</v>
      </c>
      <c r="BB1665" s="53">
        <v>-89506</v>
      </c>
      <c r="BC1665" s="53">
        <v>-89506</v>
      </c>
      <c r="BD1665" s="53">
        <v>-89506</v>
      </c>
      <c r="BE1665" s="53">
        <v>-89506</v>
      </c>
      <c r="BF1665" s="53">
        <v>-89506</v>
      </c>
      <c r="BG1665" s="53">
        <v>-89506</v>
      </c>
      <c r="BH1665" s="53">
        <v>-89506</v>
      </c>
      <c r="BI1665" s="53">
        <v>-89506</v>
      </c>
      <c r="BJ1665" s="53">
        <v>-89506</v>
      </c>
      <c r="BK1665" s="53">
        <v>-89506</v>
      </c>
      <c r="BL1665" s="53">
        <v>-89506</v>
      </c>
      <c r="BM1665" s="53">
        <v>-89506</v>
      </c>
      <c r="BN1665" s="53">
        <v>-1074072</v>
      </c>
      <c r="BO1665" s="53">
        <v>-89506</v>
      </c>
      <c r="BP1665" s="53">
        <v>-89506</v>
      </c>
      <c r="BQ1665" s="53">
        <v>-89506</v>
      </c>
      <c r="BR1665" s="53">
        <v>-89506</v>
      </c>
      <c r="BS1665" s="53">
        <v>-89506</v>
      </c>
      <c r="BT1665" s="53">
        <v>-89506</v>
      </c>
      <c r="BU1665" s="53">
        <v>-89506</v>
      </c>
      <c r="BV1665" s="53">
        <v>-89506</v>
      </c>
      <c r="BW1665" s="53">
        <v>-89506</v>
      </c>
      <c r="BX1665" s="53">
        <v>-89506</v>
      </c>
      <c r="BY1665" s="53">
        <v>-89506</v>
      </c>
      <c r="BZ1665" s="53">
        <v>-89506</v>
      </c>
      <c r="CA1665" s="53">
        <v>-1074072</v>
      </c>
      <c r="CB1665" s="53"/>
      <c r="CC1665" s="53"/>
      <c r="CD1665" s="53"/>
      <c r="CE1665" s="53"/>
      <c r="CF1665" s="53"/>
      <c r="CG1665" s="53"/>
      <c r="CH1665" s="53"/>
      <c r="CI1665" s="53"/>
      <c r="CJ1665" s="53"/>
      <c r="CK1665" s="53"/>
      <c r="CL1665" s="53"/>
      <c r="CM1665" s="53"/>
      <c r="CN1665" s="53"/>
    </row>
    <row r="1666" spans="1:92" outlineLevel="1">
      <c r="A1666" s="52" t="s">
        <v>1444</v>
      </c>
      <c r="B1666" s="53"/>
      <c r="C1666" s="53"/>
      <c r="D1666" s="53"/>
      <c r="E1666" s="53"/>
      <c r="F1666" s="53"/>
      <c r="G1666" s="53"/>
      <c r="H1666" s="53"/>
      <c r="I1666" s="53"/>
      <c r="J1666" s="53"/>
      <c r="K1666" s="53"/>
      <c r="L1666" s="53"/>
      <c r="M1666" s="53"/>
      <c r="N1666" s="53"/>
      <c r="O1666" s="53"/>
      <c r="P1666" s="53"/>
      <c r="Q1666" s="53"/>
      <c r="R1666" s="53"/>
      <c r="S1666" s="53"/>
      <c r="T1666" s="53"/>
      <c r="U1666" s="53"/>
      <c r="V1666" s="53"/>
      <c r="W1666" s="53"/>
      <c r="X1666" s="53"/>
      <c r="Y1666" s="53"/>
      <c r="Z1666" s="53"/>
      <c r="AA1666" s="53"/>
      <c r="AB1666" s="53"/>
      <c r="AC1666" s="53"/>
      <c r="AD1666" s="53"/>
      <c r="AE1666" s="53"/>
      <c r="AF1666" s="53"/>
      <c r="AG1666" s="53"/>
      <c r="AH1666" s="53"/>
      <c r="AI1666" s="53"/>
      <c r="AJ1666" s="53"/>
      <c r="AK1666" s="53"/>
      <c r="AL1666" s="53"/>
      <c r="AM1666" s="53"/>
      <c r="AN1666" s="53"/>
      <c r="AO1666" s="53"/>
      <c r="AP1666" s="53"/>
      <c r="AQ1666" s="53"/>
      <c r="AR1666" s="53"/>
      <c r="AS1666" s="53"/>
      <c r="AT1666" s="53"/>
      <c r="AU1666" s="53"/>
      <c r="AV1666" s="53"/>
      <c r="AW1666" s="53"/>
      <c r="AX1666" s="53"/>
      <c r="AY1666" s="53"/>
      <c r="AZ1666" s="53"/>
      <c r="BA1666" s="53"/>
      <c r="BB1666" s="53"/>
      <c r="BC1666" s="53"/>
      <c r="BD1666" s="53"/>
      <c r="BE1666" s="53"/>
      <c r="BF1666" s="53"/>
      <c r="BG1666" s="53"/>
      <c r="BH1666" s="53"/>
      <c r="BI1666" s="53"/>
      <c r="BJ1666" s="53"/>
      <c r="BK1666" s="53"/>
      <c r="BL1666" s="53"/>
      <c r="BM1666" s="53"/>
      <c r="BN1666" s="53"/>
      <c r="BO1666" s="53"/>
      <c r="BP1666" s="53"/>
      <c r="BQ1666" s="53"/>
      <c r="BR1666" s="53"/>
      <c r="BS1666" s="53"/>
      <c r="BT1666" s="53"/>
      <c r="BU1666" s="53"/>
      <c r="BV1666" s="53"/>
      <c r="BW1666" s="53"/>
      <c r="BX1666" s="53"/>
      <c r="BY1666" s="53"/>
      <c r="BZ1666" s="53"/>
      <c r="CA1666" s="53"/>
      <c r="CB1666" s="53"/>
      <c r="CC1666" s="53"/>
      <c r="CD1666" s="53"/>
      <c r="CE1666" s="53"/>
      <c r="CF1666" s="53"/>
      <c r="CG1666" s="53"/>
      <c r="CH1666" s="53"/>
      <c r="CI1666" s="53"/>
      <c r="CJ1666" s="53"/>
      <c r="CK1666" s="53"/>
      <c r="CL1666" s="53"/>
      <c r="CM1666" s="53"/>
      <c r="CN1666" s="53"/>
    </row>
    <row r="1667" spans="1:92" outlineLevel="1">
      <c r="A1667" s="52" t="s">
        <v>649</v>
      </c>
      <c r="B1667" s="53">
        <v>-11388500</v>
      </c>
      <c r="C1667" s="53">
        <v>-11388500</v>
      </c>
      <c r="D1667" s="53">
        <v>-11388500</v>
      </c>
      <c r="E1667" s="53">
        <v>-11388500</v>
      </c>
      <c r="F1667" s="53">
        <v>-11388500</v>
      </c>
      <c r="G1667" s="53">
        <v>-11388500</v>
      </c>
      <c r="H1667" s="53">
        <v>-11388500</v>
      </c>
      <c r="I1667" s="53">
        <v>-11388500</v>
      </c>
      <c r="J1667" s="53">
        <v>-11388500</v>
      </c>
      <c r="K1667" s="53">
        <v>-11388500</v>
      </c>
      <c r="L1667" s="53">
        <v>-11388500</v>
      </c>
      <c r="M1667" s="53">
        <v>-11388500</v>
      </c>
      <c r="N1667" s="53">
        <v>-136662000</v>
      </c>
      <c r="O1667" s="53">
        <v>-8782250</v>
      </c>
      <c r="P1667" s="53">
        <v>-8782250</v>
      </c>
      <c r="Q1667" s="53">
        <v>-8782250</v>
      </c>
      <c r="R1667" s="53">
        <v>-8782250</v>
      </c>
      <c r="S1667" s="53">
        <v>-8782250</v>
      </c>
      <c r="T1667" s="53">
        <v>-8782250</v>
      </c>
      <c r="U1667" s="53">
        <v>-8782250</v>
      </c>
      <c r="V1667" s="53">
        <v>-8782250</v>
      </c>
      <c r="W1667" s="53">
        <v>-8782250</v>
      </c>
      <c r="X1667" s="53">
        <v>-8782250</v>
      </c>
      <c r="Y1667" s="53">
        <v>-8782250</v>
      </c>
      <c r="Z1667" s="53">
        <v>-8782250</v>
      </c>
      <c r="AA1667" s="53">
        <v>-105387000</v>
      </c>
      <c r="AB1667" s="53">
        <v>-5564166.6666666698</v>
      </c>
      <c r="AC1667" s="53">
        <v>-5564166.6666666698</v>
      </c>
      <c r="AD1667" s="53">
        <v>-5564166.6666666698</v>
      </c>
      <c r="AE1667" s="53">
        <v>-5564166.6666666698</v>
      </c>
      <c r="AF1667" s="53">
        <v>-5564166.6666666698</v>
      </c>
      <c r="AG1667" s="53">
        <v>-5564166.6666666698</v>
      </c>
      <c r="AH1667" s="53">
        <v>-5564166.6666666698</v>
      </c>
      <c r="AI1667" s="53">
        <v>-5564166.6666666698</v>
      </c>
      <c r="AJ1667" s="53">
        <v>-5564166.6666666698</v>
      </c>
      <c r="AK1667" s="53">
        <v>-5564166.6666666698</v>
      </c>
      <c r="AL1667" s="53">
        <v>-5564166.6666666698</v>
      </c>
      <c r="AM1667" s="53">
        <v>-5564166.6666666698</v>
      </c>
      <c r="AN1667" s="53">
        <v>-66770000</v>
      </c>
      <c r="AO1667" s="53">
        <v>-4253666.6666666698</v>
      </c>
      <c r="AP1667" s="53">
        <v>-4253666.6666666698</v>
      </c>
      <c r="AQ1667" s="53">
        <v>-4253666.6666666698</v>
      </c>
      <c r="AR1667" s="53">
        <v>-4253666.6666666698</v>
      </c>
      <c r="AS1667" s="53">
        <v>-4253666.6666666698</v>
      </c>
      <c r="AT1667" s="53">
        <v>-4253666.6666666698</v>
      </c>
      <c r="AU1667" s="53">
        <v>-4253666.6666666698</v>
      </c>
      <c r="AV1667" s="53">
        <v>-4253666.6666666698</v>
      </c>
      <c r="AW1667" s="53">
        <v>-4253666.6666666698</v>
      </c>
      <c r="AX1667" s="53">
        <v>-4253666.6666666698</v>
      </c>
      <c r="AY1667" s="53">
        <v>-4253666.6666666698</v>
      </c>
      <c r="AZ1667" s="53">
        <v>-4253666.6666666698</v>
      </c>
      <c r="BA1667" s="53">
        <v>-51044000</v>
      </c>
      <c r="BB1667" s="53">
        <v>-3086666.6666666698</v>
      </c>
      <c r="BC1667" s="53">
        <v>-3086666.6666666698</v>
      </c>
      <c r="BD1667" s="53">
        <v>-3086666.6666666698</v>
      </c>
      <c r="BE1667" s="53">
        <v>-3086666.6666666698</v>
      </c>
      <c r="BF1667" s="53">
        <v>-3086666.6666666698</v>
      </c>
      <c r="BG1667" s="53">
        <v>-3086666.6666666698</v>
      </c>
      <c r="BH1667" s="53">
        <v>-3086666.6666666698</v>
      </c>
      <c r="BI1667" s="53">
        <v>-3086666.6666666698</v>
      </c>
      <c r="BJ1667" s="53">
        <v>-3086666.6666666698</v>
      </c>
      <c r="BK1667" s="53">
        <v>-3086666.6666666698</v>
      </c>
      <c r="BL1667" s="53">
        <v>-3086666.6666666698</v>
      </c>
      <c r="BM1667" s="53">
        <v>-3086666.6666666698</v>
      </c>
      <c r="BN1667" s="53">
        <v>-37040000</v>
      </c>
      <c r="BO1667" s="53"/>
      <c r="BP1667" s="53"/>
      <c r="BQ1667" s="53"/>
      <c r="BR1667" s="53"/>
      <c r="BS1667" s="53"/>
      <c r="BT1667" s="53"/>
      <c r="BU1667" s="53"/>
      <c r="BV1667" s="53"/>
      <c r="BW1667" s="53"/>
      <c r="BX1667" s="53"/>
      <c r="BY1667" s="53"/>
      <c r="BZ1667" s="53"/>
      <c r="CA1667" s="53"/>
      <c r="CB1667" s="53">
        <v>-94432748.220314205</v>
      </c>
      <c r="CC1667" s="53">
        <v>-94369961.312156901</v>
      </c>
      <c r="CD1667" s="53">
        <v>-91701246.418512106</v>
      </c>
      <c r="CE1667" s="53">
        <v>-95876473.778528094</v>
      </c>
      <c r="CF1667" s="53">
        <v>-98232087.418552399</v>
      </c>
      <c r="CG1667" s="53">
        <v>-116726884.052763</v>
      </c>
      <c r="CH1667" s="53">
        <v>-135460117.89834899</v>
      </c>
      <c r="CI1667" s="53">
        <v>-141402860.86805001</v>
      </c>
      <c r="CJ1667" s="53">
        <v>-131318877.989205</v>
      </c>
      <c r="CK1667" s="53">
        <v>-136809965.308929</v>
      </c>
      <c r="CL1667" s="53">
        <v>-96219589.637727901</v>
      </c>
      <c r="CM1667" s="53">
        <v>-99607989.318804502</v>
      </c>
      <c r="CN1667" s="53">
        <v>-1332158802.22189</v>
      </c>
    </row>
    <row r="1668" spans="1:92" outlineLevel="1">
      <c r="A1668" s="52" t="s">
        <v>1445</v>
      </c>
      <c r="B1668" s="53"/>
      <c r="C1668" s="53"/>
      <c r="D1668" s="53"/>
      <c r="E1668" s="53"/>
      <c r="F1668" s="53"/>
      <c r="G1668" s="53"/>
      <c r="H1668" s="53"/>
      <c r="I1668" s="53"/>
      <c r="J1668" s="53"/>
      <c r="K1668" s="53"/>
      <c r="L1668" s="53"/>
      <c r="M1668" s="53"/>
      <c r="N1668" s="53"/>
      <c r="O1668" s="53"/>
      <c r="P1668" s="53"/>
      <c r="Q1668" s="53"/>
      <c r="R1668" s="53"/>
      <c r="S1668" s="53"/>
      <c r="T1668" s="53"/>
      <c r="U1668" s="53"/>
      <c r="V1668" s="53"/>
      <c r="W1668" s="53"/>
      <c r="X1668" s="53"/>
      <c r="Y1668" s="53"/>
      <c r="Z1668" s="53"/>
      <c r="AA1668" s="53"/>
      <c r="AB1668" s="53"/>
      <c r="AC1668" s="53"/>
      <c r="AD1668" s="53"/>
      <c r="AE1668" s="53"/>
      <c r="AF1668" s="53"/>
      <c r="AG1668" s="53"/>
      <c r="AH1668" s="53"/>
      <c r="AI1668" s="53"/>
      <c r="AJ1668" s="53"/>
      <c r="AK1668" s="53"/>
      <c r="AL1668" s="53"/>
      <c r="AM1668" s="53"/>
      <c r="AN1668" s="53"/>
      <c r="AO1668" s="53"/>
      <c r="AP1668" s="53"/>
      <c r="AQ1668" s="53"/>
      <c r="AR1668" s="53"/>
      <c r="AS1668" s="53"/>
      <c r="AT1668" s="53"/>
      <c r="AU1668" s="53"/>
      <c r="AV1668" s="53"/>
      <c r="AW1668" s="53"/>
      <c r="AX1668" s="53"/>
      <c r="AY1668" s="53"/>
      <c r="AZ1668" s="53"/>
      <c r="BA1668" s="53"/>
      <c r="BB1668" s="53"/>
      <c r="BC1668" s="53"/>
      <c r="BD1668" s="53"/>
      <c r="BE1668" s="53"/>
      <c r="BF1668" s="53"/>
      <c r="BG1668" s="53"/>
      <c r="BH1668" s="53"/>
      <c r="BI1668" s="53"/>
      <c r="BJ1668" s="53"/>
      <c r="BK1668" s="53"/>
      <c r="BL1668" s="53"/>
      <c r="BM1668" s="53"/>
      <c r="BN1668" s="53"/>
      <c r="BO1668" s="53"/>
      <c r="BP1668" s="53"/>
      <c r="BQ1668" s="53"/>
      <c r="BR1668" s="53"/>
      <c r="BS1668" s="53"/>
      <c r="BT1668" s="53"/>
      <c r="BU1668" s="53"/>
      <c r="BV1668" s="53"/>
      <c r="BW1668" s="53"/>
      <c r="BX1668" s="53"/>
      <c r="BY1668" s="53"/>
      <c r="BZ1668" s="53"/>
      <c r="CA1668" s="53"/>
      <c r="CB1668" s="53"/>
      <c r="CC1668" s="53"/>
      <c r="CD1668" s="53"/>
      <c r="CE1668" s="53"/>
      <c r="CF1668" s="53"/>
      <c r="CG1668" s="53"/>
      <c r="CH1668" s="53"/>
      <c r="CI1668" s="53"/>
      <c r="CJ1668" s="53"/>
      <c r="CK1668" s="53"/>
      <c r="CL1668" s="53"/>
      <c r="CM1668" s="53"/>
      <c r="CN1668" s="53"/>
    </row>
    <row r="1669" spans="1:92" outlineLevel="1">
      <c r="A1669" s="52" t="s">
        <v>649</v>
      </c>
      <c r="B1669" s="53"/>
      <c r="C1669" s="53">
        <v>-1000000</v>
      </c>
      <c r="D1669" s="53"/>
      <c r="E1669" s="53"/>
      <c r="F1669" s="53"/>
      <c r="G1669" s="53"/>
      <c r="H1669" s="53"/>
      <c r="I1669" s="53"/>
      <c r="J1669" s="53"/>
      <c r="K1669" s="53"/>
      <c r="L1669" s="53"/>
      <c r="M1669" s="53"/>
      <c r="N1669" s="53">
        <v>-1000000</v>
      </c>
      <c r="O1669" s="53"/>
      <c r="P1669" s="53"/>
      <c r="Q1669" s="53"/>
      <c r="R1669" s="53"/>
      <c r="S1669" s="53"/>
      <c r="T1669" s="53"/>
      <c r="U1669" s="53"/>
      <c r="V1669" s="53"/>
      <c r="W1669" s="53"/>
      <c r="X1669" s="53"/>
      <c r="Y1669" s="53"/>
      <c r="Z1669" s="53"/>
      <c r="AA1669" s="53"/>
      <c r="AB1669" s="53"/>
      <c r="AC1669" s="53"/>
      <c r="AD1669" s="53"/>
      <c r="AE1669" s="53"/>
      <c r="AF1669" s="53"/>
      <c r="AG1669" s="53"/>
      <c r="AH1669" s="53"/>
      <c r="AI1669" s="53"/>
      <c r="AJ1669" s="53"/>
      <c r="AK1669" s="53"/>
      <c r="AL1669" s="53"/>
      <c r="AM1669" s="53"/>
      <c r="AN1669" s="53"/>
      <c r="AO1669" s="53"/>
      <c r="AP1669" s="53"/>
      <c r="AQ1669" s="53"/>
      <c r="AR1669" s="53"/>
      <c r="AS1669" s="53"/>
      <c r="AT1669" s="53"/>
      <c r="AU1669" s="53"/>
      <c r="AV1669" s="53"/>
      <c r="AW1669" s="53"/>
      <c r="AX1669" s="53"/>
      <c r="AY1669" s="53"/>
      <c r="AZ1669" s="53"/>
      <c r="BA1669" s="53"/>
      <c r="BB1669" s="53"/>
      <c r="BC1669" s="53"/>
      <c r="BD1669" s="53"/>
      <c r="BE1669" s="53"/>
      <c r="BF1669" s="53"/>
      <c r="BG1669" s="53"/>
      <c r="BH1669" s="53"/>
      <c r="BI1669" s="53"/>
      <c r="BJ1669" s="53"/>
      <c r="BK1669" s="53"/>
      <c r="BL1669" s="53"/>
      <c r="BM1669" s="53"/>
      <c r="BN1669" s="53"/>
      <c r="BO1669" s="53"/>
      <c r="BP1669" s="53"/>
      <c r="BQ1669" s="53"/>
      <c r="BR1669" s="53"/>
      <c r="BS1669" s="53"/>
      <c r="BT1669" s="53"/>
      <c r="BU1669" s="53"/>
      <c r="BV1669" s="53"/>
      <c r="BW1669" s="53"/>
      <c r="BX1669" s="53"/>
      <c r="BY1669" s="53"/>
      <c r="BZ1669" s="53"/>
      <c r="CA1669" s="53"/>
      <c r="CB1669" s="53"/>
      <c r="CC1669" s="53"/>
      <c r="CD1669" s="53"/>
      <c r="CE1669" s="53"/>
      <c r="CF1669" s="53"/>
      <c r="CG1669" s="53"/>
      <c r="CH1669" s="53"/>
      <c r="CI1669" s="53"/>
      <c r="CJ1669" s="53"/>
      <c r="CK1669" s="53"/>
      <c r="CL1669" s="53"/>
      <c r="CM1669" s="53"/>
      <c r="CN1669" s="53"/>
    </row>
    <row r="1670" spans="1:92" outlineLevel="1">
      <c r="A1670" s="52" t="s">
        <v>1410</v>
      </c>
      <c r="B1670" s="53"/>
      <c r="C1670" s="53"/>
      <c r="D1670" s="53"/>
      <c r="E1670" s="53"/>
      <c r="F1670" s="53"/>
      <c r="G1670" s="53"/>
      <c r="H1670" s="53"/>
      <c r="I1670" s="53"/>
      <c r="J1670" s="53"/>
      <c r="K1670" s="53"/>
      <c r="L1670" s="53"/>
      <c r="M1670" s="53"/>
      <c r="N1670" s="53"/>
      <c r="O1670" s="53"/>
      <c r="P1670" s="53"/>
      <c r="Q1670" s="53"/>
      <c r="R1670" s="53"/>
      <c r="S1670" s="53"/>
      <c r="T1670" s="53"/>
      <c r="U1670" s="53"/>
      <c r="V1670" s="53"/>
      <c r="W1670" s="53"/>
      <c r="X1670" s="53"/>
      <c r="Y1670" s="53"/>
      <c r="Z1670" s="53"/>
      <c r="AA1670" s="53"/>
      <c r="AB1670" s="53"/>
      <c r="AC1670" s="53"/>
      <c r="AD1670" s="53"/>
      <c r="AE1670" s="53"/>
      <c r="AF1670" s="53"/>
      <c r="AG1670" s="53"/>
      <c r="AH1670" s="53"/>
      <c r="AI1670" s="53"/>
      <c r="AJ1670" s="53"/>
      <c r="AK1670" s="53"/>
      <c r="AL1670" s="53"/>
      <c r="AM1670" s="53"/>
      <c r="AN1670" s="53"/>
      <c r="AO1670" s="53"/>
      <c r="AP1670" s="53"/>
      <c r="AQ1670" s="53"/>
      <c r="AR1670" s="53"/>
      <c r="AS1670" s="53"/>
      <c r="AT1670" s="53"/>
      <c r="AU1670" s="53"/>
      <c r="AV1670" s="53"/>
      <c r="AW1670" s="53"/>
      <c r="AX1670" s="53"/>
      <c r="AY1670" s="53"/>
      <c r="AZ1670" s="53"/>
      <c r="BA1670" s="53"/>
      <c r="BB1670" s="53"/>
      <c r="BC1670" s="53"/>
      <c r="BD1670" s="53"/>
      <c r="BE1670" s="53"/>
      <c r="BF1670" s="53"/>
      <c r="BG1670" s="53"/>
      <c r="BH1670" s="53"/>
      <c r="BI1670" s="53"/>
      <c r="BJ1670" s="53"/>
      <c r="BK1670" s="53"/>
      <c r="BL1670" s="53"/>
      <c r="BM1670" s="53"/>
      <c r="BN1670" s="53"/>
      <c r="BO1670" s="53"/>
      <c r="BP1670" s="53"/>
      <c r="BQ1670" s="53"/>
      <c r="BR1670" s="53"/>
      <c r="BS1670" s="53"/>
      <c r="BT1670" s="53"/>
      <c r="BU1670" s="53"/>
      <c r="BV1670" s="53"/>
      <c r="BW1670" s="53"/>
      <c r="BX1670" s="53"/>
      <c r="BY1670" s="53"/>
      <c r="BZ1670" s="53"/>
      <c r="CA1670" s="53"/>
      <c r="CB1670" s="53">
        <v>443110.86610271898</v>
      </c>
      <c r="CC1670" s="53">
        <v>374766.93418954202</v>
      </c>
      <c r="CD1670" s="53">
        <v>411860.58209293202</v>
      </c>
      <c r="CE1670" s="53">
        <v>309320.21617517201</v>
      </c>
      <c r="CF1670" s="53">
        <v>327877.99139216199</v>
      </c>
      <c r="CG1670" s="53">
        <v>321814.55080753</v>
      </c>
      <c r="CH1670" s="53">
        <v>334998.21706726903</v>
      </c>
      <c r="CI1670" s="53">
        <v>339585.19625758298</v>
      </c>
      <c r="CJ1670" s="53">
        <v>328938.60394039197</v>
      </c>
      <c r="CK1670" s="53">
        <v>386593.26848698198</v>
      </c>
      <c r="CL1670" s="53">
        <v>356849.393456875</v>
      </c>
      <c r="CM1670" s="53">
        <v>437325.99130017002</v>
      </c>
      <c r="CN1670" s="53">
        <v>4373041.8112693299</v>
      </c>
    </row>
    <row r="1671" spans="1:92" outlineLevel="1">
      <c r="A1671" s="52" t="s">
        <v>649</v>
      </c>
      <c r="B1671" s="53">
        <v>-189562.24873547599</v>
      </c>
      <c r="C1671" s="53">
        <v>-189562.24873547599</v>
      </c>
      <c r="D1671" s="53">
        <v>-189562.24873547599</v>
      </c>
      <c r="E1671" s="53">
        <v>-189562.24873547599</v>
      </c>
      <c r="F1671" s="53">
        <v>-189562.24873547599</v>
      </c>
      <c r="G1671" s="53">
        <v>-189562.24873547599</v>
      </c>
      <c r="H1671" s="53">
        <v>-189562.24873547599</v>
      </c>
      <c r="I1671" s="53">
        <v>-189562.24873547599</v>
      </c>
      <c r="J1671" s="53">
        <v>-189562.24873547599</v>
      </c>
      <c r="K1671" s="53">
        <v>-189562.24873547599</v>
      </c>
      <c r="L1671" s="53">
        <v>-189562.24873547599</v>
      </c>
      <c r="M1671" s="53">
        <v>-189562.24873547599</v>
      </c>
      <c r="N1671" s="53">
        <v>-2274746.9848257098</v>
      </c>
      <c r="O1671" s="53">
        <v>-213287.34724999999</v>
      </c>
      <c r="P1671" s="53">
        <v>-213287.34724999999</v>
      </c>
      <c r="Q1671" s="53">
        <v>-213287.34724999999</v>
      </c>
      <c r="R1671" s="53">
        <v>-213287.34724999999</v>
      </c>
      <c r="S1671" s="53">
        <v>-213287.34724999999</v>
      </c>
      <c r="T1671" s="53">
        <v>-213287.34724999999</v>
      </c>
      <c r="U1671" s="53">
        <v>-213287.34724999999</v>
      </c>
      <c r="V1671" s="53">
        <v>-213287.34724999999</v>
      </c>
      <c r="W1671" s="53">
        <v>-213287.34724999999</v>
      </c>
      <c r="X1671" s="53">
        <v>-213287.34724999999</v>
      </c>
      <c r="Y1671" s="53">
        <v>-213287.34724999999</v>
      </c>
      <c r="Z1671" s="53">
        <v>-213287.34724999999</v>
      </c>
      <c r="AA1671" s="53">
        <v>-2559448.1669999999</v>
      </c>
      <c r="AB1671" s="53">
        <v>-213287.34724999999</v>
      </c>
      <c r="AC1671" s="53">
        <v>-213287.34724999999</v>
      </c>
      <c r="AD1671" s="53">
        <v>-213287.34724999999</v>
      </c>
      <c r="AE1671" s="53">
        <v>-213287.34724999999</v>
      </c>
      <c r="AF1671" s="53">
        <v>-213287.34724999999</v>
      </c>
      <c r="AG1671" s="53">
        <v>-213287.34724999999</v>
      </c>
      <c r="AH1671" s="53">
        <v>-213287.34724999999</v>
      </c>
      <c r="AI1671" s="53">
        <v>-213287.34724999999</v>
      </c>
      <c r="AJ1671" s="53">
        <v>-213287.34724999999</v>
      </c>
      <c r="AK1671" s="53">
        <v>-213287.34724999999</v>
      </c>
      <c r="AL1671" s="53">
        <v>-213287.34724999999</v>
      </c>
      <c r="AM1671" s="53">
        <v>-213287.34724999999</v>
      </c>
      <c r="AN1671" s="53">
        <v>-2559448.1669999999</v>
      </c>
      <c r="AO1671" s="53">
        <v>-213287.34724999999</v>
      </c>
      <c r="AP1671" s="53">
        <v>-213287.34724999999</v>
      </c>
      <c r="AQ1671" s="53">
        <v>-213287.34724999999</v>
      </c>
      <c r="AR1671" s="53">
        <v>-213287.34724999999</v>
      </c>
      <c r="AS1671" s="53">
        <v>-213287.34724999999</v>
      </c>
      <c r="AT1671" s="53">
        <v>-213287.34724999999</v>
      </c>
      <c r="AU1671" s="53">
        <v>-213287.34724999999</v>
      </c>
      <c r="AV1671" s="53">
        <v>-213287.34724999999</v>
      </c>
      <c r="AW1671" s="53">
        <v>-144305</v>
      </c>
      <c r="AX1671" s="53"/>
      <c r="AY1671" s="53"/>
      <c r="AZ1671" s="53"/>
      <c r="BA1671" s="53">
        <v>-1850603.7779999999</v>
      </c>
      <c r="BB1671" s="53"/>
      <c r="BC1671" s="53"/>
      <c r="BD1671" s="53"/>
      <c r="BE1671" s="53"/>
      <c r="BF1671" s="53"/>
      <c r="BG1671" s="53"/>
      <c r="BH1671" s="53"/>
      <c r="BI1671" s="53"/>
      <c r="BJ1671" s="53"/>
      <c r="BK1671" s="53"/>
      <c r="BL1671" s="53"/>
      <c r="BM1671" s="53"/>
      <c r="BN1671" s="53"/>
      <c r="BO1671" s="53"/>
      <c r="BP1671" s="53"/>
      <c r="BQ1671" s="53"/>
      <c r="BR1671" s="53"/>
      <c r="BS1671" s="53"/>
      <c r="BT1671" s="53"/>
      <c r="BU1671" s="53"/>
      <c r="BV1671" s="53"/>
      <c r="BW1671" s="53"/>
      <c r="BX1671" s="53"/>
      <c r="BY1671" s="53"/>
      <c r="BZ1671" s="53"/>
      <c r="CA1671" s="53"/>
      <c r="CB1671" s="53"/>
      <c r="CC1671" s="53"/>
      <c r="CD1671" s="53"/>
      <c r="CE1671" s="53"/>
      <c r="CF1671" s="53"/>
      <c r="CG1671" s="53"/>
      <c r="CH1671" s="53"/>
      <c r="CI1671" s="53"/>
      <c r="CJ1671" s="53"/>
      <c r="CK1671" s="53"/>
      <c r="CL1671" s="53"/>
      <c r="CM1671" s="53"/>
      <c r="CN1671" s="53"/>
    </row>
    <row r="1672" spans="1:92" outlineLevel="1">
      <c r="A1672" s="52" t="s">
        <v>1411</v>
      </c>
      <c r="B1672" s="53"/>
      <c r="C1672" s="53"/>
      <c r="D1672" s="53"/>
      <c r="E1672" s="53"/>
      <c r="F1672" s="53"/>
      <c r="G1672" s="53"/>
      <c r="H1672" s="53"/>
      <c r="I1672" s="53"/>
      <c r="J1672" s="53"/>
      <c r="K1672" s="53"/>
      <c r="L1672" s="53"/>
      <c r="M1672" s="53"/>
      <c r="N1672" s="53"/>
      <c r="O1672" s="53"/>
      <c r="P1672" s="53"/>
      <c r="Q1672" s="53"/>
      <c r="R1672" s="53"/>
      <c r="S1672" s="53"/>
      <c r="T1672" s="53"/>
      <c r="U1672" s="53"/>
      <c r="V1672" s="53"/>
      <c r="W1672" s="53"/>
      <c r="X1672" s="53"/>
      <c r="Y1672" s="53"/>
      <c r="Z1672" s="53"/>
      <c r="AA1672" s="53"/>
      <c r="AB1672" s="53"/>
      <c r="AC1672" s="53"/>
      <c r="AD1672" s="53"/>
      <c r="AE1672" s="53"/>
      <c r="AF1672" s="53"/>
      <c r="AG1672" s="53"/>
      <c r="AH1672" s="53"/>
      <c r="AI1672" s="53"/>
      <c r="AJ1672" s="53"/>
      <c r="AK1672" s="53"/>
      <c r="AL1672" s="53"/>
      <c r="AM1672" s="53"/>
      <c r="AN1672" s="53"/>
      <c r="AO1672" s="53"/>
      <c r="AP1672" s="53"/>
      <c r="AQ1672" s="53"/>
      <c r="AR1672" s="53"/>
      <c r="AS1672" s="53"/>
      <c r="AT1672" s="53"/>
      <c r="AU1672" s="53"/>
      <c r="AV1672" s="53"/>
      <c r="AW1672" s="53"/>
      <c r="AX1672" s="53"/>
      <c r="AY1672" s="53"/>
      <c r="AZ1672" s="53"/>
      <c r="BA1672" s="53"/>
      <c r="BB1672" s="53"/>
      <c r="BC1672" s="53"/>
      <c r="BD1672" s="53"/>
      <c r="BE1672" s="53"/>
      <c r="BF1672" s="53"/>
      <c r="BG1672" s="53"/>
      <c r="BH1672" s="53"/>
      <c r="BI1672" s="53"/>
      <c r="BJ1672" s="53"/>
      <c r="BK1672" s="53"/>
      <c r="BL1672" s="53"/>
      <c r="BM1672" s="53"/>
      <c r="BN1672" s="53"/>
      <c r="BO1672" s="53"/>
      <c r="BP1672" s="53"/>
      <c r="BQ1672" s="53"/>
      <c r="BR1672" s="53"/>
      <c r="BS1672" s="53"/>
      <c r="BT1672" s="53"/>
      <c r="BU1672" s="53"/>
      <c r="BV1672" s="53"/>
      <c r="BW1672" s="53"/>
      <c r="BX1672" s="53"/>
      <c r="BY1672" s="53"/>
      <c r="BZ1672" s="53"/>
      <c r="CA1672" s="53"/>
      <c r="CB1672" s="53">
        <v>22792.929675146501</v>
      </c>
      <c r="CC1672" s="53">
        <v>42923.529018788598</v>
      </c>
      <c r="CD1672" s="53">
        <v>25492.149875914401</v>
      </c>
      <c r="CE1672" s="53">
        <v>30135.2512537445</v>
      </c>
      <c r="CF1672" s="53">
        <v>17897.941782620899</v>
      </c>
      <c r="CG1672" s="53">
        <v>21647.0211627916</v>
      </c>
      <c r="CH1672" s="53">
        <v>60904.237280389199</v>
      </c>
      <c r="CI1672" s="53">
        <v>70213.233293351106</v>
      </c>
      <c r="CJ1672" s="53">
        <v>61201.006357274498</v>
      </c>
      <c r="CK1672" s="53">
        <v>61708.1423847693</v>
      </c>
      <c r="CL1672" s="53">
        <v>60348.043877687996</v>
      </c>
      <c r="CM1672" s="53">
        <v>68736.952508731396</v>
      </c>
      <c r="CN1672" s="53">
        <v>544000.43847120996</v>
      </c>
    </row>
    <row r="1673" spans="1:92" outlineLevel="1">
      <c r="A1673" s="52" t="s">
        <v>649</v>
      </c>
      <c r="B1673" s="53"/>
      <c r="C1673" s="53"/>
      <c r="D1673" s="53"/>
      <c r="E1673" s="53"/>
      <c r="F1673" s="53"/>
      <c r="G1673" s="53"/>
      <c r="H1673" s="53"/>
      <c r="I1673" s="53"/>
      <c r="J1673" s="53"/>
      <c r="K1673" s="53"/>
      <c r="L1673" s="53"/>
      <c r="M1673" s="53">
        <v>6822100</v>
      </c>
      <c r="N1673" s="53">
        <v>6822100</v>
      </c>
      <c r="O1673" s="53"/>
      <c r="P1673" s="53"/>
      <c r="Q1673" s="53"/>
      <c r="R1673" s="53"/>
      <c r="S1673" s="53"/>
      <c r="T1673" s="53"/>
      <c r="U1673" s="53"/>
      <c r="V1673" s="53"/>
      <c r="W1673" s="53"/>
      <c r="X1673" s="53"/>
      <c r="Y1673" s="53"/>
      <c r="Z1673" s="53"/>
      <c r="AA1673" s="53"/>
      <c r="AB1673" s="53"/>
      <c r="AC1673" s="53"/>
      <c r="AD1673" s="53"/>
      <c r="AE1673" s="53"/>
      <c r="AF1673" s="53"/>
      <c r="AG1673" s="53"/>
      <c r="AH1673" s="53"/>
      <c r="AI1673" s="53"/>
      <c r="AJ1673" s="53"/>
      <c r="AK1673" s="53"/>
      <c r="AL1673" s="53"/>
      <c r="AM1673" s="53"/>
      <c r="AN1673" s="53"/>
      <c r="AO1673" s="53"/>
      <c r="AP1673" s="53"/>
      <c r="AQ1673" s="53"/>
      <c r="AR1673" s="53"/>
      <c r="AS1673" s="53"/>
      <c r="AT1673" s="53"/>
      <c r="AU1673" s="53"/>
      <c r="AV1673" s="53"/>
      <c r="AW1673" s="53"/>
      <c r="AX1673" s="53"/>
      <c r="AY1673" s="53"/>
      <c r="AZ1673" s="53"/>
      <c r="BA1673" s="53"/>
      <c r="BB1673" s="53"/>
      <c r="BC1673" s="53"/>
      <c r="BD1673" s="53"/>
      <c r="BE1673" s="53"/>
      <c r="BF1673" s="53"/>
      <c r="BG1673" s="53"/>
      <c r="BH1673" s="53"/>
      <c r="BI1673" s="53"/>
      <c r="BJ1673" s="53"/>
      <c r="BK1673" s="53"/>
      <c r="BL1673" s="53"/>
      <c r="BM1673" s="53"/>
      <c r="BN1673" s="53"/>
      <c r="BO1673" s="53"/>
      <c r="BP1673" s="53"/>
      <c r="BQ1673" s="53"/>
      <c r="BR1673" s="53"/>
      <c r="BS1673" s="53"/>
      <c r="BT1673" s="53"/>
      <c r="BU1673" s="53"/>
      <c r="BV1673" s="53"/>
      <c r="BW1673" s="53"/>
      <c r="BX1673" s="53"/>
      <c r="BY1673" s="53"/>
      <c r="BZ1673" s="53"/>
      <c r="CA1673" s="53"/>
      <c r="CB1673" s="53"/>
      <c r="CC1673" s="53"/>
      <c r="CD1673" s="53"/>
      <c r="CE1673" s="53"/>
      <c r="CF1673" s="53"/>
      <c r="CG1673" s="53"/>
      <c r="CH1673" s="53"/>
      <c r="CI1673" s="53"/>
      <c r="CJ1673" s="53"/>
      <c r="CK1673" s="53"/>
      <c r="CL1673" s="53"/>
      <c r="CM1673" s="53"/>
      <c r="CN1673" s="53"/>
    </row>
    <row r="1674" spans="1:92" outlineLevel="1">
      <c r="A1674" s="52" t="s">
        <v>1412</v>
      </c>
      <c r="B1674" s="53"/>
      <c r="C1674" s="53"/>
      <c r="D1674" s="53"/>
      <c r="E1674" s="53"/>
      <c r="F1674" s="53"/>
      <c r="G1674" s="53"/>
      <c r="H1674" s="53"/>
      <c r="I1674" s="53"/>
      <c r="J1674" s="53"/>
      <c r="K1674" s="53"/>
      <c r="L1674" s="53"/>
      <c r="M1674" s="53"/>
      <c r="N1674" s="53"/>
      <c r="O1674" s="53"/>
      <c r="P1674" s="53"/>
      <c r="Q1674" s="53"/>
      <c r="R1674" s="53"/>
      <c r="S1674" s="53"/>
      <c r="T1674" s="53"/>
      <c r="U1674" s="53"/>
      <c r="V1674" s="53"/>
      <c r="W1674" s="53"/>
      <c r="X1674" s="53"/>
      <c r="Y1674" s="53"/>
      <c r="Z1674" s="53"/>
      <c r="AA1674" s="53"/>
      <c r="AB1674" s="53"/>
      <c r="AC1674" s="53"/>
      <c r="AD1674" s="53"/>
      <c r="AE1674" s="53"/>
      <c r="AF1674" s="53"/>
      <c r="AG1674" s="53"/>
      <c r="AH1674" s="53"/>
      <c r="AI1674" s="53"/>
      <c r="AJ1674" s="53"/>
      <c r="AK1674" s="53"/>
      <c r="AL1674" s="53"/>
      <c r="AM1674" s="53"/>
      <c r="AN1674" s="53"/>
      <c r="AO1674" s="53"/>
      <c r="AP1674" s="53"/>
      <c r="AQ1674" s="53"/>
      <c r="AR1674" s="53"/>
      <c r="AS1674" s="53"/>
      <c r="AT1674" s="53"/>
      <c r="AU1674" s="53"/>
      <c r="AV1674" s="53"/>
      <c r="AW1674" s="53"/>
      <c r="AX1674" s="53"/>
      <c r="AY1674" s="53"/>
      <c r="AZ1674" s="53"/>
      <c r="BA1674" s="53"/>
      <c r="BB1674" s="53"/>
      <c r="BC1674" s="53"/>
      <c r="BD1674" s="53"/>
      <c r="BE1674" s="53"/>
      <c r="BF1674" s="53"/>
      <c r="BG1674" s="53"/>
      <c r="BH1674" s="53"/>
      <c r="BI1674" s="53"/>
      <c r="BJ1674" s="53"/>
      <c r="BK1674" s="53"/>
      <c r="BL1674" s="53"/>
      <c r="BM1674" s="53"/>
      <c r="BN1674" s="53"/>
      <c r="BO1674" s="53"/>
      <c r="BP1674" s="53"/>
      <c r="BQ1674" s="53"/>
      <c r="BR1674" s="53"/>
      <c r="BS1674" s="53"/>
      <c r="BT1674" s="53"/>
      <c r="BU1674" s="53"/>
      <c r="BV1674" s="53"/>
      <c r="BW1674" s="53"/>
      <c r="BX1674" s="53"/>
      <c r="BY1674" s="53"/>
      <c r="BZ1674" s="53"/>
      <c r="CA1674" s="53"/>
      <c r="CB1674" s="53"/>
      <c r="CC1674" s="53"/>
      <c r="CD1674" s="53"/>
      <c r="CE1674" s="53"/>
      <c r="CF1674" s="53"/>
      <c r="CG1674" s="53"/>
      <c r="CH1674" s="53"/>
      <c r="CI1674" s="53"/>
      <c r="CJ1674" s="53"/>
      <c r="CK1674" s="53"/>
      <c r="CL1674" s="53"/>
      <c r="CM1674" s="53"/>
      <c r="CN1674" s="53"/>
    </row>
    <row r="1675" spans="1:92" outlineLevel="1">
      <c r="A1675" s="52" t="s">
        <v>649</v>
      </c>
      <c r="B1675" s="53"/>
      <c r="C1675" s="53"/>
      <c r="D1675" s="53"/>
      <c r="E1675" s="53"/>
      <c r="F1675" s="53"/>
      <c r="G1675" s="53"/>
      <c r="H1675" s="53"/>
      <c r="I1675" s="53"/>
      <c r="J1675" s="53"/>
      <c r="K1675" s="53"/>
      <c r="L1675" s="53"/>
      <c r="M1675" s="53">
        <v>6094000</v>
      </c>
      <c r="N1675" s="53">
        <v>6094000</v>
      </c>
      <c r="O1675" s="53"/>
      <c r="P1675" s="53"/>
      <c r="Q1675" s="53"/>
      <c r="R1675" s="53"/>
      <c r="S1675" s="53"/>
      <c r="T1675" s="53"/>
      <c r="U1675" s="53"/>
      <c r="V1675" s="53"/>
      <c r="W1675" s="53"/>
      <c r="X1675" s="53"/>
      <c r="Y1675" s="53"/>
      <c r="Z1675" s="53"/>
      <c r="AA1675" s="53"/>
      <c r="AB1675" s="53"/>
      <c r="AC1675" s="53"/>
      <c r="AD1675" s="53"/>
      <c r="AE1675" s="53"/>
      <c r="AF1675" s="53"/>
      <c r="AG1675" s="53"/>
      <c r="AH1675" s="53"/>
      <c r="AI1675" s="53"/>
      <c r="AJ1675" s="53"/>
      <c r="AK1675" s="53"/>
      <c r="AL1675" s="53"/>
      <c r="AM1675" s="53"/>
      <c r="AN1675" s="53"/>
      <c r="AO1675" s="53"/>
      <c r="AP1675" s="53"/>
      <c r="AQ1675" s="53"/>
      <c r="AR1675" s="53"/>
      <c r="AS1675" s="53"/>
      <c r="AT1675" s="53"/>
      <c r="AU1675" s="53"/>
      <c r="AV1675" s="53"/>
      <c r="AW1675" s="53"/>
      <c r="AX1675" s="53"/>
      <c r="AY1675" s="53"/>
      <c r="AZ1675" s="53"/>
      <c r="BA1675" s="53"/>
      <c r="BB1675" s="53"/>
      <c r="BC1675" s="53"/>
      <c r="BD1675" s="53"/>
      <c r="BE1675" s="53"/>
      <c r="BF1675" s="53"/>
      <c r="BG1675" s="53"/>
      <c r="BH1675" s="53"/>
      <c r="BI1675" s="53"/>
      <c r="BJ1675" s="53"/>
      <c r="BK1675" s="53"/>
      <c r="BL1675" s="53"/>
      <c r="BM1675" s="53"/>
      <c r="BN1675" s="53"/>
      <c r="BO1675" s="53"/>
      <c r="BP1675" s="53"/>
      <c r="BQ1675" s="53"/>
      <c r="BR1675" s="53"/>
      <c r="BS1675" s="53"/>
      <c r="BT1675" s="53"/>
      <c r="BU1675" s="53"/>
      <c r="BV1675" s="53"/>
      <c r="BW1675" s="53"/>
      <c r="BX1675" s="53"/>
      <c r="BY1675" s="53"/>
      <c r="BZ1675" s="53"/>
      <c r="CA1675" s="53"/>
      <c r="CB1675" s="53">
        <v>-26552.408488063698</v>
      </c>
      <c r="CC1675" s="53">
        <v>-26552.408488063698</v>
      </c>
      <c r="CD1675" s="53">
        <v>-26552.408488063698</v>
      </c>
      <c r="CE1675" s="53">
        <v>-26552.408488063698</v>
      </c>
      <c r="CF1675" s="53">
        <v>-26552.408488063698</v>
      </c>
      <c r="CG1675" s="53">
        <v>-26552.408488063698</v>
      </c>
      <c r="CH1675" s="53">
        <v>-26552.408488063698</v>
      </c>
      <c r="CI1675" s="53">
        <v>-26552.408488063698</v>
      </c>
      <c r="CJ1675" s="53">
        <v>-26552.408488063698</v>
      </c>
      <c r="CK1675" s="53">
        <v>-26552.408488063698</v>
      </c>
      <c r="CL1675" s="53">
        <v>-26552.408488063698</v>
      </c>
      <c r="CM1675" s="53">
        <v>-26552.408488063698</v>
      </c>
      <c r="CN1675" s="53">
        <v>-318628.90185676399</v>
      </c>
    </row>
    <row r="1676" spans="1:92" outlineLevel="1">
      <c r="A1676" s="52" t="s">
        <v>1413</v>
      </c>
      <c r="B1676" s="53"/>
      <c r="C1676" s="53"/>
      <c r="D1676" s="53"/>
      <c r="E1676" s="53"/>
      <c r="F1676" s="53"/>
      <c r="G1676" s="53"/>
      <c r="H1676" s="53"/>
      <c r="I1676" s="53"/>
      <c r="J1676" s="53"/>
      <c r="K1676" s="53"/>
      <c r="L1676" s="53"/>
      <c r="M1676" s="53"/>
      <c r="N1676" s="53"/>
      <c r="O1676" s="53"/>
      <c r="P1676" s="53"/>
      <c r="Q1676" s="53"/>
      <c r="R1676" s="53"/>
      <c r="S1676" s="53"/>
      <c r="T1676" s="53"/>
      <c r="U1676" s="53"/>
      <c r="V1676" s="53"/>
      <c r="W1676" s="53"/>
      <c r="X1676" s="53"/>
      <c r="Y1676" s="53"/>
      <c r="Z1676" s="53"/>
      <c r="AA1676" s="53"/>
      <c r="AB1676" s="53"/>
      <c r="AC1676" s="53"/>
      <c r="AD1676" s="53"/>
      <c r="AE1676" s="53"/>
      <c r="AF1676" s="53"/>
      <c r="AG1676" s="53"/>
      <c r="AH1676" s="53"/>
      <c r="AI1676" s="53"/>
      <c r="AJ1676" s="53"/>
      <c r="AK1676" s="53"/>
      <c r="AL1676" s="53"/>
      <c r="AM1676" s="53"/>
      <c r="AN1676" s="53"/>
      <c r="AO1676" s="53"/>
      <c r="AP1676" s="53"/>
      <c r="AQ1676" s="53"/>
      <c r="AR1676" s="53"/>
      <c r="AS1676" s="53"/>
      <c r="AT1676" s="53"/>
      <c r="AU1676" s="53"/>
      <c r="AV1676" s="53"/>
      <c r="AW1676" s="53"/>
      <c r="AX1676" s="53"/>
      <c r="AY1676" s="53"/>
      <c r="AZ1676" s="53"/>
      <c r="BA1676" s="53"/>
      <c r="BB1676" s="53"/>
      <c r="BC1676" s="53"/>
      <c r="BD1676" s="53"/>
      <c r="BE1676" s="53"/>
      <c r="BF1676" s="53"/>
      <c r="BG1676" s="53"/>
      <c r="BH1676" s="53"/>
      <c r="BI1676" s="53"/>
      <c r="BJ1676" s="53"/>
      <c r="BK1676" s="53"/>
      <c r="BL1676" s="53"/>
      <c r="BM1676" s="53"/>
      <c r="BN1676" s="53"/>
      <c r="BO1676" s="53"/>
      <c r="BP1676" s="53"/>
      <c r="BQ1676" s="53"/>
      <c r="BR1676" s="53"/>
      <c r="BS1676" s="53"/>
      <c r="BT1676" s="53"/>
      <c r="BU1676" s="53"/>
      <c r="BV1676" s="53"/>
      <c r="BW1676" s="53"/>
      <c r="BX1676" s="53"/>
      <c r="BY1676" s="53"/>
      <c r="BZ1676" s="53"/>
      <c r="CA1676" s="53"/>
      <c r="CB1676" s="53"/>
      <c r="CC1676" s="53"/>
      <c r="CD1676" s="53"/>
      <c r="CE1676" s="53"/>
      <c r="CF1676" s="53"/>
      <c r="CG1676" s="53"/>
      <c r="CH1676" s="53"/>
      <c r="CI1676" s="53"/>
      <c r="CJ1676" s="53"/>
      <c r="CK1676" s="53"/>
      <c r="CL1676" s="53"/>
      <c r="CM1676" s="53"/>
      <c r="CN1676" s="53"/>
    </row>
    <row r="1677" spans="1:92" outlineLevel="1">
      <c r="A1677" s="52" t="s">
        <v>649</v>
      </c>
      <c r="B1677" s="53"/>
      <c r="C1677" s="53"/>
      <c r="D1677" s="53"/>
      <c r="E1677" s="53"/>
      <c r="F1677" s="53"/>
      <c r="G1677" s="53"/>
      <c r="H1677" s="53"/>
      <c r="I1677" s="53"/>
      <c r="J1677" s="53"/>
      <c r="K1677" s="53"/>
      <c r="L1677" s="53"/>
      <c r="M1677" s="53"/>
      <c r="N1677" s="53"/>
      <c r="O1677" s="53"/>
      <c r="P1677" s="53"/>
      <c r="Q1677" s="53"/>
      <c r="R1677" s="53"/>
      <c r="S1677" s="53"/>
      <c r="T1677" s="53"/>
      <c r="U1677" s="53"/>
      <c r="V1677" s="53"/>
      <c r="W1677" s="53"/>
      <c r="X1677" s="53"/>
      <c r="Y1677" s="53"/>
      <c r="Z1677" s="53"/>
      <c r="AA1677" s="53"/>
      <c r="AB1677" s="53"/>
      <c r="AC1677" s="53"/>
      <c r="AD1677" s="53"/>
      <c r="AE1677" s="53"/>
      <c r="AF1677" s="53"/>
      <c r="AG1677" s="53"/>
      <c r="AH1677" s="53"/>
      <c r="AI1677" s="53"/>
      <c r="AJ1677" s="53"/>
      <c r="AK1677" s="53"/>
      <c r="AL1677" s="53"/>
      <c r="AM1677" s="53"/>
      <c r="AN1677" s="53"/>
      <c r="AO1677" s="53">
        <v>-401760</v>
      </c>
      <c r="AP1677" s="53">
        <v>-401760</v>
      </c>
      <c r="AQ1677" s="53">
        <v>-401760</v>
      </c>
      <c r="AR1677" s="53">
        <v>-401760</v>
      </c>
      <c r="AS1677" s="53">
        <v>-401760</v>
      </c>
      <c r="AT1677" s="53">
        <v>-401760</v>
      </c>
      <c r="AU1677" s="53">
        <v>-401760</v>
      </c>
      <c r="AV1677" s="53">
        <v>-401760</v>
      </c>
      <c r="AW1677" s="53">
        <v>-401760</v>
      </c>
      <c r="AX1677" s="53">
        <v>-401760</v>
      </c>
      <c r="AY1677" s="53">
        <v>-401760</v>
      </c>
      <c r="AZ1677" s="53">
        <v>-401760</v>
      </c>
      <c r="BA1677" s="53">
        <v>-4821120</v>
      </c>
      <c r="BB1677" s="53">
        <v>-401760</v>
      </c>
      <c r="BC1677" s="53">
        <v>-401760</v>
      </c>
      <c r="BD1677" s="53">
        <v>-401760</v>
      </c>
      <c r="BE1677" s="53">
        <v>-401760</v>
      </c>
      <c r="BF1677" s="53">
        <v>-401760</v>
      </c>
      <c r="BG1677" s="53">
        <v>-401760</v>
      </c>
      <c r="BH1677" s="53">
        <v>-401760</v>
      </c>
      <c r="BI1677" s="53">
        <v>-401760</v>
      </c>
      <c r="BJ1677" s="53">
        <v>-401760</v>
      </c>
      <c r="BK1677" s="53">
        <v>-401760</v>
      </c>
      <c r="BL1677" s="53">
        <v>-401760</v>
      </c>
      <c r="BM1677" s="53">
        <v>-401760</v>
      </c>
      <c r="BN1677" s="53">
        <v>-4821120</v>
      </c>
      <c r="BO1677" s="53">
        <v>-401760</v>
      </c>
      <c r="BP1677" s="53">
        <v>-401760</v>
      </c>
      <c r="BQ1677" s="53">
        <v>-401760</v>
      </c>
      <c r="BR1677" s="53">
        <v>-401760</v>
      </c>
      <c r="BS1677" s="53">
        <v>-401760</v>
      </c>
      <c r="BT1677" s="53">
        <v>-401760</v>
      </c>
      <c r="BU1677" s="53">
        <v>-401760</v>
      </c>
      <c r="BV1677" s="53">
        <v>-401760</v>
      </c>
      <c r="BW1677" s="53">
        <v>-401760</v>
      </c>
      <c r="BX1677" s="53">
        <v>-401760</v>
      </c>
      <c r="BY1677" s="53">
        <v>-401760</v>
      </c>
      <c r="BZ1677" s="53">
        <v>-401760</v>
      </c>
      <c r="CA1677" s="53">
        <v>-4821120</v>
      </c>
      <c r="CB1677" s="53"/>
      <c r="CC1677" s="53"/>
      <c r="CD1677" s="53"/>
      <c r="CE1677" s="53"/>
      <c r="CF1677" s="53"/>
      <c r="CG1677" s="53"/>
      <c r="CH1677" s="53"/>
      <c r="CI1677" s="53"/>
      <c r="CJ1677" s="53"/>
      <c r="CK1677" s="53"/>
      <c r="CL1677" s="53"/>
      <c r="CM1677" s="53"/>
      <c r="CN1677" s="53"/>
    </row>
    <row r="1678" spans="1:92" outlineLevel="1">
      <c r="A1678" s="52" t="s">
        <v>1414</v>
      </c>
      <c r="B1678" s="53"/>
      <c r="C1678" s="53"/>
      <c r="D1678" s="53"/>
      <c r="E1678" s="53"/>
      <c r="F1678" s="53"/>
      <c r="G1678" s="53"/>
      <c r="H1678" s="53"/>
      <c r="I1678" s="53"/>
      <c r="J1678" s="53"/>
      <c r="K1678" s="53"/>
      <c r="L1678" s="53"/>
      <c r="M1678" s="53"/>
      <c r="N1678" s="53"/>
      <c r="O1678" s="53"/>
      <c r="P1678" s="53"/>
      <c r="Q1678" s="53"/>
      <c r="R1678" s="53"/>
      <c r="S1678" s="53"/>
      <c r="T1678" s="53"/>
      <c r="U1678" s="53"/>
      <c r="V1678" s="53"/>
      <c r="W1678" s="53"/>
      <c r="X1678" s="53"/>
      <c r="Y1678" s="53"/>
      <c r="Z1678" s="53"/>
      <c r="AA1678" s="53"/>
      <c r="AB1678" s="53"/>
      <c r="AC1678" s="53"/>
      <c r="AD1678" s="53"/>
      <c r="AE1678" s="53"/>
      <c r="AF1678" s="53"/>
      <c r="AG1678" s="53"/>
      <c r="AH1678" s="53"/>
      <c r="AI1678" s="53"/>
      <c r="AJ1678" s="53"/>
      <c r="AK1678" s="53"/>
      <c r="AL1678" s="53"/>
      <c r="AM1678" s="53"/>
      <c r="AN1678" s="53"/>
      <c r="AO1678" s="53"/>
      <c r="AP1678" s="53"/>
      <c r="AQ1678" s="53"/>
      <c r="AR1678" s="53"/>
      <c r="AS1678" s="53"/>
      <c r="AT1678" s="53"/>
      <c r="AU1678" s="53"/>
      <c r="AV1678" s="53"/>
      <c r="AW1678" s="53"/>
      <c r="AX1678" s="53"/>
      <c r="AY1678" s="53"/>
      <c r="AZ1678" s="53"/>
      <c r="BA1678" s="53"/>
      <c r="BB1678" s="53"/>
      <c r="BC1678" s="53"/>
      <c r="BD1678" s="53"/>
      <c r="BE1678" s="53"/>
      <c r="BF1678" s="53"/>
      <c r="BG1678" s="53"/>
      <c r="BH1678" s="53"/>
      <c r="BI1678" s="53"/>
      <c r="BJ1678" s="53"/>
      <c r="BK1678" s="53"/>
      <c r="BL1678" s="53"/>
      <c r="BM1678" s="53"/>
      <c r="BN1678" s="53"/>
      <c r="BO1678" s="53"/>
      <c r="BP1678" s="53"/>
      <c r="BQ1678" s="53"/>
      <c r="BR1678" s="53"/>
      <c r="BS1678" s="53"/>
      <c r="BT1678" s="53"/>
      <c r="BU1678" s="53"/>
      <c r="BV1678" s="53"/>
      <c r="BW1678" s="53"/>
      <c r="BX1678" s="53"/>
      <c r="BY1678" s="53"/>
      <c r="BZ1678" s="53"/>
      <c r="CA1678" s="53"/>
      <c r="CB1678" s="53">
        <v>24171.149367088601</v>
      </c>
      <c r="CC1678" s="53">
        <v>24171.149367088601</v>
      </c>
      <c r="CD1678" s="53">
        <v>24171.149367088601</v>
      </c>
      <c r="CE1678" s="53">
        <v>24171.149367088601</v>
      </c>
      <c r="CF1678" s="53">
        <v>24171.149367088601</v>
      </c>
      <c r="CG1678" s="53">
        <v>24171.149367088601</v>
      </c>
      <c r="CH1678" s="53">
        <v>24171.149367088601</v>
      </c>
      <c r="CI1678" s="53">
        <v>24171.149367088601</v>
      </c>
      <c r="CJ1678" s="53">
        <v>24171.149367088601</v>
      </c>
      <c r="CK1678" s="53">
        <v>24171.149367088601</v>
      </c>
      <c r="CL1678" s="53">
        <v>24171.149367088601</v>
      </c>
      <c r="CM1678" s="53">
        <v>24171.149367088601</v>
      </c>
      <c r="CN1678" s="53">
        <v>290053.79240506398</v>
      </c>
    </row>
    <row r="1679" spans="1:92" outlineLevel="1">
      <c r="A1679" s="52" t="s">
        <v>1415</v>
      </c>
      <c r="B1679" s="53"/>
      <c r="C1679" s="53"/>
      <c r="D1679" s="53"/>
      <c r="E1679" s="53"/>
      <c r="F1679" s="53"/>
      <c r="G1679" s="53"/>
      <c r="H1679" s="53"/>
      <c r="I1679" s="53"/>
      <c r="J1679" s="53"/>
      <c r="K1679" s="53"/>
      <c r="L1679" s="53"/>
      <c r="M1679" s="53"/>
      <c r="N1679" s="53"/>
      <c r="O1679" s="53"/>
      <c r="P1679" s="53"/>
      <c r="Q1679" s="53"/>
      <c r="R1679" s="53"/>
      <c r="S1679" s="53"/>
      <c r="T1679" s="53"/>
      <c r="U1679" s="53"/>
      <c r="V1679" s="53"/>
      <c r="W1679" s="53"/>
      <c r="X1679" s="53"/>
      <c r="Y1679" s="53"/>
      <c r="Z1679" s="53"/>
      <c r="AA1679" s="53"/>
      <c r="AB1679" s="53"/>
      <c r="AC1679" s="53"/>
      <c r="AD1679" s="53"/>
      <c r="AE1679" s="53"/>
      <c r="AF1679" s="53"/>
      <c r="AG1679" s="53"/>
      <c r="AH1679" s="53"/>
      <c r="AI1679" s="53"/>
      <c r="AJ1679" s="53"/>
      <c r="AK1679" s="53"/>
      <c r="AL1679" s="53"/>
      <c r="AM1679" s="53"/>
      <c r="AN1679" s="53"/>
      <c r="AO1679" s="53"/>
      <c r="AP1679" s="53"/>
      <c r="AQ1679" s="53"/>
      <c r="AR1679" s="53"/>
      <c r="AS1679" s="53"/>
      <c r="AT1679" s="53"/>
      <c r="AU1679" s="53"/>
      <c r="AV1679" s="53"/>
      <c r="AW1679" s="53"/>
      <c r="AX1679" s="53"/>
      <c r="AY1679" s="53"/>
      <c r="AZ1679" s="53"/>
      <c r="BA1679" s="53"/>
      <c r="BB1679" s="53"/>
      <c r="BC1679" s="53"/>
      <c r="BD1679" s="53"/>
      <c r="BE1679" s="53"/>
      <c r="BF1679" s="53"/>
      <c r="BG1679" s="53"/>
      <c r="BH1679" s="53"/>
      <c r="BI1679" s="53"/>
      <c r="BJ1679" s="53"/>
      <c r="BK1679" s="53"/>
      <c r="BL1679" s="53"/>
      <c r="BM1679" s="53"/>
      <c r="BN1679" s="53"/>
      <c r="BO1679" s="53"/>
      <c r="BP1679" s="53"/>
      <c r="BQ1679" s="53"/>
      <c r="BR1679" s="53"/>
      <c r="BS1679" s="53"/>
      <c r="BT1679" s="53"/>
      <c r="BU1679" s="53"/>
      <c r="BV1679" s="53"/>
      <c r="BW1679" s="53"/>
      <c r="BX1679" s="53"/>
      <c r="BY1679" s="53"/>
      <c r="BZ1679" s="53"/>
      <c r="CA1679" s="53"/>
      <c r="CB1679" s="53"/>
      <c r="CC1679" s="53"/>
      <c r="CD1679" s="53"/>
      <c r="CE1679" s="53"/>
      <c r="CF1679" s="53"/>
      <c r="CG1679" s="53"/>
      <c r="CH1679" s="53"/>
      <c r="CI1679" s="53"/>
      <c r="CJ1679" s="53"/>
      <c r="CK1679" s="53"/>
      <c r="CL1679" s="53"/>
      <c r="CM1679" s="53"/>
      <c r="CN1679" s="53"/>
    </row>
    <row r="1680" spans="1:92" outlineLevel="1">
      <c r="A1680" s="52" t="s">
        <v>649</v>
      </c>
      <c r="B1680" s="53"/>
      <c r="C1680" s="53"/>
      <c r="D1680" s="53"/>
      <c r="E1680" s="53"/>
      <c r="F1680" s="53"/>
      <c r="G1680" s="53"/>
      <c r="H1680" s="53"/>
      <c r="I1680" s="53"/>
      <c r="J1680" s="53"/>
      <c r="K1680" s="53"/>
      <c r="L1680" s="53"/>
      <c r="M1680" s="53"/>
      <c r="N1680" s="53"/>
      <c r="O1680" s="53">
        <v>-427971</v>
      </c>
      <c r="P1680" s="53">
        <v>-424613</v>
      </c>
      <c r="Q1680" s="53">
        <v>-420319</v>
      </c>
      <c r="R1680" s="53">
        <v>-412927</v>
      </c>
      <c r="S1680" s="53">
        <v>-407966</v>
      </c>
      <c r="T1680" s="53">
        <v>-402305</v>
      </c>
      <c r="U1680" s="53">
        <v>-399106</v>
      </c>
      <c r="V1680" s="53">
        <v>-397308</v>
      </c>
      <c r="W1680" s="53">
        <v>-390948</v>
      </c>
      <c r="X1680" s="53">
        <v>-383159</v>
      </c>
      <c r="Y1680" s="53">
        <v>-379104</v>
      </c>
      <c r="Z1680" s="53">
        <v>-378318</v>
      </c>
      <c r="AA1680" s="53">
        <v>-4824044</v>
      </c>
      <c r="AB1680" s="53">
        <v>-379506</v>
      </c>
      <c r="AC1680" s="53">
        <v>-381157</v>
      </c>
      <c r="AD1680" s="53">
        <v>-379922</v>
      </c>
      <c r="AE1680" s="53">
        <v>-377240</v>
      </c>
      <c r="AF1680" s="53">
        <v>-370286</v>
      </c>
      <c r="AG1680" s="53">
        <v>-365657</v>
      </c>
      <c r="AH1680" s="53">
        <v>-362202</v>
      </c>
      <c r="AI1680" s="53">
        <v>-359678</v>
      </c>
      <c r="AJ1680" s="53">
        <v>-361931</v>
      </c>
      <c r="AK1680" s="53">
        <v>-358382</v>
      </c>
      <c r="AL1680" s="53">
        <v>-352314</v>
      </c>
      <c r="AM1680" s="53">
        <v>-350171</v>
      </c>
      <c r="AN1680" s="53">
        <v>-4398446</v>
      </c>
      <c r="AO1680" s="53">
        <v>-364594</v>
      </c>
      <c r="AP1680" s="53">
        <v>-364594</v>
      </c>
      <c r="AQ1680" s="53">
        <v>-364594</v>
      </c>
      <c r="AR1680" s="53">
        <v>-364594</v>
      </c>
      <c r="AS1680" s="53">
        <v>-364594</v>
      </c>
      <c r="AT1680" s="53">
        <v>-364594</v>
      </c>
      <c r="AU1680" s="53">
        <v>-364594</v>
      </c>
      <c r="AV1680" s="53">
        <v>-364594</v>
      </c>
      <c r="AW1680" s="53">
        <v>-364594</v>
      </c>
      <c r="AX1680" s="53">
        <v>-364594</v>
      </c>
      <c r="AY1680" s="53">
        <v>-364594</v>
      </c>
      <c r="AZ1680" s="53">
        <v>-364594</v>
      </c>
      <c r="BA1680" s="53">
        <v>-4375128</v>
      </c>
      <c r="BB1680" s="53">
        <v>-403891</v>
      </c>
      <c r="BC1680" s="53">
        <v>-403891</v>
      </c>
      <c r="BD1680" s="53">
        <v>-403891</v>
      </c>
      <c r="BE1680" s="53">
        <v>-403891</v>
      </c>
      <c r="BF1680" s="53">
        <v>-403891</v>
      </c>
      <c r="BG1680" s="53">
        <v>-403891</v>
      </c>
      <c r="BH1680" s="53">
        <v>-403891</v>
      </c>
      <c r="BI1680" s="53">
        <v>-403891</v>
      </c>
      <c r="BJ1680" s="53">
        <v>-403891</v>
      </c>
      <c r="BK1680" s="53">
        <v>-403891</v>
      </c>
      <c r="BL1680" s="53">
        <v>-403891</v>
      </c>
      <c r="BM1680" s="53">
        <v>-403891</v>
      </c>
      <c r="BN1680" s="53">
        <v>-4846692</v>
      </c>
      <c r="BO1680" s="53">
        <v>-442410</v>
      </c>
      <c r="BP1680" s="53">
        <v>-442410</v>
      </c>
      <c r="BQ1680" s="53">
        <v>-442410</v>
      </c>
      <c r="BR1680" s="53">
        <v>-442410</v>
      </c>
      <c r="BS1680" s="53">
        <v>-442410</v>
      </c>
      <c r="BT1680" s="53">
        <v>-442410</v>
      </c>
      <c r="BU1680" s="53">
        <v>-442410</v>
      </c>
      <c r="BV1680" s="53">
        <v>-442410</v>
      </c>
      <c r="BW1680" s="53">
        <v>-442410</v>
      </c>
      <c r="BX1680" s="53">
        <v>-442410</v>
      </c>
      <c r="BY1680" s="53">
        <v>-442410</v>
      </c>
      <c r="BZ1680" s="53">
        <v>-442410</v>
      </c>
      <c r="CA1680" s="53">
        <v>-5308919.9999999898</v>
      </c>
      <c r="CB1680" s="53">
        <v>16813.8726114649</v>
      </c>
      <c r="CC1680" s="53">
        <v>16813.8726114649</v>
      </c>
      <c r="CD1680" s="53">
        <v>16813.8726114649</v>
      </c>
      <c r="CE1680" s="53">
        <v>16813.8726114649</v>
      </c>
      <c r="CF1680" s="53">
        <v>16813.8726114649</v>
      </c>
      <c r="CG1680" s="53">
        <v>16813.8726114649</v>
      </c>
      <c r="CH1680" s="53">
        <v>16813.8726114649</v>
      </c>
      <c r="CI1680" s="53">
        <v>16813.8726114649</v>
      </c>
      <c r="CJ1680" s="53">
        <v>16813.8726114649</v>
      </c>
      <c r="CK1680" s="53">
        <v>16813.8726114649</v>
      </c>
      <c r="CL1680" s="53">
        <v>16813.8726114649</v>
      </c>
      <c r="CM1680" s="53">
        <v>16813.8726114649</v>
      </c>
      <c r="CN1680" s="53">
        <v>201766.47133757899</v>
      </c>
    </row>
    <row r="1681" spans="1:92" outlineLevel="1">
      <c r="A1681" s="52" t="s">
        <v>1416</v>
      </c>
      <c r="B1681" s="53"/>
      <c r="C1681" s="53"/>
      <c r="D1681" s="53"/>
      <c r="E1681" s="53"/>
      <c r="F1681" s="53"/>
      <c r="G1681" s="53"/>
      <c r="H1681" s="53"/>
      <c r="I1681" s="53"/>
      <c r="J1681" s="53"/>
      <c r="K1681" s="53"/>
      <c r="L1681" s="53"/>
      <c r="M1681" s="53"/>
      <c r="N1681" s="53"/>
      <c r="O1681" s="53"/>
      <c r="P1681" s="53"/>
      <c r="Q1681" s="53"/>
      <c r="R1681" s="53"/>
      <c r="S1681" s="53"/>
      <c r="T1681" s="53"/>
      <c r="U1681" s="53"/>
      <c r="V1681" s="53"/>
      <c r="W1681" s="53"/>
      <c r="X1681" s="53"/>
      <c r="Y1681" s="53"/>
      <c r="Z1681" s="53"/>
      <c r="AA1681" s="53"/>
      <c r="AB1681" s="53"/>
      <c r="AC1681" s="53"/>
      <c r="AD1681" s="53"/>
      <c r="AE1681" s="53"/>
      <c r="AF1681" s="53"/>
      <c r="AG1681" s="53"/>
      <c r="AH1681" s="53"/>
      <c r="AI1681" s="53"/>
      <c r="AJ1681" s="53"/>
      <c r="AK1681" s="53"/>
      <c r="AL1681" s="53"/>
      <c r="AM1681" s="53"/>
      <c r="AN1681" s="53"/>
      <c r="AO1681" s="53"/>
      <c r="AP1681" s="53"/>
      <c r="AQ1681" s="53"/>
      <c r="AR1681" s="53"/>
      <c r="AS1681" s="53"/>
      <c r="AT1681" s="53"/>
      <c r="AU1681" s="53"/>
      <c r="AV1681" s="53"/>
      <c r="AW1681" s="53"/>
      <c r="AX1681" s="53"/>
      <c r="AY1681" s="53"/>
      <c r="AZ1681" s="53"/>
      <c r="BA1681" s="53"/>
      <c r="BB1681" s="53"/>
      <c r="BC1681" s="53"/>
      <c r="BD1681" s="53"/>
      <c r="BE1681" s="53"/>
      <c r="BF1681" s="53"/>
      <c r="BG1681" s="53"/>
      <c r="BH1681" s="53"/>
      <c r="BI1681" s="53"/>
      <c r="BJ1681" s="53"/>
      <c r="BK1681" s="53"/>
      <c r="BL1681" s="53"/>
      <c r="BM1681" s="53"/>
      <c r="BN1681" s="53"/>
      <c r="BO1681" s="53"/>
      <c r="BP1681" s="53"/>
      <c r="BQ1681" s="53"/>
      <c r="BR1681" s="53"/>
      <c r="BS1681" s="53"/>
      <c r="BT1681" s="53"/>
      <c r="BU1681" s="53"/>
      <c r="BV1681" s="53"/>
      <c r="BW1681" s="53"/>
      <c r="BX1681" s="53"/>
      <c r="BY1681" s="53"/>
      <c r="BZ1681" s="53"/>
      <c r="CA1681" s="53"/>
      <c r="CB1681" s="53">
        <v>-308004.32631578902</v>
      </c>
      <c r="CC1681" s="53">
        <v>-308004.32631578902</v>
      </c>
      <c r="CD1681" s="53">
        <v>-308004.32631578902</v>
      </c>
      <c r="CE1681" s="53">
        <v>-308004.32631578902</v>
      </c>
      <c r="CF1681" s="53">
        <v>-308004.32631578902</v>
      </c>
      <c r="CG1681" s="53">
        <v>-308004.32631578902</v>
      </c>
      <c r="CH1681" s="53">
        <v>-308004.32631578902</v>
      </c>
      <c r="CI1681" s="53">
        <v>-308004.32631578902</v>
      </c>
      <c r="CJ1681" s="53">
        <v>-308004.32631578902</v>
      </c>
      <c r="CK1681" s="53">
        <v>-308004.32631578902</v>
      </c>
      <c r="CL1681" s="53">
        <v>-308004.32631578902</v>
      </c>
      <c r="CM1681" s="53">
        <v>-308004.32631578902</v>
      </c>
      <c r="CN1681" s="53">
        <v>-3696051.9157894701</v>
      </c>
    </row>
    <row r="1682" spans="1:92" outlineLevel="1">
      <c r="A1682" s="52" t="s">
        <v>649</v>
      </c>
      <c r="B1682" s="53"/>
      <c r="C1682" s="53"/>
      <c r="D1682" s="53"/>
      <c r="E1682" s="53"/>
      <c r="F1682" s="53"/>
      <c r="G1682" s="53"/>
      <c r="H1682" s="53"/>
      <c r="I1682" s="53"/>
      <c r="J1682" s="53"/>
      <c r="K1682" s="53"/>
      <c r="L1682" s="53"/>
      <c r="M1682" s="53"/>
      <c r="N1682" s="53"/>
      <c r="O1682" s="53"/>
      <c r="P1682" s="53"/>
      <c r="Q1682" s="53"/>
      <c r="R1682" s="53">
        <v>-37711166</v>
      </c>
      <c r="S1682" s="53">
        <v>-37711166</v>
      </c>
      <c r="T1682" s="53">
        <v>-37711166</v>
      </c>
      <c r="U1682" s="53">
        <v>-37711166</v>
      </c>
      <c r="V1682" s="53">
        <v>-37711166</v>
      </c>
      <c r="W1682" s="53">
        <v>-37711166</v>
      </c>
      <c r="X1682" s="53">
        <v>-37711166</v>
      </c>
      <c r="Y1682" s="53">
        <v>-37711166</v>
      </c>
      <c r="Z1682" s="53">
        <v>-37711166</v>
      </c>
      <c r="AA1682" s="53">
        <v>-339400493.99999899</v>
      </c>
      <c r="AB1682" s="53">
        <v>-37711166</v>
      </c>
      <c r="AC1682" s="53">
        <v>-37711166</v>
      </c>
      <c r="AD1682" s="53">
        <v>-37711166</v>
      </c>
      <c r="AE1682" s="53"/>
      <c r="AF1682" s="53"/>
      <c r="AG1682" s="53"/>
      <c r="AH1682" s="53"/>
      <c r="AI1682" s="53"/>
      <c r="AJ1682" s="53"/>
      <c r="AK1682" s="53"/>
      <c r="AL1682" s="53"/>
      <c r="AM1682" s="53"/>
      <c r="AN1682" s="53">
        <v>-113133497.999999</v>
      </c>
      <c r="AO1682" s="53"/>
      <c r="AP1682" s="53"/>
      <c r="AQ1682" s="53"/>
      <c r="AR1682" s="53"/>
      <c r="AS1682" s="53"/>
      <c r="AT1682" s="53"/>
      <c r="AU1682" s="53"/>
      <c r="AV1682" s="53"/>
      <c r="AW1682" s="53"/>
      <c r="AX1682" s="53"/>
      <c r="AY1682" s="53"/>
      <c r="AZ1682" s="53"/>
      <c r="BA1682" s="53"/>
      <c r="BB1682" s="53"/>
      <c r="BC1682" s="53"/>
      <c r="BD1682" s="53"/>
      <c r="BE1682" s="53"/>
      <c r="BF1682" s="53"/>
      <c r="BG1682" s="53"/>
      <c r="BH1682" s="53"/>
      <c r="BI1682" s="53"/>
      <c r="BJ1682" s="53"/>
      <c r="BK1682" s="53"/>
      <c r="BL1682" s="53"/>
      <c r="BM1682" s="53"/>
      <c r="BN1682" s="53"/>
      <c r="BO1682" s="53"/>
      <c r="BP1682" s="53"/>
      <c r="BQ1682" s="53"/>
      <c r="BR1682" s="53"/>
      <c r="BS1682" s="53"/>
      <c r="BT1682" s="53"/>
      <c r="BU1682" s="53"/>
      <c r="BV1682" s="53"/>
      <c r="BW1682" s="53"/>
      <c r="BX1682" s="53"/>
      <c r="BY1682" s="53"/>
      <c r="BZ1682" s="53"/>
      <c r="CA1682" s="53"/>
      <c r="CB1682" s="53">
        <v>-199670.97536945701</v>
      </c>
      <c r="CC1682" s="53">
        <v>-199670.97536945701</v>
      </c>
      <c r="CD1682" s="53">
        <v>-199670.97536945701</v>
      </c>
      <c r="CE1682" s="53">
        <v>-199670.97536945701</v>
      </c>
      <c r="CF1682" s="53">
        <v>-199670.97536945701</v>
      </c>
      <c r="CG1682" s="53">
        <v>-199670.97536945701</v>
      </c>
      <c r="CH1682" s="53">
        <v>-199670.97536945701</v>
      </c>
      <c r="CI1682" s="53">
        <v>-199670.97536945701</v>
      </c>
      <c r="CJ1682" s="53">
        <v>-199670.97536945701</v>
      </c>
      <c r="CK1682" s="53">
        <v>-199670.97536945701</v>
      </c>
      <c r="CL1682" s="53">
        <v>-199670.97536945701</v>
      </c>
      <c r="CM1682" s="53">
        <v>-199670.97536945701</v>
      </c>
      <c r="CN1682" s="53">
        <v>-2396051.7044334901</v>
      </c>
    </row>
    <row r="1683" spans="1:92" outlineLevel="1">
      <c r="A1683" s="52" t="s">
        <v>1417</v>
      </c>
      <c r="B1683" s="53"/>
      <c r="C1683" s="53"/>
      <c r="D1683" s="53"/>
      <c r="E1683" s="53"/>
      <c r="F1683" s="53"/>
      <c r="G1683" s="53"/>
      <c r="H1683" s="53"/>
      <c r="I1683" s="53"/>
      <c r="J1683" s="53"/>
      <c r="K1683" s="53"/>
      <c r="L1683" s="53"/>
      <c r="M1683" s="53"/>
      <c r="N1683" s="53"/>
      <c r="O1683" s="53"/>
      <c r="P1683" s="53"/>
      <c r="Q1683" s="53"/>
      <c r="R1683" s="53"/>
      <c r="S1683" s="53"/>
      <c r="T1683" s="53"/>
      <c r="U1683" s="53"/>
      <c r="V1683" s="53"/>
      <c r="W1683" s="53"/>
      <c r="X1683" s="53"/>
      <c r="Y1683" s="53"/>
      <c r="Z1683" s="53"/>
      <c r="AA1683" s="53"/>
      <c r="AB1683" s="53"/>
      <c r="AC1683" s="53"/>
      <c r="AD1683" s="53"/>
      <c r="AE1683" s="53"/>
      <c r="AF1683" s="53"/>
      <c r="AG1683" s="53"/>
      <c r="AH1683" s="53"/>
      <c r="AI1683" s="53"/>
      <c r="AJ1683" s="53"/>
      <c r="AK1683" s="53"/>
      <c r="AL1683" s="53"/>
      <c r="AM1683" s="53"/>
      <c r="AN1683" s="53"/>
      <c r="AO1683" s="53"/>
      <c r="AP1683" s="53"/>
      <c r="AQ1683" s="53"/>
      <c r="AR1683" s="53"/>
      <c r="AS1683" s="53"/>
      <c r="AT1683" s="53"/>
      <c r="AU1683" s="53"/>
      <c r="AV1683" s="53"/>
      <c r="AW1683" s="53"/>
      <c r="AX1683" s="53"/>
      <c r="AY1683" s="53"/>
      <c r="AZ1683" s="53"/>
      <c r="BA1683" s="53"/>
      <c r="BB1683" s="53"/>
      <c r="BC1683" s="53"/>
      <c r="BD1683" s="53"/>
      <c r="BE1683" s="53"/>
      <c r="BF1683" s="53"/>
      <c r="BG1683" s="53"/>
      <c r="BH1683" s="53"/>
      <c r="BI1683" s="53"/>
      <c r="BJ1683" s="53"/>
      <c r="BK1683" s="53"/>
      <c r="BL1683" s="53"/>
      <c r="BM1683" s="53"/>
      <c r="BN1683" s="53"/>
      <c r="BO1683" s="53"/>
      <c r="BP1683" s="53"/>
      <c r="BQ1683" s="53"/>
      <c r="BR1683" s="53"/>
      <c r="BS1683" s="53"/>
      <c r="BT1683" s="53"/>
      <c r="BU1683" s="53"/>
      <c r="BV1683" s="53"/>
      <c r="BW1683" s="53"/>
      <c r="BX1683" s="53"/>
      <c r="BY1683" s="53"/>
      <c r="BZ1683" s="53"/>
      <c r="CA1683" s="53"/>
      <c r="CB1683" s="53">
        <v>-115069.472803347</v>
      </c>
      <c r="CC1683" s="53">
        <v>-115069.472803347</v>
      </c>
      <c r="CD1683" s="53">
        <v>-115069.472803347</v>
      </c>
      <c r="CE1683" s="53">
        <v>-115069.472803347</v>
      </c>
      <c r="CF1683" s="53">
        <v>-115069.472803347</v>
      </c>
      <c r="CG1683" s="53">
        <v>-115069.472803347</v>
      </c>
      <c r="CH1683" s="53">
        <v>-115069.472803347</v>
      </c>
      <c r="CI1683" s="53">
        <v>-115069.472803347</v>
      </c>
      <c r="CJ1683" s="53">
        <v>-115069.472803347</v>
      </c>
      <c r="CK1683" s="53">
        <v>-115069.472803347</v>
      </c>
      <c r="CL1683" s="53">
        <v>-115069.472803347</v>
      </c>
      <c r="CM1683" s="53">
        <v>-115069.472803347</v>
      </c>
      <c r="CN1683" s="53">
        <v>-1380833.6736401699</v>
      </c>
    </row>
    <row r="1684" spans="1:92" outlineLevel="1">
      <c r="A1684" s="52" t="s">
        <v>649</v>
      </c>
      <c r="B1684" s="53"/>
      <c r="C1684" s="53"/>
      <c r="D1684" s="53"/>
      <c r="E1684" s="53"/>
      <c r="F1684" s="53"/>
      <c r="G1684" s="53"/>
      <c r="H1684" s="53"/>
      <c r="I1684" s="53"/>
      <c r="J1684" s="53"/>
      <c r="K1684" s="53"/>
      <c r="L1684" s="53"/>
      <c r="M1684" s="53"/>
      <c r="N1684" s="53"/>
      <c r="O1684" s="53">
        <v>-700000</v>
      </c>
      <c r="P1684" s="53">
        <v>-700000</v>
      </c>
      <c r="Q1684" s="53">
        <v>-700000</v>
      </c>
      <c r="R1684" s="53">
        <v>-700000</v>
      </c>
      <c r="S1684" s="53">
        <v>-700000</v>
      </c>
      <c r="T1684" s="53">
        <v>-700000</v>
      </c>
      <c r="U1684" s="53"/>
      <c r="V1684" s="53"/>
      <c r="W1684" s="53"/>
      <c r="X1684" s="53"/>
      <c r="Y1684" s="53"/>
      <c r="Z1684" s="53"/>
      <c r="AA1684" s="53">
        <v>-4200000</v>
      </c>
      <c r="AB1684" s="53"/>
      <c r="AC1684" s="53"/>
      <c r="AD1684" s="53"/>
      <c r="AE1684" s="53"/>
      <c r="AF1684" s="53"/>
      <c r="AG1684" s="53"/>
      <c r="AH1684" s="53"/>
      <c r="AI1684" s="53"/>
      <c r="AJ1684" s="53"/>
      <c r="AK1684" s="53"/>
      <c r="AL1684" s="53"/>
      <c r="AM1684" s="53"/>
      <c r="AN1684" s="53"/>
      <c r="AO1684" s="53"/>
      <c r="AP1684" s="53"/>
      <c r="AQ1684" s="53"/>
      <c r="AR1684" s="53"/>
      <c r="AS1684" s="53"/>
      <c r="AT1684" s="53"/>
      <c r="AU1684" s="53"/>
      <c r="AV1684" s="53"/>
      <c r="AW1684" s="53"/>
      <c r="AX1684" s="53"/>
      <c r="AY1684" s="53"/>
      <c r="AZ1684" s="53"/>
      <c r="BA1684" s="53"/>
      <c r="BB1684" s="53"/>
      <c r="BC1684" s="53"/>
      <c r="BD1684" s="53"/>
      <c r="BE1684" s="53"/>
      <c r="BF1684" s="53"/>
      <c r="BG1684" s="53"/>
      <c r="BH1684" s="53"/>
      <c r="BI1684" s="53"/>
      <c r="BJ1684" s="53"/>
      <c r="BK1684" s="53"/>
      <c r="BL1684" s="53"/>
      <c r="BM1684" s="53"/>
      <c r="BN1684" s="53"/>
      <c r="BO1684" s="53"/>
      <c r="BP1684" s="53"/>
      <c r="BQ1684" s="53"/>
      <c r="BR1684" s="53"/>
      <c r="BS1684" s="53"/>
      <c r="BT1684" s="53"/>
      <c r="BU1684" s="53"/>
      <c r="BV1684" s="53"/>
      <c r="BW1684" s="53"/>
      <c r="BX1684" s="53"/>
      <c r="BY1684" s="53"/>
      <c r="BZ1684" s="53"/>
      <c r="CA1684" s="53"/>
      <c r="CB1684" s="53"/>
      <c r="CC1684" s="53"/>
      <c r="CD1684" s="53"/>
      <c r="CE1684" s="53"/>
      <c r="CF1684" s="53"/>
      <c r="CG1684" s="53"/>
      <c r="CH1684" s="53"/>
      <c r="CI1684" s="53"/>
      <c r="CJ1684" s="53"/>
      <c r="CK1684" s="53"/>
      <c r="CL1684" s="53"/>
      <c r="CM1684" s="53"/>
      <c r="CN1684" s="53"/>
    </row>
    <row r="1685" spans="1:92" outlineLevel="1">
      <c r="A1685" s="57" t="s">
        <v>1516</v>
      </c>
      <c r="B1685" s="53">
        <v>21889893814.93</v>
      </c>
      <c r="C1685" s="53">
        <v>21973247224.439899</v>
      </c>
      <c r="D1685" s="53">
        <v>22076050597.109901</v>
      </c>
      <c r="E1685" s="53">
        <v>22396564374.5499</v>
      </c>
      <c r="F1685" s="53">
        <v>22664048803.879902</v>
      </c>
      <c r="G1685" s="53">
        <v>22848570107.48</v>
      </c>
      <c r="H1685" s="53">
        <v>23073201470.27</v>
      </c>
      <c r="I1685" s="53">
        <v>23419026800.989899</v>
      </c>
      <c r="J1685" s="53">
        <v>23963987746.57</v>
      </c>
      <c r="K1685" s="53">
        <v>24241944676.209999</v>
      </c>
      <c r="L1685" s="53">
        <v>24437102009.880001</v>
      </c>
      <c r="M1685" s="53">
        <v>24592225251.029999</v>
      </c>
      <c r="N1685" s="53">
        <v>24592225251.029999</v>
      </c>
      <c r="O1685" s="53">
        <v>24846000978.7617</v>
      </c>
      <c r="P1685" s="53">
        <v>24872502432.487801</v>
      </c>
      <c r="Q1685" s="53">
        <v>25000182255.750198</v>
      </c>
      <c r="R1685" s="53">
        <v>25094131126.772999</v>
      </c>
      <c r="S1685" s="53">
        <v>25237279796.239101</v>
      </c>
      <c r="T1685" s="53">
        <v>25306527760.8055</v>
      </c>
      <c r="U1685" s="53">
        <v>25316830915.567501</v>
      </c>
      <c r="V1685" s="53">
        <v>25385402102.115601</v>
      </c>
      <c r="W1685" s="53">
        <v>25352914456.3228</v>
      </c>
      <c r="X1685" s="53">
        <v>25429359902.182201</v>
      </c>
      <c r="Y1685" s="53">
        <v>25282611714.3638</v>
      </c>
      <c r="Z1685" s="53">
        <v>25279505323.069599</v>
      </c>
      <c r="AA1685" s="53">
        <v>25279505323.069599</v>
      </c>
      <c r="AB1685" s="53">
        <v>25426232442.279999</v>
      </c>
      <c r="AC1685" s="53">
        <v>25396758155.078701</v>
      </c>
      <c r="AD1685" s="53">
        <v>25438918176.4748</v>
      </c>
      <c r="AE1685" s="53">
        <v>25512217676.886101</v>
      </c>
      <c r="AF1685" s="53">
        <v>25652779805.1446</v>
      </c>
      <c r="AG1685" s="53">
        <v>25755350824.1726</v>
      </c>
      <c r="AH1685" s="53">
        <v>25811709875.424702</v>
      </c>
      <c r="AI1685" s="53">
        <v>26042307362.441601</v>
      </c>
      <c r="AJ1685" s="53">
        <v>26093045750.638901</v>
      </c>
      <c r="AK1685" s="53">
        <v>26193523839.137001</v>
      </c>
      <c r="AL1685" s="53">
        <v>26052491233.990398</v>
      </c>
      <c r="AM1685" s="53">
        <v>25962247256.642502</v>
      </c>
      <c r="AN1685" s="53">
        <v>25962247256.642502</v>
      </c>
      <c r="AO1685" s="53">
        <v>26133998036.391102</v>
      </c>
      <c r="AP1685" s="53">
        <v>26196815708.0602</v>
      </c>
      <c r="AQ1685" s="53">
        <v>26342553514.8741</v>
      </c>
      <c r="AR1685" s="53">
        <v>26490867225.720001</v>
      </c>
      <c r="AS1685" s="53">
        <v>26704393651.167</v>
      </c>
      <c r="AT1685" s="53">
        <v>27119860842.367401</v>
      </c>
      <c r="AU1685" s="53">
        <v>27260284392.9897</v>
      </c>
      <c r="AV1685" s="53">
        <v>27502029781.2659</v>
      </c>
      <c r="AW1685" s="53">
        <v>27606895536.878502</v>
      </c>
      <c r="AX1685" s="53">
        <v>27700184236.757198</v>
      </c>
      <c r="AY1685" s="53">
        <v>27531506283.233101</v>
      </c>
      <c r="AZ1685" s="53">
        <v>27634608160.5905</v>
      </c>
      <c r="BA1685" s="53">
        <v>27634608160.5905</v>
      </c>
      <c r="BB1685" s="53">
        <v>27868827391.518002</v>
      </c>
      <c r="BC1685" s="53">
        <v>27913343008.707401</v>
      </c>
      <c r="BD1685" s="53">
        <v>28040476324.5947</v>
      </c>
      <c r="BE1685" s="53">
        <v>28167828470.6735</v>
      </c>
      <c r="BF1685" s="53">
        <v>28358637224.4697</v>
      </c>
      <c r="BG1685" s="53">
        <v>28749998896.676102</v>
      </c>
      <c r="BH1685" s="53">
        <v>28893381662.6157</v>
      </c>
      <c r="BI1685" s="53">
        <v>29138081058.361401</v>
      </c>
      <c r="BJ1685" s="53">
        <v>29157957941.722</v>
      </c>
      <c r="BK1685" s="53">
        <v>29253811387.341202</v>
      </c>
      <c r="BL1685" s="53">
        <v>29062637758.480202</v>
      </c>
      <c r="BM1685" s="53">
        <v>29194830616.050301</v>
      </c>
      <c r="BN1685" s="53">
        <v>29194830616.050301</v>
      </c>
      <c r="BO1685" s="53">
        <v>29421687944.192501</v>
      </c>
      <c r="BP1685" s="53">
        <v>29463824643.5784</v>
      </c>
      <c r="BQ1685" s="53">
        <v>29592762341.880199</v>
      </c>
      <c r="BR1685" s="53">
        <v>29717473320.6493</v>
      </c>
      <c r="BS1685" s="53">
        <v>29904977539.5499</v>
      </c>
      <c r="BT1685" s="53">
        <v>30146863434.336399</v>
      </c>
      <c r="BU1685" s="53">
        <v>30305973295.702</v>
      </c>
      <c r="BV1685" s="53">
        <v>30557149360.0271</v>
      </c>
      <c r="BW1685" s="53">
        <v>30732763518.0266</v>
      </c>
      <c r="BX1685" s="53">
        <v>30830300680.676102</v>
      </c>
      <c r="BY1685" s="53">
        <v>30623803107.798801</v>
      </c>
      <c r="BZ1685" s="53">
        <v>30703265237.5158</v>
      </c>
      <c r="CA1685" s="53">
        <v>30703265237.5158</v>
      </c>
      <c r="CB1685" s="53">
        <v>-26552.408488063698</v>
      </c>
      <c r="CC1685" s="53">
        <v>-26552.408488063698</v>
      </c>
      <c r="CD1685" s="53">
        <v>-26552.408488063698</v>
      </c>
      <c r="CE1685" s="53">
        <v>-26552.408488063698</v>
      </c>
      <c r="CF1685" s="53">
        <v>-26552.408488063698</v>
      </c>
      <c r="CG1685" s="53">
        <v>-26552.408488063698</v>
      </c>
      <c r="CH1685" s="53">
        <v>-26552.408488063698</v>
      </c>
      <c r="CI1685" s="53">
        <v>-26552.408488063698</v>
      </c>
      <c r="CJ1685" s="53">
        <v>-26552.408488063698</v>
      </c>
      <c r="CK1685" s="53">
        <v>-26552.408488063698</v>
      </c>
      <c r="CL1685" s="53">
        <v>-26552.408488063698</v>
      </c>
      <c r="CM1685" s="53">
        <v>-26552.408488063698</v>
      </c>
      <c r="CN1685" s="53">
        <v>-318628.90185676399</v>
      </c>
    </row>
    <row r="1686" spans="1:92" outlineLevel="1">
      <c r="A1686" s="52" t="s">
        <v>1517</v>
      </c>
      <c r="B1686" s="53"/>
      <c r="C1686" s="53"/>
      <c r="D1686" s="53"/>
      <c r="E1686" s="53"/>
      <c r="F1686" s="53"/>
      <c r="G1686" s="53"/>
      <c r="H1686" s="53"/>
      <c r="I1686" s="53"/>
      <c r="J1686" s="53"/>
      <c r="K1686" s="53"/>
      <c r="L1686" s="53"/>
      <c r="M1686" s="53"/>
      <c r="N1686" s="53"/>
      <c r="O1686" s="53"/>
      <c r="P1686" s="53"/>
      <c r="Q1686" s="53"/>
      <c r="R1686" s="53"/>
      <c r="S1686" s="53"/>
      <c r="T1686" s="53"/>
      <c r="U1686" s="53"/>
      <c r="V1686" s="53"/>
      <c r="W1686" s="53"/>
      <c r="X1686" s="53"/>
      <c r="Y1686" s="53"/>
      <c r="Z1686" s="53"/>
      <c r="AA1686" s="53"/>
      <c r="AB1686" s="53"/>
      <c r="AC1686" s="53"/>
      <c r="AD1686" s="53"/>
      <c r="AE1686" s="53"/>
      <c r="AF1686" s="53"/>
      <c r="AG1686" s="53"/>
      <c r="AH1686" s="53"/>
      <c r="AI1686" s="53"/>
      <c r="AJ1686" s="53"/>
      <c r="AK1686" s="53"/>
      <c r="AL1686" s="53"/>
      <c r="AM1686" s="53"/>
      <c r="AN1686" s="53"/>
      <c r="AO1686" s="53"/>
      <c r="AP1686" s="53"/>
      <c r="AQ1686" s="53"/>
      <c r="AR1686" s="53"/>
      <c r="AS1686" s="53"/>
      <c r="AT1686" s="53"/>
      <c r="AU1686" s="53"/>
      <c r="AV1686" s="53"/>
      <c r="AW1686" s="53"/>
      <c r="AX1686" s="53"/>
      <c r="AY1686" s="53"/>
      <c r="AZ1686" s="53"/>
      <c r="BA1686" s="53"/>
      <c r="BB1686" s="53"/>
      <c r="BC1686" s="53"/>
      <c r="BD1686" s="53"/>
      <c r="BE1686" s="53"/>
      <c r="BF1686" s="53"/>
      <c r="BG1686" s="53"/>
      <c r="BH1686" s="53"/>
      <c r="BI1686" s="53"/>
      <c r="BJ1686" s="53"/>
      <c r="BK1686" s="53"/>
      <c r="BL1686" s="53"/>
      <c r="BM1686" s="53"/>
      <c r="BN1686" s="53"/>
      <c r="BO1686" s="53"/>
      <c r="BP1686" s="53"/>
      <c r="BQ1686" s="53"/>
      <c r="BR1686" s="53"/>
      <c r="BS1686" s="53"/>
      <c r="BT1686" s="53"/>
      <c r="BU1686" s="53"/>
      <c r="BV1686" s="53"/>
      <c r="BW1686" s="53"/>
      <c r="BX1686" s="53"/>
      <c r="BY1686" s="53"/>
      <c r="BZ1686" s="53"/>
      <c r="CA1686" s="53"/>
      <c r="CB1686" s="53"/>
      <c r="CC1686" s="53"/>
      <c r="CD1686" s="53"/>
      <c r="CE1686" s="53"/>
      <c r="CF1686" s="53"/>
      <c r="CG1686" s="53"/>
      <c r="CH1686" s="53"/>
      <c r="CI1686" s="53"/>
      <c r="CJ1686" s="53"/>
      <c r="CK1686" s="53"/>
      <c r="CL1686" s="53"/>
      <c r="CM1686" s="53"/>
      <c r="CN1686" s="53"/>
    </row>
    <row r="1687" spans="1:92" outlineLevel="1">
      <c r="A1687" s="57" t="s">
        <v>1518</v>
      </c>
      <c r="B1687" s="53"/>
      <c r="C1687" s="53"/>
      <c r="D1687" s="53"/>
      <c r="E1687" s="53"/>
      <c r="F1687" s="53"/>
      <c r="G1687" s="53"/>
      <c r="H1687" s="53"/>
      <c r="I1687" s="53"/>
      <c r="J1687" s="53"/>
      <c r="K1687" s="53"/>
      <c r="L1687" s="53"/>
      <c r="M1687" s="53"/>
      <c r="N1687" s="53"/>
      <c r="O1687" s="53"/>
      <c r="P1687" s="53"/>
      <c r="Q1687" s="53"/>
      <c r="R1687" s="53"/>
      <c r="S1687" s="53"/>
      <c r="T1687" s="53"/>
      <c r="U1687" s="53"/>
      <c r="V1687" s="53"/>
      <c r="W1687" s="53"/>
      <c r="X1687" s="53"/>
      <c r="Y1687" s="53"/>
      <c r="Z1687" s="53"/>
      <c r="AA1687" s="53"/>
      <c r="AB1687" s="53"/>
      <c r="AC1687" s="53"/>
      <c r="AD1687" s="53"/>
      <c r="AE1687" s="53"/>
      <c r="AF1687" s="53"/>
      <c r="AG1687" s="53"/>
      <c r="AH1687" s="53"/>
      <c r="AI1687" s="53"/>
      <c r="AJ1687" s="53"/>
      <c r="AK1687" s="53"/>
      <c r="AL1687" s="53"/>
      <c r="AM1687" s="53"/>
      <c r="AN1687" s="53"/>
      <c r="AO1687" s="53"/>
      <c r="AP1687" s="53"/>
      <c r="AQ1687" s="53"/>
      <c r="AR1687" s="53"/>
      <c r="AS1687" s="53"/>
      <c r="AT1687" s="53"/>
      <c r="AU1687" s="53"/>
      <c r="AV1687" s="53"/>
      <c r="AW1687" s="53"/>
      <c r="AX1687" s="53"/>
      <c r="AY1687" s="53"/>
      <c r="AZ1687" s="53"/>
      <c r="BA1687" s="53"/>
      <c r="BB1687" s="53"/>
      <c r="BC1687" s="53"/>
      <c r="BD1687" s="53"/>
      <c r="BE1687" s="53"/>
      <c r="BF1687" s="53"/>
      <c r="BG1687" s="53"/>
      <c r="BH1687" s="53"/>
      <c r="BI1687" s="53"/>
      <c r="BJ1687" s="53"/>
      <c r="BK1687" s="53"/>
      <c r="BL1687" s="53"/>
      <c r="BM1687" s="53"/>
      <c r="BN1687" s="53"/>
      <c r="BO1687" s="53"/>
      <c r="BP1687" s="53"/>
      <c r="BQ1687" s="53"/>
      <c r="BR1687" s="53"/>
      <c r="BS1687" s="53"/>
      <c r="BT1687" s="53"/>
      <c r="BU1687" s="53"/>
      <c r="BV1687" s="53"/>
      <c r="BW1687" s="53"/>
      <c r="BX1687" s="53"/>
      <c r="BY1687" s="53"/>
      <c r="BZ1687" s="53"/>
      <c r="CA1687" s="53"/>
      <c r="CB1687" s="53">
        <v>24171.149367088601</v>
      </c>
      <c r="CC1687" s="53">
        <v>24171.149367088601</v>
      </c>
      <c r="CD1687" s="53">
        <v>24171.149367088601</v>
      </c>
      <c r="CE1687" s="53">
        <v>24171.149367088601</v>
      </c>
      <c r="CF1687" s="53">
        <v>24171.149367088601</v>
      </c>
      <c r="CG1687" s="53">
        <v>24171.149367088601</v>
      </c>
      <c r="CH1687" s="53">
        <v>24171.149367088601</v>
      </c>
      <c r="CI1687" s="53">
        <v>24171.149367088601</v>
      </c>
      <c r="CJ1687" s="53">
        <v>24171.149367088601</v>
      </c>
      <c r="CK1687" s="53">
        <v>24171.149367088601</v>
      </c>
      <c r="CL1687" s="53">
        <v>24171.149367088601</v>
      </c>
      <c r="CM1687" s="53">
        <v>24171.149367088601</v>
      </c>
      <c r="CN1687" s="53">
        <v>290053.79240506398</v>
      </c>
    </row>
    <row r="1688" spans="1:92" outlineLevel="1">
      <c r="A1688" s="57" t="s">
        <v>1519</v>
      </c>
      <c r="B1688" s="53"/>
      <c r="C1688" s="53"/>
      <c r="D1688" s="53"/>
      <c r="E1688" s="53"/>
      <c r="F1688" s="53"/>
      <c r="G1688" s="53"/>
      <c r="H1688" s="53"/>
      <c r="I1688" s="53"/>
      <c r="J1688" s="53"/>
      <c r="K1688" s="53"/>
      <c r="L1688" s="53"/>
      <c r="M1688" s="53"/>
      <c r="N1688" s="53"/>
      <c r="O1688" s="53"/>
      <c r="P1688" s="53"/>
      <c r="Q1688" s="53"/>
      <c r="R1688" s="53"/>
      <c r="S1688" s="53"/>
      <c r="T1688" s="53"/>
      <c r="U1688" s="53"/>
      <c r="V1688" s="53"/>
      <c r="W1688" s="53"/>
      <c r="X1688" s="53"/>
      <c r="Y1688" s="53"/>
      <c r="Z1688" s="53"/>
      <c r="AA1688" s="53"/>
      <c r="AB1688" s="53"/>
      <c r="AC1688" s="53"/>
      <c r="AD1688" s="53"/>
      <c r="AE1688" s="53"/>
      <c r="AF1688" s="53"/>
      <c r="AG1688" s="53"/>
      <c r="AH1688" s="53"/>
      <c r="AI1688" s="53"/>
      <c r="AJ1688" s="53"/>
      <c r="AK1688" s="53"/>
      <c r="AL1688" s="53"/>
      <c r="AM1688" s="53"/>
      <c r="AN1688" s="53"/>
      <c r="AO1688" s="53"/>
      <c r="AP1688" s="53"/>
      <c r="AQ1688" s="53"/>
      <c r="AR1688" s="53"/>
      <c r="AS1688" s="53"/>
      <c r="AT1688" s="53"/>
      <c r="AU1688" s="53"/>
      <c r="AV1688" s="53"/>
      <c r="AW1688" s="53"/>
      <c r="AX1688" s="53"/>
      <c r="AY1688" s="53"/>
      <c r="AZ1688" s="53"/>
      <c r="BA1688" s="53"/>
      <c r="BB1688" s="53"/>
      <c r="BC1688" s="53"/>
      <c r="BD1688" s="53"/>
      <c r="BE1688" s="53"/>
      <c r="BF1688" s="53"/>
      <c r="BG1688" s="53"/>
      <c r="BH1688" s="53"/>
      <c r="BI1688" s="53"/>
      <c r="BJ1688" s="53"/>
      <c r="BK1688" s="53"/>
      <c r="BL1688" s="53"/>
      <c r="BM1688" s="53"/>
      <c r="BN1688" s="53"/>
      <c r="BO1688" s="53"/>
      <c r="BP1688" s="53"/>
      <c r="BQ1688" s="53"/>
      <c r="BR1688" s="53"/>
      <c r="BS1688" s="53"/>
      <c r="BT1688" s="53"/>
      <c r="BU1688" s="53"/>
      <c r="BV1688" s="53"/>
      <c r="BW1688" s="53"/>
      <c r="BX1688" s="53"/>
      <c r="BY1688" s="53"/>
      <c r="BZ1688" s="53"/>
      <c r="CA1688" s="53"/>
      <c r="CB1688" s="53"/>
      <c r="CC1688" s="53"/>
      <c r="CD1688" s="53"/>
      <c r="CE1688" s="53"/>
      <c r="CF1688" s="53"/>
      <c r="CG1688" s="53"/>
      <c r="CH1688" s="53"/>
      <c r="CI1688" s="53"/>
      <c r="CJ1688" s="53"/>
      <c r="CK1688" s="53"/>
      <c r="CL1688" s="53"/>
      <c r="CM1688" s="53"/>
      <c r="CN1688" s="53"/>
    </row>
    <row r="1689" spans="1:92" outlineLevel="1">
      <c r="A1689" s="52" t="s">
        <v>1218</v>
      </c>
      <c r="B1689" s="53">
        <v>598976848.00399995</v>
      </c>
      <c r="C1689" s="53">
        <v>529461293.04000002</v>
      </c>
      <c r="D1689" s="53">
        <v>537351868.669999</v>
      </c>
      <c r="E1689" s="53">
        <v>501373050.45999902</v>
      </c>
      <c r="F1689" s="53">
        <v>539130548.63999999</v>
      </c>
      <c r="G1689" s="53">
        <v>677402522.03999901</v>
      </c>
      <c r="H1689" s="53">
        <v>747471982.27999997</v>
      </c>
      <c r="I1689" s="53">
        <v>731800688.92999899</v>
      </c>
      <c r="J1689" s="53">
        <v>784805429.36999905</v>
      </c>
      <c r="K1689" s="53">
        <v>893623233.90999997</v>
      </c>
      <c r="L1689" s="53">
        <v>917141435.18999898</v>
      </c>
      <c r="M1689" s="53">
        <v>778271323.74999905</v>
      </c>
      <c r="N1689" s="53">
        <v>598976848.00399995</v>
      </c>
      <c r="O1689" s="53">
        <v>837813424.27999997</v>
      </c>
      <c r="P1689" s="53">
        <v>837813424.27999997</v>
      </c>
      <c r="Q1689" s="53">
        <v>837813424.27999997</v>
      </c>
      <c r="R1689" s="53">
        <v>837813424.27999997</v>
      </c>
      <c r="S1689" s="53">
        <v>837813424.27999997</v>
      </c>
      <c r="T1689" s="53">
        <v>837813424.27999997</v>
      </c>
      <c r="U1689" s="53">
        <v>837813424.27999997</v>
      </c>
      <c r="V1689" s="53">
        <v>837813424.27999997</v>
      </c>
      <c r="W1689" s="53">
        <v>837813424.27999997</v>
      </c>
      <c r="X1689" s="53">
        <v>837813424.27999997</v>
      </c>
      <c r="Y1689" s="53">
        <v>837813424.27999997</v>
      </c>
      <c r="Z1689" s="53">
        <v>837813424.27999997</v>
      </c>
      <c r="AA1689" s="53">
        <v>837813424.27999997</v>
      </c>
      <c r="AB1689" s="53">
        <v>837813424.27999997</v>
      </c>
      <c r="AC1689" s="53">
        <v>837813424.27999997</v>
      </c>
      <c r="AD1689" s="53">
        <v>837813424.27999997</v>
      </c>
      <c r="AE1689" s="53">
        <v>837813424.27999997</v>
      </c>
      <c r="AF1689" s="53">
        <v>837813424.27999997</v>
      </c>
      <c r="AG1689" s="53">
        <v>837813424.27999997</v>
      </c>
      <c r="AH1689" s="53">
        <v>837813424.27999997</v>
      </c>
      <c r="AI1689" s="53">
        <v>837813424.27999997</v>
      </c>
      <c r="AJ1689" s="53">
        <v>837813424.27999997</v>
      </c>
      <c r="AK1689" s="53">
        <v>837813424.27999997</v>
      </c>
      <c r="AL1689" s="53">
        <v>837813424.27999997</v>
      </c>
      <c r="AM1689" s="53">
        <v>837813424.27999997</v>
      </c>
      <c r="AN1689" s="53">
        <v>837813424.27999997</v>
      </c>
      <c r="AO1689" s="53">
        <v>837813424.27999997</v>
      </c>
      <c r="AP1689" s="53">
        <v>837813424.27999997</v>
      </c>
      <c r="AQ1689" s="53">
        <v>837813424.27999997</v>
      </c>
      <c r="AR1689" s="53">
        <v>837813424.27999997</v>
      </c>
      <c r="AS1689" s="53">
        <v>837813424.27999997</v>
      </c>
      <c r="AT1689" s="53">
        <v>837813424.27999997</v>
      </c>
      <c r="AU1689" s="53">
        <v>837813424.27999997</v>
      </c>
      <c r="AV1689" s="53">
        <v>837813424.27999997</v>
      </c>
      <c r="AW1689" s="53">
        <v>837813424.27999997</v>
      </c>
      <c r="AX1689" s="53">
        <v>837813424.27999997</v>
      </c>
      <c r="AY1689" s="53">
        <v>837813424.27999997</v>
      </c>
      <c r="AZ1689" s="53">
        <v>837813424.27999997</v>
      </c>
      <c r="BA1689" s="53">
        <v>837813424.27999997</v>
      </c>
      <c r="BB1689" s="53">
        <v>837813424.27999997</v>
      </c>
      <c r="BC1689" s="53">
        <v>837813424.27999997</v>
      </c>
      <c r="BD1689" s="53">
        <v>837813424.27999997</v>
      </c>
      <c r="BE1689" s="53">
        <v>837813424.27999997</v>
      </c>
      <c r="BF1689" s="53">
        <v>837813424.27999997</v>
      </c>
      <c r="BG1689" s="53">
        <v>837813424.27999997</v>
      </c>
      <c r="BH1689" s="53">
        <v>837813424.27999997</v>
      </c>
      <c r="BI1689" s="53">
        <v>837813424.27999997</v>
      </c>
      <c r="BJ1689" s="53">
        <v>837813424.27999997</v>
      </c>
      <c r="BK1689" s="53">
        <v>837813424.27999997</v>
      </c>
      <c r="BL1689" s="53">
        <v>837813424.27999997</v>
      </c>
      <c r="BM1689" s="53">
        <v>837813424.27999997</v>
      </c>
      <c r="BN1689" s="53">
        <v>837813424.27999997</v>
      </c>
      <c r="BO1689" s="53">
        <v>837813424.27999997</v>
      </c>
      <c r="BP1689" s="53">
        <v>837813424.27999997</v>
      </c>
      <c r="BQ1689" s="53">
        <v>837813424.27999997</v>
      </c>
      <c r="BR1689" s="53">
        <v>837813424.27999997</v>
      </c>
      <c r="BS1689" s="53">
        <v>837813424.27999997</v>
      </c>
      <c r="BT1689" s="53">
        <v>837813424.27999997</v>
      </c>
      <c r="BU1689" s="53">
        <v>837813424.27999997</v>
      </c>
      <c r="BV1689" s="53">
        <v>837813424.27999997</v>
      </c>
      <c r="BW1689" s="53">
        <v>837813424.27999997</v>
      </c>
      <c r="BX1689" s="53">
        <v>837813424.27999997</v>
      </c>
      <c r="BY1689" s="53">
        <v>837813424.27999997</v>
      </c>
      <c r="BZ1689" s="53">
        <v>837813424.27999997</v>
      </c>
      <c r="CA1689" s="53">
        <v>837813424.27999997</v>
      </c>
      <c r="CB1689" s="53">
        <v>16813.8726114649</v>
      </c>
      <c r="CC1689" s="53">
        <v>16813.8726114649</v>
      </c>
      <c r="CD1689" s="53">
        <v>16813.8726114649</v>
      </c>
      <c r="CE1689" s="53">
        <v>16813.8726114649</v>
      </c>
      <c r="CF1689" s="53">
        <v>16813.8726114649</v>
      </c>
      <c r="CG1689" s="53">
        <v>16813.8726114649</v>
      </c>
      <c r="CH1689" s="53">
        <v>16813.8726114649</v>
      </c>
      <c r="CI1689" s="53">
        <v>16813.8726114649</v>
      </c>
      <c r="CJ1689" s="53">
        <v>16813.8726114649</v>
      </c>
      <c r="CK1689" s="53">
        <v>16813.8726114649</v>
      </c>
      <c r="CL1689" s="53">
        <v>16813.8726114649</v>
      </c>
      <c r="CM1689" s="53">
        <v>16813.8726114649</v>
      </c>
      <c r="CN1689" s="53">
        <v>201766.47133757899</v>
      </c>
    </row>
    <row r="1690" spans="1:92" outlineLevel="1">
      <c r="A1690" s="52" t="s">
        <v>699</v>
      </c>
      <c r="B1690" s="53"/>
      <c r="C1690" s="53"/>
      <c r="D1690" s="53"/>
      <c r="E1690" s="53"/>
      <c r="F1690" s="53"/>
      <c r="G1690" s="53"/>
      <c r="H1690" s="53"/>
      <c r="I1690" s="53"/>
      <c r="J1690" s="53"/>
      <c r="K1690" s="53"/>
      <c r="L1690" s="53"/>
      <c r="M1690" s="53"/>
      <c r="N1690" s="53"/>
      <c r="O1690" s="53"/>
      <c r="P1690" s="53"/>
      <c r="Q1690" s="53"/>
      <c r="R1690" s="53"/>
      <c r="S1690" s="53"/>
      <c r="T1690" s="53"/>
      <c r="U1690" s="53"/>
      <c r="V1690" s="53"/>
      <c r="W1690" s="53"/>
      <c r="X1690" s="53"/>
      <c r="Y1690" s="53"/>
      <c r="Z1690" s="53"/>
      <c r="AA1690" s="53"/>
      <c r="AB1690" s="53"/>
      <c r="AC1690" s="53"/>
      <c r="AD1690" s="53"/>
      <c r="AE1690" s="53"/>
      <c r="AF1690" s="53"/>
      <c r="AG1690" s="53"/>
      <c r="AH1690" s="53"/>
      <c r="AI1690" s="53"/>
      <c r="AJ1690" s="53"/>
      <c r="AK1690" s="53"/>
      <c r="AL1690" s="53"/>
      <c r="AM1690" s="53"/>
      <c r="AN1690" s="53"/>
      <c r="AO1690" s="53"/>
      <c r="AP1690" s="53"/>
      <c r="AQ1690" s="53"/>
      <c r="AR1690" s="53"/>
      <c r="AS1690" s="53"/>
      <c r="AT1690" s="53"/>
      <c r="AU1690" s="53"/>
      <c r="AV1690" s="53"/>
      <c r="AW1690" s="53"/>
      <c r="AX1690" s="53"/>
      <c r="AY1690" s="53"/>
      <c r="AZ1690" s="53"/>
      <c r="BA1690" s="53"/>
      <c r="BB1690" s="53"/>
      <c r="BC1690" s="53"/>
      <c r="BD1690" s="53"/>
      <c r="BE1690" s="53"/>
      <c r="BF1690" s="53"/>
      <c r="BG1690" s="53"/>
      <c r="BH1690" s="53"/>
      <c r="BI1690" s="53"/>
      <c r="BJ1690" s="53"/>
      <c r="BK1690" s="53"/>
      <c r="BL1690" s="53"/>
      <c r="BM1690" s="53"/>
      <c r="BN1690" s="53"/>
      <c r="BO1690" s="53"/>
      <c r="BP1690" s="53"/>
      <c r="BQ1690" s="53"/>
      <c r="BR1690" s="53"/>
      <c r="BS1690" s="53"/>
      <c r="BT1690" s="53"/>
      <c r="BU1690" s="53"/>
      <c r="BV1690" s="53"/>
      <c r="BW1690" s="53"/>
      <c r="BX1690" s="53"/>
      <c r="BY1690" s="53"/>
      <c r="BZ1690" s="53"/>
      <c r="CA1690" s="53"/>
      <c r="CB1690" s="53">
        <v>-308004.32631578902</v>
      </c>
      <c r="CC1690" s="53">
        <v>-308004.32631578902</v>
      </c>
      <c r="CD1690" s="53">
        <v>-308004.32631578902</v>
      </c>
      <c r="CE1690" s="53">
        <v>-308004.32631578902</v>
      </c>
      <c r="CF1690" s="53">
        <v>-308004.32631578902</v>
      </c>
      <c r="CG1690" s="53">
        <v>-308004.32631578902</v>
      </c>
      <c r="CH1690" s="53">
        <v>-308004.32631578902</v>
      </c>
      <c r="CI1690" s="53">
        <v>-308004.32631578902</v>
      </c>
      <c r="CJ1690" s="53">
        <v>-308004.32631578902</v>
      </c>
      <c r="CK1690" s="53">
        <v>-308004.32631578902</v>
      </c>
      <c r="CL1690" s="53">
        <v>-308004.32631578902</v>
      </c>
      <c r="CM1690" s="53">
        <v>-308004.32631578902</v>
      </c>
      <c r="CN1690" s="53">
        <v>-3696051.9157894701</v>
      </c>
    </row>
    <row r="1691" spans="1:92" outlineLevel="1">
      <c r="A1691" s="52" t="s">
        <v>673</v>
      </c>
      <c r="B1691" s="53"/>
      <c r="C1691" s="53"/>
      <c r="D1691" s="53"/>
      <c r="E1691" s="53"/>
      <c r="F1691" s="53"/>
      <c r="G1691" s="53"/>
      <c r="H1691" s="53"/>
      <c r="I1691" s="53"/>
      <c r="J1691" s="53"/>
      <c r="K1691" s="53"/>
      <c r="L1691" s="53"/>
      <c r="M1691" s="53"/>
      <c r="N1691" s="53"/>
      <c r="O1691" s="53"/>
      <c r="P1691" s="53"/>
      <c r="Q1691" s="53"/>
      <c r="R1691" s="53"/>
      <c r="S1691" s="53"/>
      <c r="T1691" s="53"/>
      <c r="U1691" s="53"/>
      <c r="V1691" s="53"/>
      <c r="W1691" s="53"/>
      <c r="X1691" s="53"/>
      <c r="Y1691" s="53"/>
      <c r="Z1691" s="53"/>
      <c r="AA1691" s="53"/>
      <c r="AB1691" s="53"/>
      <c r="AC1691" s="53"/>
      <c r="AD1691" s="53"/>
      <c r="AE1691" s="53"/>
      <c r="AF1691" s="53"/>
      <c r="AG1691" s="53"/>
      <c r="AH1691" s="53"/>
      <c r="AI1691" s="53"/>
      <c r="AJ1691" s="53"/>
      <c r="AK1691" s="53"/>
      <c r="AL1691" s="53"/>
      <c r="AM1691" s="53"/>
      <c r="AN1691" s="53"/>
      <c r="AO1691" s="53"/>
      <c r="AP1691" s="53"/>
      <c r="AQ1691" s="53"/>
      <c r="AR1691" s="53"/>
      <c r="AS1691" s="53"/>
      <c r="AT1691" s="53"/>
      <c r="AU1691" s="53"/>
      <c r="AV1691" s="53"/>
      <c r="AW1691" s="53"/>
      <c r="AX1691" s="53"/>
      <c r="AY1691" s="53"/>
      <c r="AZ1691" s="53"/>
      <c r="BA1691" s="53"/>
      <c r="BB1691" s="53"/>
      <c r="BC1691" s="53"/>
      <c r="BD1691" s="53"/>
      <c r="BE1691" s="53"/>
      <c r="BF1691" s="53"/>
      <c r="BG1691" s="53"/>
      <c r="BH1691" s="53"/>
      <c r="BI1691" s="53"/>
      <c r="BJ1691" s="53"/>
      <c r="BK1691" s="53"/>
      <c r="BL1691" s="53"/>
      <c r="BM1691" s="53"/>
      <c r="BN1691" s="53"/>
      <c r="BO1691" s="53"/>
      <c r="BP1691" s="53"/>
      <c r="BQ1691" s="53"/>
      <c r="BR1691" s="53"/>
      <c r="BS1691" s="53"/>
      <c r="BT1691" s="53"/>
      <c r="BU1691" s="53"/>
      <c r="BV1691" s="53"/>
      <c r="BW1691" s="53"/>
      <c r="BX1691" s="53"/>
      <c r="BY1691" s="53"/>
      <c r="BZ1691" s="53"/>
      <c r="CA1691" s="53"/>
      <c r="CB1691" s="53">
        <v>-199670.97536945701</v>
      </c>
      <c r="CC1691" s="53">
        <v>-199670.97536945701</v>
      </c>
      <c r="CD1691" s="53">
        <v>-199670.97536945701</v>
      </c>
      <c r="CE1691" s="53">
        <v>-199670.97536945701</v>
      </c>
      <c r="CF1691" s="53">
        <v>-199670.975369458</v>
      </c>
      <c r="CG1691" s="53">
        <v>-199670.97536945701</v>
      </c>
      <c r="CH1691" s="53">
        <v>-199670.975369458</v>
      </c>
      <c r="CI1691" s="53">
        <v>-199670.975369458</v>
      </c>
      <c r="CJ1691" s="53">
        <v>-199670.975369458</v>
      </c>
      <c r="CK1691" s="53">
        <v>-199670.975369458</v>
      </c>
      <c r="CL1691" s="53">
        <v>-199670.975369458</v>
      </c>
      <c r="CM1691" s="53">
        <v>-199670.975369458</v>
      </c>
      <c r="CN1691" s="53">
        <v>-2396051.7044334901</v>
      </c>
    </row>
    <row r="1692" spans="1:92" outlineLevel="1">
      <c r="A1692" s="52" t="s">
        <v>1520</v>
      </c>
      <c r="B1692" s="53"/>
      <c r="C1692" s="53"/>
      <c r="D1692" s="53"/>
      <c r="E1692" s="53"/>
      <c r="F1692" s="53"/>
      <c r="G1692" s="53"/>
      <c r="H1692" s="53"/>
      <c r="I1692" s="53"/>
      <c r="J1692" s="53"/>
      <c r="K1692" s="53"/>
      <c r="L1692" s="53"/>
      <c r="M1692" s="53"/>
      <c r="N1692" s="53"/>
      <c r="O1692" s="53"/>
      <c r="P1692" s="53"/>
      <c r="Q1692" s="53"/>
      <c r="R1692" s="53"/>
      <c r="S1692" s="53"/>
      <c r="T1692" s="53"/>
      <c r="U1692" s="53"/>
      <c r="V1692" s="53"/>
      <c r="W1692" s="53"/>
      <c r="X1692" s="53"/>
      <c r="Y1692" s="53"/>
      <c r="Z1692" s="53"/>
      <c r="AA1692" s="53"/>
      <c r="AB1692" s="53"/>
      <c r="AC1692" s="53"/>
      <c r="AD1692" s="53"/>
      <c r="AE1692" s="53"/>
      <c r="AF1692" s="53"/>
      <c r="AG1692" s="53"/>
      <c r="AH1692" s="53"/>
      <c r="AI1692" s="53"/>
      <c r="AJ1692" s="53"/>
      <c r="AK1692" s="53"/>
      <c r="AL1692" s="53"/>
      <c r="AM1692" s="53"/>
      <c r="AN1692" s="53"/>
      <c r="AO1692" s="53"/>
      <c r="AP1692" s="53"/>
      <c r="AQ1692" s="53"/>
      <c r="AR1692" s="53"/>
      <c r="AS1692" s="53"/>
      <c r="AT1692" s="53"/>
      <c r="AU1692" s="53"/>
      <c r="AV1692" s="53"/>
      <c r="AW1692" s="53"/>
      <c r="AX1692" s="53"/>
      <c r="AY1692" s="53"/>
      <c r="AZ1692" s="53"/>
      <c r="BA1692" s="53"/>
      <c r="BB1692" s="53"/>
      <c r="BC1692" s="53"/>
      <c r="BD1692" s="53"/>
      <c r="BE1692" s="53"/>
      <c r="BF1692" s="53"/>
      <c r="BG1692" s="53"/>
      <c r="BH1692" s="53"/>
      <c r="BI1692" s="53"/>
      <c r="BJ1692" s="53"/>
      <c r="BK1692" s="53"/>
      <c r="BL1692" s="53"/>
      <c r="BM1692" s="53"/>
      <c r="BN1692" s="53"/>
      <c r="BO1692" s="53"/>
      <c r="BP1692" s="53"/>
      <c r="BQ1692" s="53"/>
      <c r="BR1692" s="53"/>
      <c r="BS1692" s="53"/>
      <c r="BT1692" s="53"/>
      <c r="BU1692" s="53"/>
      <c r="BV1692" s="53"/>
      <c r="BW1692" s="53"/>
      <c r="BX1692" s="53"/>
      <c r="BY1692" s="53"/>
      <c r="BZ1692" s="53"/>
      <c r="CA1692" s="53"/>
      <c r="CB1692" s="53">
        <v>-115069.472803347</v>
      </c>
      <c r="CC1692" s="53">
        <v>-115069.472803347</v>
      </c>
      <c r="CD1692" s="53">
        <v>-115069.472803347</v>
      </c>
      <c r="CE1692" s="53">
        <v>-115069.472803347</v>
      </c>
      <c r="CF1692" s="53">
        <v>-115069.472803347</v>
      </c>
      <c r="CG1692" s="53">
        <v>-115069.472803347</v>
      </c>
      <c r="CH1692" s="53">
        <v>-115069.472803347</v>
      </c>
      <c r="CI1692" s="53">
        <v>-115069.472803347</v>
      </c>
      <c r="CJ1692" s="53">
        <v>-115069.472803347</v>
      </c>
      <c r="CK1692" s="53">
        <v>-115069.472803347</v>
      </c>
      <c r="CL1692" s="53">
        <v>-115069.472803347</v>
      </c>
      <c r="CM1692" s="53">
        <v>-115069.472803347</v>
      </c>
      <c r="CN1692" s="53">
        <v>-1380833.6736401699</v>
      </c>
    </row>
    <row r="1693" spans="1:92" outlineLevel="1">
      <c r="A1693" s="52" t="s">
        <v>1249</v>
      </c>
      <c r="B1693" s="53">
        <v>-49532600</v>
      </c>
      <c r="C1693" s="53">
        <v>-13701929.999999899</v>
      </c>
      <c r="D1693" s="53">
        <v>-21369310</v>
      </c>
      <c r="E1693" s="53">
        <v>-52134260</v>
      </c>
      <c r="F1693" s="53">
        <v>-45052590</v>
      </c>
      <c r="G1693" s="53">
        <v>-44743879.999999903</v>
      </c>
      <c r="H1693" s="53">
        <v>-19071120</v>
      </c>
      <c r="I1693" s="53">
        <v>-20102889.999999899</v>
      </c>
      <c r="J1693" s="53">
        <v>-28170880</v>
      </c>
      <c r="K1693" s="53">
        <v>-18342059.999999899</v>
      </c>
      <c r="L1693" s="53">
        <v>-11259660</v>
      </c>
      <c r="M1693" s="53">
        <v>-112475200</v>
      </c>
      <c r="N1693" s="53">
        <v>-435956380</v>
      </c>
      <c r="O1693" s="53">
        <v>-8142821.3115744004</v>
      </c>
      <c r="P1693" s="53">
        <v>-10542594.613081099</v>
      </c>
      <c r="Q1693" s="53">
        <v>-12382804.366219301</v>
      </c>
      <c r="R1693" s="53">
        <v>-11098361.701905901</v>
      </c>
      <c r="S1693" s="53">
        <v>-11762132.9542941</v>
      </c>
      <c r="T1693" s="53">
        <v>-11477400.705452699</v>
      </c>
      <c r="U1693" s="53">
        <v>-9635670.8464655001</v>
      </c>
      <c r="V1693" s="53">
        <v>-9029064.0355952401</v>
      </c>
      <c r="W1693" s="53">
        <v>-11223658.545841301</v>
      </c>
      <c r="X1693" s="53">
        <v>-13263897.4348695</v>
      </c>
      <c r="Y1693" s="53">
        <v>-12352307.531198099</v>
      </c>
      <c r="Z1693" s="53">
        <v>-10205959.087228499</v>
      </c>
      <c r="AA1693" s="53">
        <v>-131116673.133726</v>
      </c>
      <c r="AB1693" s="53">
        <v>-9804773.6157705802</v>
      </c>
      <c r="AC1693" s="53">
        <v>-11457866.700318901</v>
      </c>
      <c r="AD1693" s="53">
        <v>-12269556.206738301</v>
      </c>
      <c r="AE1693" s="53">
        <v>-12060435.753611101</v>
      </c>
      <c r="AF1693" s="53">
        <v>-11069931.3451088</v>
      </c>
      <c r="AG1693" s="53">
        <v>-11001107.4155141</v>
      </c>
      <c r="AH1693" s="53">
        <v>-11220203.889342999</v>
      </c>
      <c r="AI1693" s="53">
        <v>-11976627.673650401</v>
      </c>
      <c r="AJ1693" s="53">
        <v>-10418595.9307463</v>
      </c>
      <c r="AK1693" s="53">
        <v>-10217570.536063701</v>
      </c>
      <c r="AL1693" s="53">
        <v>-10304266.1630976</v>
      </c>
      <c r="AM1693" s="53">
        <v>-10060591.749775</v>
      </c>
      <c r="AN1693" s="53">
        <v>-131861526.979738</v>
      </c>
      <c r="AO1693" s="53">
        <v>-10271988.5360114</v>
      </c>
      <c r="AP1693" s="53">
        <v>-11260268.9555362</v>
      </c>
      <c r="AQ1693" s="53">
        <v>-11471264.2898903</v>
      </c>
      <c r="AR1693" s="53">
        <v>-11315478.882906999</v>
      </c>
      <c r="AS1693" s="53">
        <v>-10252062.4524568</v>
      </c>
      <c r="AT1693" s="53">
        <v>-10153830.120303901</v>
      </c>
      <c r="AU1693" s="53">
        <v>-10432124.804749301</v>
      </c>
      <c r="AV1693" s="53">
        <v>-11287751.379008001</v>
      </c>
      <c r="AW1693" s="53">
        <v>-9949482.9827644303</v>
      </c>
      <c r="AX1693" s="53">
        <v>-9790420.6641364004</v>
      </c>
      <c r="AY1693" s="53">
        <v>-10141600.451407099</v>
      </c>
      <c r="AZ1693" s="53">
        <v>-9355186.5776413698</v>
      </c>
      <c r="BA1693" s="53">
        <v>-125681460.09681199</v>
      </c>
      <c r="BB1693" s="53">
        <v>-9717895.3637301996</v>
      </c>
      <c r="BC1693" s="53">
        <v>-10706400.1599728</v>
      </c>
      <c r="BD1693" s="53">
        <v>-10917200.7646276</v>
      </c>
      <c r="BE1693" s="53">
        <v>-10761343.194166301</v>
      </c>
      <c r="BF1693" s="53">
        <v>-9697937.8399923593</v>
      </c>
      <c r="BG1693" s="53">
        <v>-9599833.4168414008</v>
      </c>
      <c r="BH1693" s="53">
        <v>-9878150.8865057696</v>
      </c>
      <c r="BI1693" s="53">
        <v>-10733979.9137883</v>
      </c>
      <c r="BJ1693" s="53">
        <v>-9395379.2524781693</v>
      </c>
      <c r="BK1693" s="53">
        <v>-9236278.0370073505</v>
      </c>
      <c r="BL1693" s="53">
        <v>-9587493.2421651501</v>
      </c>
      <c r="BM1693" s="53">
        <v>-8801018.5987963006</v>
      </c>
      <c r="BN1693" s="53">
        <v>-119032910.67007101</v>
      </c>
      <c r="BO1693" s="53">
        <v>-9971080.1865897309</v>
      </c>
      <c r="BP1693" s="53">
        <v>-10966796.9221568</v>
      </c>
      <c r="BQ1693" s="53">
        <v>-11171338.5049794</v>
      </c>
      <c r="BR1693" s="53">
        <v>-11013161.4486541</v>
      </c>
      <c r="BS1693" s="53">
        <v>-9950112.1092787795</v>
      </c>
      <c r="BT1693" s="53">
        <v>-9856118.9503013194</v>
      </c>
      <c r="BU1693" s="53">
        <v>-10135168.7847954</v>
      </c>
      <c r="BV1693" s="53">
        <v>-10997505.077798501</v>
      </c>
      <c r="BW1693" s="53">
        <v>-9648224.7188650705</v>
      </c>
      <c r="BX1693" s="53">
        <v>-9487873.2771101091</v>
      </c>
      <c r="BY1693" s="53">
        <v>-9840226.8876015507</v>
      </c>
      <c r="BZ1693" s="53">
        <v>-9051798.4097553305</v>
      </c>
      <c r="CA1693" s="53">
        <v>-122089405.277886</v>
      </c>
      <c r="CB1693" s="53"/>
      <c r="CC1693" s="53"/>
      <c r="CD1693" s="53"/>
      <c r="CE1693" s="53"/>
      <c r="CF1693" s="53"/>
      <c r="CG1693" s="53"/>
      <c r="CH1693" s="53"/>
      <c r="CI1693" s="53"/>
      <c r="CJ1693" s="53"/>
      <c r="CK1693" s="53"/>
      <c r="CL1693" s="53"/>
      <c r="CM1693" s="53"/>
      <c r="CN1693" s="53"/>
    </row>
    <row r="1694" spans="1:92" outlineLevel="1">
      <c r="A1694" s="52" t="s">
        <v>769</v>
      </c>
      <c r="B1694" s="53"/>
      <c r="C1694" s="53"/>
      <c r="D1694" s="53"/>
      <c r="E1694" s="53"/>
      <c r="F1694" s="53"/>
      <c r="G1694" s="53"/>
      <c r="H1694" s="53"/>
      <c r="I1694" s="53"/>
      <c r="J1694" s="53"/>
      <c r="K1694" s="53"/>
      <c r="L1694" s="53"/>
      <c r="M1694" s="53"/>
      <c r="N1694" s="53"/>
      <c r="O1694" s="53"/>
      <c r="P1694" s="53"/>
      <c r="Q1694" s="53"/>
      <c r="R1694" s="53"/>
      <c r="S1694" s="53"/>
      <c r="T1694" s="53"/>
      <c r="U1694" s="53"/>
      <c r="V1694" s="53"/>
      <c r="W1694" s="53"/>
      <c r="X1694" s="53"/>
      <c r="Y1694" s="53"/>
      <c r="Z1694" s="53"/>
      <c r="AA1694" s="53"/>
      <c r="AB1694" s="53"/>
      <c r="AC1694" s="53"/>
      <c r="AD1694" s="53"/>
      <c r="AE1694" s="53"/>
      <c r="AF1694" s="53"/>
      <c r="AG1694" s="53"/>
      <c r="AH1694" s="53"/>
      <c r="AI1694" s="53"/>
      <c r="AJ1694" s="53"/>
      <c r="AK1694" s="53"/>
      <c r="AL1694" s="53"/>
      <c r="AM1694" s="53"/>
      <c r="AN1694" s="53"/>
      <c r="AO1694" s="53"/>
      <c r="AP1694" s="53"/>
      <c r="AQ1694" s="53"/>
      <c r="AR1694" s="53"/>
      <c r="AS1694" s="53"/>
      <c r="AT1694" s="53"/>
      <c r="AU1694" s="53"/>
      <c r="AV1694" s="53"/>
      <c r="AW1694" s="53"/>
      <c r="AX1694" s="53"/>
      <c r="AY1694" s="53"/>
      <c r="AZ1694" s="53"/>
      <c r="BA1694" s="53"/>
      <c r="BB1694" s="53"/>
      <c r="BC1694" s="53"/>
      <c r="BD1694" s="53"/>
      <c r="BE1694" s="53"/>
      <c r="BF1694" s="53"/>
      <c r="BG1694" s="53"/>
      <c r="BH1694" s="53"/>
      <c r="BI1694" s="53"/>
      <c r="BJ1694" s="53"/>
      <c r="BK1694" s="53"/>
      <c r="BL1694" s="53"/>
      <c r="BM1694" s="53"/>
      <c r="BN1694" s="53"/>
      <c r="BO1694" s="53"/>
      <c r="BP1694" s="53"/>
      <c r="BQ1694" s="53"/>
      <c r="BR1694" s="53"/>
      <c r="BS1694" s="53"/>
      <c r="BT1694" s="53"/>
      <c r="BU1694" s="53"/>
      <c r="BV1694" s="53"/>
      <c r="BW1694" s="53"/>
      <c r="BX1694" s="53"/>
      <c r="BY1694" s="53"/>
      <c r="BZ1694" s="53"/>
      <c r="CA1694" s="53"/>
      <c r="CB1694" s="53"/>
      <c r="CC1694" s="53"/>
      <c r="CD1694" s="53"/>
      <c r="CE1694" s="53"/>
      <c r="CF1694" s="53"/>
      <c r="CG1694" s="53"/>
      <c r="CH1694" s="53"/>
      <c r="CI1694" s="53"/>
      <c r="CJ1694" s="53"/>
      <c r="CK1694" s="53"/>
      <c r="CL1694" s="53"/>
      <c r="CM1694" s="53"/>
      <c r="CN1694" s="53"/>
    </row>
    <row r="1695" spans="1:92" outlineLevel="1">
      <c r="A1695" s="52" t="s">
        <v>770</v>
      </c>
      <c r="B1695" s="53"/>
      <c r="C1695" s="53"/>
      <c r="D1695" s="53"/>
      <c r="E1695" s="53"/>
      <c r="F1695" s="53"/>
      <c r="G1695" s="53"/>
      <c r="H1695" s="53"/>
      <c r="I1695" s="53"/>
      <c r="J1695" s="53"/>
      <c r="K1695" s="53"/>
      <c r="L1695" s="53"/>
      <c r="M1695" s="53"/>
      <c r="N1695" s="53"/>
      <c r="O1695" s="53"/>
      <c r="P1695" s="53"/>
      <c r="Q1695" s="53"/>
      <c r="R1695" s="53"/>
      <c r="S1695" s="53"/>
      <c r="T1695" s="53"/>
      <c r="U1695" s="53"/>
      <c r="V1695" s="53"/>
      <c r="W1695" s="53"/>
      <c r="X1695" s="53"/>
      <c r="Y1695" s="53"/>
      <c r="Z1695" s="53"/>
      <c r="AA1695" s="53"/>
      <c r="AB1695" s="53"/>
      <c r="AC1695" s="53"/>
      <c r="AD1695" s="53"/>
      <c r="AE1695" s="53"/>
      <c r="AF1695" s="53"/>
      <c r="AG1695" s="53"/>
      <c r="AH1695" s="53"/>
      <c r="AI1695" s="53"/>
      <c r="AJ1695" s="53"/>
      <c r="AK1695" s="53"/>
      <c r="AL1695" s="53"/>
      <c r="AM1695" s="53"/>
      <c r="AN1695" s="53"/>
      <c r="AO1695" s="53"/>
      <c r="AP1695" s="53"/>
      <c r="AQ1695" s="53"/>
      <c r="AR1695" s="53"/>
      <c r="AS1695" s="53"/>
      <c r="AT1695" s="53"/>
      <c r="AU1695" s="53"/>
      <c r="AV1695" s="53"/>
      <c r="AW1695" s="53"/>
      <c r="AX1695" s="53"/>
      <c r="AY1695" s="53"/>
      <c r="AZ1695" s="53"/>
      <c r="BA1695" s="53"/>
      <c r="BB1695" s="53"/>
      <c r="BC1695" s="53"/>
      <c r="BD1695" s="53"/>
      <c r="BE1695" s="53"/>
      <c r="BF1695" s="53"/>
      <c r="BG1695" s="53"/>
      <c r="BH1695" s="53"/>
      <c r="BI1695" s="53"/>
      <c r="BJ1695" s="53"/>
      <c r="BK1695" s="53"/>
      <c r="BL1695" s="53"/>
      <c r="BM1695" s="53"/>
      <c r="BN1695" s="53"/>
      <c r="BO1695" s="53"/>
      <c r="BP1695" s="53"/>
      <c r="BQ1695" s="53"/>
      <c r="BR1695" s="53"/>
      <c r="BS1695" s="53"/>
      <c r="BT1695" s="53"/>
      <c r="BU1695" s="53"/>
      <c r="BV1695" s="53"/>
      <c r="BW1695" s="53"/>
      <c r="BX1695" s="53"/>
      <c r="BY1695" s="53"/>
      <c r="BZ1695" s="53"/>
      <c r="CA1695" s="53"/>
      <c r="CB1695" s="53">
        <v>4.4720973724483297</v>
      </c>
      <c r="CC1695" s="53">
        <v>4.5045461656332497</v>
      </c>
      <c r="CD1695" s="53">
        <v>4.5372304018533898</v>
      </c>
      <c r="CE1695" s="53">
        <v>4.5701517894441599</v>
      </c>
      <c r="CF1695" s="53">
        <v>4.6033120491363997</v>
      </c>
      <c r="CG1695" s="53">
        <v>4.6367129141462602</v>
      </c>
      <c r="CH1695" s="53">
        <v>4.6703561302658096</v>
      </c>
      <c r="CI1695" s="53">
        <v>4.7042434559543196</v>
      </c>
      <c r="CJ1695" s="53">
        <v>4.7383766624301398</v>
      </c>
      <c r="CK1695" s="53">
        <v>4.7727575337632802</v>
      </c>
      <c r="CL1695" s="53">
        <v>4.8073878669686696</v>
      </c>
      <c r="CM1695" s="53">
        <v>4.8422694721000799</v>
      </c>
      <c r="CN1695" s="53">
        <v>55.859441814144098</v>
      </c>
    </row>
    <row r="1696" spans="1:92" outlineLevel="1">
      <c r="A1696" s="52" t="s">
        <v>1249</v>
      </c>
      <c r="B1696" s="53">
        <v>-56613493.259999998</v>
      </c>
      <c r="C1696" s="53">
        <v>-47825393.969999999</v>
      </c>
      <c r="D1696" s="53">
        <v>-44538790.159999996</v>
      </c>
      <c r="E1696" s="53">
        <v>-28822708.6599999</v>
      </c>
      <c r="F1696" s="53">
        <v>-24885311.41</v>
      </c>
      <c r="G1696" s="53">
        <v>-22769660.129999999</v>
      </c>
      <c r="H1696" s="53">
        <v>-37141707.170000002</v>
      </c>
      <c r="I1696" s="53">
        <v>-35851667.979999997</v>
      </c>
      <c r="J1696" s="53">
        <v>-40295825.060000002</v>
      </c>
      <c r="K1696" s="53">
        <v>-29914819.489999998</v>
      </c>
      <c r="L1696" s="53">
        <v>-10856786.35</v>
      </c>
      <c r="M1696" s="53">
        <v>-4020351.59</v>
      </c>
      <c r="N1696" s="53">
        <v>-383536515.23000002</v>
      </c>
      <c r="O1696" s="53">
        <v>-6484847.9900000002</v>
      </c>
      <c r="P1696" s="53">
        <v>-5555935.4699999997</v>
      </c>
      <c r="Q1696" s="53">
        <v>-10361733.09</v>
      </c>
      <c r="R1696" s="53">
        <v>-3442406.19</v>
      </c>
      <c r="S1696" s="53">
        <v>-19680039.010000002</v>
      </c>
      <c r="T1696" s="53">
        <v>-21630294.1599999</v>
      </c>
      <c r="U1696" s="53">
        <v>-26251780.309999999</v>
      </c>
      <c r="V1696" s="53">
        <v>-26420150.210000001</v>
      </c>
      <c r="W1696" s="53">
        <v>-23537547.07</v>
      </c>
      <c r="X1696" s="53">
        <v>-16098354.7999999</v>
      </c>
      <c r="Y1696" s="53">
        <v>-13872146.369999999</v>
      </c>
      <c r="Z1696" s="53">
        <v>-7963172.8099999903</v>
      </c>
      <c r="AA1696" s="53">
        <v>-181298407.47999999</v>
      </c>
      <c r="AB1696" s="53">
        <v>-5728202.5699999901</v>
      </c>
      <c r="AC1696" s="53">
        <v>-3210094.7699999898</v>
      </c>
      <c r="AD1696" s="53">
        <v>-1538372.26999999</v>
      </c>
      <c r="AE1696" s="53">
        <v>-8314765.3200000003</v>
      </c>
      <c r="AF1696" s="53">
        <v>-19365393</v>
      </c>
      <c r="AG1696" s="53">
        <v>-20069279.859999999</v>
      </c>
      <c r="AH1696" s="53">
        <v>-23835975.329999998</v>
      </c>
      <c r="AI1696" s="53">
        <v>-27905530.800000001</v>
      </c>
      <c r="AJ1696" s="53">
        <v>-19972074.969999999</v>
      </c>
      <c r="AK1696" s="53">
        <v>-16272585.4599999</v>
      </c>
      <c r="AL1696" s="53">
        <v>-11444636.060000001</v>
      </c>
      <c r="AM1696" s="53">
        <v>-4789635.57</v>
      </c>
      <c r="AN1696" s="53">
        <v>-162446545.97999999</v>
      </c>
      <c r="AO1696" s="53">
        <v>-5576383.21</v>
      </c>
      <c r="AP1696" s="53">
        <v>-4011587.47</v>
      </c>
      <c r="AQ1696" s="53">
        <v>-9666392.5399999991</v>
      </c>
      <c r="AR1696" s="53">
        <v>-6179840.1799999997</v>
      </c>
      <c r="AS1696" s="53">
        <v>-8819494.9399999995</v>
      </c>
      <c r="AT1696" s="53">
        <v>-9532164.6199999992</v>
      </c>
      <c r="AU1696" s="53">
        <v>-14918590.849999901</v>
      </c>
      <c r="AV1696" s="53">
        <v>-21156870.030000001</v>
      </c>
      <c r="AW1696" s="53">
        <v>-17099196.669999901</v>
      </c>
      <c r="AX1696" s="53">
        <v>-13315042.699999999</v>
      </c>
      <c r="AY1696" s="53">
        <v>-7239552.1799999997</v>
      </c>
      <c r="AZ1696" s="53">
        <v>-3496446.96</v>
      </c>
      <c r="BA1696" s="53">
        <v>-121011562.34999999</v>
      </c>
      <c r="BB1696" s="53">
        <v>-6311320.7800000003</v>
      </c>
      <c r="BC1696" s="53">
        <v>-4349404.99</v>
      </c>
      <c r="BD1696" s="53">
        <v>-4862191.16</v>
      </c>
      <c r="BE1696" s="53">
        <v>-5039601.68</v>
      </c>
      <c r="BF1696" s="53">
        <v>-13518226.08</v>
      </c>
      <c r="BG1696" s="53">
        <v>-15583061.09</v>
      </c>
      <c r="BH1696" s="53">
        <v>-19285200.839999899</v>
      </c>
      <c r="BI1696" s="53">
        <v>-22149230.469999999</v>
      </c>
      <c r="BJ1696" s="53">
        <v>-18530791.199999999</v>
      </c>
      <c r="BK1696" s="53">
        <v>-20243452.300000001</v>
      </c>
      <c r="BL1696" s="53">
        <v>-11746712.27</v>
      </c>
      <c r="BM1696" s="53">
        <v>-5258108.5599999996</v>
      </c>
      <c r="BN1696" s="53">
        <v>-146877301.41999999</v>
      </c>
      <c r="BO1696" s="53">
        <v>-6272379.7000000002</v>
      </c>
      <c r="BP1696" s="53">
        <v>-4007192.75</v>
      </c>
      <c r="BQ1696" s="53">
        <v>-8688162.2300000004</v>
      </c>
      <c r="BR1696" s="53">
        <v>-5955970.6399999997</v>
      </c>
      <c r="BS1696" s="53">
        <v>-14343028.7099999</v>
      </c>
      <c r="BT1696" s="53">
        <v>-17968877.059999999</v>
      </c>
      <c r="BU1696" s="53">
        <v>-19637064.370000001</v>
      </c>
      <c r="BV1696" s="53">
        <v>-21289464.829999998</v>
      </c>
      <c r="BW1696" s="53">
        <v>-17732063.300000001</v>
      </c>
      <c r="BX1696" s="53">
        <v>-15785682.439999999</v>
      </c>
      <c r="BY1696" s="53">
        <v>-4819984.8199999901</v>
      </c>
      <c r="BZ1696" s="53">
        <v>-4782938.5</v>
      </c>
      <c r="CA1696" s="53">
        <v>-141282809.34999999</v>
      </c>
      <c r="CB1696" s="53">
        <v>-386932.316836135</v>
      </c>
      <c r="CC1696" s="53">
        <v>-389289.379532861</v>
      </c>
      <c r="CD1696" s="53">
        <v>-391660.80066984898</v>
      </c>
      <c r="CE1696" s="53">
        <v>-394046.66771392903</v>
      </c>
      <c r="CF1696" s="53">
        <v>-396447.06866475299</v>
      </c>
      <c r="CG1696" s="53">
        <v>-398862.09205803502</v>
      </c>
      <c r="CH1696" s="53">
        <v>-401291.82696882199</v>
      </c>
      <c r="CI1696" s="53">
        <v>-403736.363014773</v>
      </c>
      <c r="CJ1696" s="53">
        <v>-406195.79035947099</v>
      </c>
      <c r="CK1696" s="53">
        <v>-408670.19971574302</v>
      </c>
      <c r="CL1696" s="53">
        <v>-411159.68234901101</v>
      </c>
      <c r="CM1696" s="53">
        <v>-413664.33008065203</v>
      </c>
      <c r="CN1696" s="53">
        <v>-4801956.5179640297</v>
      </c>
    </row>
    <row r="1697" spans="1:92" outlineLevel="1">
      <c r="A1697" s="52" t="s">
        <v>771</v>
      </c>
      <c r="B1697" s="53"/>
      <c r="C1697" s="53"/>
      <c r="D1697" s="53"/>
      <c r="E1697" s="53"/>
      <c r="F1697" s="53"/>
      <c r="G1697" s="53"/>
      <c r="H1697" s="53"/>
      <c r="I1697" s="53"/>
      <c r="J1697" s="53"/>
      <c r="K1697" s="53"/>
      <c r="L1697" s="53"/>
      <c r="M1697" s="53"/>
      <c r="N1697" s="53"/>
      <c r="O1697" s="53"/>
      <c r="P1697" s="53"/>
      <c r="Q1697" s="53"/>
      <c r="R1697" s="53"/>
      <c r="S1697" s="53"/>
      <c r="T1697" s="53"/>
      <c r="U1697" s="53"/>
      <c r="V1697" s="53"/>
      <c r="W1697" s="53"/>
      <c r="X1697" s="53"/>
      <c r="Y1697" s="53"/>
      <c r="Z1697" s="53"/>
      <c r="AA1697" s="53"/>
      <c r="AB1697" s="53"/>
      <c r="AC1697" s="53"/>
      <c r="AD1697" s="53"/>
      <c r="AE1697" s="53"/>
      <c r="AF1697" s="53"/>
      <c r="AG1697" s="53"/>
      <c r="AH1697" s="53"/>
      <c r="AI1697" s="53"/>
      <c r="AJ1697" s="53"/>
      <c r="AK1697" s="53"/>
      <c r="AL1697" s="53"/>
      <c r="AM1697" s="53"/>
      <c r="AN1697" s="53"/>
      <c r="AO1697" s="53"/>
      <c r="AP1697" s="53"/>
      <c r="AQ1697" s="53"/>
      <c r="AR1697" s="53"/>
      <c r="AS1697" s="53"/>
      <c r="AT1697" s="53"/>
      <c r="AU1697" s="53"/>
      <c r="AV1697" s="53"/>
      <c r="AW1697" s="53"/>
      <c r="AX1697" s="53"/>
      <c r="AY1697" s="53"/>
      <c r="AZ1697" s="53"/>
      <c r="BA1697" s="53"/>
      <c r="BB1697" s="53"/>
      <c r="BC1697" s="53"/>
      <c r="BD1697" s="53"/>
      <c r="BE1697" s="53"/>
      <c r="BF1697" s="53"/>
      <c r="BG1697" s="53"/>
      <c r="BH1697" s="53"/>
      <c r="BI1697" s="53"/>
      <c r="BJ1697" s="53"/>
      <c r="BK1697" s="53"/>
      <c r="BL1697" s="53"/>
      <c r="BM1697" s="53"/>
      <c r="BN1697" s="53"/>
      <c r="BO1697" s="53"/>
      <c r="BP1697" s="53"/>
      <c r="BQ1697" s="53"/>
      <c r="BR1697" s="53"/>
      <c r="BS1697" s="53"/>
      <c r="BT1697" s="53"/>
      <c r="BU1697" s="53"/>
      <c r="BV1697" s="53"/>
      <c r="BW1697" s="53"/>
      <c r="BX1697" s="53"/>
      <c r="BY1697" s="53"/>
      <c r="BZ1697" s="53"/>
      <c r="CA1697" s="53"/>
      <c r="CB1697" s="53"/>
      <c r="CC1697" s="53"/>
      <c r="CD1697" s="53"/>
      <c r="CE1697" s="53"/>
      <c r="CF1697" s="53"/>
      <c r="CG1697" s="53"/>
      <c r="CH1697" s="53"/>
      <c r="CI1697" s="53"/>
      <c r="CJ1697" s="53"/>
      <c r="CK1697" s="53"/>
      <c r="CL1697" s="53"/>
      <c r="CM1697" s="53"/>
      <c r="CN1697" s="53"/>
    </row>
    <row r="1698" spans="1:92" outlineLevel="1">
      <c r="A1698" s="52" t="s">
        <v>1249</v>
      </c>
      <c r="B1698" s="53">
        <v>-3789809.94</v>
      </c>
      <c r="C1698" s="53">
        <v>-3422268.28</v>
      </c>
      <c r="D1698" s="53">
        <v>-3143837.66</v>
      </c>
      <c r="E1698" s="53">
        <v>-2093543.46</v>
      </c>
      <c r="F1698" s="53">
        <v>-3503076.71999999</v>
      </c>
      <c r="G1698" s="53">
        <v>-4028055.1799999899</v>
      </c>
      <c r="H1698" s="53">
        <v>-5073254.49</v>
      </c>
      <c r="I1698" s="53">
        <v>-5742731.75</v>
      </c>
      <c r="J1698" s="53">
        <v>-4862843.8</v>
      </c>
      <c r="K1698" s="53">
        <v>-2830850.48</v>
      </c>
      <c r="L1698" s="53">
        <v>-4178068.13</v>
      </c>
      <c r="M1698" s="53">
        <v>-4837041.5599999996</v>
      </c>
      <c r="N1698" s="53">
        <v>-47505381.450000003</v>
      </c>
      <c r="O1698" s="53">
        <v>-5141844.54</v>
      </c>
      <c r="P1698" s="53">
        <v>-4855313.92</v>
      </c>
      <c r="Q1698" s="53">
        <v>-4357533.95</v>
      </c>
      <c r="R1698" s="53">
        <v>-2534368.79</v>
      </c>
      <c r="S1698" s="53">
        <v>-2700229.93</v>
      </c>
      <c r="T1698" s="53">
        <v>-2893365.16</v>
      </c>
      <c r="U1698" s="53">
        <v>-2752843.91</v>
      </c>
      <c r="V1698" s="53">
        <v>-2924244.46</v>
      </c>
      <c r="W1698" s="53">
        <v>-2795109.63</v>
      </c>
      <c r="X1698" s="53">
        <v>-2153144.7000000002</v>
      </c>
      <c r="Y1698" s="53">
        <v>-5013419.0599999996</v>
      </c>
      <c r="Z1698" s="53">
        <v>-5546676.7599999998</v>
      </c>
      <c r="AA1698" s="53">
        <v>-43668094.810000002</v>
      </c>
      <c r="AB1698" s="53">
        <v>-4471780.09</v>
      </c>
      <c r="AC1698" s="53">
        <v>-4081060.52999999</v>
      </c>
      <c r="AD1698" s="53">
        <v>-3916406.12</v>
      </c>
      <c r="AE1698" s="53">
        <v>-2367178.5899999901</v>
      </c>
      <c r="AF1698" s="53">
        <v>-4838483.1100000003</v>
      </c>
      <c r="AG1698" s="53">
        <v>-2932146.04</v>
      </c>
      <c r="AH1698" s="53">
        <v>-2622953.9799999902</v>
      </c>
      <c r="AI1698" s="53">
        <v>-2763822.11</v>
      </c>
      <c r="AJ1698" s="53">
        <v>-2721854.29</v>
      </c>
      <c r="AK1698" s="53">
        <v>-2478806.4799999902</v>
      </c>
      <c r="AL1698" s="53">
        <v>-2545071.83</v>
      </c>
      <c r="AM1698" s="53">
        <v>-4647910.3599999901</v>
      </c>
      <c r="AN1698" s="53">
        <v>-40387473.530000001</v>
      </c>
      <c r="AO1698" s="53">
        <v>-4390621.54</v>
      </c>
      <c r="AP1698" s="53">
        <v>-3696168.5399999898</v>
      </c>
      <c r="AQ1698" s="53">
        <v>-3535796.98</v>
      </c>
      <c r="AR1698" s="53">
        <v>-2379921.96999999</v>
      </c>
      <c r="AS1698" s="53">
        <v>-3735262.3999999901</v>
      </c>
      <c r="AT1698" s="53">
        <v>-4022527.57</v>
      </c>
      <c r="AU1698" s="53">
        <v>-3041052.57</v>
      </c>
      <c r="AV1698" s="53">
        <v>-2881264.5699999901</v>
      </c>
      <c r="AW1698" s="53">
        <v>-2646040.23</v>
      </c>
      <c r="AX1698" s="53">
        <v>-2644422.67</v>
      </c>
      <c r="AY1698" s="53">
        <v>-3065965.94</v>
      </c>
      <c r="AZ1698" s="53">
        <v>-4345653.6500000004</v>
      </c>
      <c r="BA1698" s="53">
        <v>-40384698.629999898</v>
      </c>
      <c r="BB1698" s="53">
        <v>-4356287.4000000004</v>
      </c>
      <c r="BC1698" s="53">
        <v>-3562652.82</v>
      </c>
      <c r="BD1698" s="53">
        <v>-3418987</v>
      </c>
      <c r="BE1698" s="53">
        <v>-2627414.4300000002</v>
      </c>
      <c r="BF1698" s="53">
        <v>-2605299.6</v>
      </c>
      <c r="BG1698" s="53">
        <v>-2770695.12</v>
      </c>
      <c r="BH1698" s="53">
        <v>-2424136.56</v>
      </c>
      <c r="BI1698" s="53">
        <v>-2686188.02</v>
      </c>
      <c r="BJ1698" s="53">
        <v>-2714288.51</v>
      </c>
      <c r="BK1698" s="53">
        <v>-2389000.46</v>
      </c>
      <c r="BL1698" s="53">
        <v>-2955607.78</v>
      </c>
      <c r="BM1698" s="53">
        <v>-4348307.33</v>
      </c>
      <c r="BN1698" s="53">
        <v>-36858865.030000001</v>
      </c>
      <c r="BO1698" s="53">
        <v>-4190324.37</v>
      </c>
      <c r="BP1698" s="53">
        <v>-3861766.5</v>
      </c>
      <c r="BQ1698" s="53">
        <v>-3510986.22</v>
      </c>
      <c r="BR1698" s="53">
        <v>-2187418.92</v>
      </c>
      <c r="BS1698" s="53">
        <v>-2463125.96</v>
      </c>
      <c r="BT1698" s="53">
        <v>-2625186.5299999998</v>
      </c>
      <c r="BU1698" s="53">
        <v>-2537434.6599999899</v>
      </c>
      <c r="BV1698" s="53">
        <v>-2917305.7</v>
      </c>
      <c r="BW1698" s="53">
        <v>-2805057.84</v>
      </c>
      <c r="BX1698" s="53">
        <v>-2056321.21999999</v>
      </c>
      <c r="BY1698" s="53">
        <v>-1113091.3700000001</v>
      </c>
      <c r="BZ1698" s="53">
        <v>-1625862.3899999899</v>
      </c>
      <c r="CA1698" s="53">
        <v>-31893881.68</v>
      </c>
      <c r="CB1698" s="53"/>
      <c r="CC1698" s="53"/>
      <c r="CD1698" s="53"/>
      <c r="CE1698" s="53"/>
      <c r="CF1698" s="53"/>
      <c r="CG1698" s="53"/>
      <c r="CH1698" s="53"/>
      <c r="CI1698" s="53"/>
      <c r="CJ1698" s="53"/>
      <c r="CK1698" s="53"/>
      <c r="CL1698" s="53"/>
      <c r="CM1698" s="53"/>
      <c r="CN1698" s="53"/>
    </row>
    <row r="1699" spans="1:92" outlineLevel="1">
      <c r="A1699" s="52" t="s">
        <v>772</v>
      </c>
      <c r="B1699" s="53"/>
      <c r="C1699" s="53"/>
      <c r="D1699" s="53"/>
      <c r="E1699" s="53"/>
      <c r="F1699" s="53"/>
      <c r="G1699" s="53"/>
      <c r="H1699" s="53"/>
      <c r="I1699" s="53"/>
      <c r="J1699" s="53"/>
      <c r="K1699" s="53"/>
      <c r="L1699" s="53"/>
      <c r="M1699" s="53"/>
      <c r="N1699" s="53"/>
      <c r="O1699" s="53"/>
      <c r="P1699" s="53"/>
      <c r="Q1699" s="53"/>
      <c r="R1699" s="53"/>
      <c r="S1699" s="53"/>
      <c r="T1699" s="53"/>
      <c r="U1699" s="53"/>
      <c r="V1699" s="53"/>
      <c r="W1699" s="53"/>
      <c r="X1699" s="53"/>
      <c r="Y1699" s="53"/>
      <c r="Z1699" s="53"/>
      <c r="AA1699" s="53"/>
      <c r="AB1699" s="53"/>
      <c r="AC1699" s="53"/>
      <c r="AD1699" s="53"/>
      <c r="AE1699" s="53"/>
      <c r="AF1699" s="53"/>
      <c r="AG1699" s="53"/>
      <c r="AH1699" s="53"/>
      <c r="AI1699" s="53"/>
      <c r="AJ1699" s="53"/>
      <c r="AK1699" s="53"/>
      <c r="AL1699" s="53"/>
      <c r="AM1699" s="53"/>
      <c r="AN1699" s="53"/>
      <c r="AO1699" s="53"/>
      <c r="AP1699" s="53"/>
      <c r="AQ1699" s="53"/>
      <c r="AR1699" s="53"/>
      <c r="AS1699" s="53"/>
      <c r="AT1699" s="53"/>
      <c r="AU1699" s="53"/>
      <c r="AV1699" s="53"/>
      <c r="AW1699" s="53"/>
      <c r="AX1699" s="53"/>
      <c r="AY1699" s="53"/>
      <c r="AZ1699" s="53"/>
      <c r="BA1699" s="53"/>
      <c r="BB1699" s="53"/>
      <c r="BC1699" s="53"/>
      <c r="BD1699" s="53"/>
      <c r="BE1699" s="53"/>
      <c r="BF1699" s="53"/>
      <c r="BG1699" s="53"/>
      <c r="BH1699" s="53"/>
      <c r="BI1699" s="53"/>
      <c r="BJ1699" s="53"/>
      <c r="BK1699" s="53"/>
      <c r="BL1699" s="53"/>
      <c r="BM1699" s="53"/>
      <c r="BN1699" s="53"/>
      <c r="BO1699" s="53"/>
      <c r="BP1699" s="53"/>
      <c r="BQ1699" s="53"/>
      <c r="BR1699" s="53"/>
      <c r="BS1699" s="53"/>
      <c r="BT1699" s="53"/>
      <c r="BU1699" s="53"/>
      <c r="BV1699" s="53"/>
      <c r="BW1699" s="53"/>
      <c r="BX1699" s="53"/>
      <c r="BY1699" s="53"/>
      <c r="BZ1699" s="53"/>
      <c r="CA1699" s="53"/>
      <c r="CB1699" s="53">
        <v>-8902.2999999999993</v>
      </c>
      <c r="CC1699" s="53">
        <v>-8902.2999999999993</v>
      </c>
      <c r="CD1699" s="53">
        <v>-8902.2999999999993</v>
      </c>
      <c r="CE1699" s="53">
        <v>-8902.2999999999993</v>
      </c>
      <c r="CF1699" s="53">
        <v>-8902.2999999999993</v>
      </c>
      <c r="CG1699" s="53">
        <v>-8902.2999999999993</v>
      </c>
      <c r="CH1699" s="53">
        <v>-8902.2999999999993</v>
      </c>
      <c r="CI1699" s="53">
        <v>-8902.2999999999993</v>
      </c>
      <c r="CJ1699" s="53">
        <v>-8902.2999999999993</v>
      </c>
      <c r="CK1699" s="53">
        <v>-8902.2999999999993</v>
      </c>
      <c r="CL1699" s="53">
        <v>-8902.2999999999993</v>
      </c>
      <c r="CM1699" s="53">
        <v>-8902.2999999999993</v>
      </c>
      <c r="CN1699" s="53">
        <v>-106827.599999999</v>
      </c>
    </row>
    <row r="1700" spans="1:92" outlineLevel="1">
      <c r="A1700" s="52" t="s">
        <v>1249</v>
      </c>
      <c r="B1700" s="53">
        <v>-106318449.72999901</v>
      </c>
      <c r="C1700" s="53">
        <v>-100794760.3</v>
      </c>
      <c r="D1700" s="53">
        <v>-127940463.469999</v>
      </c>
      <c r="E1700" s="53">
        <v>-102737561</v>
      </c>
      <c r="F1700" s="53">
        <v>-165531098.33000001</v>
      </c>
      <c r="G1700" s="53">
        <v>-188818153.13</v>
      </c>
      <c r="H1700" s="53">
        <v>-245991165.06</v>
      </c>
      <c r="I1700" s="53">
        <v>-244053514.19999999</v>
      </c>
      <c r="J1700" s="53">
        <v>-221759871.77000001</v>
      </c>
      <c r="K1700" s="53">
        <v>-205629827.78999999</v>
      </c>
      <c r="L1700" s="53">
        <v>-149868013.94999999</v>
      </c>
      <c r="M1700" s="53">
        <v>-173142034.31</v>
      </c>
      <c r="N1700" s="53">
        <v>-2032584913.04</v>
      </c>
      <c r="O1700" s="53">
        <v>-170256544.28999999</v>
      </c>
      <c r="P1700" s="53">
        <v>-152994064.80000001</v>
      </c>
      <c r="Q1700" s="53">
        <v>-144113365.46000001</v>
      </c>
      <c r="R1700" s="53">
        <v>-128691680.13</v>
      </c>
      <c r="S1700" s="53">
        <v>-139762662.09</v>
      </c>
      <c r="T1700" s="53">
        <v>-151151211.72999999</v>
      </c>
      <c r="U1700" s="53">
        <v>-163390006.09</v>
      </c>
      <c r="V1700" s="53">
        <v>-159137751.93000001</v>
      </c>
      <c r="W1700" s="53">
        <v>-148151117.47999999</v>
      </c>
      <c r="X1700" s="53">
        <v>-135366420.88</v>
      </c>
      <c r="Y1700" s="53">
        <v>-122532544.019999</v>
      </c>
      <c r="Z1700" s="53">
        <v>-141364511.03</v>
      </c>
      <c r="AA1700" s="53">
        <v>-1756911879.9300001</v>
      </c>
      <c r="AB1700" s="53">
        <v>-145243330.71999899</v>
      </c>
      <c r="AC1700" s="53">
        <v>-131565532.47999901</v>
      </c>
      <c r="AD1700" s="53">
        <v>-125545250.39999899</v>
      </c>
      <c r="AE1700" s="53">
        <v>-107376927.11999901</v>
      </c>
      <c r="AF1700" s="53">
        <v>-116035234.78999899</v>
      </c>
      <c r="AG1700" s="53">
        <v>-131086793.279999</v>
      </c>
      <c r="AH1700" s="53">
        <v>-138610982.09</v>
      </c>
      <c r="AI1700" s="53">
        <v>-136039846.30000001</v>
      </c>
      <c r="AJ1700" s="53">
        <v>-133505884.06999999</v>
      </c>
      <c r="AK1700" s="53">
        <v>-121750731.81999999</v>
      </c>
      <c r="AL1700" s="53">
        <v>-109429431.84999999</v>
      </c>
      <c r="AM1700" s="53">
        <v>-127332792.81</v>
      </c>
      <c r="AN1700" s="53">
        <v>-1523522737.73</v>
      </c>
      <c r="AO1700" s="53">
        <v>-128410282.59999999</v>
      </c>
      <c r="AP1700" s="53">
        <v>-111936288.529999</v>
      </c>
      <c r="AQ1700" s="53">
        <v>-109343936.27</v>
      </c>
      <c r="AR1700" s="53">
        <v>-106153748.73</v>
      </c>
      <c r="AS1700" s="53">
        <v>-122746868.36</v>
      </c>
      <c r="AT1700" s="53">
        <v>-130665780.91</v>
      </c>
      <c r="AU1700" s="53">
        <v>-137968389.66999999</v>
      </c>
      <c r="AV1700" s="53">
        <v>-133672513.31</v>
      </c>
      <c r="AW1700" s="53">
        <v>-129613280.02</v>
      </c>
      <c r="AX1700" s="53">
        <v>-115433683.19</v>
      </c>
      <c r="AY1700" s="53">
        <v>-106979295.79000001</v>
      </c>
      <c r="AZ1700" s="53">
        <v>-124542360.67999899</v>
      </c>
      <c r="BA1700" s="53">
        <v>-1457466428.0599999</v>
      </c>
      <c r="BB1700" s="53">
        <v>-124667569.92</v>
      </c>
      <c r="BC1700" s="53">
        <v>-110298947.2</v>
      </c>
      <c r="BD1700" s="53">
        <v>-110241516.25</v>
      </c>
      <c r="BE1700" s="53">
        <v>-103431159.14999899</v>
      </c>
      <c r="BF1700" s="53">
        <v>-118639841.22</v>
      </c>
      <c r="BG1700" s="53">
        <v>-127349680.749999</v>
      </c>
      <c r="BH1700" s="53">
        <v>-134189338.11</v>
      </c>
      <c r="BI1700" s="53">
        <v>-131504854.22</v>
      </c>
      <c r="BJ1700" s="53">
        <v>-127738638.95</v>
      </c>
      <c r="BK1700" s="53">
        <v>-109139694.69</v>
      </c>
      <c r="BL1700" s="53">
        <v>-103570454.669999</v>
      </c>
      <c r="BM1700" s="53">
        <v>-120415089.45</v>
      </c>
      <c r="BN1700" s="53">
        <v>-1421186784.5799999</v>
      </c>
      <c r="BO1700" s="53">
        <v>-121357488.189999</v>
      </c>
      <c r="BP1700" s="53">
        <v>-106517265.29000001</v>
      </c>
      <c r="BQ1700" s="53">
        <v>-103255198.59</v>
      </c>
      <c r="BR1700" s="53">
        <v>-101450018.38</v>
      </c>
      <c r="BS1700" s="53">
        <v>-111594269.02</v>
      </c>
      <c r="BT1700" s="53">
        <v>-120582515.699999</v>
      </c>
      <c r="BU1700" s="53">
        <v>-128943973.16</v>
      </c>
      <c r="BV1700" s="53">
        <v>-127428889.34999999</v>
      </c>
      <c r="BW1700" s="53">
        <v>-122933468.55</v>
      </c>
      <c r="BX1700" s="53">
        <v>-109816579.059999</v>
      </c>
      <c r="BY1700" s="53">
        <v>-103137945.63</v>
      </c>
      <c r="BZ1700" s="53">
        <v>-117883663.52</v>
      </c>
      <c r="CA1700" s="53">
        <v>-1374901274.43999</v>
      </c>
      <c r="CB1700" s="53"/>
      <c r="CC1700" s="53"/>
      <c r="CD1700" s="53"/>
      <c r="CE1700" s="53"/>
      <c r="CF1700" s="53"/>
      <c r="CG1700" s="53"/>
      <c r="CH1700" s="53"/>
      <c r="CI1700" s="53"/>
      <c r="CJ1700" s="53"/>
      <c r="CK1700" s="53"/>
      <c r="CL1700" s="53"/>
      <c r="CM1700" s="53"/>
      <c r="CN1700" s="53"/>
    </row>
    <row r="1701" spans="1:92" outlineLevel="1">
      <c r="A1701" s="52" t="s">
        <v>650</v>
      </c>
      <c r="B1701" s="53"/>
      <c r="C1701" s="53"/>
      <c r="D1701" s="53"/>
      <c r="E1701" s="53"/>
      <c r="F1701" s="53"/>
      <c r="G1701" s="53"/>
      <c r="H1701" s="53"/>
      <c r="I1701" s="53"/>
      <c r="J1701" s="53"/>
      <c r="K1701" s="53"/>
      <c r="L1701" s="53"/>
      <c r="M1701" s="53"/>
      <c r="N1701" s="53"/>
      <c r="O1701" s="53"/>
      <c r="P1701" s="53"/>
      <c r="Q1701" s="53"/>
      <c r="R1701" s="53"/>
      <c r="S1701" s="53"/>
      <c r="T1701" s="53"/>
      <c r="U1701" s="53"/>
      <c r="V1701" s="53"/>
      <c r="W1701" s="53"/>
      <c r="X1701" s="53"/>
      <c r="Y1701" s="53"/>
      <c r="Z1701" s="53"/>
      <c r="AA1701" s="53"/>
      <c r="AB1701" s="53"/>
      <c r="AC1701" s="53"/>
      <c r="AD1701" s="53"/>
      <c r="AE1701" s="53"/>
      <c r="AF1701" s="53"/>
      <c r="AG1701" s="53"/>
      <c r="AH1701" s="53"/>
      <c r="AI1701" s="53"/>
      <c r="AJ1701" s="53"/>
      <c r="AK1701" s="53"/>
      <c r="AL1701" s="53"/>
      <c r="AM1701" s="53"/>
      <c r="AN1701" s="53"/>
      <c r="AO1701" s="53"/>
      <c r="AP1701" s="53"/>
      <c r="AQ1701" s="53"/>
      <c r="AR1701" s="53"/>
      <c r="AS1701" s="53"/>
      <c r="AT1701" s="53"/>
      <c r="AU1701" s="53"/>
      <c r="AV1701" s="53"/>
      <c r="AW1701" s="53"/>
      <c r="AX1701" s="53"/>
      <c r="AY1701" s="53"/>
      <c r="AZ1701" s="53"/>
      <c r="BA1701" s="53"/>
      <c r="BB1701" s="53"/>
      <c r="BC1701" s="53"/>
      <c r="BD1701" s="53"/>
      <c r="BE1701" s="53"/>
      <c r="BF1701" s="53"/>
      <c r="BG1701" s="53"/>
      <c r="BH1701" s="53"/>
      <c r="BI1701" s="53"/>
      <c r="BJ1701" s="53"/>
      <c r="BK1701" s="53"/>
      <c r="BL1701" s="53"/>
      <c r="BM1701" s="53"/>
      <c r="BN1701" s="53"/>
      <c r="BO1701" s="53"/>
      <c r="BP1701" s="53"/>
      <c r="BQ1701" s="53"/>
      <c r="BR1701" s="53"/>
      <c r="BS1701" s="53"/>
      <c r="BT1701" s="53"/>
      <c r="BU1701" s="53"/>
      <c r="BV1701" s="53"/>
      <c r="BW1701" s="53"/>
      <c r="BX1701" s="53"/>
      <c r="BY1701" s="53"/>
      <c r="BZ1701" s="53"/>
      <c r="CA1701" s="53"/>
      <c r="CB1701" s="53"/>
      <c r="CC1701" s="53"/>
      <c r="CD1701" s="53"/>
      <c r="CE1701" s="53"/>
      <c r="CF1701" s="53"/>
      <c r="CG1701" s="53"/>
      <c r="CH1701" s="53"/>
      <c r="CI1701" s="53"/>
      <c r="CJ1701" s="53"/>
      <c r="CK1701" s="53"/>
      <c r="CL1701" s="53"/>
      <c r="CM1701" s="53"/>
      <c r="CN1701" s="53"/>
    </row>
    <row r="1702" spans="1:92" outlineLevel="1">
      <c r="A1702" s="52" t="s">
        <v>1294</v>
      </c>
      <c r="B1702" s="53"/>
      <c r="C1702" s="53"/>
      <c r="D1702" s="53"/>
      <c r="E1702" s="53"/>
      <c r="F1702" s="53"/>
      <c r="G1702" s="53"/>
      <c r="H1702" s="53"/>
      <c r="I1702" s="53"/>
      <c r="J1702" s="53"/>
      <c r="K1702" s="53"/>
      <c r="L1702" s="53"/>
      <c r="M1702" s="53"/>
      <c r="N1702" s="53"/>
      <c r="O1702" s="53"/>
      <c r="P1702" s="53"/>
      <c r="Q1702" s="53"/>
      <c r="R1702" s="53"/>
      <c r="S1702" s="53"/>
      <c r="T1702" s="53"/>
      <c r="U1702" s="53"/>
      <c r="V1702" s="53"/>
      <c r="W1702" s="53"/>
      <c r="X1702" s="53"/>
      <c r="Y1702" s="53"/>
      <c r="Z1702" s="53"/>
      <c r="AA1702" s="53"/>
      <c r="AB1702" s="53"/>
      <c r="AC1702" s="53"/>
      <c r="AD1702" s="53"/>
      <c r="AE1702" s="53"/>
      <c r="AF1702" s="53"/>
      <c r="AG1702" s="53"/>
      <c r="AH1702" s="53"/>
      <c r="AI1702" s="53"/>
      <c r="AJ1702" s="53"/>
      <c r="AK1702" s="53"/>
      <c r="AL1702" s="53"/>
      <c r="AM1702" s="53"/>
      <c r="AN1702" s="53"/>
      <c r="AO1702" s="53"/>
      <c r="AP1702" s="53"/>
      <c r="AQ1702" s="53"/>
      <c r="AR1702" s="53"/>
      <c r="AS1702" s="53"/>
      <c r="AT1702" s="53"/>
      <c r="AU1702" s="53"/>
      <c r="AV1702" s="53"/>
      <c r="AW1702" s="53"/>
      <c r="AX1702" s="53"/>
      <c r="AY1702" s="53"/>
      <c r="AZ1702" s="53"/>
      <c r="BA1702" s="53"/>
      <c r="BB1702" s="53"/>
      <c r="BC1702" s="53"/>
      <c r="BD1702" s="53"/>
      <c r="BE1702" s="53"/>
      <c r="BF1702" s="53"/>
      <c r="BG1702" s="53"/>
      <c r="BH1702" s="53"/>
      <c r="BI1702" s="53"/>
      <c r="BJ1702" s="53"/>
      <c r="BK1702" s="53"/>
      <c r="BL1702" s="53"/>
      <c r="BM1702" s="53"/>
      <c r="BN1702" s="53"/>
      <c r="BO1702" s="53"/>
      <c r="BP1702" s="53"/>
      <c r="BQ1702" s="53"/>
      <c r="BR1702" s="53"/>
      <c r="BS1702" s="53"/>
      <c r="BT1702" s="53"/>
      <c r="BU1702" s="53"/>
      <c r="BV1702" s="53"/>
      <c r="BW1702" s="53"/>
      <c r="BX1702" s="53"/>
      <c r="BY1702" s="53"/>
      <c r="BZ1702" s="53"/>
      <c r="CA1702" s="53"/>
      <c r="CB1702" s="53"/>
      <c r="CC1702" s="53"/>
      <c r="CD1702" s="53"/>
      <c r="CE1702" s="53"/>
      <c r="CF1702" s="53"/>
      <c r="CG1702" s="53"/>
      <c r="CH1702" s="53"/>
      <c r="CI1702" s="53"/>
      <c r="CJ1702" s="53"/>
      <c r="CK1702" s="53"/>
      <c r="CL1702" s="53"/>
      <c r="CM1702" s="53"/>
      <c r="CN1702" s="53"/>
    </row>
    <row r="1703" spans="1:92" outlineLevel="1">
      <c r="A1703" s="52" t="s">
        <v>649</v>
      </c>
      <c r="B1703" s="53"/>
      <c r="C1703" s="53"/>
      <c r="D1703" s="53"/>
      <c r="E1703" s="53"/>
      <c r="F1703" s="53"/>
      <c r="G1703" s="53"/>
      <c r="H1703" s="53"/>
      <c r="I1703" s="53"/>
      <c r="J1703" s="53"/>
      <c r="K1703" s="53"/>
      <c r="L1703" s="53"/>
      <c r="M1703" s="53"/>
      <c r="N1703" s="53"/>
      <c r="O1703" s="53">
        <v>13011993.853433199</v>
      </c>
      <c r="P1703" s="53"/>
      <c r="Q1703" s="53"/>
      <c r="R1703" s="53"/>
      <c r="S1703" s="53"/>
      <c r="T1703" s="53"/>
      <c r="U1703" s="53"/>
      <c r="V1703" s="53"/>
      <c r="W1703" s="53"/>
      <c r="X1703" s="53"/>
      <c r="Y1703" s="53"/>
      <c r="Z1703" s="53"/>
      <c r="AA1703" s="53">
        <v>13011993.853433199</v>
      </c>
      <c r="AB1703" s="53"/>
      <c r="AC1703" s="53"/>
      <c r="AD1703" s="53"/>
      <c r="AE1703" s="53"/>
      <c r="AF1703" s="53"/>
      <c r="AG1703" s="53"/>
      <c r="AH1703" s="53"/>
      <c r="AI1703" s="53"/>
      <c r="AJ1703" s="53"/>
      <c r="AK1703" s="53"/>
      <c r="AL1703" s="53"/>
      <c r="AM1703" s="53"/>
      <c r="AN1703" s="53"/>
      <c r="AO1703" s="53"/>
      <c r="AP1703" s="53"/>
      <c r="AQ1703" s="53"/>
      <c r="AR1703" s="53"/>
      <c r="AS1703" s="53"/>
      <c r="AT1703" s="53"/>
      <c r="AU1703" s="53"/>
      <c r="AV1703" s="53"/>
      <c r="AW1703" s="53"/>
      <c r="AX1703" s="53"/>
      <c r="AY1703" s="53"/>
      <c r="AZ1703" s="53"/>
      <c r="BA1703" s="53"/>
      <c r="BB1703" s="53"/>
      <c r="BC1703" s="53"/>
      <c r="BD1703" s="53"/>
      <c r="BE1703" s="53"/>
      <c r="BF1703" s="53"/>
      <c r="BG1703" s="53"/>
      <c r="BH1703" s="53"/>
      <c r="BI1703" s="53"/>
      <c r="BJ1703" s="53"/>
      <c r="BK1703" s="53"/>
      <c r="BL1703" s="53"/>
      <c r="BM1703" s="53"/>
      <c r="BN1703" s="53"/>
      <c r="BO1703" s="53"/>
      <c r="BP1703" s="53"/>
      <c r="BQ1703" s="53"/>
      <c r="BR1703" s="53"/>
      <c r="BS1703" s="53"/>
      <c r="BT1703" s="53"/>
      <c r="BU1703" s="53"/>
      <c r="BV1703" s="53"/>
      <c r="BW1703" s="53"/>
      <c r="BX1703" s="53"/>
      <c r="BY1703" s="53"/>
      <c r="BZ1703" s="53"/>
      <c r="CA1703" s="53"/>
      <c r="CB1703" s="53">
        <v>-74166.666666666701</v>
      </c>
      <c r="CC1703" s="53">
        <v>-74166.666666666701</v>
      </c>
      <c r="CD1703" s="53">
        <v>-74166.666666666701</v>
      </c>
      <c r="CE1703" s="53">
        <v>-36458.333333333299</v>
      </c>
      <c r="CF1703" s="53">
        <v>-36458.333333333299</v>
      </c>
      <c r="CG1703" s="53">
        <v>-36458.333333333299</v>
      </c>
      <c r="CH1703" s="53">
        <v>-36458.333333333299</v>
      </c>
      <c r="CI1703" s="53">
        <v>-36458.333333333299</v>
      </c>
      <c r="CJ1703" s="53">
        <v>-36458.333333333299</v>
      </c>
      <c r="CK1703" s="53">
        <v>-36458.333333333299</v>
      </c>
      <c r="CL1703" s="53">
        <v>-36458.333333333299</v>
      </c>
      <c r="CM1703" s="53">
        <v>-36458.333333333299</v>
      </c>
      <c r="CN1703" s="53">
        <v>-550624.99999999895</v>
      </c>
    </row>
    <row r="1704" spans="1:92" outlineLevel="1">
      <c r="A1704" s="52" t="s">
        <v>1289</v>
      </c>
      <c r="B1704" s="53"/>
      <c r="C1704" s="53"/>
      <c r="D1704" s="53"/>
      <c r="E1704" s="53"/>
      <c r="F1704" s="53"/>
      <c r="G1704" s="53"/>
      <c r="H1704" s="53"/>
      <c r="I1704" s="53"/>
      <c r="J1704" s="53"/>
      <c r="K1704" s="53"/>
      <c r="L1704" s="53"/>
      <c r="M1704" s="53"/>
      <c r="N1704" s="53"/>
      <c r="O1704" s="53"/>
      <c r="P1704" s="53"/>
      <c r="Q1704" s="53"/>
      <c r="R1704" s="53"/>
      <c r="S1704" s="53"/>
      <c r="T1704" s="53"/>
      <c r="U1704" s="53"/>
      <c r="V1704" s="53"/>
      <c r="W1704" s="53"/>
      <c r="X1704" s="53"/>
      <c r="Y1704" s="53"/>
      <c r="Z1704" s="53"/>
      <c r="AA1704" s="53"/>
      <c r="AB1704" s="53"/>
      <c r="AC1704" s="53"/>
      <c r="AD1704" s="53"/>
      <c r="AE1704" s="53"/>
      <c r="AF1704" s="53"/>
      <c r="AG1704" s="53"/>
      <c r="AH1704" s="53"/>
      <c r="AI1704" s="53"/>
      <c r="AJ1704" s="53"/>
      <c r="AK1704" s="53"/>
      <c r="AL1704" s="53"/>
      <c r="AM1704" s="53"/>
      <c r="AN1704" s="53"/>
      <c r="AO1704" s="53"/>
      <c r="AP1704" s="53"/>
      <c r="AQ1704" s="53"/>
      <c r="AR1704" s="53"/>
      <c r="AS1704" s="53"/>
      <c r="AT1704" s="53"/>
      <c r="AU1704" s="53"/>
      <c r="AV1704" s="53"/>
      <c r="AW1704" s="53"/>
      <c r="AX1704" s="53"/>
      <c r="AY1704" s="53"/>
      <c r="AZ1704" s="53"/>
      <c r="BA1704" s="53"/>
      <c r="BB1704" s="53"/>
      <c r="BC1704" s="53"/>
      <c r="BD1704" s="53"/>
      <c r="BE1704" s="53"/>
      <c r="BF1704" s="53"/>
      <c r="BG1704" s="53"/>
      <c r="BH1704" s="53"/>
      <c r="BI1704" s="53"/>
      <c r="BJ1704" s="53"/>
      <c r="BK1704" s="53"/>
      <c r="BL1704" s="53"/>
      <c r="BM1704" s="53"/>
      <c r="BN1704" s="53"/>
      <c r="BO1704" s="53"/>
      <c r="BP1704" s="53"/>
      <c r="BQ1704" s="53"/>
      <c r="BR1704" s="53"/>
      <c r="BS1704" s="53"/>
      <c r="BT1704" s="53"/>
      <c r="BU1704" s="53"/>
      <c r="BV1704" s="53"/>
      <c r="BW1704" s="53"/>
      <c r="BX1704" s="53"/>
      <c r="BY1704" s="53"/>
      <c r="BZ1704" s="53"/>
      <c r="CA1704" s="53"/>
      <c r="CB1704" s="53"/>
      <c r="CC1704" s="53"/>
      <c r="CD1704" s="53"/>
      <c r="CE1704" s="53"/>
      <c r="CF1704" s="53"/>
      <c r="CG1704" s="53"/>
      <c r="CH1704" s="53"/>
      <c r="CI1704" s="53"/>
      <c r="CJ1704" s="53"/>
      <c r="CK1704" s="53"/>
      <c r="CL1704" s="53"/>
      <c r="CM1704" s="53"/>
      <c r="CN1704" s="53"/>
    </row>
    <row r="1705" spans="1:92" outlineLevel="1">
      <c r="A1705" s="52" t="s">
        <v>649</v>
      </c>
      <c r="B1705" s="53">
        <v>-166666.66666666701</v>
      </c>
      <c r="C1705" s="53">
        <v>-166666.66666666701</v>
      </c>
      <c r="D1705" s="53">
        <v>-166666.66666666701</v>
      </c>
      <c r="E1705" s="53">
        <v>-166666.66666666701</v>
      </c>
      <c r="F1705" s="53">
        <v>-166666.66666666701</v>
      </c>
      <c r="G1705" s="53">
        <v>-166666.66666666701</v>
      </c>
      <c r="H1705" s="53">
        <v>-166666.66666666701</v>
      </c>
      <c r="I1705" s="53">
        <v>-166666.66666666701</v>
      </c>
      <c r="J1705" s="53">
        <v>-166666.66666666701</v>
      </c>
      <c r="K1705" s="53">
        <v>-166666.66666666701</v>
      </c>
      <c r="L1705" s="53">
        <v>-166666.66666666701</v>
      </c>
      <c r="M1705" s="53">
        <v>-166666.66666666701</v>
      </c>
      <c r="N1705" s="53">
        <v>-2000000</v>
      </c>
      <c r="O1705" s="53">
        <v>-13011993.853433199</v>
      </c>
      <c r="P1705" s="53"/>
      <c r="Q1705" s="53"/>
      <c r="R1705" s="53"/>
      <c r="S1705" s="53"/>
      <c r="T1705" s="53"/>
      <c r="U1705" s="53"/>
      <c r="V1705" s="53"/>
      <c r="W1705" s="53"/>
      <c r="X1705" s="53"/>
      <c r="Y1705" s="53"/>
      <c r="Z1705" s="53"/>
      <c r="AA1705" s="53">
        <v>-13011993.853433199</v>
      </c>
      <c r="AB1705" s="53"/>
      <c r="AC1705" s="53"/>
      <c r="AD1705" s="53"/>
      <c r="AE1705" s="53"/>
      <c r="AF1705" s="53"/>
      <c r="AG1705" s="53"/>
      <c r="AH1705" s="53"/>
      <c r="AI1705" s="53"/>
      <c r="AJ1705" s="53"/>
      <c r="AK1705" s="53"/>
      <c r="AL1705" s="53"/>
      <c r="AM1705" s="53"/>
      <c r="AN1705" s="53"/>
      <c r="AO1705" s="53"/>
      <c r="AP1705" s="53"/>
      <c r="AQ1705" s="53"/>
      <c r="AR1705" s="53"/>
      <c r="AS1705" s="53"/>
      <c r="AT1705" s="53"/>
      <c r="AU1705" s="53"/>
      <c r="AV1705" s="53"/>
      <c r="AW1705" s="53"/>
      <c r="AX1705" s="53"/>
      <c r="AY1705" s="53"/>
      <c r="AZ1705" s="53"/>
      <c r="BA1705" s="53"/>
      <c r="BB1705" s="53"/>
      <c r="BC1705" s="53"/>
      <c r="BD1705" s="53"/>
      <c r="BE1705" s="53"/>
      <c r="BF1705" s="53"/>
      <c r="BG1705" s="53"/>
      <c r="BH1705" s="53"/>
      <c r="BI1705" s="53"/>
      <c r="BJ1705" s="53"/>
      <c r="BK1705" s="53"/>
      <c r="BL1705" s="53"/>
      <c r="BM1705" s="53"/>
      <c r="BN1705" s="53"/>
      <c r="BO1705" s="53"/>
      <c r="BP1705" s="53"/>
      <c r="BQ1705" s="53"/>
      <c r="BR1705" s="53"/>
      <c r="BS1705" s="53"/>
      <c r="BT1705" s="53"/>
      <c r="BU1705" s="53"/>
      <c r="BV1705" s="53"/>
      <c r="BW1705" s="53"/>
      <c r="BX1705" s="53"/>
      <c r="BY1705" s="53"/>
      <c r="BZ1705" s="53"/>
      <c r="CA1705" s="53"/>
      <c r="CB1705" s="53">
        <v>-10885</v>
      </c>
      <c r="CC1705" s="53">
        <v>-10885</v>
      </c>
      <c r="CD1705" s="53">
        <v>-10885</v>
      </c>
      <c r="CE1705" s="53">
        <v>-10885</v>
      </c>
      <c r="CF1705" s="53">
        <v>-10885</v>
      </c>
      <c r="CG1705" s="53">
        <v>-10885</v>
      </c>
      <c r="CH1705" s="53">
        <v>-10885</v>
      </c>
      <c r="CI1705" s="53">
        <v>-10885</v>
      </c>
      <c r="CJ1705" s="53">
        <v>-10885</v>
      </c>
      <c r="CK1705" s="53">
        <v>-10885</v>
      </c>
      <c r="CL1705" s="53">
        <v>-10885</v>
      </c>
      <c r="CM1705" s="53">
        <v>-10885</v>
      </c>
      <c r="CN1705" s="53">
        <v>-130620</v>
      </c>
    </row>
    <row r="1706" spans="1:92" outlineLevel="1">
      <c r="A1706" s="52" t="s">
        <v>1287</v>
      </c>
      <c r="B1706" s="53"/>
      <c r="C1706" s="53"/>
      <c r="D1706" s="53"/>
      <c r="E1706" s="53"/>
      <c r="F1706" s="53"/>
      <c r="G1706" s="53"/>
      <c r="H1706" s="53"/>
      <c r="I1706" s="53"/>
      <c r="J1706" s="53"/>
      <c r="K1706" s="53"/>
      <c r="L1706" s="53"/>
      <c r="M1706" s="53"/>
      <c r="N1706" s="53"/>
      <c r="O1706" s="53"/>
      <c r="P1706" s="53"/>
      <c r="Q1706" s="53"/>
      <c r="R1706" s="53"/>
      <c r="S1706" s="53"/>
      <c r="T1706" s="53"/>
      <c r="U1706" s="53"/>
      <c r="V1706" s="53"/>
      <c r="W1706" s="53"/>
      <c r="X1706" s="53"/>
      <c r="Y1706" s="53"/>
      <c r="Z1706" s="53"/>
      <c r="AA1706" s="53"/>
      <c r="AB1706" s="53"/>
      <c r="AC1706" s="53"/>
      <c r="AD1706" s="53"/>
      <c r="AE1706" s="53"/>
      <c r="AF1706" s="53"/>
      <c r="AG1706" s="53"/>
      <c r="AH1706" s="53"/>
      <c r="AI1706" s="53"/>
      <c r="AJ1706" s="53"/>
      <c r="AK1706" s="53"/>
      <c r="AL1706" s="53"/>
      <c r="AM1706" s="53"/>
      <c r="AN1706" s="53"/>
      <c r="AO1706" s="53"/>
      <c r="AP1706" s="53"/>
      <c r="AQ1706" s="53"/>
      <c r="AR1706" s="53"/>
      <c r="AS1706" s="53"/>
      <c r="AT1706" s="53"/>
      <c r="AU1706" s="53"/>
      <c r="AV1706" s="53"/>
      <c r="AW1706" s="53"/>
      <c r="AX1706" s="53"/>
      <c r="AY1706" s="53"/>
      <c r="AZ1706" s="53"/>
      <c r="BA1706" s="53"/>
      <c r="BB1706" s="53"/>
      <c r="BC1706" s="53"/>
      <c r="BD1706" s="53"/>
      <c r="BE1706" s="53"/>
      <c r="BF1706" s="53"/>
      <c r="BG1706" s="53"/>
      <c r="BH1706" s="53"/>
      <c r="BI1706" s="53"/>
      <c r="BJ1706" s="53"/>
      <c r="BK1706" s="53"/>
      <c r="BL1706" s="53"/>
      <c r="BM1706" s="53"/>
      <c r="BN1706" s="53"/>
      <c r="BO1706" s="53"/>
      <c r="BP1706" s="53"/>
      <c r="BQ1706" s="53"/>
      <c r="BR1706" s="53"/>
      <c r="BS1706" s="53"/>
      <c r="BT1706" s="53"/>
      <c r="BU1706" s="53"/>
      <c r="BV1706" s="53"/>
      <c r="BW1706" s="53"/>
      <c r="BX1706" s="53"/>
      <c r="BY1706" s="53"/>
      <c r="BZ1706" s="53"/>
      <c r="CA1706" s="53"/>
      <c r="CB1706" s="53"/>
      <c r="CC1706" s="53"/>
      <c r="CD1706" s="53"/>
      <c r="CE1706" s="53"/>
      <c r="CF1706" s="53"/>
      <c r="CG1706" s="53"/>
      <c r="CH1706" s="53"/>
      <c r="CI1706" s="53"/>
      <c r="CJ1706" s="53"/>
      <c r="CK1706" s="53"/>
      <c r="CL1706" s="53"/>
      <c r="CM1706" s="53"/>
      <c r="CN1706" s="53"/>
    </row>
    <row r="1707" spans="1:92" outlineLevel="1">
      <c r="A1707" s="52" t="s">
        <v>649</v>
      </c>
      <c r="B1707" s="53">
        <v>-16854.599999999999</v>
      </c>
      <c r="C1707" s="53">
        <v>-8567.7999999999993</v>
      </c>
      <c r="D1707" s="53">
        <v>-1641.6</v>
      </c>
      <c r="E1707" s="53">
        <v>-4957</v>
      </c>
      <c r="F1707" s="53">
        <v>-16777.400000000001</v>
      </c>
      <c r="G1707" s="53">
        <v>395.1</v>
      </c>
      <c r="H1707" s="53">
        <v>113.6</v>
      </c>
      <c r="I1707" s="53">
        <v>-455.2</v>
      </c>
      <c r="J1707" s="53">
        <v>-2129</v>
      </c>
      <c r="K1707" s="53">
        <v>-1834.8999999999901</v>
      </c>
      <c r="L1707" s="53">
        <v>-8.6969565163599292</v>
      </c>
      <c r="M1707" s="53">
        <v>-6925.2</v>
      </c>
      <c r="N1707" s="53">
        <v>-59642.696956516302</v>
      </c>
      <c r="O1707" s="53">
        <v>26972252.3807608</v>
      </c>
      <c r="P1707" s="53">
        <v>12342.963667496701</v>
      </c>
      <c r="Q1707" s="53">
        <v>107477.202463333</v>
      </c>
      <c r="R1707" s="53">
        <v>107264.92164589401</v>
      </c>
      <c r="S1707" s="53">
        <v>87254.804872237801</v>
      </c>
      <c r="T1707" s="53">
        <v>56618.983309157898</v>
      </c>
      <c r="U1707" s="53">
        <v>66423.5662530962</v>
      </c>
      <c r="V1707" s="53">
        <v>57434.5205439364</v>
      </c>
      <c r="W1707" s="53">
        <v>58357.588991040197</v>
      </c>
      <c r="X1707" s="53">
        <v>76317.635634432503</v>
      </c>
      <c r="Y1707" s="53">
        <v>-8353.6205669180599</v>
      </c>
      <c r="Z1707" s="53">
        <v>-9266.0006087423099</v>
      </c>
      <c r="AA1707" s="53">
        <v>27584124.946965698</v>
      </c>
      <c r="AB1707" s="53">
        <v>19566.449826817901</v>
      </c>
      <c r="AC1707" s="53">
        <v>33703.264818216499</v>
      </c>
      <c r="AD1707" s="53">
        <v>-35567.587871606302</v>
      </c>
      <c r="AE1707" s="53">
        <v>5642.2607364955602</v>
      </c>
      <c r="AF1707" s="53">
        <v>-60900.837342934603</v>
      </c>
      <c r="AG1707" s="53">
        <v>-73746.685166889001</v>
      </c>
      <c r="AH1707" s="53">
        <v>-26884.298339926499</v>
      </c>
      <c r="AI1707" s="53">
        <v>77031.902905713301</v>
      </c>
      <c r="AJ1707" s="53">
        <v>44708.705025899697</v>
      </c>
      <c r="AK1707" s="53">
        <v>53810.013761321403</v>
      </c>
      <c r="AL1707" s="53">
        <v>-5011.6688384317404</v>
      </c>
      <c r="AM1707" s="53">
        <v>-22556.548018615998</v>
      </c>
      <c r="AN1707" s="53">
        <v>9794.9714960601395</v>
      </c>
      <c r="AO1707" s="53">
        <v>-16592.636564938301</v>
      </c>
      <c r="AP1707" s="53">
        <v>-24403.5073785116</v>
      </c>
      <c r="AQ1707" s="53">
        <v>-84752.463028330603</v>
      </c>
      <c r="AR1707" s="53">
        <v>-44264.936813268498</v>
      </c>
      <c r="AS1707" s="53">
        <v>-94468.629338087398</v>
      </c>
      <c r="AT1707" s="53">
        <v>-103709.355246443</v>
      </c>
      <c r="AU1707" s="53">
        <v>-56280.2952303407</v>
      </c>
      <c r="AV1707" s="53">
        <v>70896.193023423199</v>
      </c>
      <c r="AW1707" s="53">
        <v>43270.8060995552</v>
      </c>
      <c r="AX1707" s="53">
        <v>13107.5833478512</v>
      </c>
      <c r="AY1707" s="53">
        <v>-18262.825693200899</v>
      </c>
      <c r="AZ1707" s="53">
        <v>-20087.004303966602</v>
      </c>
      <c r="BA1707" s="53">
        <v>-335547.071126258</v>
      </c>
      <c r="BB1707" s="53">
        <v>-15829.759425570999</v>
      </c>
      <c r="BC1707" s="53">
        <v>-20453.762957928098</v>
      </c>
      <c r="BD1707" s="53">
        <v>-58907.947855812403</v>
      </c>
      <c r="BE1707" s="53">
        <v>-32315.685607551099</v>
      </c>
      <c r="BF1707" s="53">
        <v>-79736.355696440995</v>
      </c>
      <c r="BG1707" s="53">
        <v>-76219.210612762297</v>
      </c>
      <c r="BH1707" s="53">
        <v>-44241.617582025399</v>
      </c>
      <c r="BI1707" s="53">
        <v>93594.184419023804</v>
      </c>
      <c r="BJ1707" s="53">
        <v>82810.495379220796</v>
      </c>
      <c r="BK1707" s="53">
        <v>49982.634886036998</v>
      </c>
      <c r="BL1707" s="53">
        <v>23808.6058711197</v>
      </c>
      <c r="BM1707" s="53">
        <v>21308.695381128899</v>
      </c>
      <c r="BN1707" s="53">
        <v>-56199.7238015611</v>
      </c>
      <c r="BO1707" s="53">
        <v>10423.2427628449</v>
      </c>
      <c r="BP1707" s="53">
        <v>597.35156434180703</v>
      </c>
      <c r="BQ1707" s="53">
        <v>-23318.967840968999</v>
      </c>
      <c r="BR1707" s="53">
        <v>-15157.073525915501</v>
      </c>
      <c r="BS1707" s="53">
        <v>-49889.174690979402</v>
      </c>
      <c r="BT1707" s="53">
        <v>-41408.2619443652</v>
      </c>
      <c r="BU1707" s="53">
        <v>-32623.451761930399</v>
      </c>
      <c r="BV1707" s="53">
        <v>114032.39609742</v>
      </c>
      <c r="BW1707" s="53">
        <v>102229.043502389</v>
      </c>
      <c r="BX1707" s="53">
        <v>66725.321171368705</v>
      </c>
      <c r="BY1707" s="53">
        <v>47441.8958135211</v>
      </c>
      <c r="BZ1707" s="53">
        <v>45557.996967385399</v>
      </c>
      <c r="CA1707" s="53">
        <v>224610.31811511199</v>
      </c>
      <c r="CB1707" s="53"/>
      <c r="CC1707" s="53"/>
      <c r="CD1707" s="53"/>
      <c r="CE1707" s="53"/>
      <c r="CF1707" s="53"/>
      <c r="CG1707" s="53"/>
      <c r="CH1707" s="53"/>
      <c r="CI1707" s="53"/>
      <c r="CJ1707" s="53"/>
      <c r="CK1707" s="53"/>
      <c r="CL1707" s="53"/>
      <c r="CM1707" s="53"/>
      <c r="CN1707" s="53"/>
    </row>
    <row r="1708" spans="1:92" outlineLevel="1">
      <c r="A1708" s="52" t="s">
        <v>1291</v>
      </c>
      <c r="B1708" s="53"/>
      <c r="C1708" s="53"/>
      <c r="D1708" s="53"/>
      <c r="E1708" s="53"/>
      <c r="F1708" s="53"/>
      <c r="G1708" s="53"/>
      <c r="H1708" s="53"/>
      <c r="I1708" s="53"/>
      <c r="J1708" s="53"/>
      <c r="K1708" s="53"/>
      <c r="L1708" s="53"/>
      <c r="M1708" s="53"/>
      <c r="N1708" s="53"/>
      <c r="O1708" s="53"/>
      <c r="P1708" s="53"/>
      <c r="Q1708" s="53"/>
      <c r="R1708" s="53"/>
      <c r="S1708" s="53"/>
      <c r="T1708" s="53"/>
      <c r="U1708" s="53"/>
      <c r="V1708" s="53"/>
      <c r="W1708" s="53"/>
      <c r="X1708" s="53"/>
      <c r="Y1708" s="53"/>
      <c r="Z1708" s="53"/>
      <c r="AA1708" s="53"/>
      <c r="AB1708" s="53"/>
      <c r="AC1708" s="53"/>
      <c r="AD1708" s="53"/>
      <c r="AE1708" s="53"/>
      <c r="AF1708" s="53"/>
      <c r="AG1708" s="53"/>
      <c r="AH1708" s="53"/>
      <c r="AI1708" s="53"/>
      <c r="AJ1708" s="53"/>
      <c r="AK1708" s="53"/>
      <c r="AL1708" s="53"/>
      <c r="AM1708" s="53"/>
      <c r="AN1708" s="53"/>
      <c r="AO1708" s="53"/>
      <c r="AP1708" s="53"/>
      <c r="AQ1708" s="53"/>
      <c r="AR1708" s="53"/>
      <c r="AS1708" s="53"/>
      <c r="AT1708" s="53"/>
      <c r="AU1708" s="53"/>
      <c r="AV1708" s="53"/>
      <c r="AW1708" s="53"/>
      <c r="AX1708" s="53"/>
      <c r="AY1708" s="53"/>
      <c r="AZ1708" s="53"/>
      <c r="BA1708" s="53"/>
      <c r="BB1708" s="53"/>
      <c r="BC1708" s="53"/>
      <c r="BD1708" s="53"/>
      <c r="BE1708" s="53"/>
      <c r="BF1708" s="53"/>
      <c r="BG1708" s="53"/>
      <c r="BH1708" s="53"/>
      <c r="BI1708" s="53"/>
      <c r="BJ1708" s="53"/>
      <c r="BK1708" s="53"/>
      <c r="BL1708" s="53"/>
      <c r="BM1708" s="53"/>
      <c r="BN1708" s="53"/>
      <c r="BO1708" s="53"/>
      <c r="BP1708" s="53"/>
      <c r="BQ1708" s="53"/>
      <c r="BR1708" s="53"/>
      <c r="BS1708" s="53"/>
      <c r="BT1708" s="53"/>
      <c r="BU1708" s="53"/>
      <c r="BV1708" s="53"/>
      <c r="BW1708" s="53"/>
      <c r="BX1708" s="53"/>
      <c r="BY1708" s="53"/>
      <c r="BZ1708" s="53"/>
      <c r="CA1708" s="53"/>
      <c r="CB1708" s="53"/>
      <c r="CC1708" s="53"/>
      <c r="CD1708" s="53"/>
      <c r="CE1708" s="53"/>
      <c r="CF1708" s="53"/>
      <c r="CG1708" s="53"/>
      <c r="CH1708" s="53"/>
      <c r="CI1708" s="53"/>
      <c r="CJ1708" s="53"/>
      <c r="CK1708" s="53"/>
      <c r="CL1708" s="53"/>
      <c r="CM1708" s="53"/>
      <c r="CN1708" s="53"/>
    </row>
    <row r="1709" spans="1:92" outlineLevel="1">
      <c r="A1709" s="52" t="s">
        <v>649</v>
      </c>
      <c r="B1709" s="53">
        <v>-720000.74046040897</v>
      </c>
      <c r="C1709" s="53">
        <v>-720000.74046040897</v>
      </c>
      <c r="D1709" s="53">
        <v>-720000.74046040897</v>
      </c>
      <c r="E1709" s="53">
        <v>-720000.74046040897</v>
      </c>
      <c r="F1709" s="53">
        <v>-720000.74046040897</v>
      </c>
      <c r="G1709" s="53">
        <v>-720000.74046040897</v>
      </c>
      <c r="H1709" s="53">
        <v>-720000.74046040897</v>
      </c>
      <c r="I1709" s="53">
        <v>-720000.74046040897</v>
      </c>
      <c r="J1709" s="53">
        <v>-720000.74046040897</v>
      </c>
      <c r="K1709" s="53">
        <v>-720000.74046040897</v>
      </c>
      <c r="L1709" s="53">
        <v>-720000.74046040897</v>
      </c>
      <c r="M1709" s="53">
        <v>-720000.74046040897</v>
      </c>
      <c r="N1709" s="53">
        <v>-8640008.8855249099</v>
      </c>
      <c r="O1709" s="53">
        <v>-837739.11872719799</v>
      </c>
      <c r="P1709" s="53">
        <v>14366131.421122599</v>
      </c>
      <c r="Q1709" s="53">
        <v>6636112.9663426802</v>
      </c>
      <c r="R1709" s="53">
        <v>-17382.418596622301</v>
      </c>
      <c r="S1709" s="53">
        <v>-1320420.1621185499</v>
      </c>
      <c r="T1709" s="53">
        <v>-1222762.59542939</v>
      </c>
      <c r="U1709" s="53">
        <v>-1246933.72720965</v>
      </c>
      <c r="V1709" s="53">
        <v>-1198618.65355461</v>
      </c>
      <c r="W1709" s="53">
        <v>-816607.97157991305</v>
      </c>
      <c r="X1709" s="53">
        <v>-78969.734516533194</v>
      </c>
      <c r="Y1709" s="53"/>
      <c r="Z1709" s="53"/>
      <c r="AA1709" s="53">
        <v>14262810.005732801</v>
      </c>
      <c r="AB1709" s="53">
        <v>-159396.98351845299</v>
      </c>
      <c r="AC1709" s="53">
        <v>-7655.8406842814302</v>
      </c>
      <c r="AD1709" s="53"/>
      <c r="AE1709" s="53">
        <v>-97255.291564477404</v>
      </c>
      <c r="AF1709" s="53">
        <v>-776917.36263051303</v>
      </c>
      <c r="AG1709" s="53">
        <v>-738188.55743353197</v>
      </c>
      <c r="AH1709" s="53">
        <v>-708003.12641932396</v>
      </c>
      <c r="AI1709" s="53">
        <v>-812705.60911089601</v>
      </c>
      <c r="AJ1709" s="53">
        <v>-406740.82915997098</v>
      </c>
      <c r="AK1709" s="53">
        <v>-183173.97711180101</v>
      </c>
      <c r="AL1709" s="53">
        <v>-267465.69639317802</v>
      </c>
      <c r="AM1709" s="53"/>
      <c r="AN1709" s="53">
        <v>-4157503.27402642</v>
      </c>
      <c r="AO1709" s="53">
        <v>-31914.462826986</v>
      </c>
      <c r="AP1709" s="53">
        <v>-8623.9390217233395</v>
      </c>
      <c r="AQ1709" s="53">
        <v>-321708.75747491699</v>
      </c>
      <c r="AR1709" s="53">
        <v>-149778.38290843501</v>
      </c>
      <c r="AS1709" s="53">
        <v>-340894.52444876998</v>
      </c>
      <c r="AT1709" s="53">
        <v>-351551.61753155699</v>
      </c>
      <c r="AU1709" s="53">
        <v>-330216.15992824099</v>
      </c>
      <c r="AV1709" s="53">
        <v>-231424.09819176799</v>
      </c>
      <c r="AW1709" s="53">
        <v>-217062.36264681499</v>
      </c>
      <c r="AX1709" s="53">
        <v>-114785.01584178599</v>
      </c>
      <c r="AY1709" s="53"/>
      <c r="AZ1709" s="53"/>
      <c r="BA1709" s="53">
        <v>-2097959.32082099</v>
      </c>
      <c r="BB1709" s="53">
        <v>-54835.355413437399</v>
      </c>
      <c r="BC1709" s="53">
        <v>-5999.9016805231804</v>
      </c>
      <c r="BD1709" s="53"/>
      <c r="BE1709" s="53">
        <v>-3534.66142005345</v>
      </c>
      <c r="BF1709" s="53">
        <v>-446186.69961813401</v>
      </c>
      <c r="BG1709" s="53">
        <v>-457606.463671531</v>
      </c>
      <c r="BH1709" s="53">
        <v>-439080.89468070801</v>
      </c>
      <c r="BI1709" s="53">
        <v>-401082.65208509698</v>
      </c>
      <c r="BJ1709" s="53">
        <v>-342254.75542270602</v>
      </c>
      <c r="BK1709" s="53">
        <v>-377762.24580325698</v>
      </c>
      <c r="BL1709" s="53">
        <v>-108007.46336428</v>
      </c>
      <c r="BM1709" s="53"/>
      <c r="BN1709" s="53">
        <v>-2636351.0931597198</v>
      </c>
      <c r="BO1709" s="53">
        <v>-42811.950860384997</v>
      </c>
      <c r="BP1709" s="53">
        <v>-21507.163226604502</v>
      </c>
      <c r="BQ1709" s="53">
        <v>-201253.810403068</v>
      </c>
      <c r="BR1709" s="53">
        <v>-2741.34073271125</v>
      </c>
      <c r="BS1709" s="53">
        <v>-289003.657767025</v>
      </c>
      <c r="BT1709" s="53">
        <v>-285680.66946936602</v>
      </c>
      <c r="BU1709" s="53">
        <v>-288034.81392021099</v>
      </c>
      <c r="BV1709" s="53">
        <v>-251776.877214943</v>
      </c>
      <c r="BW1709" s="53">
        <v>-225111.941258292</v>
      </c>
      <c r="BX1709" s="53">
        <v>-167914.45636721599</v>
      </c>
      <c r="BY1709" s="53"/>
      <c r="BZ1709" s="53">
        <v>-4270.7639702566703</v>
      </c>
      <c r="CA1709" s="53">
        <v>-1780107.44519007</v>
      </c>
      <c r="CB1709" s="53"/>
      <c r="CC1709" s="53"/>
      <c r="CD1709" s="53"/>
      <c r="CE1709" s="53"/>
      <c r="CF1709" s="53"/>
      <c r="CG1709" s="53"/>
      <c r="CH1709" s="53"/>
      <c r="CI1709" s="53"/>
      <c r="CJ1709" s="53"/>
      <c r="CK1709" s="53"/>
      <c r="CL1709" s="53"/>
      <c r="CM1709" s="53"/>
      <c r="CN1709" s="53"/>
    </row>
    <row r="1710" spans="1:92">
      <c r="A1710" s="52" t="s">
        <v>1292</v>
      </c>
      <c r="B1710" s="53"/>
      <c r="C1710" s="53"/>
      <c r="D1710" s="53"/>
      <c r="E1710" s="53"/>
      <c r="F1710" s="53"/>
      <c r="G1710" s="53"/>
      <c r="H1710" s="53"/>
      <c r="I1710" s="53"/>
      <c r="J1710" s="53"/>
      <c r="K1710" s="53"/>
      <c r="L1710" s="53"/>
      <c r="M1710" s="53"/>
      <c r="N1710" s="53"/>
      <c r="O1710" s="53"/>
      <c r="P1710" s="53"/>
      <c r="Q1710" s="53"/>
      <c r="R1710" s="53"/>
      <c r="S1710" s="53"/>
      <c r="T1710" s="53"/>
      <c r="U1710" s="53"/>
      <c r="V1710" s="53"/>
      <c r="W1710" s="53"/>
      <c r="X1710" s="53"/>
      <c r="Y1710" s="53"/>
      <c r="Z1710" s="53"/>
      <c r="AA1710" s="53"/>
      <c r="AB1710" s="53"/>
      <c r="AC1710" s="53"/>
      <c r="AD1710" s="53"/>
      <c r="AE1710" s="53"/>
      <c r="AF1710" s="53"/>
      <c r="AG1710" s="53"/>
      <c r="AH1710" s="53"/>
      <c r="AI1710" s="53"/>
      <c r="AJ1710" s="53"/>
      <c r="AK1710" s="53"/>
      <c r="AL1710" s="53"/>
      <c r="AM1710" s="53"/>
      <c r="AN1710" s="53"/>
      <c r="AO1710" s="53"/>
      <c r="AP1710" s="53"/>
      <c r="AQ1710" s="53"/>
      <c r="AR1710" s="53"/>
      <c r="AS1710" s="53"/>
      <c r="AT1710" s="53"/>
      <c r="AU1710" s="53"/>
      <c r="AV1710" s="53"/>
      <c r="AW1710" s="53"/>
      <c r="AX1710" s="53"/>
      <c r="AY1710" s="53"/>
      <c r="AZ1710" s="53"/>
      <c r="BA1710" s="53"/>
      <c r="BB1710" s="53"/>
      <c r="BC1710" s="53"/>
      <c r="BD1710" s="53"/>
      <c r="BE1710" s="53"/>
      <c r="BF1710" s="53"/>
      <c r="BG1710" s="53"/>
      <c r="BH1710" s="53"/>
      <c r="BI1710" s="53"/>
      <c r="BJ1710" s="53"/>
      <c r="BK1710" s="53"/>
      <c r="BL1710" s="53"/>
      <c r="BM1710" s="53"/>
      <c r="BN1710" s="53"/>
      <c r="BO1710" s="53"/>
      <c r="BP1710" s="53"/>
      <c r="BQ1710" s="53"/>
      <c r="BR1710" s="53"/>
      <c r="BS1710" s="53"/>
      <c r="BT1710" s="53"/>
      <c r="BU1710" s="53"/>
      <c r="BV1710" s="53"/>
      <c r="BW1710" s="53"/>
      <c r="BX1710" s="53"/>
      <c r="BY1710" s="53"/>
      <c r="BZ1710" s="53"/>
      <c r="CA1710" s="53"/>
      <c r="CB1710" s="53">
        <v>-30611641.870372999</v>
      </c>
      <c r="CC1710" s="53">
        <v>-31603238.0376059</v>
      </c>
      <c r="CD1710" s="53">
        <v>-32546244.852846898</v>
      </c>
      <c r="CE1710" s="53">
        <v>-33056917.571814001</v>
      </c>
      <c r="CF1710" s="53">
        <v>-33819913.831041798</v>
      </c>
      <c r="CG1710" s="53">
        <v>-34766155.657343701</v>
      </c>
      <c r="CH1710" s="53">
        <v>-34870152.815458603</v>
      </c>
      <c r="CI1710" s="53">
        <v>-35817927.357885003</v>
      </c>
      <c r="CJ1710" s="53">
        <v>-36767158.1933994</v>
      </c>
      <c r="CK1710" s="53">
        <v>-36882544.603856601</v>
      </c>
      <c r="CL1710" s="53">
        <v>-37833299.897772402</v>
      </c>
      <c r="CM1710" s="53">
        <v>-38785398.849575698</v>
      </c>
      <c r="CN1710" s="53">
        <v>-417360593.53897297</v>
      </c>
    </row>
    <row r="1711" spans="1:92">
      <c r="A1711" s="52" t="s">
        <v>649</v>
      </c>
      <c r="B1711" s="53">
        <v>228698.20629999999</v>
      </c>
      <c r="C1711" s="53">
        <v>117870.7846</v>
      </c>
      <c r="D1711" s="53">
        <v>62151.5</v>
      </c>
      <c r="E1711" s="53">
        <v>36723.769999999997</v>
      </c>
      <c r="F1711" s="53">
        <v>66655.3</v>
      </c>
      <c r="G1711" s="53">
        <v>-1206775</v>
      </c>
      <c r="H1711" s="53">
        <v>-1170593.8</v>
      </c>
      <c r="I1711" s="53">
        <v>-1213492.29999999</v>
      </c>
      <c r="J1711" s="53">
        <v>-1231131.8999999999</v>
      </c>
      <c r="K1711" s="53">
        <v>-1234847.6000000001</v>
      </c>
      <c r="L1711" s="53">
        <v>-1244708.5999999901</v>
      </c>
      <c r="M1711" s="53">
        <v>-4505441.3999999901</v>
      </c>
      <c r="N1711" s="53">
        <v>-11294891.0390999</v>
      </c>
      <c r="O1711" s="53"/>
      <c r="P1711" s="53"/>
      <c r="Q1711" s="53"/>
      <c r="R1711" s="53"/>
      <c r="S1711" s="53"/>
      <c r="T1711" s="53"/>
      <c r="U1711" s="53"/>
      <c r="V1711" s="53"/>
      <c r="W1711" s="53"/>
      <c r="X1711" s="53"/>
      <c r="Y1711" s="53"/>
      <c r="Z1711" s="53"/>
      <c r="AA1711" s="53"/>
      <c r="AB1711" s="53"/>
      <c r="AC1711" s="53"/>
      <c r="AD1711" s="53"/>
      <c r="AE1711" s="53"/>
      <c r="AF1711" s="53"/>
      <c r="AG1711" s="53"/>
      <c r="AH1711" s="53"/>
      <c r="AI1711" s="53"/>
      <c r="AJ1711" s="53"/>
      <c r="AK1711" s="53"/>
      <c r="AL1711" s="53"/>
      <c r="AM1711" s="53"/>
      <c r="AN1711" s="53"/>
      <c r="AO1711" s="53"/>
      <c r="AP1711" s="53"/>
      <c r="AQ1711" s="53"/>
      <c r="AR1711" s="53"/>
      <c r="AS1711" s="53"/>
      <c r="AT1711" s="53"/>
      <c r="AU1711" s="53"/>
      <c r="AV1711" s="53"/>
      <c r="AW1711" s="53"/>
      <c r="AX1711" s="53"/>
      <c r="AY1711" s="53"/>
      <c r="AZ1711" s="53"/>
      <c r="BA1711" s="53"/>
      <c r="BB1711" s="53"/>
      <c r="BC1711" s="53"/>
      <c r="BD1711" s="53"/>
      <c r="BE1711" s="53"/>
      <c r="BF1711" s="53"/>
      <c r="BG1711" s="53"/>
      <c r="BH1711" s="53"/>
      <c r="BI1711" s="53"/>
      <c r="BJ1711" s="53"/>
      <c r="BK1711" s="53"/>
      <c r="BL1711" s="53"/>
      <c r="BM1711" s="53"/>
      <c r="BN1711" s="53"/>
      <c r="BO1711" s="53"/>
      <c r="BP1711" s="53"/>
      <c r="BQ1711" s="53"/>
      <c r="BR1711" s="53"/>
      <c r="BS1711" s="53"/>
      <c r="BT1711" s="53"/>
      <c r="BU1711" s="53"/>
      <c r="BV1711" s="53"/>
      <c r="BW1711" s="53"/>
      <c r="BX1711" s="53"/>
      <c r="BY1711" s="53"/>
      <c r="BZ1711" s="53"/>
      <c r="CA1711" s="53"/>
      <c r="CB1711" s="53"/>
      <c r="CC1711" s="53"/>
      <c r="CD1711" s="53"/>
      <c r="CE1711" s="53"/>
      <c r="CF1711" s="53"/>
      <c r="CG1711" s="53"/>
      <c r="CH1711" s="53"/>
      <c r="CI1711" s="53"/>
      <c r="CJ1711" s="53"/>
      <c r="CK1711" s="53"/>
      <c r="CL1711" s="53"/>
      <c r="CM1711" s="53"/>
      <c r="CN1711" s="53"/>
    </row>
    <row r="1712" spans="1:92">
      <c r="A1712" s="52" t="s">
        <v>672</v>
      </c>
      <c r="B1712" s="53"/>
      <c r="C1712" s="53"/>
      <c r="D1712" s="53"/>
      <c r="E1712" s="53"/>
      <c r="F1712" s="53"/>
      <c r="G1712" s="53"/>
      <c r="H1712" s="53"/>
      <c r="I1712" s="53"/>
      <c r="J1712" s="53"/>
      <c r="K1712" s="53"/>
      <c r="L1712" s="53"/>
      <c r="M1712" s="53"/>
      <c r="N1712" s="53"/>
      <c r="O1712" s="53"/>
      <c r="P1712" s="53"/>
      <c r="Q1712" s="53"/>
      <c r="R1712" s="53"/>
      <c r="S1712" s="53"/>
      <c r="T1712" s="53"/>
      <c r="U1712" s="53"/>
      <c r="V1712" s="53"/>
      <c r="W1712" s="53"/>
      <c r="X1712" s="53"/>
      <c r="Y1712" s="53"/>
      <c r="Z1712" s="53"/>
      <c r="AA1712" s="53"/>
      <c r="AB1712" s="53"/>
      <c r="AC1712" s="53"/>
      <c r="AD1712" s="53"/>
      <c r="AE1712" s="53"/>
      <c r="AF1712" s="53"/>
      <c r="AG1712" s="53"/>
      <c r="AH1712" s="53"/>
      <c r="AI1712" s="53"/>
      <c r="AJ1712" s="53"/>
      <c r="AK1712" s="53"/>
      <c r="AL1712" s="53"/>
      <c r="AM1712" s="53"/>
      <c r="AN1712" s="53"/>
      <c r="AO1712" s="53"/>
      <c r="AP1712" s="53"/>
      <c r="AQ1712" s="53"/>
      <c r="AR1712" s="53"/>
      <c r="AS1712" s="53"/>
      <c r="AT1712" s="53"/>
      <c r="AU1712" s="53"/>
      <c r="AV1712" s="53"/>
      <c r="AW1712" s="53"/>
      <c r="AX1712" s="53"/>
      <c r="AY1712" s="53"/>
      <c r="AZ1712" s="53"/>
      <c r="BA1712" s="53"/>
      <c r="BB1712" s="53"/>
      <c r="BC1712" s="53"/>
      <c r="BD1712" s="53"/>
      <c r="BE1712" s="53"/>
      <c r="BF1712" s="53"/>
      <c r="BG1712" s="53"/>
      <c r="BH1712" s="53"/>
      <c r="BI1712" s="53"/>
      <c r="BJ1712" s="53"/>
      <c r="BK1712" s="53"/>
      <c r="BL1712" s="53"/>
      <c r="BM1712" s="53"/>
      <c r="BN1712" s="53"/>
      <c r="BO1712" s="53"/>
      <c r="BP1712" s="53"/>
      <c r="BQ1712" s="53"/>
      <c r="BR1712" s="53"/>
      <c r="BS1712" s="53"/>
      <c r="BT1712" s="53"/>
      <c r="BU1712" s="53"/>
      <c r="BV1712" s="53"/>
      <c r="BW1712" s="53"/>
      <c r="BX1712" s="53"/>
      <c r="BY1712" s="53"/>
      <c r="BZ1712" s="53"/>
      <c r="CA1712" s="53"/>
      <c r="CB1712" s="53"/>
      <c r="CC1712" s="53"/>
      <c r="CD1712" s="53"/>
      <c r="CE1712" s="53"/>
      <c r="CF1712" s="53"/>
      <c r="CG1712" s="53"/>
      <c r="CH1712" s="53"/>
      <c r="CI1712" s="53"/>
      <c r="CJ1712" s="53">
        <v>-135781289.63455999</v>
      </c>
      <c r="CK1712" s="53">
        <v>-187269772.34568301</v>
      </c>
      <c r="CL1712" s="53">
        <v>-329052477.29803097</v>
      </c>
      <c r="CM1712" s="53">
        <v>-128905879.141932</v>
      </c>
      <c r="CN1712" s="53">
        <v>-781009418.42020798</v>
      </c>
    </row>
    <row r="1713" spans="1:92">
      <c r="A1713" s="52" t="s">
        <v>673</v>
      </c>
      <c r="B1713" s="53"/>
      <c r="C1713" s="53"/>
      <c r="D1713" s="53"/>
      <c r="E1713" s="53"/>
      <c r="F1713" s="53"/>
      <c r="G1713" s="53"/>
      <c r="H1713" s="53"/>
      <c r="I1713" s="53"/>
      <c r="J1713" s="53"/>
      <c r="K1713" s="53"/>
      <c r="L1713" s="53"/>
      <c r="M1713" s="53"/>
      <c r="N1713" s="53"/>
      <c r="O1713" s="53"/>
      <c r="P1713" s="53"/>
      <c r="Q1713" s="53"/>
      <c r="R1713" s="53"/>
      <c r="S1713" s="53"/>
      <c r="T1713" s="53"/>
      <c r="U1713" s="53"/>
      <c r="V1713" s="53"/>
      <c r="W1713" s="53"/>
      <c r="X1713" s="53"/>
      <c r="Y1713" s="53"/>
      <c r="Z1713" s="53"/>
      <c r="AA1713" s="53"/>
      <c r="AB1713" s="53"/>
      <c r="AC1713" s="53"/>
      <c r="AD1713" s="53"/>
      <c r="AE1713" s="53"/>
      <c r="AF1713" s="53"/>
      <c r="AG1713" s="53"/>
      <c r="AH1713" s="53"/>
      <c r="AI1713" s="53"/>
      <c r="AJ1713" s="53"/>
      <c r="AK1713" s="53"/>
      <c r="AL1713" s="53"/>
      <c r="AM1713" s="53"/>
      <c r="AN1713" s="53"/>
      <c r="AO1713" s="53"/>
      <c r="AP1713" s="53"/>
      <c r="AQ1713" s="53"/>
      <c r="AR1713" s="53"/>
      <c r="AS1713" s="53"/>
      <c r="AT1713" s="53"/>
      <c r="AU1713" s="53"/>
      <c r="AV1713" s="53"/>
      <c r="AW1713" s="53"/>
      <c r="AX1713" s="53"/>
      <c r="AY1713" s="53"/>
      <c r="AZ1713" s="53"/>
      <c r="BA1713" s="53"/>
      <c r="BB1713" s="53"/>
      <c r="BC1713" s="53"/>
      <c r="BD1713" s="53"/>
      <c r="BE1713" s="53"/>
      <c r="BF1713" s="53"/>
      <c r="BG1713" s="53"/>
      <c r="BH1713" s="53"/>
      <c r="BI1713" s="53"/>
      <c r="BJ1713" s="53"/>
      <c r="BK1713" s="53"/>
      <c r="BL1713" s="53"/>
      <c r="BM1713" s="53"/>
      <c r="BN1713" s="53"/>
      <c r="BO1713" s="53"/>
      <c r="BP1713" s="53"/>
      <c r="BQ1713" s="53"/>
      <c r="BR1713" s="53"/>
      <c r="BS1713" s="53"/>
      <c r="BT1713" s="53"/>
      <c r="BU1713" s="53"/>
      <c r="BV1713" s="53"/>
      <c r="BW1713" s="53"/>
      <c r="BX1713" s="53"/>
      <c r="BY1713" s="53"/>
      <c r="BZ1713" s="53"/>
      <c r="CA1713" s="53"/>
      <c r="CB1713" s="53"/>
      <c r="CC1713" s="53"/>
      <c r="CD1713" s="53"/>
      <c r="CE1713" s="53"/>
      <c r="CF1713" s="53"/>
      <c r="CG1713" s="53"/>
      <c r="CH1713" s="53"/>
      <c r="CI1713" s="53"/>
      <c r="CJ1713" s="53"/>
      <c r="CK1713" s="53"/>
      <c r="CL1713" s="53"/>
      <c r="CM1713" s="53"/>
      <c r="CN1713" s="53"/>
    </row>
    <row r="1714" spans="1:92" outlineLevel="1">
      <c r="A1714" s="52" t="s">
        <v>1520</v>
      </c>
      <c r="B1714" s="53"/>
      <c r="C1714" s="53"/>
      <c r="D1714" s="53"/>
      <c r="E1714" s="53"/>
      <c r="F1714" s="53"/>
      <c r="G1714" s="53"/>
      <c r="H1714" s="53"/>
      <c r="I1714" s="53"/>
      <c r="J1714" s="53"/>
      <c r="K1714" s="53"/>
      <c r="L1714" s="53"/>
      <c r="M1714" s="53"/>
      <c r="N1714" s="53"/>
      <c r="O1714" s="53"/>
      <c r="P1714" s="53"/>
      <c r="Q1714" s="53"/>
      <c r="R1714" s="53"/>
      <c r="S1714" s="53"/>
      <c r="T1714" s="53"/>
      <c r="U1714" s="53"/>
      <c r="V1714" s="53"/>
      <c r="W1714" s="53"/>
      <c r="X1714" s="53"/>
      <c r="Y1714" s="53"/>
      <c r="Z1714" s="53"/>
      <c r="AA1714" s="53"/>
      <c r="AB1714" s="53"/>
      <c r="AC1714" s="53"/>
      <c r="AD1714" s="53"/>
      <c r="AE1714" s="53"/>
      <c r="AF1714" s="53"/>
      <c r="AG1714" s="53"/>
      <c r="AH1714" s="53"/>
      <c r="AI1714" s="53"/>
      <c r="AJ1714" s="53"/>
      <c r="AK1714" s="53"/>
      <c r="AL1714" s="53"/>
      <c r="AM1714" s="53"/>
      <c r="AN1714" s="53"/>
      <c r="AO1714" s="53"/>
      <c r="AP1714" s="53"/>
      <c r="AQ1714" s="53"/>
      <c r="AR1714" s="53"/>
      <c r="AS1714" s="53"/>
      <c r="AT1714" s="53"/>
      <c r="AU1714" s="53"/>
      <c r="AV1714" s="53"/>
      <c r="AW1714" s="53"/>
      <c r="AX1714" s="53"/>
      <c r="AY1714" s="53"/>
      <c r="AZ1714" s="53"/>
      <c r="BA1714" s="53"/>
      <c r="BB1714" s="53"/>
      <c r="BC1714" s="53"/>
      <c r="BD1714" s="53"/>
      <c r="BE1714" s="53"/>
      <c r="BF1714" s="53"/>
      <c r="BG1714" s="53"/>
      <c r="BH1714" s="53"/>
      <c r="BI1714" s="53"/>
      <c r="BJ1714" s="53"/>
      <c r="BK1714" s="53"/>
      <c r="BL1714" s="53"/>
      <c r="BM1714" s="53"/>
      <c r="BN1714" s="53"/>
      <c r="BO1714" s="53"/>
      <c r="BP1714" s="53"/>
      <c r="BQ1714" s="53"/>
      <c r="BR1714" s="53"/>
      <c r="BS1714" s="53"/>
      <c r="BT1714" s="53"/>
      <c r="BU1714" s="53"/>
      <c r="BV1714" s="53"/>
      <c r="BW1714" s="53"/>
      <c r="BX1714" s="53"/>
      <c r="BY1714" s="53"/>
      <c r="BZ1714" s="53"/>
      <c r="CA1714" s="53"/>
      <c r="CB1714" s="53"/>
      <c r="CC1714" s="53"/>
      <c r="CD1714" s="53"/>
      <c r="CE1714" s="53"/>
      <c r="CF1714" s="53"/>
      <c r="CG1714" s="53"/>
      <c r="CH1714" s="53"/>
      <c r="CI1714" s="53"/>
      <c r="CJ1714" s="53"/>
      <c r="CK1714" s="53"/>
      <c r="CL1714" s="53"/>
      <c r="CM1714" s="53"/>
      <c r="CN1714" s="53"/>
    </row>
    <row r="1715" spans="1:92" outlineLevel="1">
      <c r="A1715" s="52" t="s">
        <v>649</v>
      </c>
      <c r="B1715" s="53">
        <v>49532600</v>
      </c>
      <c r="C1715" s="53">
        <v>13701929.999999899</v>
      </c>
      <c r="D1715" s="53">
        <v>21369310</v>
      </c>
      <c r="E1715" s="53">
        <v>52134260</v>
      </c>
      <c r="F1715" s="53">
        <v>45052590</v>
      </c>
      <c r="G1715" s="53">
        <v>44743879.999999903</v>
      </c>
      <c r="H1715" s="53">
        <v>19071120</v>
      </c>
      <c r="I1715" s="53">
        <v>20102889.999999899</v>
      </c>
      <c r="J1715" s="53">
        <v>28170880</v>
      </c>
      <c r="K1715" s="53">
        <v>18342059.999999899</v>
      </c>
      <c r="L1715" s="53">
        <v>11259660</v>
      </c>
      <c r="M1715" s="53">
        <v>112475200</v>
      </c>
      <c r="N1715" s="53">
        <v>435956380</v>
      </c>
      <c r="O1715" s="53">
        <v>8142821.3115744004</v>
      </c>
      <c r="P1715" s="53">
        <v>10542594.613081099</v>
      </c>
      <c r="Q1715" s="53">
        <v>12382804.366219301</v>
      </c>
      <c r="R1715" s="53">
        <v>11098361.701905901</v>
      </c>
      <c r="S1715" s="53">
        <v>11762132.9542941</v>
      </c>
      <c r="T1715" s="53">
        <v>11477400.705452699</v>
      </c>
      <c r="U1715" s="53">
        <v>9635670.8464655001</v>
      </c>
      <c r="V1715" s="53">
        <v>9029064.0355952401</v>
      </c>
      <c r="W1715" s="53">
        <v>11223658.545841301</v>
      </c>
      <c r="X1715" s="53">
        <v>13263897.4348695</v>
      </c>
      <c r="Y1715" s="53">
        <v>12352307.531198099</v>
      </c>
      <c r="Z1715" s="53">
        <v>10205959.087228499</v>
      </c>
      <c r="AA1715" s="53">
        <v>131116673.133726</v>
      </c>
      <c r="AB1715" s="53">
        <v>9804773.6157705802</v>
      </c>
      <c r="AC1715" s="53">
        <v>11457866.700318901</v>
      </c>
      <c r="AD1715" s="53">
        <v>12269556.206738301</v>
      </c>
      <c r="AE1715" s="53">
        <v>12060435.753611101</v>
      </c>
      <c r="AF1715" s="53">
        <v>11069931.3451088</v>
      </c>
      <c r="AG1715" s="53">
        <v>11001107.4155141</v>
      </c>
      <c r="AH1715" s="53">
        <v>11220203.889342999</v>
      </c>
      <c r="AI1715" s="53">
        <v>11976627.673650401</v>
      </c>
      <c r="AJ1715" s="53">
        <v>10418595.9307463</v>
      </c>
      <c r="AK1715" s="53">
        <v>10217570.536063701</v>
      </c>
      <c r="AL1715" s="53">
        <v>10304266.1630976</v>
      </c>
      <c r="AM1715" s="53">
        <v>10060591.749775</v>
      </c>
      <c r="AN1715" s="53">
        <v>131861526.979738</v>
      </c>
      <c r="AO1715" s="53">
        <v>10271988.5360114</v>
      </c>
      <c r="AP1715" s="53">
        <v>11260268.9555362</v>
      </c>
      <c r="AQ1715" s="53">
        <v>11471264.2898903</v>
      </c>
      <c r="AR1715" s="53">
        <v>11315478.882906999</v>
      </c>
      <c r="AS1715" s="53">
        <v>10252062.4524568</v>
      </c>
      <c r="AT1715" s="53">
        <v>10153830.120303901</v>
      </c>
      <c r="AU1715" s="53">
        <v>10432124.804749301</v>
      </c>
      <c r="AV1715" s="53">
        <v>11287751.379008001</v>
      </c>
      <c r="AW1715" s="53">
        <v>9949482.9827644303</v>
      </c>
      <c r="AX1715" s="53">
        <v>9790420.6641364004</v>
      </c>
      <c r="AY1715" s="53">
        <v>10141600.451407099</v>
      </c>
      <c r="AZ1715" s="53">
        <v>9355186.5776413698</v>
      </c>
      <c r="BA1715" s="53">
        <v>125681460.09681199</v>
      </c>
      <c r="BB1715" s="53">
        <v>9717895.3637301996</v>
      </c>
      <c r="BC1715" s="53">
        <v>10706400.1599728</v>
      </c>
      <c r="BD1715" s="53">
        <v>10917200.7646276</v>
      </c>
      <c r="BE1715" s="53">
        <v>10761343.194166301</v>
      </c>
      <c r="BF1715" s="53">
        <v>9697937.8399923593</v>
      </c>
      <c r="BG1715" s="53">
        <v>9599833.4168414008</v>
      </c>
      <c r="BH1715" s="53">
        <v>9878150.8865057696</v>
      </c>
      <c r="BI1715" s="53">
        <v>10733979.9137883</v>
      </c>
      <c r="BJ1715" s="53">
        <v>9395379.2524781693</v>
      </c>
      <c r="BK1715" s="53">
        <v>9236278.0370073505</v>
      </c>
      <c r="BL1715" s="53">
        <v>9587493.2421651501</v>
      </c>
      <c r="BM1715" s="53">
        <v>8801018.5987963006</v>
      </c>
      <c r="BN1715" s="53">
        <v>119032910.67007101</v>
      </c>
      <c r="BO1715" s="53">
        <v>9971080.1865897309</v>
      </c>
      <c r="BP1715" s="53">
        <v>10966796.9221568</v>
      </c>
      <c r="BQ1715" s="53">
        <v>11171338.5049794</v>
      </c>
      <c r="BR1715" s="53">
        <v>11013161.4486541</v>
      </c>
      <c r="BS1715" s="53">
        <v>9950112.1092787795</v>
      </c>
      <c r="BT1715" s="53">
        <v>9856118.9503013194</v>
      </c>
      <c r="BU1715" s="53">
        <v>10135168.7847954</v>
      </c>
      <c r="BV1715" s="53">
        <v>10997505.077798501</v>
      </c>
      <c r="BW1715" s="53">
        <v>9648224.7188650705</v>
      </c>
      <c r="BX1715" s="53">
        <v>9487873.2771101091</v>
      </c>
      <c r="BY1715" s="53">
        <v>9840226.8876015507</v>
      </c>
      <c r="BZ1715" s="53">
        <v>9051798.4097553305</v>
      </c>
      <c r="CA1715" s="53">
        <v>122089405.277886</v>
      </c>
      <c r="CB1715" s="53"/>
      <c r="CC1715" s="53"/>
      <c r="CD1715" s="53"/>
      <c r="CE1715" s="53"/>
      <c r="CF1715" s="53"/>
      <c r="CG1715" s="53"/>
      <c r="CH1715" s="53"/>
      <c r="CI1715" s="53"/>
      <c r="CJ1715" s="53"/>
      <c r="CK1715" s="53"/>
      <c r="CL1715" s="53"/>
      <c r="CM1715" s="53"/>
      <c r="CN1715" s="53"/>
    </row>
    <row r="1716" spans="1:92" outlineLevel="1">
      <c r="A1716" s="52" t="s">
        <v>1384</v>
      </c>
      <c r="B1716" s="53"/>
      <c r="C1716" s="53"/>
      <c r="D1716" s="53"/>
      <c r="E1716" s="53"/>
      <c r="F1716" s="53"/>
      <c r="G1716" s="53"/>
      <c r="H1716" s="53"/>
      <c r="I1716" s="53"/>
      <c r="J1716" s="53"/>
      <c r="K1716" s="53"/>
      <c r="L1716" s="53"/>
      <c r="M1716" s="53"/>
      <c r="N1716" s="53"/>
      <c r="O1716" s="53"/>
      <c r="P1716" s="53"/>
      <c r="Q1716" s="53"/>
      <c r="R1716" s="53"/>
      <c r="S1716" s="53"/>
      <c r="T1716" s="53"/>
      <c r="U1716" s="53"/>
      <c r="V1716" s="53"/>
      <c r="W1716" s="53"/>
      <c r="X1716" s="53"/>
      <c r="Y1716" s="53"/>
      <c r="Z1716" s="53"/>
      <c r="AA1716" s="53"/>
      <c r="AB1716" s="53"/>
      <c r="AC1716" s="53"/>
      <c r="AD1716" s="53"/>
      <c r="AE1716" s="53"/>
      <c r="AF1716" s="53"/>
      <c r="AG1716" s="53"/>
      <c r="AH1716" s="53"/>
      <c r="AI1716" s="53"/>
      <c r="AJ1716" s="53"/>
      <c r="AK1716" s="53"/>
      <c r="AL1716" s="53"/>
      <c r="AM1716" s="53"/>
      <c r="AN1716" s="53"/>
      <c r="AO1716" s="53"/>
      <c r="AP1716" s="53"/>
      <c r="AQ1716" s="53"/>
      <c r="AR1716" s="53"/>
      <c r="AS1716" s="53"/>
      <c r="AT1716" s="53"/>
      <c r="AU1716" s="53"/>
      <c r="AV1716" s="53"/>
      <c r="AW1716" s="53"/>
      <c r="AX1716" s="53"/>
      <c r="AY1716" s="53"/>
      <c r="AZ1716" s="53"/>
      <c r="BA1716" s="53"/>
      <c r="BB1716" s="53"/>
      <c r="BC1716" s="53"/>
      <c r="BD1716" s="53"/>
      <c r="BE1716" s="53"/>
      <c r="BF1716" s="53"/>
      <c r="BG1716" s="53"/>
      <c r="BH1716" s="53"/>
      <c r="BI1716" s="53"/>
      <c r="BJ1716" s="53"/>
      <c r="BK1716" s="53"/>
      <c r="BL1716" s="53"/>
      <c r="BM1716" s="53"/>
      <c r="BN1716" s="53"/>
      <c r="BO1716" s="53"/>
      <c r="BP1716" s="53"/>
      <c r="BQ1716" s="53"/>
      <c r="BR1716" s="53"/>
      <c r="BS1716" s="53"/>
      <c r="BT1716" s="53"/>
      <c r="BU1716" s="53"/>
      <c r="BV1716" s="53"/>
      <c r="BW1716" s="53"/>
      <c r="BX1716" s="53"/>
      <c r="BY1716" s="53"/>
      <c r="BZ1716" s="53"/>
      <c r="CA1716" s="53"/>
      <c r="CB1716" s="53"/>
      <c r="CC1716" s="53"/>
      <c r="CD1716" s="53"/>
      <c r="CE1716" s="53"/>
      <c r="CF1716" s="53"/>
      <c r="CG1716" s="53"/>
      <c r="CH1716" s="53"/>
      <c r="CI1716" s="53"/>
      <c r="CJ1716" s="53"/>
      <c r="CK1716" s="53"/>
      <c r="CL1716" s="53"/>
      <c r="CM1716" s="53"/>
      <c r="CN1716" s="53"/>
    </row>
    <row r="1717" spans="1:92" outlineLevel="1">
      <c r="A1717" s="52" t="s">
        <v>649</v>
      </c>
      <c r="B1717" s="53">
        <v>-554610</v>
      </c>
      <c r="C1717" s="53">
        <v>-39360</v>
      </c>
      <c r="D1717" s="53">
        <v>-7627280</v>
      </c>
      <c r="E1717" s="53">
        <v>-1365350</v>
      </c>
      <c r="F1717" s="53">
        <v>-71813500</v>
      </c>
      <c r="G1717" s="53">
        <v>-2731740</v>
      </c>
      <c r="H1717" s="53">
        <v>-167029.99999999901</v>
      </c>
      <c r="I1717" s="53">
        <v>-253980</v>
      </c>
      <c r="J1717" s="53">
        <v>-608110</v>
      </c>
      <c r="K1717" s="53">
        <v>-54719770</v>
      </c>
      <c r="L1717" s="53">
        <v>-2525649.9999999902</v>
      </c>
      <c r="M1717" s="53">
        <v>6910090</v>
      </c>
      <c r="N1717" s="53">
        <v>-135496290</v>
      </c>
      <c r="O1717" s="53"/>
      <c r="P1717" s="53"/>
      <c r="Q1717" s="53"/>
      <c r="R1717" s="53"/>
      <c r="S1717" s="53"/>
      <c r="T1717" s="53"/>
      <c r="U1717" s="53"/>
      <c r="V1717" s="53"/>
      <c r="W1717" s="53"/>
      <c r="X1717" s="53"/>
      <c r="Y1717" s="53"/>
      <c r="Z1717" s="53"/>
      <c r="AA1717" s="53"/>
      <c r="AB1717" s="53"/>
      <c r="AC1717" s="53"/>
      <c r="AD1717" s="53"/>
      <c r="AE1717" s="53"/>
      <c r="AF1717" s="53"/>
      <c r="AG1717" s="53"/>
      <c r="AH1717" s="53"/>
      <c r="AI1717" s="53"/>
      <c r="AJ1717" s="53"/>
      <c r="AK1717" s="53"/>
      <c r="AL1717" s="53"/>
      <c r="AM1717" s="53"/>
      <c r="AN1717" s="53"/>
      <c r="AO1717" s="53"/>
      <c r="AP1717" s="53"/>
      <c r="AQ1717" s="53"/>
      <c r="AR1717" s="53"/>
      <c r="AS1717" s="53"/>
      <c r="AT1717" s="53"/>
      <c r="AU1717" s="53"/>
      <c r="AV1717" s="53"/>
      <c r="AW1717" s="53"/>
      <c r="AX1717" s="53"/>
      <c r="AY1717" s="53"/>
      <c r="AZ1717" s="53"/>
      <c r="BA1717" s="53"/>
      <c r="BB1717" s="53"/>
      <c r="BC1717" s="53"/>
      <c r="BD1717" s="53"/>
      <c r="BE1717" s="53"/>
      <c r="BF1717" s="53"/>
      <c r="BG1717" s="53"/>
      <c r="BH1717" s="53"/>
      <c r="BI1717" s="53"/>
      <c r="BJ1717" s="53"/>
      <c r="BK1717" s="53"/>
      <c r="BL1717" s="53"/>
      <c r="BM1717" s="53"/>
      <c r="BN1717" s="53"/>
      <c r="BO1717" s="53"/>
      <c r="BP1717" s="53"/>
      <c r="BQ1717" s="53"/>
      <c r="BR1717" s="53"/>
      <c r="BS1717" s="53"/>
      <c r="BT1717" s="53"/>
      <c r="BU1717" s="53"/>
      <c r="BV1717" s="53"/>
      <c r="BW1717" s="53"/>
      <c r="BX1717" s="53"/>
      <c r="BY1717" s="53"/>
      <c r="BZ1717" s="53"/>
      <c r="CA1717" s="53"/>
      <c r="CB1717" s="53">
        <v>-3372083.3333333302</v>
      </c>
      <c r="CC1717" s="53">
        <v>-3372083.3333333302</v>
      </c>
      <c r="CD1717" s="53">
        <v>-3372083.3333333302</v>
      </c>
      <c r="CE1717" s="53">
        <v>-3372083.3333333302</v>
      </c>
      <c r="CF1717" s="53">
        <v>-3372083.3333333302</v>
      </c>
      <c r="CG1717" s="53">
        <v>-3372083.3333333302</v>
      </c>
      <c r="CH1717" s="53">
        <v>-3372083.3333333302</v>
      </c>
      <c r="CI1717" s="53">
        <v>-3372083.3333333302</v>
      </c>
      <c r="CJ1717" s="53">
        <v>-3372083.3333333302</v>
      </c>
      <c r="CK1717" s="53">
        <v>-3372083.3333333302</v>
      </c>
      <c r="CL1717" s="53">
        <v>-3372083.3333333302</v>
      </c>
      <c r="CM1717" s="53">
        <v>-3372083.3333333302</v>
      </c>
      <c r="CN1717" s="53">
        <v>-40465000</v>
      </c>
    </row>
    <row r="1718" spans="1:92" outlineLevel="1">
      <c r="A1718" s="52" t="s">
        <v>769</v>
      </c>
      <c r="B1718" s="53"/>
      <c r="C1718" s="53"/>
      <c r="D1718" s="53"/>
      <c r="E1718" s="53"/>
      <c r="F1718" s="53"/>
      <c r="G1718" s="53"/>
      <c r="H1718" s="53"/>
      <c r="I1718" s="53"/>
      <c r="J1718" s="53"/>
      <c r="K1718" s="53"/>
      <c r="L1718" s="53"/>
      <c r="M1718" s="53"/>
      <c r="N1718" s="53"/>
      <c r="O1718" s="53"/>
      <c r="P1718" s="53"/>
      <c r="Q1718" s="53"/>
      <c r="R1718" s="53"/>
      <c r="S1718" s="53"/>
      <c r="T1718" s="53"/>
      <c r="U1718" s="53"/>
      <c r="V1718" s="53"/>
      <c r="W1718" s="53"/>
      <c r="X1718" s="53"/>
      <c r="Y1718" s="53"/>
      <c r="Z1718" s="53"/>
      <c r="AA1718" s="53"/>
      <c r="AB1718" s="53"/>
      <c r="AC1718" s="53"/>
      <c r="AD1718" s="53"/>
      <c r="AE1718" s="53"/>
      <c r="AF1718" s="53"/>
      <c r="AG1718" s="53"/>
      <c r="AH1718" s="53"/>
      <c r="AI1718" s="53"/>
      <c r="AJ1718" s="53"/>
      <c r="AK1718" s="53"/>
      <c r="AL1718" s="53"/>
      <c r="AM1718" s="53"/>
      <c r="AN1718" s="53"/>
      <c r="AO1718" s="53"/>
      <c r="AP1718" s="53"/>
      <c r="AQ1718" s="53"/>
      <c r="AR1718" s="53"/>
      <c r="AS1718" s="53"/>
      <c r="AT1718" s="53"/>
      <c r="AU1718" s="53"/>
      <c r="AV1718" s="53"/>
      <c r="AW1718" s="53"/>
      <c r="AX1718" s="53"/>
      <c r="AY1718" s="53"/>
      <c r="AZ1718" s="53"/>
      <c r="BA1718" s="53"/>
      <c r="BB1718" s="53"/>
      <c r="BC1718" s="53"/>
      <c r="BD1718" s="53"/>
      <c r="BE1718" s="53"/>
      <c r="BF1718" s="53"/>
      <c r="BG1718" s="53"/>
      <c r="BH1718" s="53"/>
      <c r="BI1718" s="53"/>
      <c r="BJ1718" s="53"/>
      <c r="BK1718" s="53"/>
      <c r="BL1718" s="53"/>
      <c r="BM1718" s="53"/>
      <c r="BN1718" s="53"/>
      <c r="BO1718" s="53"/>
      <c r="BP1718" s="53"/>
      <c r="BQ1718" s="53"/>
      <c r="BR1718" s="53"/>
      <c r="BS1718" s="53"/>
      <c r="BT1718" s="53"/>
      <c r="BU1718" s="53"/>
      <c r="BV1718" s="53"/>
      <c r="BW1718" s="53"/>
      <c r="BX1718" s="53"/>
      <c r="BY1718" s="53"/>
      <c r="BZ1718" s="53"/>
      <c r="CA1718" s="53"/>
      <c r="CB1718" s="53"/>
      <c r="CC1718" s="53"/>
      <c r="CD1718" s="53"/>
      <c r="CE1718" s="53"/>
      <c r="CF1718" s="53"/>
      <c r="CG1718" s="53"/>
      <c r="CH1718" s="53"/>
      <c r="CI1718" s="53"/>
      <c r="CJ1718" s="53"/>
      <c r="CK1718" s="53"/>
      <c r="CL1718" s="53"/>
      <c r="CM1718" s="53"/>
      <c r="CN1718" s="53"/>
    </row>
    <row r="1719" spans="1:92" outlineLevel="1">
      <c r="A1719" s="52" t="s">
        <v>770</v>
      </c>
      <c r="B1719" s="53"/>
      <c r="C1719" s="53"/>
      <c r="D1719" s="53"/>
      <c r="E1719" s="53"/>
      <c r="F1719" s="53"/>
      <c r="G1719" s="53"/>
      <c r="H1719" s="53"/>
      <c r="I1719" s="53"/>
      <c r="J1719" s="53"/>
      <c r="K1719" s="53"/>
      <c r="L1719" s="53"/>
      <c r="M1719" s="53"/>
      <c r="N1719" s="53"/>
      <c r="O1719" s="53"/>
      <c r="P1719" s="53"/>
      <c r="Q1719" s="53"/>
      <c r="R1719" s="53"/>
      <c r="S1719" s="53"/>
      <c r="T1719" s="53"/>
      <c r="U1719" s="53"/>
      <c r="V1719" s="53"/>
      <c r="W1719" s="53"/>
      <c r="X1719" s="53"/>
      <c r="Y1719" s="53"/>
      <c r="Z1719" s="53"/>
      <c r="AA1719" s="53"/>
      <c r="AB1719" s="53"/>
      <c r="AC1719" s="53"/>
      <c r="AD1719" s="53"/>
      <c r="AE1719" s="53"/>
      <c r="AF1719" s="53"/>
      <c r="AG1719" s="53"/>
      <c r="AH1719" s="53"/>
      <c r="AI1719" s="53"/>
      <c r="AJ1719" s="53"/>
      <c r="AK1719" s="53"/>
      <c r="AL1719" s="53"/>
      <c r="AM1719" s="53"/>
      <c r="AN1719" s="53"/>
      <c r="AO1719" s="53"/>
      <c r="AP1719" s="53"/>
      <c r="AQ1719" s="53"/>
      <c r="AR1719" s="53"/>
      <c r="AS1719" s="53"/>
      <c r="AT1719" s="53"/>
      <c r="AU1719" s="53"/>
      <c r="AV1719" s="53"/>
      <c r="AW1719" s="53"/>
      <c r="AX1719" s="53"/>
      <c r="AY1719" s="53"/>
      <c r="AZ1719" s="53"/>
      <c r="BA1719" s="53"/>
      <c r="BB1719" s="53"/>
      <c r="BC1719" s="53"/>
      <c r="BD1719" s="53"/>
      <c r="BE1719" s="53"/>
      <c r="BF1719" s="53"/>
      <c r="BG1719" s="53"/>
      <c r="BH1719" s="53"/>
      <c r="BI1719" s="53"/>
      <c r="BJ1719" s="53"/>
      <c r="BK1719" s="53"/>
      <c r="BL1719" s="53"/>
      <c r="BM1719" s="53"/>
      <c r="BN1719" s="53"/>
      <c r="BO1719" s="53"/>
      <c r="BP1719" s="53"/>
      <c r="BQ1719" s="53"/>
      <c r="BR1719" s="53"/>
      <c r="BS1719" s="53"/>
      <c r="BT1719" s="53"/>
      <c r="BU1719" s="53"/>
      <c r="BV1719" s="53"/>
      <c r="BW1719" s="53"/>
      <c r="BX1719" s="53"/>
      <c r="BY1719" s="53"/>
      <c r="BZ1719" s="53"/>
      <c r="CA1719" s="53"/>
      <c r="CB1719" s="53"/>
      <c r="CC1719" s="53"/>
      <c r="CD1719" s="53"/>
      <c r="CE1719" s="53"/>
      <c r="CF1719" s="53"/>
      <c r="CG1719" s="53"/>
      <c r="CH1719" s="53"/>
      <c r="CI1719" s="53"/>
      <c r="CJ1719" s="53"/>
      <c r="CK1719" s="53"/>
      <c r="CL1719" s="53"/>
      <c r="CM1719" s="53"/>
      <c r="CN1719" s="53"/>
    </row>
    <row r="1720" spans="1:92" outlineLevel="1">
      <c r="A1720" s="52" t="s">
        <v>649</v>
      </c>
      <c r="B1720" s="53">
        <v>56613493.259999998</v>
      </c>
      <c r="C1720" s="53">
        <v>47825393.969999999</v>
      </c>
      <c r="D1720" s="53">
        <v>44538790.159999996</v>
      </c>
      <c r="E1720" s="53">
        <v>28822708.6599999</v>
      </c>
      <c r="F1720" s="53">
        <v>24885311.41</v>
      </c>
      <c r="G1720" s="53">
        <v>22769660.129999999</v>
      </c>
      <c r="H1720" s="53">
        <v>37141707.170000002</v>
      </c>
      <c r="I1720" s="53">
        <v>35851667.979999997</v>
      </c>
      <c r="J1720" s="53">
        <v>40295825.060000002</v>
      </c>
      <c r="K1720" s="53">
        <v>29914819.489999998</v>
      </c>
      <c r="L1720" s="53">
        <v>10856786.35</v>
      </c>
      <c r="M1720" s="53">
        <v>4020351.59</v>
      </c>
      <c r="N1720" s="53">
        <v>383536515.23000002</v>
      </c>
      <c r="O1720" s="53">
        <v>6484847.9900000002</v>
      </c>
      <c r="P1720" s="53">
        <v>5555935.4699999997</v>
      </c>
      <c r="Q1720" s="53">
        <v>10361733.09</v>
      </c>
      <c r="R1720" s="53">
        <v>3442406.19</v>
      </c>
      <c r="S1720" s="53">
        <v>19680039.010000002</v>
      </c>
      <c r="T1720" s="53">
        <v>21630294.1599999</v>
      </c>
      <c r="U1720" s="53">
        <v>26251780.309999999</v>
      </c>
      <c r="V1720" s="53">
        <v>26420150.210000001</v>
      </c>
      <c r="W1720" s="53">
        <v>23537547.07</v>
      </c>
      <c r="X1720" s="53">
        <v>16098354.7999999</v>
      </c>
      <c r="Y1720" s="53">
        <v>13872146.369999999</v>
      </c>
      <c r="Z1720" s="53">
        <v>7963172.8099999903</v>
      </c>
      <c r="AA1720" s="53">
        <v>181298407.47999999</v>
      </c>
      <c r="AB1720" s="53">
        <v>5728202.5699999901</v>
      </c>
      <c r="AC1720" s="53">
        <v>3210094.7699999898</v>
      </c>
      <c r="AD1720" s="53">
        <v>1538372.26999999</v>
      </c>
      <c r="AE1720" s="53">
        <v>8314765.3200000003</v>
      </c>
      <c r="AF1720" s="53">
        <v>19365393</v>
      </c>
      <c r="AG1720" s="53">
        <v>20069279.859999999</v>
      </c>
      <c r="AH1720" s="53">
        <v>23835975.329999998</v>
      </c>
      <c r="AI1720" s="53">
        <v>27905530.800000001</v>
      </c>
      <c r="AJ1720" s="53">
        <v>19972074.969999999</v>
      </c>
      <c r="AK1720" s="53">
        <v>16272585.4599999</v>
      </c>
      <c r="AL1720" s="53">
        <v>11444636.060000001</v>
      </c>
      <c r="AM1720" s="53">
        <v>4789635.57</v>
      </c>
      <c r="AN1720" s="53">
        <v>162446545.97999999</v>
      </c>
      <c r="AO1720" s="53">
        <v>5576383.21</v>
      </c>
      <c r="AP1720" s="53">
        <v>4011587.47</v>
      </c>
      <c r="AQ1720" s="53">
        <v>9666392.5399999991</v>
      </c>
      <c r="AR1720" s="53">
        <v>6179840.1799999997</v>
      </c>
      <c r="AS1720" s="53">
        <v>8819494.9399999995</v>
      </c>
      <c r="AT1720" s="53">
        <v>9532164.6199999992</v>
      </c>
      <c r="AU1720" s="53">
        <v>14918590.849999901</v>
      </c>
      <c r="AV1720" s="53">
        <v>21156870.030000001</v>
      </c>
      <c r="AW1720" s="53">
        <v>17099196.669999901</v>
      </c>
      <c r="AX1720" s="53">
        <v>13315042.699999999</v>
      </c>
      <c r="AY1720" s="53">
        <v>7239552.1799999997</v>
      </c>
      <c r="AZ1720" s="53">
        <v>3496446.96</v>
      </c>
      <c r="BA1720" s="53">
        <v>121011562.34999999</v>
      </c>
      <c r="BB1720" s="53">
        <v>6311320.7800000003</v>
      </c>
      <c r="BC1720" s="53">
        <v>4349404.99</v>
      </c>
      <c r="BD1720" s="53">
        <v>4862191.16</v>
      </c>
      <c r="BE1720" s="53">
        <v>5039601.68</v>
      </c>
      <c r="BF1720" s="53">
        <v>13518226.08</v>
      </c>
      <c r="BG1720" s="53">
        <v>15583061.09</v>
      </c>
      <c r="BH1720" s="53">
        <v>19285200.839999899</v>
      </c>
      <c r="BI1720" s="53">
        <v>22149230.469999999</v>
      </c>
      <c r="BJ1720" s="53">
        <v>18530791.199999999</v>
      </c>
      <c r="BK1720" s="53">
        <v>20243452.300000001</v>
      </c>
      <c r="BL1720" s="53">
        <v>11746712.27</v>
      </c>
      <c r="BM1720" s="53">
        <v>5258108.5599999996</v>
      </c>
      <c r="BN1720" s="53">
        <v>146877301.41999999</v>
      </c>
      <c r="BO1720" s="53">
        <v>6272379.7000000002</v>
      </c>
      <c r="BP1720" s="53">
        <v>4007192.75</v>
      </c>
      <c r="BQ1720" s="53">
        <v>8688162.2300000004</v>
      </c>
      <c r="BR1720" s="53">
        <v>5955970.6399999997</v>
      </c>
      <c r="BS1720" s="53">
        <v>14343028.7099999</v>
      </c>
      <c r="BT1720" s="53">
        <v>17968877.059999999</v>
      </c>
      <c r="BU1720" s="53">
        <v>19637064.370000001</v>
      </c>
      <c r="BV1720" s="53">
        <v>21289464.829999998</v>
      </c>
      <c r="BW1720" s="53">
        <v>17732063.300000001</v>
      </c>
      <c r="BX1720" s="53">
        <v>15785682.439999999</v>
      </c>
      <c r="BY1720" s="53">
        <v>4819984.8199999901</v>
      </c>
      <c r="BZ1720" s="53">
        <v>4782938.5</v>
      </c>
      <c r="CA1720" s="53">
        <v>141282809.34999999</v>
      </c>
      <c r="CB1720" s="53">
        <v>-2696891.11743967</v>
      </c>
      <c r="CC1720" s="53">
        <v>-2696891.11743967</v>
      </c>
      <c r="CD1720" s="53">
        <v>-2696891.11743967</v>
      </c>
      <c r="CE1720" s="53">
        <v>-2696891.11743967</v>
      </c>
      <c r="CF1720" s="53">
        <v>-2696891.11743967</v>
      </c>
      <c r="CG1720" s="53">
        <v>-2696891.11743967</v>
      </c>
      <c r="CH1720" s="53">
        <v>-2696891.11743967</v>
      </c>
      <c r="CI1720" s="53">
        <v>-2696891.11743967</v>
      </c>
      <c r="CJ1720" s="53">
        <v>-2696891.11743967</v>
      </c>
      <c r="CK1720" s="53">
        <v>-2696891.11743967</v>
      </c>
      <c r="CL1720" s="53">
        <v>-2696891.11743967</v>
      </c>
      <c r="CM1720" s="53">
        <v>-2696891.11743967</v>
      </c>
      <c r="CN1720" s="53">
        <v>-32362693.409276001</v>
      </c>
    </row>
    <row r="1721" spans="1:92" outlineLevel="1">
      <c r="A1721" s="52" t="s">
        <v>771</v>
      </c>
      <c r="B1721" s="53"/>
      <c r="C1721" s="53"/>
      <c r="D1721" s="53"/>
      <c r="E1721" s="53"/>
      <c r="F1721" s="53"/>
      <c r="G1721" s="53"/>
      <c r="H1721" s="53"/>
      <c r="I1721" s="53"/>
      <c r="J1721" s="53"/>
      <c r="K1721" s="53"/>
      <c r="L1721" s="53"/>
      <c r="M1721" s="53"/>
      <c r="N1721" s="53"/>
      <c r="O1721" s="53"/>
      <c r="P1721" s="53"/>
      <c r="Q1721" s="53"/>
      <c r="R1721" s="53"/>
      <c r="S1721" s="53"/>
      <c r="T1721" s="53"/>
      <c r="U1721" s="53"/>
      <c r="V1721" s="53"/>
      <c r="W1721" s="53"/>
      <c r="X1721" s="53"/>
      <c r="Y1721" s="53"/>
      <c r="Z1721" s="53"/>
      <c r="AA1721" s="53"/>
      <c r="AB1721" s="53"/>
      <c r="AC1721" s="53"/>
      <c r="AD1721" s="53"/>
      <c r="AE1721" s="53"/>
      <c r="AF1721" s="53"/>
      <c r="AG1721" s="53"/>
      <c r="AH1721" s="53"/>
      <c r="AI1721" s="53"/>
      <c r="AJ1721" s="53"/>
      <c r="AK1721" s="53"/>
      <c r="AL1721" s="53"/>
      <c r="AM1721" s="53"/>
      <c r="AN1721" s="53"/>
      <c r="AO1721" s="53"/>
      <c r="AP1721" s="53"/>
      <c r="AQ1721" s="53"/>
      <c r="AR1721" s="53"/>
      <c r="AS1721" s="53"/>
      <c r="AT1721" s="53"/>
      <c r="AU1721" s="53"/>
      <c r="AV1721" s="53"/>
      <c r="AW1721" s="53"/>
      <c r="AX1721" s="53"/>
      <c r="AY1721" s="53"/>
      <c r="AZ1721" s="53"/>
      <c r="BA1721" s="53"/>
      <c r="BB1721" s="53"/>
      <c r="BC1721" s="53"/>
      <c r="BD1721" s="53"/>
      <c r="BE1721" s="53"/>
      <c r="BF1721" s="53"/>
      <c r="BG1721" s="53"/>
      <c r="BH1721" s="53"/>
      <c r="BI1721" s="53"/>
      <c r="BJ1721" s="53"/>
      <c r="BK1721" s="53"/>
      <c r="BL1721" s="53"/>
      <c r="BM1721" s="53"/>
      <c r="BN1721" s="53"/>
      <c r="BO1721" s="53"/>
      <c r="BP1721" s="53"/>
      <c r="BQ1721" s="53"/>
      <c r="BR1721" s="53"/>
      <c r="BS1721" s="53"/>
      <c r="BT1721" s="53"/>
      <c r="BU1721" s="53"/>
      <c r="BV1721" s="53"/>
      <c r="BW1721" s="53"/>
      <c r="BX1721" s="53"/>
      <c r="BY1721" s="53"/>
      <c r="BZ1721" s="53"/>
      <c r="CA1721" s="53"/>
      <c r="CB1721" s="53"/>
      <c r="CC1721" s="53"/>
      <c r="CD1721" s="53"/>
      <c r="CE1721" s="53"/>
      <c r="CF1721" s="53"/>
      <c r="CG1721" s="53"/>
      <c r="CH1721" s="53"/>
      <c r="CI1721" s="53"/>
      <c r="CJ1721" s="53"/>
      <c r="CK1721" s="53"/>
      <c r="CL1721" s="53"/>
      <c r="CM1721" s="53"/>
      <c r="CN1721" s="53"/>
    </row>
    <row r="1722" spans="1:92" outlineLevel="1">
      <c r="A1722" s="52" t="s">
        <v>649</v>
      </c>
      <c r="B1722" s="53">
        <v>3789809.94</v>
      </c>
      <c r="C1722" s="53">
        <v>3422268.28</v>
      </c>
      <c r="D1722" s="53">
        <v>3143837.66</v>
      </c>
      <c r="E1722" s="53">
        <v>2093543.46</v>
      </c>
      <c r="F1722" s="53">
        <v>3503076.71999999</v>
      </c>
      <c r="G1722" s="53">
        <v>4028055.1799999899</v>
      </c>
      <c r="H1722" s="53">
        <v>5073254.49</v>
      </c>
      <c r="I1722" s="53">
        <v>5742731.75</v>
      </c>
      <c r="J1722" s="53">
        <v>4862843.8</v>
      </c>
      <c r="K1722" s="53">
        <v>2830850.48</v>
      </c>
      <c r="L1722" s="53">
        <v>4178068.13</v>
      </c>
      <c r="M1722" s="53">
        <v>4837041.5599999996</v>
      </c>
      <c r="N1722" s="53">
        <v>47505381.450000003</v>
      </c>
      <c r="O1722" s="53">
        <v>5141844.54</v>
      </c>
      <c r="P1722" s="53">
        <v>4855313.92</v>
      </c>
      <c r="Q1722" s="53">
        <v>4357533.95</v>
      </c>
      <c r="R1722" s="53">
        <v>2534368.79</v>
      </c>
      <c r="S1722" s="53">
        <v>2700229.93</v>
      </c>
      <c r="T1722" s="53">
        <v>2893365.16</v>
      </c>
      <c r="U1722" s="53">
        <v>2752843.91</v>
      </c>
      <c r="V1722" s="53">
        <v>2924244.46</v>
      </c>
      <c r="W1722" s="53">
        <v>2795109.63</v>
      </c>
      <c r="X1722" s="53">
        <v>2153144.7000000002</v>
      </c>
      <c r="Y1722" s="53">
        <v>5013419.0599999996</v>
      </c>
      <c r="Z1722" s="53">
        <v>5546676.7599999998</v>
      </c>
      <c r="AA1722" s="53">
        <v>43668094.810000002</v>
      </c>
      <c r="AB1722" s="53">
        <v>4471780.09</v>
      </c>
      <c r="AC1722" s="53">
        <v>4081060.52999999</v>
      </c>
      <c r="AD1722" s="53">
        <v>3916406.12</v>
      </c>
      <c r="AE1722" s="53">
        <v>2367178.5899999901</v>
      </c>
      <c r="AF1722" s="53">
        <v>4838483.1100000003</v>
      </c>
      <c r="AG1722" s="53">
        <v>2932146.04</v>
      </c>
      <c r="AH1722" s="53">
        <v>2622953.9799999902</v>
      </c>
      <c r="AI1722" s="53">
        <v>2763822.11</v>
      </c>
      <c r="AJ1722" s="53">
        <v>2721854.29</v>
      </c>
      <c r="AK1722" s="53">
        <v>2478806.4799999902</v>
      </c>
      <c r="AL1722" s="53">
        <v>2545071.83</v>
      </c>
      <c r="AM1722" s="53">
        <v>4647910.3599999901</v>
      </c>
      <c r="AN1722" s="53">
        <v>40387473.530000001</v>
      </c>
      <c r="AO1722" s="53">
        <v>4390621.54</v>
      </c>
      <c r="AP1722" s="53">
        <v>3696168.5399999898</v>
      </c>
      <c r="AQ1722" s="53">
        <v>3535796.98</v>
      </c>
      <c r="AR1722" s="53">
        <v>2379921.96999999</v>
      </c>
      <c r="AS1722" s="53">
        <v>3735262.3999999901</v>
      </c>
      <c r="AT1722" s="53">
        <v>4022527.57</v>
      </c>
      <c r="AU1722" s="53">
        <v>3041052.57</v>
      </c>
      <c r="AV1722" s="53">
        <v>2881264.5699999901</v>
      </c>
      <c r="AW1722" s="53">
        <v>2646040.23</v>
      </c>
      <c r="AX1722" s="53">
        <v>2644422.67</v>
      </c>
      <c r="AY1722" s="53">
        <v>3065965.94</v>
      </c>
      <c r="AZ1722" s="53">
        <v>4345653.6500000004</v>
      </c>
      <c r="BA1722" s="53">
        <v>40384698.629999898</v>
      </c>
      <c r="BB1722" s="53">
        <v>4356287.4000000004</v>
      </c>
      <c r="BC1722" s="53">
        <v>3562652.82</v>
      </c>
      <c r="BD1722" s="53">
        <v>3418987</v>
      </c>
      <c r="BE1722" s="53">
        <v>2627414.4300000002</v>
      </c>
      <c r="BF1722" s="53">
        <v>2605299.6</v>
      </c>
      <c r="BG1722" s="53">
        <v>2770695.12</v>
      </c>
      <c r="BH1722" s="53">
        <v>2424136.56</v>
      </c>
      <c r="BI1722" s="53">
        <v>2686188.02</v>
      </c>
      <c r="BJ1722" s="53">
        <v>2714288.51</v>
      </c>
      <c r="BK1722" s="53">
        <v>2389000.46</v>
      </c>
      <c r="BL1722" s="53">
        <v>2955607.78</v>
      </c>
      <c r="BM1722" s="53">
        <v>4348307.33</v>
      </c>
      <c r="BN1722" s="53">
        <v>36858865.030000001</v>
      </c>
      <c r="BO1722" s="53">
        <v>4190324.37</v>
      </c>
      <c r="BP1722" s="53">
        <v>3861766.5</v>
      </c>
      <c r="BQ1722" s="53">
        <v>3510986.22</v>
      </c>
      <c r="BR1722" s="53">
        <v>2187418.92</v>
      </c>
      <c r="BS1722" s="53">
        <v>2463125.96</v>
      </c>
      <c r="BT1722" s="53">
        <v>2625186.5299999998</v>
      </c>
      <c r="BU1722" s="53">
        <v>2537434.6599999899</v>
      </c>
      <c r="BV1722" s="53">
        <v>2917305.7</v>
      </c>
      <c r="BW1722" s="53">
        <v>2805057.84</v>
      </c>
      <c r="BX1722" s="53">
        <v>2056321.21999999</v>
      </c>
      <c r="BY1722" s="53">
        <v>1113091.3700000001</v>
      </c>
      <c r="BZ1722" s="53">
        <v>1625862.3899999899</v>
      </c>
      <c r="CA1722" s="53">
        <v>31893881.68</v>
      </c>
      <c r="CB1722" s="53"/>
      <c r="CC1722" s="53"/>
      <c r="CD1722" s="53"/>
      <c r="CE1722" s="53"/>
      <c r="CF1722" s="53"/>
      <c r="CG1722" s="53"/>
      <c r="CH1722" s="53"/>
      <c r="CI1722" s="53"/>
      <c r="CJ1722" s="53"/>
      <c r="CK1722" s="53"/>
      <c r="CL1722" s="53"/>
      <c r="CM1722" s="53"/>
      <c r="CN1722" s="53"/>
    </row>
    <row r="1723" spans="1:92" outlineLevel="1">
      <c r="A1723" s="52" t="s">
        <v>772</v>
      </c>
      <c r="B1723" s="53"/>
      <c r="C1723" s="53"/>
      <c r="D1723" s="53"/>
      <c r="E1723" s="53"/>
      <c r="F1723" s="53"/>
      <c r="G1723" s="53"/>
      <c r="H1723" s="53"/>
      <c r="I1723" s="53"/>
      <c r="J1723" s="53"/>
      <c r="K1723" s="53"/>
      <c r="L1723" s="53"/>
      <c r="M1723" s="53"/>
      <c r="N1723" s="53"/>
      <c r="O1723" s="53"/>
      <c r="P1723" s="53"/>
      <c r="Q1723" s="53"/>
      <c r="R1723" s="53"/>
      <c r="S1723" s="53"/>
      <c r="T1723" s="53"/>
      <c r="U1723" s="53"/>
      <c r="V1723" s="53"/>
      <c r="W1723" s="53"/>
      <c r="X1723" s="53"/>
      <c r="Y1723" s="53"/>
      <c r="Z1723" s="53"/>
      <c r="AA1723" s="53"/>
      <c r="AB1723" s="53"/>
      <c r="AC1723" s="53"/>
      <c r="AD1723" s="53"/>
      <c r="AE1723" s="53"/>
      <c r="AF1723" s="53"/>
      <c r="AG1723" s="53"/>
      <c r="AH1723" s="53"/>
      <c r="AI1723" s="53"/>
      <c r="AJ1723" s="53"/>
      <c r="AK1723" s="53"/>
      <c r="AL1723" s="53"/>
      <c r="AM1723" s="53"/>
      <c r="AN1723" s="53"/>
      <c r="AO1723" s="53"/>
      <c r="AP1723" s="53"/>
      <c r="AQ1723" s="53"/>
      <c r="AR1723" s="53"/>
      <c r="AS1723" s="53"/>
      <c r="AT1723" s="53"/>
      <c r="AU1723" s="53"/>
      <c r="AV1723" s="53"/>
      <c r="AW1723" s="53"/>
      <c r="AX1723" s="53"/>
      <c r="AY1723" s="53"/>
      <c r="AZ1723" s="53"/>
      <c r="BA1723" s="53"/>
      <c r="BB1723" s="53"/>
      <c r="BC1723" s="53"/>
      <c r="BD1723" s="53"/>
      <c r="BE1723" s="53"/>
      <c r="BF1723" s="53"/>
      <c r="BG1723" s="53"/>
      <c r="BH1723" s="53"/>
      <c r="BI1723" s="53"/>
      <c r="BJ1723" s="53"/>
      <c r="BK1723" s="53"/>
      <c r="BL1723" s="53"/>
      <c r="BM1723" s="53"/>
      <c r="BN1723" s="53"/>
      <c r="BO1723" s="53"/>
      <c r="BP1723" s="53"/>
      <c r="BQ1723" s="53"/>
      <c r="BR1723" s="53"/>
      <c r="BS1723" s="53"/>
      <c r="BT1723" s="53"/>
      <c r="BU1723" s="53"/>
      <c r="BV1723" s="53"/>
      <c r="BW1723" s="53"/>
      <c r="BX1723" s="53"/>
      <c r="BY1723" s="53"/>
      <c r="BZ1723" s="53"/>
      <c r="CA1723" s="53"/>
      <c r="CB1723" s="53"/>
      <c r="CC1723" s="53"/>
      <c r="CD1723" s="53"/>
      <c r="CE1723" s="53"/>
      <c r="CF1723" s="53"/>
      <c r="CG1723" s="53"/>
      <c r="CH1723" s="53"/>
      <c r="CI1723" s="53"/>
      <c r="CJ1723" s="53"/>
      <c r="CK1723" s="53"/>
      <c r="CL1723" s="53"/>
      <c r="CM1723" s="53"/>
      <c r="CN1723" s="53"/>
    </row>
    <row r="1724" spans="1:92" outlineLevel="1">
      <c r="A1724" s="52" t="s">
        <v>649</v>
      </c>
      <c r="B1724" s="53">
        <v>106318449.72999901</v>
      </c>
      <c r="C1724" s="53">
        <v>100794760.3</v>
      </c>
      <c r="D1724" s="53">
        <v>127940463.469999</v>
      </c>
      <c r="E1724" s="53">
        <v>102737561</v>
      </c>
      <c r="F1724" s="53">
        <v>165531098.33000001</v>
      </c>
      <c r="G1724" s="53">
        <v>188818153.13</v>
      </c>
      <c r="H1724" s="53">
        <v>245991165.06</v>
      </c>
      <c r="I1724" s="53">
        <v>244053514.19999999</v>
      </c>
      <c r="J1724" s="53">
        <v>221759871.77000001</v>
      </c>
      <c r="K1724" s="53">
        <v>205629827.78999999</v>
      </c>
      <c r="L1724" s="53">
        <v>149868013.94999999</v>
      </c>
      <c r="M1724" s="53">
        <v>173142034.31</v>
      </c>
      <c r="N1724" s="53">
        <v>2032584913.04</v>
      </c>
      <c r="O1724" s="53">
        <v>170256544.28999999</v>
      </c>
      <c r="P1724" s="53">
        <v>152994064.80000001</v>
      </c>
      <c r="Q1724" s="53">
        <v>144113365.46000001</v>
      </c>
      <c r="R1724" s="53">
        <v>128691680.13</v>
      </c>
      <c r="S1724" s="53">
        <v>139762662.09</v>
      </c>
      <c r="T1724" s="53">
        <v>151151211.72999999</v>
      </c>
      <c r="U1724" s="53">
        <v>163390006.09</v>
      </c>
      <c r="V1724" s="53">
        <v>159137751.93000001</v>
      </c>
      <c r="W1724" s="53">
        <v>148151117.47999999</v>
      </c>
      <c r="X1724" s="53">
        <v>135366420.88</v>
      </c>
      <c r="Y1724" s="53">
        <v>122532544.019999</v>
      </c>
      <c r="Z1724" s="53">
        <v>141364511.03</v>
      </c>
      <c r="AA1724" s="53">
        <v>1756911879.9300001</v>
      </c>
      <c r="AB1724" s="53">
        <v>145243330.71999899</v>
      </c>
      <c r="AC1724" s="53">
        <v>131565532.47999901</v>
      </c>
      <c r="AD1724" s="53">
        <v>125545250.39999899</v>
      </c>
      <c r="AE1724" s="53">
        <v>107376927.11999901</v>
      </c>
      <c r="AF1724" s="53">
        <v>116035234.78999899</v>
      </c>
      <c r="AG1724" s="53">
        <v>131086793.279999</v>
      </c>
      <c r="AH1724" s="53">
        <v>138610982.09</v>
      </c>
      <c r="AI1724" s="53">
        <v>136039846.30000001</v>
      </c>
      <c r="AJ1724" s="53">
        <v>133505884.06999999</v>
      </c>
      <c r="AK1724" s="53">
        <v>121750731.81999999</v>
      </c>
      <c r="AL1724" s="53">
        <v>109429431.84999999</v>
      </c>
      <c r="AM1724" s="53">
        <v>127332792.81</v>
      </c>
      <c r="AN1724" s="53">
        <v>1523522737.73</v>
      </c>
      <c r="AO1724" s="53">
        <v>128410282.59999999</v>
      </c>
      <c r="AP1724" s="53">
        <v>111936288.529999</v>
      </c>
      <c r="AQ1724" s="53">
        <v>109343936.27</v>
      </c>
      <c r="AR1724" s="53">
        <v>106153748.73</v>
      </c>
      <c r="AS1724" s="53">
        <v>122746868.36</v>
      </c>
      <c r="AT1724" s="53">
        <v>130665780.91</v>
      </c>
      <c r="AU1724" s="53">
        <v>137968389.66999999</v>
      </c>
      <c r="AV1724" s="53">
        <v>133672513.31</v>
      </c>
      <c r="AW1724" s="53">
        <v>129613280.02</v>
      </c>
      <c r="AX1724" s="53">
        <v>115433683.19</v>
      </c>
      <c r="AY1724" s="53">
        <v>106979295.79000001</v>
      </c>
      <c r="AZ1724" s="53">
        <v>124542360.67999899</v>
      </c>
      <c r="BA1724" s="53">
        <v>1457466428.0599999</v>
      </c>
      <c r="BB1724" s="53">
        <v>124667569.92</v>
      </c>
      <c r="BC1724" s="53">
        <v>110298947.2</v>
      </c>
      <c r="BD1724" s="53">
        <v>110241516.25</v>
      </c>
      <c r="BE1724" s="53">
        <v>103431159.14999899</v>
      </c>
      <c r="BF1724" s="53">
        <v>118639841.22</v>
      </c>
      <c r="BG1724" s="53">
        <v>127349680.749999</v>
      </c>
      <c r="BH1724" s="53">
        <v>134189338.11</v>
      </c>
      <c r="BI1724" s="53">
        <v>131504854.22</v>
      </c>
      <c r="BJ1724" s="53">
        <v>127738638.95</v>
      </c>
      <c r="BK1724" s="53">
        <v>109139694.69</v>
      </c>
      <c r="BL1724" s="53">
        <v>103570454.669999</v>
      </c>
      <c r="BM1724" s="53">
        <v>120415089.45</v>
      </c>
      <c r="BN1724" s="53">
        <v>1421186784.5799999</v>
      </c>
      <c r="BO1724" s="53">
        <v>121357488.189999</v>
      </c>
      <c r="BP1724" s="53">
        <v>106517265.29000001</v>
      </c>
      <c r="BQ1724" s="53">
        <v>103255198.59</v>
      </c>
      <c r="BR1724" s="53">
        <v>101450018.38</v>
      </c>
      <c r="BS1724" s="53">
        <v>111594269.02</v>
      </c>
      <c r="BT1724" s="53">
        <v>120582515.699999</v>
      </c>
      <c r="BU1724" s="53">
        <v>128943973.16</v>
      </c>
      <c r="BV1724" s="53">
        <v>127428889.34999999</v>
      </c>
      <c r="BW1724" s="53">
        <v>122933468.55</v>
      </c>
      <c r="BX1724" s="53">
        <v>109816579.059999</v>
      </c>
      <c r="BY1724" s="53">
        <v>103137945.63</v>
      </c>
      <c r="BZ1724" s="53">
        <v>117883663.52</v>
      </c>
      <c r="CA1724" s="53">
        <v>1374901274.43999</v>
      </c>
      <c r="CB1724" s="53"/>
      <c r="CC1724" s="53"/>
      <c r="CD1724" s="53"/>
      <c r="CE1724" s="53"/>
      <c r="CF1724" s="53"/>
      <c r="CG1724" s="53"/>
      <c r="CH1724" s="53"/>
      <c r="CI1724" s="53"/>
      <c r="CJ1724" s="53"/>
      <c r="CK1724" s="53"/>
      <c r="CL1724" s="53"/>
      <c r="CM1724" s="53"/>
      <c r="CN1724" s="53"/>
    </row>
    <row r="1725" spans="1:92" outlineLevel="1">
      <c r="A1725" s="52" t="s">
        <v>741</v>
      </c>
      <c r="B1725" s="53"/>
      <c r="C1725" s="53"/>
      <c r="D1725" s="53"/>
      <c r="E1725" s="53"/>
      <c r="F1725" s="53"/>
      <c r="G1725" s="53"/>
      <c r="H1725" s="53"/>
      <c r="I1725" s="53"/>
      <c r="J1725" s="53"/>
      <c r="K1725" s="53"/>
      <c r="L1725" s="53"/>
      <c r="M1725" s="53"/>
      <c r="N1725" s="53"/>
      <c r="O1725" s="53"/>
      <c r="P1725" s="53"/>
      <c r="Q1725" s="53"/>
      <c r="R1725" s="53"/>
      <c r="S1725" s="53"/>
      <c r="T1725" s="53"/>
      <c r="U1725" s="53"/>
      <c r="V1725" s="53"/>
      <c r="W1725" s="53"/>
      <c r="X1725" s="53"/>
      <c r="Y1725" s="53"/>
      <c r="Z1725" s="53"/>
      <c r="AA1725" s="53"/>
      <c r="AB1725" s="53"/>
      <c r="AC1725" s="53"/>
      <c r="AD1725" s="53"/>
      <c r="AE1725" s="53"/>
      <c r="AF1725" s="53"/>
      <c r="AG1725" s="53"/>
      <c r="AH1725" s="53"/>
      <c r="AI1725" s="53"/>
      <c r="AJ1725" s="53"/>
      <c r="AK1725" s="53"/>
      <c r="AL1725" s="53"/>
      <c r="AM1725" s="53"/>
      <c r="AN1725" s="53"/>
      <c r="AO1725" s="53"/>
      <c r="AP1725" s="53"/>
      <c r="AQ1725" s="53"/>
      <c r="AR1725" s="53"/>
      <c r="AS1725" s="53"/>
      <c r="AT1725" s="53"/>
      <c r="AU1725" s="53"/>
      <c r="AV1725" s="53"/>
      <c r="AW1725" s="53"/>
      <c r="AX1725" s="53"/>
      <c r="AY1725" s="53"/>
      <c r="AZ1725" s="53"/>
      <c r="BA1725" s="53"/>
      <c r="BB1725" s="53"/>
      <c r="BC1725" s="53"/>
      <c r="BD1725" s="53"/>
      <c r="BE1725" s="53"/>
      <c r="BF1725" s="53"/>
      <c r="BG1725" s="53"/>
      <c r="BH1725" s="53"/>
      <c r="BI1725" s="53"/>
      <c r="BJ1725" s="53"/>
      <c r="BK1725" s="53"/>
      <c r="BL1725" s="53"/>
      <c r="BM1725" s="53"/>
      <c r="BN1725" s="53"/>
      <c r="BO1725" s="53"/>
      <c r="BP1725" s="53"/>
      <c r="BQ1725" s="53"/>
      <c r="BR1725" s="53"/>
      <c r="BS1725" s="53"/>
      <c r="BT1725" s="53"/>
      <c r="BU1725" s="53"/>
      <c r="BV1725" s="53"/>
      <c r="BW1725" s="53"/>
      <c r="BX1725" s="53"/>
      <c r="BY1725" s="53"/>
      <c r="BZ1725" s="53"/>
      <c r="CA1725" s="53"/>
      <c r="CB1725" s="53"/>
      <c r="CC1725" s="53"/>
      <c r="CD1725" s="53"/>
      <c r="CE1725" s="53"/>
      <c r="CF1725" s="53"/>
      <c r="CG1725" s="53"/>
      <c r="CH1725" s="53"/>
      <c r="CI1725" s="53"/>
      <c r="CJ1725" s="53"/>
      <c r="CK1725" s="53"/>
      <c r="CL1725" s="53"/>
      <c r="CM1725" s="53"/>
      <c r="CN1725" s="53"/>
    </row>
    <row r="1726" spans="1:92" outlineLevel="1">
      <c r="A1726" s="52" t="s">
        <v>1521</v>
      </c>
      <c r="B1726" s="53"/>
      <c r="C1726" s="53"/>
      <c r="D1726" s="53"/>
      <c r="E1726" s="53"/>
      <c r="F1726" s="53"/>
      <c r="G1726" s="53"/>
      <c r="H1726" s="53"/>
      <c r="I1726" s="53"/>
      <c r="J1726" s="53"/>
      <c r="K1726" s="53"/>
      <c r="L1726" s="53"/>
      <c r="M1726" s="53"/>
      <c r="N1726" s="53"/>
      <c r="O1726" s="53"/>
      <c r="P1726" s="53"/>
      <c r="Q1726" s="53"/>
      <c r="R1726" s="53"/>
      <c r="S1726" s="53"/>
      <c r="T1726" s="53"/>
      <c r="U1726" s="53"/>
      <c r="V1726" s="53"/>
      <c r="W1726" s="53"/>
      <c r="X1726" s="53"/>
      <c r="Y1726" s="53"/>
      <c r="Z1726" s="53"/>
      <c r="AA1726" s="53"/>
      <c r="AB1726" s="53"/>
      <c r="AC1726" s="53"/>
      <c r="AD1726" s="53"/>
      <c r="AE1726" s="53"/>
      <c r="AF1726" s="53"/>
      <c r="AG1726" s="53"/>
      <c r="AH1726" s="53"/>
      <c r="AI1726" s="53"/>
      <c r="AJ1726" s="53"/>
      <c r="AK1726" s="53"/>
      <c r="AL1726" s="53"/>
      <c r="AM1726" s="53"/>
      <c r="AN1726" s="53"/>
      <c r="AO1726" s="53"/>
      <c r="AP1726" s="53"/>
      <c r="AQ1726" s="53"/>
      <c r="AR1726" s="53"/>
      <c r="AS1726" s="53"/>
      <c r="AT1726" s="53"/>
      <c r="AU1726" s="53"/>
      <c r="AV1726" s="53"/>
      <c r="AW1726" s="53"/>
      <c r="AX1726" s="53"/>
      <c r="AY1726" s="53"/>
      <c r="AZ1726" s="53"/>
      <c r="BA1726" s="53"/>
      <c r="BB1726" s="53"/>
      <c r="BC1726" s="53"/>
      <c r="BD1726" s="53"/>
      <c r="BE1726" s="53"/>
      <c r="BF1726" s="53"/>
      <c r="BG1726" s="53"/>
      <c r="BH1726" s="53"/>
      <c r="BI1726" s="53"/>
      <c r="BJ1726" s="53"/>
      <c r="BK1726" s="53"/>
      <c r="BL1726" s="53"/>
      <c r="BM1726" s="53"/>
      <c r="BN1726" s="53"/>
      <c r="BO1726" s="53"/>
      <c r="BP1726" s="53"/>
      <c r="BQ1726" s="53"/>
      <c r="BR1726" s="53"/>
      <c r="BS1726" s="53"/>
      <c r="BT1726" s="53"/>
      <c r="BU1726" s="53"/>
      <c r="BV1726" s="53"/>
      <c r="BW1726" s="53"/>
      <c r="BX1726" s="53"/>
      <c r="BY1726" s="53"/>
      <c r="BZ1726" s="53"/>
      <c r="CA1726" s="53"/>
      <c r="CB1726" s="53"/>
      <c r="CC1726" s="53"/>
      <c r="CD1726" s="53"/>
      <c r="CE1726" s="53"/>
      <c r="CF1726" s="53"/>
      <c r="CG1726" s="53"/>
      <c r="CH1726" s="53"/>
      <c r="CI1726" s="53"/>
      <c r="CJ1726" s="53"/>
      <c r="CK1726" s="53"/>
      <c r="CL1726" s="53"/>
      <c r="CM1726" s="53"/>
      <c r="CN1726" s="53"/>
    </row>
    <row r="1727" spans="1:92" outlineLevel="1">
      <c r="A1727" s="52" t="s">
        <v>649</v>
      </c>
      <c r="B1727" s="53"/>
      <c r="C1727" s="53"/>
      <c r="D1727" s="53">
        <v>5586250</v>
      </c>
      <c r="E1727" s="53"/>
      <c r="F1727" s="53"/>
      <c r="G1727" s="53">
        <v>5586250</v>
      </c>
      <c r="H1727" s="53"/>
      <c r="I1727" s="53"/>
      <c r="J1727" s="53">
        <v>5586250</v>
      </c>
      <c r="K1727" s="53"/>
      <c r="L1727" s="53"/>
      <c r="M1727" s="53">
        <v>5586250</v>
      </c>
      <c r="N1727" s="53">
        <v>22345000</v>
      </c>
      <c r="O1727" s="53"/>
      <c r="P1727" s="53"/>
      <c r="Q1727" s="53"/>
      <c r="R1727" s="53"/>
      <c r="S1727" s="53"/>
      <c r="T1727" s="53"/>
      <c r="U1727" s="53"/>
      <c r="V1727" s="53"/>
      <c r="W1727" s="53"/>
      <c r="X1727" s="53"/>
      <c r="Y1727" s="53"/>
      <c r="Z1727" s="53"/>
      <c r="AA1727" s="53"/>
      <c r="AB1727" s="53"/>
      <c r="AC1727" s="53"/>
      <c r="AD1727" s="53"/>
      <c r="AE1727" s="53"/>
      <c r="AF1727" s="53"/>
      <c r="AG1727" s="53"/>
      <c r="AH1727" s="53"/>
      <c r="AI1727" s="53"/>
      <c r="AJ1727" s="53"/>
      <c r="AK1727" s="53"/>
      <c r="AL1727" s="53"/>
      <c r="AM1727" s="53"/>
      <c r="AN1727" s="53"/>
      <c r="AO1727" s="53"/>
      <c r="AP1727" s="53"/>
      <c r="AQ1727" s="53"/>
      <c r="AR1727" s="53"/>
      <c r="AS1727" s="53"/>
      <c r="AT1727" s="53"/>
      <c r="AU1727" s="53"/>
      <c r="AV1727" s="53"/>
      <c r="AW1727" s="53"/>
      <c r="AX1727" s="53"/>
      <c r="AY1727" s="53"/>
      <c r="AZ1727" s="53"/>
      <c r="BA1727" s="53"/>
      <c r="BB1727" s="53"/>
      <c r="BC1727" s="53"/>
      <c r="BD1727" s="53"/>
      <c r="BE1727" s="53"/>
      <c r="BF1727" s="53"/>
      <c r="BG1727" s="53"/>
      <c r="BH1727" s="53"/>
      <c r="BI1727" s="53"/>
      <c r="BJ1727" s="53"/>
      <c r="BK1727" s="53"/>
      <c r="BL1727" s="53"/>
      <c r="BM1727" s="53"/>
      <c r="BN1727" s="53"/>
      <c r="BO1727" s="53"/>
      <c r="BP1727" s="53"/>
      <c r="BQ1727" s="53"/>
      <c r="BR1727" s="53"/>
      <c r="BS1727" s="53"/>
      <c r="BT1727" s="53"/>
      <c r="BU1727" s="53"/>
      <c r="BV1727" s="53"/>
      <c r="BW1727" s="53"/>
      <c r="BX1727" s="53"/>
      <c r="BY1727" s="53"/>
      <c r="BZ1727" s="53"/>
      <c r="CA1727" s="53"/>
      <c r="CB1727" s="53"/>
      <c r="CC1727" s="53"/>
      <c r="CD1727" s="53"/>
      <c r="CE1727" s="53"/>
      <c r="CF1727" s="53"/>
      <c r="CG1727" s="53"/>
      <c r="CH1727" s="53"/>
      <c r="CI1727" s="53"/>
      <c r="CJ1727" s="53"/>
      <c r="CK1727" s="53"/>
      <c r="CL1727" s="53"/>
      <c r="CM1727" s="53"/>
      <c r="CN1727" s="53"/>
    </row>
    <row r="1728" spans="1:92" outlineLevel="1">
      <c r="A1728" s="52" t="s">
        <v>650</v>
      </c>
      <c r="B1728" s="53"/>
      <c r="C1728" s="53"/>
      <c r="D1728" s="53"/>
      <c r="E1728" s="53"/>
      <c r="F1728" s="53"/>
      <c r="G1728" s="53"/>
      <c r="H1728" s="53"/>
      <c r="I1728" s="53"/>
      <c r="J1728" s="53"/>
      <c r="K1728" s="53"/>
      <c r="L1728" s="53"/>
      <c r="M1728" s="53"/>
      <c r="N1728" s="53"/>
      <c r="O1728" s="53"/>
      <c r="P1728" s="53"/>
      <c r="Q1728" s="53"/>
      <c r="R1728" s="53"/>
      <c r="S1728" s="53"/>
      <c r="T1728" s="53"/>
      <c r="U1728" s="53"/>
      <c r="V1728" s="53"/>
      <c r="W1728" s="53"/>
      <c r="X1728" s="53"/>
      <c r="Y1728" s="53"/>
      <c r="Z1728" s="53"/>
      <c r="AA1728" s="53"/>
      <c r="AB1728" s="53"/>
      <c r="AC1728" s="53"/>
      <c r="AD1728" s="53"/>
      <c r="AE1728" s="53"/>
      <c r="AF1728" s="53"/>
      <c r="AG1728" s="53"/>
      <c r="AH1728" s="53"/>
      <c r="AI1728" s="53"/>
      <c r="AJ1728" s="53"/>
      <c r="AK1728" s="53"/>
      <c r="AL1728" s="53"/>
      <c r="AM1728" s="53"/>
      <c r="AN1728" s="53"/>
      <c r="AO1728" s="53"/>
      <c r="AP1728" s="53"/>
      <c r="AQ1728" s="53"/>
      <c r="AR1728" s="53"/>
      <c r="AS1728" s="53"/>
      <c r="AT1728" s="53"/>
      <c r="AU1728" s="53"/>
      <c r="AV1728" s="53"/>
      <c r="AW1728" s="53"/>
      <c r="AX1728" s="53"/>
      <c r="AY1728" s="53"/>
      <c r="AZ1728" s="53"/>
      <c r="BA1728" s="53"/>
      <c r="BB1728" s="53"/>
      <c r="BC1728" s="53"/>
      <c r="BD1728" s="53"/>
      <c r="BE1728" s="53"/>
      <c r="BF1728" s="53"/>
      <c r="BG1728" s="53"/>
      <c r="BH1728" s="53"/>
      <c r="BI1728" s="53"/>
      <c r="BJ1728" s="53"/>
      <c r="BK1728" s="53"/>
      <c r="BL1728" s="53"/>
      <c r="BM1728" s="53"/>
      <c r="BN1728" s="53"/>
      <c r="BO1728" s="53"/>
      <c r="BP1728" s="53"/>
      <c r="BQ1728" s="53"/>
      <c r="BR1728" s="53"/>
      <c r="BS1728" s="53"/>
      <c r="BT1728" s="53"/>
      <c r="BU1728" s="53"/>
      <c r="BV1728" s="53"/>
      <c r="BW1728" s="53"/>
      <c r="BX1728" s="53"/>
      <c r="BY1728" s="53"/>
      <c r="BZ1728" s="53"/>
      <c r="CA1728" s="53"/>
      <c r="CB1728" s="53"/>
      <c r="CC1728" s="53"/>
      <c r="CD1728" s="53"/>
      <c r="CE1728" s="53"/>
      <c r="CF1728" s="53"/>
      <c r="CG1728" s="53"/>
      <c r="CH1728" s="53"/>
      <c r="CI1728" s="53"/>
      <c r="CJ1728" s="53"/>
      <c r="CK1728" s="53"/>
      <c r="CL1728" s="53"/>
      <c r="CM1728" s="53"/>
      <c r="CN1728" s="53"/>
    </row>
    <row r="1729" spans="1:92" outlineLevel="1">
      <c r="A1729" s="52" t="s">
        <v>1294</v>
      </c>
      <c r="B1729" s="53"/>
      <c r="C1729" s="53"/>
      <c r="D1729" s="53"/>
      <c r="E1729" s="53"/>
      <c r="F1729" s="53"/>
      <c r="G1729" s="53"/>
      <c r="H1729" s="53"/>
      <c r="I1729" s="53"/>
      <c r="J1729" s="53"/>
      <c r="K1729" s="53"/>
      <c r="L1729" s="53"/>
      <c r="M1729" s="53"/>
      <c r="N1729" s="53"/>
      <c r="O1729" s="53"/>
      <c r="P1729" s="53"/>
      <c r="Q1729" s="53"/>
      <c r="R1729" s="53"/>
      <c r="S1729" s="53"/>
      <c r="T1729" s="53"/>
      <c r="U1729" s="53"/>
      <c r="V1729" s="53"/>
      <c r="W1729" s="53"/>
      <c r="X1729" s="53"/>
      <c r="Y1729" s="53"/>
      <c r="Z1729" s="53"/>
      <c r="AA1729" s="53"/>
      <c r="AB1729" s="53"/>
      <c r="AC1729" s="53"/>
      <c r="AD1729" s="53"/>
      <c r="AE1729" s="53"/>
      <c r="AF1729" s="53"/>
      <c r="AG1729" s="53"/>
      <c r="AH1729" s="53"/>
      <c r="AI1729" s="53"/>
      <c r="AJ1729" s="53"/>
      <c r="AK1729" s="53"/>
      <c r="AL1729" s="53"/>
      <c r="AM1729" s="53"/>
      <c r="AN1729" s="53"/>
      <c r="AO1729" s="53"/>
      <c r="AP1729" s="53"/>
      <c r="AQ1729" s="53"/>
      <c r="AR1729" s="53"/>
      <c r="AS1729" s="53"/>
      <c r="AT1729" s="53"/>
      <c r="AU1729" s="53"/>
      <c r="AV1729" s="53"/>
      <c r="AW1729" s="53"/>
      <c r="AX1729" s="53"/>
      <c r="AY1729" s="53"/>
      <c r="AZ1729" s="53"/>
      <c r="BA1729" s="53"/>
      <c r="BB1729" s="53"/>
      <c r="BC1729" s="53"/>
      <c r="BD1729" s="53"/>
      <c r="BE1729" s="53"/>
      <c r="BF1729" s="53"/>
      <c r="BG1729" s="53"/>
      <c r="BH1729" s="53"/>
      <c r="BI1729" s="53"/>
      <c r="BJ1729" s="53"/>
      <c r="BK1729" s="53"/>
      <c r="BL1729" s="53"/>
      <c r="BM1729" s="53"/>
      <c r="BN1729" s="53"/>
      <c r="BO1729" s="53"/>
      <c r="BP1729" s="53"/>
      <c r="BQ1729" s="53"/>
      <c r="BR1729" s="53"/>
      <c r="BS1729" s="53"/>
      <c r="BT1729" s="53"/>
      <c r="BU1729" s="53"/>
      <c r="BV1729" s="53"/>
      <c r="BW1729" s="53"/>
      <c r="BX1729" s="53"/>
      <c r="BY1729" s="53"/>
      <c r="BZ1729" s="53"/>
      <c r="CA1729" s="53"/>
      <c r="CB1729" s="53">
        <v>-13863694.8607747</v>
      </c>
      <c r="CC1729" s="53">
        <v>-13929064.8832848</v>
      </c>
      <c r="CD1729" s="53">
        <v>-13825290.122687601</v>
      </c>
      <c r="CE1729" s="53">
        <v>-14515949.5600424</v>
      </c>
      <c r="CF1729" s="53">
        <v>-14674995.6574279</v>
      </c>
      <c r="CG1729" s="53">
        <v>-16835367.7607597</v>
      </c>
      <c r="CH1729" s="53">
        <v>-19274979.547531199</v>
      </c>
      <c r="CI1729" s="53">
        <v>-20291837.754207101</v>
      </c>
      <c r="CJ1729" s="53">
        <v>-19178201.921157099</v>
      </c>
      <c r="CK1729" s="53">
        <v>-19949909.3689624</v>
      </c>
      <c r="CL1729" s="53">
        <v>-14076371.054086</v>
      </c>
      <c r="CM1729" s="53">
        <v>-14962337.5090787</v>
      </c>
      <c r="CN1729" s="53">
        <v>-195378000</v>
      </c>
    </row>
    <row r="1730" spans="1:92" outlineLevel="1">
      <c r="A1730" s="52" t="s">
        <v>1249</v>
      </c>
      <c r="B1730" s="53"/>
      <c r="C1730" s="53"/>
      <c r="D1730" s="53"/>
      <c r="E1730" s="53"/>
      <c r="F1730" s="53"/>
      <c r="G1730" s="53"/>
      <c r="H1730" s="53"/>
      <c r="I1730" s="53"/>
      <c r="J1730" s="53"/>
      <c r="K1730" s="53"/>
      <c r="L1730" s="53"/>
      <c r="M1730" s="53"/>
      <c r="N1730" s="53"/>
      <c r="O1730" s="53">
        <v>-13011993.853433199</v>
      </c>
      <c r="P1730" s="53"/>
      <c r="Q1730" s="53"/>
      <c r="R1730" s="53"/>
      <c r="S1730" s="53"/>
      <c r="T1730" s="53"/>
      <c r="U1730" s="53"/>
      <c r="V1730" s="53"/>
      <c r="W1730" s="53"/>
      <c r="X1730" s="53"/>
      <c r="Y1730" s="53"/>
      <c r="Z1730" s="53"/>
      <c r="AA1730" s="53">
        <v>-13011993.853433199</v>
      </c>
      <c r="AB1730" s="53"/>
      <c r="AC1730" s="53"/>
      <c r="AD1730" s="53"/>
      <c r="AE1730" s="53"/>
      <c r="AF1730" s="53"/>
      <c r="AG1730" s="53"/>
      <c r="AH1730" s="53"/>
      <c r="AI1730" s="53"/>
      <c r="AJ1730" s="53"/>
      <c r="AK1730" s="53"/>
      <c r="AL1730" s="53"/>
      <c r="AM1730" s="53"/>
      <c r="AN1730" s="53"/>
      <c r="AO1730" s="53"/>
      <c r="AP1730" s="53"/>
      <c r="AQ1730" s="53"/>
      <c r="AR1730" s="53"/>
      <c r="AS1730" s="53"/>
      <c r="AT1730" s="53"/>
      <c r="AU1730" s="53"/>
      <c r="AV1730" s="53"/>
      <c r="AW1730" s="53"/>
      <c r="AX1730" s="53"/>
      <c r="AY1730" s="53"/>
      <c r="AZ1730" s="53"/>
      <c r="BA1730" s="53"/>
      <c r="BB1730" s="53"/>
      <c r="BC1730" s="53"/>
      <c r="BD1730" s="53"/>
      <c r="BE1730" s="53"/>
      <c r="BF1730" s="53"/>
      <c r="BG1730" s="53"/>
      <c r="BH1730" s="53"/>
      <c r="BI1730" s="53"/>
      <c r="BJ1730" s="53"/>
      <c r="BK1730" s="53"/>
      <c r="BL1730" s="53"/>
      <c r="BM1730" s="53"/>
      <c r="BN1730" s="53"/>
      <c r="BO1730" s="53"/>
      <c r="BP1730" s="53"/>
      <c r="BQ1730" s="53"/>
      <c r="BR1730" s="53"/>
      <c r="BS1730" s="53"/>
      <c r="BT1730" s="53"/>
      <c r="BU1730" s="53"/>
      <c r="BV1730" s="53"/>
      <c r="BW1730" s="53"/>
      <c r="BX1730" s="53"/>
      <c r="BY1730" s="53"/>
      <c r="BZ1730" s="53"/>
      <c r="CA1730" s="53"/>
      <c r="CB1730" s="53"/>
      <c r="CC1730" s="53"/>
      <c r="CD1730" s="53"/>
      <c r="CE1730" s="53"/>
      <c r="CF1730" s="53"/>
      <c r="CG1730" s="53"/>
      <c r="CH1730" s="53"/>
      <c r="CI1730" s="53"/>
      <c r="CJ1730" s="53"/>
      <c r="CK1730" s="53"/>
      <c r="CL1730" s="53"/>
      <c r="CM1730" s="53"/>
      <c r="CN1730" s="53"/>
    </row>
    <row r="1731" spans="1:92" outlineLevel="1">
      <c r="A1731" s="52" t="s">
        <v>1289</v>
      </c>
      <c r="B1731" s="53"/>
      <c r="C1731" s="53"/>
      <c r="D1731" s="53"/>
      <c r="E1731" s="53"/>
      <c r="F1731" s="53"/>
      <c r="G1731" s="53"/>
      <c r="H1731" s="53"/>
      <c r="I1731" s="53"/>
      <c r="J1731" s="53"/>
      <c r="K1731" s="53"/>
      <c r="L1731" s="53"/>
      <c r="M1731" s="53"/>
      <c r="N1731" s="53"/>
      <c r="O1731" s="53"/>
      <c r="P1731" s="53"/>
      <c r="Q1731" s="53"/>
      <c r="R1731" s="53"/>
      <c r="S1731" s="53"/>
      <c r="T1731" s="53"/>
      <c r="U1731" s="53"/>
      <c r="V1731" s="53"/>
      <c r="W1731" s="53"/>
      <c r="X1731" s="53"/>
      <c r="Y1731" s="53"/>
      <c r="Z1731" s="53"/>
      <c r="AA1731" s="53"/>
      <c r="AB1731" s="53"/>
      <c r="AC1731" s="53"/>
      <c r="AD1731" s="53"/>
      <c r="AE1731" s="53"/>
      <c r="AF1731" s="53"/>
      <c r="AG1731" s="53"/>
      <c r="AH1731" s="53"/>
      <c r="AI1731" s="53"/>
      <c r="AJ1731" s="53"/>
      <c r="AK1731" s="53"/>
      <c r="AL1731" s="53"/>
      <c r="AM1731" s="53"/>
      <c r="AN1731" s="53"/>
      <c r="AO1731" s="53"/>
      <c r="AP1731" s="53"/>
      <c r="AQ1731" s="53"/>
      <c r="AR1731" s="53"/>
      <c r="AS1731" s="53"/>
      <c r="AT1731" s="53"/>
      <c r="AU1731" s="53"/>
      <c r="AV1731" s="53"/>
      <c r="AW1731" s="53"/>
      <c r="AX1731" s="53"/>
      <c r="AY1731" s="53"/>
      <c r="AZ1731" s="53"/>
      <c r="BA1731" s="53"/>
      <c r="BB1731" s="53"/>
      <c r="BC1731" s="53"/>
      <c r="BD1731" s="53"/>
      <c r="BE1731" s="53"/>
      <c r="BF1731" s="53"/>
      <c r="BG1731" s="53"/>
      <c r="BH1731" s="53"/>
      <c r="BI1731" s="53"/>
      <c r="BJ1731" s="53"/>
      <c r="BK1731" s="53"/>
      <c r="BL1731" s="53"/>
      <c r="BM1731" s="53"/>
      <c r="BN1731" s="53"/>
      <c r="BO1731" s="53"/>
      <c r="BP1731" s="53"/>
      <c r="BQ1731" s="53"/>
      <c r="BR1731" s="53"/>
      <c r="BS1731" s="53"/>
      <c r="BT1731" s="53"/>
      <c r="BU1731" s="53"/>
      <c r="BV1731" s="53"/>
      <c r="BW1731" s="53"/>
      <c r="BX1731" s="53"/>
      <c r="BY1731" s="53"/>
      <c r="BZ1731" s="53"/>
      <c r="CA1731" s="53"/>
      <c r="CB1731" s="53">
        <v>-13335176.984782601</v>
      </c>
      <c r="CC1731" s="53">
        <v>-15860492.880554199</v>
      </c>
      <c r="CD1731" s="53">
        <v>-16897699.824070599</v>
      </c>
      <c r="CE1731" s="53">
        <v>-17032551.780515701</v>
      </c>
      <c r="CF1731" s="53">
        <v>-16364608.573436599</v>
      </c>
      <c r="CG1731" s="53">
        <v>-16531594.3752064</v>
      </c>
      <c r="CH1731" s="53">
        <v>-17438088.7276708</v>
      </c>
      <c r="CI1731" s="53">
        <v>-17267695.0523955</v>
      </c>
      <c r="CJ1731" s="53">
        <v>-16218070.0126999</v>
      </c>
      <c r="CK1731" s="53">
        <v>-18375253.941684801</v>
      </c>
      <c r="CL1731" s="53">
        <v>-14694750.555739</v>
      </c>
      <c r="CM1731" s="53">
        <v>-17366523.384055201</v>
      </c>
      <c r="CN1731" s="53">
        <v>-197382506.092812</v>
      </c>
    </row>
    <row r="1732" spans="1:92" outlineLevel="1">
      <c r="A1732" s="52" t="s">
        <v>1249</v>
      </c>
      <c r="B1732" s="53">
        <v>166666.66666666701</v>
      </c>
      <c r="C1732" s="53">
        <v>166666.66666666701</v>
      </c>
      <c r="D1732" s="53">
        <v>166666.66666666701</v>
      </c>
      <c r="E1732" s="53">
        <v>166666.66666666701</v>
      </c>
      <c r="F1732" s="53">
        <v>166666.66666666701</v>
      </c>
      <c r="G1732" s="53">
        <v>166666.66666666701</v>
      </c>
      <c r="H1732" s="53">
        <v>166666.66666666701</v>
      </c>
      <c r="I1732" s="53">
        <v>166666.66666666701</v>
      </c>
      <c r="J1732" s="53">
        <v>166666.66666666701</v>
      </c>
      <c r="K1732" s="53">
        <v>166666.66666666701</v>
      </c>
      <c r="L1732" s="53">
        <v>166666.66666666701</v>
      </c>
      <c r="M1732" s="53">
        <v>166666.66666666701</v>
      </c>
      <c r="N1732" s="53">
        <v>2000000</v>
      </c>
      <c r="O1732" s="53">
        <v>13011993.853433199</v>
      </c>
      <c r="P1732" s="53"/>
      <c r="Q1732" s="53"/>
      <c r="R1732" s="53"/>
      <c r="S1732" s="53"/>
      <c r="T1732" s="53"/>
      <c r="U1732" s="53"/>
      <c r="V1732" s="53"/>
      <c r="W1732" s="53"/>
      <c r="X1732" s="53"/>
      <c r="Y1732" s="53"/>
      <c r="Z1732" s="53"/>
      <c r="AA1732" s="53">
        <v>13011993.853433199</v>
      </c>
      <c r="AB1732" s="53"/>
      <c r="AC1732" s="53"/>
      <c r="AD1732" s="53"/>
      <c r="AE1732" s="53"/>
      <c r="AF1732" s="53"/>
      <c r="AG1732" s="53"/>
      <c r="AH1732" s="53"/>
      <c r="AI1732" s="53"/>
      <c r="AJ1732" s="53"/>
      <c r="AK1732" s="53"/>
      <c r="AL1732" s="53"/>
      <c r="AM1732" s="53"/>
      <c r="AN1732" s="53"/>
      <c r="AO1732" s="53"/>
      <c r="AP1732" s="53"/>
      <c r="AQ1732" s="53"/>
      <c r="AR1732" s="53"/>
      <c r="AS1732" s="53"/>
      <c r="AT1732" s="53"/>
      <c r="AU1732" s="53"/>
      <c r="AV1732" s="53"/>
      <c r="AW1732" s="53"/>
      <c r="AX1732" s="53"/>
      <c r="AY1732" s="53"/>
      <c r="AZ1732" s="53"/>
      <c r="BA1732" s="53"/>
      <c r="BB1732" s="53"/>
      <c r="BC1732" s="53"/>
      <c r="BD1732" s="53"/>
      <c r="BE1732" s="53"/>
      <c r="BF1732" s="53"/>
      <c r="BG1732" s="53"/>
      <c r="BH1732" s="53"/>
      <c r="BI1732" s="53"/>
      <c r="BJ1732" s="53"/>
      <c r="BK1732" s="53"/>
      <c r="BL1732" s="53"/>
      <c r="BM1732" s="53"/>
      <c r="BN1732" s="53"/>
      <c r="BO1732" s="53"/>
      <c r="BP1732" s="53"/>
      <c r="BQ1732" s="53"/>
      <c r="BR1732" s="53"/>
      <c r="BS1732" s="53"/>
      <c r="BT1732" s="53"/>
      <c r="BU1732" s="53"/>
      <c r="BV1732" s="53"/>
      <c r="BW1732" s="53"/>
      <c r="BX1732" s="53"/>
      <c r="BY1732" s="53"/>
      <c r="BZ1732" s="53"/>
      <c r="CA1732" s="53"/>
      <c r="CB1732" s="53"/>
      <c r="CC1732" s="53"/>
      <c r="CD1732" s="53"/>
      <c r="CE1732" s="53"/>
      <c r="CF1732" s="53"/>
      <c r="CG1732" s="53"/>
      <c r="CH1732" s="53"/>
      <c r="CI1732" s="53"/>
      <c r="CJ1732" s="53"/>
      <c r="CK1732" s="53"/>
      <c r="CL1732" s="53"/>
      <c r="CM1732" s="53"/>
      <c r="CN1732" s="53"/>
    </row>
    <row r="1733" spans="1:92" outlineLevel="1">
      <c r="A1733" s="52" t="s">
        <v>1287</v>
      </c>
      <c r="B1733" s="53"/>
      <c r="C1733" s="53"/>
      <c r="D1733" s="53"/>
      <c r="E1733" s="53"/>
      <c r="F1733" s="53"/>
      <c r="G1733" s="53"/>
      <c r="H1733" s="53"/>
      <c r="I1733" s="53"/>
      <c r="J1733" s="53"/>
      <c r="K1733" s="53"/>
      <c r="L1733" s="53"/>
      <c r="M1733" s="53"/>
      <c r="N1733" s="53"/>
      <c r="O1733" s="53"/>
      <c r="P1733" s="53"/>
      <c r="Q1733" s="53"/>
      <c r="R1733" s="53"/>
      <c r="S1733" s="53"/>
      <c r="T1733" s="53"/>
      <c r="U1733" s="53"/>
      <c r="V1733" s="53"/>
      <c r="W1733" s="53"/>
      <c r="X1733" s="53"/>
      <c r="Y1733" s="53"/>
      <c r="Z1733" s="53"/>
      <c r="AA1733" s="53"/>
      <c r="AB1733" s="53"/>
      <c r="AC1733" s="53"/>
      <c r="AD1733" s="53"/>
      <c r="AE1733" s="53"/>
      <c r="AF1733" s="53"/>
      <c r="AG1733" s="53"/>
      <c r="AH1733" s="53"/>
      <c r="AI1733" s="53"/>
      <c r="AJ1733" s="53"/>
      <c r="AK1733" s="53"/>
      <c r="AL1733" s="53"/>
      <c r="AM1733" s="53"/>
      <c r="AN1733" s="53"/>
      <c r="AO1733" s="53"/>
      <c r="AP1733" s="53"/>
      <c r="AQ1733" s="53"/>
      <c r="AR1733" s="53"/>
      <c r="AS1733" s="53"/>
      <c r="AT1733" s="53"/>
      <c r="AU1733" s="53"/>
      <c r="AV1733" s="53"/>
      <c r="AW1733" s="53"/>
      <c r="AX1733" s="53"/>
      <c r="AY1733" s="53"/>
      <c r="AZ1733" s="53"/>
      <c r="BA1733" s="53"/>
      <c r="BB1733" s="53"/>
      <c r="BC1733" s="53"/>
      <c r="BD1733" s="53"/>
      <c r="BE1733" s="53"/>
      <c r="BF1733" s="53"/>
      <c r="BG1733" s="53"/>
      <c r="BH1733" s="53"/>
      <c r="BI1733" s="53"/>
      <c r="BJ1733" s="53"/>
      <c r="BK1733" s="53"/>
      <c r="BL1733" s="53"/>
      <c r="BM1733" s="53"/>
      <c r="BN1733" s="53"/>
      <c r="BO1733" s="53"/>
      <c r="BP1733" s="53"/>
      <c r="BQ1733" s="53"/>
      <c r="BR1733" s="53"/>
      <c r="BS1733" s="53"/>
      <c r="BT1733" s="53"/>
      <c r="BU1733" s="53"/>
      <c r="BV1733" s="53"/>
      <c r="BW1733" s="53"/>
      <c r="BX1733" s="53"/>
      <c r="BY1733" s="53"/>
      <c r="BZ1733" s="53"/>
      <c r="CA1733" s="53"/>
      <c r="CB1733" s="53">
        <v>-5941442.4999999898</v>
      </c>
      <c r="CC1733" s="53">
        <v>-6066525.5</v>
      </c>
      <c r="CD1733" s="53">
        <v>-6379233</v>
      </c>
      <c r="CE1733" s="53">
        <v>-6379232.9999999898</v>
      </c>
      <c r="CF1733" s="53">
        <v>-6129066.9999999898</v>
      </c>
      <c r="CG1733" s="53">
        <v>-6191608.4999999898</v>
      </c>
      <c r="CH1733" s="53">
        <v>-6531119.5</v>
      </c>
      <c r="CI1733" s="53">
        <v>-6467301.6428571399</v>
      </c>
      <c r="CJ1733" s="53">
        <v>-6074183.6428571399</v>
      </c>
      <c r="CK1733" s="53">
        <v>-6882117.7142857099</v>
      </c>
      <c r="CL1733" s="53">
        <v>-5503651.9999999898</v>
      </c>
      <c r="CM1733" s="53">
        <v>-6504316</v>
      </c>
      <c r="CN1733" s="53">
        <v>-75049800</v>
      </c>
    </row>
    <row r="1734" spans="1:92" outlineLevel="1">
      <c r="A1734" s="52" t="s">
        <v>1249</v>
      </c>
      <c r="B1734" s="53">
        <v>16854.599999999999</v>
      </c>
      <c r="C1734" s="53">
        <v>8567.7999999999993</v>
      </c>
      <c r="D1734" s="53">
        <v>1641.6</v>
      </c>
      <c r="E1734" s="53">
        <v>4957</v>
      </c>
      <c r="F1734" s="53">
        <v>16777.400000000001</v>
      </c>
      <c r="G1734" s="53">
        <v>-395.1</v>
      </c>
      <c r="H1734" s="53">
        <v>-113.6</v>
      </c>
      <c r="I1734" s="53">
        <v>455.2</v>
      </c>
      <c r="J1734" s="53">
        <v>2129</v>
      </c>
      <c r="K1734" s="53">
        <v>1834.8999999999901</v>
      </c>
      <c r="L1734" s="53">
        <v>8.6969565163599292</v>
      </c>
      <c r="M1734" s="53">
        <v>6925.2</v>
      </c>
      <c r="N1734" s="53">
        <v>59642.696956516302</v>
      </c>
      <c r="O1734" s="53">
        <v>-26972252.3807608</v>
      </c>
      <c r="P1734" s="53">
        <v>-12342.963667496701</v>
      </c>
      <c r="Q1734" s="53">
        <v>-107477.202463333</v>
      </c>
      <c r="R1734" s="53">
        <v>-107264.92164589401</v>
      </c>
      <c r="S1734" s="53">
        <v>-87254.804872237801</v>
      </c>
      <c r="T1734" s="53">
        <v>-56618.983309157898</v>
      </c>
      <c r="U1734" s="53">
        <v>-66423.5662530962</v>
      </c>
      <c r="V1734" s="53">
        <v>-57434.5205439364</v>
      </c>
      <c r="W1734" s="53">
        <v>-58357.588991040197</v>
      </c>
      <c r="X1734" s="53">
        <v>-76317.635634432503</v>
      </c>
      <c r="Y1734" s="53">
        <v>8353.6205669180599</v>
      </c>
      <c r="Z1734" s="53">
        <v>9266.0006087423099</v>
      </c>
      <c r="AA1734" s="53">
        <v>-27584124.946965698</v>
      </c>
      <c r="AB1734" s="53">
        <v>-19566.449826817901</v>
      </c>
      <c r="AC1734" s="53">
        <v>-33703.264818216499</v>
      </c>
      <c r="AD1734" s="53">
        <v>35567.587871606302</v>
      </c>
      <c r="AE1734" s="53">
        <v>-5642.2607364955602</v>
      </c>
      <c r="AF1734" s="53">
        <v>60900.837342934603</v>
      </c>
      <c r="AG1734" s="53">
        <v>73746.685166889001</v>
      </c>
      <c r="AH1734" s="53">
        <v>26884.298339926499</v>
      </c>
      <c r="AI1734" s="53">
        <v>-77031.902905713301</v>
      </c>
      <c r="AJ1734" s="53">
        <v>-44708.705025899697</v>
      </c>
      <c r="AK1734" s="53">
        <v>-53810.013761321403</v>
      </c>
      <c r="AL1734" s="53">
        <v>5011.6688384317404</v>
      </c>
      <c r="AM1734" s="53">
        <v>22556.548018615998</v>
      </c>
      <c r="AN1734" s="53">
        <v>-9794.9714960601395</v>
      </c>
      <c r="AO1734" s="53">
        <v>16592.636564938301</v>
      </c>
      <c r="AP1734" s="53">
        <v>24403.5073785116</v>
      </c>
      <c r="AQ1734" s="53">
        <v>84752.463028330603</v>
      </c>
      <c r="AR1734" s="53">
        <v>44264.936813268498</v>
      </c>
      <c r="AS1734" s="53">
        <v>94468.629338087398</v>
      </c>
      <c r="AT1734" s="53">
        <v>103709.355246443</v>
      </c>
      <c r="AU1734" s="53">
        <v>56280.2952303407</v>
      </c>
      <c r="AV1734" s="53">
        <v>-70896.193023423199</v>
      </c>
      <c r="AW1734" s="53">
        <v>-43270.8060995552</v>
      </c>
      <c r="AX1734" s="53">
        <v>-13107.5833478512</v>
      </c>
      <c r="AY1734" s="53">
        <v>18262.825693200899</v>
      </c>
      <c r="AZ1734" s="53">
        <v>20087.004303966602</v>
      </c>
      <c r="BA1734" s="53">
        <v>335547.071126258</v>
      </c>
      <c r="BB1734" s="53">
        <v>15829.759425570999</v>
      </c>
      <c r="BC1734" s="53">
        <v>20453.762957928098</v>
      </c>
      <c r="BD1734" s="53">
        <v>58907.947855812403</v>
      </c>
      <c r="BE1734" s="53">
        <v>32315.685607551099</v>
      </c>
      <c r="BF1734" s="53">
        <v>79736.355696440995</v>
      </c>
      <c r="BG1734" s="53">
        <v>76219.210612762297</v>
      </c>
      <c r="BH1734" s="53">
        <v>44241.617582025399</v>
      </c>
      <c r="BI1734" s="53">
        <v>-93594.184419023804</v>
      </c>
      <c r="BJ1734" s="53">
        <v>-82810.495379220796</v>
      </c>
      <c r="BK1734" s="53">
        <v>-49982.634886036998</v>
      </c>
      <c r="BL1734" s="53">
        <v>-23808.6058711197</v>
      </c>
      <c r="BM1734" s="53">
        <v>-21308.695381128899</v>
      </c>
      <c r="BN1734" s="53">
        <v>56199.7238015611</v>
      </c>
      <c r="BO1734" s="53">
        <v>-10423.2427628449</v>
      </c>
      <c r="BP1734" s="53">
        <v>-597.35156434180703</v>
      </c>
      <c r="BQ1734" s="53">
        <v>23318.967840968999</v>
      </c>
      <c r="BR1734" s="53">
        <v>15157.073525915501</v>
      </c>
      <c r="BS1734" s="53">
        <v>49889.174690979402</v>
      </c>
      <c r="BT1734" s="53">
        <v>41408.2619443652</v>
      </c>
      <c r="BU1734" s="53">
        <v>32623.451761930399</v>
      </c>
      <c r="BV1734" s="53">
        <v>-114032.39609742</v>
      </c>
      <c r="BW1734" s="53">
        <v>-102229.043502389</v>
      </c>
      <c r="BX1734" s="53">
        <v>-66725.321171368705</v>
      </c>
      <c r="BY1734" s="53">
        <v>-47441.8958135211</v>
      </c>
      <c r="BZ1734" s="53">
        <v>-45557.996967385399</v>
      </c>
      <c r="CA1734" s="53">
        <v>-224610.31811511199</v>
      </c>
      <c r="CB1734" s="53"/>
      <c r="CC1734" s="53"/>
      <c r="CD1734" s="53"/>
      <c r="CE1734" s="53"/>
      <c r="CF1734" s="53"/>
      <c r="CG1734" s="53"/>
      <c r="CH1734" s="53"/>
      <c r="CI1734" s="53"/>
      <c r="CJ1734" s="53"/>
      <c r="CK1734" s="53"/>
      <c r="CL1734" s="53"/>
      <c r="CM1734" s="53"/>
      <c r="CN1734" s="53"/>
    </row>
    <row r="1735" spans="1:92" outlineLevel="1">
      <c r="A1735" s="52" t="s">
        <v>1291</v>
      </c>
      <c r="B1735" s="53"/>
      <c r="C1735" s="53"/>
      <c r="D1735" s="53"/>
      <c r="E1735" s="53"/>
      <c r="F1735" s="53"/>
      <c r="G1735" s="53"/>
      <c r="H1735" s="53"/>
      <c r="I1735" s="53"/>
      <c r="J1735" s="53"/>
      <c r="K1735" s="53"/>
      <c r="L1735" s="53"/>
      <c r="M1735" s="53"/>
      <c r="N1735" s="53"/>
      <c r="O1735" s="53"/>
      <c r="P1735" s="53"/>
      <c r="Q1735" s="53"/>
      <c r="R1735" s="53"/>
      <c r="S1735" s="53"/>
      <c r="T1735" s="53"/>
      <c r="U1735" s="53"/>
      <c r="V1735" s="53"/>
      <c r="W1735" s="53"/>
      <c r="X1735" s="53"/>
      <c r="Y1735" s="53"/>
      <c r="Z1735" s="53"/>
      <c r="AA1735" s="53"/>
      <c r="AB1735" s="53"/>
      <c r="AC1735" s="53"/>
      <c r="AD1735" s="53"/>
      <c r="AE1735" s="53"/>
      <c r="AF1735" s="53"/>
      <c r="AG1735" s="53"/>
      <c r="AH1735" s="53"/>
      <c r="AI1735" s="53"/>
      <c r="AJ1735" s="53"/>
      <c r="AK1735" s="53"/>
      <c r="AL1735" s="53"/>
      <c r="AM1735" s="53"/>
      <c r="AN1735" s="53"/>
      <c r="AO1735" s="53"/>
      <c r="AP1735" s="53"/>
      <c r="AQ1735" s="53"/>
      <c r="AR1735" s="53"/>
      <c r="AS1735" s="53"/>
      <c r="AT1735" s="53"/>
      <c r="AU1735" s="53"/>
      <c r="AV1735" s="53"/>
      <c r="AW1735" s="53"/>
      <c r="AX1735" s="53"/>
      <c r="AY1735" s="53"/>
      <c r="AZ1735" s="53"/>
      <c r="BA1735" s="53"/>
      <c r="BB1735" s="53"/>
      <c r="BC1735" s="53"/>
      <c r="BD1735" s="53"/>
      <c r="BE1735" s="53"/>
      <c r="BF1735" s="53"/>
      <c r="BG1735" s="53"/>
      <c r="BH1735" s="53"/>
      <c r="BI1735" s="53"/>
      <c r="BJ1735" s="53"/>
      <c r="BK1735" s="53"/>
      <c r="BL1735" s="53"/>
      <c r="BM1735" s="53"/>
      <c r="BN1735" s="53"/>
      <c r="BO1735" s="53"/>
      <c r="BP1735" s="53"/>
      <c r="BQ1735" s="53"/>
      <c r="BR1735" s="53"/>
      <c r="BS1735" s="53"/>
      <c r="BT1735" s="53"/>
      <c r="BU1735" s="53"/>
      <c r="BV1735" s="53"/>
      <c r="BW1735" s="53"/>
      <c r="BX1735" s="53"/>
      <c r="BY1735" s="53"/>
      <c r="BZ1735" s="53"/>
      <c r="CA1735" s="53"/>
      <c r="CB1735" s="53"/>
      <c r="CC1735" s="53"/>
      <c r="CD1735" s="53"/>
      <c r="CE1735" s="53"/>
      <c r="CF1735" s="53"/>
      <c r="CG1735" s="53"/>
      <c r="CH1735" s="53"/>
      <c r="CI1735" s="53"/>
      <c r="CJ1735" s="53"/>
      <c r="CK1735" s="53"/>
      <c r="CL1735" s="53"/>
      <c r="CM1735" s="53"/>
      <c r="CN1735" s="53"/>
    </row>
    <row r="1736" spans="1:92" outlineLevel="1">
      <c r="A1736" s="52" t="s">
        <v>1249</v>
      </c>
      <c r="B1736" s="53">
        <v>720000.74046040897</v>
      </c>
      <c r="C1736" s="53">
        <v>720000.74046040897</v>
      </c>
      <c r="D1736" s="53">
        <v>720000.74046040897</v>
      </c>
      <c r="E1736" s="53">
        <v>720000.74046040897</v>
      </c>
      <c r="F1736" s="53">
        <v>720000.74046040897</v>
      </c>
      <c r="G1736" s="53">
        <v>720000.74046040897</v>
      </c>
      <c r="H1736" s="53">
        <v>720000.74046040897</v>
      </c>
      <c r="I1736" s="53">
        <v>720000.74046040897</v>
      </c>
      <c r="J1736" s="53">
        <v>720000.74046040897</v>
      </c>
      <c r="K1736" s="53">
        <v>720000.74046040897</v>
      </c>
      <c r="L1736" s="53">
        <v>720000.74046040897</v>
      </c>
      <c r="M1736" s="53">
        <v>720000.74046040897</v>
      </c>
      <c r="N1736" s="53">
        <v>8640008.8855249099</v>
      </c>
      <c r="O1736" s="53">
        <v>837739.11872719799</v>
      </c>
      <c r="P1736" s="53">
        <v>-14366131.421122599</v>
      </c>
      <c r="Q1736" s="53">
        <v>-6636112.9663426802</v>
      </c>
      <c r="R1736" s="53">
        <v>17382.418596622301</v>
      </c>
      <c r="S1736" s="53">
        <v>1320420.1621185499</v>
      </c>
      <c r="T1736" s="53">
        <v>1222762.59542939</v>
      </c>
      <c r="U1736" s="53">
        <v>1246933.72720965</v>
      </c>
      <c r="V1736" s="53">
        <v>1198618.65355461</v>
      </c>
      <c r="W1736" s="53">
        <v>816607.97157991305</v>
      </c>
      <c r="X1736" s="53">
        <v>78969.734516533194</v>
      </c>
      <c r="Y1736" s="53"/>
      <c r="Z1736" s="53"/>
      <c r="AA1736" s="53">
        <v>-14262810.005732801</v>
      </c>
      <c r="AB1736" s="53">
        <v>159396.98351845299</v>
      </c>
      <c r="AC1736" s="53">
        <v>7655.8406842814302</v>
      </c>
      <c r="AD1736" s="53"/>
      <c r="AE1736" s="53">
        <v>97255.291564477404</v>
      </c>
      <c r="AF1736" s="53">
        <v>776917.36263051303</v>
      </c>
      <c r="AG1736" s="53">
        <v>738188.55743353197</v>
      </c>
      <c r="AH1736" s="53">
        <v>708003.12641932396</v>
      </c>
      <c r="AI1736" s="53">
        <v>812705.60911089601</v>
      </c>
      <c r="AJ1736" s="53">
        <v>406740.82915997098</v>
      </c>
      <c r="AK1736" s="53">
        <v>183173.97711180101</v>
      </c>
      <c r="AL1736" s="53">
        <v>267465.69639317802</v>
      </c>
      <c r="AM1736" s="53"/>
      <c r="AN1736" s="53">
        <v>4157503.27402642</v>
      </c>
      <c r="AO1736" s="53">
        <v>31914.462826986</v>
      </c>
      <c r="AP1736" s="53">
        <v>8623.9390217233395</v>
      </c>
      <c r="AQ1736" s="53">
        <v>321708.75747491699</v>
      </c>
      <c r="AR1736" s="53">
        <v>149778.38290843501</v>
      </c>
      <c r="AS1736" s="53">
        <v>340894.52444876998</v>
      </c>
      <c r="AT1736" s="53">
        <v>351551.61753155699</v>
      </c>
      <c r="AU1736" s="53">
        <v>330216.15992824099</v>
      </c>
      <c r="AV1736" s="53">
        <v>231424.09819176799</v>
      </c>
      <c r="AW1736" s="53">
        <v>217062.36264681499</v>
      </c>
      <c r="AX1736" s="53">
        <v>114785.01584178599</v>
      </c>
      <c r="AY1736" s="53"/>
      <c r="AZ1736" s="53"/>
      <c r="BA1736" s="53">
        <v>2097959.32082099</v>
      </c>
      <c r="BB1736" s="53">
        <v>54835.355413437399</v>
      </c>
      <c r="BC1736" s="53">
        <v>5999.9016805231804</v>
      </c>
      <c r="BD1736" s="53"/>
      <c r="BE1736" s="53">
        <v>3534.66142005345</v>
      </c>
      <c r="BF1736" s="53">
        <v>446186.69961813401</v>
      </c>
      <c r="BG1736" s="53">
        <v>457606.463671531</v>
      </c>
      <c r="BH1736" s="53">
        <v>439080.89468070801</v>
      </c>
      <c r="BI1736" s="53">
        <v>401082.65208509698</v>
      </c>
      <c r="BJ1736" s="53">
        <v>342254.75542270602</v>
      </c>
      <c r="BK1736" s="53">
        <v>377762.24580325698</v>
      </c>
      <c r="BL1736" s="53">
        <v>108007.46336428</v>
      </c>
      <c r="BM1736" s="53"/>
      <c r="BN1736" s="53">
        <v>2636351.0931597198</v>
      </c>
      <c r="BO1736" s="53">
        <v>42811.950860384997</v>
      </c>
      <c r="BP1736" s="53">
        <v>21507.163226604502</v>
      </c>
      <c r="BQ1736" s="53">
        <v>201253.810403068</v>
      </c>
      <c r="BR1736" s="53">
        <v>2741.34073271125</v>
      </c>
      <c r="BS1736" s="53">
        <v>289003.657767025</v>
      </c>
      <c r="BT1736" s="53">
        <v>285680.66946936602</v>
      </c>
      <c r="BU1736" s="53">
        <v>288034.81392021099</v>
      </c>
      <c r="BV1736" s="53">
        <v>251776.877214943</v>
      </c>
      <c r="BW1736" s="53">
        <v>225111.941258292</v>
      </c>
      <c r="BX1736" s="53">
        <v>167914.45636721599</v>
      </c>
      <c r="BY1736" s="53"/>
      <c r="BZ1736" s="53">
        <v>4270.7639702566703</v>
      </c>
      <c r="CA1736" s="53">
        <v>1780107.44519007</v>
      </c>
      <c r="CB1736" s="53"/>
      <c r="CC1736" s="53"/>
      <c r="CD1736" s="53"/>
      <c r="CE1736" s="53"/>
      <c r="CF1736" s="53"/>
      <c r="CG1736" s="53"/>
      <c r="CH1736" s="53"/>
      <c r="CI1736" s="53"/>
      <c r="CJ1736" s="53"/>
      <c r="CK1736" s="53"/>
      <c r="CL1736" s="53"/>
      <c r="CM1736" s="53"/>
      <c r="CN1736" s="53"/>
    </row>
    <row r="1737" spans="1:92" outlineLevel="1">
      <c r="A1737" s="52" t="s">
        <v>1292</v>
      </c>
      <c r="B1737" s="53"/>
      <c r="C1737" s="53"/>
      <c r="D1737" s="53"/>
      <c r="E1737" s="53"/>
      <c r="F1737" s="53"/>
      <c r="G1737" s="53"/>
      <c r="H1737" s="53"/>
      <c r="I1737" s="53"/>
      <c r="J1737" s="53"/>
      <c r="K1737" s="53"/>
      <c r="L1737" s="53"/>
      <c r="M1737" s="53"/>
      <c r="N1737" s="53"/>
      <c r="O1737" s="53"/>
      <c r="P1737" s="53"/>
      <c r="Q1737" s="53"/>
      <c r="R1737" s="53"/>
      <c r="S1737" s="53"/>
      <c r="T1737" s="53"/>
      <c r="U1737" s="53"/>
      <c r="V1737" s="53"/>
      <c r="W1737" s="53"/>
      <c r="X1737" s="53"/>
      <c r="Y1737" s="53"/>
      <c r="Z1737" s="53"/>
      <c r="AA1737" s="53"/>
      <c r="AB1737" s="53"/>
      <c r="AC1737" s="53"/>
      <c r="AD1737" s="53"/>
      <c r="AE1737" s="53"/>
      <c r="AF1737" s="53"/>
      <c r="AG1737" s="53"/>
      <c r="AH1737" s="53"/>
      <c r="AI1737" s="53"/>
      <c r="AJ1737" s="53"/>
      <c r="AK1737" s="53"/>
      <c r="AL1737" s="53"/>
      <c r="AM1737" s="53"/>
      <c r="AN1737" s="53"/>
      <c r="AO1737" s="53"/>
      <c r="AP1737" s="53"/>
      <c r="AQ1737" s="53"/>
      <c r="AR1737" s="53"/>
      <c r="AS1737" s="53"/>
      <c r="AT1737" s="53"/>
      <c r="AU1737" s="53"/>
      <c r="AV1737" s="53"/>
      <c r="AW1737" s="53"/>
      <c r="AX1737" s="53"/>
      <c r="AY1737" s="53"/>
      <c r="AZ1737" s="53"/>
      <c r="BA1737" s="53"/>
      <c r="BB1737" s="53"/>
      <c r="BC1737" s="53"/>
      <c r="BD1737" s="53"/>
      <c r="BE1737" s="53"/>
      <c r="BF1737" s="53"/>
      <c r="BG1737" s="53"/>
      <c r="BH1737" s="53"/>
      <c r="BI1737" s="53"/>
      <c r="BJ1737" s="53"/>
      <c r="BK1737" s="53"/>
      <c r="BL1737" s="53"/>
      <c r="BM1737" s="53"/>
      <c r="BN1737" s="53"/>
      <c r="BO1737" s="53"/>
      <c r="BP1737" s="53"/>
      <c r="BQ1737" s="53"/>
      <c r="BR1737" s="53"/>
      <c r="BS1737" s="53"/>
      <c r="BT1737" s="53"/>
      <c r="BU1737" s="53"/>
      <c r="BV1737" s="53"/>
      <c r="BW1737" s="53"/>
      <c r="BX1737" s="53"/>
      <c r="BY1737" s="53"/>
      <c r="BZ1737" s="53"/>
      <c r="CA1737" s="53"/>
      <c r="CB1737" s="53">
        <v>-3264760.6439775699</v>
      </c>
      <c r="CC1737" s="53">
        <v>-4830705.7185615497</v>
      </c>
      <c r="CD1737" s="53">
        <v>-5226229.5410195496</v>
      </c>
      <c r="CE1737" s="53">
        <v>-4843937.1404570397</v>
      </c>
      <c r="CF1737" s="53">
        <v>-3151265.44046559</v>
      </c>
      <c r="CG1737" s="53">
        <v>-3000994.7646196801</v>
      </c>
      <c r="CH1737" s="53">
        <v>-3094388.8214493799</v>
      </c>
      <c r="CI1737" s="53">
        <v>-3064152.4639992202</v>
      </c>
      <c r="CJ1737" s="53">
        <v>-2877896.5021062298</v>
      </c>
      <c r="CK1737" s="53">
        <v>-3260688.7874252601</v>
      </c>
      <c r="CL1737" s="53">
        <v>-2607583.4665017999</v>
      </c>
      <c r="CM1737" s="53">
        <v>-3081689.5513203102</v>
      </c>
      <c r="CN1737" s="53">
        <v>-42304292.841903202</v>
      </c>
    </row>
    <row r="1738" spans="1:92" outlineLevel="1">
      <c r="A1738" s="52" t="s">
        <v>1249</v>
      </c>
      <c r="B1738" s="53">
        <v>-228698.20629999999</v>
      </c>
      <c r="C1738" s="53">
        <v>-117870.7846</v>
      </c>
      <c r="D1738" s="53">
        <v>-62151.5</v>
      </c>
      <c r="E1738" s="53">
        <v>-36723.769999999997</v>
      </c>
      <c r="F1738" s="53">
        <v>-66655.3</v>
      </c>
      <c r="G1738" s="53">
        <v>1206775</v>
      </c>
      <c r="H1738" s="53">
        <v>1170593.8</v>
      </c>
      <c r="I1738" s="53">
        <v>1213492.29999999</v>
      </c>
      <c r="J1738" s="53">
        <v>1231131.8999999999</v>
      </c>
      <c r="K1738" s="53">
        <v>1234847.6000000001</v>
      </c>
      <c r="L1738" s="53">
        <v>1244708.5999999901</v>
      </c>
      <c r="M1738" s="53">
        <v>4505441.3999999901</v>
      </c>
      <c r="N1738" s="53">
        <v>11294891.0390999</v>
      </c>
      <c r="O1738" s="53"/>
      <c r="P1738" s="53"/>
      <c r="Q1738" s="53"/>
      <c r="R1738" s="53"/>
      <c r="S1738" s="53"/>
      <c r="T1738" s="53"/>
      <c r="U1738" s="53"/>
      <c r="V1738" s="53"/>
      <c r="W1738" s="53"/>
      <c r="X1738" s="53"/>
      <c r="Y1738" s="53"/>
      <c r="Z1738" s="53"/>
      <c r="AA1738" s="53"/>
      <c r="AB1738" s="53"/>
      <c r="AC1738" s="53"/>
      <c r="AD1738" s="53"/>
      <c r="AE1738" s="53"/>
      <c r="AF1738" s="53"/>
      <c r="AG1738" s="53"/>
      <c r="AH1738" s="53"/>
      <c r="AI1738" s="53"/>
      <c r="AJ1738" s="53"/>
      <c r="AK1738" s="53"/>
      <c r="AL1738" s="53"/>
      <c r="AM1738" s="53"/>
      <c r="AN1738" s="53"/>
      <c r="AO1738" s="53"/>
      <c r="AP1738" s="53"/>
      <c r="AQ1738" s="53"/>
      <c r="AR1738" s="53"/>
      <c r="AS1738" s="53"/>
      <c r="AT1738" s="53"/>
      <c r="AU1738" s="53"/>
      <c r="AV1738" s="53"/>
      <c r="AW1738" s="53"/>
      <c r="AX1738" s="53"/>
      <c r="AY1738" s="53"/>
      <c r="AZ1738" s="53"/>
      <c r="BA1738" s="53"/>
      <c r="BB1738" s="53"/>
      <c r="BC1738" s="53"/>
      <c r="BD1738" s="53"/>
      <c r="BE1738" s="53"/>
      <c r="BF1738" s="53"/>
      <c r="BG1738" s="53"/>
      <c r="BH1738" s="53"/>
      <c r="BI1738" s="53"/>
      <c r="BJ1738" s="53"/>
      <c r="BK1738" s="53"/>
      <c r="BL1738" s="53"/>
      <c r="BM1738" s="53"/>
      <c r="BN1738" s="53"/>
      <c r="BO1738" s="53"/>
      <c r="BP1738" s="53"/>
      <c r="BQ1738" s="53"/>
      <c r="BR1738" s="53"/>
      <c r="BS1738" s="53"/>
      <c r="BT1738" s="53"/>
      <c r="BU1738" s="53"/>
      <c r="BV1738" s="53"/>
      <c r="BW1738" s="53"/>
      <c r="BX1738" s="53"/>
      <c r="BY1738" s="53"/>
      <c r="BZ1738" s="53"/>
      <c r="CA1738" s="53"/>
      <c r="CB1738" s="53"/>
      <c r="CC1738" s="53"/>
      <c r="CD1738" s="53"/>
      <c r="CE1738" s="53"/>
      <c r="CF1738" s="53"/>
      <c r="CG1738" s="53"/>
      <c r="CH1738" s="53"/>
      <c r="CI1738" s="53"/>
      <c r="CJ1738" s="53"/>
      <c r="CK1738" s="53"/>
      <c r="CL1738" s="53"/>
      <c r="CM1738" s="53"/>
      <c r="CN1738" s="53"/>
    </row>
    <row r="1739" spans="1:92" outlineLevel="1">
      <c r="A1739" s="52" t="s">
        <v>1522</v>
      </c>
      <c r="B1739" s="53">
        <v>529461293.04000002</v>
      </c>
      <c r="C1739" s="53">
        <v>537351868.669999</v>
      </c>
      <c r="D1739" s="53">
        <v>501373050.45999902</v>
      </c>
      <c r="E1739" s="53">
        <v>539130548.63999999</v>
      </c>
      <c r="F1739" s="53">
        <v>677402522.03999901</v>
      </c>
      <c r="G1739" s="53">
        <v>747471982.27999997</v>
      </c>
      <c r="H1739" s="53">
        <v>731800688.92999899</v>
      </c>
      <c r="I1739" s="53">
        <v>784805429.36999905</v>
      </c>
      <c r="J1739" s="53">
        <v>893623233.90999997</v>
      </c>
      <c r="K1739" s="53">
        <v>917141435.18999898</v>
      </c>
      <c r="L1739" s="53">
        <v>778271323.74999905</v>
      </c>
      <c r="M1739" s="53">
        <v>837813424.27999997</v>
      </c>
      <c r="N1739" s="53">
        <v>837813424.27999997</v>
      </c>
      <c r="O1739" s="53">
        <v>837813424.27999997</v>
      </c>
      <c r="P1739" s="53">
        <v>837813424.27999997</v>
      </c>
      <c r="Q1739" s="53">
        <v>837813424.27999997</v>
      </c>
      <c r="R1739" s="53">
        <v>837813424.27999997</v>
      </c>
      <c r="S1739" s="53">
        <v>837813424.27999997</v>
      </c>
      <c r="T1739" s="53">
        <v>837813424.27999997</v>
      </c>
      <c r="U1739" s="53">
        <v>837813424.27999997</v>
      </c>
      <c r="V1739" s="53">
        <v>837813424.27999997</v>
      </c>
      <c r="W1739" s="53">
        <v>837813424.27999997</v>
      </c>
      <c r="X1739" s="53">
        <v>837813424.27999997</v>
      </c>
      <c r="Y1739" s="53">
        <v>837813424.27999997</v>
      </c>
      <c r="Z1739" s="53">
        <v>837813424.27999997</v>
      </c>
      <c r="AA1739" s="53">
        <v>837813424.27999997</v>
      </c>
      <c r="AB1739" s="53">
        <v>837813424.27999997</v>
      </c>
      <c r="AC1739" s="53">
        <v>837813424.27999997</v>
      </c>
      <c r="AD1739" s="53">
        <v>837813424.27999997</v>
      </c>
      <c r="AE1739" s="53">
        <v>837813424.27999997</v>
      </c>
      <c r="AF1739" s="53">
        <v>837813424.27999997</v>
      </c>
      <c r="AG1739" s="53">
        <v>837813424.27999997</v>
      </c>
      <c r="AH1739" s="53">
        <v>837813424.27999997</v>
      </c>
      <c r="AI1739" s="53">
        <v>837813424.27999997</v>
      </c>
      <c r="AJ1739" s="53">
        <v>837813424.27999997</v>
      </c>
      <c r="AK1739" s="53">
        <v>837813424.27999997</v>
      </c>
      <c r="AL1739" s="53">
        <v>837813424.27999997</v>
      </c>
      <c r="AM1739" s="53">
        <v>837813424.27999997</v>
      </c>
      <c r="AN1739" s="53">
        <v>837813424.27999997</v>
      </c>
      <c r="AO1739" s="53">
        <v>837813424.27999997</v>
      </c>
      <c r="AP1739" s="53">
        <v>837813424.27999997</v>
      </c>
      <c r="AQ1739" s="53">
        <v>837813424.27999997</v>
      </c>
      <c r="AR1739" s="53">
        <v>837813424.27999997</v>
      </c>
      <c r="AS1739" s="53">
        <v>837813424.27999997</v>
      </c>
      <c r="AT1739" s="53">
        <v>837813424.27999997</v>
      </c>
      <c r="AU1739" s="53">
        <v>837813424.27999997</v>
      </c>
      <c r="AV1739" s="53">
        <v>837813424.27999997</v>
      </c>
      <c r="AW1739" s="53">
        <v>837813424.27999997</v>
      </c>
      <c r="AX1739" s="53">
        <v>837813424.27999997</v>
      </c>
      <c r="AY1739" s="53">
        <v>837813424.27999997</v>
      </c>
      <c r="AZ1739" s="53">
        <v>837813424.27999997</v>
      </c>
      <c r="BA1739" s="53">
        <v>837813424.27999997</v>
      </c>
      <c r="BB1739" s="53">
        <v>837813424.27999997</v>
      </c>
      <c r="BC1739" s="53">
        <v>837813424.27999997</v>
      </c>
      <c r="BD1739" s="53">
        <v>837813424.27999997</v>
      </c>
      <c r="BE1739" s="53">
        <v>837813424.27999997</v>
      </c>
      <c r="BF1739" s="53">
        <v>837813424.27999997</v>
      </c>
      <c r="BG1739" s="53">
        <v>837813424.27999997</v>
      </c>
      <c r="BH1739" s="53">
        <v>837813424.27999997</v>
      </c>
      <c r="BI1739" s="53">
        <v>837813424.27999997</v>
      </c>
      <c r="BJ1739" s="53">
        <v>837813424.27999997</v>
      </c>
      <c r="BK1739" s="53">
        <v>837813424.27999997</v>
      </c>
      <c r="BL1739" s="53">
        <v>837813424.27999997</v>
      </c>
      <c r="BM1739" s="53">
        <v>837813424.27999997</v>
      </c>
      <c r="BN1739" s="53">
        <v>837813424.27999997</v>
      </c>
      <c r="BO1739" s="53">
        <v>837813424.27999997</v>
      </c>
      <c r="BP1739" s="53">
        <v>837813424.27999997</v>
      </c>
      <c r="BQ1739" s="53">
        <v>837813424.27999997</v>
      </c>
      <c r="BR1739" s="53">
        <v>837813424.27999997</v>
      </c>
      <c r="BS1739" s="53">
        <v>837813424.27999997</v>
      </c>
      <c r="BT1739" s="53">
        <v>837813424.27999997</v>
      </c>
      <c r="BU1739" s="53">
        <v>837813424.27999997</v>
      </c>
      <c r="BV1739" s="53">
        <v>837813424.27999997</v>
      </c>
      <c r="BW1739" s="53">
        <v>837813424.27999997</v>
      </c>
      <c r="BX1739" s="53">
        <v>837813424.27999997</v>
      </c>
      <c r="BY1739" s="53">
        <v>837813424.27999997</v>
      </c>
      <c r="BZ1739" s="53">
        <v>837813424.27999997</v>
      </c>
      <c r="CA1739" s="53">
        <v>837813424.27999997</v>
      </c>
      <c r="CB1739" s="53">
        <v>-4999638.7008556202</v>
      </c>
      <c r="CC1739" s="53">
        <v>-5104894.2524525896</v>
      </c>
      <c r="CD1739" s="53">
        <v>-5368033.1314449897</v>
      </c>
      <c r="CE1739" s="53">
        <v>-5368033.1314449897</v>
      </c>
      <c r="CF1739" s="53">
        <v>-5157522.0282510603</v>
      </c>
      <c r="CG1739" s="53">
        <v>-5210149.8040495403</v>
      </c>
      <c r="CH1739" s="53">
        <v>-5991814.5367830498</v>
      </c>
      <c r="CI1739" s="53">
        <v>-7627248.5604010904</v>
      </c>
      <c r="CJ1739" s="53">
        <v>-7266687.13267814</v>
      </c>
      <c r="CK1739" s="53">
        <v>-8338133.0596052799</v>
      </c>
      <c r="CL1739" s="53">
        <v>-6668032.2242243998</v>
      </c>
      <c r="CM1739" s="53">
        <v>-7880401.7195379296</v>
      </c>
      <c r="CN1739" s="53">
        <v>-74980588.2817287</v>
      </c>
    </row>
    <row r="1740" spans="1:92" outlineLevel="1">
      <c r="A1740" s="52" t="s">
        <v>1523</v>
      </c>
      <c r="B1740" s="53">
        <v>23758066.620000001</v>
      </c>
      <c r="C1740" s="53">
        <v>10646643.51</v>
      </c>
      <c r="D1740" s="53">
        <v>30542504</v>
      </c>
      <c r="E1740" s="53">
        <v>25610852</v>
      </c>
      <c r="F1740" s="53">
        <v>22129777.850000001</v>
      </c>
      <c r="G1740" s="53">
        <v>2526754.9300000002</v>
      </c>
      <c r="H1740" s="53">
        <v>43975605.210000001</v>
      </c>
      <c r="I1740" s="53">
        <v>15664606.859999999</v>
      </c>
      <c r="J1740" s="53">
        <v>32758179.640000001</v>
      </c>
      <c r="K1740" s="53">
        <v>13945746.32</v>
      </c>
      <c r="L1740" s="53">
        <v>127439049.53</v>
      </c>
      <c r="M1740" s="53">
        <v>42285013.57</v>
      </c>
      <c r="N1740" s="53">
        <v>42285013.57</v>
      </c>
      <c r="O1740" s="53">
        <v>42285013.57</v>
      </c>
      <c r="P1740" s="53">
        <v>42285013.57</v>
      </c>
      <c r="Q1740" s="53">
        <v>42285013.57</v>
      </c>
      <c r="R1740" s="53">
        <v>42285013.57</v>
      </c>
      <c r="S1740" s="53">
        <v>42285013.57</v>
      </c>
      <c r="T1740" s="53">
        <v>42285013.57</v>
      </c>
      <c r="U1740" s="53">
        <v>42285013.57</v>
      </c>
      <c r="V1740" s="53">
        <v>42285013.57</v>
      </c>
      <c r="W1740" s="53">
        <v>42285013.57</v>
      </c>
      <c r="X1740" s="53">
        <v>42285013.57</v>
      </c>
      <c r="Y1740" s="53">
        <v>42285013.57</v>
      </c>
      <c r="Z1740" s="53">
        <v>42285013.57</v>
      </c>
      <c r="AA1740" s="53">
        <v>42285013.57</v>
      </c>
      <c r="AB1740" s="53">
        <v>42285013.57</v>
      </c>
      <c r="AC1740" s="53">
        <v>42285013.57</v>
      </c>
      <c r="AD1740" s="53">
        <v>42285013.57</v>
      </c>
      <c r="AE1740" s="53">
        <v>42285013.57</v>
      </c>
      <c r="AF1740" s="53">
        <v>42285013.57</v>
      </c>
      <c r="AG1740" s="53">
        <v>42285013.57</v>
      </c>
      <c r="AH1740" s="53">
        <v>42285013.57</v>
      </c>
      <c r="AI1740" s="53">
        <v>42285013.57</v>
      </c>
      <c r="AJ1740" s="53">
        <v>42285013.57</v>
      </c>
      <c r="AK1740" s="53">
        <v>42285013.57</v>
      </c>
      <c r="AL1740" s="53">
        <v>42285013.57</v>
      </c>
      <c r="AM1740" s="53">
        <v>42285013.57</v>
      </c>
      <c r="AN1740" s="53">
        <v>42285013.57</v>
      </c>
      <c r="AO1740" s="53">
        <v>42285013.57</v>
      </c>
      <c r="AP1740" s="53">
        <v>42285013.57</v>
      </c>
      <c r="AQ1740" s="53">
        <v>42285013.57</v>
      </c>
      <c r="AR1740" s="53">
        <v>42285013.57</v>
      </c>
      <c r="AS1740" s="53">
        <v>42285013.57</v>
      </c>
      <c r="AT1740" s="53">
        <v>42285013.57</v>
      </c>
      <c r="AU1740" s="53">
        <v>42285013.57</v>
      </c>
      <c r="AV1740" s="53">
        <v>42285013.57</v>
      </c>
      <c r="AW1740" s="53">
        <v>42285013.57</v>
      </c>
      <c r="AX1740" s="53">
        <v>42285013.57</v>
      </c>
      <c r="AY1740" s="53">
        <v>42285013.57</v>
      </c>
      <c r="AZ1740" s="53">
        <v>42285013.57</v>
      </c>
      <c r="BA1740" s="53">
        <v>42285013.57</v>
      </c>
      <c r="BB1740" s="53">
        <v>42285013.57</v>
      </c>
      <c r="BC1740" s="53">
        <v>42285013.57</v>
      </c>
      <c r="BD1740" s="53">
        <v>42285013.57</v>
      </c>
      <c r="BE1740" s="53">
        <v>42285013.57</v>
      </c>
      <c r="BF1740" s="53">
        <v>42285013.57</v>
      </c>
      <c r="BG1740" s="53">
        <v>42285013.57</v>
      </c>
      <c r="BH1740" s="53">
        <v>42285013.57</v>
      </c>
      <c r="BI1740" s="53">
        <v>42285013.57</v>
      </c>
      <c r="BJ1740" s="53">
        <v>42285013.57</v>
      </c>
      <c r="BK1740" s="53">
        <v>42285013.57</v>
      </c>
      <c r="BL1740" s="53">
        <v>42285013.57</v>
      </c>
      <c r="BM1740" s="53">
        <v>42285013.57</v>
      </c>
      <c r="BN1740" s="53">
        <v>42285013.57</v>
      </c>
      <c r="BO1740" s="53">
        <v>42285013.57</v>
      </c>
      <c r="BP1740" s="53">
        <v>42285013.57</v>
      </c>
      <c r="BQ1740" s="53">
        <v>42285013.57</v>
      </c>
      <c r="BR1740" s="53">
        <v>42285013.57</v>
      </c>
      <c r="BS1740" s="53">
        <v>42285013.57</v>
      </c>
      <c r="BT1740" s="53">
        <v>42285013.57</v>
      </c>
      <c r="BU1740" s="53">
        <v>42285013.57</v>
      </c>
      <c r="BV1740" s="53">
        <v>42285013.57</v>
      </c>
      <c r="BW1740" s="53">
        <v>42285013.57</v>
      </c>
      <c r="BX1740" s="53">
        <v>42285013.57</v>
      </c>
      <c r="BY1740" s="53">
        <v>42285013.57</v>
      </c>
      <c r="BZ1740" s="53">
        <v>42285013.57</v>
      </c>
      <c r="CA1740" s="53">
        <v>42285013.57</v>
      </c>
      <c r="CB1740" s="53"/>
      <c r="CC1740" s="53"/>
      <c r="CD1740" s="53"/>
      <c r="CE1740" s="53"/>
      <c r="CF1740" s="53"/>
      <c r="CG1740" s="53"/>
      <c r="CH1740" s="53"/>
      <c r="CI1740" s="53"/>
      <c r="CJ1740" s="53"/>
      <c r="CK1740" s="53"/>
      <c r="CL1740" s="53"/>
      <c r="CM1740" s="53"/>
      <c r="CN1740" s="53"/>
    </row>
    <row r="1741" spans="1:92" outlineLevel="1">
      <c r="A1741" s="52" t="s">
        <v>1218</v>
      </c>
      <c r="B1741" s="53">
        <v>622656302.90399897</v>
      </c>
      <c r="C1741" s="53">
        <v>553219359.65999997</v>
      </c>
      <c r="D1741" s="53">
        <v>547998512.17999899</v>
      </c>
      <c r="E1741" s="53">
        <v>531915554.45999902</v>
      </c>
      <c r="F1741" s="53">
        <v>564741400.63999903</v>
      </c>
      <c r="G1741" s="53">
        <v>699532299.88999903</v>
      </c>
      <c r="H1741" s="53">
        <v>749998737.21000004</v>
      </c>
      <c r="I1741" s="53">
        <v>775776294.13999903</v>
      </c>
      <c r="J1741" s="53">
        <v>800470036.23000002</v>
      </c>
      <c r="K1741" s="53">
        <v>926381413.54999995</v>
      </c>
      <c r="L1741" s="53">
        <v>931087181.50999904</v>
      </c>
      <c r="M1741" s="53">
        <v>905710373.27999902</v>
      </c>
      <c r="N1741" s="53">
        <v>622656302.90399897</v>
      </c>
      <c r="O1741" s="53">
        <v>880098437.84999895</v>
      </c>
      <c r="P1741" s="53">
        <v>880098437.84999895</v>
      </c>
      <c r="Q1741" s="53">
        <v>880098437.84999895</v>
      </c>
      <c r="R1741" s="53">
        <v>880098437.84999895</v>
      </c>
      <c r="S1741" s="53">
        <v>880098437.84999895</v>
      </c>
      <c r="T1741" s="53">
        <v>880098437.84999895</v>
      </c>
      <c r="U1741" s="53">
        <v>880098437.84999895</v>
      </c>
      <c r="V1741" s="53">
        <v>880098437.84999895</v>
      </c>
      <c r="W1741" s="53">
        <v>880098437.84999895</v>
      </c>
      <c r="X1741" s="53">
        <v>880098437.84999895</v>
      </c>
      <c r="Y1741" s="53">
        <v>880098437.84999895</v>
      </c>
      <c r="Z1741" s="53">
        <v>880098437.84999895</v>
      </c>
      <c r="AA1741" s="53">
        <v>880098437.84999895</v>
      </c>
      <c r="AB1741" s="53">
        <v>880098437.84999895</v>
      </c>
      <c r="AC1741" s="53">
        <v>880098437.84999895</v>
      </c>
      <c r="AD1741" s="53">
        <v>880098437.84999895</v>
      </c>
      <c r="AE1741" s="53">
        <v>880098437.84999895</v>
      </c>
      <c r="AF1741" s="53">
        <v>880098437.84999895</v>
      </c>
      <c r="AG1741" s="53">
        <v>880098437.84999895</v>
      </c>
      <c r="AH1741" s="53">
        <v>880098437.84999895</v>
      </c>
      <c r="AI1741" s="53">
        <v>880098437.84999895</v>
      </c>
      <c r="AJ1741" s="53">
        <v>880098437.84999895</v>
      </c>
      <c r="AK1741" s="53">
        <v>880098437.84999895</v>
      </c>
      <c r="AL1741" s="53">
        <v>880098437.84999895</v>
      </c>
      <c r="AM1741" s="53">
        <v>880098437.84999895</v>
      </c>
      <c r="AN1741" s="53">
        <v>880098437.84999895</v>
      </c>
      <c r="AO1741" s="53">
        <v>880098437.84999895</v>
      </c>
      <c r="AP1741" s="53">
        <v>880098437.84999895</v>
      </c>
      <c r="AQ1741" s="53">
        <v>880098437.84999895</v>
      </c>
      <c r="AR1741" s="53">
        <v>880098437.84999895</v>
      </c>
      <c r="AS1741" s="53">
        <v>880098437.84999895</v>
      </c>
      <c r="AT1741" s="53">
        <v>880098437.84999895</v>
      </c>
      <c r="AU1741" s="53">
        <v>880098437.84999895</v>
      </c>
      <c r="AV1741" s="53">
        <v>880098437.84999895</v>
      </c>
      <c r="AW1741" s="53">
        <v>880098437.84999895</v>
      </c>
      <c r="AX1741" s="53">
        <v>880098437.84999895</v>
      </c>
      <c r="AY1741" s="53">
        <v>880098437.84999895</v>
      </c>
      <c r="AZ1741" s="53">
        <v>880098437.84999895</v>
      </c>
      <c r="BA1741" s="53">
        <v>880098437.84999895</v>
      </c>
      <c r="BB1741" s="53">
        <v>880098437.84999895</v>
      </c>
      <c r="BC1741" s="53">
        <v>880098437.84999895</v>
      </c>
      <c r="BD1741" s="53">
        <v>880098437.84999895</v>
      </c>
      <c r="BE1741" s="53">
        <v>880098437.84999895</v>
      </c>
      <c r="BF1741" s="53">
        <v>880098437.84999895</v>
      </c>
      <c r="BG1741" s="53">
        <v>880098437.84999895</v>
      </c>
      <c r="BH1741" s="53">
        <v>880098437.84999895</v>
      </c>
      <c r="BI1741" s="53">
        <v>880098437.84999895</v>
      </c>
      <c r="BJ1741" s="53">
        <v>880098437.84999895</v>
      </c>
      <c r="BK1741" s="53">
        <v>880098437.84999895</v>
      </c>
      <c r="BL1741" s="53">
        <v>880098437.84999895</v>
      </c>
      <c r="BM1741" s="53">
        <v>880098437.84999895</v>
      </c>
      <c r="BN1741" s="53">
        <v>880098437.84999895</v>
      </c>
      <c r="BO1741" s="53">
        <v>880098437.84999895</v>
      </c>
      <c r="BP1741" s="53">
        <v>880098437.84999895</v>
      </c>
      <c r="BQ1741" s="53">
        <v>880098437.84999895</v>
      </c>
      <c r="BR1741" s="53">
        <v>880098437.84999895</v>
      </c>
      <c r="BS1741" s="53">
        <v>880098437.84999895</v>
      </c>
      <c r="BT1741" s="53">
        <v>880098437.84999895</v>
      </c>
      <c r="BU1741" s="53">
        <v>880098437.84999895</v>
      </c>
      <c r="BV1741" s="53">
        <v>880098437.84999895</v>
      </c>
      <c r="BW1741" s="53">
        <v>880098437.84999895</v>
      </c>
      <c r="BX1741" s="53">
        <v>880098437.84999895</v>
      </c>
      <c r="BY1741" s="53">
        <v>880098437.84999895</v>
      </c>
      <c r="BZ1741" s="53">
        <v>880098437.84999895</v>
      </c>
      <c r="CA1741" s="53">
        <v>880098437.84999895</v>
      </c>
      <c r="CB1741" s="53">
        <v>-452777.5</v>
      </c>
      <c r="CC1741" s="53">
        <v>-452777.5</v>
      </c>
      <c r="CD1741" s="53">
        <v>-452777.5</v>
      </c>
      <c r="CE1741" s="53">
        <v>-452777.5</v>
      </c>
      <c r="CF1741" s="53">
        <v>-452777.5</v>
      </c>
      <c r="CG1741" s="53">
        <v>-452777.5</v>
      </c>
      <c r="CH1741" s="53">
        <v>-452777.5</v>
      </c>
      <c r="CI1741" s="53">
        <v>-452777.5</v>
      </c>
      <c r="CJ1741" s="53">
        <v>-452777.5</v>
      </c>
      <c r="CK1741" s="53">
        <v>-452777.5</v>
      </c>
      <c r="CL1741" s="53">
        <v>-452777.5</v>
      </c>
      <c r="CM1741" s="53">
        <v>-452777.5</v>
      </c>
      <c r="CN1741" s="53">
        <v>-5433330</v>
      </c>
    </row>
    <row r="1742" spans="1:92" outlineLevel="1">
      <c r="A1742" s="52" t="s">
        <v>699</v>
      </c>
      <c r="B1742" s="53"/>
      <c r="C1742" s="53"/>
      <c r="D1742" s="53"/>
      <c r="E1742" s="53"/>
      <c r="F1742" s="53"/>
      <c r="G1742" s="53"/>
      <c r="H1742" s="53"/>
      <c r="I1742" s="53"/>
      <c r="J1742" s="53"/>
      <c r="K1742" s="53"/>
      <c r="L1742" s="53"/>
      <c r="M1742" s="53"/>
      <c r="N1742" s="53"/>
      <c r="O1742" s="53"/>
      <c r="P1742" s="53"/>
      <c r="Q1742" s="53"/>
      <c r="R1742" s="53"/>
      <c r="S1742" s="53"/>
      <c r="T1742" s="53"/>
      <c r="U1742" s="53"/>
      <c r="V1742" s="53"/>
      <c r="W1742" s="53"/>
      <c r="X1742" s="53"/>
      <c r="Y1742" s="53"/>
      <c r="Z1742" s="53"/>
      <c r="AA1742" s="53"/>
      <c r="AB1742" s="53"/>
      <c r="AC1742" s="53"/>
      <c r="AD1742" s="53"/>
      <c r="AE1742" s="53"/>
      <c r="AF1742" s="53"/>
      <c r="AG1742" s="53"/>
      <c r="AH1742" s="53"/>
      <c r="AI1742" s="53"/>
      <c r="AJ1742" s="53"/>
      <c r="AK1742" s="53"/>
      <c r="AL1742" s="53"/>
      <c r="AM1742" s="53"/>
      <c r="AN1742" s="53"/>
      <c r="AO1742" s="53"/>
      <c r="AP1742" s="53"/>
      <c r="AQ1742" s="53"/>
      <c r="AR1742" s="53"/>
      <c r="AS1742" s="53"/>
      <c r="AT1742" s="53"/>
      <c r="AU1742" s="53"/>
      <c r="AV1742" s="53"/>
      <c r="AW1742" s="53"/>
      <c r="AX1742" s="53"/>
      <c r="AY1742" s="53"/>
      <c r="AZ1742" s="53"/>
      <c r="BA1742" s="53"/>
      <c r="BB1742" s="53"/>
      <c r="BC1742" s="53"/>
      <c r="BD1742" s="53"/>
      <c r="BE1742" s="53"/>
      <c r="BF1742" s="53"/>
      <c r="BG1742" s="53"/>
      <c r="BH1742" s="53"/>
      <c r="BI1742" s="53"/>
      <c r="BJ1742" s="53"/>
      <c r="BK1742" s="53"/>
      <c r="BL1742" s="53"/>
      <c r="BM1742" s="53"/>
      <c r="BN1742" s="53"/>
      <c r="BO1742" s="53"/>
      <c r="BP1742" s="53"/>
      <c r="BQ1742" s="53"/>
      <c r="BR1742" s="53"/>
      <c r="BS1742" s="53"/>
      <c r="BT1742" s="53"/>
      <c r="BU1742" s="53"/>
      <c r="BV1742" s="53"/>
      <c r="BW1742" s="53"/>
      <c r="BX1742" s="53"/>
      <c r="BY1742" s="53"/>
      <c r="BZ1742" s="53"/>
      <c r="CA1742" s="53"/>
      <c r="CB1742" s="53"/>
      <c r="CC1742" s="53"/>
      <c r="CD1742" s="53"/>
      <c r="CE1742" s="53"/>
      <c r="CF1742" s="53"/>
      <c r="CG1742" s="53"/>
      <c r="CH1742" s="53"/>
      <c r="CI1742" s="53"/>
      <c r="CJ1742" s="53"/>
      <c r="CK1742" s="53"/>
      <c r="CL1742" s="53"/>
      <c r="CM1742" s="53"/>
      <c r="CN1742" s="53"/>
    </row>
    <row r="1743" spans="1:92" outlineLevel="1">
      <c r="A1743" s="52" t="s">
        <v>673</v>
      </c>
      <c r="B1743" s="53"/>
      <c r="C1743" s="53"/>
      <c r="D1743" s="53"/>
      <c r="E1743" s="53"/>
      <c r="F1743" s="53"/>
      <c r="G1743" s="53"/>
      <c r="H1743" s="53"/>
      <c r="I1743" s="53"/>
      <c r="J1743" s="53"/>
      <c r="K1743" s="53"/>
      <c r="L1743" s="53"/>
      <c r="M1743" s="53"/>
      <c r="N1743" s="53"/>
      <c r="O1743" s="53"/>
      <c r="P1743" s="53"/>
      <c r="Q1743" s="53"/>
      <c r="R1743" s="53"/>
      <c r="S1743" s="53"/>
      <c r="T1743" s="53"/>
      <c r="U1743" s="53"/>
      <c r="V1743" s="53"/>
      <c r="W1743" s="53"/>
      <c r="X1743" s="53"/>
      <c r="Y1743" s="53"/>
      <c r="Z1743" s="53"/>
      <c r="AA1743" s="53"/>
      <c r="AB1743" s="53"/>
      <c r="AC1743" s="53"/>
      <c r="AD1743" s="53"/>
      <c r="AE1743" s="53"/>
      <c r="AF1743" s="53"/>
      <c r="AG1743" s="53"/>
      <c r="AH1743" s="53"/>
      <c r="AI1743" s="53"/>
      <c r="AJ1743" s="53"/>
      <c r="AK1743" s="53"/>
      <c r="AL1743" s="53"/>
      <c r="AM1743" s="53"/>
      <c r="AN1743" s="53"/>
      <c r="AO1743" s="53"/>
      <c r="AP1743" s="53"/>
      <c r="AQ1743" s="53"/>
      <c r="AR1743" s="53"/>
      <c r="AS1743" s="53"/>
      <c r="AT1743" s="53"/>
      <c r="AU1743" s="53"/>
      <c r="AV1743" s="53"/>
      <c r="AW1743" s="53"/>
      <c r="AX1743" s="53"/>
      <c r="AY1743" s="53"/>
      <c r="AZ1743" s="53"/>
      <c r="BA1743" s="53"/>
      <c r="BB1743" s="53"/>
      <c r="BC1743" s="53"/>
      <c r="BD1743" s="53"/>
      <c r="BE1743" s="53"/>
      <c r="BF1743" s="53"/>
      <c r="BG1743" s="53"/>
      <c r="BH1743" s="53"/>
      <c r="BI1743" s="53"/>
      <c r="BJ1743" s="53"/>
      <c r="BK1743" s="53"/>
      <c r="BL1743" s="53"/>
      <c r="BM1743" s="53"/>
      <c r="BN1743" s="53"/>
      <c r="BO1743" s="53"/>
      <c r="BP1743" s="53"/>
      <c r="BQ1743" s="53"/>
      <c r="BR1743" s="53"/>
      <c r="BS1743" s="53"/>
      <c r="BT1743" s="53"/>
      <c r="BU1743" s="53"/>
      <c r="BV1743" s="53"/>
      <c r="BW1743" s="53"/>
      <c r="BX1743" s="53"/>
      <c r="BY1743" s="53"/>
      <c r="BZ1743" s="53"/>
      <c r="CA1743" s="53"/>
      <c r="CB1743" s="53">
        <v>-67490.796224314996</v>
      </c>
      <c r="CC1743" s="53">
        <v>-67490.796224314996</v>
      </c>
      <c r="CD1743" s="53">
        <v>-67490.796224314996</v>
      </c>
      <c r="CE1743" s="53">
        <v>-67490.796224314996</v>
      </c>
      <c r="CF1743" s="53">
        <v>-67490.796224314996</v>
      </c>
      <c r="CG1743" s="53">
        <v>-67490.796224314996</v>
      </c>
      <c r="CH1743" s="53">
        <v>-67490.796224314996</v>
      </c>
      <c r="CI1743" s="53">
        <v>-67490.796224314996</v>
      </c>
      <c r="CJ1743" s="53">
        <v>-67490.796224314996</v>
      </c>
      <c r="CK1743" s="53">
        <v>-67490.796224314996</v>
      </c>
      <c r="CL1743" s="53">
        <v>-67490.796224314996</v>
      </c>
      <c r="CM1743" s="53">
        <v>-67490.796224314996</v>
      </c>
      <c r="CN1743" s="53">
        <v>-809889.55469177896</v>
      </c>
    </row>
    <row r="1744" spans="1:92" outlineLevel="1">
      <c r="A1744" s="52" t="s">
        <v>1520</v>
      </c>
      <c r="B1744" s="53"/>
      <c r="C1744" s="53"/>
      <c r="D1744" s="53"/>
      <c r="E1744" s="53"/>
      <c r="F1744" s="53"/>
      <c r="G1744" s="53"/>
      <c r="H1744" s="53"/>
      <c r="I1744" s="53"/>
      <c r="J1744" s="53"/>
      <c r="K1744" s="53"/>
      <c r="L1744" s="53"/>
      <c r="M1744" s="53"/>
      <c r="N1744" s="53"/>
      <c r="O1744" s="53"/>
      <c r="P1744" s="53"/>
      <c r="Q1744" s="53"/>
      <c r="R1744" s="53"/>
      <c r="S1744" s="53"/>
      <c r="T1744" s="53"/>
      <c r="U1744" s="53"/>
      <c r="V1744" s="53"/>
      <c r="W1744" s="53"/>
      <c r="X1744" s="53"/>
      <c r="Y1744" s="53"/>
      <c r="Z1744" s="53"/>
      <c r="AA1744" s="53"/>
      <c r="AB1744" s="53"/>
      <c r="AC1744" s="53"/>
      <c r="AD1744" s="53"/>
      <c r="AE1744" s="53"/>
      <c r="AF1744" s="53"/>
      <c r="AG1744" s="53"/>
      <c r="AH1744" s="53"/>
      <c r="AI1744" s="53"/>
      <c r="AJ1744" s="53"/>
      <c r="AK1744" s="53"/>
      <c r="AL1744" s="53"/>
      <c r="AM1744" s="53"/>
      <c r="AN1744" s="53"/>
      <c r="AO1744" s="53"/>
      <c r="AP1744" s="53"/>
      <c r="AQ1744" s="53"/>
      <c r="AR1744" s="53"/>
      <c r="AS1744" s="53"/>
      <c r="AT1744" s="53"/>
      <c r="AU1744" s="53"/>
      <c r="AV1744" s="53"/>
      <c r="AW1744" s="53"/>
      <c r="AX1744" s="53"/>
      <c r="AY1744" s="53"/>
      <c r="AZ1744" s="53"/>
      <c r="BA1744" s="53"/>
      <c r="BB1744" s="53"/>
      <c r="BC1744" s="53"/>
      <c r="BD1744" s="53"/>
      <c r="BE1744" s="53"/>
      <c r="BF1744" s="53"/>
      <c r="BG1744" s="53"/>
      <c r="BH1744" s="53"/>
      <c r="BI1744" s="53"/>
      <c r="BJ1744" s="53"/>
      <c r="BK1744" s="53"/>
      <c r="BL1744" s="53"/>
      <c r="BM1744" s="53"/>
      <c r="BN1744" s="53"/>
      <c r="BO1744" s="53"/>
      <c r="BP1744" s="53"/>
      <c r="BQ1744" s="53"/>
      <c r="BR1744" s="53"/>
      <c r="BS1744" s="53"/>
      <c r="BT1744" s="53"/>
      <c r="BU1744" s="53"/>
      <c r="BV1744" s="53"/>
      <c r="BW1744" s="53"/>
      <c r="BX1744" s="53"/>
      <c r="BY1744" s="53"/>
      <c r="BZ1744" s="53"/>
      <c r="CA1744" s="53"/>
      <c r="CB1744" s="53"/>
      <c r="CC1744" s="53"/>
      <c r="CD1744" s="53"/>
      <c r="CE1744" s="53"/>
      <c r="CF1744" s="53"/>
      <c r="CG1744" s="53"/>
      <c r="CH1744" s="53"/>
      <c r="CI1744" s="53"/>
      <c r="CJ1744" s="53"/>
      <c r="CK1744" s="53"/>
      <c r="CL1744" s="53"/>
      <c r="CM1744" s="53"/>
      <c r="CN1744" s="53"/>
    </row>
    <row r="1745" spans="1:92" outlineLevel="1">
      <c r="A1745" s="52" t="s">
        <v>1249</v>
      </c>
      <c r="B1745" s="53">
        <v>-49532600</v>
      </c>
      <c r="C1745" s="53">
        <v>-13701929.999999899</v>
      </c>
      <c r="D1745" s="53">
        <v>-21369310</v>
      </c>
      <c r="E1745" s="53">
        <v>-52134260</v>
      </c>
      <c r="F1745" s="53">
        <v>-45052590</v>
      </c>
      <c r="G1745" s="53">
        <v>-44743879.999999903</v>
      </c>
      <c r="H1745" s="53">
        <v>-19071120</v>
      </c>
      <c r="I1745" s="53">
        <v>-20102889.999999899</v>
      </c>
      <c r="J1745" s="53">
        <v>-28170880</v>
      </c>
      <c r="K1745" s="53">
        <v>-18342059.999999899</v>
      </c>
      <c r="L1745" s="53">
        <v>-11259660</v>
      </c>
      <c r="M1745" s="53">
        <v>-112475200</v>
      </c>
      <c r="N1745" s="53">
        <v>-435956380</v>
      </c>
      <c r="O1745" s="53">
        <v>-8142821.3115744004</v>
      </c>
      <c r="P1745" s="53">
        <v>-10542594.613081099</v>
      </c>
      <c r="Q1745" s="53">
        <v>-12382804.366219301</v>
      </c>
      <c r="R1745" s="53">
        <v>-11098361.701905901</v>
      </c>
      <c r="S1745" s="53">
        <v>-11762132.9542941</v>
      </c>
      <c r="T1745" s="53">
        <v>-11477400.705452699</v>
      </c>
      <c r="U1745" s="53">
        <v>-9635670.8464655001</v>
      </c>
      <c r="V1745" s="53">
        <v>-9029064.0355952401</v>
      </c>
      <c r="W1745" s="53">
        <v>-11223658.545841301</v>
      </c>
      <c r="X1745" s="53">
        <v>-13263897.4348695</v>
      </c>
      <c r="Y1745" s="53">
        <v>-12352307.531198099</v>
      </c>
      <c r="Z1745" s="53">
        <v>-10205959.087228499</v>
      </c>
      <c r="AA1745" s="53">
        <v>-131116673.133726</v>
      </c>
      <c r="AB1745" s="53">
        <v>-9804773.6157705802</v>
      </c>
      <c r="AC1745" s="53">
        <v>-11457866.700318901</v>
      </c>
      <c r="AD1745" s="53">
        <v>-12269556.206738301</v>
      </c>
      <c r="AE1745" s="53">
        <v>-12060435.753611101</v>
      </c>
      <c r="AF1745" s="53">
        <v>-11069931.3451088</v>
      </c>
      <c r="AG1745" s="53">
        <v>-11001107.4155141</v>
      </c>
      <c r="AH1745" s="53">
        <v>-11220203.889342999</v>
      </c>
      <c r="AI1745" s="53">
        <v>-11976627.673650401</v>
      </c>
      <c r="AJ1745" s="53">
        <v>-10418595.9307463</v>
      </c>
      <c r="AK1745" s="53">
        <v>-10217570.536063701</v>
      </c>
      <c r="AL1745" s="53">
        <v>-10304266.1630976</v>
      </c>
      <c r="AM1745" s="53">
        <v>-10060591.749775</v>
      </c>
      <c r="AN1745" s="53">
        <v>-131861526.979738</v>
      </c>
      <c r="AO1745" s="53">
        <v>-10271988.5360114</v>
      </c>
      <c r="AP1745" s="53">
        <v>-11260268.9555362</v>
      </c>
      <c r="AQ1745" s="53">
        <v>-11471264.2898903</v>
      </c>
      <c r="AR1745" s="53">
        <v>-11315478.882906999</v>
      </c>
      <c r="AS1745" s="53">
        <v>-10252062.4524568</v>
      </c>
      <c r="AT1745" s="53">
        <v>-10153830.120303901</v>
      </c>
      <c r="AU1745" s="53">
        <v>-10432124.804749301</v>
      </c>
      <c r="AV1745" s="53">
        <v>-11287751.379008001</v>
      </c>
      <c r="AW1745" s="53">
        <v>-9949482.9827644303</v>
      </c>
      <c r="AX1745" s="53">
        <v>-9790420.6641364004</v>
      </c>
      <c r="AY1745" s="53">
        <v>-10141600.451407099</v>
      </c>
      <c r="AZ1745" s="53">
        <v>-9355186.5776413698</v>
      </c>
      <c r="BA1745" s="53">
        <v>-125681460.09681199</v>
      </c>
      <c r="BB1745" s="53">
        <v>-9717895.3637301996</v>
      </c>
      <c r="BC1745" s="53">
        <v>-10706400.1599728</v>
      </c>
      <c r="BD1745" s="53">
        <v>-10917200.7646276</v>
      </c>
      <c r="BE1745" s="53">
        <v>-10761343.194166301</v>
      </c>
      <c r="BF1745" s="53">
        <v>-9697937.8399923593</v>
      </c>
      <c r="BG1745" s="53">
        <v>-9599833.4168414008</v>
      </c>
      <c r="BH1745" s="53">
        <v>-9878150.8865057696</v>
      </c>
      <c r="BI1745" s="53">
        <v>-10733979.9137883</v>
      </c>
      <c r="BJ1745" s="53">
        <v>-9395379.2524781693</v>
      </c>
      <c r="BK1745" s="53">
        <v>-9236278.0370073505</v>
      </c>
      <c r="BL1745" s="53">
        <v>-9587493.2421651501</v>
      </c>
      <c r="BM1745" s="53">
        <v>-8801018.5987963006</v>
      </c>
      <c r="BN1745" s="53">
        <v>-119032910.67007101</v>
      </c>
      <c r="BO1745" s="53">
        <v>-9971080.1865897309</v>
      </c>
      <c r="BP1745" s="53">
        <v>-10966796.9221568</v>
      </c>
      <c r="BQ1745" s="53">
        <v>-11171338.5049794</v>
      </c>
      <c r="BR1745" s="53">
        <v>-11013161.4486541</v>
      </c>
      <c r="BS1745" s="53">
        <v>-9950112.1092787795</v>
      </c>
      <c r="BT1745" s="53">
        <v>-9856118.9503013194</v>
      </c>
      <c r="BU1745" s="53">
        <v>-10135168.7847954</v>
      </c>
      <c r="BV1745" s="53">
        <v>-10997505.077798501</v>
      </c>
      <c r="BW1745" s="53">
        <v>-9648224.7188650705</v>
      </c>
      <c r="BX1745" s="53">
        <v>-9487873.2771101091</v>
      </c>
      <c r="BY1745" s="53">
        <v>-9840226.8876015507</v>
      </c>
      <c r="BZ1745" s="53">
        <v>-9051798.4097553305</v>
      </c>
      <c r="CA1745" s="53">
        <v>-122089405.277886</v>
      </c>
      <c r="CB1745" s="53"/>
      <c r="CC1745" s="53"/>
      <c r="CD1745" s="53">
        <v>-1570338.8199999901</v>
      </c>
      <c r="CE1745" s="53"/>
      <c r="CF1745" s="53"/>
      <c r="CG1745" s="53">
        <v>-1570338.8199999901</v>
      </c>
      <c r="CH1745" s="53"/>
      <c r="CI1745" s="53"/>
      <c r="CJ1745" s="53">
        <v>-1570338.8199999901</v>
      </c>
      <c r="CK1745" s="53"/>
      <c r="CL1745" s="53"/>
      <c r="CM1745" s="53">
        <v>-1570338.8199999901</v>
      </c>
      <c r="CN1745" s="53">
        <v>-6281355.27999999</v>
      </c>
    </row>
    <row r="1746" spans="1:92" outlineLevel="1">
      <c r="A1746" s="52" t="s">
        <v>769</v>
      </c>
      <c r="B1746" s="53"/>
      <c r="C1746" s="53"/>
      <c r="D1746" s="53"/>
      <c r="E1746" s="53"/>
      <c r="F1746" s="53"/>
      <c r="G1746" s="53"/>
      <c r="H1746" s="53"/>
      <c r="I1746" s="53"/>
      <c r="J1746" s="53"/>
      <c r="K1746" s="53"/>
      <c r="L1746" s="53"/>
      <c r="M1746" s="53"/>
      <c r="N1746" s="53"/>
      <c r="O1746" s="53"/>
      <c r="P1746" s="53"/>
      <c r="Q1746" s="53"/>
      <c r="R1746" s="53"/>
      <c r="S1746" s="53"/>
      <c r="T1746" s="53"/>
      <c r="U1746" s="53"/>
      <c r="V1746" s="53"/>
      <c r="W1746" s="53"/>
      <c r="X1746" s="53"/>
      <c r="Y1746" s="53"/>
      <c r="Z1746" s="53"/>
      <c r="AA1746" s="53"/>
      <c r="AB1746" s="53"/>
      <c r="AC1746" s="53"/>
      <c r="AD1746" s="53"/>
      <c r="AE1746" s="53"/>
      <c r="AF1746" s="53"/>
      <c r="AG1746" s="53"/>
      <c r="AH1746" s="53"/>
      <c r="AI1746" s="53"/>
      <c r="AJ1746" s="53"/>
      <c r="AK1746" s="53"/>
      <c r="AL1746" s="53"/>
      <c r="AM1746" s="53"/>
      <c r="AN1746" s="53"/>
      <c r="AO1746" s="53"/>
      <c r="AP1746" s="53"/>
      <c r="AQ1746" s="53"/>
      <c r="AR1746" s="53"/>
      <c r="AS1746" s="53"/>
      <c r="AT1746" s="53"/>
      <c r="AU1746" s="53"/>
      <c r="AV1746" s="53"/>
      <c r="AW1746" s="53"/>
      <c r="AX1746" s="53"/>
      <c r="AY1746" s="53"/>
      <c r="AZ1746" s="53"/>
      <c r="BA1746" s="53"/>
      <c r="BB1746" s="53"/>
      <c r="BC1746" s="53"/>
      <c r="BD1746" s="53"/>
      <c r="BE1746" s="53"/>
      <c r="BF1746" s="53"/>
      <c r="BG1746" s="53"/>
      <c r="BH1746" s="53"/>
      <c r="BI1746" s="53"/>
      <c r="BJ1746" s="53"/>
      <c r="BK1746" s="53"/>
      <c r="BL1746" s="53"/>
      <c r="BM1746" s="53"/>
      <c r="BN1746" s="53"/>
      <c r="BO1746" s="53"/>
      <c r="BP1746" s="53"/>
      <c r="BQ1746" s="53"/>
      <c r="BR1746" s="53"/>
      <c r="BS1746" s="53"/>
      <c r="BT1746" s="53"/>
      <c r="BU1746" s="53"/>
      <c r="BV1746" s="53"/>
      <c r="BW1746" s="53"/>
      <c r="BX1746" s="53"/>
      <c r="BY1746" s="53"/>
      <c r="BZ1746" s="53"/>
      <c r="CA1746" s="53"/>
      <c r="CB1746" s="53"/>
      <c r="CC1746" s="53"/>
      <c r="CD1746" s="53"/>
      <c r="CE1746" s="53"/>
      <c r="CF1746" s="53"/>
      <c r="CG1746" s="53"/>
      <c r="CH1746" s="53"/>
      <c r="CI1746" s="53"/>
      <c r="CJ1746" s="53"/>
      <c r="CK1746" s="53"/>
      <c r="CL1746" s="53"/>
      <c r="CM1746" s="53"/>
      <c r="CN1746" s="53"/>
    </row>
    <row r="1747" spans="1:92" outlineLevel="1">
      <c r="A1747" s="52" t="s">
        <v>770</v>
      </c>
      <c r="B1747" s="53"/>
      <c r="C1747" s="53"/>
      <c r="D1747" s="53"/>
      <c r="E1747" s="53"/>
      <c r="F1747" s="53"/>
      <c r="G1747" s="53"/>
      <c r="H1747" s="53"/>
      <c r="I1747" s="53"/>
      <c r="J1747" s="53"/>
      <c r="K1747" s="53"/>
      <c r="L1747" s="53"/>
      <c r="M1747" s="53"/>
      <c r="N1747" s="53"/>
      <c r="O1747" s="53"/>
      <c r="P1747" s="53"/>
      <c r="Q1747" s="53"/>
      <c r="R1747" s="53"/>
      <c r="S1747" s="53"/>
      <c r="T1747" s="53"/>
      <c r="U1747" s="53"/>
      <c r="V1747" s="53"/>
      <c r="W1747" s="53"/>
      <c r="X1747" s="53"/>
      <c r="Y1747" s="53"/>
      <c r="Z1747" s="53"/>
      <c r="AA1747" s="53"/>
      <c r="AB1747" s="53"/>
      <c r="AC1747" s="53"/>
      <c r="AD1747" s="53"/>
      <c r="AE1747" s="53"/>
      <c r="AF1747" s="53"/>
      <c r="AG1747" s="53"/>
      <c r="AH1747" s="53"/>
      <c r="AI1747" s="53"/>
      <c r="AJ1747" s="53"/>
      <c r="AK1747" s="53"/>
      <c r="AL1747" s="53"/>
      <c r="AM1747" s="53"/>
      <c r="AN1747" s="53"/>
      <c r="AO1747" s="53"/>
      <c r="AP1747" s="53"/>
      <c r="AQ1747" s="53"/>
      <c r="AR1747" s="53"/>
      <c r="AS1747" s="53"/>
      <c r="AT1747" s="53"/>
      <c r="AU1747" s="53"/>
      <c r="AV1747" s="53"/>
      <c r="AW1747" s="53"/>
      <c r="AX1747" s="53"/>
      <c r="AY1747" s="53"/>
      <c r="AZ1747" s="53"/>
      <c r="BA1747" s="53"/>
      <c r="BB1747" s="53"/>
      <c r="BC1747" s="53"/>
      <c r="BD1747" s="53"/>
      <c r="BE1747" s="53"/>
      <c r="BF1747" s="53"/>
      <c r="BG1747" s="53"/>
      <c r="BH1747" s="53"/>
      <c r="BI1747" s="53"/>
      <c r="BJ1747" s="53"/>
      <c r="BK1747" s="53"/>
      <c r="BL1747" s="53"/>
      <c r="BM1747" s="53"/>
      <c r="BN1747" s="53"/>
      <c r="BO1747" s="53"/>
      <c r="BP1747" s="53"/>
      <c r="BQ1747" s="53"/>
      <c r="BR1747" s="53"/>
      <c r="BS1747" s="53"/>
      <c r="BT1747" s="53"/>
      <c r="BU1747" s="53"/>
      <c r="BV1747" s="53"/>
      <c r="BW1747" s="53"/>
      <c r="BX1747" s="53"/>
      <c r="BY1747" s="53"/>
      <c r="BZ1747" s="53"/>
      <c r="CA1747" s="53"/>
      <c r="CB1747" s="53"/>
      <c r="CC1747" s="53"/>
      <c r="CD1747" s="53"/>
      <c r="CE1747" s="53"/>
      <c r="CF1747" s="53"/>
      <c r="CG1747" s="53"/>
      <c r="CH1747" s="53"/>
      <c r="CI1747" s="53"/>
      <c r="CJ1747" s="53"/>
      <c r="CK1747" s="53"/>
      <c r="CL1747" s="53"/>
      <c r="CM1747" s="53"/>
      <c r="CN1747" s="53"/>
    </row>
    <row r="1748" spans="1:92" outlineLevel="1">
      <c r="A1748" s="52" t="s">
        <v>1249</v>
      </c>
      <c r="B1748" s="53">
        <v>-56613493.259999998</v>
      </c>
      <c r="C1748" s="53">
        <v>-47825393.969999999</v>
      </c>
      <c r="D1748" s="53">
        <v>-44538790.159999996</v>
      </c>
      <c r="E1748" s="53">
        <v>-28822708.6599999</v>
      </c>
      <c r="F1748" s="53">
        <v>-24885311.41</v>
      </c>
      <c r="G1748" s="53">
        <v>-22769660.129999999</v>
      </c>
      <c r="H1748" s="53">
        <v>-37141707.170000002</v>
      </c>
      <c r="I1748" s="53">
        <v>-35851667.979999997</v>
      </c>
      <c r="J1748" s="53">
        <v>-40295825.060000002</v>
      </c>
      <c r="K1748" s="53">
        <v>-29914819.489999998</v>
      </c>
      <c r="L1748" s="53">
        <v>-10856786.35</v>
      </c>
      <c r="M1748" s="53">
        <v>-4020351.59</v>
      </c>
      <c r="N1748" s="53">
        <v>-383536515.23000002</v>
      </c>
      <c r="O1748" s="53">
        <v>-6484847.9900000002</v>
      </c>
      <c r="P1748" s="53">
        <v>-5555935.4699999997</v>
      </c>
      <c r="Q1748" s="53">
        <v>-10361733.09</v>
      </c>
      <c r="R1748" s="53">
        <v>-3442406.19</v>
      </c>
      <c r="S1748" s="53">
        <v>-19680039.010000002</v>
      </c>
      <c r="T1748" s="53">
        <v>-21630294.1599999</v>
      </c>
      <c r="U1748" s="53">
        <v>-26251780.309999999</v>
      </c>
      <c r="V1748" s="53">
        <v>-26420150.210000001</v>
      </c>
      <c r="W1748" s="53">
        <v>-23537547.07</v>
      </c>
      <c r="X1748" s="53">
        <v>-16098354.7999999</v>
      </c>
      <c r="Y1748" s="53">
        <v>-13872146.369999999</v>
      </c>
      <c r="Z1748" s="53">
        <v>-7963172.8099999903</v>
      </c>
      <c r="AA1748" s="53">
        <v>-181298407.47999999</v>
      </c>
      <c r="AB1748" s="53">
        <v>-5728202.5699999901</v>
      </c>
      <c r="AC1748" s="53">
        <v>-3210094.7699999898</v>
      </c>
      <c r="AD1748" s="53">
        <v>-1538372.26999999</v>
      </c>
      <c r="AE1748" s="53">
        <v>-8314765.3200000003</v>
      </c>
      <c r="AF1748" s="53">
        <v>-19365393</v>
      </c>
      <c r="AG1748" s="53">
        <v>-20069279.859999999</v>
      </c>
      <c r="AH1748" s="53">
        <v>-23835975.329999998</v>
      </c>
      <c r="AI1748" s="53">
        <v>-27905530.800000001</v>
      </c>
      <c r="AJ1748" s="53">
        <v>-19972074.969999999</v>
      </c>
      <c r="AK1748" s="53">
        <v>-16272585.4599999</v>
      </c>
      <c r="AL1748" s="53">
        <v>-11444636.060000001</v>
      </c>
      <c r="AM1748" s="53">
        <v>-4789635.57</v>
      </c>
      <c r="AN1748" s="53">
        <v>-162446545.97999999</v>
      </c>
      <c r="AO1748" s="53">
        <v>-5576383.21</v>
      </c>
      <c r="AP1748" s="53">
        <v>-4011587.47</v>
      </c>
      <c r="AQ1748" s="53">
        <v>-9666392.5399999991</v>
      </c>
      <c r="AR1748" s="53">
        <v>-6179840.1799999997</v>
      </c>
      <c r="AS1748" s="53">
        <v>-8819494.9399999995</v>
      </c>
      <c r="AT1748" s="53">
        <v>-9532164.6199999992</v>
      </c>
      <c r="AU1748" s="53">
        <v>-14918590.849999901</v>
      </c>
      <c r="AV1748" s="53">
        <v>-21156870.030000001</v>
      </c>
      <c r="AW1748" s="53">
        <v>-17099196.669999901</v>
      </c>
      <c r="AX1748" s="53">
        <v>-13315042.699999999</v>
      </c>
      <c r="AY1748" s="53">
        <v>-7239552.1799999997</v>
      </c>
      <c r="AZ1748" s="53">
        <v>-3496446.96</v>
      </c>
      <c r="BA1748" s="53">
        <v>-121011562.34999999</v>
      </c>
      <c r="BB1748" s="53">
        <v>-6311320.7800000003</v>
      </c>
      <c r="BC1748" s="53">
        <v>-4349404.99</v>
      </c>
      <c r="BD1748" s="53">
        <v>-4862191.16</v>
      </c>
      <c r="BE1748" s="53">
        <v>-5039601.68</v>
      </c>
      <c r="BF1748" s="53">
        <v>-13518226.08</v>
      </c>
      <c r="BG1748" s="53">
        <v>-15583061.09</v>
      </c>
      <c r="BH1748" s="53">
        <v>-19285200.839999899</v>
      </c>
      <c r="BI1748" s="53">
        <v>-22149230.469999999</v>
      </c>
      <c r="BJ1748" s="53">
        <v>-18530791.199999999</v>
      </c>
      <c r="BK1748" s="53">
        <v>-20243452.300000001</v>
      </c>
      <c r="BL1748" s="53">
        <v>-11746712.27</v>
      </c>
      <c r="BM1748" s="53">
        <v>-5258108.5599999996</v>
      </c>
      <c r="BN1748" s="53">
        <v>-146877301.41999999</v>
      </c>
      <c r="BO1748" s="53">
        <v>-6272379.7000000002</v>
      </c>
      <c r="BP1748" s="53">
        <v>-4007192.75</v>
      </c>
      <c r="BQ1748" s="53">
        <v>-8688162.2300000004</v>
      </c>
      <c r="BR1748" s="53">
        <v>-5955970.6399999997</v>
      </c>
      <c r="BS1748" s="53">
        <v>-14343028.7099999</v>
      </c>
      <c r="BT1748" s="53">
        <v>-17968877.059999999</v>
      </c>
      <c r="BU1748" s="53">
        <v>-19637064.370000001</v>
      </c>
      <c r="BV1748" s="53">
        <v>-21289464.829999998</v>
      </c>
      <c r="BW1748" s="53">
        <v>-17732063.300000001</v>
      </c>
      <c r="BX1748" s="53">
        <v>-15785682.439999999</v>
      </c>
      <c r="BY1748" s="53">
        <v>-4819984.8199999901</v>
      </c>
      <c r="BZ1748" s="53">
        <v>-4782938.5</v>
      </c>
      <c r="CA1748" s="53">
        <v>-141282809.34999999</v>
      </c>
      <c r="CB1748" s="53"/>
      <c r="CC1748" s="53"/>
      <c r="CD1748" s="53"/>
      <c r="CE1748" s="53"/>
      <c r="CF1748" s="53"/>
      <c r="CG1748" s="53"/>
      <c r="CH1748" s="53"/>
      <c r="CI1748" s="53"/>
      <c r="CJ1748" s="53"/>
      <c r="CK1748" s="53"/>
      <c r="CL1748" s="53"/>
      <c r="CM1748" s="53"/>
      <c r="CN1748" s="53"/>
    </row>
    <row r="1749" spans="1:92" outlineLevel="1">
      <c r="A1749" s="52" t="s">
        <v>771</v>
      </c>
      <c r="B1749" s="53"/>
      <c r="C1749" s="53"/>
      <c r="D1749" s="53"/>
      <c r="E1749" s="53"/>
      <c r="F1749" s="53"/>
      <c r="G1749" s="53"/>
      <c r="H1749" s="53"/>
      <c r="I1749" s="53"/>
      <c r="J1749" s="53"/>
      <c r="K1749" s="53"/>
      <c r="L1749" s="53"/>
      <c r="M1749" s="53"/>
      <c r="N1749" s="53"/>
      <c r="O1749" s="53"/>
      <c r="P1749" s="53"/>
      <c r="Q1749" s="53"/>
      <c r="R1749" s="53"/>
      <c r="S1749" s="53"/>
      <c r="T1749" s="53"/>
      <c r="U1749" s="53"/>
      <c r="V1749" s="53"/>
      <c r="W1749" s="53"/>
      <c r="X1749" s="53"/>
      <c r="Y1749" s="53"/>
      <c r="Z1749" s="53"/>
      <c r="AA1749" s="53"/>
      <c r="AB1749" s="53"/>
      <c r="AC1749" s="53"/>
      <c r="AD1749" s="53"/>
      <c r="AE1749" s="53"/>
      <c r="AF1749" s="53"/>
      <c r="AG1749" s="53"/>
      <c r="AH1749" s="53"/>
      <c r="AI1749" s="53"/>
      <c r="AJ1749" s="53"/>
      <c r="AK1749" s="53"/>
      <c r="AL1749" s="53"/>
      <c r="AM1749" s="53"/>
      <c r="AN1749" s="53"/>
      <c r="AO1749" s="53"/>
      <c r="AP1749" s="53"/>
      <c r="AQ1749" s="53"/>
      <c r="AR1749" s="53"/>
      <c r="AS1749" s="53"/>
      <c r="AT1749" s="53"/>
      <c r="AU1749" s="53"/>
      <c r="AV1749" s="53"/>
      <c r="AW1749" s="53"/>
      <c r="AX1749" s="53"/>
      <c r="AY1749" s="53"/>
      <c r="AZ1749" s="53"/>
      <c r="BA1749" s="53"/>
      <c r="BB1749" s="53"/>
      <c r="BC1749" s="53"/>
      <c r="BD1749" s="53"/>
      <c r="BE1749" s="53"/>
      <c r="BF1749" s="53"/>
      <c r="BG1749" s="53"/>
      <c r="BH1749" s="53"/>
      <c r="BI1749" s="53"/>
      <c r="BJ1749" s="53"/>
      <c r="BK1749" s="53"/>
      <c r="BL1749" s="53"/>
      <c r="BM1749" s="53"/>
      <c r="BN1749" s="53"/>
      <c r="BO1749" s="53"/>
      <c r="BP1749" s="53"/>
      <c r="BQ1749" s="53"/>
      <c r="BR1749" s="53"/>
      <c r="BS1749" s="53"/>
      <c r="BT1749" s="53"/>
      <c r="BU1749" s="53"/>
      <c r="BV1749" s="53"/>
      <c r="BW1749" s="53"/>
      <c r="BX1749" s="53"/>
      <c r="BY1749" s="53"/>
      <c r="BZ1749" s="53"/>
      <c r="CA1749" s="53"/>
      <c r="CB1749" s="53"/>
      <c r="CC1749" s="53"/>
      <c r="CD1749" s="53"/>
      <c r="CE1749" s="53"/>
      <c r="CF1749" s="53"/>
      <c r="CG1749" s="53"/>
      <c r="CH1749" s="53"/>
      <c r="CI1749" s="53"/>
      <c r="CJ1749" s="53"/>
      <c r="CK1749" s="53"/>
      <c r="CL1749" s="53"/>
      <c r="CM1749" s="53"/>
      <c r="CN1749" s="53"/>
    </row>
    <row r="1750" spans="1:92" outlineLevel="1">
      <c r="A1750" s="52" t="s">
        <v>1249</v>
      </c>
      <c r="B1750" s="53">
        <v>-3789809.94</v>
      </c>
      <c r="C1750" s="53">
        <v>-3422268.28</v>
      </c>
      <c r="D1750" s="53">
        <v>-3143837.66</v>
      </c>
      <c r="E1750" s="53">
        <v>-2093543.46</v>
      </c>
      <c r="F1750" s="53">
        <v>-3503076.71999999</v>
      </c>
      <c r="G1750" s="53">
        <v>-4028055.1799999899</v>
      </c>
      <c r="H1750" s="53">
        <v>-5073254.49</v>
      </c>
      <c r="I1750" s="53">
        <v>-5742731.75</v>
      </c>
      <c r="J1750" s="53">
        <v>-4862843.8</v>
      </c>
      <c r="K1750" s="53">
        <v>-2830850.48</v>
      </c>
      <c r="L1750" s="53">
        <v>-4178068.13</v>
      </c>
      <c r="M1750" s="53">
        <v>-4837041.5599999996</v>
      </c>
      <c r="N1750" s="53">
        <v>-47505381.450000003</v>
      </c>
      <c r="O1750" s="53">
        <v>-5141844.54</v>
      </c>
      <c r="P1750" s="53">
        <v>-4855313.92</v>
      </c>
      <c r="Q1750" s="53">
        <v>-4357533.95</v>
      </c>
      <c r="R1750" s="53">
        <v>-2534368.79</v>
      </c>
      <c r="S1750" s="53">
        <v>-2700229.93</v>
      </c>
      <c r="T1750" s="53">
        <v>-2893365.16</v>
      </c>
      <c r="U1750" s="53">
        <v>-2752843.91</v>
      </c>
      <c r="V1750" s="53">
        <v>-2924244.46</v>
      </c>
      <c r="W1750" s="53">
        <v>-2795109.63</v>
      </c>
      <c r="X1750" s="53">
        <v>-2153144.7000000002</v>
      </c>
      <c r="Y1750" s="53">
        <v>-5013419.0599999996</v>
      </c>
      <c r="Z1750" s="53">
        <v>-5546676.7599999998</v>
      </c>
      <c r="AA1750" s="53">
        <v>-43668094.810000002</v>
      </c>
      <c r="AB1750" s="53">
        <v>-4471780.09</v>
      </c>
      <c r="AC1750" s="53">
        <v>-4081060.52999999</v>
      </c>
      <c r="AD1750" s="53">
        <v>-3916406.12</v>
      </c>
      <c r="AE1750" s="53">
        <v>-2367178.5899999901</v>
      </c>
      <c r="AF1750" s="53">
        <v>-4838483.1100000003</v>
      </c>
      <c r="AG1750" s="53">
        <v>-2932146.04</v>
      </c>
      <c r="AH1750" s="53">
        <v>-2622953.9799999902</v>
      </c>
      <c r="AI1750" s="53">
        <v>-2763822.11</v>
      </c>
      <c r="AJ1750" s="53">
        <v>-2721854.29</v>
      </c>
      <c r="AK1750" s="53">
        <v>-2478806.4799999902</v>
      </c>
      <c r="AL1750" s="53">
        <v>-2545071.83</v>
      </c>
      <c r="AM1750" s="53">
        <v>-4647910.3599999901</v>
      </c>
      <c r="AN1750" s="53">
        <v>-40387473.530000001</v>
      </c>
      <c r="AO1750" s="53">
        <v>-4390621.54</v>
      </c>
      <c r="AP1750" s="53">
        <v>-3696168.5399999898</v>
      </c>
      <c r="AQ1750" s="53">
        <v>-3535796.98</v>
      </c>
      <c r="AR1750" s="53">
        <v>-2379921.96999999</v>
      </c>
      <c r="AS1750" s="53">
        <v>-3735262.3999999901</v>
      </c>
      <c r="AT1750" s="53">
        <v>-4022527.57</v>
      </c>
      <c r="AU1750" s="53">
        <v>-3041052.57</v>
      </c>
      <c r="AV1750" s="53">
        <v>-2881264.5699999901</v>
      </c>
      <c r="AW1750" s="53">
        <v>-2646040.23</v>
      </c>
      <c r="AX1750" s="53">
        <v>-2644422.67</v>
      </c>
      <c r="AY1750" s="53">
        <v>-3065965.94</v>
      </c>
      <c r="AZ1750" s="53">
        <v>-4345653.6500000004</v>
      </c>
      <c r="BA1750" s="53">
        <v>-40384698.629999898</v>
      </c>
      <c r="BB1750" s="53">
        <v>-4356287.4000000004</v>
      </c>
      <c r="BC1750" s="53">
        <v>-3562652.82</v>
      </c>
      <c r="BD1750" s="53">
        <v>-3418987</v>
      </c>
      <c r="BE1750" s="53">
        <v>-2627414.4300000002</v>
      </c>
      <c r="BF1750" s="53">
        <v>-2605299.6</v>
      </c>
      <c r="BG1750" s="53">
        <v>-2770695.12</v>
      </c>
      <c r="BH1750" s="53">
        <v>-2424136.56</v>
      </c>
      <c r="BI1750" s="53">
        <v>-2686188.02</v>
      </c>
      <c r="BJ1750" s="53">
        <v>-2714288.51</v>
      </c>
      <c r="BK1750" s="53">
        <v>-2389000.46</v>
      </c>
      <c r="BL1750" s="53">
        <v>-2955607.78</v>
      </c>
      <c r="BM1750" s="53">
        <v>-4348307.33</v>
      </c>
      <c r="BN1750" s="53">
        <v>-36858865.030000001</v>
      </c>
      <c r="BO1750" s="53">
        <v>-4190324.37</v>
      </c>
      <c r="BP1750" s="53">
        <v>-3861766.5</v>
      </c>
      <c r="BQ1750" s="53">
        <v>-3510986.22</v>
      </c>
      <c r="BR1750" s="53">
        <v>-2187418.92</v>
      </c>
      <c r="BS1750" s="53">
        <v>-2463125.96</v>
      </c>
      <c r="BT1750" s="53">
        <v>-2625186.5299999998</v>
      </c>
      <c r="BU1750" s="53">
        <v>-2537434.6599999899</v>
      </c>
      <c r="BV1750" s="53">
        <v>-2917305.7</v>
      </c>
      <c r="BW1750" s="53">
        <v>-2805057.84</v>
      </c>
      <c r="BX1750" s="53">
        <v>-2056321.21999999</v>
      </c>
      <c r="BY1750" s="53">
        <v>-1113091.3700000001</v>
      </c>
      <c r="BZ1750" s="53">
        <v>-1625862.3899999899</v>
      </c>
      <c r="CA1750" s="53">
        <v>-31893881.68</v>
      </c>
      <c r="CB1750" s="53"/>
      <c r="CC1750" s="53"/>
      <c r="CD1750" s="53"/>
      <c r="CE1750" s="53"/>
      <c r="CF1750" s="53"/>
      <c r="CG1750" s="53"/>
      <c r="CH1750" s="53"/>
      <c r="CI1750" s="53"/>
      <c r="CJ1750" s="53"/>
      <c r="CK1750" s="53"/>
      <c r="CL1750" s="53"/>
      <c r="CM1750" s="53"/>
      <c r="CN1750" s="53"/>
    </row>
    <row r="1751" spans="1:92" outlineLevel="1">
      <c r="A1751" s="52" t="s">
        <v>772</v>
      </c>
      <c r="B1751" s="53"/>
      <c r="C1751" s="53"/>
      <c r="D1751" s="53"/>
      <c r="E1751" s="53"/>
      <c r="F1751" s="53"/>
      <c r="G1751" s="53"/>
      <c r="H1751" s="53"/>
      <c r="I1751" s="53"/>
      <c r="J1751" s="53"/>
      <c r="K1751" s="53"/>
      <c r="L1751" s="53"/>
      <c r="M1751" s="53"/>
      <c r="N1751" s="53"/>
      <c r="O1751" s="53"/>
      <c r="P1751" s="53"/>
      <c r="Q1751" s="53"/>
      <c r="R1751" s="53"/>
      <c r="S1751" s="53"/>
      <c r="T1751" s="53"/>
      <c r="U1751" s="53"/>
      <c r="V1751" s="53"/>
      <c r="W1751" s="53"/>
      <c r="X1751" s="53"/>
      <c r="Y1751" s="53"/>
      <c r="Z1751" s="53"/>
      <c r="AA1751" s="53"/>
      <c r="AB1751" s="53"/>
      <c r="AC1751" s="53"/>
      <c r="AD1751" s="53"/>
      <c r="AE1751" s="53"/>
      <c r="AF1751" s="53"/>
      <c r="AG1751" s="53"/>
      <c r="AH1751" s="53"/>
      <c r="AI1751" s="53"/>
      <c r="AJ1751" s="53"/>
      <c r="AK1751" s="53"/>
      <c r="AL1751" s="53"/>
      <c r="AM1751" s="53"/>
      <c r="AN1751" s="53"/>
      <c r="AO1751" s="53"/>
      <c r="AP1751" s="53"/>
      <c r="AQ1751" s="53"/>
      <c r="AR1751" s="53"/>
      <c r="AS1751" s="53"/>
      <c r="AT1751" s="53"/>
      <c r="AU1751" s="53"/>
      <c r="AV1751" s="53"/>
      <c r="AW1751" s="53"/>
      <c r="AX1751" s="53"/>
      <c r="AY1751" s="53"/>
      <c r="AZ1751" s="53"/>
      <c r="BA1751" s="53"/>
      <c r="BB1751" s="53"/>
      <c r="BC1751" s="53"/>
      <c r="BD1751" s="53"/>
      <c r="BE1751" s="53"/>
      <c r="BF1751" s="53"/>
      <c r="BG1751" s="53"/>
      <c r="BH1751" s="53"/>
      <c r="BI1751" s="53"/>
      <c r="BJ1751" s="53"/>
      <c r="BK1751" s="53"/>
      <c r="BL1751" s="53"/>
      <c r="BM1751" s="53"/>
      <c r="BN1751" s="53"/>
      <c r="BO1751" s="53"/>
      <c r="BP1751" s="53"/>
      <c r="BQ1751" s="53"/>
      <c r="BR1751" s="53"/>
      <c r="BS1751" s="53"/>
      <c r="BT1751" s="53"/>
      <c r="BU1751" s="53"/>
      <c r="BV1751" s="53"/>
      <c r="BW1751" s="53"/>
      <c r="BX1751" s="53"/>
      <c r="BY1751" s="53"/>
      <c r="BZ1751" s="53"/>
      <c r="CA1751" s="53"/>
      <c r="CB1751" s="53">
        <v>-355385</v>
      </c>
      <c r="CC1751" s="53">
        <v>-355385</v>
      </c>
      <c r="CD1751" s="53">
        <v>-355385</v>
      </c>
      <c r="CE1751" s="53">
        <v>-355385</v>
      </c>
      <c r="CF1751" s="53">
        <v>-355385</v>
      </c>
      <c r="CG1751" s="53">
        <v>-355385</v>
      </c>
      <c r="CH1751" s="53">
        <v>-355385</v>
      </c>
      <c r="CI1751" s="53">
        <v>-355385</v>
      </c>
      <c r="CJ1751" s="53">
        <v>-355385</v>
      </c>
      <c r="CK1751" s="53">
        <v>-355385</v>
      </c>
      <c r="CL1751" s="53">
        <v>-355385</v>
      </c>
      <c r="CM1751" s="53">
        <v>-355385</v>
      </c>
      <c r="CN1751" s="53">
        <v>-4264620</v>
      </c>
    </row>
    <row r="1752" spans="1:92" outlineLevel="1">
      <c r="A1752" s="52" t="s">
        <v>1249</v>
      </c>
      <c r="B1752" s="53">
        <v>-106318449.72999901</v>
      </c>
      <c r="C1752" s="53">
        <v>-100794760.3</v>
      </c>
      <c r="D1752" s="53">
        <v>-127940463.469999</v>
      </c>
      <c r="E1752" s="53">
        <v>-102737561</v>
      </c>
      <c r="F1752" s="53">
        <v>-165531098.33000001</v>
      </c>
      <c r="G1752" s="53">
        <v>-188818153.13</v>
      </c>
      <c r="H1752" s="53">
        <v>-245991165.06</v>
      </c>
      <c r="I1752" s="53">
        <v>-244053514.19999999</v>
      </c>
      <c r="J1752" s="53">
        <v>-221759871.77000001</v>
      </c>
      <c r="K1752" s="53">
        <v>-205629827.78999999</v>
      </c>
      <c r="L1752" s="53">
        <v>-149868013.94999999</v>
      </c>
      <c r="M1752" s="53">
        <v>-173142034.31</v>
      </c>
      <c r="N1752" s="53">
        <v>-2032584913.04</v>
      </c>
      <c r="O1752" s="53">
        <v>-170256544.28999999</v>
      </c>
      <c r="P1752" s="53">
        <v>-152994064.80000001</v>
      </c>
      <c r="Q1752" s="53">
        <v>-144113365.46000001</v>
      </c>
      <c r="R1752" s="53">
        <v>-128691680.13</v>
      </c>
      <c r="S1752" s="53">
        <v>-139762662.09</v>
      </c>
      <c r="T1752" s="53">
        <v>-151151211.72999999</v>
      </c>
      <c r="U1752" s="53">
        <v>-163390006.09</v>
      </c>
      <c r="V1752" s="53">
        <v>-159137751.93000001</v>
      </c>
      <c r="W1752" s="53">
        <v>-148151117.47999999</v>
      </c>
      <c r="X1752" s="53">
        <v>-135366420.88</v>
      </c>
      <c r="Y1752" s="53">
        <v>-122532544.019999</v>
      </c>
      <c r="Z1752" s="53">
        <v>-141364511.03</v>
      </c>
      <c r="AA1752" s="53">
        <v>-1756911879.9300001</v>
      </c>
      <c r="AB1752" s="53">
        <v>-145243330.71999899</v>
      </c>
      <c r="AC1752" s="53">
        <v>-131565532.47999901</v>
      </c>
      <c r="AD1752" s="53">
        <v>-125545250.39999899</v>
      </c>
      <c r="AE1752" s="53">
        <v>-107376927.11999901</v>
      </c>
      <c r="AF1752" s="53">
        <v>-116035234.78999899</v>
      </c>
      <c r="AG1752" s="53">
        <v>-131086793.279999</v>
      </c>
      <c r="AH1752" s="53">
        <v>-138610982.09</v>
      </c>
      <c r="AI1752" s="53">
        <v>-136039846.30000001</v>
      </c>
      <c r="AJ1752" s="53">
        <v>-133505884.06999999</v>
      </c>
      <c r="AK1752" s="53">
        <v>-121750731.81999999</v>
      </c>
      <c r="AL1752" s="53">
        <v>-109429431.84999999</v>
      </c>
      <c r="AM1752" s="53">
        <v>-127332792.81</v>
      </c>
      <c r="AN1752" s="53">
        <v>-1523522737.73</v>
      </c>
      <c r="AO1752" s="53">
        <v>-128410282.59999999</v>
      </c>
      <c r="AP1752" s="53">
        <v>-111936288.529999</v>
      </c>
      <c r="AQ1752" s="53">
        <v>-109343936.27</v>
      </c>
      <c r="AR1752" s="53">
        <v>-106153748.73</v>
      </c>
      <c r="AS1752" s="53">
        <v>-122746868.36</v>
      </c>
      <c r="AT1752" s="53">
        <v>-130665780.91</v>
      </c>
      <c r="AU1752" s="53">
        <v>-137968389.66999999</v>
      </c>
      <c r="AV1752" s="53">
        <v>-133672513.31</v>
      </c>
      <c r="AW1752" s="53">
        <v>-129613280.02</v>
      </c>
      <c r="AX1752" s="53">
        <v>-115433683.19</v>
      </c>
      <c r="AY1752" s="53">
        <v>-106979295.79000001</v>
      </c>
      <c r="AZ1752" s="53">
        <v>-124542360.67999899</v>
      </c>
      <c r="BA1752" s="53">
        <v>-1457466428.0599999</v>
      </c>
      <c r="BB1752" s="53">
        <v>-124667569.92</v>
      </c>
      <c r="BC1752" s="53">
        <v>-110298947.2</v>
      </c>
      <c r="BD1752" s="53">
        <v>-110241516.25</v>
      </c>
      <c r="BE1752" s="53">
        <v>-103431159.14999899</v>
      </c>
      <c r="BF1752" s="53">
        <v>-118639841.22</v>
      </c>
      <c r="BG1752" s="53">
        <v>-127349680.749999</v>
      </c>
      <c r="BH1752" s="53">
        <v>-134189338.11</v>
      </c>
      <c r="BI1752" s="53">
        <v>-131504854.22</v>
      </c>
      <c r="BJ1752" s="53">
        <v>-127738638.95</v>
      </c>
      <c r="BK1752" s="53">
        <v>-109139694.69</v>
      </c>
      <c r="BL1752" s="53">
        <v>-103570454.669999</v>
      </c>
      <c r="BM1752" s="53">
        <v>-120415089.45</v>
      </c>
      <c r="BN1752" s="53">
        <v>-1421186784.5799999</v>
      </c>
      <c r="BO1752" s="53">
        <v>-121357488.189999</v>
      </c>
      <c r="BP1752" s="53">
        <v>-106517265.29000001</v>
      </c>
      <c r="BQ1752" s="53">
        <v>-103255198.59</v>
      </c>
      <c r="BR1752" s="53">
        <v>-101450018.38</v>
      </c>
      <c r="BS1752" s="53">
        <v>-111594269.02</v>
      </c>
      <c r="BT1752" s="53">
        <v>-120582515.699999</v>
      </c>
      <c r="BU1752" s="53">
        <v>-128943973.16</v>
      </c>
      <c r="BV1752" s="53">
        <v>-127428889.34999999</v>
      </c>
      <c r="BW1752" s="53">
        <v>-122933468.55</v>
      </c>
      <c r="BX1752" s="53">
        <v>-109816579.059999</v>
      </c>
      <c r="BY1752" s="53">
        <v>-103137945.63</v>
      </c>
      <c r="BZ1752" s="53">
        <v>-117883663.52</v>
      </c>
      <c r="CA1752" s="53">
        <v>-1374901274.43999</v>
      </c>
      <c r="CB1752" s="53"/>
      <c r="CC1752" s="53"/>
      <c r="CD1752" s="53"/>
      <c r="CE1752" s="53"/>
      <c r="CF1752" s="53"/>
      <c r="CG1752" s="53"/>
      <c r="CH1752" s="53"/>
      <c r="CI1752" s="53"/>
      <c r="CJ1752" s="53"/>
      <c r="CK1752" s="53"/>
      <c r="CL1752" s="53"/>
      <c r="CM1752" s="53"/>
      <c r="CN1752" s="53"/>
    </row>
    <row r="1753" spans="1:92" outlineLevel="1">
      <c r="A1753" s="52" t="s">
        <v>650</v>
      </c>
      <c r="B1753" s="53"/>
      <c r="C1753" s="53"/>
      <c r="D1753" s="53"/>
      <c r="E1753" s="53"/>
      <c r="F1753" s="53"/>
      <c r="G1753" s="53"/>
      <c r="H1753" s="53"/>
      <c r="I1753" s="53"/>
      <c r="J1753" s="53"/>
      <c r="K1753" s="53"/>
      <c r="L1753" s="53"/>
      <c r="M1753" s="53"/>
      <c r="N1753" s="53"/>
      <c r="O1753" s="53"/>
      <c r="P1753" s="53"/>
      <c r="Q1753" s="53"/>
      <c r="R1753" s="53"/>
      <c r="S1753" s="53"/>
      <c r="T1753" s="53"/>
      <c r="U1753" s="53"/>
      <c r="V1753" s="53"/>
      <c r="W1753" s="53"/>
      <c r="X1753" s="53"/>
      <c r="Y1753" s="53"/>
      <c r="Z1753" s="53"/>
      <c r="AA1753" s="53"/>
      <c r="AB1753" s="53"/>
      <c r="AC1753" s="53"/>
      <c r="AD1753" s="53"/>
      <c r="AE1753" s="53"/>
      <c r="AF1753" s="53"/>
      <c r="AG1753" s="53"/>
      <c r="AH1753" s="53"/>
      <c r="AI1753" s="53"/>
      <c r="AJ1753" s="53"/>
      <c r="AK1753" s="53"/>
      <c r="AL1753" s="53"/>
      <c r="AM1753" s="53"/>
      <c r="AN1753" s="53"/>
      <c r="AO1753" s="53"/>
      <c r="AP1753" s="53"/>
      <c r="AQ1753" s="53"/>
      <c r="AR1753" s="53"/>
      <c r="AS1753" s="53"/>
      <c r="AT1753" s="53"/>
      <c r="AU1753" s="53"/>
      <c r="AV1753" s="53"/>
      <c r="AW1753" s="53"/>
      <c r="AX1753" s="53"/>
      <c r="AY1753" s="53"/>
      <c r="AZ1753" s="53"/>
      <c r="BA1753" s="53"/>
      <c r="BB1753" s="53"/>
      <c r="BC1753" s="53"/>
      <c r="BD1753" s="53"/>
      <c r="BE1753" s="53"/>
      <c r="BF1753" s="53"/>
      <c r="BG1753" s="53"/>
      <c r="BH1753" s="53"/>
      <c r="BI1753" s="53"/>
      <c r="BJ1753" s="53"/>
      <c r="BK1753" s="53"/>
      <c r="BL1753" s="53"/>
      <c r="BM1753" s="53"/>
      <c r="BN1753" s="53"/>
      <c r="BO1753" s="53"/>
      <c r="BP1753" s="53"/>
      <c r="BQ1753" s="53"/>
      <c r="BR1753" s="53"/>
      <c r="BS1753" s="53"/>
      <c r="BT1753" s="53"/>
      <c r="BU1753" s="53"/>
      <c r="BV1753" s="53"/>
      <c r="BW1753" s="53"/>
      <c r="BX1753" s="53"/>
      <c r="BY1753" s="53"/>
      <c r="BZ1753" s="53"/>
      <c r="CA1753" s="53"/>
      <c r="CB1753" s="53"/>
      <c r="CC1753" s="53"/>
      <c r="CD1753" s="53"/>
      <c r="CE1753" s="53"/>
      <c r="CF1753" s="53"/>
      <c r="CG1753" s="53"/>
      <c r="CH1753" s="53"/>
      <c r="CI1753" s="53"/>
      <c r="CJ1753" s="53"/>
      <c r="CK1753" s="53"/>
      <c r="CL1753" s="53"/>
      <c r="CM1753" s="53"/>
      <c r="CN1753" s="53"/>
    </row>
    <row r="1754" spans="1:92" outlineLevel="1">
      <c r="A1754" s="52" t="s">
        <v>1294</v>
      </c>
      <c r="B1754" s="53"/>
      <c r="C1754" s="53"/>
      <c r="D1754" s="53"/>
      <c r="E1754" s="53"/>
      <c r="F1754" s="53"/>
      <c r="G1754" s="53"/>
      <c r="H1754" s="53"/>
      <c r="I1754" s="53"/>
      <c r="J1754" s="53"/>
      <c r="K1754" s="53"/>
      <c r="L1754" s="53"/>
      <c r="M1754" s="53"/>
      <c r="N1754" s="53"/>
      <c r="O1754" s="53"/>
      <c r="P1754" s="53"/>
      <c r="Q1754" s="53"/>
      <c r="R1754" s="53"/>
      <c r="S1754" s="53"/>
      <c r="T1754" s="53"/>
      <c r="U1754" s="53"/>
      <c r="V1754" s="53"/>
      <c r="W1754" s="53"/>
      <c r="X1754" s="53"/>
      <c r="Y1754" s="53"/>
      <c r="Z1754" s="53"/>
      <c r="AA1754" s="53"/>
      <c r="AB1754" s="53"/>
      <c r="AC1754" s="53"/>
      <c r="AD1754" s="53"/>
      <c r="AE1754" s="53"/>
      <c r="AF1754" s="53"/>
      <c r="AG1754" s="53"/>
      <c r="AH1754" s="53"/>
      <c r="AI1754" s="53"/>
      <c r="AJ1754" s="53"/>
      <c r="AK1754" s="53"/>
      <c r="AL1754" s="53"/>
      <c r="AM1754" s="53"/>
      <c r="AN1754" s="53"/>
      <c r="AO1754" s="53"/>
      <c r="AP1754" s="53"/>
      <c r="AQ1754" s="53"/>
      <c r="AR1754" s="53"/>
      <c r="AS1754" s="53"/>
      <c r="AT1754" s="53"/>
      <c r="AU1754" s="53"/>
      <c r="AV1754" s="53"/>
      <c r="AW1754" s="53"/>
      <c r="AX1754" s="53"/>
      <c r="AY1754" s="53"/>
      <c r="AZ1754" s="53"/>
      <c r="BA1754" s="53"/>
      <c r="BB1754" s="53"/>
      <c r="BC1754" s="53"/>
      <c r="BD1754" s="53"/>
      <c r="BE1754" s="53"/>
      <c r="BF1754" s="53"/>
      <c r="BG1754" s="53"/>
      <c r="BH1754" s="53"/>
      <c r="BI1754" s="53"/>
      <c r="BJ1754" s="53"/>
      <c r="BK1754" s="53"/>
      <c r="BL1754" s="53"/>
      <c r="BM1754" s="53"/>
      <c r="BN1754" s="53"/>
      <c r="BO1754" s="53"/>
      <c r="BP1754" s="53"/>
      <c r="BQ1754" s="53"/>
      <c r="BR1754" s="53"/>
      <c r="BS1754" s="53"/>
      <c r="BT1754" s="53"/>
      <c r="BU1754" s="53"/>
      <c r="BV1754" s="53"/>
      <c r="BW1754" s="53"/>
      <c r="BX1754" s="53"/>
      <c r="BY1754" s="53"/>
      <c r="BZ1754" s="53"/>
      <c r="CA1754" s="53"/>
      <c r="CB1754" s="53"/>
      <c r="CC1754" s="53"/>
      <c r="CD1754" s="53"/>
      <c r="CE1754" s="53"/>
      <c r="CF1754" s="53"/>
      <c r="CG1754" s="53"/>
      <c r="CH1754" s="53"/>
      <c r="CI1754" s="53"/>
      <c r="CJ1754" s="53"/>
      <c r="CK1754" s="53"/>
      <c r="CL1754" s="53"/>
      <c r="CM1754" s="53"/>
      <c r="CN1754" s="53"/>
    </row>
    <row r="1755" spans="1:92" outlineLevel="1">
      <c r="A1755" s="52" t="s">
        <v>649</v>
      </c>
      <c r="B1755" s="53"/>
      <c r="C1755" s="53"/>
      <c r="D1755" s="53"/>
      <c r="E1755" s="53"/>
      <c r="F1755" s="53"/>
      <c r="G1755" s="53"/>
      <c r="H1755" s="53"/>
      <c r="I1755" s="53"/>
      <c r="J1755" s="53"/>
      <c r="K1755" s="53"/>
      <c r="L1755" s="53"/>
      <c r="M1755" s="53"/>
      <c r="N1755" s="53"/>
      <c r="O1755" s="53">
        <v>13011993.853433199</v>
      </c>
      <c r="P1755" s="53"/>
      <c r="Q1755" s="53"/>
      <c r="R1755" s="53"/>
      <c r="S1755" s="53"/>
      <c r="T1755" s="53"/>
      <c r="U1755" s="53"/>
      <c r="V1755" s="53"/>
      <c r="W1755" s="53"/>
      <c r="X1755" s="53"/>
      <c r="Y1755" s="53"/>
      <c r="Z1755" s="53"/>
      <c r="AA1755" s="53">
        <v>13011993.853433199</v>
      </c>
      <c r="AB1755" s="53"/>
      <c r="AC1755" s="53"/>
      <c r="AD1755" s="53"/>
      <c r="AE1755" s="53"/>
      <c r="AF1755" s="53"/>
      <c r="AG1755" s="53"/>
      <c r="AH1755" s="53"/>
      <c r="AI1755" s="53"/>
      <c r="AJ1755" s="53"/>
      <c r="AK1755" s="53"/>
      <c r="AL1755" s="53"/>
      <c r="AM1755" s="53"/>
      <c r="AN1755" s="53"/>
      <c r="AO1755" s="53"/>
      <c r="AP1755" s="53"/>
      <c r="AQ1755" s="53"/>
      <c r="AR1755" s="53"/>
      <c r="AS1755" s="53"/>
      <c r="AT1755" s="53"/>
      <c r="AU1755" s="53"/>
      <c r="AV1755" s="53"/>
      <c r="AW1755" s="53"/>
      <c r="AX1755" s="53"/>
      <c r="AY1755" s="53"/>
      <c r="AZ1755" s="53"/>
      <c r="BA1755" s="53"/>
      <c r="BB1755" s="53"/>
      <c r="BC1755" s="53"/>
      <c r="BD1755" s="53"/>
      <c r="BE1755" s="53"/>
      <c r="BF1755" s="53"/>
      <c r="BG1755" s="53"/>
      <c r="BH1755" s="53"/>
      <c r="BI1755" s="53"/>
      <c r="BJ1755" s="53"/>
      <c r="BK1755" s="53"/>
      <c r="BL1755" s="53"/>
      <c r="BM1755" s="53"/>
      <c r="BN1755" s="53"/>
      <c r="BO1755" s="53"/>
      <c r="BP1755" s="53"/>
      <c r="BQ1755" s="53"/>
      <c r="BR1755" s="53"/>
      <c r="BS1755" s="53"/>
      <c r="BT1755" s="53"/>
      <c r="BU1755" s="53"/>
      <c r="BV1755" s="53"/>
      <c r="BW1755" s="53"/>
      <c r="BX1755" s="53"/>
      <c r="BY1755" s="53"/>
      <c r="BZ1755" s="53"/>
      <c r="CA1755" s="53"/>
      <c r="CB1755" s="53"/>
      <c r="CC1755" s="53"/>
      <c r="CD1755" s="53"/>
      <c r="CE1755" s="53"/>
      <c r="CF1755" s="53"/>
      <c r="CG1755" s="53"/>
      <c r="CH1755" s="53"/>
      <c r="CI1755" s="53"/>
      <c r="CJ1755" s="53"/>
      <c r="CK1755" s="53"/>
      <c r="CL1755" s="53"/>
      <c r="CM1755" s="53"/>
      <c r="CN1755" s="53"/>
    </row>
    <row r="1756" spans="1:92" outlineLevel="1">
      <c r="A1756" s="52" t="s">
        <v>1289</v>
      </c>
      <c r="B1756" s="53"/>
      <c r="C1756" s="53"/>
      <c r="D1756" s="53"/>
      <c r="E1756" s="53"/>
      <c r="F1756" s="53"/>
      <c r="G1756" s="53"/>
      <c r="H1756" s="53"/>
      <c r="I1756" s="53"/>
      <c r="J1756" s="53"/>
      <c r="K1756" s="53"/>
      <c r="L1756" s="53"/>
      <c r="M1756" s="53"/>
      <c r="N1756" s="53"/>
      <c r="O1756" s="53"/>
      <c r="P1756" s="53"/>
      <c r="Q1756" s="53"/>
      <c r="R1756" s="53"/>
      <c r="S1756" s="53"/>
      <c r="T1756" s="53"/>
      <c r="U1756" s="53"/>
      <c r="V1756" s="53"/>
      <c r="W1756" s="53"/>
      <c r="X1756" s="53"/>
      <c r="Y1756" s="53"/>
      <c r="Z1756" s="53"/>
      <c r="AA1756" s="53"/>
      <c r="AB1756" s="53"/>
      <c r="AC1756" s="53"/>
      <c r="AD1756" s="53"/>
      <c r="AE1756" s="53"/>
      <c r="AF1756" s="53"/>
      <c r="AG1756" s="53"/>
      <c r="AH1756" s="53"/>
      <c r="AI1756" s="53"/>
      <c r="AJ1756" s="53"/>
      <c r="AK1756" s="53"/>
      <c r="AL1756" s="53"/>
      <c r="AM1756" s="53"/>
      <c r="AN1756" s="53"/>
      <c r="AO1756" s="53"/>
      <c r="AP1756" s="53"/>
      <c r="AQ1756" s="53"/>
      <c r="AR1756" s="53"/>
      <c r="AS1756" s="53"/>
      <c r="AT1756" s="53"/>
      <c r="AU1756" s="53"/>
      <c r="AV1756" s="53"/>
      <c r="AW1756" s="53"/>
      <c r="AX1756" s="53"/>
      <c r="AY1756" s="53"/>
      <c r="AZ1756" s="53"/>
      <c r="BA1756" s="53"/>
      <c r="BB1756" s="53"/>
      <c r="BC1756" s="53"/>
      <c r="BD1756" s="53"/>
      <c r="BE1756" s="53"/>
      <c r="BF1756" s="53"/>
      <c r="BG1756" s="53"/>
      <c r="BH1756" s="53"/>
      <c r="BI1756" s="53"/>
      <c r="BJ1756" s="53"/>
      <c r="BK1756" s="53"/>
      <c r="BL1756" s="53"/>
      <c r="BM1756" s="53"/>
      <c r="BN1756" s="53"/>
      <c r="BO1756" s="53"/>
      <c r="BP1756" s="53"/>
      <c r="BQ1756" s="53"/>
      <c r="BR1756" s="53"/>
      <c r="BS1756" s="53"/>
      <c r="BT1756" s="53"/>
      <c r="BU1756" s="53"/>
      <c r="BV1756" s="53"/>
      <c r="BW1756" s="53"/>
      <c r="BX1756" s="53"/>
      <c r="BY1756" s="53"/>
      <c r="BZ1756" s="53"/>
      <c r="CA1756" s="53"/>
      <c r="CB1756" s="53"/>
      <c r="CC1756" s="53"/>
      <c r="CD1756" s="53"/>
      <c r="CE1756" s="53"/>
      <c r="CF1756" s="53"/>
      <c r="CG1756" s="53"/>
      <c r="CH1756" s="53"/>
      <c r="CI1756" s="53"/>
      <c r="CJ1756" s="53"/>
      <c r="CK1756" s="53"/>
      <c r="CL1756" s="53"/>
      <c r="CM1756" s="53"/>
      <c r="CN1756" s="53"/>
    </row>
    <row r="1757" spans="1:92" outlineLevel="1">
      <c r="A1757" s="52" t="s">
        <v>649</v>
      </c>
      <c r="B1757" s="53">
        <v>-166666.66666666701</v>
      </c>
      <c r="C1757" s="53">
        <v>-166666.66666666701</v>
      </c>
      <c r="D1757" s="53">
        <v>-166666.66666666701</v>
      </c>
      <c r="E1757" s="53">
        <v>-166666.66666666701</v>
      </c>
      <c r="F1757" s="53">
        <v>-166666.66666666701</v>
      </c>
      <c r="G1757" s="53">
        <v>-166666.66666666701</v>
      </c>
      <c r="H1757" s="53">
        <v>-166666.66666666701</v>
      </c>
      <c r="I1757" s="53">
        <v>-166666.66666666701</v>
      </c>
      <c r="J1757" s="53">
        <v>-166666.66666666701</v>
      </c>
      <c r="K1757" s="53">
        <v>-166666.66666666701</v>
      </c>
      <c r="L1757" s="53">
        <v>-166666.66666666701</v>
      </c>
      <c r="M1757" s="53">
        <v>-166666.66666666701</v>
      </c>
      <c r="N1757" s="53">
        <v>-2000000</v>
      </c>
      <c r="O1757" s="53">
        <v>-13011993.853433199</v>
      </c>
      <c r="P1757" s="53"/>
      <c r="Q1757" s="53"/>
      <c r="R1757" s="53"/>
      <c r="S1757" s="53"/>
      <c r="T1757" s="53"/>
      <c r="U1757" s="53"/>
      <c r="V1757" s="53"/>
      <c r="W1757" s="53"/>
      <c r="X1757" s="53"/>
      <c r="Y1757" s="53"/>
      <c r="Z1757" s="53"/>
      <c r="AA1757" s="53">
        <v>-13011993.853433199</v>
      </c>
      <c r="AB1757" s="53"/>
      <c r="AC1757" s="53"/>
      <c r="AD1757" s="53"/>
      <c r="AE1757" s="53"/>
      <c r="AF1757" s="53"/>
      <c r="AG1757" s="53"/>
      <c r="AH1757" s="53"/>
      <c r="AI1757" s="53"/>
      <c r="AJ1757" s="53"/>
      <c r="AK1757" s="53"/>
      <c r="AL1757" s="53"/>
      <c r="AM1757" s="53"/>
      <c r="AN1757" s="53"/>
      <c r="AO1757" s="53"/>
      <c r="AP1757" s="53"/>
      <c r="AQ1757" s="53"/>
      <c r="AR1757" s="53"/>
      <c r="AS1757" s="53"/>
      <c r="AT1757" s="53"/>
      <c r="AU1757" s="53"/>
      <c r="AV1757" s="53"/>
      <c r="AW1757" s="53"/>
      <c r="AX1757" s="53"/>
      <c r="AY1757" s="53"/>
      <c r="AZ1757" s="53"/>
      <c r="BA1757" s="53"/>
      <c r="BB1757" s="53"/>
      <c r="BC1757" s="53"/>
      <c r="BD1757" s="53"/>
      <c r="BE1757" s="53"/>
      <c r="BF1757" s="53"/>
      <c r="BG1757" s="53"/>
      <c r="BH1757" s="53"/>
      <c r="BI1757" s="53"/>
      <c r="BJ1757" s="53"/>
      <c r="BK1757" s="53"/>
      <c r="BL1757" s="53"/>
      <c r="BM1757" s="53"/>
      <c r="BN1757" s="53"/>
      <c r="BO1757" s="53"/>
      <c r="BP1757" s="53"/>
      <c r="BQ1757" s="53"/>
      <c r="BR1757" s="53"/>
      <c r="BS1757" s="53"/>
      <c r="BT1757" s="53"/>
      <c r="BU1757" s="53"/>
      <c r="BV1757" s="53"/>
      <c r="BW1757" s="53"/>
      <c r="BX1757" s="53"/>
      <c r="BY1757" s="53"/>
      <c r="BZ1757" s="53"/>
      <c r="CA1757" s="53"/>
      <c r="CB1757" s="53"/>
      <c r="CC1757" s="53"/>
      <c r="CD1757" s="53"/>
      <c r="CE1757" s="53"/>
      <c r="CF1757" s="53"/>
      <c r="CG1757" s="53"/>
      <c r="CH1757" s="53"/>
      <c r="CI1757" s="53"/>
      <c r="CJ1757" s="53"/>
      <c r="CK1757" s="53"/>
      <c r="CL1757" s="53"/>
      <c r="CM1757" s="53"/>
      <c r="CN1757" s="53"/>
    </row>
    <row r="1758" spans="1:92" outlineLevel="1">
      <c r="A1758" s="52" t="s">
        <v>1287</v>
      </c>
      <c r="B1758" s="53"/>
      <c r="C1758" s="53"/>
      <c r="D1758" s="53"/>
      <c r="E1758" s="53"/>
      <c r="F1758" s="53"/>
      <c r="G1758" s="53"/>
      <c r="H1758" s="53"/>
      <c r="I1758" s="53"/>
      <c r="J1758" s="53"/>
      <c r="K1758" s="53"/>
      <c r="L1758" s="53"/>
      <c r="M1758" s="53"/>
      <c r="N1758" s="53"/>
      <c r="O1758" s="53"/>
      <c r="P1758" s="53"/>
      <c r="Q1758" s="53"/>
      <c r="R1758" s="53"/>
      <c r="S1758" s="53"/>
      <c r="T1758" s="53"/>
      <c r="U1758" s="53"/>
      <c r="V1758" s="53"/>
      <c r="W1758" s="53"/>
      <c r="X1758" s="53"/>
      <c r="Y1758" s="53"/>
      <c r="Z1758" s="53"/>
      <c r="AA1758" s="53"/>
      <c r="AB1758" s="53"/>
      <c r="AC1758" s="53"/>
      <c r="AD1758" s="53"/>
      <c r="AE1758" s="53"/>
      <c r="AF1758" s="53"/>
      <c r="AG1758" s="53"/>
      <c r="AH1758" s="53"/>
      <c r="AI1758" s="53"/>
      <c r="AJ1758" s="53"/>
      <c r="AK1758" s="53"/>
      <c r="AL1758" s="53"/>
      <c r="AM1758" s="53"/>
      <c r="AN1758" s="53"/>
      <c r="AO1758" s="53"/>
      <c r="AP1758" s="53"/>
      <c r="AQ1758" s="53"/>
      <c r="AR1758" s="53"/>
      <c r="AS1758" s="53"/>
      <c r="AT1758" s="53"/>
      <c r="AU1758" s="53"/>
      <c r="AV1758" s="53"/>
      <c r="AW1758" s="53"/>
      <c r="AX1758" s="53"/>
      <c r="AY1758" s="53"/>
      <c r="AZ1758" s="53"/>
      <c r="BA1758" s="53"/>
      <c r="BB1758" s="53"/>
      <c r="BC1758" s="53"/>
      <c r="BD1758" s="53"/>
      <c r="BE1758" s="53"/>
      <c r="BF1758" s="53"/>
      <c r="BG1758" s="53"/>
      <c r="BH1758" s="53"/>
      <c r="BI1758" s="53"/>
      <c r="BJ1758" s="53"/>
      <c r="BK1758" s="53"/>
      <c r="BL1758" s="53"/>
      <c r="BM1758" s="53"/>
      <c r="BN1758" s="53"/>
      <c r="BO1758" s="53"/>
      <c r="BP1758" s="53"/>
      <c r="BQ1758" s="53"/>
      <c r="BR1758" s="53"/>
      <c r="BS1758" s="53"/>
      <c r="BT1758" s="53"/>
      <c r="BU1758" s="53"/>
      <c r="BV1758" s="53"/>
      <c r="BW1758" s="53"/>
      <c r="BX1758" s="53"/>
      <c r="BY1758" s="53"/>
      <c r="BZ1758" s="53"/>
      <c r="CA1758" s="53"/>
      <c r="CB1758" s="53"/>
      <c r="CC1758" s="53"/>
      <c r="CD1758" s="53"/>
      <c r="CE1758" s="53"/>
      <c r="CF1758" s="53"/>
      <c r="CG1758" s="53"/>
      <c r="CH1758" s="53"/>
      <c r="CI1758" s="53"/>
      <c r="CJ1758" s="53"/>
      <c r="CK1758" s="53"/>
      <c r="CL1758" s="53"/>
      <c r="CM1758" s="53"/>
      <c r="CN1758" s="53"/>
    </row>
    <row r="1759" spans="1:92" outlineLevel="1">
      <c r="A1759" s="52" t="s">
        <v>649</v>
      </c>
      <c r="B1759" s="53">
        <v>-16854.599999999999</v>
      </c>
      <c r="C1759" s="53">
        <v>-8567.7999999999993</v>
      </c>
      <c r="D1759" s="53">
        <v>-1641.6</v>
      </c>
      <c r="E1759" s="53">
        <v>-4957</v>
      </c>
      <c r="F1759" s="53">
        <v>-16777.400000000001</v>
      </c>
      <c r="G1759" s="53">
        <v>395.1</v>
      </c>
      <c r="H1759" s="53">
        <v>113.6</v>
      </c>
      <c r="I1759" s="53">
        <v>-455.2</v>
      </c>
      <c r="J1759" s="53">
        <v>-2129</v>
      </c>
      <c r="K1759" s="53">
        <v>-1834.8999999999901</v>
      </c>
      <c r="L1759" s="53">
        <v>-8.6969565163599292</v>
      </c>
      <c r="M1759" s="53">
        <v>-6925.2</v>
      </c>
      <c r="N1759" s="53">
        <v>-59642.696956516302</v>
      </c>
      <c r="O1759" s="53">
        <v>26972252.3807608</v>
      </c>
      <c r="P1759" s="53">
        <v>12342.963667496701</v>
      </c>
      <c r="Q1759" s="53">
        <v>107477.202463333</v>
      </c>
      <c r="R1759" s="53">
        <v>107264.92164589401</v>
      </c>
      <c r="S1759" s="53">
        <v>87254.804872237801</v>
      </c>
      <c r="T1759" s="53">
        <v>56618.983309157898</v>
      </c>
      <c r="U1759" s="53">
        <v>66423.5662530962</v>
      </c>
      <c r="V1759" s="53">
        <v>57434.5205439364</v>
      </c>
      <c r="W1759" s="53">
        <v>58357.588991040197</v>
      </c>
      <c r="X1759" s="53">
        <v>76317.635634432503</v>
      </c>
      <c r="Y1759" s="53">
        <v>-8353.6205669180599</v>
      </c>
      <c r="Z1759" s="53">
        <v>-9266.0006087423099</v>
      </c>
      <c r="AA1759" s="53">
        <v>27584124.946965698</v>
      </c>
      <c r="AB1759" s="53">
        <v>19566.449826817901</v>
      </c>
      <c r="AC1759" s="53">
        <v>33703.264818216499</v>
      </c>
      <c r="AD1759" s="53">
        <v>-35567.587871606302</v>
      </c>
      <c r="AE1759" s="53">
        <v>5642.2607364955602</v>
      </c>
      <c r="AF1759" s="53">
        <v>-60900.837342934603</v>
      </c>
      <c r="AG1759" s="53">
        <v>-73746.685166889001</v>
      </c>
      <c r="AH1759" s="53">
        <v>-26884.298339926499</v>
      </c>
      <c r="AI1759" s="53">
        <v>77031.902905713301</v>
      </c>
      <c r="AJ1759" s="53">
        <v>44708.705025899697</v>
      </c>
      <c r="AK1759" s="53">
        <v>53810.013761321403</v>
      </c>
      <c r="AL1759" s="53">
        <v>-5011.6688384317404</v>
      </c>
      <c r="AM1759" s="53">
        <v>-22556.548018615998</v>
      </c>
      <c r="AN1759" s="53">
        <v>9794.9714960601395</v>
      </c>
      <c r="AO1759" s="53">
        <v>-16592.636564938301</v>
      </c>
      <c r="AP1759" s="53">
        <v>-24403.5073785116</v>
      </c>
      <c r="AQ1759" s="53">
        <v>-84752.463028330603</v>
      </c>
      <c r="AR1759" s="53">
        <v>-44264.936813268498</v>
      </c>
      <c r="AS1759" s="53">
        <v>-94468.629338087398</v>
      </c>
      <c r="AT1759" s="53">
        <v>-103709.355246443</v>
      </c>
      <c r="AU1759" s="53">
        <v>-56280.2952303407</v>
      </c>
      <c r="AV1759" s="53">
        <v>70896.193023423199</v>
      </c>
      <c r="AW1759" s="53">
        <v>43270.8060995552</v>
      </c>
      <c r="AX1759" s="53">
        <v>13107.5833478512</v>
      </c>
      <c r="AY1759" s="53">
        <v>-18262.825693200899</v>
      </c>
      <c r="AZ1759" s="53">
        <v>-20087.004303966602</v>
      </c>
      <c r="BA1759" s="53">
        <v>-335547.071126258</v>
      </c>
      <c r="BB1759" s="53">
        <v>-15829.759425570999</v>
      </c>
      <c r="BC1759" s="53">
        <v>-20453.762957928098</v>
      </c>
      <c r="BD1759" s="53">
        <v>-58907.947855812403</v>
      </c>
      <c r="BE1759" s="53">
        <v>-32315.685607551099</v>
      </c>
      <c r="BF1759" s="53">
        <v>-79736.355696440995</v>
      </c>
      <c r="BG1759" s="53">
        <v>-76219.210612762297</v>
      </c>
      <c r="BH1759" s="53">
        <v>-44241.617582025399</v>
      </c>
      <c r="BI1759" s="53">
        <v>93594.184419023804</v>
      </c>
      <c r="BJ1759" s="53">
        <v>82810.495379220796</v>
      </c>
      <c r="BK1759" s="53">
        <v>49982.634886036998</v>
      </c>
      <c r="BL1759" s="53">
        <v>23808.6058711197</v>
      </c>
      <c r="BM1759" s="53">
        <v>21308.695381128899</v>
      </c>
      <c r="BN1759" s="53">
        <v>-56199.7238015611</v>
      </c>
      <c r="BO1759" s="53">
        <v>10423.2427628449</v>
      </c>
      <c r="BP1759" s="53">
        <v>597.35156434180703</v>
      </c>
      <c r="BQ1759" s="53">
        <v>-23318.967840968999</v>
      </c>
      <c r="BR1759" s="53">
        <v>-15157.073525915501</v>
      </c>
      <c r="BS1759" s="53">
        <v>-49889.174690979402</v>
      </c>
      <c r="BT1759" s="53">
        <v>-41408.2619443652</v>
      </c>
      <c r="BU1759" s="53">
        <v>-32623.451761930399</v>
      </c>
      <c r="BV1759" s="53">
        <v>114032.39609742</v>
      </c>
      <c r="BW1759" s="53">
        <v>102229.043502389</v>
      </c>
      <c r="BX1759" s="53">
        <v>66725.321171368705</v>
      </c>
      <c r="BY1759" s="53">
        <v>47441.8958135211</v>
      </c>
      <c r="BZ1759" s="53">
        <v>45557.996967385399</v>
      </c>
      <c r="CA1759" s="53">
        <v>224610.31811511199</v>
      </c>
      <c r="CB1759" s="53"/>
      <c r="CC1759" s="53"/>
      <c r="CD1759" s="53"/>
      <c r="CE1759" s="53"/>
      <c r="CF1759" s="53"/>
      <c r="CG1759" s="53"/>
      <c r="CH1759" s="53"/>
      <c r="CI1759" s="53"/>
      <c r="CJ1759" s="53"/>
      <c r="CK1759" s="53"/>
      <c r="CL1759" s="53"/>
      <c r="CM1759" s="53"/>
      <c r="CN1759" s="53"/>
    </row>
    <row r="1760" spans="1:92" outlineLevel="1">
      <c r="A1760" s="52" t="s">
        <v>1291</v>
      </c>
      <c r="B1760" s="53"/>
      <c r="C1760" s="53"/>
      <c r="D1760" s="53"/>
      <c r="E1760" s="53"/>
      <c r="F1760" s="53"/>
      <c r="G1760" s="53"/>
      <c r="H1760" s="53"/>
      <c r="I1760" s="53"/>
      <c r="J1760" s="53"/>
      <c r="K1760" s="53"/>
      <c r="L1760" s="53"/>
      <c r="M1760" s="53"/>
      <c r="N1760" s="53"/>
      <c r="O1760" s="53"/>
      <c r="P1760" s="53"/>
      <c r="Q1760" s="53"/>
      <c r="R1760" s="53"/>
      <c r="S1760" s="53"/>
      <c r="T1760" s="53"/>
      <c r="U1760" s="53"/>
      <c r="V1760" s="53"/>
      <c r="W1760" s="53"/>
      <c r="X1760" s="53"/>
      <c r="Y1760" s="53"/>
      <c r="Z1760" s="53"/>
      <c r="AA1760" s="53"/>
      <c r="AB1760" s="53"/>
      <c r="AC1760" s="53"/>
      <c r="AD1760" s="53"/>
      <c r="AE1760" s="53"/>
      <c r="AF1760" s="53"/>
      <c r="AG1760" s="53"/>
      <c r="AH1760" s="53"/>
      <c r="AI1760" s="53"/>
      <c r="AJ1760" s="53"/>
      <c r="AK1760" s="53"/>
      <c r="AL1760" s="53"/>
      <c r="AM1760" s="53"/>
      <c r="AN1760" s="53"/>
      <c r="AO1760" s="53"/>
      <c r="AP1760" s="53"/>
      <c r="AQ1760" s="53"/>
      <c r="AR1760" s="53"/>
      <c r="AS1760" s="53"/>
      <c r="AT1760" s="53"/>
      <c r="AU1760" s="53"/>
      <c r="AV1760" s="53"/>
      <c r="AW1760" s="53"/>
      <c r="AX1760" s="53"/>
      <c r="AY1760" s="53"/>
      <c r="AZ1760" s="53"/>
      <c r="BA1760" s="53"/>
      <c r="BB1760" s="53"/>
      <c r="BC1760" s="53"/>
      <c r="BD1760" s="53"/>
      <c r="BE1760" s="53"/>
      <c r="BF1760" s="53"/>
      <c r="BG1760" s="53"/>
      <c r="BH1760" s="53"/>
      <c r="BI1760" s="53"/>
      <c r="BJ1760" s="53"/>
      <c r="BK1760" s="53"/>
      <c r="BL1760" s="53"/>
      <c r="BM1760" s="53"/>
      <c r="BN1760" s="53"/>
      <c r="BO1760" s="53"/>
      <c r="BP1760" s="53"/>
      <c r="BQ1760" s="53"/>
      <c r="BR1760" s="53"/>
      <c r="BS1760" s="53"/>
      <c r="BT1760" s="53"/>
      <c r="BU1760" s="53"/>
      <c r="BV1760" s="53"/>
      <c r="BW1760" s="53"/>
      <c r="BX1760" s="53"/>
      <c r="BY1760" s="53"/>
      <c r="BZ1760" s="53"/>
      <c r="CA1760" s="53"/>
      <c r="CB1760" s="53"/>
      <c r="CC1760" s="53"/>
      <c r="CD1760" s="53"/>
      <c r="CE1760" s="53"/>
      <c r="CF1760" s="53"/>
      <c r="CG1760" s="53"/>
      <c r="CH1760" s="53"/>
      <c r="CI1760" s="53"/>
      <c r="CJ1760" s="53"/>
      <c r="CK1760" s="53"/>
      <c r="CL1760" s="53"/>
      <c r="CM1760" s="53"/>
      <c r="CN1760" s="53"/>
    </row>
    <row r="1761" spans="1:92" outlineLevel="1">
      <c r="A1761" s="52" t="s">
        <v>649</v>
      </c>
      <c r="B1761" s="53">
        <v>-720000.74046040897</v>
      </c>
      <c r="C1761" s="53">
        <v>-720000.74046040897</v>
      </c>
      <c r="D1761" s="53">
        <v>-720000.74046040897</v>
      </c>
      <c r="E1761" s="53">
        <v>-720000.74046040897</v>
      </c>
      <c r="F1761" s="53">
        <v>-720000.74046040897</v>
      </c>
      <c r="G1761" s="53">
        <v>-720000.74046040897</v>
      </c>
      <c r="H1761" s="53">
        <v>-720000.74046040897</v>
      </c>
      <c r="I1761" s="53">
        <v>-720000.74046040897</v>
      </c>
      <c r="J1761" s="53">
        <v>-720000.74046040897</v>
      </c>
      <c r="K1761" s="53">
        <v>-720000.74046040897</v>
      </c>
      <c r="L1761" s="53">
        <v>-720000.74046040897</v>
      </c>
      <c r="M1761" s="53">
        <v>-720000.74046040897</v>
      </c>
      <c r="N1761" s="53">
        <v>-8640008.8855249099</v>
      </c>
      <c r="O1761" s="53">
        <v>-837739.11872719799</v>
      </c>
      <c r="P1761" s="53">
        <v>14366131.421122599</v>
      </c>
      <c r="Q1761" s="53">
        <v>6636112.9663426802</v>
      </c>
      <c r="R1761" s="53">
        <v>-17382.418596622301</v>
      </c>
      <c r="S1761" s="53">
        <v>-1320420.1621185499</v>
      </c>
      <c r="T1761" s="53">
        <v>-1222762.59542939</v>
      </c>
      <c r="U1761" s="53">
        <v>-1246933.72720965</v>
      </c>
      <c r="V1761" s="53">
        <v>-1198618.65355461</v>
      </c>
      <c r="W1761" s="53">
        <v>-816607.97157991305</v>
      </c>
      <c r="X1761" s="53">
        <v>-78969.734516533194</v>
      </c>
      <c r="Y1761" s="53"/>
      <c r="Z1761" s="53"/>
      <c r="AA1761" s="53">
        <v>14262810.005732801</v>
      </c>
      <c r="AB1761" s="53">
        <v>-159396.98351845299</v>
      </c>
      <c r="AC1761" s="53">
        <v>-7655.8406842814302</v>
      </c>
      <c r="AD1761" s="53"/>
      <c r="AE1761" s="53">
        <v>-97255.291564477404</v>
      </c>
      <c r="AF1761" s="53">
        <v>-776917.36263051303</v>
      </c>
      <c r="AG1761" s="53">
        <v>-738188.55743353197</v>
      </c>
      <c r="AH1761" s="53">
        <v>-708003.12641932396</v>
      </c>
      <c r="AI1761" s="53">
        <v>-812705.60911089601</v>
      </c>
      <c r="AJ1761" s="53">
        <v>-406740.82915997098</v>
      </c>
      <c r="AK1761" s="53">
        <v>-183173.97711180101</v>
      </c>
      <c r="AL1761" s="53">
        <v>-267465.69639317802</v>
      </c>
      <c r="AM1761" s="53"/>
      <c r="AN1761" s="53">
        <v>-4157503.27402642</v>
      </c>
      <c r="AO1761" s="53">
        <v>-31914.462826986</v>
      </c>
      <c r="AP1761" s="53">
        <v>-8623.9390217233395</v>
      </c>
      <c r="AQ1761" s="53">
        <v>-321708.75747491699</v>
      </c>
      <c r="AR1761" s="53">
        <v>-149778.38290843501</v>
      </c>
      <c r="AS1761" s="53">
        <v>-340894.52444876998</v>
      </c>
      <c r="AT1761" s="53">
        <v>-351551.61753155699</v>
      </c>
      <c r="AU1761" s="53">
        <v>-330216.15992824099</v>
      </c>
      <c r="AV1761" s="53">
        <v>-231424.09819176799</v>
      </c>
      <c r="AW1761" s="53">
        <v>-217062.36264681499</v>
      </c>
      <c r="AX1761" s="53">
        <v>-114785.01584178599</v>
      </c>
      <c r="AY1761" s="53"/>
      <c r="AZ1761" s="53"/>
      <c r="BA1761" s="53">
        <v>-2097959.32082099</v>
      </c>
      <c r="BB1761" s="53">
        <v>-54835.355413437399</v>
      </c>
      <c r="BC1761" s="53">
        <v>-5999.9016805231804</v>
      </c>
      <c r="BD1761" s="53"/>
      <c r="BE1761" s="53">
        <v>-3534.66142005345</v>
      </c>
      <c r="BF1761" s="53">
        <v>-446186.69961813401</v>
      </c>
      <c r="BG1761" s="53">
        <v>-457606.463671531</v>
      </c>
      <c r="BH1761" s="53">
        <v>-439080.89468070801</v>
      </c>
      <c r="BI1761" s="53">
        <v>-401082.65208509698</v>
      </c>
      <c r="BJ1761" s="53">
        <v>-342254.75542270602</v>
      </c>
      <c r="BK1761" s="53">
        <v>-377762.24580325698</v>
      </c>
      <c r="BL1761" s="53">
        <v>-108007.46336428</v>
      </c>
      <c r="BM1761" s="53"/>
      <c r="BN1761" s="53">
        <v>-2636351.0931597198</v>
      </c>
      <c r="BO1761" s="53">
        <v>-42811.950860384997</v>
      </c>
      <c r="BP1761" s="53">
        <v>-21507.163226604502</v>
      </c>
      <c r="BQ1761" s="53">
        <v>-201253.810403068</v>
      </c>
      <c r="BR1761" s="53">
        <v>-2741.34073271125</v>
      </c>
      <c r="BS1761" s="53">
        <v>-289003.657767025</v>
      </c>
      <c r="BT1761" s="53">
        <v>-285680.66946936602</v>
      </c>
      <c r="BU1761" s="53">
        <v>-288034.81392021099</v>
      </c>
      <c r="BV1761" s="53">
        <v>-251776.877214943</v>
      </c>
      <c r="BW1761" s="53">
        <v>-225111.941258292</v>
      </c>
      <c r="BX1761" s="53">
        <v>-167914.45636721599</v>
      </c>
      <c r="BY1761" s="53"/>
      <c r="BZ1761" s="53">
        <v>-4270.7639702566703</v>
      </c>
      <c r="CA1761" s="53">
        <v>-1780107.44519007</v>
      </c>
      <c r="CB1761" s="53"/>
      <c r="CC1761" s="53"/>
      <c r="CD1761" s="53"/>
      <c r="CE1761" s="53"/>
      <c r="CF1761" s="53"/>
      <c r="CG1761" s="53"/>
      <c r="CH1761" s="53"/>
      <c r="CI1761" s="53"/>
      <c r="CJ1761" s="53"/>
      <c r="CK1761" s="53"/>
      <c r="CL1761" s="53"/>
      <c r="CM1761" s="53"/>
      <c r="CN1761" s="53"/>
    </row>
    <row r="1762" spans="1:92" outlineLevel="1">
      <c r="A1762" s="52" t="s">
        <v>1292</v>
      </c>
      <c r="B1762" s="53"/>
      <c r="C1762" s="53"/>
      <c r="D1762" s="53"/>
      <c r="E1762" s="53"/>
      <c r="F1762" s="53"/>
      <c r="G1762" s="53"/>
      <c r="H1762" s="53"/>
      <c r="I1762" s="53"/>
      <c r="J1762" s="53"/>
      <c r="K1762" s="53"/>
      <c r="L1762" s="53"/>
      <c r="M1762" s="53"/>
      <c r="N1762" s="53"/>
      <c r="O1762" s="53"/>
      <c r="P1762" s="53"/>
      <c r="Q1762" s="53"/>
      <c r="R1762" s="53"/>
      <c r="S1762" s="53"/>
      <c r="T1762" s="53"/>
      <c r="U1762" s="53"/>
      <c r="V1762" s="53"/>
      <c r="W1762" s="53"/>
      <c r="X1762" s="53"/>
      <c r="Y1762" s="53"/>
      <c r="Z1762" s="53"/>
      <c r="AA1762" s="53"/>
      <c r="AB1762" s="53"/>
      <c r="AC1762" s="53"/>
      <c r="AD1762" s="53"/>
      <c r="AE1762" s="53"/>
      <c r="AF1762" s="53"/>
      <c r="AG1762" s="53"/>
      <c r="AH1762" s="53"/>
      <c r="AI1762" s="53"/>
      <c r="AJ1762" s="53"/>
      <c r="AK1762" s="53"/>
      <c r="AL1762" s="53"/>
      <c r="AM1762" s="53"/>
      <c r="AN1762" s="53"/>
      <c r="AO1762" s="53"/>
      <c r="AP1762" s="53"/>
      <c r="AQ1762" s="53"/>
      <c r="AR1762" s="53"/>
      <c r="AS1762" s="53"/>
      <c r="AT1762" s="53"/>
      <c r="AU1762" s="53"/>
      <c r="AV1762" s="53"/>
      <c r="AW1762" s="53"/>
      <c r="AX1762" s="53"/>
      <c r="AY1762" s="53"/>
      <c r="AZ1762" s="53"/>
      <c r="BA1762" s="53"/>
      <c r="BB1762" s="53"/>
      <c r="BC1762" s="53"/>
      <c r="BD1762" s="53"/>
      <c r="BE1762" s="53"/>
      <c r="BF1762" s="53"/>
      <c r="BG1762" s="53"/>
      <c r="BH1762" s="53"/>
      <c r="BI1762" s="53"/>
      <c r="BJ1762" s="53"/>
      <c r="BK1762" s="53"/>
      <c r="BL1762" s="53"/>
      <c r="BM1762" s="53"/>
      <c r="BN1762" s="53"/>
      <c r="BO1762" s="53"/>
      <c r="BP1762" s="53"/>
      <c r="BQ1762" s="53"/>
      <c r="BR1762" s="53"/>
      <c r="BS1762" s="53"/>
      <c r="BT1762" s="53"/>
      <c r="BU1762" s="53"/>
      <c r="BV1762" s="53"/>
      <c r="BW1762" s="53"/>
      <c r="BX1762" s="53"/>
      <c r="BY1762" s="53"/>
      <c r="BZ1762" s="53"/>
      <c r="CA1762" s="53"/>
      <c r="CB1762" s="53"/>
      <c r="CC1762" s="53"/>
      <c r="CD1762" s="53"/>
      <c r="CE1762" s="53"/>
      <c r="CF1762" s="53"/>
      <c r="CG1762" s="53"/>
      <c r="CH1762" s="53"/>
      <c r="CI1762" s="53"/>
      <c r="CJ1762" s="53"/>
      <c r="CK1762" s="53"/>
      <c r="CL1762" s="53"/>
      <c r="CM1762" s="53"/>
      <c r="CN1762" s="53"/>
    </row>
    <row r="1763" spans="1:92" outlineLevel="1">
      <c r="A1763" s="52" t="s">
        <v>649</v>
      </c>
      <c r="B1763" s="53">
        <v>228698.20629999999</v>
      </c>
      <c r="C1763" s="53">
        <v>117870.7846</v>
      </c>
      <c r="D1763" s="53">
        <v>62151.5</v>
      </c>
      <c r="E1763" s="53">
        <v>36723.769999999997</v>
      </c>
      <c r="F1763" s="53">
        <v>66655.3</v>
      </c>
      <c r="G1763" s="53">
        <v>-1206775</v>
      </c>
      <c r="H1763" s="53">
        <v>-1170593.8</v>
      </c>
      <c r="I1763" s="53">
        <v>-1213492.29999999</v>
      </c>
      <c r="J1763" s="53">
        <v>-1231131.8999999999</v>
      </c>
      <c r="K1763" s="53">
        <v>-1234847.6000000001</v>
      </c>
      <c r="L1763" s="53">
        <v>-1244708.5999999901</v>
      </c>
      <c r="M1763" s="53">
        <v>-4505441.3999999901</v>
      </c>
      <c r="N1763" s="53">
        <v>-11294891.0390999</v>
      </c>
      <c r="O1763" s="53"/>
      <c r="P1763" s="53"/>
      <c r="Q1763" s="53"/>
      <c r="R1763" s="53"/>
      <c r="S1763" s="53"/>
      <c r="T1763" s="53"/>
      <c r="U1763" s="53"/>
      <c r="V1763" s="53"/>
      <c r="W1763" s="53"/>
      <c r="X1763" s="53"/>
      <c r="Y1763" s="53"/>
      <c r="Z1763" s="53"/>
      <c r="AA1763" s="53"/>
      <c r="AB1763" s="53"/>
      <c r="AC1763" s="53"/>
      <c r="AD1763" s="53"/>
      <c r="AE1763" s="53"/>
      <c r="AF1763" s="53"/>
      <c r="AG1763" s="53"/>
      <c r="AH1763" s="53"/>
      <c r="AI1763" s="53"/>
      <c r="AJ1763" s="53"/>
      <c r="AK1763" s="53"/>
      <c r="AL1763" s="53"/>
      <c r="AM1763" s="53"/>
      <c r="AN1763" s="53"/>
      <c r="AO1763" s="53"/>
      <c r="AP1763" s="53"/>
      <c r="AQ1763" s="53"/>
      <c r="AR1763" s="53"/>
      <c r="AS1763" s="53"/>
      <c r="AT1763" s="53"/>
      <c r="AU1763" s="53"/>
      <c r="AV1763" s="53"/>
      <c r="AW1763" s="53"/>
      <c r="AX1763" s="53"/>
      <c r="AY1763" s="53"/>
      <c r="AZ1763" s="53"/>
      <c r="BA1763" s="53"/>
      <c r="BB1763" s="53"/>
      <c r="BC1763" s="53"/>
      <c r="BD1763" s="53"/>
      <c r="BE1763" s="53"/>
      <c r="BF1763" s="53"/>
      <c r="BG1763" s="53"/>
      <c r="BH1763" s="53"/>
      <c r="BI1763" s="53"/>
      <c r="BJ1763" s="53"/>
      <c r="BK1763" s="53"/>
      <c r="BL1763" s="53"/>
      <c r="BM1763" s="53"/>
      <c r="BN1763" s="53"/>
      <c r="BO1763" s="53"/>
      <c r="BP1763" s="53"/>
      <c r="BQ1763" s="53"/>
      <c r="BR1763" s="53"/>
      <c r="BS1763" s="53"/>
      <c r="BT1763" s="53"/>
      <c r="BU1763" s="53"/>
      <c r="BV1763" s="53"/>
      <c r="BW1763" s="53"/>
      <c r="BX1763" s="53"/>
      <c r="BY1763" s="53"/>
      <c r="BZ1763" s="53"/>
      <c r="CA1763" s="53"/>
      <c r="CB1763" s="53"/>
      <c r="CC1763" s="53"/>
      <c r="CD1763" s="53"/>
      <c r="CE1763" s="53"/>
      <c r="CF1763" s="53"/>
      <c r="CG1763" s="53"/>
      <c r="CH1763" s="53"/>
      <c r="CI1763" s="53"/>
      <c r="CJ1763" s="53"/>
      <c r="CK1763" s="53"/>
      <c r="CL1763" s="53"/>
      <c r="CM1763" s="53"/>
      <c r="CN1763" s="53"/>
    </row>
    <row r="1764" spans="1:92" outlineLevel="1">
      <c r="A1764" s="52" t="s">
        <v>672</v>
      </c>
      <c r="B1764" s="53"/>
      <c r="C1764" s="53"/>
      <c r="D1764" s="53"/>
      <c r="E1764" s="53"/>
      <c r="F1764" s="53"/>
      <c r="G1764" s="53"/>
      <c r="H1764" s="53"/>
      <c r="I1764" s="53"/>
      <c r="J1764" s="53"/>
      <c r="K1764" s="53"/>
      <c r="L1764" s="53"/>
      <c r="M1764" s="53"/>
      <c r="N1764" s="53"/>
      <c r="O1764" s="53"/>
      <c r="P1764" s="53"/>
      <c r="Q1764" s="53"/>
      <c r="R1764" s="53"/>
      <c r="S1764" s="53"/>
      <c r="T1764" s="53"/>
      <c r="U1764" s="53"/>
      <c r="V1764" s="53"/>
      <c r="W1764" s="53"/>
      <c r="X1764" s="53"/>
      <c r="Y1764" s="53"/>
      <c r="Z1764" s="53"/>
      <c r="AA1764" s="53"/>
      <c r="AB1764" s="53"/>
      <c r="AC1764" s="53"/>
      <c r="AD1764" s="53"/>
      <c r="AE1764" s="53"/>
      <c r="AF1764" s="53"/>
      <c r="AG1764" s="53"/>
      <c r="AH1764" s="53"/>
      <c r="AI1764" s="53"/>
      <c r="AJ1764" s="53"/>
      <c r="AK1764" s="53"/>
      <c r="AL1764" s="53"/>
      <c r="AM1764" s="53"/>
      <c r="AN1764" s="53"/>
      <c r="AO1764" s="53"/>
      <c r="AP1764" s="53"/>
      <c r="AQ1764" s="53"/>
      <c r="AR1764" s="53"/>
      <c r="AS1764" s="53"/>
      <c r="AT1764" s="53"/>
      <c r="AU1764" s="53"/>
      <c r="AV1764" s="53"/>
      <c r="AW1764" s="53"/>
      <c r="AX1764" s="53"/>
      <c r="AY1764" s="53"/>
      <c r="AZ1764" s="53"/>
      <c r="BA1764" s="53"/>
      <c r="BB1764" s="53"/>
      <c r="BC1764" s="53"/>
      <c r="BD1764" s="53"/>
      <c r="BE1764" s="53"/>
      <c r="BF1764" s="53"/>
      <c r="BG1764" s="53"/>
      <c r="BH1764" s="53"/>
      <c r="BI1764" s="53"/>
      <c r="BJ1764" s="53"/>
      <c r="BK1764" s="53"/>
      <c r="BL1764" s="53"/>
      <c r="BM1764" s="53"/>
      <c r="BN1764" s="53"/>
      <c r="BO1764" s="53"/>
      <c r="BP1764" s="53"/>
      <c r="BQ1764" s="53"/>
      <c r="BR1764" s="53"/>
      <c r="BS1764" s="53"/>
      <c r="BT1764" s="53"/>
      <c r="BU1764" s="53"/>
      <c r="BV1764" s="53"/>
      <c r="BW1764" s="53"/>
      <c r="BX1764" s="53"/>
      <c r="BY1764" s="53"/>
      <c r="BZ1764" s="53"/>
      <c r="CA1764" s="53"/>
      <c r="CB1764" s="53"/>
      <c r="CC1764" s="53"/>
      <c r="CD1764" s="53"/>
      <c r="CE1764" s="53"/>
      <c r="CF1764" s="53"/>
      <c r="CG1764" s="53"/>
      <c r="CH1764" s="53"/>
      <c r="CI1764" s="53"/>
      <c r="CJ1764" s="53"/>
      <c r="CK1764" s="53"/>
      <c r="CL1764" s="53"/>
      <c r="CM1764" s="53"/>
      <c r="CN1764" s="53"/>
    </row>
    <row r="1765" spans="1:92" outlineLevel="1">
      <c r="A1765" s="52" t="s">
        <v>673</v>
      </c>
      <c r="B1765" s="53"/>
      <c r="C1765" s="53"/>
      <c r="D1765" s="53"/>
      <c r="E1765" s="53"/>
      <c r="F1765" s="53"/>
      <c r="G1765" s="53"/>
      <c r="H1765" s="53"/>
      <c r="I1765" s="53"/>
      <c r="J1765" s="53"/>
      <c r="K1765" s="53"/>
      <c r="L1765" s="53"/>
      <c r="M1765" s="53"/>
      <c r="N1765" s="53"/>
      <c r="O1765" s="53"/>
      <c r="P1765" s="53"/>
      <c r="Q1765" s="53"/>
      <c r="R1765" s="53"/>
      <c r="S1765" s="53"/>
      <c r="T1765" s="53"/>
      <c r="U1765" s="53"/>
      <c r="V1765" s="53"/>
      <c r="W1765" s="53"/>
      <c r="X1765" s="53"/>
      <c r="Y1765" s="53"/>
      <c r="Z1765" s="53"/>
      <c r="AA1765" s="53"/>
      <c r="AB1765" s="53"/>
      <c r="AC1765" s="53"/>
      <c r="AD1765" s="53"/>
      <c r="AE1765" s="53"/>
      <c r="AF1765" s="53"/>
      <c r="AG1765" s="53"/>
      <c r="AH1765" s="53"/>
      <c r="AI1765" s="53"/>
      <c r="AJ1765" s="53"/>
      <c r="AK1765" s="53"/>
      <c r="AL1765" s="53"/>
      <c r="AM1765" s="53"/>
      <c r="AN1765" s="53"/>
      <c r="AO1765" s="53"/>
      <c r="AP1765" s="53"/>
      <c r="AQ1765" s="53"/>
      <c r="AR1765" s="53"/>
      <c r="AS1765" s="53"/>
      <c r="AT1765" s="53"/>
      <c r="AU1765" s="53"/>
      <c r="AV1765" s="53"/>
      <c r="AW1765" s="53"/>
      <c r="AX1765" s="53"/>
      <c r="AY1765" s="53"/>
      <c r="AZ1765" s="53"/>
      <c r="BA1765" s="53"/>
      <c r="BB1765" s="53"/>
      <c r="BC1765" s="53"/>
      <c r="BD1765" s="53"/>
      <c r="BE1765" s="53"/>
      <c r="BF1765" s="53"/>
      <c r="BG1765" s="53"/>
      <c r="BH1765" s="53"/>
      <c r="BI1765" s="53"/>
      <c r="BJ1765" s="53"/>
      <c r="BK1765" s="53"/>
      <c r="BL1765" s="53"/>
      <c r="BM1765" s="53"/>
      <c r="BN1765" s="53"/>
      <c r="BO1765" s="53"/>
      <c r="BP1765" s="53"/>
      <c r="BQ1765" s="53"/>
      <c r="BR1765" s="53"/>
      <c r="BS1765" s="53"/>
      <c r="BT1765" s="53"/>
      <c r="BU1765" s="53"/>
      <c r="BV1765" s="53"/>
      <c r="BW1765" s="53"/>
      <c r="BX1765" s="53"/>
      <c r="BY1765" s="53"/>
      <c r="BZ1765" s="53"/>
      <c r="CA1765" s="53"/>
      <c r="CB1765" s="53">
        <v>-770768.18246666703</v>
      </c>
      <c r="CC1765" s="53">
        <v>-770768.18246666703</v>
      </c>
      <c r="CD1765" s="53">
        <v>-770768.18246666703</v>
      </c>
      <c r="CE1765" s="53">
        <v>-770768.18246666703</v>
      </c>
      <c r="CF1765" s="53">
        <v>-770768.18246666703</v>
      </c>
      <c r="CG1765" s="53">
        <v>-770768.18246666703</v>
      </c>
      <c r="CH1765" s="53">
        <v>-770768.18246666703</v>
      </c>
      <c r="CI1765" s="53">
        <v>-770768.18246666703</v>
      </c>
      <c r="CJ1765" s="53">
        <v>-770768.18246666703</v>
      </c>
      <c r="CK1765" s="53">
        <v>-770768.18246666703</v>
      </c>
      <c r="CL1765" s="53">
        <v>-770768.18246666703</v>
      </c>
      <c r="CM1765" s="53">
        <v>-770768.18246666703</v>
      </c>
      <c r="CN1765" s="53">
        <v>-9249218.1896000002</v>
      </c>
    </row>
    <row r="1766" spans="1:92" outlineLevel="1">
      <c r="A1766" s="52" t="s">
        <v>1520</v>
      </c>
      <c r="B1766" s="53"/>
      <c r="C1766" s="53"/>
      <c r="D1766" s="53"/>
      <c r="E1766" s="53"/>
      <c r="F1766" s="53"/>
      <c r="G1766" s="53"/>
      <c r="H1766" s="53"/>
      <c r="I1766" s="53"/>
      <c r="J1766" s="53"/>
      <c r="K1766" s="53"/>
      <c r="L1766" s="53"/>
      <c r="M1766" s="53"/>
      <c r="N1766" s="53"/>
      <c r="O1766" s="53"/>
      <c r="P1766" s="53"/>
      <c r="Q1766" s="53"/>
      <c r="R1766" s="53"/>
      <c r="S1766" s="53"/>
      <c r="T1766" s="53"/>
      <c r="U1766" s="53"/>
      <c r="V1766" s="53"/>
      <c r="W1766" s="53"/>
      <c r="X1766" s="53"/>
      <c r="Y1766" s="53"/>
      <c r="Z1766" s="53"/>
      <c r="AA1766" s="53"/>
      <c r="AB1766" s="53"/>
      <c r="AC1766" s="53"/>
      <c r="AD1766" s="53"/>
      <c r="AE1766" s="53"/>
      <c r="AF1766" s="53"/>
      <c r="AG1766" s="53"/>
      <c r="AH1766" s="53"/>
      <c r="AI1766" s="53"/>
      <c r="AJ1766" s="53"/>
      <c r="AK1766" s="53"/>
      <c r="AL1766" s="53"/>
      <c r="AM1766" s="53"/>
      <c r="AN1766" s="53"/>
      <c r="AO1766" s="53"/>
      <c r="AP1766" s="53"/>
      <c r="AQ1766" s="53"/>
      <c r="AR1766" s="53"/>
      <c r="AS1766" s="53"/>
      <c r="AT1766" s="53"/>
      <c r="AU1766" s="53"/>
      <c r="AV1766" s="53"/>
      <c r="AW1766" s="53"/>
      <c r="AX1766" s="53"/>
      <c r="AY1766" s="53"/>
      <c r="AZ1766" s="53"/>
      <c r="BA1766" s="53"/>
      <c r="BB1766" s="53"/>
      <c r="BC1766" s="53"/>
      <c r="BD1766" s="53"/>
      <c r="BE1766" s="53"/>
      <c r="BF1766" s="53"/>
      <c r="BG1766" s="53"/>
      <c r="BH1766" s="53"/>
      <c r="BI1766" s="53"/>
      <c r="BJ1766" s="53"/>
      <c r="BK1766" s="53"/>
      <c r="BL1766" s="53"/>
      <c r="BM1766" s="53"/>
      <c r="BN1766" s="53"/>
      <c r="BO1766" s="53"/>
      <c r="BP1766" s="53"/>
      <c r="BQ1766" s="53"/>
      <c r="BR1766" s="53"/>
      <c r="BS1766" s="53"/>
      <c r="BT1766" s="53"/>
      <c r="BU1766" s="53"/>
      <c r="BV1766" s="53"/>
      <c r="BW1766" s="53"/>
      <c r="BX1766" s="53"/>
      <c r="BY1766" s="53"/>
      <c r="BZ1766" s="53"/>
      <c r="CA1766" s="53"/>
      <c r="CB1766" s="53"/>
      <c r="CC1766" s="53"/>
      <c r="CD1766" s="53"/>
      <c r="CE1766" s="53"/>
      <c r="CF1766" s="53"/>
      <c r="CG1766" s="53"/>
      <c r="CH1766" s="53"/>
      <c r="CI1766" s="53"/>
      <c r="CJ1766" s="53"/>
      <c r="CK1766" s="53"/>
      <c r="CL1766" s="53"/>
      <c r="CM1766" s="53"/>
      <c r="CN1766" s="53"/>
    </row>
    <row r="1767" spans="1:92" outlineLevel="1">
      <c r="A1767" s="52" t="s">
        <v>649</v>
      </c>
      <c r="B1767" s="53">
        <v>49532600</v>
      </c>
      <c r="C1767" s="53">
        <v>13701929.999999899</v>
      </c>
      <c r="D1767" s="53">
        <v>21369310</v>
      </c>
      <c r="E1767" s="53">
        <v>52134260</v>
      </c>
      <c r="F1767" s="53">
        <v>45052590</v>
      </c>
      <c r="G1767" s="53">
        <v>44743879.999999903</v>
      </c>
      <c r="H1767" s="53">
        <v>19071120</v>
      </c>
      <c r="I1767" s="53">
        <v>20102889.999999899</v>
      </c>
      <c r="J1767" s="53">
        <v>28170880</v>
      </c>
      <c r="K1767" s="53">
        <v>18342059.999999899</v>
      </c>
      <c r="L1767" s="53">
        <v>11259660</v>
      </c>
      <c r="M1767" s="53">
        <v>112475200</v>
      </c>
      <c r="N1767" s="53">
        <v>435956380</v>
      </c>
      <c r="O1767" s="53">
        <v>8142821.3115744004</v>
      </c>
      <c r="P1767" s="53">
        <v>10542594.613081099</v>
      </c>
      <c r="Q1767" s="53">
        <v>12382804.366219301</v>
      </c>
      <c r="R1767" s="53">
        <v>11098361.701905901</v>
      </c>
      <c r="S1767" s="53">
        <v>11762132.9542941</v>
      </c>
      <c r="T1767" s="53">
        <v>11477400.705452699</v>
      </c>
      <c r="U1767" s="53">
        <v>9635670.8464655001</v>
      </c>
      <c r="V1767" s="53">
        <v>9029064.0355952401</v>
      </c>
      <c r="W1767" s="53">
        <v>11223658.545841301</v>
      </c>
      <c r="X1767" s="53">
        <v>13263897.4348695</v>
      </c>
      <c r="Y1767" s="53">
        <v>12352307.531198099</v>
      </c>
      <c r="Z1767" s="53">
        <v>10205959.087228499</v>
      </c>
      <c r="AA1767" s="53">
        <v>131116673.133726</v>
      </c>
      <c r="AB1767" s="53">
        <v>9804773.6157705802</v>
      </c>
      <c r="AC1767" s="53">
        <v>11457866.700318901</v>
      </c>
      <c r="AD1767" s="53">
        <v>12269556.206738301</v>
      </c>
      <c r="AE1767" s="53">
        <v>12060435.753611101</v>
      </c>
      <c r="AF1767" s="53">
        <v>11069931.3451088</v>
      </c>
      <c r="AG1767" s="53">
        <v>11001107.4155141</v>
      </c>
      <c r="AH1767" s="53">
        <v>11220203.889342999</v>
      </c>
      <c r="AI1767" s="53">
        <v>11976627.673650401</v>
      </c>
      <c r="AJ1767" s="53">
        <v>10418595.9307463</v>
      </c>
      <c r="AK1767" s="53">
        <v>10217570.536063701</v>
      </c>
      <c r="AL1767" s="53">
        <v>10304266.1630976</v>
      </c>
      <c r="AM1767" s="53">
        <v>10060591.749775</v>
      </c>
      <c r="AN1767" s="53">
        <v>131861526.979738</v>
      </c>
      <c r="AO1767" s="53">
        <v>10271988.5360114</v>
      </c>
      <c r="AP1767" s="53">
        <v>11260268.9555362</v>
      </c>
      <c r="AQ1767" s="53">
        <v>11471264.2898903</v>
      </c>
      <c r="AR1767" s="53">
        <v>11315478.882906999</v>
      </c>
      <c r="AS1767" s="53">
        <v>10252062.4524568</v>
      </c>
      <c r="AT1767" s="53">
        <v>10153830.120303901</v>
      </c>
      <c r="AU1767" s="53">
        <v>10432124.804749301</v>
      </c>
      <c r="AV1767" s="53">
        <v>11287751.379008001</v>
      </c>
      <c r="AW1767" s="53">
        <v>9949482.9827644303</v>
      </c>
      <c r="AX1767" s="53">
        <v>9790420.6641364004</v>
      </c>
      <c r="AY1767" s="53">
        <v>10141600.451407099</v>
      </c>
      <c r="AZ1767" s="53">
        <v>9355186.5776413698</v>
      </c>
      <c r="BA1767" s="53">
        <v>125681460.09681199</v>
      </c>
      <c r="BB1767" s="53">
        <v>9717895.3637301996</v>
      </c>
      <c r="BC1767" s="53">
        <v>10706400.1599728</v>
      </c>
      <c r="BD1767" s="53">
        <v>10917200.7646276</v>
      </c>
      <c r="BE1767" s="53">
        <v>10761343.194166301</v>
      </c>
      <c r="BF1767" s="53">
        <v>9697937.8399923593</v>
      </c>
      <c r="BG1767" s="53">
        <v>9599833.4168414008</v>
      </c>
      <c r="BH1767" s="53">
        <v>9878150.8865057696</v>
      </c>
      <c r="BI1767" s="53">
        <v>10733979.9137883</v>
      </c>
      <c r="BJ1767" s="53">
        <v>9395379.2524781693</v>
      </c>
      <c r="BK1767" s="53">
        <v>9236278.0370073505</v>
      </c>
      <c r="BL1767" s="53">
        <v>9587493.2421651501</v>
      </c>
      <c r="BM1767" s="53">
        <v>8801018.5987963006</v>
      </c>
      <c r="BN1767" s="53">
        <v>119032910.67007101</v>
      </c>
      <c r="BO1767" s="53">
        <v>9971080.1865897309</v>
      </c>
      <c r="BP1767" s="53">
        <v>10966796.9221568</v>
      </c>
      <c r="BQ1767" s="53">
        <v>11171338.5049794</v>
      </c>
      <c r="BR1767" s="53">
        <v>11013161.4486541</v>
      </c>
      <c r="BS1767" s="53">
        <v>9950112.1092787795</v>
      </c>
      <c r="BT1767" s="53">
        <v>9856118.9503013194</v>
      </c>
      <c r="BU1767" s="53">
        <v>10135168.7847954</v>
      </c>
      <c r="BV1767" s="53">
        <v>10997505.077798501</v>
      </c>
      <c r="BW1767" s="53">
        <v>9648224.7188650705</v>
      </c>
      <c r="BX1767" s="53">
        <v>9487873.2771101091</v>
      </c>
      <c r="BY1767" s="53">
        <v>9840226.8876015507</v>
      </c>
      <c r="BZ1767" s="53">
        <v>9051798.4097553305</v>
      </c>
      <c r="CA1767" s="53">
        <v>122089405.277886</v>
      </c>
      <c r="CB1767" s="53">
        <v>-317982.89999999898</v>
      </c>
      <c r="CC1767" s="53">
        <v>-317982.89999999898</v>
      </c>
      <c r="CD1767" s="53">
        <v>-317982.89999999898</v>
      </c>
      <c r="CE1767" s="53">
        <v>-317982.89999999898</v>
      </c>
      <c r="CF1767" s="53">
        <v>-317982.89999999898</v>
      </c>
      <c r="CG1767" s="53">
        <v>-317982.89999999898</v>
      </c>
      <c r="CH1767" s="53">
        <v>-317982.89999999898</v>
      </c>
      <c r="CI1767" s="53">
        <v>-317982.89999999898</v>
      </c>
      <c r="CJ1767" s="53">
        <v>-317982.89999999898</v>
      </c>
      <c r="CK1767" s="53">
        <v>-317982.89999999898</v>
      </c>
      <c r="CL1767" s="53">
        <v>-317982.89999999898</v>
      </c>
      <c r="CM1767" s="53">
        <v>-317982.89999999898</v>
      </c>
      <c r="CN1767" s="53">
        <v>-3815794.8</v>
      </c>
    </row>
    <row r="1768" spans="1:92" outlineLevel="1">
      <c r="A1768" s="52" t="s">
        <v>1384</v>
      </c>
      <c r="B1768" s="53"/>
      <c r="C1768" s="53"/>
      <c r="D1768" s="53"/>
      <c r="E1768" s="53"/>
      <c r="F1768" s="53"/>
      <c r="G1768" s="53"/>
      <c r="H1768" s="53"/>
      <c r="I1768" s="53"/>
      <c r="J1768" s="53"/>
      <c r="K1768" s="53"/>
      <c r="L1768" s="53"/>
      <c r="M1768" s="53"/>
      <c r="N1768" s="53"/>
      <c r="O1768" s="53"/>
      <c r="P1768" s="53"/>
      <c r="Q1768" s="53"/>
      <c r="R1768" s="53"/>
      <c r="S1768" s="53"/>
      <c r="T1768" s="53"/>
      <c r="U1768" s="53"/>
      <c r="V1768" s="53"/>
      <c r="W1768" s="53"/>
      <c r="X1768" s="53"/>
      <c r="Y1768" s="53"/>
      <c r="Z1768" s="53"/>
      <c r="AA1768" s="53"/>
      <c r="AB1768" s="53"/>
      <c r="AC1768" s="53"/>
      <c r="AD1768" s="53"/>
      <c r="AE1768" s="53"/>
      <c r="AF1768" s="53"/>
      <c r="AG1768" s="53"/>
      <c r="AH1768" s="53"/>
      <c r="AI1768" s="53"/>
      <c r="AJ1768" s="53"/>
      <c r="AK1768" s="53"/>
      <c r="AL1768" s="53"/>
      <c r="AM1768" s="53"/>
      <c r="AN1768" s="53"/>
      <c r="AO1768" s="53"/>
      <c r="AP1768" s="53"/>
      <c r="AQ1768" s="53"/>
      <c r="AR1768" s="53"/>
      <c r="AS1768" s="53"/>
      <c r="AT1768" s="53"/>
      <c r="AU1768" s="53"/>
      <c r="AV1768" s="53"/>
      <c r="AW1768" s="53"/>
      <c r="AX1768" s="53"/>
      <c r="AY1768" s="53"/>
      <c r="AZ1768" s="53"/>
      <c r="BA1768" s="53"/>
      <c r="BB1768" s="53"/>
      <c r="BC1768" s="53"/>
      <c r="BD1768" s="53"/>
      <c r="BE1768" s="53"/>
      <c r="BF1768" s="53"/>
      <c r="BG1768" s="53"/>
      <c r="BH1768" s="53"/>
      <c r="BI1768" s="53"/>
      <c r="BJ1768" s="53"/>
      <c r="BK1768" s="53"/>
      <c r="BL1768" s="53"/>
      <c r="BM1768" s="53"/>
      <c r="BN1768" s="53"/>
      <c r="BO1768" s="53"/>
      <c r="BP1768" s="53"/>
      <c r="BQ1768" s="53"/>
      <c r="BR1768" s="53"/>
      <c r="BS1768" s="53"/>
      <c r="BT1768" s="53"/>
      <c r="BU1768" s="53"/>
      <c r="BV1768" s="53"/>
      <c r="BW1768" s="53"/>
      <c r="BX1768" s="53"/>
      <c r="BY1768" s="53"/>
      <c r="BZ1768" s="53"/>
      <c r="CA1768" s="53"/>
      <c r="CB1768" s="53"/>
      <c r="CC1768" s="53"/>
      <c r="CD1768" s="53"/>
      <c r="CE1768" s="53"/>
      <c r="CF1768" s="53"/>
      <c r="CG1768" s="53"/>
      <c r="CH1768" s="53"/>
      <c r="CI1768" s="53"/>
      <c r="CJ1768" s="53"/>
      <c r="CK1768" s="53"/>
      <c r="CL1768" s="53"/>
      <c r="CM1768" s="53"/>
      <c r="CN1768" s="53"/>
    </row>
    <row r="1769" spans="1:92" outlineLevel="1">
      <c r="A1769" s="52" t="s">
        <v>649</v>
      </c>
      <c r="B1769" s="53">
        <v>-554610</v>
      </c>
      <c r="C1769" s="53">
        <v>-39360</v>
      </c>
      <c r="D1769" s="53">
        <v>-7627280</v>
      </c>
      <c r="E1769" s="53">
        <v>-1365350</v>
      </c>
      <c r="F1769" s="53">
        <v>-71813500</v>
      </c>
      <c r="G1769" s="53">
        <v>-2731740</v>
      </c>
      <c r="H1769" s="53">
        <v>-167029.99999999901</v>
      </c>
      <c r="I1769" s="53">
        <v>-253980</v>
      </c>
      <c r="J1769" s="53">
        <v>-608110</v>
      </c>
      <c r="K1769" s="53">
        <v>-54719770</v>
      </c>
      <c r="L1769" s="53">
        <v>-2525649.9999999902</v>
      </c>
      <c r="M1769" s="53">
        <v>6910090</v>
      </c>
      <c r="N1769" s="53">
        <v>-135496290</v>
      </c>
      <c r="O1769" s="53"/>
      <c r="P1769" s="53"/>
      <c r="Q1769" s="53"/>
      <c r="R1769" s="53"/>
      <c r="S1769" s="53"/>
      <c r="T1769" s="53"/>
      <c r="U1769" s="53"/>
      <c r="V1769" s="53"/>
      <c r="W1769" s="53"/>
      <c r="X1769" s="53"/>
      <c r="Y1769" s="53"/>
      <c r="Z1769" s="53"/>
      <c r="AA1769" s="53"/>
      <c r="AB1769" s="53"/>
      <c r="AC1769" s="53"/>
      <c r="AD1769" s="53"/>
      <c r="AE1769" s="53"/>
      <c r="AF1769" s="53"/>
      <c r="AG1769" s="53"/>
      <c r="AH1769" s="53"/>
      <c r="AI1769" s="53"/>
      <c r="AJ1769" s="53"/>
      <c r="AK1769" s="53"/>
      <c r="AL1769" s="53"/>
      <c r="AM1769" s="53"/>
      <c r="AN1769" s="53"/>
      <c r="AO1769" s="53"/>
      <c r="AP1769" s="53"/>
      <c r="AQ1769" s="53"/>
      <c r="AR1769" s="53"/>
      <c r="AS1769" s="53"/>
      <c r="AT1769" s="53"/>
      <c r="AU1769" s="53"/>
      <c r="AV1769" s="53"/>
      <c r="AW1769" s="53"/>
      <c r="AX1769" s="53"/>
      <c r="AY1769" s="53"/>
      <c r="AZ1769" s="53"/>
      <c r="BA1769" s="53"/>
      <c r="BB1769" s="53"/>
      <c r="BC1769" s="53"/>
      <c r="BD1769" s="53"/>
      <c r="BE1769" s="53"/>
      <c r="BF1769" s="53"/>
      <c r="BG1769" s="53"/>
      <c r="BH1769" s="53"/>
      <c r="BI1769" s="53"/>
      <c r="BJ1769" s="53"/>
      <c r="BK1769" s="53"/>
      <c r="BL1769" s="53"/>
      <c r="BM1769" s="53"/>
      <c r="BN1769" s="53"/>
      <c r="BO1769" s="53"/>
      <c r="BP1769" s="53"/>
      <c r="BQ1769" s="53"/>
      <c r="BR1769" s="53"/>
      <c r="BS1769" s="53"/>
      <c r="BT1769" s="53"/>
      <c r="BU1769" s="53"/>
      <c r="BV1769" s="53"/>
      <c r="BW1769" s="53"/>
      <c r="BX1769" s="53"/>
      <c r="BY1769" s="53"/>
      <c r="BZ1769" s="53"/>
      <c r="CA1769" s="53"/>
      <c r="CB1769" s="53"/>
      <c r="CC1769" s="53"/>
      <c r="CD1769" s="53"/>
      <c r="CE1769" s="53"/>
      <c r="CF1769" s="53"/>
      <c r="CG1769" s="53"/>
      <c r="CH1769" s="53"/>
      <c r="CI1769" s="53"/>
      <c r="CJ1769" s="53"/>
      <c r="CK1769" s="53"/>
      <c r="CL1769" s="53"/>
      <c r="CM1769" s="53"/>
      <c r="CN1769" s="53"/>
    </row>
    <row r="1770" spans="1:92" outlineLevel="1">
      <c r="A1770" s="52" t="s">
        <v>769</v>
      </c>
      <c r="B1770" s="53"/>
      <c r="C1770" s="53"/>
      <c r="D1770" s="53"/>
      <c r="E1770" s="53"/>
      <c r="F1770" s="53"/>
      <c r="G1770" s="53"/>
      <c r="H1770" s="53"/>
      <c r="I1770" s="53"/>
      <c r="J1770" s="53"/>
      <c r="K1770" s="53"/>
      <c r="L1770" s="53"/>
      <c r="M1770" s="53"/>
      <c r="N1770" s="53"/>
      <c r="O1770" s="53"/>
      <c r="P1770" s="53"/>
      <c r="Q1770" s="53"/>
      <c r="R1770" s="53"/>
      <c r="S1770" s="53"/>
      <c r="T1770" s="53"/>
      <c r="U1770" s="53"/>
      <c r="V1770" s="53"/>
      <c r="W1770" s="53"/>
      <c r="X1770" s="53"/>
      <c r="Y1770" s="53"/>
      <c r="Z1770" s="53"/>
      <c r="AA1770" s="53"/>
      <c r="AB1770" s="53"/>
      <c r="AC1770" s="53"/>
      <c r="AD1770" s="53"/>
      <c r="AE1770" s="53"/>
      <c r="AF1770" s="53"/>
      <c r="AG1770" s="53"/>
      <c r="AH1770" s="53"/>
      <c r="AI1770" s="53"/>
      <c r="AJ1770" s="53"/>
      <c r="AK1770" s="53"/>
      <c r="AL1770" s="53"/>
      <c r="AM1770" s="53"/>
      <c r="AN1770" s="53"/>
      <c r="AO1770" s="53"/>
      <c r="AP1770" s="53"/>
      <c r="AQ1770" s="53"/>
      <c r="AR1770" s="53"/>
      <c r="AS1770" s="53"/>
      <c r="AT1770" s="53"/>
      <c r="AU1770" s="53"/>
      <c r="AV1770" s="53"/>
      <c r="AW1770" s="53"/>
      <c r="AX1770" s="53"/>
      <c r="AY1770" s="53"/>
      <c r="AZ1770" s="53"/>
      <c r="BA1770" s="53"/>
      <c r="BB1770" s="53"/>
      <c r="BC1770" s="53"/>
      <c r="BD1770" s="53"/>
      <c r="BE1770" s="53"/>
      <c r="BF1770" s="53"/>
      <c r="BG1770" s="53"/>
      <c r="BH1770" s="53"/>
      <c r="BI1770" s="53"/>
      <c r="BJ1770" s="53"/>
      <c r="BK1770" s="53"/>
      <c r="BL1770" s="53"/>
      <c r="BM1770" s="53"/>
      <c r="BN1770" s="53"/>
      <c r="BO1770" s="53"/>
      <c r="BP1770" s="53"/>
      <c r="BQ1770" s="53"/>
      <c r="BR1770" s="53"/>
      <c r="BS1770" s="53"/>
      <c r="BT1770" s="53"/>
      <c r="BU1770" s="53"/>
      <c r="BV1770" s="53"/>
      <c r="BW1770" s="53"/>
      <c r="BX1770" s="53"/>
      <c r="BY1770" s="53"/>
      <c r="BZ1770" s="53"/>
      <c r="CA1770" s="53"/>
      <c r="CB1770" s="53"/>
      <c r="CC1770" s="53"/>
      <c r="CD1770" s="53"/>
      <c r="CE1770" s="53"/>
      <c r="CF1770" s="53"/>
      <c r="CG1770" s="53"/>
      <c r="CH1770" s="53"/>
      <c r="CI1770" s="53"/>
      <c r="CJ1770" s="53"/>
      <c r="CK1770" s="53"/>
      <c r="CL1770" s="53"/>
      <c r="CM1770" s="53"/>
      <c r="CN1770" s="53"/>
    </row>
    <row r="1771" spans="1:92" outlineLevel="1">
      <c r="A1771" s="52" t="s">
        <v>770</v>
      </c>
      <c r="B1771" s="53"/>
      <c r="C1771" s="53"/>
      <c r="D1771" s="53"/>
      <c r="E1771" s="53"/>
      <c r="F1771" s="53"/>
      <c r="G1771" s="53"/>
      <c r="H1771" s="53"/>
      <c r="I1771" s="53"/>
      <c r="J1771" s="53"/>
      <c r="K1771" s="53"/>
      <c r="L1771" s="53"/>
      <c r="M1771" s="53"/>
      <c r="N1771" s="53"/>
      <c r="O1771" s="53"/>
      <c r="P1771" s="53"/>
      <c r="Q1771" s="53"/>
      <c r="R1771" s="53"/>
      <c r="S1771" s="53"/>
      <c r="T1771" s="53"/>
      <c r="U1771" s="53"/>
      <c r="V1771" s="53"/>
      <c r="W1771" s="53"/>
      <c r="X1771" s="53"/>
      <c r="Y1771" s="53"/>
      <c r="Z1771" s="53"/>
      <c r="AA1771" s="53"/>
      <c r="AB1771" s="53"/>
      <c r="AC1771" s="53"/>
      <c r="AD1771" s="53"/>
      <c r="AE1771" s="53"/>
      <c r="AF1771" s="53"/>
      <c r="AG1771" s="53"/>
      <c r="AH1771" s="53"/>
      <c r="AI1771" s="53"/>
      <c r="AJ1771" s="53"/>
      <c r="AK1771" s="53"/>
      <c r="AL1771" s="53"/>
      <c r="AM1771" s="53"/>
      <c r="AN1771" s="53"/>
      <c r="AO1771" s="53"/>
      <c r="AP1771" s="53"/>
      <c r="AQ1771" s="53"/>
      <c r="AR1771" s="53"/>
      <c r="AS1771" s="53"/>
      <c r="AT1771" s="53"/>
      <c r="AU1771" s="53"/>
      <c r="AV1771" s="53"/>
      <c r="AW1771" s="53"/>
      <c r="AX1771" s="53"/>
      <c r="AY1771" s="53"/>
      <c r="AZ1771" s="53"/>
      <c r="BA1771" s="53"/>
      <c r="BB1771" s="53"/>
      <c r="BC1771" s="53"/>
      <c r="BD1771" s="53"/>
      <c r="BE1771" s="53"/>
      <c r="BF1771" s="53"/>
      <c r="BG1771" s="53"/>
      <c r="BH1771" s="53"/>
      <c r="BI1771" s="53"/>
      <c r="BJ1771" s="53"/>
      <c r="BK1771" s="53"/>
      <c r="BL1771" s="53"/>
      <c r="BM1771" s="53"/>
      <c r="BN1771" s="53"/>
      <c r="BO1771" s="53"/>
      <c r="BP1771" s="53"/>
      <c r="BQ1771" s="53"/>
      <c r="BR1771" s="53"/>
      <c r="BS1771" s="53"/>
      <c r="BT1771" s="53"/>
      <c r="BU1771" s="53"/>
      <c r="BV1771" s="53"/>
      <c r="BW1771" s="53"/>
      <c r="BX1771" s="53"/>
      <c r="BY1771" s="53"/>
      <c r="BZ1771" s="53"/>
      <c r="CA1771" s="53"/>
      <c r="CB1771" s="53">
        <v>-89506</v>
      </c>
      <c r="CC1771" s="53">
        <v>-89506</v>
      </c>
      <c r="CD1771" s="53">
        <v>-89506</v>
      </c>
      <c r="CE1771" s="53">
        <v>-89506</v>
      </c>
      <c r="CF1771" s="53">
        <v>-89506</v>
      </c>
      <c r="CG1771" s="53">
        <v>-89506</v>
      </c>
      <c r="CH1771" s="53">
        <v>-89506</v>
      </c>
      <c r="CI1771" s="53">
        <v>-89506</v>
      </c>
      <c r="CJ1771" s="53">
        <v>-89506</v>
      </c>
      <c r="CK1771" s="53">
        <v>-89506</v>
      </c>
      <c r="CL1771" s="53">
        <v>-89506</v>
      </c>
      <c r="CM1771" s="53">
        <v>-89506</v>
      </c>
      <c r="CN1771" s="53">
        <v>-1074072</v>
      </c>
    </row>
    <row r="1772" spans="1:92" outlineLevel="1">
      <c r="A1772" s="52" t="s">
        <v>649</v>
      </c>
      <c r="B1772" s="53">
        <v>56613493.259999998</v>
      </c>
      <c r="C1772" s="53">
        <v>47825393.969999999</v>
      </c>
      <c r="D1772" s="53">
        <v>44538790.159999996</v>
      </c>
      <c r="E1772" s="53">
        <v>28822708.6599999</v>
      </c>
      <c r="F1772" s="53">
        <v>24885311.41</v>
      </c>
      <c r="G1772" s="53">
        <v>22769660.129999999</v>
      </c>
      <c r="H1772" s="53">
        <v>37141707.170000002</v>
      </c>
      <c r="I1772" s="53">
        <v>35851667.979999997</v>
      </c>
      <c r="J1772" s="53">
        <v>40295825.060000002</v>
      </c>
      <c r="K1772" s="53">
        <v>29914819.489999998</v>
      </c>
      <c r="L1772" s="53">
        <v>10856786.35</v>
      </c>
      <c r="M1772" s="53">
        <v>4020351.59</v>
      </c>
      <c r="N1772" s="53">
        <v>383536515.23000002</v>
      </c>
      <c r="O1772" s="53">
        <v>6484847.9900000002</v>
      </c>
      <c r="P1772" s="53">
        <v>5555935.4699999997</v>
      </c>
      <c r="Q1772" s="53">
        <v>10361733.09</v>
      </c>
      <c r="R1772" s="53">
        <v>3442406.19</v>
      </c>
      <c r="S1772" s="53">
        <v>19680039.010000002</v>
      </c>
      <c r="T1772" s="53">
        <v>21630294.1599999</v>
      </c>
      <c r="U1772" s="53">
        <v>26251780.309999999</v>
      </c>
      <c r="V1772" s="53">
        <v>26420150.210000001</v>
      </c>
      <c r="W1772" s="53">
        <v>23537547.07</v>
      </c>
      <c r="X1772" s="53">
        <v>16098354.7999999</v>
      </c>
      <c r="Y1772" s="53">
        <v>13872146.369999999</v>
      </c>
      <c r="Z1772" s="53">
        <v>7963172.8099999903</v>
      </c>
      <c r="AA1772" s="53">
        <v>181298407.47999999</v>
      </c>
      <c r="AB1772" s="53">
        <v>5728202.5699999901</v>
      </c>
      <c r="AC1772" s="53">
        <v>3210094.7699999898</v>
      </c>
      <c r="AD1772" s="53">
        <v>1538372.26999999</v>
      </c>
      <c r="AE1772" s="53">
        <v>8314765.3200000003</v>
      </c>
      <c r="AF1772" s="53">
        <v>19365393</v>
      </c>
      <c r="AG1772" s="53">
        <v>20069279.859999999</v>
      </c>
      <c r="AH1772" s="53">
        <v>23835975.329999998</v>
      </c>
      <c r="AI1772" s="53">
        <v>27905530.800000001</v>
      </c>
      <c r="AJ1772" s="53">
        <v>19972074.969999999</v>
      </c>
      <c r="AK1772" s="53">
        <v>16272585.4599999</v>
      </c>
      <c r="AL1772" s="53">
        <v>11444636.060000001</v>
      </c>
      <c r="AM1772" s="53">
        <v>4789635.57</v>
      </c>
      <c r="AN1772" s="53">
        <v>162446545.97999999</v>
      </c>
      <c r="AO1772" s="53">
        <v>5576383.21</v>
      </c>
      <c r="AP1772" s="53">
        <v>4011587.47</v>
      </c>
      <c r="AQ1772" s="53">
        <v>9666392.5399999991</v>
      </c>
      <c r="AR1772" s="53">
        <v>6179840.1799999997</v>
      </c>
      <c r="AS1772" s="53">
        <v>8819494.9399999995</v>
      </c>
      <c r="AT1772" s="53">
        <v>9532164.6199999992</v>
      </c>
      <c r="AU1772" s="53">
        <v>14918590.849999901</v>
      </c>
      <c r="AV1772" s="53">
        <v>21156870.030000001</v>
      </c>
      <c r="AW1772" s="53">
        <v>17099196.669999901</v>
      </c>
      <c r="AX1772" s="53">
        <v>13315042.699999999</v>
      </c>
      <c r="AY1772" s="53">
        <v>7239552.1799999997</v>
      </c>
      <c r="AZ1772" s="53">
        <v>3496446.96</v>
      </c>
      <c r="BA1772" s="53">
        <v>121011562.34999999</v>
      </c>
      <c r="BB1772" s="53">
        <v>6311320.7800000003</v>
      </c>
      <c r="BC1772" s="53">
        <v>4349404.99</v>
      </c>
      <c r="BD1772" s="53">
        <v>4862191.16</v>
      </c>
      <c r="BE1772" s="53">
        <v>5039601.68</v>
      </c>
      <c r="BF1772" s="53">
        <v>13518226.08</v>
      </c>
      <c r="BG1772" s="53">
        <v>15583061.09</v>
      </c>
      <c r="BH1772" s="53">
        <v>19285200.839999899</v>
      </c>
      <c r="BI1772" s="53">
        <v>22149230.469999999</v>
      </c>
      <c r="BJ1772" s="53">
        <v>18530791.199999999</v>
      </c>
      <c r="BK1772" s="53">
        <v>20243452.300000001</v>
      </c>
      <c r="BL1772" s="53">
        <v>11746712.27</v>
      </c>
      <c r="BM1772" s="53">
        <v>5258108.5599999996</v>
      </c>
      <c r="BN1772" s="53">
        <v>146877301.41999999</v>
      </c>
      <c r="BO1772" s="53">
        <v>6272379.7000000002</v>
      </c>
      <c r="BP1772" s="53">
        <v>4007192.75</v>
      </c>
      <c r="BQ1772" s="53">
        <v>8688162.2300000004</v>
      </c>
      <c r="BR1772" s="53">
        <v>5955970.6399999997</v>
      </c>
      <c r="BS1772" s="53">
        <v>14343028.7099999</v>
      </c>
      <c r="BT1772" s="53">
        <v>17968877.059999999</v>
      </c>
      <c r="BU1772" s="53">
        <v>19637064.370000001</v>
      </c>
      <c r="BV1772" s="53">
        <v>21289464.829999998</v>
      </c>
      <c r="BW1772" s="53">
        <v>17732063.300000001</v>
      </c>
      <c r="BX1772" s="53">
        <v>15785682.439999999</v>
      </c>
      <c r="BY1772" s="53">
        <v>4819984.8199999901</v>
      </c>
      <c r="BZ1772" s="53">
        <v>4782938.5</v>
      </c>
      <c r="CA1772" s="53">
        <v>141282809.34999999</v>
      </c>
      <c r="CB1772" s="53"/>
      <c r="CC1772" s="53"/>
      <c r="CD1772" s="53"/>
      <c r="CE1772" s="53"/>
      <c r="CF1772" s="53"/>
      <c r="CG1772" s="53"/>
      <c r="CH1772" s="53"/>
      <c r="CI1772" s="53"/>
      <c r="CJ1772" s="53"/>
      <c r="CK1772" s="53"/>
      <c r="CL1772" s="53"/>
      <c r="CM1772" s="53"/>
      <c r="CN1772" s="53"/>
    </row>
    <row r="1773" spans="1:92" outlineLevel="1">
      <c r="A1773" s="52" t="s">
        <v>771</v>
      </c>
      <c r="B1773" s="53"/>
      <c r="C1773" s="53"/>
      <c r="D1773" s="53"/>
      <c r="E1773" s="53"/>
      <c r="F1773" s="53"/>
      <c r="G1773" s="53"/>
      <c r="H1773" s="53"/>
      <c r="I1773" s="53"/>
      <c r="J1773" s="53"/>
      <c r="K1773" s="53"/>
      <c r="L1773" s="53"/>
      <c r="M1773" s="53"/>
      <c r="N1773" s="53"/>
      <c r="O1773" s="53"/>
      <c r="P1773" s="53"/>
      <c r="Q1773" s="53"/>
      <c r="R1773" s="53"/>
      <c r="S1773" s="53"/>
      <c r="T1773" s="53"/>
      <c r="U1773" s="53"/>
      <c r="V1773" s="53"/>
      <c r="W1773" s="53"/>
      <c r="X1773" s="53"/>
      <c r="Y1773" s="53"/>
      <c r="Z1773" s="53"/>
      <c r="AA1773" s="53"/>
      <c r="AB1773" s="53"/>
      <c r="AC1773" s="53"/>
      <c r="AD1773" s="53"/>
      <c r="AE1773" s="53"/>
      <c r="AF1773" s="53"/>
      <c r="AG1773" s="53"/>
      <c r="AH1773" s="53"/>
      <c r="AI1773" s="53"/>
      <c r="AJ1773" s="53"/>
      <c r="AK1773" s="53"/>
      <c r="AL1773" s="53"/>
      <c r="AM1773" s="53"/>
      <c r="AN1773" s="53"/>
      <c r="AO1773" s="53"/>
      <c r="AP1773" s="53"/>
      <c r="AQ1773" s="53"/>
      <c r="AR1773" s="53"/>
      <c r="AS1773" s="53"/>
      <c r="AT1773" s="53"/>
      <c r="AU1773" s="53"/>
      <c r="AV1773" s="53"/>
      <c r="AW1773" s="53"/>
      <c r="AX1773" s="53"/>
      <c r="AY1773" s="53"/>
      <c r="AZ1773" s="53"/>
      <c r="BA1773" s="53"/>
      <c r="BB1773" s="53"/>
      <c r="BC1773" s="53"/>
      <c r="BD1773" s="53"/>
      <c r="BE1773" s="53"/>
      <c r="BF1773" s="53"/>
      <c r="BG1773" s="53"/>
      <c r="BH1773" s="53"/>
      <c r="BI1773" s="53"/>
      <c r="BJ1773" s="53"/>
      <c r="BK1773" s="53"/>
      <c r="BL1773" s="53"/>
      <c r="BM1773" s="53"/>
      <c r="BN1773" s="53"/>
      <c r="BO1773" s="53"/>
      <c r="BP1773" s="53"/>
      <c r="BQ1773" s="53"/>
      <c r="BR1773" s="53"/>
      <c r="BS1773" s="53"/>
      <c r="BT1773" s="53"/>
      <c r="BU1773" s="53"/>
      <c r="BV1773" s="53"/>
      <c r="BW1773" s="53"/>
      <c r="BX1773" s="53"/>
      <c r="BY1773" s="53"/>
      <c r="BZ1773" s="53"/>
      <c r="CA1773" s="53"/>
      <c r="CB1773" s="53">
        <v>-9640000</v>
      </c>
      <c r="CC1773" s="53">
        <v>-9640000</v>
      </c>
      <c r="CD1773" s="53">
        <v>-9640000</v>
      </c>
      <c r="CE1773" s="53">
        <v>-9640000</v>
      </c>
      <c r="CF1773" s="53">
        <v>-9640000</v>
      </c>
      <c r="CG1773" s="53">
        <v>-9640000</v>
      </c>
      <c r="CH1773" s="53">
        <v>-9640000</v>
      </c>
      <c r="CI1773" s="53">
        <v>-9640000</v>
      </c>
      <c r="CJ1773" s="53">
        <v>-9640000</v>
      </c>
      <c r="CK1773" s="53">
        <v>-9640000</v>
      </c>
      <c r="CL1773" s="53">
        <v>-9640000</v>
      </c>
      <c r="CM1773" s="53">
        <v>-9640000</v>
      </c>
      <c r="CN1773" s="53">
        <v>-115680000</v>
      </c>
    </row>
    <row r="1774" spans="1:92">
      <c r="A1774" s="52" t="s">
        <v>649</v>
      </c>
      <c r="B1774" s="53">
        <v>3789809.94</v>
      </c>
      <c r="C1774" s="53">
        <v>3422268.28</v>
      </c>
      <c r="D1774" s="53">
        <v>3143837.66</v>
      </c>
      <c r="E1774" s="53">
        <v>2093543.46</v>
      </c>
      <c r="F1774" s="53">
        <v>3503076.71999999</v>
      </c>
      <c r="G1774" s="53">
        <v>4028055.1799999899</v>
      </c>
      <c r="H1774" s="53">
        <v>5073254.49</v>
      </c>
      <c r="I1774" s="53">
        <v>5742731.75</v>
      </c>
      <c r="J1774" s="53">
        <v>4862843.8</v>
      </c>
      <c r="K1774" s="53">
        <v>2830850.48</v>
      </c>
      <c r="L1774" s="53">
        <v>4178068.13</v>
      </c>
      <c r="M1774" s="53">
        <v>4837041.5599999996</v>
      </c>
      <c r="N1774" s="53">
        <v>47505381.450000003</v>
      </c>
      <c r="O1774" s="53">
        <v>5141844.54</v>
      </c>
      <c r="P1774" s="53">
        <v>4855313.92</v>
      </c>
      <c r="Q1774" s="53">
        <v>4357533.95</v>
      </c>
      <c r="R1774" s="53">
        <v>2534368.79</v>
      </c>
      <c r="S1774" s="53">
        <v>2700229.93</v>
      </c>
      <c r="T1774" s="53">
        <v>2893365.16</v>
      </c>
      <c r="U1774" s="53">
        <v>2752843.91</v>
      </c>
      <c r="V1774" s="53">
        <v>2924244.46</v>
      </c>
      <c r="W1774" s="53">
        <v>2795109.63</v>
      </c>
      <c r="X1774" s="53">
        <v>2153144.7000000002</v>
      </c>
      <c r="Y1774" s="53">
        <v>5013419.0599999996</v>
      </c>
      <c r="Z1774" s="53">
        <v>5546676.7599999998</v>
      </c>
      <c r="AA1774" s="53">
        <v>43668094.810000002</v>
      </c>
      <c r="AB1774" s="53">
        <v>4471780.09</v>
      </c>
      <c r="AC1774" s="53">
        <v>4081060.52999999</v>
      </c>
      <c r="AD1774" s="53">
        <v>3916406.12</v>
      </c>
      <c r="AE1774" s="53">
        <v>2367178.5899999901</v>
      </c>
      <c r="AF1774" s="53">
        <v>4838483.1100000003</v>
      </c>
      <c r="AG1774" s="53">
        <v>2932146.04</v>
      </c>
      <c r="AH1774" s="53">
        <v>2622953.9799999902</v>
      </c>
      <c r="AI1774" s="53">
        <v>2763822.11</v>
      </c>
      <c r="AJ1774" s="53">
        <v>2721854.29</v>
      </c>
      <c r="AK1774" s="53">
        <v>2478806.4799999902</v>
      </c>
      <c r="AL1774" s="53">
        <v>2545071.83</v>
      </c>
      <c r="AM1774" s="53">
        <v>4647910.3599999901</v>
      </c>
      <c r="AN1774" s="53">
        <v>40387473.530000001</v>
      </c>
      <c r="AO1774" s="53">
        <v>4390621.54</v>
      </c>
      <c r="AP1774" s="53">
        <v>3696168.5399999898</v>
      </c>
      <c r="AQ1774" s="53">
        <v>3535796.98</v>
      </c>
      <c r="AR1774" s="53">
        <v>2379921.96999999</v>
      </c>
      <c r="AS1774" s="53">
        <v>3735262.3999999901</v>
      </c>
      <c r="AT1774" s="53">
        <v>4022527.57</v>
      </c>
      <c r="AU1774" s="53">
        <v>3041052.57</v>
      </c>
      <c r="AV1774" s="53">
        <v>2881264.5699999901</v>
      </c>
      <c r="AW1774" s="53">
        <v>2646040.23</v>
      </c>
      <c r="AX1774" s="53">
        <v>2644422.67</v>
      </c>
      <c r="AY1774" s="53">
        <v>3065965.94</v>
      </c>
      <c r="AZ1774" s="53">
        <v>4345653.6500000004</v>
      </c>
      <c r="BA1774" s="53">
        <v>40384698.629999898</v>
      </c>
      <c r="BB1774" s="53">
        <v>4356287.4000000004</v>
      </c>
      <c r="BC1774" s="53">
        <v>3562652.82</v>
      </c>
      <c r="BD1774" s="53">
        <v>3418987</v>
      </c>
      <c r="BE1774" s="53">
        <v>2627414.4300000002</v>
      </c>
      <c r="BF1774" s="53">
        <v>2605299.6</v>
      </c>
      <c r="BG1774" s="53">
        <v>2770695.12</v>
      </c>
      <c r="BH1774" s="53">
        <v>2424136.56</v>
      </c>
      <c r="BI1774" s="53">
        <v>2686188.02</v>
      </c>
      <c r="BJ1774" s="53">
        <v>2714288.51</v>
      </c>
      <c r="BK1774" s="53">
        <v>2389000.46</v>
      </c>
      <c r="BL1774" s="53">
        <v>2955607.78</v>
      </c>
      <c r="BM1774" s="53">
        <v>4348307.33</v>
      </c>
      <c r="BN1774" s="53">
        <v>36858865.030000001</v>
      </c>
      <c r="BO1774" s="53">
        <v>4190324.37</v>
      </c>
      <c r="BP1774" s="53">
        <v>3861766.5</v>
      </c>
      <c r="BQ1774" s="53">
        <v>3510986.22</v>
      </c>
      <c r="BR1774" s="53">
        <v>2187418.92</v>
      </c>
      <c r="BS1774" s="53">
        <v>2463125.96</v>
      </c>
      <c r="BT1774" s="53">
        <v>2625186.5299999998</v>
      </c>
      <c r="BU1774" s="53">
        <v>2537434.6599999899</v>
      </c>
      <c r="BV1774" s="53">
        <v>2917305.7</v>
      </c>
      <c r="BW1774" s="53">
        <v>2805057.84</v>
      </c>
      <c r="BX1774" s="53">
        <v>2056321.21999999</v>
      </c>
      <c r="BY1774" s="53">
        <v>1113091.3700000001</v>
      </c>
      <c r="BZ1774" s="53">
        <v>1625862.3899999899</v>
      </c>
      <c r="CA1774" s="53">
        <v>31893881.68</v>
      </c>
      <c r="CB1774" s="53"/>
      <c r="CC1774" s="53"/>
      <c r="CD1774" s="53"/>
      <c r="CE1774" s="53"/>
      <c r="CF1774" s="53"/>
      <c r="CG1774" s="53"/>
      <c r="CH1774" s="53"/>
      <c r="CI1774" s="53"/>
      <c r="CJ1774" s="53"/>
      <c r="CK1774" s="53"/>
      <c r="CL1774" s="53"/>
      <c r="CM1774" s="53"/>
      <c r="CN1774" s="53"/>
    </row>
    <row r="1775" spans="1:92">
      <c r="A1775" s="52" t="s">
        <v>772</v>
      </c>
      <c r="B1775" s="53"/>
      <c r="C1775" s="53"/>
      <c r="D1775" s="53"/>
      <c r="E1775" s="53"/>
      <c r="F1775" s="53"/>
      <c r="G1775" s="53"/>
      <c r="H1775" s="53"/>
      <c r="I1775" s="53"/>
      <c r="J1775" s="53"/>
      <c r="K1775" s="53"/>
      <c r="L1775" s="53"/>
      <c r="M1775" s="53"/>
      <c r="N1775" s="53"/>
      <c r="O1775" s="53"/>
      <c r="P1775" s="53"/>
      <c r="Q1775" s="53"/>
      <c r="R1775" s="53"/>
      <c r="S1775" s="53"/>
      <c r="T1775" s="53"/>
      <c r="U1775" s="53"/>
      <c r="V1775" s="53"/>
      <c r="W1775" s="53"/>
      <c r="X1775" s="53"/>
      <c r="Y1775" s="53"/>
      <c r="Z1775" s="53"/>
      <c r="AA1775" s="53"/>
      <c r="AB1775" s="53"/>
      <c r="AC1775" s="53"/>
      <c r="AD1775" s="53"/>
      <c r="AE1775" s="53"/>
      <c r="AF1775" s="53"/>
      <c r="AG1775" s="53"/>
      <c r="AH1775" s="53"/>
      <c r="AI1775" s="53"/>
      <c r="AJ1775" s="53"/>
      <c r="AK1775" s="53"/>
      <c r="AL1775" s="53"/>
      <c r="AM1775" s="53"/>
      <c r="AN1775" s="53"/>
      <c r="AO1775" s="53"/>
      <c r="AP1775" s="53"/>
      <c r="AQ1775" s="53"/>
      <c r="AR1775" s="53"/>
      <c r="AS1775" s="53"/>
      <c r="AT1775" s="53"/>
      <c r="AU1775" s="53"/>
      <c r="AV1775" s="53"/>
      <c r="AW1775" s="53"/>
      <c r="AX1775" s="53"/>
      <c r="AY1775" s="53"/>
      <c r="AZ1775" s="53"/>
      <c r="BA1775" s="53"/>
      <c r="BB1775" s="53"/>
      <c r="BC1775" s="53"/>
      <c r="BD1775" s="53"/>
      <c r="BE1775" s="53"/>
      <c r="BF1775" s="53"/>
      <c r="BG1775" s="53"/>
      <c r="BH1775" s="53"/>
      <c r="BI1775" s="53"/>
      <c r="BJ1775" s="53"/>
      <c r="BK1775" s="53"/>
      <c r="BL1775" s="53"/>
      <c r="BM1775" s="53"/>
      <c r="BN1775" s="53"/>
      <c r="BO1775" s="53"/>
      <c r="BP1775" s="53"/>
      <c r="BQ1775" s="53"/>
      <c r="BR1775" s="53"/>
      <c r="BS1775" s="53"/>
      <c r="BT1775" s="53"/>
      <c r="BU1775" s="53"/>
      <c r="BV1775" s="53"/>
      <c r="BW1775" s="53"/>
      <c r="BX1775" s="53"/>
      <c r="BY1775" s="53"/>
      <c r="BZ1775" s="53"/>
      <c r="CA1775" s="53"/>
      <c r="CB1775" s="53"/>
      <c r="CC1775" s="53">
        <v>-1000000</v>
      </c>
      <c r="CD1775" s="53"/>
      <c r="CE1775" s="53"/>
      <c r="CF1775" s="53"/>
      <c r="CG1775" s="53"/>
      <c r="CH1775" s="53"/>
      <c r="CI1775" s="53"/>
      <c r="CJ1775" s="53"/>
      <c r="CK1775" s="53"/>
      <c r="CL1775" s="53"/>
      <c r="CM1775" s="53"/>
      <c r="CN1775" s="53">
        <v>-1000000</v>
      </c>
    </row>
    <row r="1776" spans="1:92" outlineLevel="1">
      <c r="A1776" s="52" t="s">
        <v>649</v>
      </c>
      <c r="B1776" s="53">
        <v>106318449.72999901</v>
      </c>
      <c r="C1776" s="53">
        <v>100794760.3</v>
      </c>
      <c r="D1776" s="53">
        <v>127940463.469999</v>
      </c>
      <c r="E1776" s="53">
        <v>102737561</v>
      </c>
      <c r="F1776" s="53">
        <v>165531098.33000001</v>
      </c>
      <c r="G1776" s="53">
        <v>188818153.13</v>
      </c>
      <c r="H1776" s="53">
        <v>245991165.06</v>
      </c>
      <c r="I1776" s="53">
        <v>244053514.19999999</v>
      </c>
      <c r="J1776" s="53">
        <v>221759871.77000001</v>
      </c>
      <c r="K1776" s="53">
        <v>205629827.78999999</v>
      </c>
      <c r="L1776" s="53">
        <v>149868013.94999999</v>
      </c>
      <c r="M1776" s="53">
        <v>173142034.31</v>
      </c>
      <c r="N1776" s="53">
        <v>2032584913.04</v>
      </c>
      <c r="O1776" s="53">
        <v>170256544.28999999</v>
      </c>
      <c r="P1776" s="53">
        <v>152994064.80000001</v>
      </c>
      <c r="Q1776" s="53">
        <v>144113365.46000001</v>
      </c>
      <c r="R1776" s="53">
        <v>128691680.13</v>
      </c>
      <c r="S1776" s="53">
        <v>139762662.09</v>
      </c>
      <c r="T1776" s="53">
        <v>151151211.72999999</v>
      </c>
      <c r="U1776" s="53">
        <v>163390006.09</v>
      </c>
      <c r="V1776" s="53">
        <v>159137751.93000001</v>
      </c>
      <c r="W1776" s="53">
        <v>148151117.47999999</v>
      </c>
      <c r="X1776" s="53">
        <v>135366420.88</v>
      </c>
      <c r="Y1776" s="53">
        <v>122532544.019999</v>
      </c>
      <c r="Z1776" s="53">
        <v>141364511.03</v>
      </c>
      <c r="AA1776" s="53">
        <v>1756911879.9300001</v>
      </c>
      <c r="AB1776" s="53">
        <v>145243330.71999899</v>
      </c>
      <c r="AC1776" s="53">
        <v>131565532.47999901</v>
      </c>
      <c r="AD1776" s="53">
        <v>125545250.39999899</v>
      </c>
      <c r="AE1776" s="53">
        <v>107376927.11999901</v>
      </c>
      <c r="AF1776" s="53">
        <v>116035234.78999899</v>
      </c>
      <c r="AG1776" s="53">
        <v>131086793.279999</v>
      </c>
      <c r="AH1776" s="53">
        <v>138610982.09</v>
      </c>
      <c r="AI1776" s="53">
        <v>136039846.30000001</v>
      </c>
      <c r="AJ1776" s="53">
        <v>133505884.06999999</v>
      </c>
      <c r="AK1776" s="53">
        <v>121750731.81999999</v>
      </c>
      <c r="AL1776" s="53">
        <v>109429431.84999999</v>
      </c>
      <c r="AM1776" s="53">
        <v>127332792.81</v>
      </c>
      <c r="AN1776" s="53">
        <v>1523522737.73</v>
      </c>
      <c r="AO1776" s="53">
        <v>128410282.59999999</v>
      </c>
      <c r="AP1776" s="53">
        <v>111936288.529999</v>
      </c>
      <c r="AQ1776" s="53">
        <v>109343936.27</v>
      </c>
      <c r="AR1776" s="53">
        <v>106153748.73</v>
      </c>
      <c r="AS1776" s="53">
        <v>122746868.36</v>
      </c>
      <c r="AT1776" s="53">
        <v>130665780.91</v>
      </c>
      <c r="AU1776" s="53">
        <v>137968389.66999999</v>
      </c>
      <c r="AV1776" s="53">
        <v>133672513.31</v>
      </c>
      <c r="AW1776" s="53">
        <v>129613280.02</v>
      </c>
      <c r="AX1776" s="53">
        <v>115433683.19</v>
      </c>
      <c r="AY1776" s="53">
        <v>106979295.79000001</v>
      </c>
      <c r="AZ1776" s="53">
        <v>124542360.67999899</v>
      </c>
      <c r="BA1776" s="53">
        <v>1457466428.0599999</v>
      </c>
      <c r="BB1776" s="53">
        <v>124667569.92</v>
      </c>
      <c r="BC1776" s="53">
        <v>110298947.2</v>
      </c>
      <c r="BD1776" s="53">
        <v>110241516.25</v>
      </c>
      <c r="BE1776" s="53">
        <v>103431159.14999899</v>
      </c>
      <c r="BF1776" s="53">
        <v>118639841.22</v>
      </c>
      <c r="BG1776" s="53">
        <v>127349680.749999</v>
      </c>
      <c r="BH1776" s="53">
        <v>134189338.11</v>
      </c>
      <c r="BI1776" s="53">
        <v>131504854.22</v>
      </c>
      <c r="BJ1776" s="53">
        <v>127738638.95</v>
      </c>
      <c r="BK1776" s="53">
        <v>109139694.69</v>
      </c>
      <c r="BL1776" s="53">
        <v>103570454.669999</v>
      </c>
      <c r="BM1776" s="53">
        <v>120415089.45</v>
      </c>
      <c r="BN1776" s="53">
        <v>1421186784.5799999</v>
      </c>
      <c r="BO1776" s="53">
        <v>121357488.189999</v>
      </c>
      <c r="BP1776" s="53">
        <v>106517265.29000001</v>
      </c>
      <c r="BQ1776" s="53">
        <v>103255198.59</v>
      </c>
      <c r="BR1776" s="53">
        <v>101450018.38</v>
      </c>
      <c r="BS1776" s="53">
        <v>111594269.02</v>
      </c>
      <c r="BT1776" s="53">
        <v>120582515.699999</v>
      </c>
      <c r="BU1776" s="53">
        <v>128943973.16</v>
      </c>
      <c r="BV1776" s="53">
        <v>127428889.34999999</v>
      </c>
      <c r="BW1776" s="53">
        <v>122933468.55</v>
      </c>
      <c r="BX1776" s="53">
        <v>109816579.059999</v>
      </c>
      <c r="BY1776" s="53">
        <v>103137945.63</v>
      </c>
      <c r="BZ1776" s="53">
        <v>117883663.52</v>
      </c>
      <c r="CA1776" s="53">
        <v>1374901274.43999</v>
      </c>
      <c r="CB1776" s="53"/>
      <c r="CC1776" s="53"/>
      <c r="CD1776" s="53"/>
      <c r="CE1776" s="53"/>
      <c r="CF1776" s="53"/>
      <c r="CG1776" s="53"/>
      <c r="CH1776" s="53"/>
      <c r="CI1776" s="53"/>
      <c r="CJ1776" s="53"/>
      <c r="CK1776" s="53"/>
      <c r="CL1776" s="53"/>
      <c r="CM1776" s="53"/>
      <c r="CN1776" s="53"/>
    </row>
    <row r="1777" spans="1:92" outlineLevel="1">
      <c r="A1777" s="52" t="s">
        <v>741</v>
      </c>
      <c r="B1777" s="53"/>
      <c r="C1777" s="53"/>
      <c r="D1777" s="53"/>
      <c r="E1777" s="53"/>
      <c r="F1777" s="53"/>
      <c r="G1777" s="53"/>
      <c r="H1777" s="53"/>
      <c r="I1777" s="53"/>
      <c r="J1777" s="53"/>
      <c r="K1777" s="53"/>
      <c r="L1777" s="53"/>
      <c r="M1777" s="53"/>
      <c r="N1777" s="53"/>
      <c r="O1777" s="53"/>
      <c r="P1777" s="53"/>
      <c r="Q1777" s="53"/>
      <c r="R1777" s="53"/>
      <c r="S1777" s="53"/>
      <c r="T1777" s="53"/>
      <c r="U1777" s="53"/>
      <c r="V1777" s="53"/>
      <c r="W1777" s="53"/>
      <c r="X1777" s="53"/>
      <c r="Y1777" s="53"/>
      <c r="Z1777" s="53"/>
      <c r="AA1777" s="53"/>
      <c r="AB1777" s="53"/>
      <c r="AC1777" s="53"/>
      <c r="AD1777" s="53"/>
      <c r="AE1777" s="53"/>
      <c r="AF1777" s="53"/>
      <c r="AG1777" s="53"/>
      <c r="AH1777" s="53"/>
      <c r="AI1777" s="53"/>
      <c r="AJ1777" s="53"/>
      <c r="AK1777" s="53"/>
      <c r="AL1777" s="53"/>
      <c r="AM1777" s="53"/>
      <c r="AN1777" s="53"/>
      <c r="AO1777" s="53"/>
      <c r="AP1777" s="53"/>
      <c r="AQ1777" s="53"/>
      <c r="AR1777" s="53"/>
      <c r="AS1777" s="53"/>
      <c r="AT1777" s="53"/>
      <c r="AU1777" s="53"/>
      <c r="AV1777" s="53"/>
      <c r="AW1777" s="53"/>
      <c r="AX1777" s="53"/>
      <c r="AY1777" s="53"/>
      <c r="AZ1777" s="53"/>
      <c r="BA1777" s="53"/>
      <c r="BB1777" s="53"/>
      <c r="BC1777" s="53"/>
      <c r="BD1777" s="53"/>
      <c r="BE1777" s="53"/>
      <c r="BF1777" s="53"/>
      <c r="BG1777" s="53"/>
      <c r="BH1777" s="53"/>
      <c r="BI1777" s="53"/>
      <c r="BJ1777" s="53"/>
      <c r="BK1777" s="53"/>
      <c r="BL1777" s="53"/>
      <c r="BM1777" s="53"/>
      <c r="BN1777" s="53"/>
      <c r="BO1777" s="53"/>
      <c r="BP1777" s="53"/>
      <c r="BQ1777" s="53"/>
      <c r="BR1777" s="53"/>
      <c r="BS1777" s="53"/>
      <c r="BT1777" s="53"/>
      <c r="BU1777" s="53"/>
      <c r="BV1777" s="53"/>
      <c r="BW1777" s="53"/>
      <c r="BX1777" s="53"/>
      <c r="BY1777" s="53"/>
      <c r="BZ1777" s="53"/>
      <c r="CA1777" s="53"/>
      <c r="CB1777" s="53"/>
      <c r="CC1777" s="53"/>
      <c r="CD1777" s="53"/>
      <c r="CE1777" s="53"/>
      <c r="CF1777" s="53"/>
      <c r="CG1777" s="53"/>
      <c r="CH1777" s="53"/>
      <c r="CI1777" s="53"/>
      <c r="CJ1777" s="53"/>
      <c r="CK1777" s="53"/>
      <c r="CL1777" s="53"/>
      <c r="CM1777" s="53"/>
      <c r="CN1777" s="53"/>
    </row>
    <row r="1778" spans="1:92" outlineLevel="1">
      <c r="A1778" s="52" t="s">
        <v>1521</v>
      </c>
      <c r="B1778" s="53"/>
      <c r="C1778" s="53"/>
      <c r="D1778" s="53"/>
      <c r="E1778" s="53"/>
      <c r="F1778" s="53"/>
      <c r="G1778" s="53"/>
      <c r="H1778" s="53"/>
      <c r="I1778" s="53"/>
      <c r="J1778" s="53"/>
      <c r="K1778" s="53"/>
      <c r="L1778" s="53"/>
      <c r="M1778" s="53"/>
      <c r="N1778" s="53"/>
      <c r="O1778" s="53"/>
      <c r="P1778" s="53"/>
      <c r="Q1778" s="53"/>
      <c r="R1778" s="53"/>
      <c r="S1778" s="53"/>
      <c r="T1778" s="53"/>
      <c r="U1778" s="53"/>
      <c r="V1778" s="53"/>
      <c r="W1778" s="53"/>
      <c r="X1778" s="53"/>
      <c r="Y1778" s="53"/>
      <c r="Z1778" s="53"/>
      <c r="AA1778" s="53"/>
      <c r="AB1778" s="53"/>
      <c r="AC1778" s="53"/>
      <c r="AD1778" s="53"/>
      <c r="AE1778" s="53"/>
      <c r="AF1778" s="53"/>
      <c r="AG1778" s="53"/>
      <c r="AH1778" s="53"/>
      <c r="AI1778" s="53"/>
      <c r="AJ1778" s="53"/>
      <c r="AK1778" s="53"/>
      <c r="AL1778" s="53"/>
      <c r="AM1778" s="53"/>
      <c r="AN1778" s="53"/>
      <c r="AO1778" s="53"/>
      <c r="AP1778" s="53"/>
      <c r="AQ1778" s="53"/>
      <c r="AR1778" s="53"/>
      <c r="AS1778" s="53"/>
      <c r="AT1778" s="53"/>
      <c r="AU1778" s="53"/>
      <c r="AV1778" s="53"/>
      <c r="AW1778" s="53"/>
      <c r="AX1778" s="53"/>
      <c r="AY1778" s="53"/>
      <c r="AZ1778" s="53"/>
      <c r="BA1778" s="53"/>
      <c r="BB1778" s="53"/>
      <c r="BC1778" s="53"/>
      <c r="BD1778" s="53"/>
      <c r="BE1778" s="53"/>
      <c r="BF1778" s="53"/>
      <c r="BG1778" s="53"/>
      <c r="BH1778" s="53"/>
      <c r="BI1778" s="53"/>
      <c r="BJ1778" s="53"/>
      <c r="BK1778" s="53"/>
      <c r="BL1778" s="53"/>
      <c r="BM1778" s="53"/>
      <c r="BN1778" s="53"/>
      <c r="BO1778" s="53"/>
      <c r="BP1778" s="53"/>
      <c r="BQ1778" s="53"/>
      <c r="BR1778" s="53"/>
      <c r="BS1778" s="53"/>
      <c r="BT1778" s="53"/>
      <c r="BU1778" s="53"/>
      <c r="BV1778" s="53"/>
      <c r="BW1778" s="53"/>
      <c r="BX1778" s="53"/>
      <c r="BY1778" s="53"/>
      <c r="BZ1778" s="53"/>
      <c r="CA1778" s="53"/>
      <c r="CB1778" s="53"/>
      <c r="CC1778" s="53"/>
      <c r="CD1778" s="53"/>
      <c r="CE1778" s="53"/>
      <c r="CF1778" s="53"/>
      <c r="CG1778" s="53"/>
      <c r="CH1778" s="53"/>
      <c r="CI1778" s="53"/>
      <c r="CJ1778" s="53"/>
      <c r="CK1778" s="53"/>
      <c r="CL1778" s="53"/>
      <c r="CM1778" s="53"/>
      <c r="CN1778" s="53"/>
    </row>
    <row r="1779" spans="1:92" outlineLevel="1">
      <c r="A1779" s="52" t="s">
        <v>649</v>
      </c>
      <c r="B1779" s="53"/>
      <c r="C1779" s="53"/>
      <c r="D1779" s="53">
        <v>5586250</v>
      </c>
      <c r="E1779" s="53"/>
      <c r="F1779" s="53"/>
      <c r="G1779" s="53">
        <v>5586250</v>
      </c>
      <c r="H1779" s="53"/>
      <c r="I1779" s="53"/>
      <c r="J1779" s="53">
        <v>5586250</v>
      </c>
      <c r="K1779" s="53"/>
      <c r="L1779" s="53"/>
      <c r="M1779" s="53">
        <v>5586250</v>
      </c>
      <c r="N1779" s="53">
        <v>22345000</v>
      </c>
      <c r="O1779" s="53"/>
      <c r="P1779" s="53"/>
      <c r="Q1779" s="53"/>
      <c r="R1779" s="53"/>
      <c r="S1779" s="53"/>
      <c r="T1779" s="53"/>
      <c r="U1779" s="53"/>
      <c r="V1779" s="53"/>
      <c r="W1779" s="53"/>
      <c r="X1779" s="53"/>
      <c r="Y1779" s="53"/>
      <c r="Z1779" s="53"/>
      <c r="AA1779" s="53"/>
      <c r="AB1779" s="53"/>
      <c r="AC1779" s="53"/>
      <c r="AD1779" s="53"/>
      <c r="AE1779" s="53"/>
      <c r="AF1779" s="53"/>
      <c r="AG1779" s="53"/>
      <c r="AH1779" s="53"/>
      <c r="AI1779" s="53"/>
      <c r="AJ1779" s="53"/>
      <c r="AK1779" s="53"/>
      <c r="AL1779" s="53"/>
      <c r="AM1779" s="53"/>
      <c r="AN1779" s="53"/>
      <c r="AO1779" s="53"/>
      <c r="AP1779" s="53"/>
      <c r="AQ1779" s="53"/>
      <c r="AR1779" s="53"/>
      <c r="AS1779" s="53"/>
      <c r="AT1779" s="53"/>
      <c r="AU1779" s="53"/>
      <c r="AV1779" s="53"/>
      <c r="AW1779" s="53"/>
      <c r="AX1779" s="53"/>
      <c r="AY1779" s="53"/>
      <c r="AZ1779" s="53"/>
      <c r="BA1779" s="53"/>
      <c r="BB1779" s="53"/>
      <c r="BC1779" s="53"/>
      <c r="BD1779" s="53"/>
      <c r="BE1779" s="53"/>
      <c r="BF1779" s="53"/>
      <c r="BG1779" s="53"/>
      <c r="BH1779" s="53"/>
      <c r="BI1779" s="53"/>
      <c r="BJ1779" s="53"/>
      <c r="BK1779" s="53"/>
      <c r="BL1779" s="53"/>
      <c r="BM1779" s="53"/>
      <c r="BN1779" s="53"/>
      <c r="BO1779" s="53"/>
      <c r="BP1779" s="53"/>
      <c r="BQ1779" s="53"/>
      <c r="BR1779" s="53"/>
      <c r="BS1779" s="53"/>
      <c r="BT1779" s="53"/>
      <c r="BU1779" s="53"/>
      <c r="BV1779" s="53"/>
      <c r="BW1779" s="53"/>
      <c r="BX1779" s="53"/>
      <c r="BY1779" s="53"/>
      <c r="BZ1779" s="53"/>
      <c r="CA1779" s="53"/>
      <c r="CB1779" s="53"/>
      <c r="CC1779" s="53"/>
      <c r="CD1779" s="53"/>
      <c r="CE1779" s="53"/>
      <c r="CF1779" s="53"/>
      <c r="CG1779" s="53"/>
      <c r="CH1779" s="53"/>
      <c r="CI1779" s="53"/>
      <c r="CJ1779" s="53"/>
      <c r="CK1779" s="53"/>
      <c r="CL1779" s="53"/>
      <c r="CM1779" s="53"/>
      <c r="CN1779" s="53"/>
    </row>
    <row r="1780" spans="1:92" outlineLevel="1">
      <c r="A1780" s="52" t="s">
        <v>650</v>
      </c>
      <c r="B1780" s="53"/>
      <c r="C1780" s="53"/>
      <c r="D1780" s="53"/>
      <c r="E1780" s="53"/>
      <c r="F1780" s="53"/>
      <c r="G1780" s="53"/>
      <c r="H1780" s="53"/>
      <c r="I1780" s="53"/>
      <c r="J1780" s="53"/>
      <c r="K1780" s="53"/>
      <c r="L1780" s="53"/>
      <c r="M1780" s="53"/>
      <c r="N1780" s="53"/>
      <c r="O1780" s="53"/>
      <c r="P1780" s="53"/>
      <c r="Q1780" s="53"/>
      <c r="R1780" s="53"/>
      <c r="S1780" s="53"/>
      <c r="T1780" s="53"/>
      <c r="U1780" s="53"/>
      <c r="V1780" s="53"/>
      <c r="W1780" s="53"/>
      <c r="X1780" s="53"/>
      <c r="Y1780" s="53"/>
      <c r="Z1780" s="53"/>
      <c r="AA1780" s="53"/>
      <c r="AB1780" s="53"/>
      <c r="AC1780" s="53"/>
      <c r="AD1780" s="53"/>
      <c r="AE1780" s="53"/>
      <c r="AF1780" s="53"/>
      <c r="AG1780" s="53"/>
      <c r="AH1780" s="53"/>
      <c r="AI1780" s="53"/>
      <c r="AJ1780" s="53"/>
      <c r="AK1780" s="53"/>
      <c r="AL1780" s="53"/>
      <c r="AM1780" s="53"/>
      <c r="AN1780" s="53"/>
      <c r="AO1780" s="53"/>
      <c r="AP1780" s="53"/>
      <c r="AQ1780" s="53"/>
      <c r="AR1780" s="53"/>
      <c r="AS1780" s="53"/>
      <c r="AT1780" s="53"/>
      <c r="AU1780" s="53"/>
      <c r="AV1780" s="53"/>
      <c r="AW1780" s="53"/>
      <c r="AX1780" s="53"/>
      <c r="AY1780" s="53"/>
      <c r="AZ1780" s="53"/>
      <c r="BA1780" s="53"/>
      <c r="BB1780" s="53"/>
      <c r="BC1780" s="53"/>
      <c r="BD1780" s="53"/>
      <c r="BE1780" s="53"/>
      <c r="BF1780" s="53"/>
      <c r="BG1780" s="53"/>
      <c r="BH1780" s="53"/>
      <c r="BI1780" s="53"/>
      <c r="BJ1780" s="53"/>
      <c r="BK1780" s="53"/>
      <c r="BL1780" s="53"/>
      <c r="BM1780" s="53"/>
      <c r="BN1780" s="53"/>
      <c r="BO1780" s="53"/>
      <c r="BP1780" s="53"/>
      <c r="BQ1780" s="53"/>
      <c r="BR1780" s="53"/>
      <c r="BS1780" s="53"/>
      <c r="BT1780" s="53"/>
      <c r="BU1780" s="53"/>
      <c r="BV1780" s="53"/>
      <c r="BW1780" s="53"/>
      <c r="BX1780" s="53"/>
      <c r="BY1780" s="53"/>
      <c r="BZ1780" s="53"/>
      <c r="CA1780" s="53"/>
      <c r="CB1780" s="53"/>
      <c r="CC1780" s="53"/>
      <c r="CD1780" s="53"/>
      <c r="CE1780" s="53"/>
      <c r="CF1780" s="53"/>
      <c r="CG1780" s="53"/>
      <c r="CH1780" s="53"/>
      <c r="CI1780" s="53"/>
      <c r="CJ1780" s="53"/>
      <c r="CK1780" s="53"/>
      <c r="CL1780" s="53"/>
      <c r="CM1780" s="53"/>
      <c r="CN1780" s="53"/>
    </row>
    <row r="1781" spans="1:92" outlineLevel="1">
      <c r="A1781" s="52" t="s">
        <v>1294</v>
      </c>
      <c r="B1781" s="53"/>
      <c r="C1781" s="53"/>
      <c r="D1781" s="53"/>
      <c r="E1781" s="53"/>
      <c r="F1781" s="53"/>
      <c r="G1781" s="53"/>
      <c r="H1781" s="53"/>
      <c r="I1781" s="53"/>
      <c r="J1781" s="53"/>
      <c r="K1781" s="53"/>
      <c r="L1781" s="53"/>
      <c r="M1781" s="53"/>
      <c r="N1781" s="53"/>
      <c r="O1781" s="53"/>
      <c r="P1781" s="53"/>
      <c r="Q1781" s="53"/>
      <c r="R1781" s="53"/>
      <c r="S1781" s="53"/>
      <c r="T1781" s="53"/>
      <c r="U1781" s="53"/>
      <c r="V1781" s="53"/>
      <c r="W1781" s="53"/>
      <c r="X1781" s="53"/>
      <c r="Y1781" s="53"/>
      <c r="Z1781" s="53"/>
      <c r="AA1781" s="53"/>
      <c r="AB1781" s="53"/>
      <c r="AC1781" s="53"/>
      <c r="AD1781" s="53"/>
      <c r="AE1781" s="53"/>
      <c r="AF1781" s="53"/>
      <c r="AG1781" s="53"/>
      <c r="AH1781" s="53"/>
      <c r="AI1781" s="53"/>
      <c r="AJ1781" s="53"/>
      <c r="AK1781" s="53"/>
      <c r="AL1781" s="53"/>
      <c r="AM1781" s="53"/>
      <c r="AN1781" s="53"/>
      <c r="AO1781" s="53"/>
      <c r="AP1781" s="53"/>
      <c r="AQ1781" s="53"/>
      <c r="AR1781" s="53"/>
      <c r="AS1781" s="53"/>
      <c r="AT1781" s="53"/>
      <c r="AU1781" s="53"/>
      <c r="AV1781" s="53"/>
      <c r="AW1781" s="53"/>
      <c r="AX1781" s="53"/>
      <c r="AY1781" s="53"/>
      <c r="AZ1781" s="53"/>
      <c r="BA1781" s="53"/>
      <c r="BB1781" s="53"/>
      <c r="BC1781" s="53"/>
      <c r="BD1781" s="53"/>
      <c r="BE1781" s="53"/>
      <c r="BF1781" s="53"/>
      <c r="BG1781" s="53"/>
      <c r="BH1781" s="53"/>
      <c r="BI1781" s="53"/>
      <c r="BJ1781" s="53"/>
      <c r="BK1781" s="53"/>
      <c r="BL1781" s="53"/>
      <c r="BM1781" s="53"/>
      <c r="BN1781" s="53"/>
      <c r="BO1781" s="53"/>
      <c r="BP1781" s="53"/>
      <c r="BQ1781" s="53"/>
      <c r="BR1781" s="53"/>
      <c r="BS1781" s="53"/>
      <c r="BT1781" s="53"/>
      <c r="BU1781" s="53"/>
      <c r="BV1781" s="53"/>
      <c r="BW1781" s="53"/>
      <c r="BX1781" s="53"/>
      <c r="BY1781" s="53"/>
      <c r="BZ1781" s="53"/>
      <c r="CA1781" s="53"/>
      <c r="CB1781" s="53"/>
      <c r="CC1781" s="53"/>
      <c r="CD1781" s="53"/>
      <c r="CE1781" s="53"/>
      <c r="CF1781" s="53"/>
      <c r="CG1781" s="53"/>
      <c r="CH1781" s="53"/>
      <c r="CI1781" s="53"/>
      <c r="CJ1781" s="53"/>
      <c r="CK1781" s="53"/>
      <c r="CL1781" s="53"/>
      <c r="CM1781" s="53"/>
      <c r="CN1781" s="53"/>
    </row>
    <row r="1782" spans="1:92" outlineLevel="1">
      <c r="A1782" s="52" t="s">
        <v>1249</v>
      </c>
      <c r="B1782" s="53"/>
      <c r="C1782" s="53"/>
      <c r="D1782" s="53"/>
      <c r="E1782" s="53"/>
      <c r="F1782" s="53"/>
      <c r="G1782" s="53"/>
      <c r="H1782" s="53"/>
      <c r="I1782" s="53"/>
      <c r="J1782" s="53"/>
      <c r="K1782" s="53"/>
      <c r="L1782" s="53"/>
      <c r="M1782" s="53"/>
      <c r="N1782" s="53"/>
      <c r="O1782" s="53">
        <v>-13011993.853433199</v>
      </c>
      <c r="P1782" s="53"/>
      <c r="Q1782" s="53"/>
      <c r="R1782" s="53"/>
      <c r="S1782" s="53"/>
      <c r="T1782" s="53"/>
      <c r="U1782" s="53"/>
      <c r="V1782" s="53"/>
      <c r="W1782" s="53"/>
      <c r="X1782" s="53"/>
      <c r="Y1782" s="53"/>
      <c r="Z1782" s="53"/>
      <c r="AA1782" s="53">
        <v>-13011993.853433199</v>
      </c>
      <c r="AB1782" s="53"/>
      <c r="AC1782" s="53"/>
      <c r="AD1782" s="53"/>
      <c r="AE1782" s="53"/>
      <c r="AF1782" s="53"/>
      <c r="AG1782" s="53"/>
      <c r="AH1782" s="53"/>
      <c r="AI1782" s="53"/>
      <c r="AJ1782" s="53"/>
      <c r="AK1782" s="53"/>
      <c r="AL1782" s="53"/>
      <c r="AM1782" s="53"/>
      <c r="AN1782" s="53"/>
      <c r="AO1782" s="53"/>
      <c r="AP1782" s="53"/>
      <c r="AQ1782" s="53"/>
      <c r="AR1782" s="53"/>
      <c r="AS1782" s="53"/>
      <c r="AT1782" s="53"/>
      <c r="AU1782" s="53"/>
      <c r="AV1782" s="53"/>
      <c r="AW1782" s="53"/>
      <c r="AX1782" s="53"/>
      <c r="AY1782" s="53"/>
      <c r="AZ1782" s="53"/>
      <c r="BA1782" s="53"/>
      <c r="BB1782" s="53"/>
      <c r="BC1782" s="53"/>
      <c r="BD1782" s="53"/>
      <c r="BE1782" s="53"/>
      <c r="BF1782" s="53"/>
      <c r="BG1782" s="53"/>
      <c r="BH1782" s="53"/>
      <c r="BI1782" s="53"/>
      <c r="BJ1782" s="53"/>
      <c r="BK1782" s="53"/>
      <c r="BL1782" s="53"/>
      <c r="BM1782" s="53"/>
      <c r="BN1782" s="53"/>
      <c r="BO1782" s="53"/>
      <c r="BP1782" s="53"/>
      <c r="BQ1782" s="53"/>
      <c r="BR1782" s="53"/>
      <c r="BS1782" s="53"/>
      <c r="BT1782" s="53"/>
      <c r="BU1782" s="53"/>
      <c r="BV1782" s="53"/>
      <c r="BW1782" s="53"/>
      <c r="BX1782" s="53"/>
      <c r="BY1782" s="53"/>
      <c r="BZ1782" s="53"/>
      <c r="CA1782" s="53"/>
      <c r="CB1782" s="53"/>
      <c r="CC1782" s="53"/>
      <c r="CD1782" s="53"/>
      <c r="CE1782" s="53"/>
      <c r="CF1782" s="53"/>
      <c r="CG1782" s="53"/>
      <c r="CH1782" s="53"/>
      <c r="CI1782" s="53"/>
      <c r="CJ1782" s="53"/>
      <c r="CK1782" s="53"/>
      <c r="CL1782" s="53"/>
      <c r="CM1782" s="53"/>
      <c r="CN1782" s="53"/>
    </row>
    <row r="1783" spans="1:92" outlineLevel="1">
      <c r="A1783" s="52" t="s">
        <v>1289</v>
      </c>
      <c r="B1783" s="53"/>
      <c r="C1783" s="53"/>
      <c r="D1783" s="53"/>
      <c r="E1783" s="53"/>
      <c r="F1783" s="53"/>
      <c r="G1783" s="53"/>
      <c r="H1783" s="53"/>
      <c r="I1783" s="53"/>
      <c r="J1783" s="53"/>
      <c r="K1783" s="53"/>
      <c r="L1783" s="53"/>
      <c r="M1783" s="53"/>
      <c r="N1783" s="53"/>
      <c r="O1783" s="53"/>
      <c r="P1783" s="53"/>
      <c r="Q1783" s="53"/>
      <c r="R1783" s="53"/>
      <c r="S1783" s="53"/>
      <c r="T1783" s="53"/>
      <c r="U1783" s="53"/>
      <c r="V1783" s="53"/>
      <c r="W1783" s="53"/>
      <c r="X1783" s="53"/>
      <c r="Y1783" s="53"/>
      <c r="Z1783" s="53"/>
      <c r="AA1783" s="53"/>
      <c r="AB1783" s="53"/>
      <c r="AC1783" s="53"/>
      <c r="AD1783" s="53"/>
      <c r="AE1783" s="53"/>
      <c r="AF1783" s="53"/>
      <c r="AG1783" s="53"/>
      <c r="AH1783" s="53"/>
      <c r="AI1783" s="53"/>
      <c r="AJ1783" s="53"/>
      <c r="AK1783" s="53"/>
      <c r="AL1783" s="53"/>
      <c r="AM1783" s="53"/>
      <c r="AN1783" s="53"/>
      <c r="AO1783" s="53"/>
      <c r="AP1783" s="53"/>
      <c r="AQ1783" s="53"/>
      <c r="AR1783" s="53"/>
      <c r="AS1783" s="53"/>
      <c r="AT1783" s="53"/>
      <c r="AU1783" s="53"/>
      <c r="AV1783" s="53"/>
      <c r="AW1783" s="53"/>
      <c r="AX1783" s="53"/>
      <c r="AY1783" s="53"/>
      <c r="AZ1783" s="53"/>
      <c r="BA1783" s="53"/>
      <c r="BB1783" s="53"/>
      <c r="BC1783" s="53"/>
      <c r="BD1783" s="53"/>
      <c r="BE1783" s="53"/>
      <c r="BF1783" s="53"/>
      <c r="BG1783" s="53"/>
      <c r="BH1783" s="53"/>
      <c r="BI1783" s="53"/>
      <c r="BJ1783" s="53"/>
      <c r="BK1783" s="53"/>
      <c r="BL1783" s="53"/>
      <c r="BM1783" s="53"/>
      <c r="BN1783" s="53"/>
      <c r="BO1783" s="53"/>
      <c r="BP1783" s="53"/>
      <c r="BQ1783" s="53"/>
      <c r="BR1783" s="53"/>
      <c r="BS1783" s="53"/>
      <c r="BT1783" s="53"/>
      <c r="BU1783" s="53"/>
      <c r="BV1783" s="53"/>
      <c r="BW1783" s="53"/>
      <c r="BX1783" s="53"/>
      <c r="BY1783" s="53"/>
      <c r="BZ1783" s="53"/>
      <c r="CA1783" s="53"/>
      <c r="CB1783" s="53">
        <v>-401760</v>
      </c>
      <c r="CC1783" s="53">
        <v>-401760</v>
      </c>
      <c r="CD1783" s="53">
        <v>-401760</v>
      </c>
      <c r="CE1783" s="53">
        <v>-401760</v>
      </c>
      <c r="CF1783" s="53">
        <v>-401760</v>
      </c>
      <c r="CG1783" s="53">
        <v>-401760</v>
      </c>
      <c r="CH1783" s="53">
        <v>-401760</v>
      </c>
      <c r="CI1783" s="53">
        <v>-401760</v>
      </c>
      <c r="CJ1783" s="53">
        <v>-401760</v>
      </c>
      <c r="CK1783" s="53">
        <v>-401760</v>
      </c>
      <c r="CL1783" s="53">
        <v>-401760</v>
      </c>
      <c r="CM1783" s="53">
        <v>-401760</v>
      </c>
      <c r="CN1783" s="53">
        <v>-4821120</v>
      </c>
    </row>
    <row r="1784" spans="1:92" outlineLevel="1">
      <c r="A1784" s="52" t="s">
        <v>1249</v>
      </c>
      <c r="B1784" s="53">
        <v>166666.66666666701</v>
      </c>
      <c r="C1784" s="53">
        <v>166666.66666666701</v>
      </c>
      <c r="D1784" s="53">
        <v>166666.66666666701</v>
      </c>
      <c r="E1784" s="53">
        <v>166666.66666666701</v>
      </c>
      <c r="F1784" s="53">
        <v>166666.66666666701</v>
      </c>
      <c r="G1784" s="53">
        <v>166666.66666666701</v>
      </c>
      <c r="H1784" s="53">
        <v>166666.66666666701</v>
      </c>
      <c r="I1784" s="53">
        <v>166666.66666666701</v>
      </c>
      <c r="J1784" s="53">
        <v>166666.66666666701</v>
      </c>
      <c r="K1784" s="53">
        <v>166666.66666666701</v>
      </c>
      <c r="L1784" s="53">
        <v>166666.66666666701</v>
      </c>
      <c r="M1784" s="53">
        <v>166666.66666666701</v>
      </c>
      <c r="N1784" s="53">
        <v>2000000</v>
      </c>
      <c r="O1784" s="53">
        <v>13011993.853433199</v>
      </c>
      <c r="P1784" s="53"/>
      <c r="Q1784" s="53"/>
      <c r="R1784" s="53"/>
      <c r="S1784" s="53"/>
      <c r="T1784" s="53"/>
      <c r="U1784" s="53"/>
      <c r="V1784" s="53"/>
      <c r="W1784" s="53"/>
      <c r="X1784" s="53"/>
      <c r="Y1784" s="53"/>
      <c r="Z1784" s="53"/>
      <c r="AA1784" s="53">
        <v>13011993.853433199</v>
      </c>
      <c r="AB1784" s="53"/>
      <c r="AC1784" s="53"/>
      <c r="AD1784" s="53"/>
      <c r="AE1784" s="53"/>
      <c r="AF1784" s="53"/>
      <c r="AG1784" s="53"/>
      <c r="AH1784" s="53"/>
      <c r="AI1784" s="53"/>
      <c r="AJ1784" s="53"/>
      <c r="AK1784" s="53"/>
      <c r="AL1784" s="53"/>
      <c r="AM1784" s="53"/>
      <c r="AN1784" s="53"/>
      <c r="AO1784" s="53"/>
      <c r="AP1784" s="53"/>
      <c r="AQ1784" s="53"/>
      <c r="AR1784" s="53"/>
      <c r="AS1784" s="53"/>
      <c r="AT1784" s="53"/>
      <c r="AU1784" s="53"/>
      <c r="AV1784" s="53"/>
      <c r="AW1784" s="53"/>
      <c r="AX1784" s="53"/>
      <c r="AY1784" s="53"/>
      <c r="AZ1784" s="53"/>
      <c r="BA1784" s="53"/>
      <c r="BB1784" s="53"/>
      <c r="BC1784" s="53"/>
      <c r="BD1784" s="53"/>
      <c r="BE1784" s="53"/>
      <c r="BF1784" s="53"/>
      <c r="BG1784" s="53"/>
      <c r="BH1784" s="53"/>
      <c r="BI1784" s="53"/>
      <c r="BJ1784" s="53"/>
      <c r="BK1784" s="53"/>
      <c r="BL1784" s="53"/>
      <c r="BM1784" s="53"/>
      <c r="BN1784" s="53"/>
      <c r="BO1784" s="53"/>
      <c r="BP1784" s="53"/>
      <c r="BQ1784" s="53"/>
      <c r="BR1784" s="53"/>
      <c r="BS1784" s="53"/>
      <c r="BT1784" s="53"/>
      <c r="BU1784" s="53"/>
      <c r="BV1784" s="53"/>
      <c r="BW1784" s="53"/>
      <c r="BX1784" s="53"/>
      <c r="BY1784" s="53"/>
      <c r="BZ1784" s="53"/>
      <c r="CA1784" s="53"/>
      <c r="CB1784" s="53"/>
      <c r="CC1784" s="53"/>
      <c r="CD1784" s="53"/>
      <c r="CE1784" s="53"/>
      <c r="CF1784" s="53"/>
      <c r="CG1784" s="53"/>
      <c r="CH1784" s="53"/>
      <c r="CI1784" s="53"/>
      <c r="CJ1784" s="53"/>
      <c r="CK1784" s="53"/>
      <c r="CL1784" s="53"/>
      <c r="CM1784" s="53"/>
      <c r="CN1784" s="53"/>
    </row>
    <row r="1785" spans="1:92" outlineLevel="1">
      <c r="A1785" s="52" t="s">
        <v>1287</v>
      </c>
      <c r="B1785" s="53"/>
      <c r="C1785" s="53"/>
      <c r="D1785" s="53"/>
      <c r="E1785" s="53"/>
      <c r="F1785" s="53"/>
      <c r="G1785" s="53"/>
      <c r="H1785" s="53"/>
      <c r="I1785" s="53"/>
      <c r="J1785" s="53"/>
      <c r="K1785" s="53"/>
      <c r="L1785" s="53"/>
      <c r="M1785" s="53"/>
      <c r="N1785" s="53"/>
      <c r="O1785" s="53"/>
      <c r="P1785" s="53"/>
      <c r="Q1785" s="53"/>
      <c r="R1785" s="53"/>
      <c r="S1785" s="53"/>
      <c r="T1785" s="53"/>
      <c r="U1785" s="53"/>
      <c r="V1785" s="53"/>
      <c r="W1785" s="53"/>
      <c r="X1785" s="53"/>
      <c r="Y1785" s="53"/>
      <c r="Z1785" s="53"/>
      <c r="AA1785" s="53"/>
      <c r="AB1785" s="53"/>
      <c r="AC1785" s="53"/>
      <c r="AD1785" s="53"/>
      <c r="AE1785" s="53"/>
      <c r="AF1785" s="53"/>
      <c r="AG1785" s="53"/>
      <c r="AH1785" s="53"/>
      <c r="AI1785" s="53"/>
      <c r="AJ1785" s="53"/>
      <c r="AK1785" s="53"/>
      <c r="AL1785" s="53"/>
      <c r="AM1785" s="53"/>
      <c r="AN1785" s="53"/>
      <c r="AO1785" s="53"/>
      <c r="AP1785" s="53"/>
      <c r="AQ1785" s="53"/>
      <c r="AR1785" s="53"/>
      <c r="AS1785" s="53"/>
      <c r="AT1785" s="53"/>
      <c r="AU1785" s="53"/>
      <c r="AV1785" s="53"/>
      <c r="AW1785" s="53"/>
      <c r="AX1785" s="53"/>
      <c r="AY1785" s="53"/>
      <c r="AZ1785" s="53"/>
      <c r="BA1785" s="53"/>
      <c r="BB1785" s="53"/>
      <c r="BC1785" s="53"/>
      <c r="BD1785" s="53"/>
      <c r="BE1785" s="53"/>
      <c r="BF1785" s="53"/>
      <c r="BG1785" s="53"/>
      <c r="BH1785" s="53"/>
      <c r="BI1785" s="53"/>
      <c r="BJ1785" s="53"/>
      <c r="BK1785" s="53"/>
      <c r="BL1785" s="53"/>
      <c r="BM1785" s="53"/>
      <c r="BN1785" s="53"/>
      <c r="BO1785" s="53"/>
      <c r="BP1785" s="53"/>
      <c r="BQ1785" s="53"/>
      <c r="BR1785" s="53"/>
      <c r="BS1785" s="53"/>
      <c r="BT1785" s="53"/>
      <c r="BU1785" s="53"/>
      <c r="BV1785" s="53"/>
      <c r="BW1785" s="53"/>
      <c r="BX1785" s="53"/>
      <c r="BY1785" s="53"/>
      <c r="BZ1785" s="53"/>
      <c r="CA1785" s="53"/>
      <c r="CB1785" s="53"/>
      <c r="CC1785" s="53"/>
      <c r="CD1785" s="53"/>
      <c r="CE1785" s="53"/>
      <c r="CF1785" s="53"/>
      <c r="CG1785" s="53"/>
      <c r="CH1785" s="53"/>
      <c r="CI1785" s="53"/>
      <c r="CJ1785" s="53"/>
      <c r="CK1785" s="53"/>
      <c r="CL1785" s="53"/>
      <c r="CM1785" s="53"/>
      <c r="CN1785" s="53"/>
    </row>
    <row r="1786" spans="1:92" outlineLevel="1">
      <c r="A1786" s="52" t="s">
        <v>1249</v>
      </c>
      <c r="B1786" s="53">
        <v>16854.599999999999</v>
      </c>
      <c r="C1786" s="53">
        <v>8567.7999999999993</v>
      </c>
      <c r="D1786" s="53">
        <v>1641.6</v>
      </c>
      <c r="E1786" s="53">
        <v>4957</v>
      </c>
      <c r="F1786" s="53">
        <v>16777.400000000001</v>
      </c>
      <c r="G1786" s="53">
        <v>-395.1</v>
      </c>
      <c r="H1786" s="53">
        <v>-113.6</v>
      </c>
      <c r="I1786" s="53">
        <v>455.2</v>
      </c>
      <c r="J1786" s="53">
        <v>2129</v>
      </c>
      <c r="K1786" s="53">
        <v>1834.8999999999901</v>
      </c>
      <c r="L1786" s="53">
        <v>8.6969565163599292</v>
      </c>
      <c r="M1786" s="53">
        <v>6925.2</v>
      </c>
      <c r="N1786" s="53">
        <v>59642.696956516302</v>
      </c>
      <c r="O1786" s="53">
        <v>-26972252.3807608</v>
      </c>
      <c r="P1786" s="53">
        <v>-12342.963667496701</v>
      </c>
      <c r="Q1786" s="53">
        <v>-107477.202463333</v>
      </c>
      <c r="R1786" s="53">
        <v>-107264.92164589401</v>
      </c>
      <c r="S1786" s="53">
        <v>-87254.804872237801</v>
      </c>
      <c r="T1786" s="53">
        <v>-56618.983309157898</v>
      </c>
      <c r="U1786" s="53">
        <v>-66423.5662530962</v>
      </c>
      <c r="V1786" s="53">
        <v>-57434.5205439364</v>
      </c>
      <c r="W1786" s="53">
        <v>-58357.588991040197</v>
      </c>
      <c r="X1786" s="53">
        <v>-76317.635634432503</v>
      </c>
      <c r="Y1786" s="53">
        <v>8353.6205669180599</v>
      </c>
      <c r="Z1786" s="53">
        <v>9266.0006087423099</v>
      </c>
      <c r="AA1786" s="53">
        <v>-27584124.946965698</v>
      </c>
      <c r="AB1786" s="53">
        <v>-19566.449826817901</v>
      </c>
      <c r="AC1786" s="53">
        <v>-33703.264818216499</v>
      </c>
      <c r="AD1786" s="53">
        <v>35567.587871606302</v>
      </c>
      <c r="AE1786" s="53">
        <v>-5642.2607364955602</v>
      </c>
      <c r="AF1786" s="53">
        <v>60900.837342934603</v>
      </c>
      <c r="AG1786" s="53">
        <v>73746.685166889001</v>
      </c>
      <c r="AH1786" s="53">
        <v>26884.298339926499</v>
      </c>
      <c r="AI1786" s="53">
        <v>-77031.902905713301</v>
      </c>
      <c r="AJ1786" s="53">
        <v>-44708.705025899697</v>
      </c>
      <c r="AK1786" s="53">
        <v>-53810.013761321403</v>
      </c>
      <c r="AL1786" s="53">
        <v>5011.6688384317404</v>
      </c>
      <c r="AM1786" s="53">
        <v>22556.548018615998</v>
      </c>
      <c r="AN1786" s="53">
        <v>-9794.9714960601395</v>
      </c>
      <c r="AO1786" s="53">
        <v>16592.636564938301</v>
      </c>
      <c r="AP1786" s="53">
        <v>24403.5073785116</v>
      </c>
      <c r="AQ1786" s="53">
        <v>84752.463028330603</v>
      </c>
      <c r="AR1786" s="53">
        <v>44264.936813268498</v>
      </c>
      <c r="AS1786" s="53">
        <v>94468.629338087398</v>
      </c>
      <c r="AT1786" s="53">
        <v>103709.355246443</v>
      </c>
      <c r="AU1786" s="53">
        <v>56280.2952303407</v>
      </c>
      <c r="AV1786" s="53">
        <v>-70896.193023423199</v>
      </c>
      <c r="AW1786" s="53">
        <v>-43270.8060995552</v>
      </c>
      <c r="AX1786" s="53">
        <v>-13107.5833478512</v>
      </c>
      <c r="AY1786" s="53">
        <v>18262.825693200899</v>
      </c>
      <c r="AZ1786" s="53">
        <v>20087.004303966602</v>
      </c>
      <c r="BA1786" s="53">
        <v>335547.071126258</v>
      </c>
      <c r="BB1786" s="53">
        <v>15829.759425570999</v>
      </c>
      <c r="BC1786" s="53">
        <v>20453.762957928098</v>
      </c>
      <c r="BD1786" s="53">
        <v>58907.947855812403</v>
      </c>
      <c r="BE1786" s="53">
        <v>32315.685607551099</v>
      </c>
      <c r="BF1786" s="53">
        <v>79736.355696440995</v>
      </c>
      <c r="BG1786" s="53">
        <v>76219.210612762297</v>
      </c>
      <c r="BH1786" s="53">
        <v>44241.617582025399</v>
      </c>
      <c r="BI1786" s="53">
        <v>-93594.184419023804</v>
      </c>
      <c r="BJ1786" s="53">
        <v>-82810.495379220796</v>
      </c>
      <c r="BK1786" s="53">
        <v>-49982.634886036998</v>
      </c>
      <c r="BL1786" s="53">
        <v>-23808.6058711197</v>
      </c>
      <c r="BM1786" s="53">
        <v>-21308.695381128899</v>
      </c>
      <c r="BN1786" s="53">
        <v>56199.7238015611</v>
      </c>
      <c r="BO1786" s="53">
        <v>-10423.2427628449</v>
      </c>
      <c r="BP1786" s="53">
        <v>-597.35156434180703</v>
      </c>
      <c r="BQ1786" s="53">
        <v>23318.967840968999</v>
      </c>
      <c r="BR1786" s="53">
        <v>15157.073525915501</v>
      </c>
      <c r="BS1786" s="53">
        <v>49889.174690979402</v>
      </c>
      <c r="BT1786" s="53">
        <v>41408.2619443652</v>
      </c>
      <c r="BU1786" s="53">
        <v>32623.451761930399</v>
      </c>
      <c r="BV1786" s="53">
        <v>-114032.39609742</v>
      </c>
      <c r="BW1786" s="53">
        <v>-102229.043502389</v>
      </c>
      <c r="BX1786" s="53">
        <v>-66725.321171368705</v>
      </c>
      <c r="BY1786" s="53">
        <v>-47441.8958135211</v>
      </c>
      <c r="BZ1786" s="53">
        <v>-45557.996967385399</v>
      </c>
      <c r="CA1786" s="53">
        <v>-224610.31811511199</v>
      </c>
      <c r="CB1786" s="53"/>
      <c r="CC1786" s="53"/>
      <c r="CD1786" s="53"/>
      <c r="CE1786" s="53"/>
      <c r="CF1786" s="53"/>
      <c r="CG1786" s="53"/>
      <c r="CH1786" s="53"/>
      <c r="CI1786" s="53"/>
      <c r="CJ1786" s="53"/>
      <c r="CK1786" s="53"/>
      <c r="CL1786" s="53"/>
      <c r="CM1786" s="53"/>
      <c r="CN1786" s="53"/>
    </row>
    <row r="1787" spans="1:92" outlineLevel="1">
      <c r="A1787" s="52" t="s">
        <v>1291</v>
      </c>
      <c r="B1787" s="53"/>
      <c r="C1787" s="53"/>
      <c r="D1787" s="53"/>
      <c r="E1787" s="53"/>
      <c r="F1787" s="53"/>
      <c r="G1787" s="53"/>
      <c r="H1787" s="53"/>
      <c r="I1787" s="53"/>
      <c r="J1787" s="53"/>
      <c r="K1787" s="53"/>
      <c r="L1787" s="53"/>
      <c r="M1787" s="53"/>
      <c r="N1787" s="53"/>
      <c r="O1787" s="53"/>
      <c r="P1787" s="53"/>
      <c r="Q1787" s="53"/>
      <c r="R1787" s="53"/>
      <c r="S1787" s="53"/>
      <c r="T1787" s="53"/>
      <c r="U1787" s="53"/>
      <c r="V1787" s="53"/>
      <c r="W1787" s="53"/>
      <c r="X1787" s="53"/>
      <c r="Y1787" s="53"/>
      <c r="Z1787" s="53"/>
      <c r="AA1787" s="53"/>
      <c r="AB1787" s="53"/>
      <c r="AC1787" s="53"/>
      <c r="AD1787" s="53"/>
      <c r="AE1787" s="53"/>
      <c r="AF1787" s="53"/>
      <c r="AG1787" s="53"/>
      <c r="AH1787" s="53"/>
      <c r="AI1787" s="53"/>
      <c r="AJ1787" s="53"/>
      <c r="AK1787" s="53"/>
      <c r="AL1787" s="53"/>
      <c r="AM1787" s="53"/>
      <c r="AN1787" s="53"/>
      <c r="AO1787" s="53"/>
      <c r="AP1787" s="53"/>
      <c r="AQ1787" s="53"/>
      <c r="AR1787" s="53"/>
      <c r="AS1787" s="53"/>
      <c r="AT1787" s="53"/>
      <c r="AU1787" s="53"/>
      <c r="AV1787" s="53"/>
      <c r="AW1787" s="53"/>
      <c r="AX1787" s="53"/>
      <c r="AY1787" s="53"/>
      <c r="AZ1787" s="53"/>
      <c r="BA1787" s="53"/>
      <c r="BB1787" s="53"/>
      <c r="BC1787" s="53"/>
      <c r="BD1787" s="53"/>
      <c r="BE1787" s="53"/>
      <c r="BF1787" s="53"/>
      <c r="BG1787" s="53"/>
      <c r="BH1787" s="53"/>
      <c r="BI1787" s="53"/>
      <c r="BJ1787" s="53"/>
      <c r="BK1787" s="53"/>
      <c r="BL1787" s="53"/>
      <c r="BM1787" s="53"/>
      <c r="BN1787" s="53"/>
      <c r="BO1787" s="53"/>
      <c r="BP1787" s="53"/>
      <c r="BQ1787" s="53"/>
      <c r="BR1787" s="53"/>
      <c r="BS1787" s="53"/>
      <c r="BT1787" s="53"/>
      <c r="BU1787" s="53"/>
      <c r="BV1787" s="53"/>
      <c r="BW1787" s="53"/>
      <c r="BX1787" s="53"/>
      <c r="BY1787" s="53"/>
      <c r="BZ1787" s="53"/>
      <c r="CA1787" s="53"/>
      <c r="CB1787" s="53"/>
      <c r="CC1787" s="53"/>
      <c r="CD1787" s="53"/>
      <c r="CE1787" s="53"/>
      <c r="CF1787" s="53"/>
      <c r="CG1787" s="53"/>
      <c r="CH1787" s="53"/>
      <c r="CI1787" s="53"/>
      <c r="CJ1787" s="53"/>
      <c r="CK1787" s="53"/>
      <c r="CL1787" s="53"/>
      <c r="CM1787" s="53"/>
      <c r="CN1787" s="53"/>
    </row>
    <row r="1788" spans="1:92" outlineLevel="1">
      <c r="A1788" s="52" t="s">
        <v>1249</v>
      </c>
      <c r="B1788" s="53">
        <v>720000.74046040897</v>
      </c>
      <c r="C1788" s="53">
        <v>720000.74046040897</v>
      </c>
      <c r="D1788" s="53">
        <v>720000.74046040897</v>
      </c>
      <c r="E1788" s="53">
        <v>720000.74046040897</v>
      </c>
      <c r="F1788" s="53">
        <v>720000.74046040897</v>
      </c>
      <c r="G1788" s="53">
        <v>720000.74046040897</v>
      </c>
      <c r="H1788" s="53">
        <v>720000.74046040897</v>
      </c>
      <c r="I1788" s="53">
        <v>720000.74046040897</v>
      </c>
      <c r="J1788" s="53">
        <v>720000.74046040897</v>
      </c>
      <c r="K1788" s="53">
        <v>720000.74046040897</v>
      </c>
      <c r="L1788" s="53">
        <v>720000.74046040897</v>
      </c>
      <c r="M1788" s="53">
        <v>720000.74046040897</v>
      </c>
      <c r="N1788" s="53">
        <v>8640008.8855249099</v>
      </c>
      <c r="O1788" s="53">
        <v>837739.11872719799</v>
      </c>
      <c r="P1788" s="53">
        <v>-14366131.421122599</v>
      </c>
      <c r="Q1788" s="53">
        <v>-6636112.9663426802</v>
      </c>
      <c r="R1788" s="53">
        <v>17382.418596622301</v>
      </c>
      <c r="S1788" s="53">
        <v>1320420.1621185499</v>
      </c>
      <c r="T1788" s="53">
        <v>1222762.59542939</v>
      </c>
      <c r="U1788" s="53">
        <v>1246933.72720965</v>
      </c>
      <c r="V1788" s="53">
        <v>1198618.65355461</v>
      </c>
      <c r="W1788" s="53">
        <v>816607.97157991305</v>
      </c>
      <c r="X1788" s="53">
        <v>78969.734516533194</v>
      </c>
      <c r="Y1788" s="53"/>
      <c r="Z1788" s="53"/>
      <c r="AA1788" s="53">
        <v>-14262810.005732801</v>
      </c>
      <c r="AB1788" s="53">
        <v>159396.98351845299</v>
      </c>
      <c r="AC1788" s="53">
        <v>7655.8406842814302</v>
      </c>
      <c r="AD1788" s="53"/>
      <c r="AE1788" s="53">
        <v>97255.291564477404</v>
      </c>
      <c r="AF1788" s="53">
        <v>776917.36263051303</v>
      </c>
      <c r="AG1788" s="53">
        <v>738188.55743353197</v>
      </c>
      <c r="AH1788" s="53">
        <v>708003.12641932396</v>
      </c>
      <c r="AI1788" s="53">
        <v>812705.60911089601</v>
      </c>
      <c r="AJ1788" s="53">
        <v>406740.82915997098</v>
      </c>
      <c r="AK1788" s="53">
        <v>183173.97711180101</v>
      </c>
      <c r="AL1788" s="53">
        <v>267465.69639317802</v>
      </c>
      <c r="AM1788" s="53"/>
      <c r="AN1788" s="53">
        <v>4157503.27402642</v>
      </c>
      <c r="AO1788" s="53">
        <v>31914.462826986</v>
      </c>
      <c r="AP1788" s="53">
        <v>8623.9390217233395</v>
      </c>
      <c r="AQ1788" s="53">
        <v>321708.75747491699</v>
      </c>
      <c r="AR1788" s="53">
        <v>149778.38290843501</v>
      </c>
      <c r="AS1788" s="53">
        <v>340894.52444876998</v>
      </c>
      <c r="AT1788" s="53">
        <v>351551.61753155699</v>
      </c>
      <c r="AU1788" s="53">
        <v>330216.15992824099</v>
      </c>
      <c r="AV1788" s="53">
        <v>231424.09819176799</v>
      </c>
      <c r="AW1788" s="53">
        <v>217062.36264681499</v>
      </c>
      <c r="AX1788" s="53">
        <v>114785.01584178599</v>
      </c>
      <c r="AY1788" s="53"/>
      <c r="AZ1788" s="53"/>
      <c r="BA1788" s="53">
        <v>2097959.32082099</v>
      </c>
      <c r="BB1788" s="53">
        <v>54835.355413437399</v>
      </c>
      <c r="BC1788" s="53">
        <v>5999.9016805231804</v>
      </c>
      <c r="BD1788" s="53"/>
      <c r="BE1788" s="53">
        <v>3534.66142005345</v>
      </c>
      <c r="BF1788" s="53">
        <v>446186.69961813401</v>
      </c>
      <c r="BG1788" s="53">
        <v>457606.463671531</v>
      </c>
      <c r="BH1788" s="53">
        <v>439080.89468070801</v>
      </c>
      <c r="BI1788" s="53">
        <v>401082.65208509698</v>
      </c>
      <c r="BJ1788" s="53">
        <v>342254.75542270602</v>
      </c>
      <c r="BK1788" s="53">
        <v>377762.24580325698</v>
      </c>
      <c r="BL1788" s="53">
        <v>108007.46336428</v>
      </c>
      <c r="BM1788" s="53"/>
      <c r="BN1788" s="53">
        <v>2636351.0931597198</v>
      </c>
      <c r="BO1788" s="53">
        <v>42811.950860384997</v>
      </c>
      <c r="BP1788" s="53">
        <v>21507.163226604502</v>
      </c>
      <c r="BQ1788" s="53">
        <v>201253.810403068</v>
      </c>
      <c r="BR1788" s="53">
        <v>2741.34073271125</v>
      </c>
      <c r="BS1788" s="53">
        <v>289003.657767025</v>
      </c>
      <c r="BT1788" s="53">
        <v>285680.66946936602</v>
      </c>
      <c r="BU1788" s="53">
        <v>288034.81392021099</v>
      </c>
      <c r="BV1788" s="53">
        <v>251776.877214943</v>
      </c>
      <c r="BW1788" s="53">
        <v>225111.941258292</v>
      </c>
      <c r="BX1788" s="53">
        <v>167914.45636721599</v>
      </c>
      <c r="BY1788" s="53"/>
      <c r="BZ1788" s="53">
        <v>4270.7639702566703</v>
      </c>
      <c r="CA1788" s="53">
        <v>1780107.44519007</v>
      </c>
      <c r="CB1788" s="53">
        <v>-561404</v>
      </c>
      <c r="CC1788" s="53">
        <v>-569049</v>
      </c>
      <c r="CD1788" s="53">
        <v>-573448</v>
      </c>
      <c r="CE1788" s="53">
        <v>-576189</v>
      </c>
      <c r="CF1788" s="53">
        <v>-581114</v>
      </c>
      <c r="CG1788" s="53">
        <v>-587505</v>
      </c>
      <c r="CH1788" s="53">
        <v>-590878</v>
      </c>
      <c r="CI1788" s="53">
        <v>-590878</v>
      </c>
      <c r="CJ1788" s="53">
        <v>-590878</v>
      </c>
      <c r="CK1788" s="53">
        <v>-590878</v>
      </c>
      <c r="CL1788" s="53">
        <v>-590878</v>
      </c>
      <c r="CM1788" s="53">
        <v>-590878</v>
      </c>
      <c r="CN1788" s="53">
        <v>-6993976.9999999898</v>
      </c>
    </row>
    <row r="1789" spans="1:92" outlineLevel="1">
      <c r="A1789" s="52" t="s">
        <v>1292</v>
      </c>
      <c r="B1789" s="53"/>
      <c r="C1789" s="53"/>
      <c r="D1789" s="53"/>
      <c r="E1789" s="53"/>
      <c r="F1789" s="53"/>
      <c r="G1789" s="53"/>
      <c r="H1789" s="53"/>
      <c r="I1789" s="53"/>
      <c r="J1789" s="53"/>
      <c r="K1789" s="53"/>
      <c r="L1789" s="53"/>
      <c r="M1789" s="53"/>
      <c r="N1789" s="53"/>
      <c r="O1789" s="53"/>
      <c r="P1789" s="53"/>
      <c r="Q1789" s="53"/>
      <c r="R1789" s="53"/>
      <c r="S1789" s="53"/>
      <c r="T1789" s="53"/>
      <c r="U1789" s="53"/>
      <c r="V1789" s="53"/>
      <c r="W1789" s="53"/>
      <c r="X1789" s="53"/>
      <c r="Y1789" s="53"/>
      <c r="Z1789" s="53"/>
      <c r="AA1789" s="53"/>
      <c r="AB1789" s="53"/>
      <c r="AC1789" s="53"/>
      <c r="AD1789" s="53"/>
      <c r="AE1789" s="53"/>
      <c r="AF1789" s="53"/>
      <c r="AG1789" s="53"/>
      <c r="AH1789" s="53"/>
      <c r="AI1789" s="53"/>
      <c r="AJ1789" s="53"/>
      <c r="AK1789" s="53"/>
      <c r="AL1789" s="53"/>
      <c r="AM1789" s="53"/>
      <c r="AN1789" s="53"/>
      <c r="AO1789" s="53"/>
      <c r="AP1789" s="53"/>
      <c r="AQ1789" s="53"/>
      <c r="AR1789" s="53"/>
      <c r="AS1789" s="53"/>
      <c r="AT1789" s="53"/>
      <c r="AU1789" s="53"/>
      <c r="AV1789" s="53"/>
      <c r="AW1789" s="53"/>
      <c r="AX1789" s="53"/>
      <c r="AY1789" s="53"/>
      <c r="AZ1789" s="53"/>
      <c r="BA1789" s="53"/>
      <c r="BB1789" s="53"/>
      <c r="BC1789" s="53"/>
      <c r="BD1789" s="53"/>
      <c r="BE1789" s="53"/>
      <c r="BF1789" s="53"/>
      <c r="BG1789" s="53"/>
      <c r="BH1789" s="53"/>
      <c r="BI1789" s="53"/>
      <c r="BJ1789" s="53"/>
      <c r="BK1789" s="53"/>
      <c r="BL1789" s="53"/>
      <c r="BM1789" s="53"/>
      <c r="BN1789" s="53"/>
      <c r="BO1789" s="53"/>
      <c r="BP1789" s="53"/>
      <c r="BQ1789" s="53"/>
      <c r="BR1789" s="53"/>
      <c r="BS1789" s="53"/>
      <c r="BT1789" s="53"/>
      <c r="BU1789" s="53"/>
      <c r="BV1789" s="53"/>
      <c r="BW1789" s="53"/>
      <c r="BX1789" s="53"/>
      <c r="BY1789" s="53"/>
      <c r="BZ1789" s="53"/>
      <c r="CA1789" s="53"/>
      <c r="CB1789" s="53"/>
      <c r="CC1789" s="53"/>
      <c r="CD1789" s="53"/>
      <c r="CE1789" s="53"/>
      <c r="CF1789" s="53"/>
      <c r="CG1789" s="53"/>
      <c r="CH1789" s="53"/>
      <c r="CI1789" s="53"/>
      <c r="CJ1789" s="53"/>
      <c r="CK1789" s="53"/>
      <c r="CL1789" s="53"/>
      <c r="CM1789" s="53"/>
      <c r="CN1789" s="53"/>
    </row>
    <row r="1790" spans="1:92" outlineLevel="1">
      <c r="A1790" s="52" t="s">
        <v>1249</v>
      </c>
      <c r="B1790" s="53">
        <v>-228698.20629999999</v>
      </c>
      <c r="C1790" s="53">
        <v>-117870.7846</v>
      </c>
      <c r="D1790" s="53">
        <v>-62151.5</v>
      </c>
      <c r="E1790" s="53">
        <v>-36723.769999999997</v>
      </c>
      <c r="F1790" s="53">
        <v>-66655.3</v>
      </c>
      <c r="G1790" s="53">
        <v>1206775</v>
      </c>
      <c r="H1790" s="53">
        <v>1170593.8</v>
      </c>
      <c r="I1790" s="53">
        <v>1213492.29999999</v>
      </c>
      <c r="J1790" s="53">
        <v>1231131.8999999999</v>
      </c>
      <c r="K1790" s="53">
        <v>1234847.6000000001</v>
      </c>
      <c r="L1790" s="53">
        <v>1244708.5999999901</v>
      </c>
      <c r="M1790" s="53">
        <v>4505441.3999999901</v>
      </c>
      <c r="N1790" s="53">
        <v>11294891.0390999</v>
      </c>
      <c r="O1790" s="53"/>
      <c r="P1790" s="53"/>
      <c r="Q1790" s="53"/>
      <c r="R1790" s="53"/>
      <c r="S1790" s="53"/>
      <c r="T1790" s="53"/>
      <c r="U1790" s="53"/>
      <c r="V1790" s="53"/>
      <c r="W1790" s="53"/>
      <c r="X1790" s="53"/>
      <c r="Y1790" s="53"/>
      <c r="Z1790" s="53"/>
      <c r="AA1790" s="53"/>
      <c r="AB1790" s="53"/>
      <c r="AC1790" s="53"/>
      <c r="AD1790" s="53"/>
      <c r="AE1790" s="53"/>
      <c r="AF1790" s="53"/>
      <c r="AG1790" s="53"/>
      <c r="AH1790" s="53"/>
      <c r="AI1790" s="53"/>
      <c r="AJ1790" s="53"/>
      <c r="AK1790" s="53"/>
      <c r="AL1790" s="53"/>
      <c r="AM1790" s="53"/>
      <c r="AN1790" s="53"/>
      <c r="AO1790" s="53"/>
      <c r="AP1790" s="53"/>
      <c r="AQ1790" s="53"/>
      <c r="AR1790" s="53"/>
      <c r="AS1790" s="53"/>
      <c r="AT1790" s="53"/>
      <c r="AU1790" s="53"/>
      <c r="AV1790" s="53"/>
      <c r="AW1790" s="53"/>
      <c r="AX1790" s="53"/>
      <c r="AY1790" s="53"/>
      <c r="AZ1790" s="53"/>
      <c r="BA1790" s="53"/>
      <c r="BB1790" s="53"/>
      <c r="BC1790" s="53"/>
      <c r="BD1790" s="53"/>
      <c r="BE1790" s="53"/>
      <c r="BF1790" s="53"/>
      <c r="BG1790" s="53"/>
      <c r="BH1790" s="53"/>
      <c r="BI1790" s="53"/>
      <c r="BJ1790" s="53"/>
      <c r="BK1790" s="53"/>
      <c r="BL1790" s="53"/>
      <c r="BM1790" s="53"/>
      <c r="BN1790" s="53"/>
      <c r="BO1790" s="53"/>
      <c r="BP1790" s="53"/>
      <c r="BQ1790" s="53"/>
      <c r="BR1790" s="53"/>
      <c r="BS1790" s="53"/>
      <c r="BT1790" s="53"/>
      <c r="BU1790" s="53"/>
      <c r="BV1790" s="53"/>
      <c r="BW1790" s="53"/>
      <c r="BX1790" s="53"/>
      <c r="BY1790" s="53"/>
      <c r="BZ1790" s="53"/>
      <c r="CA1790" s="53"/>
      <c r="CB1790" s="53"/>
      <c r="CC1790" s="53"/>
      <c r="CD1790" s="53"/>
      <c r="CE1790" s="53"/>
      <c r="CF1790" s="53"/>
      <c r="CG1790" s="53"/>
      <c r="CH1790" s="53"/>
      <c r="CI1790" s="53"/>
      <c r="CJ1790" s="53"/>
      <c r="CK1790" s="53"/>
      <c r="CL1790" s="53"/>
      <c r="CM1790" s="53"/>
      <c r="CN1790" s="53"/>
    </row>
    <row r="1791" spans="1:92" outlineLevel="1">
      <c r="A1791" s="59" t="s">
        <v>1524</v>
      </c>
      <c r="B1791" s="53">
        <v>553219359.65999997</v>
      </c>
      <c r="C1791" s="53">
        <v>547998512.17999899</v>
      </c>
      <c r="D1791" s="53">
        <v>531915554.45999902</v>
      </c>
      <c r="E1791" s="53">
        <v>564741400.63999903</v>
      </c>
      <c r="F1791" s="53">
        <v>699532299.88999903</v>
      </c>
      <c r="G1791" s="53">
        <v>749998737.21000004</v>
      </c>
      <c r="H1791" s="53">
        <v>775776294.13999903</v>
      </c>
      <c r="I1791" s="53">
        <v>800470036.23000002</v>
      </c>
      <c r="J1791" s="53">
        <v>926381413.54999995</v>
      </c>
      <c r="K1791" s="53">
        <v>931087181.50999904</v>
      </c>
      <c r="L1791" s="53">
        <v>905710373.27999902</v>
      </c>
      <c r="M1791" s="53">
        <v>880098437.84999895</v>
      </c>
      <c r="N1791" s="53">
        <v>880098437.84999895</v>
      </c>
      <c r="O1791" s="53">
        <v>880098437.84999895</v>
      </c>
      <c r="P1791" s="53">
        <v>880098437.84999895</v>
      </c>
      <c r="Q1791" s="53">
        <v>880098437.84999895</v>
      </c>
      <c r="R1791" s="53">
        <v>880098437.84999895</v>
      </c>
      <c r="S1791" s="53">
        <v>880098437.84999895</v>
      </c>
      <c r="T1791" s="53">
        <v>880098437.84999895</v>
      </c>
      <c r="U1791" s="53">
        <v>880098437.84999895</v>
      </c>
      <c r="V1791" s="53">
        <v>880098437.84999895</v>
      </c>
      <c r="W1791" s="53">
        <v>880098437.84999895</v>
      </c>
      <c r="X1791" s="53">
        <v>880098437.84999895</v>
      </c>
      <c r="Y1791" s="53">
        <v>880098437.84999895</v>
      </c>
      <c r="Z1791" s="53">
        <v>880098437.84999895</v>
      </c>
      <c r="AA1791" s="53">
        <v>880098437.84999895</v>
      </c>
      <c r="AB1791" s="53">
        <v>880098437.84999895</v>
      </c>
      <c r="AC1791" s="53">
        <v>880098437.84999895</v>
      </c>
      <c r="AD1791" s="53">
        <v>880098437.84999895</v>
      </c>
      <c r="AE1791" s="53">
        <v>880098437.84999895</v>
      </c>
      <c r="AF1791" s="53">
        <v>880098437.84999895</v>
      </c>
      <c r="AG1791" s="53">
        <v>880098437.84999895</v>
      </c>
      <c r="AH1791" s="53">
        <v>880098437.84999895</v>
      </c>
      <c r="AI1791" s="53">
        <v>880098437.84999895</v>
      </c>
      <c r="AJ1791" s="53">
        <v>880098437.84999895</v>
      </c>
      <c r="AK1791" s="53">
        <v>880098437.84999895</v>
      </c>
      <c r="AL1791" s="53">
        <v>880098437.84999895</v>
      </c>
      <c r="AM1791" s="53">
        <v>880098437.84999895</v>
      </c>
      <c r="AN1791" s="53">
        <v>880098437.84999895</v>
      </c>
      <c r="AO1791" s="53">
        <v>880098437.84999895</v>
      </c>
      <c r="AP1791" s="53">
        <v>880098437.84999895</v>
      </c>
      <c r="AQ1791" s="53">
        <v>880098437.84999895</v>
      </c>
      <c r="AR1791" s="53">
        <v>880098437.84999895</v>
      </c>
      <c r="AS1791" s="53">
        <v>880098437.84999895</v>
      </c>
      <c r="AT1791" s="53">
        <v>880098437.84999895</v>
      </c>
      <c r="AU1791" s="53">
        <v>880098437.84999895</v>
      </c>
      <c r="AV1791" s="53">
        <v>880098437.84999895</v>
      </c>
      <c r="AW1791" s="53">
        <v>880098437.84999895</v>
      </c>
      <c r="AX1791" s="53">
        <v>880098437.84999895</v>
      </c>
      <c r="AY1791" s="53">
        <v>880098437.84999895</v>
      </c>
      <c r="AZ1791" s="53">
        <v>880098437.84999895</v>
      </c>
      <c r="BA1791" s="53">
        <v>880098437.84999895</v>
      </c>
      <c r="BB1791" s="53">
        <v>880098437.84999895</v>
      </c>
      <c r="BC1791" s="53">
        <v>880098437.84999895</v>
      </c>
      <c r="BD1791" s="53">
        <v>880098437.84999895</v>
      </c>
      <c r="BE1791" s="53">
        <v>880098437.84999895</v>
      </c>
      <c r="BF1791" s="53">
        <v>880098437.84999895</v>
      </c>
      <c r="BG1791" s="53">
        <v>880098437.84999895</v>
      </c>
      <c r="BH1791" s="53">
        <v>880098437.84999895</v>
      </c>
      <c r="BI1791" s="53">
        <v>880098437.84999895</v>
      </c>
      <c r="BJ1791" s="53">
        <v>880098437.84999895</v>
      </c>
      <c r="BK1791" s="53">
        <v>880098437.84999895</v>
      </c>
      <c r="BL1791" s="53">
        <v>880098437.84999895</v>
      </c>
      <c r="BM1791" s="53">
        <v>880098437.84999895</v>
      </c>
      <c r="BN1791" s="53">
        <v>880098437.84999895</v>
      </c>
      <c r="BO1791" s="53">
        <v>880098437.84999895</v>
      </c>
      <c r="BP1791" s="53">
        <v>880098437.84999895</v>
      </c>
      <c r="BQ1791" s="53">
        <v>880098437.84999895</v>
      </c>
      <c r="BR1791" s="53">
        <v>880098437.84999895</v>
      </c>
      <c r="BS1791" s="53">
        <v>880098437.84999895</v>
      </c>
      <c r="BT1791" s="53">
        <v>880098437.84999895</v>
      </c>
      <c r="BU1791" s="53">
        <v>880098437.84999895</v>
      </c>
      <c r="BV1791" s="53">
        <v>880098437.84999895</v>
      </c>
      <c r="BW1791" s="53">
        <v>880098437.84999895</v>
      </c>
      <c r="BX1791" s="53">
        <v>880098437.84999895</v>
      </c>
      <c r="BY1791" s="53">
        <v>880098437.84999895</v>
      </c>
      <c r="BZ1791" s="53">
        <v>880098437.84999895</v>
      </c>
      <c r="CA1791" s="53">
        <v>880098437.84999895</v>
      </c>
      <c r="CB1791" s="53"/>
      <c r="CC1791" s="53"/>
      <c r="CD1791" s="53"/>
      <c r="CE1791" s="53"/>
      <c r="CF1791" s="53"/>
      <c r="CG1791" s="53"/>
      <c r="CH1791" s="53"/>
      <c r="CI1791" s="53"/>
      <c r="CJ1791" s="53"/>
      <c r="CK1791" s="53"/>
      <c r="CL1791" s="53"/>
      <c r="CM1791" s="53"/>
      <c r="CN1791" s="53"/>
    </row>
    <row r="1792" spans="1:92" outlineLevel="1">
      <c r="A1792" s="52" t="s">
        <v>1525</v>
      </c>
      <c r="B1792" s="53"/>
      <c r="C1792" s="53"/>
      <c r="D1792" s="53"/>
      <c r="E1792" s="53"/>
      <c r="F1792" s="53"/>
      <c r="G1792" s="53"/>
      <c r="H1792" s="53"/>
      <c r="I1792" s="53"/>
      <c r="J1792" s="53"/>
      <c r="K1792" s="53"/>
      <c r="L1792" s="53"/>
      <c r="M1792" s="53"/>
      <c r="N1792" s="53"/>
      <c r="O1792" s="53"/>
      <c r="P1792" s="53"/>
      <c r="Q1792" s="53"/>
      <c r="R1792" s="53"/>
      <c r="S1792" s="53"/>
      <c r="T1792" s="53"/>
      <c r="U1792" s="53"/>
      <c r="V1792" s="53"/>
      <c r="W1792" s="53"/>
      <c r="X1792" s="53"/>
      <c r="Y1792" s="53"/>
      <c r="Z1792" s="53"/>
      <c r="AA1792" s="53"/>
      <c r="AB1792" s="53"/>
      <c r="AC1792" s="53"/>
      <c r="AD1792" s="53"/>
      <c r="AE1792" s="53"/>
      <c r="AF1792" s="53"/>
      <c r="AG1792" s="53"/>
      <c r="AH1792" s="53"/>
      <c r="AI1792" s="53"/>
      <c r="AJ1792" s="53"/>
      <c r="AK1792" s="53"/>
      <c r="AL1792" s="53"/>
      <c r="AM1792" s="53"/>
      <c r="AN1792" s="53"/>
      <c r="AO1792" s="53"/>
      <c r="AP1792" s="53"/>
      <c r="AQ1792" s="53"/>
      <c r="AR1792" s="53"/>
      <c r="AS1792" s="53"/>
      <c r="AT1792" s="53"/>
      <c r="AU1792" s="53"/>
      <c r="AV1792" s="53"/>
      <c r="AW1792" s="53"/>
      <c r="AX1792" s="53"/>
      <c r="AY1792" s="53"/>
      <c r="AZ1792" s="53"/>
      <c r="BA1792" s="53"/>
      <c r="BB1792" s="53"/>
      <c r="BC1792" s="53"/>
      <c r="BD1792" s="53"/>
      <c r="BE1792" s="53"/>
      <c r="BF1792" s="53"/>
      <c r="BG1792" s="53"/>
      <c r="BH1792" s="53"/>
      <c r="BI1792" s="53"/>
      <c r="BJ1792" s="53"/>
      <c r="BK1792" s="53"/>
      <c r="BL1792" s="53"/>
      <c r="BM1792" s="53"/>
      <c r="BN1792" s="53"/>
      <c r="BO1792" s="53"/>
      <c r="BP1792" s="53"/>
      <c r="BQ1792" s="53"/>
      <c r="BR1792" s="53"/>
      <c r="BS1792" s="53"/>
      <c r="BT1792" s="53"/>
      <c r="BU1792" s="53"/>
      <c r="BV1792" s="53"/>
      <c r="BW1792" s="53"/>
      <c r="BX1792" s="53"/>
      <c r="BY1792" s="53"/>
      <c r="BZ1792" s="53"/>
      <c r="CA1792" s="53"/>
      <c r="CB1792" s="53"/>
      <c r="CC1792" s="53"/>
      <c r="CD1792" s="53"/>
      <c r="CE1792" s="53"/>
      <c r="CF1792" s="53"/>
      <c r="CG1792" s="53"/>
      <c r="CH1792" s="53"/>
      <c r="CI1792" s="53"/>
      <c r="CJ1792" s="53"/>
      <c r="CK1792" s="53"/>
      <c r="CL1792" s="53"/>
      <c r="CM1792" s="53"/>
      <c r="CN1792" s="53"/>
    </row>
    <row r="1793" spans="1:92" outlineLevel="1">
      <c r="A1793" s="52" t="s">
        <v>1526</v>
      </c>
      <c r="B1793" s="53">
        <v>130598086.83</v>
      </c>
      <c r="C1793" s="53">
        <v>97563668.599999994</v>
      </c>
      <c r="D1793" s="53">
        <v>119473430.61</v>
      </c>
      <c r="E1793" s="53">
        <v>117616643.39</v>
      </c>
      <c r="F1793" s="53">
        <v>105656438.11</v>
      </c>
      <c r="G1793" s="53">
        <v>146351068.91</v>
      </c>
      <c r="H1793" s="53">
        <v>95268762.359999999</v>
      </c>
      <c r="I1793" s="53">
        <v>217159320.58000001</v>
      </c>
      <c r="J1793" s="53">
        <v>119111051.31</v>
      </c>
      <c r="K1793" s="53">
        <v>201644959.30999899</v>
      </c>
      <c r="L1793" s="53">
        <v>163644642.75999999</v>
      </c>
      <c r="M1793" s="53">
        <v>177053487.209999</v>
      </c>
      <c r="N1793" s="53">
        <v>177053487.209999</v>
      </c>
      <c r="O1793" s="53">
        <v>177053487.209999</v>
      </c>
      <c r="P1793" s="53">
        <v>177053487.209999</v>
      </c>
      <c r="Q1793" s="53">
        <v>177053487.209999</v>
      </c>
      <c r="R1793" s="53">
        <v>177053487.209999</v>
      </c>
      <c r="S1793" s="53">
        <v>177053487.209999</v>
      </c>
      <c r="T1793" s="53">
        <v>177053487.209999</v>
      </c>
      <c r="U1793" s="53">
        <v>177053487.209999</v>
      </c>
      <c r="V1793" s="53">
        <v>177053487.209999</v>
      </c>
      <c r="W1793" s="53">
        <v>177053487.209999</v>
      </c>
      <c r="X1793" s="53">
        <v>177053487.209999</v>
      </c>
      <c r="Y1793" s="53">
        <v>177053487.209999</v>
      </c>
      <c r="Z1793" s="53">
        <v>177053487.209999</v>
      </c>
      <c r="AA1793" s="53">
        <v>177053487.209999</v>
      </c>
      <c r="AB1793" s="53">
        <v>177053487.209999</v>
      </c>
      <c r="AC1793" s="53">
        <v>177053487.209999</v>
      </c>
      <c r="AD1793" s="53">
        <v>177053487.209999</v>
      </c>
      <c r="AE1793" s="53">
        <v>177053487.209999</v>
      </c>
      <c r="AF1793" s="53">
        <v>177053487.209999</v>
      </c>
      <c r="AG1793" s="53">
        <v>177053487.209999</v>
      </c>
      <c r="AH1793" s="53">
        <v>177053487.209999</v>
      </c>
      <c r="AI1793" s="53">
        <v>177053487.209999</v>
      </c>
      <c r="AJ1793" s="53">
        <v>177053487.209999</v>
      </c>
      <c r="AK1793" s="53">
        <v>177053487.209999</v>
      </c>
      <c r="AL1793" s="53">
        <v>177053487.209999</v>
      </c>
      <c r="AM1793" s="53">
        <v>177053487.209999</v>
      </c>
      <c r="AN1793" s="53">
        <v>177053487.209999</v>
      </c>
      <c r="AO1793" s="53">
        <v>177053487.209999</v>
      </c>
      <c r="AP1793" s="53">
        <v>177053487.209999</v>
      </c>
      <c r="AQ1793" s="53">
        <v>177053487.209999</v>
      </c>
      <c r="AR1793" s="53">
        <v>177053487.209999</v>
      </c>
      <c r="AS1793" s="53">
        <v>177053487.209999</v>
      </c>
      <c r="AT1793" s="53">
        <v>177053487.209999</v>
      </c>
      <c r="AU1793" s="53">
        <v>177053487.209999</v>
      </c>
      <c r="AV1793" s="53">
        <v>177053487.209999</v>
      </c>
      <c r="AW1793" s="53">
        <v>177053487.209999</v>
      </c>
      <c r="AX1793" s="53">
        <v>177053487.209999</v>
      </c>
      <c r="AY1793" s="53">
        <v>177053487.209999</v>
      </c>
      <c r="AZ1793" s="53">
        <v>177053487.209999</v>
      </c>
      <c r="BA1793" s="53">
        <v>177053487.209999</v>
      </c>
      <c r="BB1793" s="53">
        <v>177053487.209999</v>
      </c>
      <c r="BC1793" s="53">
        <v>177053487.209999</v>
      </c>
      <c r="BD1793" s="53">
        <v>177053487.209999</v>
      </c>
      <c r="BE1793" s="53">
        <v>177053487.209999</v>
      </c>
      <c r="BF1793" s="53">
        <v>177053487.209999</v>
      </c>
      <c r="BG1793" s="53">
        <v>177053487.209999</v>
      </c>
      <c r="BH1793" s="53">
        <v>177053487.209999</v>
      </c>
      <c r="BI1793" s="53">
        <v>177053487.209999</v>
      </c>
      <c r="BJ1793" s="53">
        <v>177053487.209999</v>
      </c>
      <c r="BK1793" s="53">
        <v>177053487.209999</v>
      </c>
      <c r="BL1793" s="53">
        <v>177053487.209999</v>
      </c>
      <c r="BM1793" s="53">
        <v>177053487.209999</v>
      </c>
      <c r="BN1793" s="53">
        <v>177053487.209999</v>
      </c>
      <c r="BO1793" s="53">
        <v>177053487.209999</v>
      </c>
      <c r="BP1793" s="53">
        <v>177053487.209999</v>
      </c>
      <c r="BQ1793" s="53">
        <v>177053487.209999</v>
      </c>
      <c r="BR1793" s="53">
        <v>177053487.209999</v>
      </c>
      <c r="BS1793" s="53">
        <v>177053487.209999</v>
      </c>
      <c r="BT1793" s="53">
        <v>177053487.209999</v>
      </c>
      <c r="BU1793" s="53">
        <v>177053487.209999</v>
      </c>
      <c r="BV1793" s="53">
        <v>177053487.209999</v>
      </c>
      <c r="BW1793" s="53">
        <v>177053487.209999</v>
      </c>
      <c r="BX1793" s="53">
        <v>177053487.209999</v>
      </c>
      <c r="BY1793" s="53">
        <v>177053487.209999</v>
      </c>
      <c r="BZ1793" s="53">
        <v>177053487.209999</v>
      </c>
      <c r="CA1793" s="53">
        <v>177053487.209999</v>
      </c>
      <c r="CB1793" s="53">
        <v>27248396462.804501</v>
      </c>
      <c r="CC1793" s="53">
        <v>27357383315.0187</v>
      </c>
      <c r="CD1793" s="53">
        <v>27463499921.0714</v>
      </c>
      <c r="CE1793" s="53">
        <v>27561108295.315701</v>
      </c>
      <c r="CF1793" s="53">
        <v>27719671209.3965</v>
      </c>
      <c r="CG1793" s="53">
        <v>27846430316.243</v>
      </c>
      <c r="CH1793" s="53">
        <v>27939852535.654701</v>
      </c>
      <c r="CI1793" s="53">
        <v>28139141191.585602</v>
      </c>
      <c r="CJ1793" s="53">
        <v>28258459731.8601</v>
      </c>
      <c r="CK1793" s="53">
        <v>28395625821.7672</v>
      </c>
      <c r="CL1793" s="53">
        <v>28275280703.889599</v>
      </c>
      <c r="CM1793" s="53">
        <v>28231671248.1511</v>
      </c>
      <c r="CN1793" s="53">
        <v>28231671248.1511</v>
      </c>
    </row>
    <row r="1794" spans="1:92" outlineLevel="1">
      <c r="A1794" s="59" t="s">
        <v>1527</v>
      </c>
      <c r="B1794" s="53">
        <v>130598086.83</v>
      </c>
      <c r="C1794" s="53">
        <v>97563668.599999994</v>
      </c>
      <c r="D1794" s="53">
        <v>119473430.61</v>
      </c>
      <c r="E1794" s="53">
        <v>117616643.39</v>
      </c>
      <c r="F1794" s="53">
        <v>105656438.11</v>
      </c>
      <c r="G1794" s="53">
        <v>146351068.91</v>
      </c>
      <c r="H1794" s="53">
        <v>95268762.359999999</v>
      </c>
      <c r="I1794" s="53">
        <v>217159320.58000001</v>
      </c>
      <c r="J1794" s="53">
        <v>119111051.31</v>
      </c>
      <c r="K1794" s="53">
        <v>201644959.30999899</v>
      </c>
      <c r="L1794" s="53">
        <v>163644642.75999999</v>
      </c>
      <c r="M1794" s="53">
        <v>177053487.209999</v>
      </c>
      <c r="N1794" s="53">
        <v>177053487.209999</v>
      </c>
      <c r="O1794" s="53">
        <v>177053487.209999</v>
      </c>
      <c r="P1794" s="53">
        <v>177053487.209999</v>
      </c>
      <c r="Q1794" s="53">
        <v>177053487.209999</v>
      </c>
      <c r="R1794" s="53">
        <v>177053487.209999</v>
      </c>
      <c r="S1794" s="53">
        <v>177053487.209999</v>
      </c>
      <c r="T1794" s="53">
        <v>177053487.209999</v>
      </c>
      <c r="U1794" s="53">
        <v>177053487.209999</v>
      </c>
      <c r="V1794" s="53">
        <v>177053487.209999</v>
      </c>
      <c r="W1794" s="53">
        <v>177053487.209999</v>
      </c>
      <c r="X1794" s="53">
        <v>177053487.209999</v>
      </c>
      <c r="Y1794" s="53">
        <v>177053487.209999</v>
      </c>
      <c r="Z1794" s="53">
        <v>177053487.209999</v>
      </c>
      <c r="AA1794" s="53">
        <v>177053487.209999</v>
      </c>
      <c r="AB1794" s="53">
        <v>177053487.209999</v>
      </c>
      <c r="AC1794" s="53">
        <v>177053487.209999</v>
      </c>
      <c r="AD1794" s="53">
        <v>177053487.209999</v>
      </c>
      <c r="AE1794" s="53">
        <v>177053487.209999</v>
      </c>
      <c r="AF1794" s="53">
        <v>177053487.209999</v>
      </c>
      <c r="AG1794" s="53">
        <v>177053487.209999</v>
      </c>
      <c r="AH1794" s="53">
        <v>177053487.209999</v>
      </c>
      <c r="AI1794" s="53">
        <v>177053487.209999</v>
      </c>
      <c r="AJ1794" s="53">
        <v>177053487.209999</v>
      </c>
      <c r="AK1794" s="53">
        <v>177053487.209999</v>
      </c>
      <c r="AL1794" s="53">
        <v>177053487.209999</v>
      </c>
      <c r="AM1794" s="53">
        <v>177053487.209999</v>
      </c>
      <c r="AN1794" s="53">
        <v>177053487.209999</v>
      </c>
      <c r="AO1794" s="53">
        <v>177053487.209999</v>
      </c>
      <c r="AP1794" s="53">
        <v>177053487.209999</v>
      </c>
      <c r="AQ1794" s="53">
        <v>177053487.209999</v>
      </c>
      <c r="AR1794" s="53">
        <v>177053487.209999</v>
      </c>
      <c r="AS1794" s="53">
        <v>177053487.209999</v>
      </c>
      <c r="AT1794" s="53">
        <v>177053487.209999</v>
      </c>
      <c r="AU1794" s="53">
        <v>177053487.209999</v>
      </c>
      <c r="AV1794" s="53">
        <v>177053487.209999</v>
      </c>
      <c r="AW1794" s="53">
        <v>177053487.209999</v>
      </c>
      <c r="AX1794" s="53">
        <v>177053487.209999</v>
      </c>
      <c r="AY1794" s="53">
        <v>177053487.209999</v>
      </c>
      <c r="AZ1794" s="53">
        <v>177053487.209999</v>
      </c>
      <c r="BA1794" s="53">
        <v>177053487.209999</v>
      </c>
      <c r="BB1794" s="53">
        <v>177053487.209999</v>
      </c>
      <c r="BC1794" s="53">
        <v>177053487.209999</v>
      </c>
      <c r="BD1794" s="53">
        <v>177053487.209999</v>
      </c>
      <c r="BE1794" s="53">
        <v>177053487.209999</v>
      </c>
      <c r="BF1794" s="53">
        <v>177053487.209999</v>
      </c>
      <c r="BG1794" s="53">
        <v>177053487.209999</v>
      </c>
      <c r="BH1794" s="53">
        <v>177053487.209999</v>
      </c>
      <c r="BI1794" s="53">
        <v>177053487.209999</v>
      </c>
      <c r="BJ1794" s="53">
        <v>177053487.209999</v>
      </c>
      <c r="BK1794" s="53">
        <v>177053487.209999</v>
      </c>
      <c r="BL1794" s="53">
        <v>177053487.209999</v>
      </c>
      <c r="BM1794" s="53">
        <v>177053487.209999</v>
      </c>
      <c r="BN1794" s="53">
        <v>177053487.209999</v>
      </c>
      <c r="BO1794" s="53">
        <v>177053487.209999</v>
      </c>
      <c r="BP1794" s="53">
        <v>177053487.209999</v>
      </c>
      <c r="BQ1794" s="53">
        <v>177053487.209999</v>
      </c>
      <c r="BR1794" s="53">
        <v>177053487.209999</v>
      </c>
      <c r="BS1794" s="53">
        <v>177053487.209999</v>
      </c>
      <c r="BT1794" s="53">
        <v>177053487.209999</v>
      </c>
      <c r="BU1794" s="53">
        <v>177053487.209999</v>
      </c>
      <c r="BV1794" s="53">
        <v>177053487.209999</v>
      </c>
      <c r="BW1794" s="53">
        <v>177053487.209999</v>
      </c>
      <c r="BX1794" s="53">
        <v>177053487.209999</v>
      </c>
      <c r="BY1794" s="53">
        <v>177053487.209999</v>
      </c>
      <c r="BZ1794" s="53">
        <v>177053487.209999</v>
      </c>
      <c r="CA1794" s="53">
        <v>177053487.209999</v>
      </c>
      <c r="CB1794" s="53"/>
      <c r="CC1794" s="53"/>
      <c r="CD1794" s="53"/>
      <c r="CE1794" s="53"/>
      <c r="CF1794" s="53"/>
      <c r="CG1794" s="53"/>
      <c r="CH1794" s="53"/>
      <c r="CI1794" s="53"/>
      <c r="CJ1794" s="53"/>
      <c r="CK1794" s="53"/>
      <c r="CL1794" s="53"/>
      <c r="CM1794" s="53"/>
      <c r="CN1794" s="53"/>
    </row>
    <row r="1795" spans="1:92" outlineLevel="1">
      <c r="A1795" s="52" t="s">
        <v>1528</v>
      </c>
      <c r="B1795" s="53"/>
      <c r="C1795" s="53"/>
      <c r="D1795" s="53"/>
      <c r="E1795" s="53"/>
      <c r="F1795" s="53"/>
      <c r="G1795" s="53"/>
      <c r="H1795" s="53"/>
      <c r="I1795" s="53"/>
      <c r="J1795" s="53"/>
      <c r="K1795" s="53"/>
      <c r="L1795" s="53"/>
      <c r="M1795" s="53"/>
      <c r="N1795" s="53"/>
      <c r="O1795" s="53"/>
      <c r="P1795" s="53"/>
      <c r="Q1795" s="53"/>
      <c r="R1795" s="53"/>
      <c r="S1795" s="53"/>
      <c r="T1795" s="53"/>
      <c r="U1795" s="53"/>
      <c r="V1795" s="53"/>
      <c r="W1795" s="53"/>
      <c r="X1795" s="53"/>
      <c r="Y1795" s="53"/>
      <c r="Z1795" s="53"/>
      <c r="AA1795" s="53"/>
      <c r="AB1795" s="53"/>
      <c r="AC1795" s="53"/>
      <c r="AD1795" s="53"/>
      <c r="AE1795" s="53"/>
      <c r="AF1795" s="53"/>
      <c r="AG1795" s="53"/>
      <c r="AH1795" s="53"/>
      <c r="AI1795" s="53"/>
      <c r="AJ1795" s="53"/>
      <c r="AK1795" s="53"/>
      <c r="AL1795" s="53"/>
      <c r="AM1795" s="53"/>
      <c r="AN1795" s="53"/>
      <c r="AO1795" s="53"/>
      <c r="AP1795" s="53"/>
      <c r="AQ1795" s="53"/>
      <c r="AR1795" s="53"/>
      <c r="AS1795" s="53"/>
      <c r="AT1795" s="53"/>
      <c r="AU1795" s="53"/>
      <c r="AV1795" s="53"/>
      <c r="AW1795" s="53"/>
      <c r="AX1795" s="53"/>
      <c r="AY1795" s="53"/>
      <c r="AZ1795" s="53"/>
      <c r="BA1795" s="53"/>
      <c r="BB1795" s="53"/>
      <c r="BC1795" s="53"/>
      <c r="BD1795" s="53"/>
      <c r="BE1795" s="53"/>
      <c r="BF1795" s="53"/>
      <c r="BG1795" s="53"/>
      <c r="BH1795" s="53"/>
      <c r="BI1795" s="53"/>
      <c r="BJ1795" s="53"/>
      <c r="BK1795" s="53"/>
      <c r="BL1795" s="53"/>
      <c r="BM1795" s="53"/>
      <c r="BN1795" s="53"/>
      <c r="BO1795" s="53"/>
      <c r="BP1795" s="53"/>
      <c r="BQ1795" s="53"/>
      <c r="BR1795" s="53"/>
      <c r="BS1795" s="53"/>
      <c r="BT1795" s="53"/>
      <c r="BU1795" s="53"/>
      <c r="BV1795" s="53"/>
      <c r="BW1795" s="53"/>
      <c r="BX1795" s="53"/>
      <c r="BY1795" s="53"/>
      <c r="BZ1795" s="53"/>
      <c r="CA1795" s="53"/>
      <c r="CB1795" s="53"/>
      <c r="CC1795" s="53"/>
      <c r="CD1795" s="53"/>
      <c r="CE1795" s="53"/>
      <c r="CF1795" s="53"/>
      <c r="CG1795" s="53"/>
      <c r="CH1795" s="53"/>
      <c r="CI1795" s="53"/>
      <c r="CJ1795" s="53"/>
      <c r="CK1795" s="53"/>
      <c r="CL1795" s="53"/>
      <c r="CM1795" s="53"/>
      <c r="CN1795" s="53"/>
    </row>
    <row r="1796" spans="1:92" outlineLevel="1">
      <c r="A1796" s="52" t="s">
        <v>1529</v>
      </c>
      <c r="B1796" s="53">
        <v>0</v>
      </c>
      <c r="C1796" s="53">
        <v>0</v>
      </c>
      <c r="D1796" s="53">
        <v>0</v>
      </c>
      <c r="E1796" s="53">
        <v>0</v>
      </c>
      <c r="F1796" s="53">
        <v>0</v>
      </c>
      <c r="G1796" s="53">
        <v>0</v>
      </c>
      <c r="H1796" s="53">
        <v>0</v>
      </c>
      <c r="I1796" s="53">
        <v>0</v>
      </c>
      <c r="J1796" s="53">
        <v>0</v>
      </c>
      <c r="K1796" s="53">
        <v>0</v>
      </c>
      <c r="L1796" s="53">
        <v>0</v>
      </c>
      <c r="M1796" s="53">
        <v>0</v>
      </c>
      <c r="N1796" s="53">
        <v>0</v>
      </c>
      <c r="O1796" s="53">
        <v>0</v>
      </c>
      <c r="P1796" s="53">
        <v>0</v>
      </c>
      <c r="Q1796" s="53">
        <v>0</v>
      </c>
      <c r="R1796" s="53">
        <v>0</v>
      </c>
      <c r="S1796" s="53">
        <v>0</v>
      </c>
      <c r="T1796" s="53">
        <v>0</v>
      </c>
      <c r="U1796" s="53">
        <v>0</v>
      </c>
      <c r="V1796" s="53">
        <v>0</v>
      </c>
      <c r="W1796" s="53">
        <v>0</v>
      </c>
      <c r="X1796" s="53">
        <v>0</v>
      </c>
      <c r="Y1796" s="53">
        <v>0</v>
      </c>
      <c r="Z1796" s="53">
        <v>0</v>
      </c>
      <c r="AA1796" s="53">
        <v>0</v>
      </c>
      <c r="AB1796" s="53">
        <v>0</v>
      </c>
      <c r="AC1796" s="53">
        <v>0</v>
      </c>
      <c r="AD1796" s="53">
        <v>0</v>
      </c>
      <c r="AE1796" s="53">
        <v>0</v>
      </c>
      <c r="AF1796" s="53">
        <v>0</v>
      </c>
      <c r="AG1796" s="53">
        <v>0</v>
      </c>
      <c r="AH1796" s="53">
        <v>0</v>
      </c>
      <c r="AI1796" s="53">
        <v>0</v>
      </c>
      <c r="AJ1796" s="53">
        <v>0</v>
      </c>
      <c r="AK1796" s="53">
        <v>0</v>
      </c>
      <c r="AL1796" s="53">
        <v>0</v>
      </c>
      <c r="AM1796" s="53">
        <v>0</v>
      </c>
      <c r="AN1796" s="53">
        <v>0</v>
      </c>
      <c r="AO1796" s="53">
        <v>0</v>
      </c>
      <c r="AP1796" s="53">
        <v>0</v>
      </c>
      <c r="AQ1796" s="53">
        <v>0</v>
      </c>
      <c r="AR1796" s="53">
        <v>0</v>
      </c>
      <c r="AS1796" s="53">
        <v>0</v>
      </c>
      <c r="AT1796" s="53">
        <v>0</v>
      </c>
      <c r="AU1796" s="53">
        <v>0</v>
      </c>
      <c r="AV1796" s="53">
        <v>0</v>
      </c>
      <c r="AW1796" s="53">
        <v>0</v>
      </c>
      <c r="AX1796" s="53">
        <v>0</v>
      </c>
      <c r="AY1796" s="53">
        <v>0</v>
      </c>
      <c r="AZ1796" s="53">
        <v>0</v>
      </c>
      <c r="BA1796" s="53">
        <v>0</v>
      </c>
      <c r="BB1796" s="53">
        <v>0</v>
      </c>
      <c r="BC1796" s="53">
        <v>0</v>
      </c>
      <c r="BD1796" s="53">
        <v>0</v>
      </c>
      <c r="BE1796" s="53">
        <v>0</v>
      </c>
      <c r="BF1796" s="53">
        <v>0</v>
      </c>
      <c r="BG1796" s="53">
        <v>0</v>
      </c>
      <c r="BH1796" s="53">
        <v>0</v>
      </c>
      <c r="BI1796" s="53">
        <v>0</v>
      </c>
      <c r="BJ1796" s="53">
        <v>0</v>
      </c>
      <c r="BK1796" s="53">
        <v>0</v>
      </c>
      <c r="BL1796" s="53">
        <v>0</v>
      </c>
      <c r="BM1796" s="53">
        <v>0</v>
      </c>
      <c r="BN1796" s="53">
        <v>0</v>
      </c>
      <c r="BO1796" s="53">
        <v>0</v>
      </c>
      <c r="BP1796" s="53">
        <v>0</v>
      </c>
      <c r="BQ1796" s="53">
        <v>0</v>
      </c>
      <c r="BR1796" s="53">
        <v>0</v>
      </c>
      <c r="BS1796" s="53">
        <v>0</v>
      </c>
      <c r="BT1796" s="53">
        <v>0</v>
      </c>
      <c r="BU1796" s="53">
        <v>0</v>
      </c>
      <c r="BV1796" s="53">
        <v>0</v>
      </c>
      <c r="BW1796" s="53">
        <v>0</v>
      </c>
      <c r="BX1796" s="53">
        <v>0</v>
      </c>
      <c r="BY1796" s="53">
        <v>0</v>
      </c>
      <c r="BZ1796" s="53">
        <v>0</v>
      </c>
      <c r="CA1796" s="53">
        <v>0</v>
      </c>
      <c r="CB1796" s="53"/>
      <c r="CC1796" s="53"/>
      <c r="CD1796" s="53"/>
      <c r="CE1796" s="53"/>
      <c r="CF1796" s="53"/>
      <c r="CG1796" s="53"/>
      <c r="CH1796" s="53"/>
      <c r="CI1796" s="53"/>
      <c r="CJ1796" s="53"/>
      <c r="CK1796" s="53"/>
      <c r="CL1796" s="53"/>
      <c r="CM1796" s="53"/>
      <c r="CN1796" s="53"/>
    </row>
    <row r="1797" spans="1:92" outlineLevel="1">
      <c r="A1797" s="52" t="s">
        <v>1530</v>
      </c>
      <c r="B1797" s="53">
        <v>0</v>
      </c>
      <c r="C1797" s="53">
        <v>0</v>
      </c>
      <c r="D1797" s="53">
        <v>0</v>
      </c>
      <c r="E1797" s="53">
        <v>0</v>
      </c>
      <c r="F1797" s="53">
        <v>0</v>
      </c>
      <c r="G1797" s="53">
        <v>0</v>
      </c>
      <c r="H1797" s="53">
        <v>0</v>
      </c>
      <c r="I1797" s="53">
        <v>0</v>
      </c>
      <c r="J1797" s="53">
        <v>0</v>
      </c>
      <c r="K1797" s="53">
        <v>0</v>
      </c>
      <c r="L1797" s="53">
        <v>0</v>
      </c>
      <c r="M1797" s="53">
        <v>0</v>
      </c>
      <c r="N1797" s="53">
        <v>0</v>
      </c>
      <c r="O1797" s="53">
        <v>0</v>
      </c>
      <c r="P1797" s="53">
        <v>0</v>
      </c>
      <c r="Q1797" s="53">
        <v>0</v>
      </c>
      <c r="R1797" s="53">
        <v>0</v>
      </c>
      <c r="S1797" s="53">
        <v>0</v>
      </c>
      <c r="T1797" s="53">
        <v>0</v>
      </c>
      <c r="U1797" s="53">
        <v>0</v>
      </c>
      <c r="V1797" s="53">
        <v>0</v>
      </c>
      <c r="W1797" s="53">
        <v>0</v>
      </c>
      <c r="X1797" s="53">
        <v>0</v>
      </c>
      <c r="Y1797" s="53">
        <v>0</v>
      </c>
      <c r="Z1797" s="53">
        <v>0</v>
      </c>
      <c r="AA1797" s="53">
        <v>0</v>
      </c>
      <c r="AB1797" s="53">
        <v>0</v>
      </c>
      <c r="AC1797" s="53">
        <v>0</v>
      </c>
      <c r="AD1797" s="53">
        <v>0</v>
      </c>
      <c r="AE1797" s="53">
        <v>0</v>
      </c>
      <c r="AF1797" s="53">
        <v>0</v>
      </c>
      <c r="AG1797" s="53">
        <v>0</v>
      </c>
      <c r="AH1797" s="53">
        <v>0</v>
      </c>
      <c r="AI1797" s="53">
        <v>0</v>
      </c>
      <c r="AJ1797" s="53">
        <v>0</v>
      </c>
      <c r="AK1797" s="53">
        <v>0</v>
      </c>
      <c r="AL1797" s="53">
        <v>0</v>
      </c>
      <c r="AM1797" s="53">
        <v>0</v>
      </c>
      <c r="AN1797" s="53">
        <v>0</v>
      </c>
      <c r="AO1797" s="53">
        <v>0</v>
      </c>
      <c r="AP1797" s="53">
        <v>0</v>
      </c>
      <c r="AQ1797" s="53">
        <v>0</v>
      </c>
      <c r="AR1797" s="53">
        <v>0</v>
      </c>
      <c r="AS1797" s="53">
        <v>0</v>
      </c>
      <c r="AT1797" s="53">
        <v>0</v>
      </c>
      <c r="AU1797" s="53">
        <v>0</v>
      </c>
      <c r="AV1797" s="53">
        <v>0</v>
      </c>
      <c r="AW1797" s="53">
        <v>0</v>
      </c>
      <c r="AX1797" s="53">
        <v>0</v>
      </c>
      <c r="AY1797" s="53">
        <v>0</v>
      </c>
      <c r="AZ1797" s="53">
        <v>0</v>
      </c>
      <c r="BA1797" s="53">
        <v>0</v>
      </c>
      <c r="BB1797" s="53">
        <v>0</v>
      </c>
      <c r="BC1797" s="53">
        <v>0</v>
      </c>
      <c r="BD1797" s="53">
        <v>0</v>
      </c>
      <c r="BE1797" s="53">
        <v>0</v>
      </c>
      <c r="BF1797" s="53">
        <v>0</v>
      </c>
      <c r="BG1797" s="53">
        <v>0</v>
      </c>
      <c r="BH1797" s="53">
        <v>0</v>
      </c>
      <c r="BI1797" s="53">
        <v>0</v>
      </c>
      <c r="BJ1797" s="53">
        <v>0</v>
      </c>
      <c r="BK1797" s="53">
        <v>0</v>
      </c>
      <c r="BL1797" s="53">
        <v>0</v>
      </c>
      <c r="BM1797" s="53">
        <v>0</v>
      </c>
      <c r="BN1797" s="53">
        <v>0</v>
      </c>
      <c r="BO1797" s="53">
        <v>0</v>
      </c>
      <c r="BP1797" s="53">
        <v>0</v>
      </c>
      <c r="BQ1797" s="53">
        <v>0</v>
      </c>
      <c r="BR1797" s="53">
        <v>0</v>
      </c>
      <c r="BS1797" s="53">
        <v>0</v>
      </c>
      <c r="BT1797" s="53">
        <v>0</v>
      </c>
      <c r="BU1797" s="53">
        <v>0</v>
      </c>
      <c r="BV1797" s="53">
        <v>0</v>
      </c>
      <c r="BW1797" s="53">
        <v>0</v>
      </c>
      <c r="BX1797" s="53">
        <v>0</v>
      </c>
      <c r="BY1797" s="53">
        <v>0</v>
      </c>
      <c r="BZ1797" s="53">
        <v>0</v>
      </c>
      <c r="CA1797" s="53">
        <v>0</v>
      </c>
      <c r="CB1797" s="53">
        <v>621321848.00399995</v>
      </c>
      <c r="CC1797" s="53">
        <v>621321848.00399995</v>
      </c>
      <c r="CD1797" s="53">
        <v>621321848.00399995</v>
      </c>
      <c r="CE1797" s="53">
        <v>621321848.00399995</v>
      </c>
      <c r="CF1797" s="53">
        <v>621321848.00399995</v>
      </c>
      <c r="CG1797" s="53">
        <v>621321848.00399995</v>
      </c>
      <c r="CH1797" s="53">
        <v>621321848.00399995</v>
      </c>
      <c r="CI1797" s="53">
        <v>621321848.00399995</v>
      </c>
      <c r="CJ1797" s="53">
        <v>621321848.00399995</v>
      </c>
      <c r="CK1797" s="53">
        <v>621321848.00399995</v>
      </c>
      <c r="CL1797" s="53">
        <v>621321848.00399995</v>
      </c>
      <c r="CM1797" s="53">
        <v>621321848.00399995</v>
      </c>
      <c r="CN1797" s="53">
        <v>621321848.00399995</v>
      </c>
    </row>
    <row r="1798" spans="1:92" outlineLevel="1">
      <c r="A1798" s="52" t="s">
        <v>1531</v>
      </c>
      <c r="B1798" s="53">
        <v>0</v>
      </c>
      <c r="C1798" s="53">
        <v>0</v>
      </c>
      <c r="D1798" s="53">
        <v>0</v>
      </c>
      <c r="E1798" s="53">
        <v>0</v>
      </c>
      <c r="F1798" s="53">
        <v>0</v>
      </c>
      <c r="G1798" s="53">
        <v>0</v>
      </c>
      <c r="H1798" s="53">
        <v>0</v>
      </c>
      <c r="I1798" s="53">
        <v>0</v>
      </c>
      <c r="J1798" s="53">
        <v>0</v>
      </c>
      <c r="K1798" s="53">
        <v>0</v>
      </c>
      <c r="L1798" s="53">
        <v>0</v>
      </c>
      <c r="M1798" s="53">
        <v>0</v>
      </c>
      <c r="N1798" s="53">
        <v>0</v>
      </c>
      <c r="O1798" s="53">
        <v>0</v>
      </c>
      <c r="P1798" s="53">
        <v>0</v>
      </c>
      <c r="Q1798" s="53">
        <v>0</v>
      </c>
      <c r="R1798" s="53">
        <v>0</v>
      </c>
      <c r="S1798" s="53">
        <v>0</v>
      </c>
      <c r="T1798" s="53">
        <v>0</v>
      </c>
      <c r="U1798" s="53">
        <v>0</v>
      </c>
      <c r="V1798" s="53">
        <v>0</v>
      </c>
      <c r="W1798" s="53">
        <v>0</v>
      </c>
      <c r="X1798" s="53">
        <v>0</v>
      </c>
      <c r="Y1798" s="53">
        <v>0</v>
      </c>
      <c r="Z1798" s="53">
        <v>0</v>
      </c>
      <c r="AA1798" s="53">
        <v>0</v>
      </c>
      <c r="AB1798" s="53">
        <v>0</v>
      </c>
      <c r="AC1798" s="53">
        <v>0</v>
      </c>
      <c r="AD1798" s="53">
        <v>0</v>
      </c>
      <c r="AE1798" s="53">
        <v>0</v>
      </c>
      <c r="AF1798" s="53">
        <v>0</v>
      </c>
      <c r="AG1798" s="53">
        <v>0</v>
      </c>
      <c r="AH1798" s="53">
        <v>0</v>
      </c>
      <c r="AI1798" s="53">
        <v>0</v>
      </c>
      <c r="AJ1798" s="53">
        <v>0</v>
      </c>
      <c r="AK1798" s="53">
        <v>0</v>
      </c>
      <c r="AL1798" s="53">
        <v>0</v>
      </c>
      <c r="AM1798" s="53">
        <v>0</v>
      </c>
      <c r="AN1798" s="53">
        <v>0</v>
      </c>
      <c r="AO1798" s="53">
        <v>0</v>
      </c>
      <c r="AP1798" s="53">
        <v>0</v>
      </c>
      <c r="AQ1798" s="53">
        <v>0</v>
      </c>
      <c r="AR1798" s="53">
        <v>0</v>
      </c>
      <c r="AS1798" s="53">
        <v>0</v>
      </c>
      <c r="AT1798" s="53">
        <v>0</v>
      </c>
      <c r="AU1798" s="53">
        <v>0</v>
      </c>
      <c r="AV1798" s="53">
        <v>0</v>
      </c>
      <c r="AW1798" s="53">
        <v>0</v>
      </c>
      <c r="AX1798" s="53">
        <v>0</v>
      </c>
      <c r="AY1798" s="53">
        <v>0</v>
      </c>
      <c r="AZ1798" s="53">
        <v>0</v>
      </c>
      <c r="BA1798" s="53">
        <v>0</v>
      </c>
      <c r="BB1798" s="53">
        <v>0</v>
      </c>
      <c r="BC1798" s="53">
        <v>0</v>
      </c>
      <c r="BD1798" s="53">
        <v>0</v>
      </c>
      <c r="BE1798" s="53">
        <v>0</v>
      </c>
      <c r="BF1798" s="53">
        <v>0</v>
      </c>
      <c r="BG1798" s="53">
        <v>0</v>
      </c>
      <c r="BH1798" s="53">
        <v>0</v>
      </c>
      <c r="BI1798" s="53">
        <v>0</v>
      </c>
      <c r="BJ1798" s="53">
        <v>0</v>
      </c>
      <c r="BK1798" s="53">
        <v>0</v>
      </c>
      <c r="BL1798" s="53">
        <v>0</v>
      </c>
      <c r="BM1798" s="53">
        <v>0</v>
      </c>
      <c r="BN1798" s="53">
        <v>0</v>
      </c>
      <c r="BO1798" s="53">
        <v>0</v>
      </c>
      <c r="BP1798" s="53">
        <v>0</v>
      </c>
      <c r="BQ1798" s="53">
        <v>0</v>
      </c>
      <c r="BR1798" s="53">
        <v>0</v>
      </c>
      <c r="BS1798" s="53">
        <v>0</v>
      </c>
      <c r="BT1798" s="53">
        <v>0</v>
      </c>
      <c r="BU1798" s="53">
        <v>0</v>
      </c>
      <c r="BV1798" s="53">
        <v>0</v>
      </c>
      <c r="BW1798" s="53">
        <v>0</v>
      </c>
      <c r="BX1798" s="53">
        <v>0</v>
      </c>
      <c r="BY1798" s="53">
        <v>0</v>
      </c>
      <c r="BZ1798" s="53">
        <v>0</v>
      </c>
      <c r="CA1798" s="53">
        <v>0</v>
      </c>
      <c r="CB1798" s="53"/>
      <c r="CC1798" s="53"/>
      <c r="CD1798" s="53"/>
      <c r="CE1798" s="53"/>
      <c r="CF1798" s="53"/>
      <c r="CG1798" s="53"/>
      <c r="CH1798" s="53"/>
      <c r="CI1798" s="53"/>
      <c r="CJ1798" s="53"/>
      <c r="CK1798" s="53"/>
      <c r="CL1798" s="53"/>
      <c r="CM1798" s="53"/>
      <c r="CN1798" s="53"/>
    </row>
    <row r="1799" spans="1:92" outlineLevel="1">
      <c r="A1799" s="59" t="s">
        <v>1532</v>
      </c>
      <c r="B1799" s="53">
        <v>0</v>
      </c>
      <c r="C1799" s="53">
        <v>0</v>
      </c>
      <c r="D1799" s="53">
        <v>0</v>
      </c>
      <c r="E1799" s="53">
        <v>0</v>
      </c>
      <c r="F1799" s="53">
        <v>0</v>
      </c>
      <c r="G1799" s="53">
        <v>0</v>
      </c>
      <c r="H1799" s="53">
        <v>0</v>
      </c>
      <c r="I1799" s="53">
        <v>0</v>
      </c>
      <c r="J1799" s="53">
        <v>0</v>
      </c>
      <c r="K1799" s="53">
        <v>0</v>
      </c>
      <c r="L1799" s="53">
        <v>0</v>
      </c>
      <c r="M1799" s="53">
        <v>0</v>
      </c>
      <c r="N1799" s="53">
        <v>0</v>
      </c>
      <c r="O1799" s="53">
        <v>0</v>
      </c>
      <c r="P1799" s="53">
        <v>0</v>
      </c>
      <c r="Q1799" s="53">
        <v>0</v>
      </c>
      <c r="R1799" s="53">
        <v>0</v>
      </c>
      <c r="S1799" s="53">
        <v>0</v>
      </c>
      <c r="T1799" s="53">
        <v>0</v>
      </c>
      <c r="U1799" s="53">
        <v>0</v>
      </c>
      <c r="V1799" s="53">
        <v>0</v>
      </c>
      <c r="W1799" s="53">
        <v>0</v>
      </c>
      <c r="X1799" s="53">
        <v>0</v>
      </c>
      <c r="Y1799" s="53">
        <v>0</v>
      </c>
      <c r="Z1799" s="53">
        <v>0</v>
      </c>
      <c r="AA1799" s="53">
        <v>0</v>
      </c>
      <c r="AB1799" s="53">
        <v>0</v>
      </c>
      <c r="AC1799" s="53">
        <v>0</v>
      </c>
      <c r="AD1799" s="53">
        <v>0</v>
      </c>
      <c r="AE1799" s="53">
        <v>0</v>
      </c>
      <c r="AF1799" s="53">
        <v>0</v>
      </c>
      <c r="AG1799" s="53">
        <v>0</v>
      </c>
      <c r="AH1799" s="53">
        <v>0</v>
      </c>
      <c r="AI1799" s="53">
        <v>0</v>
      </c>
      <c r="AJ1799" s="53">
        <v>0</v>
      </c>
      <c r="AK1799" s="53">
        <v>0</v>
      </c>
      <c r="AL1799" s="53">
        <v>0</v>
      </c>
      <c r="AM1799" s="53">
        <v>0</v>
      </c>
      <c r="AN1799" s="53">
        <v>0</v>
      </c>
      <c r="AO1799" s="53">
        <v>0</v>
      </c>
      <c r="AP1799" s="53">
        <v>0</v>
      </c>
      <c r="AQ1799" s="53">
        <v>0</v>
      </c>
      <c r="AR1799" s="53">
        <v>0</v>
      </c>
      <c r="AS1799" s="53">
        <v>0</v>
      </c>
      <c r="AT1799" s="53">
        <v>0</v>
      </c>
      <c r="AU1799" s="53">
        <v>0</v>
      </c>
      <c r="AV1799" s="53">
        <v>0</v>
      </c>
      <c r="AW1799" s="53">
        <v>0</v>
      </c>
      <c r="AX1799" s="53">
        <v>0</v>
      </c>
      <c r="AY1799" s="53">
        <v>0</v>
      </c>
      <c r="AZ1799" s="53">
        <v>0</v>
      </c>
      <c r="BA1799" s="53">
        <v>0</v>
      </c>
      <c r="BB1799" s="53">
        <v>0</v>
      </c>
      <c r="BC1799" s="53">
        <v>0</v>
      </c>
      <c r="BD1799" s="53">
        <v>0</v>
      </c>
      <c r="BE1799" s="53">
        <v>0</v>
      </c>
      <c r="BF1799" s="53">
        <v>0</v>
      </c>
      <c r="BG1799" s="53">
        <v>0</v>
      </c>
      <c r="BH1799" s="53">
        <v>0</v>
      </c>
      <c r="BI1799" s="53">
        <v>0</v>
      </c>
      <c r="BJ1799" s="53">
        <v>0</v>
      </c>
      <c r="BK1799" s="53">
        <v>0</v>
      </c>
      <c r="BL1799" s="53">
        <v>0</v>
      </c>
      <c r="BM1799" s="53">
        <v>0</v>
      </c>
      <c r="BN1799" s="53">
        <v>0</v>
      </c>
      <c r="BO1799" s="53">
        <v>0</v>
      </c>
      <c r="BP1799" s="53">
        <v>0</v>
      </c>
      <c r="BQ1799" s="53">
        <v>0</v>
      </c>
      <c r="BR1799" s="53">
        <v>0</v>
      </c>
      <c r="BS1799" s="53">
        <v>0</v>
      </c>
      <c r="BT1799" s="53">
        <v>0</v>
      </c>
      <c r="BU1799" s="53">
        <v>0</v>
      </c>
      <c r="BV1799" s="53">
        <v>0</v>
      </c>
      <c r="BW1799" s="53">
        <v>0</v>
      </c>
      <c r="BX1799" s="53">
        <v>0</v>
      </c>
      <c r="BY1799" s="53">
        <v>0</v>
      </c>
      <c r="BZ1799" s="53">
        <v>0</v>
      </c>
      <c r="CA1799" s="53">
        <v>0</v>
      </c>
      <c r="CB1799" s="53"/>
      <c r="CC1799" s="53"/>
      <c r="CD1799" s="53"/>
      <c r="CE1799" s="53"/>
      <c r="CF1799" s="53"/>
      <c r="CG1799" s="53"/>
      <c r="CH1799" s="53"/>
      <c r="CI1799" s="53"/>
      <c r="CJ1799" s="53"/>
      <c r="CK1799" s="53"/>
      <c r="CL1799" s="53"/>
      <c r="CM1799" s="53"/>
      <c r="CN1799" s="53"/>
    </row>
    <row r="1800" spans="1:92" outlineLevel="1">
      <c r="A1800" s="52" t="s">
        <v>1533</v>
      </c>
      <c r="B1800" s="53"/>
      <c r="C1800" s="53"/>
      <c r="D1800" s="53"/>
      <c r="E1800" s="53"/>
      <c r="F1800" s="53"/>
      <c r="G1800" s="53"/>
      <c r="H1800" s="53"/>
      <c r="I1800" s="53"/>
      <c r="J1800" s="53"/>
      <c r="K1800" s="53"/>
      <c r="L1800" s="53"/>
      <c r="M1800" s="53"/>
      <c r="N1800" s="53"/>
      <c r="O1800" s="53"/>
      <c r="P1800" s="53"/>
      <c r="Q1800" s="53"/>
      <c r="R1800" s="53"/>
      <c r="S1800" s="53"/>
      <c r="T1800" s="53"/>
      <c r="U1800" s="53"/>
      <c r="V1800" s="53"/>
      <c r="W1800" s="53"/>
      <c r="X1800" s="53"/>
      <c r="Y1800" s="53"/>
      <c r="Z1800" s="53"/>
      <c r="AA1800" s="53"/>
      <c r="AB1800" s="53"/>
      <c r="AC1800" s="53"/>
      <c r="AD1800" s="53"/>
      <c r="AE1800" s="53"/>
      <c r="AF1800" s="53"/>
      <c r="AG1800" s="53"/>
      <c r="AH1800" s="53"/>
      <c r="AI1800" s="53"/>
      <c r="AJ1800" s="53"/>
      <c r="AK1800" s="53"/>
      <c r="AL1800" s="53"/>
      <c r="AM1800" s="53"/>
      <c r="AN1800" s="53"/>
      <c r="AO1800" s="53"/>
      <c r="AP1800" s="53"/>
      <c r="AQ1800" s="53"/>
      <c r="AR1800" s="53"/>
      <c r="AS1800" s="53"/>
      <c r="AT1800" s="53"/>
      <c r="AU1800" s="53"/>
      <c r="AV1800" s="53"/>
      <c r="AW1800" s="53"/>
      <c r="AX1800" s="53"/>
      <c r="AY1800" s="53"/>
      <c r="AZ1800" s="53"/>
      <c r="BA1800" s="53"/>
      <c r="BB1800" s="53"/>
      <c r="BC1800" s="53"/>
      <c r="BD1800" s="53"/>
      <c r="BE1800" s="53"/>
      <c r="BF1800" s="53"/>
      <c r="BG1800" s="53"/>
      <c r="BH1800" s="53"/>
      <c r="BI1800" s="53"/>
      <c r="BJ1800" s="53"/>
      <c r="BK1800" s="53"/>
      <c r="BL1800" s="53"/>
      <c r="BM1800" s="53"/>
      <c r="BN1800" s="53"/>
      <c r="BO1800" s="53"/>
      <c r="BP1800" s="53"/>
      <c r="BQ1800" s="53"/>
      <c r="BR1800" s="53"/>
      <c r="BS1800" s="53"/>
      <c r="BT1800" s="53"/>
      <c r="BU1800" s="53"/>
      <c r="BV1800" s="53"/>
      <c r="BW1800" s="53"/>
      <c r="BX1800" s="53"/>
      <c r="BY1800" s="53"/>
      <c r="BZ1800" s="53"/>
      <c r="CA1800" s="53"/>
      <c r="CB1800" s="53"/>
      <c r="CC1800" s="53"/>
      <c r="CD1800" s="53"/>
      <c r="CE1800" s="53"/>
      <c r="CF1800" s="53"/>
      <c r="CG1800" s="53"/>
      <c r="CH1800" s="53"/>
      <c r="CI1800" s="53"/>
      <c r="CJ1800" s="53"/>
      <c r="CK1800" s="53"/>
      <c r="CL1800" s="53"/>
      <c r="CM1800" s="53"/>
      <c r="CN1800" s="53"/>
    </row>
    <row r="1801" spans="1:92" outlineLevel="1">
      <c r="A1801" s="58" t="s">
        <v>1534</v>
      </c>
      <c r="B1801" s="53">
        <v>0</v>
      </c>
      <c r="C1801" s="53">
        <v>0</v>
      </c>
      <c r="D1801" s="53">
        <v>0</v>
      </c>
      <c r="E1801" s="53">
        <v>0</v>
      </c>
      <c r="F1801" s="53">
        <v>0</v>
      </c>
      <c r="G1801" s="53">
        <v>0</v>
      </c>
      <c r="H1801" s="53">
        <v>0</v>
      </c>
      <c r="I1801" s="53">
        <v>0</v>
      </c>
      <c r="J1801" s="53">
        <v>0</v>
      </c>
      <c r="K1801" s="53">
        <v>0</v>
      </c>
      <c r="L1801" s="53">
        <v>0</v>
      </c>
      <c r="M1801" s="53">
        <v>0</v>
      </c>
      <c r="N1801" s="53">
        <v>0</v>
      </c>
      <c r="O1801" s="53">
        <v>0</v>
      </c>
      <c r="P1801" s="53">
        <v>0</v>
      </c>
      <c r="Q1801" s="53">
        <v>0</v>
      </c>
      <c r="R1801" s="53">
        <v>0</v>
      </c>
      <c r="S1801" s="53">
        <v>0</v>
      </c>
      <c r="T1801" s="53">
        <v>0</v>
      </c>
      <c r="U1801" s="53">
        <v>0</v>
      </c>
      <c r="V1801" s="53">
        <v>0</v>
      </c>
      <c r="W1801" s="53">
        <v>0</v>
      </c>
      <c r="X1801" s="53">
        <v>0</v>
      </c>
      <c r="Y1801" s="53">
        <v>0</v>
      </c>
      <c r="Z1801" s="53">
        <v>0</v>
      </c>
      <c r="AA1801" s="53">
        <v>0</v>
      </c>
      <c r="AB1801" s="53">
        <v>0</v>
      </c>
      <c r="AC1801" s="53">
        <v>0</v>
      </c>
      <c r="AD1801" s="53">
        <v>0</v>
      </c>
      <c r="AE1801" s="53">
        <v>0</v>
      </c>
      <c r="AF1801" s="53">
        <v>0</v>
      </c>
      <c r="AG1801" s="53">
        <v>0</v>
      </c>
      <c r="AH1801" s="53">
        <v>0</v>
      </c>
      <c r="AI1801" s="53">
        <v>0</v>
      </c>
      <c r="AJ1801" s="53">
        <v>0</v>
      </c>
      <c r="AK1801" s="53">
        <v>0</v>
      </c>
      <c r="AL1801" s="53">
        <v>0</v>
      </c>
      <c r="AM1801" s="53">
        <v>0</v>
      </c>
      <c r="AN1801" s="53">
        <v>0</v>
      </c>
      <c r="AO1801" s="53">
        <v>0</v>
      </c>
      <c r="AP1801" s="53">
        <v>0</v>
      </c>
      <c r="AQ1801" s="53">
        <v>0</v>
      </c>
      <c r="AR1801" s="53">
        <v>0</v>
      </c>
      <c r="AS1801" s="53">
        <v>0</v>
      </c>
      <c r="AT1801" s="53">
        <v>0</v>
      </c>
      <c r="AU1801" s="53">
        <v>0</v>
      </c>
      <c r="AV1801" s="53">
        <v>0</v>
      </c>
      <c r="AW1801" s="53">
        <v>0</v>
      </c>
      <c r="AX1801" s="53">
        <v>0</v>
      </c>
      <c r="AY1801" s="53">
        <v>0</v>
      </c>
      <c r="AZ1801" s="53">
        <v>0</v>
      </c>
      <c r="BA1801" s="53">
        <v>0</v>
      </c>
      <c r="BB1801" s="53">
        <v>0</v>
      </c>
      <c r="BC1801" s="53">
        <v>0</v>
      </c>
      <c r="BD1801" s="53">
        <v>0</v>
      </c>
      <c r="BE1801" s="53">
        <v>0</v>
      </c>
      <c r="BF1801" s="53">
        <v>0</v>
      </c>
      <c r="BG1801" s="53">
        <v>0</v>
      </c>
      <c r="BH1801" s="53">
        <v>0</v>
      </c>
      <c r="BI1801" s="53">
        <v>0</v>
      </c>
      <c r="BJ1801" s="53">
        <v>0</v>
      </c>
      <c r="BK1801" s="53">
        <v>0</v>
      </c>
      <c r="BL1801" s="53">
        <v>0</v>
      </c>
      <c r="BM1801" s="53">
        <v>0</v>
      </c>
      <c r="BN1801" s="53">
        <v>0</v>
      </c>
      <c r="BO1801" s="53">
        <v>0</v>
      </c>
      <c r="BP1801" s="53">
        <v>0</v>
      </c>
      <c r="BQ1801" s="53">
        <v>0</v>
      </c>
      <c r="BR1801" s="53">
        <v>0</v>
      </c>
      <c r="BS1801" s="53">
        <v>0</v>
      </c>
      <c r="BT1801" s="53">
        <v>0</v>
      </c>
      <c r="BU1801" s="53">
        <v>0</v>
      </c>
      <c r="BV1801" s="53">
        <v>0</v>
      </c>
      <c r="BW1801" s="53">
        <v>0</v>
      </c>
      <c r="BX1801" s="53">
        <v>0</v>
      </c>
      <c r="BY1801" s="53">
        <v>0</v>
      </c>
      <c r="BZ1801" s="53">
        <v>0</v>
      </c>
      <c r="CA1801" s="53">
        <v>0</v>
      </c>
      <c r="CB1801" s="53">
        <v>-8862311.0487578698</v>
      </c>
      <c r="CC1801" s="53">
        <v>-9517177.7608454004</v>
      </c>
      <c r="CD1801" s="53">
        <v>-10580143.5419979</v>
      </c>
      <c r="CE1801" s="53">
        <v>-10608489.2905655</v>
      </c>
      <c r="CF1801" s="53">
        <v>-9906548.2787426002</v>
      </c>
      <c r="CG1801" s="53">
        <v>-9920691.9940579999</v>
      </c>
      <c r="CH1801" s="53">
        <v>-9803136.0555846002</v>
      </c>
      <c r="CI1801" s="53">
        <v>-9125686.0586299002</v>
      </c>
      <c r="CJ1801" s="53">
        <v>-8651325.0956799705</v>
      </c>
      <c r="CK1801" s="53">
        <v>-9384248.3921816796</v>
      </c>
      <c r="CL1801" s="53">
        <v>-8944815.07152717</v>
      </c>
      <c r="CM1801" s="53">
        <v>-8382254.2809268702</v>
      </c>
      <c r="CN1801" s="53">
        <v>-113686826.869497</v>
      </c>
    </row>
    <row r="1802" spans="1:92" outlineLevel="1">
      <c r="A1802" s="52" t="s">
        <v>1535</v>
      </c>
      <c r="B1802" s="53">
        <v>0</v>
      </c>
      <c r="C1802" s="53">
        <v>0</v>
      </c>
      <c r="D1802" s="53">
        <v>0</v>
      </c>
      <c r="E1802" s="53">
        <v>0</v>
      </c>
      <c r="F1802" s="53">
        <v>0</v>
      </c>
      <c r="G1802" s="53">
        <v>0</v>
      </c>
      <c r="H1802" s="53">
        <v>0</v>
      </c>
      <c r="I1802" s="53">
        <v>0</v>
      </c>
      <c r="J1802" s="53">
        <v>0</v>
      </c>
      <c r="K1802" s="53">
        <v>0</v>
      </c>
      <c r="L1802" s="53">
        <v>0</v>
      </c>
      <c r="M1802" s="53">
        <v>0</v>
      </c>
      <c r="N1802" s="53">
        <v>0</v>
      </c>
      <c r="O1802" s="53">
        <v>0</v>
      </c>
      <c r="P1802" s="53">
        <v>0</v>
      </c>
      <c r="Q1802" s="53">
        <v>0</v>
      </c>
      <c r="R1802" s="53">
        <v>0</v>
      </c>
      <c r="S1802" s="53">
        <v>0</v>
      </c>
      <c r="T1802" s="53">
        <v>0</v>
      </c>
      <c r="U1802" s="53">
        <v>0</v>
      </c>
      <c r="V1802" s="53">
        <v>0</v>
      </c>
      <c r="W1802" s="53">
        <v>0</v>
      </c>
      <c r="X1802" s="53">
        <v>0</v>
      </c>
      <c r="Y1802" s="53">
        <v>0</v>
      </c>
      <c r="Z1802" s="53">
        <v>0</v>
      </c>
      <c r="AA1802" s="53">
        <v>0</v>
      </c>
      <c r="AB1802" s="53">
        <v>0</v>
      </c>
      <c r="AC1802" s="53">
        <v>0</v>
      </c>
      <c r="AD1802" s="53">
        <v>0</v>
      </c>
      <c r="AE1802" s="53">
        <v>0</v>
      </c>
      <c r="AF1802" s="53">
        <v>0</v>
      </c>
      <c r="AG1802" s="53">
        <v>0</v>
      </c>
      <c r="AH1802" s="53">
        <v>0</v>
      </c>
      <c r="AI1802" s="53">
        <v>0</v>
      </c>
      <c r="AJ1802" s="53">
        <v>0</v>
      </c>
      <c r="AK1802" s="53">
        <v>0</v>
      </c>
      <c r="AL1802" s="53">
        <v>0</v>
      </c>
      <c r="AM1802" s="53">
        <v>0</v>
      </c>
      <c r="AN1802" s="53">
        <v>0</v>
      </c>
      <c r="AO1802" s="53">
        <v>0</v>
      </c>
      <c r="AP1802" s="53">
        <v>0</v>
      </c>
      <c r="AQ1802" s="53">
        <v>0</v>
      </c>
      <c r="AR1802" s="53">
        <v>0</v>
      </c>
      <c r="AS1802" s="53">
        <v>0</v>
      </c>
      <c r="AT1802" s="53">
        <v>0</v>
      </c>
      <c r="AU1802" s="53">
        <v>0</v>
      </c>
      <c r="AV1802" s="53">
        <v>0</v>
      </c>
      <c r="AW1802" s="53">
        <v>0</v>
      </c>
      <c r="AX1802" s="53">
        <v>0</v>
      </c>
      <c r="AY1802" s="53">
        <v>0</v>
      </c>
      <c r="AZ1802" s="53">
        <v>0</v>
      </c>
      <c r="BA1802" s="53">
        <v>0</v>
      </c>
      <c r="BB1802" s="53">
        <v>0</v>
      </c>
      <c r="BC1802" s="53">
        <v>0</v>
      </c>
      <c r="BD1802" s="53">
        <v>0</v>
      </c>
      <c r="BE1802" s="53">
        <v>0</v>
      </c>
      <c r="BF1802" s="53">
        <v>0</v>
      </c>
      <c r="BG1802" s="53">
        <v>0</v>
      </c>
      <c r="BH1802" s="53">
        <v>0</v>
      </c>
      <c r="BI1802" s="53">
        <v>0</v>
      </c>
      <c r="BJ1802" s="53">
        <v>0</v>
      </c>
      <c r="BK1802" s="53">
        <v>0</v>
      </c>
      <c r="BL1802" s="53">
        <v>0</v>
      </c>
      <c r="BM1802" s="53">
        <v>0</v>
      </c>
      <c r="BN1802" s="53">
        <v>0</v>
      </c>
      <c r="BO1802" s="53">
        <v>0</v>
      </c>
      <c r="BP1802" s="53">
        <v>0</v>
      </c>
      <c r="BQ1802" s="53">
        <v>0</v>
      </c>
      <c r="BR1802" s="53">
        <v>0</v>
      </c>
      <c r="BS1802" s="53">
        <v>0</v>
      </c>
      <c r="BT1802" s="53">
        <v>0</v>
      </c>
      <c r="BU1802" s="53">
        <v>0</v>
      </c>
      <c r="BV1802" s="53">
        <v>0</v>
      </c>
      <c r="BW1802" s="53">
        <v>0</v>
      </c>
      <c r="BX1802" s="53">
        <v>0</v>
      </c>
      <c r="BY1802" s="53">
        <v>0</v>
      </c>
      <c r="BZ1802" s="53">
        <v>0</v>
      </c>
      <c r="CA1802" s="53">
        <v>0</v>
      </c>
      <c r="CB1802" s="53"/>
      <c r="CC1802" s="53"/>
      <c r="CD1802" s="53"/>
      <c r="CE1802" s="53"/>
      <c r="CF1802" s="53"/>
      <c r="CG1802" s="53"/>
      <c r="CH1802" s="53"/>
      <c r="CI1802" s="53"/>
      <c r="CJ1802" s="53"/>
      <c r="CK1802" s="53"/>
      <c r="CL1802" s="53"/>
      <c r="CM1802" s="53"/>
      <c r="CN1802" s="53"/>
    </row>
    <row r="1803" spans="1:92" outlineLevel="1">
      <c r="A1803" s="52" t="s">
        <v>1218</v>
      </c>
      <c r="B1803" s="53">
        <v>198553999.91</v>
      </c>
      <c r="C1803" s="53">
        <v>469895999.91000003</v>
      </c>
      <c r="D1803" s="53">
        <v>453197999.91000003</v>
      </c>
      <c r="E1803" s="53">
        <v>467650999.91000003</v>
      </c>
      <c r="F1803" s="53">
        <v>538569999.90999997</v>
      </c>
      <c r="G1803" s="53">
        <v>567609999.90999997</v>
      </c>
      <c r="H1803" s="53">
        <v>504409999.91000003</v>
      </c>
      <c r="I1803" s="53">
        <v>660678999.90999997</v>
      </c>
      <c r="J1803" s="53">
        <v>679318999.90999997</v>
      </c>
      <c r="K1803" s="53">
        <v>982916999.90999997</v>
      </c>
      <c r="L1803" s="53">
        <v>320077999.91000003</v>
      </c>
      <c r="M1803" s="53">
        <v>336523999.91000003</v>
      </c>
      <c r="N1803" s="53">
        <v>198553999.91</v>
      </c>
      <c r="O1803" s="53">
        <v>604923999.90999997</v>
      </c>
      <c r="P1803" s="53">
        <v>691286528.74057901</v>
      </c>
      <c r="Q1803" s="53">
        <v>640850776.387514</v>
      </c>
      <c r="R1803" s="53">
        <v>747112323.97426701</v>
      </c>
      <c r="S1803" s="53">
        <v>804127382.52032995</v>
      </c>
      <c r="T1803" s="53">
        <v>848837587.295439</v>
      </c>
      <c r="U1803" s="53">
        <v>266203941.45543101</v>
      </c>
      <c r="V1803" s="53">
        <v>156791960.200252</v>
      </c>
      <c r="W1803" s="53"/>
      <c r="X1803" s="53"/>
      <c r="Y1803" s="53"/>
      <c r="Z1803" s="53"/>
      <c r="AA1803" s="53">
        <v>604923999.90999997</v>
      </c>
      <c r="AB1803" s="53">
        <v>160584988.64823401</v>
      </c>
      <c r="AC1803" s="53">
        <v>145146799.75437599</v>
      </c>
      <c r="AD1803" s="53">
        <v>43986462.048688203</v>
      </c>
      <c r="AE1803" s="53">
        <v>126073770.957578</v>
      </c>
      <c r="AF1803" s="53">
        <v>958100711.50871503</v>
      </c>
      <c r="AG1803" s="53">
        <v>997092550.63431501</v>
      </c>
      <c r="AH1803" s="53">
        <v>1089790129.6900799</v>
      </c>
      <c r="AI1803" s="53">
        <v>1010243814.99792</v>
      </c>
      <c r="AJ1803" s="53"/>
      <c r="AK1803" s="53"/>
      <c r="AL1803" s="53"/>
      <c r="AM1803" s="53"/>
      <c r="AN1803" s="53">
        <v>160584988.64823401</v>
      </c>
      <c r="AO1803" s="53">
        <v>5938772.7716749301</v>
      </c>
      <c r="AP1803" s="53">
        <v>37208835.732135899</v>
      </c>
      <c r="AQ1803" s="53">
        <v>27491554.847998898</v>
      </c>
      <c r="AR1803" s="53">
        <v>189077993.35064799</v>
      </c>
      <c r="AS1803" s="53">
        <v>271867626.10125798</v>
      </c>
      <c r="AT1803" s="53">
        <v>374588955.81857401</v>
      </c>
      <c r="AU1803" s="53"/>
      <c r="AV1803" s="53"/>
      <c r="AW1803" s="53"/>
      <c r="AX1803" s="53"/>
      <c r="AY1803" s="53"/>
      <c r="AZ1803" s="53"/>
      <c r="BA1803" s="53">
        <v>5938772.7716749301</v>
      </c>
      <c r="BB1803" s="53">
        <v>131852214.95134801</v>
      </c>
      <c r="BC1803" s="53">
        <v>196512174.791116</v>
      </c>
      <c r="BD1803" s="53">
        <v>168300839.92755499</v>
      </c>
      <c r="BE1803" s="53">
        <v>279697063.07700998</v>
      </c>
      <c r="BF1803" s="53">
        <v>284151828.04407501</v>
      </c>
      <c r="BG1803" s="53">
        <v>363591134.76957297</v>
      </c>
      <c r="BH1803" s="53"/>
      <c r="BI1803" s="53"/>
      <c r="BJ1803" s="53"/>
      <c r="BK1803" s="53"/>
      <c r="BL1803" s="53"/>
      <c r="BM1803" s="53"/>
      <c r="BN1803" s="53">
        <v>131852214.95134801</v>
      </c>
      <c r="BO1803" s="53">
        <v>180915258.75764</v>
      </c>
      <c r="BP1803" s="53">
        <v>888992446.32981598</v>
      </c>
      <c r="BQ1803" s="53">
        <v>858047614.98360503</v>
      </c>
      <c r="BR1803" s="53">
        <v>973328736.45504904</v>
      </c>
      <c r="BS1803" s="53">
        <v>974042396.54391396</v>
      </c>
      <c r="BT1803" s="53">
        <v>1048936334.22699</v>
      </c>
      <c r="BU1803" s="53"/>
      <c r="BV1803" s="53"/>
      <c r="BW1803" s="53"/>
      <c r="BX1803" s="53"/>
      <c r="BY1803" s="53"/>
      <c r="BZ1803" s="53"/>
      <c r="CA1803" s="53">
        <v>180915258.75764</v>
      </c>
      <c r="CB1803" s="53"/>
      <c r="CC1803" s="53"/>
      <c r="CD1803" s="53"/>
      <c r="CE1803" s="53"/>
      <c r="CF1803" s="53"/>
      <c r="CG1803" s="53"/>
      <c r="CH1803" s="53"/>
      <c r="CI1803" s="53"/>
      <c r="CJ1803" s="53"/>
      <c r="CK1803" s="53"/>
      <c r="CL1803" s="53"/>
      <c r="CM1803" s="53"/>
      <c r="CN1803" s="53"/>
    </row>
    <row r="1804" spans="1:92" outlineLevel="1">
      <c r="A1804" s="52" t="s">
        <v>699</v>
      </c>
      <c r="B1804" s="53"/>
      <c r="C1804" s="53"/>
      <c r="D1804" s="53"/>
      <c r="E1804" s="53"/>
      <c r="F1804" s="53"/>
      <c r="G1804" s="53"/>
      <c r="H1804" s="53"/>
      <c r="I1804" s="53"/>
      <c r="J1804" s="53"/>
      <c r="K1804" s="53"/>
      <c r="L1804" s="53"/>
      <c r="M1804" s="53"/>
      <c r="N1804" s="53"/>
      <c r="O1804" s="53"/>
      <c r="P1804" s="53"/>
      <c r="Q1804" s="53"/>
      <c r="R1804" s="53"/>
      <c r="S1804" s="53"/>
      <c r="T1804" s="53"/>
      <c r="U1804" s="53"/>
      <c r="V1804" s="53"/>
      <c r="W1804" s="53"/>
      <c r="X1804" s="53"/>
      <c r="Y1804" s="53"/>
      <c r="Z1804" s="53"/>
      <c r="AA1804" s="53"/>
      <c r="AB1804" s="53"/>
      <c r="AC1804" s="53"/>
      <c r="AD1804" s="53"/>
      <c r="AE1804" s="53"/>
      <c r="AF1804" s="53"/>
      <c r="AG1804" s="53"/>
      <c r="AH1804" s="53"/>
      <c r="AI1804" s="53"/>
      <c r="AJ1804" s="53"/>
      <c r="AK1804" s="53"/>
      <c r="AL1804" s="53"/>
      <c r="AM1804" s="53"/>
      <c r="AN1804" s="53"/>
      <c r="AO1804" s="53"/>
      <c r="AP1804" s="53"/>
      <c r="AQ1804" s="53"/>
      <c r="AR1804" s="53"/>
      <c r="AS1804" s="53"/>
      <c r="AT1804" s="53"/>
      <c r="AU1804" s="53"/>
      <c r="AV1804" s="53"/>
      <c r="AW1804" s="53"/>
      <c r="AX1804" s="53"/>
      <c r="AY1804" s="53"/>
      <c r="AZ1804" s="53"/>
      <c r="BA1804" s="53"/>
      <c r="BB1804" s="53"/>
      <c r="BC1804" s="53"/>
      <c r="BD1804" s="53"/>
      <c r="BE1804" s="53"/>
      <c r="BF1804" s="53"/>
      <c r="BG1804" s="53"/>
      <c r="BH1804" s="53"/>
      <c r="BI1804" s="53"/>
      <c r="BJ1804" s="53"/>
      <c r="BK1804" s="53"/>
      <c r="BL1804" s="53"/>
      <c r="BM1804" s="53"/>
      <c r="BN1804" s="53"/>
      <c r="BO1804" s="53"/>
      <c r="BP1804" s="53"/>
      <c r="BQ1804" s="53"/>
      <c r="BR1804" s="53"/>
      <c r="BS1804" s="53"/>
      <c r="BT1804" s="53"/>
      <c r="BU1804" s="53"/>
      <c r="BV1804" s="53"/>
      <c r="BW1804" s="53"/>
      <c r="BX1804" s="53"/>
      <c r="BY1804" s="53"/>
      <c r="BZ1804" s="53"/>
      <c r="CA1804" s="53"/>
      <c r="CB1804" s="53">
        <v>-4885623.74</v>
      </c>
      <c r="CC1804" s="53">
        <v>-6821191.2000000002</v>
      </c>
      <c r="CD1804" s="53">
        <v>-9361606.4399999995</v>
      </c>
      <c r="CE1804" s="53">
        <v>-11484163.4099999</v>
      </c>
      <c r="CF1804" s="53">
        <v>-15932844.34</v>
      </c>
      <c r="CG1804" s="53">
        <v>-19003359.25</v>
      </c>
      <c r="CH1804" s="53">
        <v>-22266829.359999999</v>
      </c>
      <c r="CI1804" s="53">
        <v>-21989061.1199999</v>
      </c>
      <c r="CJ1804" s="53">
        <v>-19896695.09</v>
      </c>
      <c r="CK1804" s="53">
        <v>-14892568.92</v>
      </c>
      <c r="CL1804" s="53">
        <v>-7069373.5300000003</v>
      </c>
      <c r="CM1804" s="53">
        <v>-2914802.36</v>
      </c>
      <c r="CN1804" s="53">
        <v>-156518118.75999999</v>
      </c>
    </row>
    <row r="1805" spans="1:92" outlineLevel="1">
      <c r="A1805" s="52" t="s">
        <v>745</v>
      </c>
      <c r="B1805" s="53"/>
      <c r="C1805" s="53"/>
      <c r="D1805" s="53"/>
      <c r="E1805" s="53"/>
      <c r="F1805" s="53"/>
      <c r="G1805" s="53"/>
      <c r="H1805" s="53"/>
      <c r="I1805" s="53"/>
      <c r="J1805" s="53"/>
      <c r="K1805" s="53"/>
      <c r="L1805" s="53"/>
      <c r="M1805" s="53"/>
      <c r="N1805" s="53"/>
      <c r="O1805" s="53"/>
      <c r="P1805" s="53"/>
      <c r="Q1805" s="53"/>
      <c r="R1805" s="53"/>
      <c r="S1805" s="53"/>
      <c r="T1805" s="53"/>
      <c r="U1805" s="53"/>
      <c r="V1805" s="53"/>
      <c r="W1805" s="53"/>
      <c r="X1805" s="53"/>
      <c r="Y1805" s="53"/>
      <c r="Z1805" s="53"/>
      <c r="AA1805" s="53"/>
      <c r="AB1805" s="53"/>
      <c r="AC1805" s="53"/>
      <c r="AD1805" s="53"/>
      <c r="AE1805" s="53"/>
      <c r="AF1805" s="53"/>
      <c r="AG1805" s="53"/>
      <c r="AH1805" s="53"/>
      <c r="AI1805" s="53"/>
      <c r="AJ1805" s="53"/>
      <c r="AK1805" s="53"/>
      <c r="AL1805" s="53"/>
      <c r="AM1805" s="53"/>
      <c r="AN1805" s="53"/>
      <c r="AO1805" s="53"/>
      <c r="AP1805" s="53"/>
      <c r="AQ1805" s="53"/>
      <c r="AR1805" s="53"/>
      <c r="AS1805" s="53"/>
      <c r="AT1805" s="53"/>
      <c r="AU1805" s="53"/>
      <c r="AV1805" s="53"/>
      <c r="AW1805" s="53"/>
      <c r="AX1805" s="53"/>
      <c r="AY1805" s="53"/>
      <c r="AZ1805" s="53"/>
      <c r="BA1805" s="53"/>
      <c r="BB1805" s="53"/>
      <c r="BC1805" s="53"/>
      <c r="BD1805" s="53"/>
      <c r="BE1805" s="53"/>
      <c r="BF1805" s="53"/>
      <c r="BG1805" s="53"/>
      <c r="BH1805" s="53"/>
      <c r="BI1805" s="53"/>
      <c r="BJ1805" s="53"/>
      <c r="BK1805" s="53"/>
      <c r="BL1805" s="53"/>
      <c r="BM1805" s="53"/>
      <c r="BN1805" s="53"/>
      <c r="BO1805" s="53"/>
      <c r="BP1805" s="53"/>
      <c r="BQ1805" s="53"/>
      <c r="BR1805" s="53"/>
      <c r="BS1805" s="53"/>
      <c r="BT1805" s="53"/>
      <c r="BU1805" s="53"/>
      <c r="BV1805" s="53"/>
      <c r="BW1805" s="53"/>
      <c r="BX1805" s="53"/>
      <c r="BY1805" s="53"/>
      <c r="BZ1805" s="53"/>
      <c r="CA1805" s="53"/>
      <c r="CB1805" s="53"/>
      <c r="CC1805" s="53"/>
      <c r="CD1805" s="53"/>
      <c r="CE1805" s="53"/>
      <c r="CF1805" s="53"/>
      <c r="CG1805" s="53"/>
      <c r="CH1805" s="53"/>
      <c r="CI1805" s="53"/>
      <c r="CJ1805" s="53"/>
      <c r="CK1805" s="53"/>
      <c r="CL1805" s="53"/>
      <c r="CM1805" s="53"/>
      <c r="CN1805" s="53"/>
    </row>
    <row r="1806" spans="1:92" outlineLevel="1">
      <c r="A1806" s="52" t="s">
        <v>1536</v>
      </c>
      <c r="B1806" s="53"/>
      <c r="C1806" s="53"/>
      <c r="D1806" s="53"/>
      <c r="E1806" s="53"/>
      <c r="F1806" s="53"/>
      <c r="G1806" s="53"/>
      <c r="H1806" s="53"/>
      <c r="I1806" s="53"/>
      <c r="J1806" s="53"/>
      <c r="K1806" s="53"/>
      <c r="L1806" s="53"/>
      <c r="M1806" s="53"/>
      <c r="N1806" s="53"/>
      <c r="O1806" s="53"/>
      <c r="P1806" s="53"/>
      <c r="Q1806" s="53"/>
      <c r="R1806" s="53"/>
      <c r="S1806" s="53"/>
      <c r="T1806" s="53"/>
      <c r="U1806" s="53"/>
      <c r="V1806" s="53"/>
      <c r="W1806" s="53"/>
      <c r="X1806" s="53"/>
      <c r="Y1806" s="53"/>
      <c r="Z1806" s="53"/>
      <c r="AA1806" s="53"/>
      <c r="AB1806" s="53"/>
      <c r="AC1806" s="53"/>
      <c r="AD1806" s="53"/>
      <c r="AE1806" s="53"/>
      <c r="AF1806" s="53"/>
      <c r="AG1806" s="53"/>
      <c r="AH1806" s="53"/>
      <c r="AI1806" s="53"/>
      <c r="AJ1806" s="53"/>
      <c r="AK1806" s="53"/>
      <c r="AL1806" s="53"/>
      <c r="AM1806" s="53"/>
      <c r="AN1806" s="53"/>
      <c r="AO1806" s="53"/>
      <c r="AP1806" s="53"/>
      <c r="AQ1806" s="53"/>
      <c r="AR1806" s="53"/>
      <c r="AS1806" s="53"/>
      <c r="AT1806" s="53"/>
      <c r="AU1806" s="53"/>
      <c r="AV1806" s="53"/>
      <c r="AW1806" s="53"/>
      <c r="AX1806" s="53"/>
      <c r="AY1806" s="53"/>
      <c r="AZ1806" s="53"/>
      <c r="BA1806" s="53"/>
      <c r="BB1806" s="53"/>
      <c r="BC1806" s="53"/>
      <c r="BD1806" s="53"/>
      <c r="BE1806" s="53"/>
      <c r="BF1806" s="53"/>
      <c r="BG1806" s="53"/>
      <c r="BH1806" s="53"/>
      <c r="BI1806" s="53"/>
      <c r="BJ1806" s="53"/>
      <c r="BK1806" s="53"/>
      <c r="BL1806" s="53"/>
      <c r="BM1806" s="53"/>
      <c r="BN1806" s="53"/>
      <c r="BO1806" s="53"/>
      <c r="BP1806" s="53"/>
      <c r="BQ1806" s="53"/>
      <c r="BR1806" s="53"/>
      <c r="BS1806" s="53"/>
      <c r="BT1806" s="53"/>
      <c r="BU1806" s="53"/>
      <c r="BV1806" s="53"/>
      <c r="BW1806" s="53"/>
      <c r="BX1806" s="53"/>
      <c r="BY1806" s="53"/>
      <c r="BZ1806" s="53"/>
      <c r="CA1806" s="53"/>
      <c r="CB1806" s="53">
        <v>-2555737.2999999998</v>
      </c>
      <c r="CC1806" s="53">
        <v>-2709377.53</v>
      </c>
      <c r="CD1806" s="53">
        <v>-2658425.8399999901</v>
      </c>
      <c r="CE1806" s="53">
        <v>-2110044.13</v>
      </c>
      <c r="CF1806" s="53">
        <v>-2302031.2799999998</v>
      </c>
      <c r="CG1806" s="53">
        <v>-2465152</v>
      </c>
      <c r="CH1806" s="53">
        <v>-2104715.75</v>
      </c>
      <c r="CI1806" s="53">
        <v>-3265984</v>
      </c>
      <c r="CJ1806" s="53">
        <v>-2673102.46</v>
      </c>
      <c r="CK1806" s="53">
        <v>-2398012.0199999898</v>
      </c>
      <c r="CL1806" s="53">
        <v>-2879835.02</v>
      </c>
      <c r="CM1806" s="53">
        <v>-2813547.2099999902</v>
      </c>
      <c r="CN1806" s="53">
        <v>-30935964.539999899</v>
      </c>
    </row>
    <row r="1807" spans="1:92" outlineLevel="1">
      <c r="A1807" s="52" t="s">
        <v>649</v>
      </c>
      <c r="B1807" s="53">
        <v>-198553999.91</v>
      </c>
      <c r="C1807" s="53">
        <v>-469895999.91000003</v>
      </c>
      <c r="D1807" s="53">
        <v>-453197999.91000003</v>
      </c>
      <c r="E1807" s="53">
        <v>-467650999.91000003</v>
      </c>
      <c r="F1807" s="53">
        <v>-538569999.90999997</v>
      </c>
      <c r="G1807" s="53">
        <v>-567609999.90999997</v>
      </c>
      <c r="H1807" s="53">
        <v>-504409999.91000003</v>
      </c>
      <c r="I1807" s="53">
        <v>-660678999.90999997</v>
      </c>
      <c r="J1807" s="53">
        <v>-679318999.90999997</v>
      </c>
      <c r="K1807" s="53">
        <v>-982916999.90999997</v>
      </c>
      <c r="L1807" s="53">
        <v>-320077999.91000003</v>
      </c>
      <c r="M1807" s="53">
        <v>-336523999.91000003</v>
      </c>
      <c r="N1807" s="53">
        <v>-6179405998.9199896</v>
      </c>
      <c r="O1807" s="53">
        <v>-604923999.90999997</v>
      </c>
      <c r="P1807" s="53"/>
      <c r="Q1807" s="53"/>
      <c r="R1807" s="53"/>
      <c r="S1807" s="53"/>
      <c r="T1807" s="53"/>
      <c r="U1807" s="53"/>
      <c r="V1807" s="53"/>
      <c r="W1807" s="53"/>
      <c r="X1807" s="53"/>
      <c r="Y1807" s="53"/>
      <c r="Z1807" s="53"/>
      <c r="AA1807" s="53">
        <v>-604923999.90999997</v>
      </c>
      <c r="AB1807" s="53"/>
      <c r="AC1807" s="53"/>
      <c r="AD1807" s="53"/>
      <c r="AE1807" s="53"/>
      <c r="AF1807" s="53"/>
      <c r="AG1807" s="53"/>
      <c r="AH1807" s="53"/>
      <c r="AI1807" s="53"/>
      <c r="AJ1807" s="53"/>
      <c r="AK1807" s="53"/>
      <c r="AL1807" s="53"/>
      <c r="AM1807" s="53"/>
      <c r="AN1807" s="53"/>
      <c r="AO1807" s="53"/>
      <c r="AP1807" s="53"/>
      <c r="AQ1807" s="53"/>
      <c r="AR1807" s="53"/>
      <c r="AS1807" s="53"/>
      <c r="AT1807" s="53"/>
      <c r="AU1807" s="53"/>
      <c r="AV1807" s="53"/>
      <c r="AW1807" s="53"/>
      <c r="AX1807" s="53"/>
      <c r="AY1807" s="53"/>
      <c r="AZ1807" s="53"/>
      <c r="BA1807" s="53"/>
      <c r="BB1807" s="53"/>
      <c r="BC1807" s="53"/>
      <c r="BD1807" s="53"/>
      <c r="BE1807" s="53"/>
      <c r="BF1807" s="53"/>
      <c r="BG1807" s="53"/>
      <c r="BH1807" s="53"/>
      <c r="BI1807" s="53"/>
      <c r="BJ1807" s="53"/>
      <c r="BK1807" s="53"/>
      <c r="BL1807" s="53"/>
      <c r="BM1807" s="53"/>
      <c r="BN1807" s="53"/>
      <c r="BO1807" s="53"/>
      <c r="BP1807" s="53"/>
      <c r="BQ1807" s="53"/>
      <c r="BR1807" s="53"/>
      <c r="BS1807" s="53"/>
      <c r="BT1807" s="53"/>
      <c r="BU1807" s="53"/>
      <c r="BV1807" s="53"/>
      <c r="BW1807" s="53"/>
      <c r="BX1807" s="53"/>
      <c r="BY1807" s="53"/>
      <c r="BZ1807" s="53"/>
      <c r="CA1807" s="53"/>
      <c r="CB1807" s="53"/>
      <c r="CC1807" s="53"/>
      <c r="CD1807" s="53"/>
      <c r="CE1807" s="53"/>
      <c r="CF1807" s="53"/>
      <c r="CG1807" s="53"/>
      <c r="CH1807" s="53"/>
      <c r="CI1807" s="53"/>
      <c r="CJ1807" s="53"/>
      <c r="CK1807" s="53"/>
      <c r="CL1807" s="53"/>
      <c r="CM1807" s="53"/>
      <c r="CN1807" s="53"/>
    </row>
    <row r="1808" spans="1:92" outlineLevel="1">
      <c r="A1808" s="52" t="s">
        <v>1537</v>
      </c>
      <c r="B1808" s="53"/>
      <c r="C1808" s="53"/>
      <c r="D1808" s="53"/>
      <c r="E1808" s="53"/>
      <c r="F1808" s="53"/>
      <c r="G1808" s="53"/>
      <c r="H1808" s="53"/>
      <c r="I1808" s="53"/>
      <c r="J1808" s="53"/>
      <c r="K1808" s="53"/>
      <c r="L1808" s="53"/>
      <c r="M1808" s="53"/>
      <c r="N1808" s="53"/>
      <c r="O1808" s="53"/>
      <c r="P1808" s="53"/>
      <c r="Q1808" s="53"/>
      <c r="R1808" s="53"/>
      <c r="S1808" s="53"/>
      <c r="T1808" s="53"/>
      <c r="U1808" s="53"/>
      <c r="V1808" s="53"/>
      <c r="W1808" s="53"/>
      <c r="X1808" s="53"/>
      <c r="Y1808" s="53"/>
      <c r="Z1808" s="53"/>
      <c r="AA1808" s="53"/>
      <c r="AB1808" s="53"/>
      <c r="AC1808" s="53"/>
      <c r="AD1808" s="53"/>
      <c r="AE1808" s="53"/>
      <c r="AF1808" s="53"/>
      <c r="AG1808" s="53"/>
      <c r="AH1808" s="53"/>
      <c r="AI1808" s="53"/>
      <c r="AJ1808" s="53"/>
      <c r="AK1808" s="53"/>
      <c r="AL1808" s="53"/>
      <c r="AM1808" s="53"/>
      <c r="AN1808" s="53"/>
      <c r="AO1808" s="53"/>
      <c r="AP1808" s="53"/>
      <c r="AQ1808" s="53"/>
      <c r="AR1808" s="53"/>
      <c r="AS1808" s="53"/>
      <c r="AT1808" s="53"/>
      <c r="AU1808" s="53"/>
      <c r="AV1808" s="53"/>
      <c r="AW1808" s="53"/>
      <c r="AX1808" s="53"/>
      <c r="AY1808" s="53"/>
      <c r="AZ1808" s="53"/>
      <c r="BA1808" s="53"/>
      <c r="BB1808" s="53"/>
      <c r="BC1808" s="53"/>
      <c r="BD1808" s="53"/>
      <c r="BE1808" s="53"/>
      <c r="BF1808" s="53"/>
      <c r="BG1808" s="53"/>
      <c r="BH1808" s="53"/>
      <c r="BI1808" s="53"/>
      <c r="BJ1808" s="53"/>
      <c r="BK1808" s="53"/>
      <c r="BL1808" s="53"/>
      <c r="BM1808" s="53"/>
      <c r="BN1808" s="53"/>
      <c r="BO1808" s="53"/>
      <c r="BP1808" s="53"/>
      <c r="BQ1808" s="53"/>
      <c r="BR1808" s="53"/>
      <c r="BS1808" s="53"/>
      <c r="BT1808" s="53"/>
      <c r="BU1808" s="53"/>
      <c r="BV1808" s="53"/>
      <c r="BW1808" s="53"/>
      <c r="BX1808" s="53"/>
      <c r="BY1808" s="53"/>
      <c r="BZ1808" s="53"/>
      <c r="CA1808" s="53"/>
      <c r="CB1808" s="53">
        <v>-96801882.019999996</v>
      </c>
      <c r="CC1808" s="53">
        <v>-82686144.709999993</v>
      </c>
      <c r="CD1808" s="53">
        <v>-84040742.510000005</v>
      </c>
      <c r="CE1808" s="53">
        <v>-75622199.959999993</v>
      </c>
      <c r="CF1808" s="53">
        <v>-89792007.289999902</v>
      </c>
      <c r="CG1808" s="53">
        <v>-95721055.140000001</v>
      </c>
      <c r="CH1808" s="53">
        <v>-101577896.73999999</v>
      </c>
      <c r="CI1808" s="53">
        <v>-101850854.92</v>
      </c>
      <c r="CJ1808" s="53">
        <v>-97561165.279999897</v>
      </c>
      <c r="CK1808" s="53">
        <v>-87880748.609999999</v>
      </c>
      <c r="CL1808" s="53">
        <v>-81465344.129999995</v>
      </c>
      <c r="CM1808" s="53">
        <v>-93850456.6199999</v>
      </c>
      <c r="CN1808" s="53">
        <v>-1088850497.9299901</v>
      </c>
    </row>
    <row r="1809" spans="1:92" outlineLevel="1">
      <c r="A1809" s="52" t="s">
        <v>649</v>
      </c>
      <c r="B1809" s="53"/>
      <c r="C1809" s="53"/>
      <c r="D1809" s="53"/>
      <c r="E1809" s="53"/>
      <c r="F1809" s="53"/>
      <c r="G1809" s="53"/>
      <c r="H1809" s="53"/>
      <c r="I1809" s="53"/>
      <c r="J1809" s="53"/>
      <c r="K1809" s="53"/>
      <c r="L1809" s="53"/>
      <c r="M1809" s="53"/>
      <c r="N1809" s="53"/>
      <c r="O1809" s="53"/>
      <c r="P1809" s="53">
        <v>-691286528.74057901</v>
      </c>
      <c r="Q1809" s="53">
        <v>-640850776.38673306</v>
      </c>
      <c r="R1809" s="53">
        <v>-747112323.97426796</v>
      </c>
      <c r="S1809" s="53">
        <v>-804127382.51984704</v>
      </c>
      <c r="T1809" s="53">
        <v>-848837587.29495704</v>
      </c>
      <c r="U1809" s="53">
        <v>-266203941.454465</v>
      </c>
      <c r="V1809" s="53">
        <v>-156791960.200288</v>
      </c>
      <c r="W1809" s="53"/>
      <c r="X1809" s="53"/>
      <c r="Y1809" s="53"/>
      <c r="Z1809" s="53"/>
      <c r="AA1809" s="53">
        <v>-4155210500.5711398</v>
      </c>
      <c r="AB1809" s="53">
        <v>-160584988.64838701</v>
      </c>
      <c r="AC1809" s="53">
        <v>-145146799.75453001</v>
      </c>
      <c r="AD1809" s="53">
        <v>-43986462.048842996</v>
      </c>
      <c r="AE1809" s="53">
        <v>-126073770.957846</v>
      </c>
      <c r="AF1809" s="53">
        <v>-958100711.50871003</v>
      </c>
      <c r="AG1809" s="53">
        <v>-997092550.63431501</v>
      </c>
      <c r="AH1809" s="53">
        <v>-1089790129.6900799</v>
      </c>
      <c r="AI1809" s="53">
        <v>-1010243814.99792</v>
      </c>
      <c r="AJ1809" s="53"/>
      <c r="AK1809" s="53"/>
      <c r="AL1809" s="53"/>
      <c r="AM1809" s="53"/>
      <c r="AN1809" s="53">
        <v>-4531019228.2406301</v>
      </c>
      <c r="AO1809" s="53">
        <v>-5938772.7716698796</v>
      </c>
      <c r="AP1809" s="53">
        <v>-37208835.7320804</v>
      </c>
      <c r="AQ1809" s="53">
        <v>-27491554.847943299</v>
      </c>
      <c r="AR1809" s="53">
        <v>-189077993.35148901</v>
      </c>
      <c r="AS1809" s="53">
        <v>-271867626.10165399</v>
      </c>
      <c r="AT1809" s="53">
        <v>-374588955.818542</v>
      </c>
      <c r="AU1809" s="53"/>
      <c r="AV1809" s="53"/>
      <c r="AW1809" s="53"/>
      <c r="AX1809" s="53"/>
      <c r="AY1809" s="53"/>
      <c r="AZ1809" s="53"/>
      <c r="BA1809" s="53">
        <v>-906173738.62337995</v>
      </c>
      <c r="BB1809" s="53">
        <v>-131852214.951662</v>
      </c>
      <c r="BC1809" s="53">
        <v>-196512174.79109901</v>
      </c>
      <c r="BD1809" s="53">
        <v>-168300839.92753699</v>
      </c>
      <c r="BE1809" s="53">
        <v>-279697063.07687598</v>
      </c>
      <c r="BF1809" s="53">
        <v>-284151828.04402</v>
      </c>
      <c r="BG1809" s="53">
        <v>-363591134.76955199</v>
      </c>
      <c r="BH1809" s="53"/>
      <c r="BI1809" s="53"/>
      <c r="BJ1809" s="53"/>
      <c r="BK1809" s="53"/>
      <c r="BL1809" s="53"/>
      <c r="BM1809" s="53"/>
      <c r="BN1809" s="53">
        <v>-1424105255.56074</v>
      </c>
      <c r="BO1809" s="53">
        <v>-180915258.75754201</v>
      </c>
      <c r="BP1809" s="53">
        <v>-888992446.32978797</v>
      </c>
      <c r="BQ1809" s="53">
        <v>-858047614.98357701</v>
      </c>
      <c r="BR1809" s="53">
        <v>-973328736.45499504</v>
      </c>
      <c r="BS1809" s="53">
        <v>-974042396.54382598</v>
      </c>
      <c r="BT1809" s="53">
        <v>-1048936334.2269599</v>
      </c>
      <c r="BU1809" s="53"/>
      <c r="BV1809" s="53"/>
      <c r="BW1809" s="53"/>
      <c r="BX1809" s="53"/>
      <c r="BY1809" s="53"/>
      <c r="BZ1809" s="53"/>
      <c r="CA1809" s="53">
        <v>-4924262787.29669</v>
      </c>
      <c r="CB1809" s="53"/>
      <c r="CC1809" s="53"/>
      <c r="CD1809" s="53"/>
      <c r="CE1809" s="53"/>
      <c r="CF1809" s="53"/>
      <c r="CG1809" s="53"/>
      <c r="CH1809" s="53"/>
      <c r="CI1809" s="53"/>
      <c r="CJ1809" s="53"/>
      <c r="CK1809" s="53"/>
      <c r="CL1809" s="53"/>
      <c r="CM1809" s="53"/>
      <c r="CN1809" s="53"/>
    </row>
    <row r="1810" spans="1:92" outlineLevel="1">
      <c r="A1810" s="52" t="s">
        <v>672</v>
      </c>
      <c r="B1810" s="53"/>
      <c r="C1810" s="53"/>
      <c r="D1810" s="53"/>
      <c r="E1810" s="53"/>
      <c r="F1810" s="53"/>
      <c r="G1810" s="53"/>
      <c r="H1810" s="53"/>
      <c r="I1810" s="53"/>
      <c r="J1810" s="53"/>
      <c r="K1810" s="53"/>
      <c r="L1810" s="53"/>
      <c r="M1810" s="53"/>
      <c r="N1810" s="53"/>
      <c r="O1810" s="53"/>
      <c r="P1810" s="53"/>
      <c r="Q1810" s="53"/>
      <c r="R1810" s="53"/>
      <c r="S1810" s="53"/>
      <c r="T1810" s="53"/>
      <c r="U1810" s="53"/>
      <c r="V1810" s="53"/>
      <c r="W1810" s="53"/>
      <c r="X1810" s="53"/>
      <c r="Y1810" s="53"/>
      <c r="Z1810" s="53"/>
      <c r="AA1810" s="53"/>
      <c r="AB1810" s="53"/>
      <c r="AC1810" s="53"/>
      <c r="AD1810" s="53"/>
      <c r="AE1810" s="53"/>
      <c r="AF1810" s="53"/>
      <c r="AG1810" s="53"/>
      <c r="AH1810" s="53"/>
      <c r="AI1810" s="53"/>
      <c r="AJ1810" s="53"/>
      <c r="AK1810" s="53"/>
      <c r="AL1810" s="53"/>
      <c r="AM1810" s="53"/>
      <c r="AN1810" s="53"/>
      <c r="AO1810" s="53"/>
      <c r="AP1810" s="53"/>
      <c r="AQ1810" s="53"/>
      <c r="AR1810" s="53"/>
      <c r="AS1810" s="53"/>
      <c r="AT1810" s="53"/>
      <c r="AU1810" s="53"/>
      <c r="AV1810" s="53"/>
      <c r="AW1810" s="53"/>
      <c r="AX1810" s="53"/>
      <c r="AY1810" s="53"/>
      <c r="AZ1810" s="53"/>
      <c r="BA1810" s="53"/>
      <c r="BB1810" s="53"/>
      <c r="BC1810" s="53"/>
      <c r="BD1810" s="53"/>
      <c r="BE1810" s="53"/>
      <c r="BF1810" s="53"/>
      <c r="BG1810" s="53"/>
      <c r="BH1810" s="53"/>
      <c r="BI1810" s="53"/>
      <c r="BJ1810" s="53"/>
      <c r="BK1810" s="53"/>
      <c r="BL1810" s="53"/>
      <c r="BM1810" s="53"/>
      <c r="BN1810" s="53"/>
      <c r="BO1810" s="53"/>
      <c r="BP1810" s="53"/>
      <c r="BQ1810" s="53"/>
      <c r="BR1810" s="53"/>
      <c r="BS1810" s="53"/>
      <c r="BT1810" s="53"/>
      <c r="BU1810" s="53"/>
      <c r="BV1810" s="53"/>
      <c r="BW1810" s="53"/>
      <c r="BX1810" s="53"/>
      <c r="BY1810" s="53"/>
      <c r="BZ1810" s="53"/>
      <c r="CA1810" s="53"/>
      <c r="CB1810" s="53"/>
      <c r="CC1810" s="53"/>
      <c r="CD1810" s="53"/>
      <c r="CE1810" s="53"/>
      <c r="CF1810" s="53"/>
      <c r="CG1810" s="53"/>
      <c r="CH1810" s="53"/>
      <c r="CI1810" s="53"/>
      <c r="CJ1810" s="53"/>
      <c r="CK1810" s="53"/>
      <c r="CL1810" s="53"/>
      <c r="CM1810" s="53"/>
      <c r="CN1810" s="53"/>
    </row>
    <row r="1811" spans="1:92" outlineLevel="1">
      <c r="A1811" s="52" t="s">
        <v>739</v>
      </c>
      <c r="B1811" s="53"/>
      <c r="C1811" s="53"/>
      <c r="D1811" s="53"/>
      <c r="E1811" s="53"/>
      <c r="F1811" s="53"/>
      <c r="G1811" s="53"/>
      <c r="H1811" s="53"/>
      <c r="I1811" s="53"/>
      <c r="J1811" s="53"/>
      <c r="K1811" s="53"/>
      <c r="L1811" s="53"/>
      <c r="M1811" s="53"/>
      <c r="N1811" s="53"/>
      <c r="O1811" s="53"/>
      <c r="P1811" s="53"/>
      <c r="Q1811" s="53"/>
      <c r="R1811" s="53"/>
      <c r="S1811" s="53"/>
      <c r="T1811" s="53"/>
      <c r="U1811" s="53"/>
      <c r="V1811" s="53"/>
      <c r="W1811" s="53"/>
      <c r="X1811" s="53"/>
      <c r="Y1811" s="53"/>
      <c r="Z1811" s="53"/>
      <c r="AA1811" s="53"/>
      <c r="AB1811" s="53"/>
      <c r="AC1811" s="53"/>
      <c r="AD1811" s="53"/>
      <c r="AE1811" s="53"/>
      <c r="AF1811" s="53"/>
      <c r="AG1811" s="53"/>
      <c r="AH1811" s="53"/>
      <c r="AI1811" s="53"/>
      <c r="AJ1811" s="53"/>
      <c r="AK1811" s="53"/>
      <c r="AL1811" s="53"/>
      <c r="AM1811" s="53"/>
      <c r="AN1811" s="53"/>
      <c r="AO1811" s="53"/>
      <c r="AP1811" s="53"/>
      <c r="AQ1811" s="53"/>
      <c r="AR1811" s="53"/>
      <c r="AS1811" s="53"/>
      <c r="AT1811" s="53"/>
      <c r="AU1811" s="53"/>
      <c r="AV1811" s="53"/>
      <c r="AW1811" s="53"/>
      <c r="AX1811" s="53"/>
      <c r="AY1811" s="53"/>
      <c r="AZ1811" s="53"/>
      <c r="BA1811" s="53"/>
      <c r="BB1811" s="53"/>
      <c r="BC1811" s="53"/>
      <c r="BD1811" s="53"/>
      <c r="BE1811" s="53"/>
      <c r="BF1811" s="53"/>
      <c r="BG1811" s="53"/>
      <c r="BH1811" s="53"/>
      <c r="BI1811" s="53"/>
      <c r="BJ1811" s="53"/>
      <c r="BK1811" s="53"/>
      <c r="BL1811" s="53"/>
      <c r="BM1811" s="53"/>
      <c r="BN1811" s="53"/>
      <c r="BO1811" s="53"/>
      <c r="BP1811" s="53"/>
      <c r="BQ1811" s="53"/>
      <c r="BR1811" s="53"/>
      <c r="BS1811" s="53"/>
      <c r="BT1811" s="53"/>
      <c r="BU1811" s="53"/>
      <c r="BV1811" s="53"/>
      <c r="BW1811" s="53"/>
      <c r="BX1811" s="53"/>
      <c r="BY1811" s="53"/>
      <c r="BZ1811" s="53"/>
      <c r="CA1811" s="53"/>
      <c r="CB1811" s="53"/>
      <c r="CC1811" s="53"/>
      <c r="CD1811" s="53"/>
      <c r="CE1811" s="53"/>
      <c r="CF1811" s="53"/>
      <c r="CG1811" s="53"/>
      <c r="CH1811" s="53"/>
      <c r="CI1811" s="53"/>
      <c r="CJ1811" s="53"/>
      <c r="CK1811" s="53"/>
      <c r="CL1811" s="53"/>
      <c r="CM1811" s="53"/>
      <c r="CN1811" s="53"/>
    </row>
    <row r="1812" spans="1:92" outlineLevel="1">
      <c r="A1812" s="52" t="s">
        <v>1220</v>
      </c>
      <c r="B1812" s="53"/>
      <c r="C1812" s="53"/>
      <c r="D1812" s="53"/>
      <c r="E1812" s="53"/>
      <c r="F1812" s="53"/>
      <c r="G1812" s="53"/>
      <c r="H1812" s="53"/>
      <c r="I1812" s="53"/>
      <c r="J1812" s="53"/>
      <c r="K1812" s="53"/>
      <c r="L1812" s="53"/>
      <c r="M1812" s="53"/>
      <c r="N1812" s="53"/>
      <c r="O1812" s="53"/>
      <c r="P1812" s="53"/>
      <c r="Q1812" s="53"/>
      <c r="R1812" s="53"/>
      <c r="S1812" s="53"/>
      <c r="T1812" s="53"/>
      <c r="U1812" s="53"/>
      <c r="V1812" s="53"/>
      <c r="W1812" s="53"/>
      <c r="X1812" s="53"/>
      <c r="Y1812" s="53"/>
      <c r="Z1812" s="53"/>
      <c r="AA1812" s="53"/>
      <c r="AB1812" s="53"/>
      <c r="AC1812" s="53"/>
      <c r="AD1812" s="53"/>
      <c r="AE1812" s="53"/>
      <c r="AF1812" s="53"/>
      <c r="AG1812" s="53"/>
      <c r="AH1812" s="53"/>
      <c r="AI1812" s="53"/>
      <c r="AJ1812" s="53"/>
      <c r="AK1812" s="53"/>
      <c r="AL1812" s="53"/>
      <c r="AM1812" s="53"/>
      <c r="AN1812" s="53"/>
      <c r="AO1812" s="53"/>
      <c r="AP1812" s="53"/>
      <c r="AQ1812" s="53"/>
      <c r="AR1812" s="53"/>
      <c r="AS1812" s="53"/>
      <c r="AT1812" s="53"/>
      <c r="AU1812" s="53"/>
      <c r="AV1812" s="53"/>
      <c r="AW1812" s="53"/>
      <c r="AX1812" s="53"/>
      <c r="AY1812" s="53"/>
      <c r="AZ1812" s="53"/>
      <c r="BA1812" s="53"/>
      <c r="BB1812" s="53"/>
      <c r="BC1812" s="53"/>
      <c r="BD1812" s="53"/>
      <c r="BE1812" s="53"/>
      <c r="BF1812" s="53"/>
      <c r="BG1812" s="53"/>
      <c r="BH1812" s="53"/>
      <c r="BI1812" s="53"/>
      <c r="BJ1812" s="53"/>
      <c r="BK1812" s="53"/>
      <c r="BL1812" s="53"/>
      <c r="BM1812" s="53"/>
      <c r="BN1812" s="53"/>
      <c r="BO1812" s="53"/>
      <c r="BP1812" s="53"/>
      <c r="BQ1812" s="53"/>
      <c r="BR1812" s="53"/>
      <c r="BS1812" s="53"/>
      <c r="BT1812" s="53"/>
      <c r="BU1812" s="53"/>
      <c r="BV1812" s="53"/>
      <c r="BW1812" s="53"/>
      <c r="BX1812" s="53"/>
      <c r="BY1812" s="53"/>
      <c r="BZ1812" s="53"/>
      <c r="CA1812" s="53"/>
      <c r="CB1812" s="53"/>
      <c r="CC1812" s="53"/>
      <c r="CD1812" s="53"/>
      <c r="CE1812" s="53"/>
      <c r="CF1812" s="53"/>
      <c r="CG1812" s="53"/>
      <c r="CH1812" s="53"/>
      <c r="CI1812" s="53"/>
      <c r="CJ1812" s="53"/>
      <c r="CK1812" s="53"/>
      <c r="CL1812" s="53"/>
      <c r="CM1812" s="53"/>
      <c r="CN1812" s="53"/>
    </row>
    <row r="1813" spans="1:92" outlineLevel="1">
      <c r="A1813" s="52" t="s">
        <v>649</v>
      </c>
      <c r="B1813" s="53"/>
      <c r="C1813" s="53"/>
      <c r="D1813" s="53"/>
      <c r="E1813" s="53"/>
      <c r="F1813" s="53"/>
      <c r="G1813" s="53"/>
      <c r="H1813" s="53"/>
      <c r="I1813" s="53"/>
      <c r="J1813" s="53"/>
      <c r="K1813" s="53"/>
      <c r="L1813" s="53"/>
      <c r="M1813" s="53"/>
      <c r="N1813" s="53"/>
      <c r="O1813" s="53">
        <v>691286528.74057901</v>
      </c>
      <c r="P1813" s="53">
        <v>640850776.38673306</v>
      </c>
      <c r="Q1813" s="53">
        <v>747112323.97426796</v>
      </c>
      <c r="R1813" s="53">
        <v>804127382.51984704</v>
      </c>
      <c r="S1813" s="53">
        <v>848837587.29495704</v>
      </c>
      <c r="T1813" s="53">
        <v>266203941.454465</v>
      </c>
      <c r="U1813" s="53">
        <v>156791960.200288</v>
      </c>
      <c r="V1813" s="53"/>
      <c r="W1813" s="53"/>
      <c r="X1813" s="53"/>
      <c r="Y1813" s="53"/>
      <c r="Z1813" s="53">
        <v>160584988.64838701</v>
      </c>
      <c r="AA1813" s="53">
        <v>4315795489.2195196</v>
      </c>
      <c r="AB1813" s="53">
        <v>145146799.75453001</v>
      </c>
      <c r="AC1813" s="53">
        <v>43986462.048842996</v>
      </c>
      <c r="AD1813" s="53">
        <v>126073770.957846</v>
      </c>
      <c r="AE1813" s="53">
        <v>958100711.50871003</v>
      </c>
      <c r="AF1813" s="53">
        <v>997092550.63431501</v>
      </c>
      <c r="AG1813" s="53">
        <v>1089790129.6900799</v>
      </c>
      <c r="AH1813" s="53">
        <v>1010243814.99792</v>
      </c>
      <c r="AI1813" s="53"/>
      <c r="AJ1813" s="53"/>
      <c r="AK1813" s="53"/>
      <c r="AL1813" s="53"/>
      <c r="AM1813" s="53">
        <v>5938772.7716698796</v>
      </c>
      <c r="AN1813" s="53">
        <v>4376373012.3639202</v>
      </c>
      <c r="AO1813" s="53">
        <v>37208835.7320804</v>
      </c>
      <c r="AP1813" s="53">
        <v>27491554.847943299</v>
      </c>
      <c r="AQ1813" s="53">
        <v>189077993.35148901</v>
      </c>
      <c r="AR1813" s="53">
        <v>271867626.10165399</v>
      </c>
      <c r="AS1813" s="53">
        <v>374588955.818542</v>
      </c>
      <c r="AT1813" s="53"/>
      <c r="AU1813" s="53"/>
      <c r="AV1813" s="53"/>
      <c r="AW1813" s="53"/>
      <c r="AX1813" s="53"/>
      <c r="AY1813" s="53"/>
      <c r="AZ1813" s="53">
        <v>131852214.951662</v>
      </c>
      <c r="BA1813" s="53">
        <v>1032087180.80337</v>
      </c>
      <c r="BB1813" s="53">
        <v>196512174.79109901</v>
      </c>
      <c r="BC1813" s="53">
        <v>168300839.92753699</v>
      </c>
      <c r="BD1813" s="53">
        <v>279697063.07687598</v>
      </c>
      <c r="BE1813" s="53">
        <v>284151828.04402</v>
      </c>
      <c r="BF1813" s="53">
        <v>363591134.76955199</v>
      </c>
      <c r="BG1813" s="53"/>
      <c r="BH1813" s="53"/>
      <c r="BI1813" s="53"/>
      <c r="BJ1813" s="53"/>
      <c r="BK1813" s="53"/>
      <c r="BL1813" s="53"/>
      <c r="BM1813" s="53">
        <v>180915258.75754201</v>
      </c>
      <c r="BN1813" s="53">
        <v>1473168299.3666201</v>
      </c>
      <c r="BO1813" s="53">
        <v>888992446.32978797</v>
      </c>
      <c r="BP1813" s="53">
        <v>858047614.98357701</v>
      </c>
      <c r="BQ1813" s="53">
        <v>973328736.45499504</v>
      </c>
      <c r="BR1813" s="53">
        <v>974042396.54382598</v>
      </c>
      <c r="BS1813" s="53">
        <v>1048936334.2269599</v>
      </c>
      <c r="BT1813" s="53"/>
      <c r="BU1813" s="53"/>
      <c r="BV1813" s="53"/>
      <c r="BW1813" s="53"/>
      <c r="BX1813" s="53"/>
      <c r="BY1813" s="53"/>
      <c r="BZ1813" s="53">
        <v>186734302.987297</v>
      </c>
      <c r="CA1813" s="53">
        <v>4930081831.5264502</v>
      </c>
      <c r="CB1813" s="53"/>
      <c r="CC1813" s="53"/>
      <c r="CD1813" s="53"/>
      <c r="CE1813" s="53"/>
      <c r="CF1813" s="53"/>
      <c r="CG1813" s="53"/>
      <c r="CH1813" s="53"/>
      <c r="CI1813" s="53"/>
      <c r="CJ1813" s="53"/>
      <c r="CK1813" s="53"/>
      <c r="CL1813" s="53"/>
      <c r="CM1813" s="53"/>
      <c r="CN1813" s="53"/>
    </row>
    <row r="1814" spans="1:92" outlineLevel="1">
      <c r="A1814" s="52" t="s">
        <v>1538</v>
      </c>
      <c r="B1814" s="53">
        <v>469895999.91000003</v>
      </c>
      <c r="C1814" s="53">
        <v>453197999.91000003</v>
      </c>
      <c r="D1814" s="53">
        <v>467650999.91000003</v>
      </c>
      <c r="E1814" s="53">
        <v>538569999.90999997</v>
      </c>
      <c r="F1814" s="53">
        <v>567609999.90999997</v>
      </c>
      <c r="G1814" s="53">
        <v>504409999.91000003</v>
      </c>
      <c r="H1814" s="53">
        <v>660678999.90999997</v>
      </c>
      <c r="I1814" s="53">
        <v>679318999.90999997</v>
      </c>
      <c r="J1814" s="53">
        <v>982916999.90999997</v>
      </c>
      <c r="K1814" s="53">
        <v>320077999.91000003</v>
      </c>
      <c r="L1814" s="53">
        <v>336523999.91000003</v>
      </c>
      <c r="M1814" s="53">
        <v>604923999.90999997</v>
      </c>
      <c r="N1814" s="53">
        <v>604923999.90999997</v>
      </c>
      <c r="O1814" s="53">
        <v>691286528.74057901</v>
      </c>
      <c r="P1814" s="53">
        <v>640850776.387514</v>
      </c>
      <c r="Q1814" s="53">
        <v>747112323.97426701</v>
      </c>
      <c r="R1814" s="53">
        <v>804127382.52032995</v>
      </c>
      <c r="S1814" s="53">
        <v>848837587.295439</v>
      </c>
      <c r="T1814" s="53">
        <v>266203941.45543101</v>
      </c>
      <c r="U1814" s="53">
        <v>156791960.200252</v>
      </c>
      <c r="V1814" s="53">
        <v>0</v>
      </c>
      <c r="W1814" s="53">
        <v>0</v>
      </c>
      <c r="X1814" s="53">
        <v>0</v>
      </c>
      <c r="Y1814" s="53">
        <v>0</v>
      </c>
      <c r="Z1814" s="53">
        <v>160584988.64823401</v>
      </c>
      <c r="AA1814" s="53">
        <v>160584988.64823401</v>
      </c>
      <c r="AB1814" s="53">
        <v>145146799.75437599</v>
      </c>
      <c r="AC1814" s="53">
        <v>43986462.048688203</v>
      </c>
      <c r="AD1814" s="53">
        <v>126073770.957578</v>
      </c>
      <c r="AE1814" s="53">
        <v>958100711.50871503</v>
      </c>
      <c r="AF1814" s="53">
        <v>997092550.63431501</v>
      </c>
      <c r="AG1814" s="53">
        <v>1089790129.6900799</v>
      </c>
      <c r="AH1814" s="53">
        <v>1010243814.99792</v>
      </c>
      <c r="AI1814" s="53">
        <v>0</v>
      </c>
      <c r="AJ1814" s="53">
        <v>0</v>
      </c>
      <c r="AK1814" s="53">
        <v>0</v>
      </c>
      <c r="AL1814" s="53">
        <v>0</v>
      </c>
      <c r="AM1814" s="53">
        <v>5938772.7716749301</v>
      </c>
      <c r="AN1814" s="53">
        <v>5938772.7716749301</v>
      </c>
      <c r="AO1814" s="53">
        <v>37208835.732135899</v>
      </c>
      <c r="AP1814" s="53">
        <v>27491554.847998898</v>
      </c>
      <c r="AQ1814" s="53">
        <v>189077993.35064799</v>
      </c>
      <c r="AR1814" s="53">
        <v>271867626.10125798</v>
      </c>
      <c r="AS1814" s="53">
        <v>374588955.81857401</v>
      </c>
      <c r="AT1814" s="53">
        <v>0</v>
      </c>
      <c r="AU1814" s="53">
        <v>0</v>
      </c>
      <c r="AV1814" s="53">
        <v>0</v>
      </c>
      <c r="AW1814" s="53">
        <v>0</v>
      </c>
      <c r="AX1814" s="53">
        <v>0</v>
      </c>
      <c r="AY1814" s="53">
        <v>0</v>
      </c>
      <c r="AZ1814" s="53">
        <v>131852214.95134801</v>
      </c>
      <c r="BA1814" s="53">
        <v>131852214.95134801</v>
      </c>
      <c r="BB1814" s="53">
        <v>196512174.791116</v>
      </c>
      <c r="BC1814" s="53">
        <v>168300839.92755499</v>
      </c>
      <c r="BD1814" s="53">
        <v>279697063.07700998</v>
      </c>
      <c r="BE1814" s="53">
        <v>284151828.04407501</v>
      </c>
      <c r="BF1814" s="53">
        <v>363591134.76957297</v>
      </c>
      <c r="BG1814" s="53">
        <v>0</v>
      </c>
      <c r="BH1814" s="53">
        <v>0</v>
      </c>
      <c r="BI1814" s="53">
        <v>0</v>
      </c>
      <c r="BJ1814" s="53">
        <v>0</v>
      </c>
      <c r="BK1814" s="53">
        <v>0</v>
      </c>
      <c r="BL1814" s="53">
        <v>0</v>
      </c>
      <c r="BM1814" s="53">
        <v>180915258.75764</v>
      </c>
      <c r="BN1814" s="53">
        <v>180915258.75764</v>
      </c>
      <c r="BO1814" s="53">
        <v>888992446.32981598</v>
      </c>
      <c r="BP1814" s="53">
        <v>858047614.98360503</v>
      </c>
      <c r="BQ1814" s="53">
        <v>973328736.45504904</v>
      </c>
      <c r="BR1814" s="53">
        <v>974042396.54391396</v>
      </c>
      <c r="BS1814" s="53">
        <v>1048936334.22699</v>
      </c>
      <c r="BT1814" s="53">
        <v>0</v>
      </c>
      <c r="BU1814" s="53">
        <v>0</v>
      </c>
      <c r="BV1814" s="53">
        <v>0</v>
      </c>
      <c r="BW1814" s="53">
        <v>0</v>
      </c>
      <c r="BX1814" s="53">
        <v>0</v>
      </c>
      <c r="BY1814" s="53">
        <v>0</v>
      </c>
      <c r="BZ1814" s="53">
        <v>186734302.987299</v>
      </c>
      <c r="CA1814" s="53">
        <v>186734302.987299</v>
      </c>
      <c r="CB1814" s="53"/>
      <c r="CC1814" s="53"/>
      <c r="CD1814" s="53"/>
      <c r="CE1814" s="53"/>
      <c r="CF1814" s="53"/>
      <c r="CG1814" s="53"/>
      <c r="CH1814" s="53"/>
      <c r="CI1814" s="53"/>
      <c r="CJ1814" s="53"/>
      <c r="CK1814" s="53"/>
      <c r="CL1814" s="53"/>
      <c r="CM1814" s="53"/>
      <c r="CN1814" s="53"/>
    </row>
    <row r="1815" spans="1:92" outlineLevel="1">
      <c r="A1815" s="52" t="s">
        <v>1218</v>
      </c>
      <c r="B1815" s="53">
        <v>198553999.91</v>
      </c>
      <c r="C1815" s="53">
        <v>469895999.91000003</v>
      </c>
      <c r="D1815" s="53">
        <v>453197999.91000003</v>
      </c>
      <c r="E1815" s="53">
        <v>467650999.91000003</v>
      </c>
      <c r="F1815" s="53">
        <v>538569999.90999997</v>
      </c>
      <c r="G1815" s="53">
        <v>567609999.90999997</v>
      </c>
      <c r="H1815" s="53">
        <v>504409999.91000003</v>
      </c>
      <c r="I1815" s="53">
        <v>660678999.90999997</v>
      </c>
      <c r="J1815" s="53">
        <v>679318999.90999997</v>
      </c>
      <c r="K1815" s="53">
        <v>982916999.90999997</v>
      </c>
      <c r="L1815" s="53">
        <v>320077999.91000003</v>
      </c>
      <c r="M1815" s="53">
        <v>336523999.91000003</v>
      </c>
      <c r="N1815" s="53">
        <v>198553999.91</v>
      </c>
      <c r="O1815" s="53">
        <v>604923999.90999997</v>
      </c>
      <c r="P1815" s="53">
        <v>691286528.74057901</v>
      </c>
      <c r="Q1815" s="53">
        <v>640850776.387514</v>
      </c>
      <c r="R1815" s="53">
        <v>747112323.97426701</v>
      </c>
      <c r="S1815" s="53">
        <v>804127382.52032995</v>
      </c>
      <c r="T1815" s="53">
        <v>848837587.295439</v>
      </c>
      <c r="U1815" s="53">
        <v>266203941.45543101</v>
      </c>
      <c r="V1815" s="53">
        <v>156791960.200252</v>
      </c>
      <c r="W1815" s="53"/>
      <c r="X1815" s="53"/>
      <c r="Y1815" s="53"/>
      <c r="Z1815" s="53"/>
      <c r="AA1815" s="53">
        <v>604923999.90999997</v>
      </c>
      <c r="AB1815" s="53">
        <v>160584988.64823401</v>
      </c>
      <c r="AC1815" s="53">
        <v>145146799.75437599</v>
      </c>
      <c r="AD1815" s="53">
        <v>43986462.048688203</v>
      </c>
      <c r="AE1815" s="53">
        <v>126073770.957578</v>
      </c>
      <c r="AF1815" s="53">
        <v>958100711.50871503</v>
      </c>
      <c r="AG1815" s="53">
        <v>997092550.63431501</v>
      </c>
      <c r="AH1815" s="53">
        <v>1089790129.6900799</v>
      </c>
      <c r="AI1815" s="53">
        <v>1010243814.99792</v>
      </c>
      <c r="AJ1815" s="53"/>
      <c r="AK1815" s="53"/>
      <c r="AL1815" s="53"/>
      <c r="AM1815" s="53"/>
      <c r="AN1815" s="53">
        <v>160584988.64823401</v>
      </c>
      <c r="AO1815" s="53">
        <v>5938772.7716749301</v>
      </c>
      <c r="AP1815" s="53">
        <v>37208835.732135899</v>
      </c>
      <c r="AQ1815" s="53">
        <v>27491554.847998898</v>
      </c>
      <c r="AR1815" s="53">
        <v>189077993.35064799</v>
      </c>
      <c r="AS1815" s="53">
        <v>271867626.10125798</v>
      </c>
      <c r="AT1815" s="53">
        <v>374588955.81857401</v>
      </c>
      <c r="AU1815" s="53"/>
      <c r="AV1815" s="53"/>
      <c r="AW1815" s="53"/>
      <c r="AX1815" s="53"/>
      <c r="AY1815" s="53"/>
      <c r="AZ1815" s="53"/>
      <c r="BA1815" s="53">
        <v>5938772.7716749301</v>
      </c>
      <c r="BB1815" s="53">
        <v>131852214.95134801</v>
      </c>
      <c r="BC1815" s="53">
        <v>196512174.791116</v>
      </c>
      <c r="BD1815" s="53">
        <v>168300839.92755499</v>
      </c>
      <c r="BE1815" s="53">
        <v>279697063.07700998</v>
      </c>
      <c r="BF1815" s="53">
        <v>284151828.04407501</v>
      </c>
      <c r="BG1815" s="53">
        <v>363591134.76957297</v>
      </c>
      <c r="BH1815" s="53"/>
      <c r="BI1815" s="53"/>
      <c r="BJ1815" s="53"/>
      <c r="BK1815" s="53"/>
      <c r="BL1815" s="53"/>
      <c r="BM1815" s="53"/>
      <c r="BN1815" s="53">
        <v>131852214.95134801</v>
      </c>
      <c r="BO1815" s="53">
        <v>180915258.75764</v>
      </c>
      <c r="BP1815" s="53">
        <v>888992446.32981598</v>
      </c>
      <c r="BQ1815" s="53">
        <v>858047614.98360503</v>
      </c>
      <c r="BR1815" s="53">
        <v>973328736.45504904</v>
      </c>
      <c r="BS1815" s="53">
        <v>974042396.54391396</v>
      </c>
      <c r="BT1815" s="53">
        <v>1048936334.22699</v>
      </c>
      <c r="BU1815" s="53"/>
      <c r="BV1815" s="53"/>
      <c r="BW1815" s="53"/>
      <c r="BX1815" s="53"/>
      <c r="BY1815" s="53"/>
      <c r="BZ1815" s="53"/>
      <c r="CA1815" s="53">
        <v>180915258.75764</v>
      </c>
      <c r="CB1815" s="53"/>
      <c r="CC1815" s="53"/>
      <c r="CD1815" s="53"/>
      <c r="CE1815" s="53"/>
      <c r="CF1815" s="53"/>
      <c r="CG1815" s="53"/>
      <c r="CH1815" s="53"/>
      <c r="CI1815" s="53"/>
      <c r="CJ1815" s="53"/>
      <c r="CK1815" s="53"/>
      <c r="CL1815" s="53"/>
      <c r="CM1815" s="53"/>
      <c r="CN1815" s="53"/>
    </row>
    <row r="1816" spans="1:92" outlineLevel="1">
      <c r="A1816" s="52" t="s">
        <v>699</v>
      </c>
      <c r="B1816" s="53"/>
      <c r="C1816" s="53"/>
      <c r="D1816" s="53"/>
      <c r="E1816" s="53"/>
      <c r="F1816" s="53"/>
      <c r="G1816" s="53"/>
      <c r="H1816" s="53"/>
      <c r="I1816" s="53"/>
      <c r="J1816" s="53"/>
      <c r="K1816" s="53"/>
      <c r="L1816" s="53"/>
      <c r="M1816" s="53"/>
      <c r="N1816" s="53"/>
      <c r="O1816" s="53"/>
      <c r="P1816" s="53"/>
      <c r="Q1816" s="53"/>
      <c r="R1816" s="53"/>
      <c r="S1816" s="53"/>
      <c r="T1816" s="53"/>
      <c r="U1816" s="53"/>
      <c r="V1816" s="53"/>
      <c r="W1816" s="53"/>
      <c r="X1816" s="53"/>
      <c r="Y1816" s="53"/>
      <c r="Z1816" s="53"/>
      <c r="AA1816" s="53"/>
      <c r="AB1816" s="53"/>
      <c r="AC1816" s="53"/>
      <c r="AD1816" s="53"/>
      <c r="AE1816" s="53"/>
      <c r="AF1816" s="53"/>
      <c r="AG1816" s="53"/>
      <c r="AH1816" s="53"/>
      <c r="AI1816" s="53"/>
      <c r="AJ1816" s="53"/>
      <c r="AK1816" s="53"/>
      <c r="AL1816" s="53"/>
      <c r="AM1816" s="53"/>
      <c r="AN1816" s="53"/>
      <c r="AO1816" s="53"/>
      <c r="AP1816" s="53"/>
      <c r="AQ1816" s="53"/>
      <c r="AR1816" s="53"/>
      <c r="AS1816" s="53"/>
      <c r="AT1816" s="53"/>
      <c r="AU1816" s="53"/>
      <c r="AV1816" s="53"/>
      <c r="AW1816" s="53"/>
      <c r="AX1816" s="53"/>
      <c r="AY1816" s="53"/>
      <c r="AZ1816" s="53"/>
      <c r="BA1816" s="53"/>
      <c r="BB1816" s="53"/>
      <c r="BC1816" s="53"/>
      <c r="BD1816" s="53"/>
      <c r="BE1816" s="53"/>
      <c r="BF1816" s="53"/>
      <c r="BG1816" s="53"/>
      <c r="BH1816" s="53"/>
      <c r="BI1816" s="53"/>
      <c r="BJ1816" s="53"/>
      <c r="BK1816" s="53"/>
      <c r="BL1816" s="53"/>
      <c r="BM1816" s="53"/>
      <c r="BN1816" s="53"/>
      <c r="BO1816" s="53"/>
      <c r="BP1816" s="53"/>
      <c r="BQ1816" s="53"/>
      <c r="BR1816" s="53"/>
      <c r="BS1816" s="53"/>
      <c r="BT1816" s="53"/>
      <c r="BU1816" s="53"/>
      <c r="BV1816" s="53"/>
      <c r="BW1816" s="53"/>
      <c r="BX1816" s="53"/>
      <c r="BY1816" s="53"/>
      <c r="BZ1816" s="53"/>
      <c r="CA1816" s="53"/>
      <c r="CB1816" s="53"/>
      <c r="CC1816" s="53"/>
      <c r="CD1816" s="53"/>
      <c r="CE1816" s="53"/>
      <c r="CF1816" s="53"/>
      <c r="CG1816" s="53"/>
      <c r="CH1816" s="53"/>
      <c r="CI1816" s="53"/>
      <c r="CJ1816" s="53"/>
      <c r="CK1816" s="53"/>
      <c r="CL1816" s="53"/>
      <c r="CM1816" s="53"/>
      <c r="CN1816" s="53"/>
    </row>
    <row r="1817" spans="1:92" outlineLevel="1">
      <c r="A1817" s="52" t="s">
        <v>745</v>
      </c>
      <c r="B1817" s="53"/>
      <c r="C1817" s="53"/>
      <c r="D1817" s="53"/>
      <c r="E1817" s="53"/>
      <c r="F1817" s="53"/>
      <c r="G1817" s="53"/>
      <c r="H1817" s="53"/>
      <c r="I1817" s="53"/>
      <c r="J1817" s="53"/>
      <c r="K1817" s="53"/>
      <c r="L1817" s="53"/>
      <c r="M1817" s="53"/>
      <c r="N1817" s="53"/>
      <c r="O1817" s="53"/>
      <c r="P1817" s="53"/>
      <c r="Q1817" s="53"/>
      <c r="R1817" s="53"/>
      <c r="S1817" s="53"/>
      <c r="T1817" s="53"/>
      <c r="U1817" s="53"/>
      <c r="V1817" s="53"/>
      <c r="W1817" s="53"/>
      <c r="X1817" s="53"/>
      <c r="Y1817" s="53"/>
      <c r="Z1817" s="53"/>
      <c r="AA1817" s="53"/>
      <c r="AB1817" s="53"/>
      <c r="AC1817" s="53"/>
      <c r="AD1817" s="53"/>
      <c r="AE1817" s="53"/>
      <c r="AF1817" s="53"/>
      <c r="AG1817" s="53"/>
      <c r="AH1817" s="53"/>
      <c r="AI1817" s="53"/>
      <c r="AJ1817" s="53"/>
      <c r="AK1817" s="53"/>
      <c r="AL1817" s="53"/>
      <c r="AM1817" s="53"/>
      <c r="AN1817" s="53"/>
      <c r="AO1817" s="53"/>
      <c r="AP1817" s="53"/>
      <c r="AQ1817" s="53"/>
      <c r="AR1817" s="53"/>
      <c r="AS1817" s="53"/>
      <c r="AT1817" s="53"/>
      <c r="AU1817" s="53"/>
      <c r="AV1817" s="53"/>
      <c r="AW1817" s="53"/>
      <c r="AX1817" s="53"/>
      <c r="AY1817" s="53"/>
      <c r="AZ1817" s="53"/>
      <c r="BA1817" s="53"/>
      <c r="BB1817" s="53"/>
      <c r="BC1817" s="53"/>
      <c r="BD1817" s="53"/>
      <c r="BE1817" s="53"/>
      <c r="BF1817" s="53"/>
      <c r="BG1817" s="53"/>
      <c r="BH1817" s="53"/>
      <c r="BI1817" s="53"/>
      <c r="BJ1817" s="53"/>
      <c r="BK1817" s="53"/>
      <c r="BL1817" s="53"/>
      <c r="BM1817" s="53"/>
      <c r="BN1817" s="53"/>
      <c r="BO1817" s="53"/>
      <c r="BP1817" s="53"/>
      <c r="BQ1817" s="53"/>
      <c r="BR1817" s="53"/>
      <c r="BS1817" s="53"/>
      <c r="BT1817" s="53"/>
      <c r="BU1817" s="53"/>
      <c r="BV1817" s="53"/>
      <c r="BW1817" s="53"/>
      <c r="BX1817" s="53"/>
      <c r="BY1817" s="53"/>
      <c r="BZ1817" s="53"/>
      <c r="CA1817" s="53"/>
      <c r="CB1817" s="53"/>
      <c r="CC1817" s="53"/>
      <c r="CD1817" s="53"/>
      <c r="CE1817" s="53"/>
      <c r="CF1817" s="53"/>
      <c r="CG1817" s="53"/>
      <c r="CH1817" s="53"/>
      <c r="CI1817" s="53"/>
      <c r="CJ1817" s="53"/>
      <c r="CK1817" s="53"/>
      <c r="CL1817" s="53"/>
      <c r="CM1817" s="53"/>
      <c r="CN1817" s="53"/>
    </row>
    <row r="1818" spans="1:92" outlineLevel="1">
      <c r="A1818" s="52" t="s">
        <v>1536</v>
      </c>
      <c r="B1818" s="53"/>
      <c r="C1818" s="53"/>
      <c r="D1818" s="53"/>
      <c r="E1818" s="53"/>
      <c r="F1818" s="53"/>
      <c r="G1818" s="53"/>
      <c r="H1818" s="53"/>
      <c r="I1818" s="53"/>
      <c r="J1818" s="53"/>
      <c r="K1818" s="53"/>
      <c r="L1818" s="53"/>
      <c r="M1818" s="53"/>
      <c r="N1818" s="53"/>
      <c r="O1818" s="53"/>
      <c r="P1818" s="53"/>
      <c r="Q1818" s="53"/>
      <c r="R1818" s="53"/>
      <c r="S1818" s="53"/>
      <c r="T1818" s="53"/>
      <c r="U1818" s="53"/>
      <c r="V1818" s="53"/>
      <c r="W1818" s="53"/>
      <c r="X1818" s="53"/>
      <c r="Y1818" s="53"/>
      <c r="Z1818" s="53"/>
      <c r="AA1818" s="53"/>
      <c r="AB1818" s="53"/>
      <c r="AC1818" s="53"/>
      <c r="AD1818" s="53"/>
      <c r="AE1818" s="53"/>
      <c r="AF1818" s="53"/>
      <c r="AG1818" s="53"/>
      <c r="AH1818" s="53"/>
      <c r="AI1818" s="53"/>
      <c r="AJ1818" s="53"/>
      <c r="AK1818" s="53"/>
      <c r="AL1818" s="53"/>
      <c r="AM1818" s="53"/>
      <c r="AN1818" s="53"/>
      <c r="AO1818" s="53"/>
      <c r="AP1818" s="53"/>
      <c r="AQ1818" s="53"/>
      <c r="AR1818" s="53"/>
      <c r="AS1818" s="53"/>
      <c r="AT1818" s="53"/>
      <c r="AU1818" s="53"/>
      <c r="AV1818" s="53"/>
      <c r="AW1818" s="53"/>
      <c r="AX1818" s="53"/>
      <c r="AY1818" s="53"/>
      <c r="AZ1818" s="53"/>
      <c r="BA1818" s="53"/>
      <c r="BB1818" s="53"/>
      <c r="BC1818" s="53"/>
      <c r="BD1818" s="53"/>
      <c r="BE1818" s="53"/>
      <c r="BF1818" s="53"/>
      <c r="BG1818" s="53"/>
      <c r="BH1818" s="53"/>
      <c r="BI1818" s="53"/>
      <c r="BJ1818" s="53"/>
      <c r="BK1818" s="53"/>
      <c r="BL1818" s="53"/>
      <c r="BM1818" s="53"/>
      <c r="BN1818" s="53"/>
      <c r="BO1818" s="53"/>
      <c r="BP1818" s="53"/>
      <c r="BQ1818" s="53"/>
      <c r="BR1818" s="53"/>
      <c r="BS1818" s="53"/>
      <c r="BT1818" s="53"/>
      <c r="BU1818" s="53"/>
      <c r="BV1818" s="53"/>
      <c r="BW1818" s="53"/>
      <c r="BX1818" s="53"/>
      <c r="BY1818" s="53"/>
      <c r="BZ1818" s="53"/>
      <c r="CA1818" s="53"/>
      <c r="CB1818" s="53"/>
      <c r="CC1818" s="53"/>
      <c r="CD1818" s="53"/>
      <c r="CE1818" s="53"/>
      <c r="CF1818" s="53"/>
      <c r="CG1818" s="53"/>
      <c r="CH1818" s="53"/>
      <c r="CI1818" s="53"/>
      <c r="CJ1818" s="53"/>
      <c r="CK1818" s="53"/>
      <c r="CL1818" s="53"/>
      <c r="CM1818" s="53"/>
      <c r="CN1818" s="53"/>
    </row>
    <row r="1819" spans="1:92" outlineLevel="1">
      <c r="A1819" s="52" t="s">
        <v>649</v>
      </c>
      <c r="B1819" s="53">
        <v>-198553999.91</v>
      </c>
      <c r="C1819" s="53">
        <v>-469895999.91000003</v>
      </c>
      <c r="D1819" s="53">
        <v>-453197999.91000003</v>
      </c>
      <c r="E1819" s="53">
        <v>-467650999.91000003</v>
      </c>
      <c r="F1819" s="53">
        <v>-538569999.90999997</v>
      </c>
      <c r="G1819" s="53">
        <v>-567609999.90999997</v>
      </c>
      <c r="H1819" s="53">
        <v>-504409999.91000003</v>
      </c>
      <c r="I1819" s="53">
        <v>-660678999.90999997</v>
      </c>
      <c r="J1819" s="53">
        <v>-679318999.90999997</v>
      </c>
      <c r="K1819" s="53">
        <v>-982916999.90999997</v>
      </c>
      <c r="L1819" s="53">
        <v>-320077999.91000003</v>
      </c>
      <c r="M1819" s="53">
        <v>-336523999.91000003</v>
      </c>
      <c r="N1819" s="53">
        <v>-6179405998.9199896</v>
      </c>
      <c r="O1819" s="53">
        <v>-604923999.90999997</v>
      </c>
      <c r="P1819" s="53"/>
      <c r="Q1819" s="53"/>
      <c r="R1819" s="53"/>
      <c r="S1819" s="53"/>
      <c r="T1819" s="53"/>
      <c r="U1819" s="53"/>
      <c r="V1819" s="53"/>
      <c r="W1819" s="53"/>
      <c r="X1819" s="53"/>
      <c r="Y1819" s="53"/>
      <c r="Z1819" s="53"/>
      <c r="AA1819" s="53">
        <v>-604923999.90999997</v>
      </c>
      <c r="AB1819" s="53"/>
      <c r="AC1819" s="53"/>
      <c r="AD1819" s="53"/>
      <c r="AE1819" s="53"/>
      <c r="AF1819" s="53"/>
      <c r="AG1819" s="53"/>
      <c r="AH1819" s="53"/>
      <c r="AI1819" s="53"/>
      <c r="AJ1819" s="53"/>
      <c r="AK1819" s="53"/>
      <c r="AL1819" s="53"/>
      <c r="AM1819" s="53"/>
      <c r="AN1819" s="53"/>
      <c r="AO1819" s="53"/>
      <c r="AP1819" s="53"/>
      <c r="AQ1819" s="53"/>
      <c r="AR1819" s="53"/>
      <c r="AS1819" s="53"/>
      <c r="AT1819" s="53"/>
      <c r="AU1819" s="53"/>
      <c r="AV1819" s="53"/>
      <c r="AW1819" s="53"/>
      <c r="AX1819" s="53"/>
      <c r="AY1819" s="53"/>
      <c r="AZ1819" s="53"/>
      <c r="BA1819" s="53"/>
      <c r="BB1819" s="53"/>
      <c r="BC1819" s="53"/>
      <c r="BD1819" s="53"/>
      <c r="BE1819" s="53"/>
      <c r="BF1819" s="53"/>
      <c r="BG1819" s="53"/>
      <c r="BH1819" s="53"/>
      <c r="BI1819" s="53"/>
      <c r="BJ1819" s="53"/>
      <c r="BK1819" s="53"/>
      <c r="BL1819" s="53"/>
      <c r="BM1819" s="53"/>
      <c r="BN1819" s="53"/>
      <c r="BO1819" s="53"/>
      <c r="BP1819" s="53"/>
      <c r="BQ1819" s="53"/>
      <c r="BR1819" s="53"/>
      <c r="BS1819" s="53"/>
      <c r="BT1819" s="53"/>
      <c r="BU1819" s="53"/>
      <c r="BV1819" s="53"/>
      <c r="BW1819" s="53"/>
      <c r="BX1819" s="53"/>
      <c r="BY1819" s="53"/>
      <c r="BZ1819" s="53"/>
      <c r="CA1819" s="53"/>
      <c r="CB1819" s="53"/>
      <c r="CC1819" s="53"/>
      <c r="CD1819" s="53"/>
      <c r="CE1819" s="53"/>
      <c r="CF1819" s="53"/>
      <c r="CG1819" s="53"/>
      <c r="CH1819" s="53"/>
      <c r="CI1819" s="53"/>
      <c r="CJ1819" s="53"/>
      <c r="CK1819" s="53"/>
      <c r="CL1819" s="53"/>
      <c r="CM1819" s="53"/>
      <c r="CN1819" s="53"/>
    </row>
    <row r="1820" spans="1:92" outlineLevel="1">
      <c r="A1820" s="52" t="s">
        <v>1537</v>
      </c>
      <c r="B1820" s="53"/>
      <c r="C1820" s="53"/>
      <c r="D1820" s="53"/>
      <c r="E1820" s="53"/>
      <c r="F1820" s="53"/>
      <c r="G1820" s="53"/>
      <c r="H1820" s="53"/>
      <c r="I1820" s="53"/>
      <c r="J1820" s="53"/>
      <c r="K1820" s="53"/>
      <c r="L1820" s="53"/>
      <c r="M1820" s="53"/>
      <c r="N1820" s="53"/>
      <c r="O1820" s="53"/>
      <c r="P1820" s="53"/>
      <c r="Q1820" s="53"/>
      <c r="R1820" s="53"/>
      <c r="S1820" s="53"/>
      <c r="T1820" s="53"/>
      <c r="U1820" s="53"/>
      <c r="V1820" s="53"/>
      <c r="W1820" s="53"/>
      <c r="X1820" s="53"/>
      <c r="Y1820" s="53"/>
      <c r="Z1820" s="53"/>
      <c r="AA1820" s="53"/>
      <c r="AB1820" s="53"/>
      <c r="AC1820" s="53"/>
      <c r="AD1820" s="53"/>
      <c r="AE1820" s="53"/>
      <c r="AF1820" s="53"/>
      <c r="AG1820" s="53"/>
      <c r="AH1820" s="53"/>
      <c r="AI1820" s="53"/>
      <c r="AJ1820" s="53"/>
      <c r="AK1820" s="53"/>
      <c r="AL1820" s="53"/>
      <c r="AM1820" s="53"/>
      <c r="AN1820" s="53"/>
      <c r="AO1820" s="53"/>
      <c r="AP1820" s="53"/>
      <c r="AQ1820" s="53"/>
      <c r="AR1820" s="53"/>
      <c r="AS1820" s="53"/>
      <c r="AT1820" s="53"/>
      <c r="AU1820" s="53"/>
      <c r="AV1820" s="53"/>
      <c r="AW1820" s="53"/>
      <c r="AX1820" s="53"/>
      <c r="AY1820" s="53"/>
      <c r="AZ1820" s="53"/>
      <c r="BA1820" s="53"/>
      <c r="BB1820" s="53"/>
      <c r="BC1820" s="53"/>
      <c r="BD1820" s="53"/>
      <c r="BE1820" s="53"/>
      <c r="BF1820" s="53"/>
      <c r="BG1820" s="53"/>
      <c r="BH1820" s="53"/>
      <c r="BI1820" s="53"/>
      <c r="BJ1820" s="53"/>
      <c r="BK1820" s="53"/>
      <c r="BL1820" s="53"/>
      <c r="BM1820" s="53"/>
      <c r="BN1820" s="53"/>
      <c r="BO1820" s="53"/>
      <c r="BP1820" s="53"/>
      <c r="BQ1820" s="53"/>
      <c r="BR1820" s="53"/>
      <c r="BS1820" s="53"/>
      <c r="BT1820" s="53"/>
      <c r="BU1820" s="53"/>
      <c r="BV1820" s="53"/>
      <c r="BW1820" s="53"/>
      <c r="BX1820" s="53"/>
      <c r="BY1820" s="53"/>
      <c r="BZ1820" s="53"/>
      <c r="CA1820" s="53"/>
      <c r="CB1820" s="53"/>
      <c r="CC1820" s="53"/>
      <c r="CD1820" s="53"/>
      <c r="CE1820" s="53"/>
      <c r="CF1820" s="53"/>
      <c r="CG1820" s="53"/>
      <c r="CH1820" s="53"/>
      <c r="CI1820" s="53"/>
      <c r="CJ1820" s="53"/>
      <c r="CK1820" s="53"/>
      <c r="CL1820" s="53"/>
      <c r="CM1820" s="53"/>
      <c r="CN1820" s="53"/>
    </row>
    <row r="1821" spans="1:92" outlineLevel="1">
      <c r="A1821" s="52" t="s">
        <v>649</v>
      </c>
      <c r="B1821" s="53"/>
      <c r="C1821" s="53"/>
      <c r="D1821" s="53"/>
      <c r="E1821" s="53"/>
      <c r="F1821" s="53"/>
      <c r="G1821" s="53"/>
      <c r="H1821" s="53"/>
      <c r="I1821" s="53"/>
      <c r="J1821" s="53"/>
      <c r="K1821" s="53"/>
      <c r="L1821" s="53"/>
      <c r="M1821" s="53"/>
      <c r="N1821" s="53"/>
      <c r="O1821" s="53"/>
      <c r="P1821" s="53">
        <v>-691286528.74057901</v>
      </c>
      <c r="Q1821" s="53">
        <v>-640850776.38673306</v>
      </c>
      <c r="R1821" s="53">
        <v>-747112323.97426796</v>
      </c>
      <c r="S1821" s="53">
        <v>-804127382.51984704</v>
      </c>
      <c r="T1821" s="53">
        <v>-848837587.29495704</v>
      </c>
      <c r="U1821" s="53">
        <v>-266203941.454465</v>
      </c>
      <c r="V1821" s="53">
        <v>-156791960.200288</v>
      </c>
      <c r="W1821" s="53"/>
      <c r="X1821" s="53"/>
      <c r="Y1821" s="53"/>
      <c r="Z1821" s="53"/>
      <c r="AA1821" s="53">
        <v>-4155210500.5711398</v>
      </c>
      <c r="AB1821" s="53">
        <v>-160584988.64838701</v>
      </c>
      <c r="AC1821" s="53">
        <v>-145146799.75453001</v>
      </c>
      <c r="AD1821" s="53">
        <v>-43986462.048842996</v>
      </c>
      <c r="AE1821" s="53">
        <v>-126073770.957846</v>
      </c>
      <c r="AF1821" s="53">
        <v>-958100711.50871003</v>
      </c>
      <c r="AG1821" s="53">
        <v>-997092550.63431501</v>
      </c>
      <c r="AH1821" s="53">
        <v>-1089790129.6900799</v>
      </c>
      <c r="AI1821" s="53">
        <v>-1010243814.99792</v>
      </c>
      <c r="AJ1821" s="53"/>
      <c r="AK1821" s="53"/>
      <c r="AL1821" s="53"/>
      <c r="AM1821" s="53"/>
      <c r="AN1821" s="53">
        <v>-4531019228.2406301</v>
      </c>
      <c r="AO1821" s="53">
        <v>-5938772.7716698796</v>
      </c>
      <c r="AP1821" s="53">
        <v>-37208835.7320804</v>
      </c>
      <c r="AQ1821" s="53">
        <v>-27491554.847943299</v>
      </c>
      <c r="AR1821" s="53">
        <v>-189077993.35148901</v>
      </c>
      <c r="AS1821" s="53">
        <v>-271867626.10165399</v>
      </c>
      <c r="AT1821" s="53">
        <v>-374588955.818542</v>
      </c>
      <c r="AU1821" s="53"/>
      <c r="AV1821" s="53"/>
      <c r="AW1821" s="53"/>
      <c r="AX1821" s="53"/>
      <c r="AY1821" s="53"/>
      <c r="AZ1821" s="53"/>
      <c r="BA1821" s="53">
        <v>-906173738.62337995</v>
      </c>
      <c r="BB1821" s="53">
        <v>-131852214.951662</v>
      </c>
      <c r="BC1821" s="53">
        <v>-196512174.79109901</v>
      </c>
      <c r="BD1821" s="53">
        <v>-168300839.92753699</v>
      </c>
      <c r="BE1821" s="53">
        <v>-279697063.07687598</v>
      </c>
      <c r="BF1821" s="53">
        <v>-284151828.04402</v>
      </c>
      <c r="BG1821" s="53">
        <v>-363591134.76955199</v>
      </c>
      <c r="BH1821" s="53"/>
      <c r="BI1821" s="53"/>
      <c r="BJ1821" s="53"/>
      <c r="BK1821" s="53"/>
      <c r="BL1821" s="53"/>
      <c r="BM1821" s="53"/>
      <c r="BN1821" s="53">
        <v>-1424105255.56074</v>
      </c>
      <c r="BO1821" s="53">
        <v>-180915258.75754201</v>
      </c>
      <c r="BP1821" s="53">
        <v>-888992446.32978797</v>
      </c>
      <c r="BQ1821" s="53">
        <v>-858047614.98357701</v>
      </c>
      <c r="BR1821" s="53">
        <v>-973328736.45499504</v>
      </c>
      <c r="BS1821" s="53">
        <v>-974042396.54382598</v>
      </c>
      <c r="BT1821" s="53">
        <v>-1048936334.2269599</v>
      </c>
      <c r="BU1821" s="53"/>
      <c r="BV1821" s="53"/>
      <c r="BW1821" s="53"/>
      <c r="BX1821" s="53"/>
      <c r="BY1821" s="53"/>
      <c r="BZ1821" s="53"/>
      <c r="CA1821" s="53">
        <v>-4924262787.29669</v>
      </c>
      <c r="CB1821" s="53"/>
      <c r="CC1821" s="53"/>
      <c r="CD1821" s="53"/>
      <c r="CE1821" s="53"/>
      <c r="CF1821" s="53"/>
      <c r="CG1821" s="53"/>
      <c r="CH1821" s="53"/>
      <c r="CI1821" s="53"/>
      <c r="CJ1821" s="53"/>
      <c r="CK1821" s="53"/>
      <c r="CL1821" s="53"/>
      <c r="CM1821" s="53"/>
      <c r="CN1821" s="53"/>
    </row>
    <row r="1822" spans="1:92" outlineLevel="1">
      <c r="A1822" s="52" t="s">
        <v>672</v>
      </c>
      <c r="B1822" s="53"/>
      <c r="C1822" s="53"/>
      <c r="D1822" s="53"/>
      <c r="E1822" s="53"/>
      <c r="F1822" s="53"/>
      <c r="G1822" s="53"/>
      <c r="H1822" s="53"/>
      <c r="I1822" s="53"/>
      <c r="J1822" s="53"/>
      <c r="K1822" s="53"/>
      <c r="L1822" s="53"/>
      <c r="M1822" s="53"/>
      <c r="N1822" s="53"/>
      <c r="O1822" s="53"/>
      <c r="P1822" s="53"/>
      <c r="Q1822" s="53"/>
      <c r="R1822" s="53"/>
      <c r="S1822" s="53"/>
      <c r="T1822" s="53"/>
      <c r="U1822" s="53"/>
      <c r="V1822" s="53"/>
      <c r="W1822" s="53"/>
      <c r="X1822" s="53"/>
      <c r="Y1822" s="53"/>
      <c r="Z1822" s="53"/>
      <c r="AA1822" s="53"/>
      <c r="AB1822" s="53"/>
      <c r="AC1822" s="53"/>
      <c r="AD1822" s="53"/>
      <c r="AE1822" s="53"/>
      <c r="AF1822" s="53"/>
      <c r="AG1822" s="53"/>
      <c r="AH1822" s="53"/>
      <c r="AI1822" s="53"/>
      <c r="AJ1822" s="53"/>
      <c r="AK1822" s="53"/>
      <c r="AL1822" s="53"/>
      <c r="AM1822" s="53"/>
      <c r="AN1822" s="53"/>
      <c r="AO1822" s="53"/>
      <c r="AP1822" s="53"/>
      <c r="AQ1822" s="53"/>
      <c r="AR1822" s="53"/>
      <c r="AS1822" s="53"/>
      <c r="AT1822" s="53"/>
      <c r="AU1822" s="53"/>
      <c r="AV1822" s="53"/>
      <c r="AW1822" s="53"/>
      <c r="AX1822" s="53"/>
      <c r="AY1822" s="53"/>
      <c r="AZ1822" s="53"/>
      <c r="BA1822" s="53"/>
      <c r="BB1822" s="53"/>
      <c r="BC1822" s="53"/>
      <c r="BD1822" s="53"/>
      <c r="BE1822" s="53"/>
      <c r="BF1822" s="53"/>
      <c r="BG1822" s="53"/>
      <c r="BH1822" s="53"/>
      <c r="BI1822" s="53"/>
      <c r="BJ1822" s="53"/>
      <c r="BK1822" s="53"/>
      <c r="BL1822" s="53"/>
      <c r="BM1822" s="53"/>
      <c r="BN1822" s="53"/>
      <c r="BO1822" s="53"/>
      <c r="BP1822" s="53"/>
      <c r="BQ1822" s="53"/>
      <c r="BR1822" s="53"/>
      <c r="BS1822" s="53"/>
      <c r="BT1822" s="53"/>
      <c r="BU1822" s="53"/>
      <c r="BV1822" s="53"/>
      <c r="BW1822" s="53"/>
      <c r="BX1822" s="53"/>
      <c r="BY1822" s="53"/>
      <c r="BZ1822" s="53"/>
      <c r="CA1822" s="53"/>
      <c r="CB1822" s="53"/>
      <c r="CC1822" s="53"/>
      <c r="CD1822" s="53"/>
      <c r="CE1822" s="53"/>
      <c r="CF1822" s="53"/>
      <c r="CG1822" s="53"/>
      <c r="CH1822" s="53"/>
      <c r="CI1822" s="53"/>
      <c r="CJ1822" s="53"/>
      <c r="CK1822" s="53"/>
      <c r="CL1822" s="53"/>
      <c r="CM1822" s="53"/>
      <c r="CN1822" s="53"/>
    </row>
    <row r="1823" spans="1:92" outlineLevel="1">
      <c r="A1823" s="52" t="s">
        <v>739</v>
      </c>
      <c r="B1823" s="53"/>
      <c r="C1823" s="53"/>
      <c r="D1823" s="53"/>
      <c r="E1823" s="53"/>
      <c r="F1823" s="53"/>
      <c r="G1823" s="53"/>
      <c r="H1823" s="53"/>
      <c r="I1823" s="53"/>
      <c r="J1823" s="53"/>
      <c r="K1823" s="53"/>
      <c r="L1823" s="53"/>
      <c r="M1823" s="53"/>
      <c r="N1823" s="53"/>
      <c r="O1823" s="53"/>
      <c r="P1823" s="53"/>
      <c r="Q1823" s="53"/>
      <c r="R1823" s="53"/>
      <c r="S1823" s="53"/>
      <c r="T1823" s="53"/>
      <c r="U1823" s="53"/>
      <c r="V1823" s="53"/>
      <c r="W1823" s="53"/>
      <c r="X1823" s="53"/>
      <c r="Y1823" s="53"/>
      <c r="Z1823" s="53"/>
      <c r="AA1823" s="53"/>
      <c r="AB1823" s="53"/>
      <c r="AC1823" s="53"/>
      <c r="AD1823" s="53"/>
      <c r="AE1823" s="53"/>
      <c r="AF1823" s="53"/>
      <c r="AG1823" s="53"/>
      <c r="AH1823" s="53"/>
      <c r="AI1823" s="53"/>
      <c r="AJ1823" s="53"/>
      <c r="AK1823" s="53"/>
      <c r="AL1823" s="53"/>
      <c r="AM1823" s="53"/>
      <c r="AN1823" s="53"/>
      <c r="AO1823" s="53"/>
      <c r="AP1823" s="53"/>
      <c r="AQ1823" s="53"/>
      <c r="AR1823" s="53"/>
      <c r="AS1823" s="53"/>
      <c r="AT1823" s="53"/>
      <c r="AU1823" s="53"/>
      <c r="AV1823" s="53"/>
      <c r="AW1823" s="53"/>
      <c r="AX1823" s="53"/>
      <c r="AY1823" s="53"/>
      <c r="AZ1823" s="53"/>
      <c r="BA1823" s="53"/>
      <c r="BB1823" s="53"/>
      <c r="BC1823" s="53"/>
      <c r="BD1823" s="53"/>
      <c r="BE1823" s="53"/>
      <c r="BF1823" s="53"/>
      <c r="BG1823" s="53"/>
      <c r="BH1823" s="53"/>
      <c r="BI1823" s="53"/>
      <c r="BJ1823" s="53"/>
      <c r="BK1823" s="53"/>
      <c r="BL1823" s="53"/>
      <c r="BM1823" s="53"/>
      <c r="BN1823" s="53"/>
      <c r="BO1823" s="53"/>
      <c r="BP1823" s="53"/>
      <c r="BQ1823" s="53"/>
      <c r="BR1823" s="53"/>
      <c r="BS1823" s="53"/>
      <c r="BT1823" s="53"/>
      <c r="BU1823" s="53"/>
      <c r="BV1823" s="53"/>
      <c r="BW1823" s="53"/>
      <c r="BX1823" s="53"/>
      <c r="BY1823" s="53"/>
      <c r="BZ1823" s="53"/>
      <c r="CA1823" s="53"/>
      <c r="CB1823" s="53">
        <v>8862311.0487578698</v>
      </c>
      <c r="CC1823" s="53">
        <v>9517177.7608454004</v>
      </c>
      <c r="CD1823" s="53">
        <v>10580143.5419979</v>
      </c>
      <c r="CE1823" s="53">
        <v>10608489.2905655</v>
      </c>
      <c r="CF1823" s="53">
        <v>9906548.2787426002</v>
      </c>
      <c r="CG1823" s="53">
        <v>9920691.9940579999</v>
      </c>
      <c r="CH1823" s="53">
        <v>9803136.0555846002</v>
      </c>
      <c r="CI1823" s="53">
        <v>9125686.0586299002</v>
      </c>
      <c r="CJ1823" s="53">
        <v>8651325.0956799705</v>
      </c>
      <c r="CK1823" s="53">
        <v>9384248.3921816796</v>
      </c>
      <c r="CL1823" s="53">
        <v>8944815.07152717</v>
      </c>
      <c r="CM1823" s="53">
        <v>8382254.2809268702</v>
      </c>
      <c r="CN1823" s="53">
        <v>113686826.869497</v>
      </c>
    </row>
    <row r="1824" spans="1:92" outlineLevel="1">
      <c r="A1824" s="52" t="s">
        <v>1220</v>
      </c>
      <c r="B1824" s="53"/>
      <c r="C1824" s="53"/>
      <c r="D1824" s="53"/>
      <c r="E1824" s="53"/>
      <c r="F1824" s="53"/>
      <c r="G1824" s="53"/>
      <c r="H1824" s="53"/>
      <c r="I1824" s="53"/>
      <c r="J1824" s="53"/>
      <c r="K1824" s="53"/>
      <c r="L1824" s="53"/>
      <c r="M1824" s="53"/>
      <c r="N1824" s="53"/>
      <c r="O1824" s="53"/>
      <c r="P1824" s="53"/>
      <c r="Q1824" s="53"/>
      <c r="R1824" s="53"/>
      <c r="S1824" s="53"/>
      <c r="T1824" s="53"/>
      <c r="U1824" s="53"/>
      <c r="V1824" s="53"/>
      <c r="W1824" s="53"/>
      <c r="X1824" s="53"/>
      <c r="Y1824" s="53"/>
      <c r="Z1824" s="53"/>
      <c r="AA1824" s="53"/>
      <c r="AB1824" s="53"/>
      <c r="AC1824" s="53"/>
      <c r="AD1824" s="53"/>
      <c r="AE1824" s="53"/>
      <c r="AF1824" s="53"/>
      <c r="AG1824" s="53"/>
      <c r="AH1824" s="53"/>
      <c r="AI1824" s="53"/>
      <c r="AJ1824" s="53"/>
      <c r="AK1824" s="53"/>
      <c r="AL1824" s="53"/>
      <c r="AM1824" s="53"/>
      <c r="AN1824" s="53"/>
      <c r="AO1824" s="53"/>
      <c r="AP1824" s="53"/>
      <c r="AQ1824" s="53"/>
      <c r="AR1824" s="53"/>
      <c r="AS1824" s="53"/>
      <c r="AT1824" s="53"/>
      <c r="AU1824" s="53"/>
      <c r="AV1824" s="53"/>
      <c r="AW1824" s="53"/>
      <c r="AX1824" s="53"/>
      <c r="AY1824" s="53"/>
      <c r="AZ1824" s="53"/>
      <c r="BA1824" s="53"/>
      <c r="BB1824" s="53"/>
      <c r="BC1824" s="53"/>
      <c r="BD1824" s="53"/>
      <c r="BE1824" s="53"/>
      <c r="BF1824" s="53"/>
      <c r="BG1824" s="53"/>
      <c r="BH1824" s="53"/>
      <c r="BI1824" s="53"/>
      <c r="BJ1824" s="53"/>
      <c r="BK1824" s="53"/>
      <c r="BL1824" s="53"/>
      <c r="BM1824" s="53"/>
      <c r="BN1824" s="53"/>
      <c r="BO1824" s="53"/>
      <c r="BP1824" s="53"/>
      <c r="BQ1824" s="53"/>
      <c r="BR1824" s="53"/>
      <c r="BS1824" s="53"/>
      <c r="BT1824" s="53"/>
      <c r="BU1824" s="53"/>
      <c r="BV1824" s="53"/>
      <c r="BW1824" s="53"/>
      <c r="BX1824" s="53"/>
      <c r="BY1824" s="53"/>
      <c r="BZ1824" s="53"/>
      <c r="CA1824" s="53"/>
      <c r="CB1824" s="53"/>
      <c r="CC1824" s="53"/>
      <c r="CD1824" s="53"/>
      <c r="CE1824" s="53"/>
      <c r="CF1824" s="53"/>
      <c r="CG1824" s="53"/>
      <c r="CH1824" s="53"/>
      <c r="CI1824" s="53"/>
      <c r="CJ1824" s="53"/>
      <c r="CK1824" s="53"/>
      <c r="CL1824" s="53"/>
      <c r="CM1824" s="53"/>
      <c r="CN1824" s="53"/>
    </row>
    <row r="1825" spans="1:92" outlineLevel="1">
      <c r="A1825" s="52" t="s">
        <v>649</v>
      </c>
      <c r="B1825" s="53"/>
      <c r="C1825" s="53"/>
      <c r="D1825" s="53"/>
      <c r="E1825" s="53"/>
      <c r="F1825" s="53"/>
      <c r="G1825" s="53"/>
      <c r="H1825" s="53"/>
      <c r="I1825" s="53"/>
      <c r="J1825" s="53"/>
      <c r="K1825" s="53"/>
      <c r="L1825" s="53"/>
      <c r="M1825" s="53"/>
      <c r="N1825" s="53"/>
      <c r="O1825" s="53">
        <v>691286528.74057901</v>
      </c>
      <c r="P1825" s="53">
        <v>640850776.38673306</v>
      </c>
      <c r="Q1825" s="53">
        <v>747112323.97426796</v>
      </c>
      <c r="R1825" s="53">
        <v>804127382.51984704</v>
      </c>
      <c r="S1825" s="53">
        <v>848837587.29495704</v>
      </c>
      <c r="T1825" s="53">
        <v>266203941.454465</v>
      </c>
      <c r="U1825" s="53">
        <v>156791960.200288</v>
      </c>
      <c r="V1825" s="53"/>
      <c r="W1825" s="53"/>
      <c r="X1825" s="53"/>
      <c r="Y1825" s="53"/>
      <c r="Z1825" s="53">
        <v>160584988.64838701</v>
      </c>
      <c r="AA1825" s="53">
        <v>4315795489.2195196</v>
      </c>
      <c r="AB1825" s="53">
        <v>145146799.75453001</v>
      </c>
      <c r="AC1825" s="53">
        <v>43986462.048842996</v>
      </c>
      <c r="AD1825" s="53">
        <v>126073770.957846</v>
      </c>
      <c r="AE1825" s="53">
        <v>958100711.50871003</v>
      </c>
      <c r="AF1825" s="53">
        <v>997092550.63431501</v>
      </c>
      <c r="AG1825" s="53">
        <v>1089790129.6900799</v>
      </c>
      <c r="AH1825" s="53">
        <v>1010243814.99792</v>
      </c>
      <c r="AI1825" s="53"/>
      <c r="AJ1825" s="53"/>
      <c r="AK1825" s="53"/>
      <c r="AL1825" s="53"/>
      <c r="AM1825" s="53">
        <v>5938772.7716698796</v>
      </c>
      <c r="AN1825" s="53">
        <v>4376373012.3639202</v>
      </c>
      <c r="AO1825" s="53">
        <v>37208835.7320804</v>
      </c>
      <c r="AP1825" s="53">
        <v>27491554.847943299</v>
      </c>
      <c r="AQ1825" s="53">
        <v>189077993.35148901</v>
      </c>
      <c r="AR1825" s="53">
        <v>271867626.10165399</v>
      </c>
      <c r="AS1825" s="53">
        <v>374588955.818542</v>
      </c>
      <c r="AT1825" s="53"/>
      <c r="AU1825" s="53"/>
      <c r="AV1825" s="53"/>
      <c r="AW1825" s="53"/>
      <c r="AX1825" s="53"/>
      <c r="AY1825" s="53"/>
      <c r="AZ1825" s="53">
        <v>131852214.951662</v>
      </c>
      <c r="BA1825" s="53">
        <v>1032087180.80337</v>
      </c>
      <c r="BB1825" s="53">
        <v>196512174.79109901</v>
      </c>
      <c r="BC1825" s="53">
        <v>168300839.92753699</v>
      </c>
      <c r="BD1825" s="53">
        <v>279697063.07687598</v>
      </c>
      <c r="BE1825" s="53">
        <v>284151828.04402</v>
      </c>
      <c r="BF1825" s="53">
        <v>363591134.76955199</v>
      </c>
      <c r="BG1825" s="53"/>
      <c r="BH1825" s="53"/>
      <c r="BI1825" s="53"/>
      <c r="BJ1825" s="53"/>
      <c r="BK1825" s="53"/>
      <c r="BL1825" s="53"/>
      <c r="BM1825" s="53">
        <v>180915258.75754201</v>
      </c>
      <c r="BN1825" s="53">
        <v>1473168299.3666201</v>
      </c>
      <c r="BO1825" s="53">
        <v>888992446.32978797</v>
      </c>
      <c r="BP1825" s="53">
        <v>858047614.98357701</v>
      </c>
      <c r="BQ1825" s="53">
        <v>973328736.45499504</v>
      </c>
      <c r="BR1825" s="53">
        <v>974042396.54382598</v>
      </c>
      <c r="BS1825" s="53">
        <v>1048936334.2269599</v>
      </c>
      <c r="BT1825" s="53"/>
      <c r="BU1825" s="53"/>
      <c r="BV1825" s="53"/>
      <c r="BW1825" s="53"/>
      <c r="BX1825" s="53"/>
      <c r="BY1825" s="53"/>
      <c r="BZ1825" s="53">
        <v>186734302.987297</v>
      </c>
      <c r="CA1825" s="53">
        <v>4930081831.5264502</v>
      </c>
      <c r="CB1825" s="53"/>
      <c r="CC1825" s="53"/>
      <c r="CD1825" s="53"/>
      <c r="CE1825" s="53"/>
      <c r="CF1825" s="53"/>
      <c r="CG1825" s="53"/>
      <c r="CH1825" s="53"/>
      <c r="CI1825" s="53"/>
      <c r="CJ1825" s="53"/>
      <c r="CK1825" s="53"/>
      <c r="CL1825" s="53"/>
      <c r="CM1825" s="53"/>
      <c r="CN1825" s="53"/>
    </row>
    <row r="1826" spans="1:92" outlineLevel="1">
      <c r="A1826" s="59" t="s">
        <v>1539</v>
      </c>
      <c r="B1826" s="53">
        <v>469895999.91000003</v>
      </c>
      <c r="C1826" s="53">
        <v>453197999.91000003</v>
      </c>
      <c r="D1826" s="53">
        <v>467650999.91000003</v>
      </c>
      <c r="E1826" s="53">
        <v>538569999.90999997</v>
      </c>
      <c r="F1826" s="53">
        <v>567609999.90999997</v>
      </c>
      <c r="G1826" s="53">
        <v>504409999.91000003</v>
      </c>
      <c r="H1826" s="53">
        <v>660678999.90999997</v>
      </c>
      <c r="I1826" s="53">
        <v>679318999.90999997</v>
      </c>
      <c r="J1826" s="53">
        <v>982916999.90999997</v>
      </c>
      <c r="K1826" s="53">
        <v>320077999.91000003</v>
      </c>
      <c r="L1826" s="53">
        <v>336523999.91000003</v>
      </c>
      <c r="M1826" s="53">
        <v>604923999.90999997</v>
      </c>
      <c r="N1826" s="53">
        <v>604923999.90999997</v>
      </c>
      <c r="O1826" s="53">
        <v>691286528.74057901</v>
      </c>
      <c r="P1826" s="53">
        <v>640850776.387514</v>
      </c>
      <c r="Q1826" s="53">
        <v>747112323.97426701</v>
      </c>
      <c r="R1826" s="53">
        <v>804127382.52032995</v>
      </c>
      <c r="S1826" s="53">
        <v>848837587.295439</v>
      </c>
      <c r="T1826" s="53">
        <v>266203941.45543101</v>
      </c>
      <c r="U1826" s="53">
        <v>156791960.200252</v>
      </c>
      <c r="V1826" s="53">
        <v>0</v>
      </c>
      <c r="W1826" s="53">
        <v>0</v>
      </c>
      <c r="X1826" s="53">
        <v>0</v>
      </c>
      <c r="Y1826" s="53">
        <v>0</v>
      </c>
      <c r="Z1826" s="53">
        <v>160584988.64823401</v>
      </c>
      <c r="AA1826" s="53">
        <v>160584988.64823401</v>
      </c>
      <c r="AB1826" s="53">
        <v>145146799.75437599</v>
      </c>
      <c r="AC1826" s="53">
        <v>43986462.048688203</v>
      </c>
      <c r="AD1826" s="53">
        <v>126073770.957578</v>
      </c>
      <c r="AE1826" s="53">
        <v>958100711.50871503</v>
      </c>
      <c r="AF1826" s="53">
        <v>997092550.63431501</v>
      </c>
      <c r="AG1826" s="53">
        <v>1089790129.6900799</v>
      </c>
      <c r="AH1826" s="53">
        <v>1010243814.99792</v>
      </c>
      <c r="AI1826" s="53">
        <v>0</v>
      </c>
      <c r="AJ1826" s="53">
        <v>0</v>
      </c>
      <c r="AK1826" s="53">
        <v>0</v>
      </c>
      <c r="AL1826" s="53">
        <v>0</v>
      </c>
      <c r="AM1826" s="53">
        <v>5938772.7716749301</v>
      </c>
      <c r="AN1826" s="53">
        <v>5938772.7716749301</v>
      </c>
      <c r="AO1826" s="53">
        <v>37208835.732135899</v>
      </c>
      <c r="AP1826" s="53">
        <v>27491554.847998898</v>
      </c>
      <c r="AQ1826" s="53">
        <v>189077993.35064799</v>
      </c>
      <c r="AR1826" s="53">
        <v>271867626.10125798</v>
      </c>
      <c r="AS1826" s="53">
        <v>374588955.81857401</v>
      </c>
      <c r="AT1826" s="53">
        <v>0</v>
      </c>
      <c r="AU1826" s="53">
        <v>0</v>
      </c>
      <c r="AV1826" s="53">
        <v>0</v>
      </c>
      <c r="AW1826" s="53">
        <v>0</v>
      </c>
      <c r="AX1826" s="53">
        <v>0</v>
      </c>
      <c r="AY1826" s="53">
        <v>0</v>
      </c>
      <c r="AZ1826" s="53">
        <v>131852214.95134801</v>
      </c>
      <c r="BA1826" s="53">
        <v>131852214.95134801</v>
      </c>
      <c r="BB1826" s="53">
        <v>196512174.791116</v>
      </c>
      <c r="BC1826" s="53">
        <v>168300839.92755499</v>
      </c>
      <c r="BD1826" s="53">
        <v>279697063.07700998</v>
      </c>
      <c r="BE1826" s="53">
        <v>284151828.04407501</v>
      </c>
      <c r="BF1826" s="53">
        <v>363591134.76957297</v>
      </c>
      <c r="BG1826" s="53">
        <v>0</v>
      </c>
      <c r="BH1826" s="53">
        <v>0</v>
      </c>
      <c r="BI1826" s="53">
        <v>0</v>
      </c>
      <c r="BJ1826" s="53">
        <v>0</v>
      </c>
      <c r="BK1826" s="53">
        <v>0</v>
      </c>
      <c r="BL1826" s="53">
        <v>0</v>
      </c>
      <c r="BM1826" s="53">
        <v>180915258.75764</v>
      </c>
      <c r="BN1826" s="53">
        <v>180915258.75764</v>
      </c>
      <c r="BO1826" s="53">
        <v>888992446.32981598</v>
      </c>
      <c r="BP1826" s="53">
        <v>858047614.98360503</v>
      </c>
      <c r="BQ1826" s="53">
        <v>973328736.45504904</v>
      </c>
      <c r="BR1826" s="53">
        <v>974042396.54391396</v>
      </c>
      <c r="BS1826" s="53">
        <v>1048936334.22699</v>
      </c>
      <c r="BT1826" s="53">
        <v>0</v>
      </c>
      <c r="BU1826" s="53">
        <v>0</v>
      </c>
      <c r="BV1826" s="53">
        <v>0</v>
      </c>
      <c r="BW1826" s="53">
        <v>0</v>
      </c>
      <c r="BX1826" s="53">
        <v>0</v>
      </c>
      <c r="BY1826" s="53">
        <v>0</v>
      </c>
      <c r="BZ1826" s="53">
        <v>186734302.987299</v>
      </c>
      <c r="CA1826" s="53">
        <v>186734302.987299</v>
      </c>
      <c r="CB1826" s="53"/>
      <c r="CC1826" s="53"/>
      <c r="CD1826" s="53"/>
      <c r="CE1826" s="53"/>
      <c r="CF1826" s="53"/>
      <c r="CG1826" s="53"/>
      <c r="CH1826" s="53"/>
      <c r="CI1826" s="53"/>
      <c r="CJ1826" s="53"/>
      <c r="CK1826" s="53"/>
      <c r="CL1826" s="53"/>
      <c r="CM1826" s="53"/>
      <c r="CN1826" s="53"/>
    </row>
    <row r="1827" spans="1:92" outlineLevel="1">
      <c r="A1827" s="52" t="s">
        <v>1540</v>
      </c>
      <c r="B1827" s="53"/>
      <c r="C1827" s="53"/>
      <c r="D1827" s="53"/>
      <c r="E1827" s="53"/>
      <c r="F1827" s="53"/>
      <c r="G1827" s="53"/>
      <c r="H1827" s="53"/>
      <c r="I1827" s="53"/>
      <c r="J1827" s="53"/>
      <c r="K1827" s="53"/>
      <c r="L1827" s="53"/>
      <c r="M1827" s="53"/>
      <c r="N1827" s="53"/>
      <c r="O1827" s="53"/>
      <c r="P1827" s="53"/>
      <c r="Q1827" s="53"/>
      <c r="R1827" s="53"/>
      <c r="S1827" s="53"/>
      <c r="T1827" s="53"/>
      <c r="U1827" s="53"/>
      <c r="V1827" s="53"/>
      <c r="W1827" s="53"/>
      <c r="X1827" s="53"/>
      <c r="Y1827" s="53"/>
      <c r="Z1827" s="53"/>
      <c r="AA1827" s="53"/>
      <c r="AB1827" s="53"/>
      <c r="AC1827" s="53"/>
      <c r="AD1827" s="53"/>
      <c r="AE1827" s="53"/>
      <c r="AF1827" s="53"/>
      <c r="AG1827" s="53"/>
      <c r="AH1827" s="53"/>
      <c r="AI1827" s="53"/>
      <c r="AJ1827" s="53"/>
      <c r="AK1827" s="53"/>
      <c r="AL1827" s="53"/>
      <c r="AM1827" s="53"/>
      <c r="AN1827" s="53"/>
      <c r="AO1827" s="53"/>
      <c r="AP1827" s="53"/>
      <c r="AQ1827" s="53"/>
      <c r="AR1827" s="53"/>
      <c r="AS1827" s="53"/>
      <c r="AT1827" s="53"/>
      <c r="AU1827" s="53"/>
      <c r="AV1827" s="53"/>
      <c r="AW1827" s="53"/>
      <c r="AX1827" s="53"/>
      <c r="AY1827" s="53"/>
      <c r="AZ1827" s="53"/>
      <c r="BA1827" s="53"/>
      <c r="BB1827" s="53"/>
      <c r="BC1827" s="53"/>
      <c r="BD1827" s="53"/>
      <c r="BE1827" s="53"/>
      <c r="BF1827" s="53"/>
      <c r="BG1827" s="53"/>
      <c r="BH1827" s="53"/>
      <c r="BI1827" s="53"/>
      <c r="BJ1827" s="53"/>
      <c r="BK1827" s="53"/>
      <c r="BL1827" s="53"/>
      <c r="BM1827" s="53"/>
      <c r="BN1827" s="53"/>
      <c r="BO1827" s="53"/>
      <c r="BP1827" s="53"/>
      <c r="BQ1827" s="53"/>
      <c r="BR1827" s="53"/>
      <c r="BS1827" s="53"/>
      <c r="BT1827" s="53"/>
      <c r="BU1827" s="53"/>
      <c r="BV1827" s="53"/>
      <c r="BW1827" s="53"/>
      <c r="BX1827" s="53"/>
      <c r="BY1827" s="53"/>
      <c r="BZ1827" s="53"/>
      <c r="CA1827" s="53"/>
      <c r="CB1827" s="53"/>
      <c r="CC1827" s="53"/>
      <c r="CD1827" s="53"/>
      <c r="CE1827" s="53"/>
      <c r="CF1827" s="53"/>
      <c r="CG1827" s="53"/>
      <c r="CH1827" s="53"/>
      <c r="CI1827" s="53"/>
      <c r="CJ1827" s="53"/>
      <c r="CK1827" s="53"/>
      <c r="CL1827" s="53"/>
      <c r="CM1827" s="53"/>
      <c r="CN1827" s="53"/>
    </row>
    <row r="1828" spans="1:92" outlineLevel="1">
      <c r="A1828" s="52" t="s">
        <v>1541</v>
      </c>
      <c r="B1828" s="53">
        <v>0</v>
      </c>
      <c r="C1828" s="53">
        <v>0</v>
      </c>
      <c r="D1828" s="53">
        <v>0</v>
      </c>
      <c r="E1828" s="53">
        <v>0</v>
      </c>
      <c r="F1828" s="53">
        <v>0</v>
      </c>
      <c r="G1828" s="53">
        <v>0</v>
      </c>
      <c r="H1828" s="53">
        <v>0</v>
      </c>
      <c r="I1828" s="53">
        <v>0</v>
      </c>
      <c r="J1828" s="53">
        <v>0</v>
      </c>
      <c r="K1828" s="53">
        <v>0</v>
      </c>
      <c r="L1828" s="53">
        <v>0</v>
      </c>
      <c r="M1828" s="53">
        <v>0</v>
      </c>
      <c r="N1828" s="53">
        <v>0</v>
      </c>
      <c r="O1828" s="53">
        <v>0</v>
      </c>
      <c r="P1828" s="53">
        <v>0</v>
      </c>
      <c r="Q1828" s="53">
        <v>0</v>
      </c>
      <c r="R1828" s="53">
        <v>0</v>
      </c>
      <c r="S1828" s="53">
        <v>0</v>
      </c>
      <c r="T1828" s="53">
        <v>0</v>
      </c>
      <c r="U1828" s="53">
        <v>0</v>
      </c>
      <c r="V1828" s="53">
        <v>0</v>
      </c>
      <c r="W1828" s="53">
        <v>0</v>
      </c>
      <c r="X1828" s="53">
        <v>0</v>
      </c>
      <c r="Y1828" s="53">
        <v>0</v>
      </c>
      <c r="Z1828" s="53">
        <v>0</v>
      </c>
      <c r="AA1828" s="53">
        <v>0</v>
      </c>
      <c r="AB1828" s="53">
        <v>0</v>
      </c>
      <c r="AC1828" s="53">
        <v>0</v>
      </c>
      <c r="AD1828" s="53">
        <v>0</v>
      </c>
      <c r="AE1828" s="53">
        <v>0</v>
      </c>
      <c r="AF1828" s="53">
        <v>0</v>
      </c>
      <c r="AG1828" s="53">
        <v>0</v>
      </c>
      <c r="AH1828" s="53">
        <v>0</v>
      </c>
      <c r="AI1828" s="53">
        <v>0</v>
      </c>
      <c r="AJ1828" s="53">
        <v>0</v>
      </c>
      <c r="AK1828" s="53">
        <v>0</v>
      </c>
      <c r="AL1828" s="53">
        <v>0</v>
      </c>
      <c r="AM1828" s="53">
        <v>0</v>
      </c>
      <c r="AN1828" s="53">
        <v>0</v>
      </c>
      <c r="AO1828" s="53">
        <v>0</v>
      </c>
      <c r="AP1828" s="53">
        <v>0</v>
      </c>
      <c r="AQ1828" s="53">
        <v>0</v>
      </c>
      <c r="AR1828" s="53">
        <v>0</v>
      </c>
      <c r="AS1828" s="53">
        <v>0</v>
      </c>
      <c r="AT1828" s="53">
        <v>0</v>
      </c>
      <c r="AU1828" s="53">
        <v>0</v>
      </c>
      <c r="AV1828" s="53">
        <v>0</v>
      </c>
      <c r="AW1828" s="53">
        <v>0</v>
      </c>
      <c r="AX1828" s="53">
        <v>0</v>
      </c>
      <c r="AY1828" s="53">
        <v>0</v>
      </c>
      <c r="AZ1828" s="53">
        <v>0</v>
      </c>
      <c r="BA1828" s="53">
        <v>0</v>
      </c>
      <c r="BB1828" s="53">
        <v>0</v>
      </c>
      <c r="BC1828" s="53">
        <v>0</v>
      </c>
      <c r="BD1828" s="53">
        <v>0</v>
      </c>
      <c r="BE1828" s="53">
        <v>0</v>
      </c>
      <c r="BF1828" s="53">
        <v>0</v>
      </c>
      <c r="BG1828" s="53">
        <v>0</v>
      </c>
      <c r="BH1828" s="53">
        <v>0</v>
      </c>
      <c r="BI1828" s="53">
        <v>0</v>
      </c>
      <c r="BJ1828" s="53">
        <v>0</v>
      </c>
      <c r="BK1828" s="53">
        <v>0</v>
      </c>
      <c r="BL1828" s="53">
        <v>0</v>
      </c>
      <c r="BM1828" s="53">
        <v>0</v>
      </c>
      <c r="BN1828" s="53">
        <v>0</v>
      </c>
      <c r="BO1828" s="53">
        <v>0</v>
      </c>
      <c r="BP1828" s="53">
        <v>0</v>
      </c>
      <c r="BQ1828" s="53">
        <v>0</v>
      </c>
      <c r="BR1828" s="53">
        <v>0</v>
      </c>
      <c r="BS1828" s="53">
        <v>0</v>
      </c>
      <c r="BT1828" s="53">
        <v>0</v>
      </c>
      <c r="BU1828" s="53">
        <v>0</v>
      </c>
      <c r="BV1828" s="53">
        <v>0</v>
      </c>
      <c r="BW1828" s="53">
        <v>0</v>
      </c>
      <c r="BX1828" s="53">
        <v>0</v>
      </c>
      <c r="BY1828" s="53">
        <v>0</v>
      </c>
      <c r="BZ1828" s="53">
        <v>0</v>
      </c>
      <c r="CA1828" s="53">
        <v>0</v>
      </c>
      <c r="CB1828" s="53">
        <v>4885623.74</v>
      </c>
      <c r="CC1828" s="53">
        <v>6821191.2000000002</v>
      </c>
      <c r="CD1828" s="53">
        <v>9361606.4399999995</v>
      </c>
      <c r="CE1828" s="53">
        <v>11484163.4099999</v>
      </c>
      <c r="CF1828" s="53">
        <v>15932844.34</v>
      </c>
      <c r="CG1828" s="53">
        <v>19003359.25</v>
      </c>
      <c r="CH1828" s="53">
        <v>22266829.359999999</v>
      </c>
      <c r="CI1828" s="53">
        <v>21989061.1199999</v>
      </c>
      <c r="CJ1828" s="53">
        <v>19896695.09</v>
      </c>
      <c r="CK1828" s="53">
        <v>14892568.92</v>
      </c>
      <c r="CL1828" s="53">
        <v>7069373.5300000003</v>
      </c>
      <c r="CM1828" s="53">
        <v>2914802.36</v>
      </c>
      <c r="CN1828" s="53">
        <v>156518118.75999999</v>
      </c>
    </row>
    <row r="1829" spans="1:92" outlineLevel="1">
      <c r="A1829" s="59" t="s">
        <v>1542</v>
      </c>
      <c r="B1829" s="53">
        <v>0</v>
      </c>
      <c r="C1829" s="53">
        <v>0</v>
      </c>
      <c r="D1829" s="53">
        <v>0</v>
      </c>
      <c r="E1829" s="53">
        <v>0</v>
      </c>
      <c r="F1829" s="53">
        <v>0</v>
      </c>
      <c r="G1829" s="53">
        <v>0</v>
      </c>
      <c r="H1829" s="53">
        <v>0</v>
      </c>
      <c r="I1829" s="53">
        <v>0</v>
      </c>
      <c r="J1829" s="53">
        <v>0</v>
      </c>
      <c r="K1829" s="53">
        <v>0</v>
      </c>
      <c r="L1829" s="53">
        <v>0</v>
      </c>
      <c r="M1829" s="53">
        <v>0</v>
      </c>
      <c r="N1829" s="53">
        <v>0</v>
      </c>
      <c r="O1829" s="53">
        <v>0</v>
      </c>
      <c r="P1829" s="53">
        <v>0</v>
      </c>
      <c r="Q1829" s="53">
        <v>0</v>
      </c>
      <c r="R1829" s="53">
        <v>0</v>
      </c>
      <c r="S1829" s="53">
        <v>0</v>
      </c>
      <c r="T1829" s="53">
        <v>0</v>
      </c>
      <c r="U1829" s="53">
        <v>0</v>
      </c>
      <c r="V1829" s="53">
        <v>0</v>
      </c>
      <c r="W1829" s="53">
        <v>0</v>
      </c>
      <c r="X1829" s="53">
        <v>0</v>
      </c>
      <c r="Y1829" s="53">
        <v>0</v>
      </c>
      <c r="Z1829" s="53">
        <v>0</v>
      </c>
      <c r="AA1829" s="53">
        <v>0</v>
      </c>
      <c r="AB1829" s="53">
        <v>0</v>
      </c>
      <c r="AC1829" s="53">
        <v>0</v>
      </c>
      <c r="AD1829" s="53">
        <v>0</v>
      </c>
      <c r="AE1829" s="53">
        <v>0</v>
      </c>
      <c r="AF1829" s="53">
        <v>0</v>
      </c>
      <c r="AG1829" s="53">
        <v>0</v>
      </c>
      <c r="AH1829" s="53">
        <v>0</v>
      </c>
      <c r="AI1829" s="53">
        <v>0</v>
      </c>
      <c r="AJ1829" s="53">
        <v>0</v>
      </c>
      <c r="AK1829" s="53">
        <v>0</v>
      </c>
      <c r="AL1829" s="53">
        <v>0</v>
      </c>
      <c r="AM1829" s="53">
        <v>0</v>
      </c>
      <c r="AN1829" s="53">
        <v>0</v>
      </c>
      <c r="AO1829" s="53">
        <v>0</v>
      </c>
      <c r="AP1829" s="53">
        <v>0</v>
      </c>
      <c r="AQ1829" s="53">
        <v>0</v>
      </c>
      <c r="AR1829" s="53">
        <v>0</v>
      </c>
      <c r="AS1829" s="53">
        <v>0</v>
      </c>
      <c r="AT1829" s="53">
        <v>0</v>
      </c>
      <c r="AU1829" s="53">
        <v>0</v>
      </c>
      <c r="AV1829" s="53">
        <v>0</v>
      </c>
      <c r="AW1829" s="53">
        <v>0</v>
      </c>
      <c r="AX1829" s="53">
        <v>0</v>
      </c>
      <c r="AY1829" s="53">
        <v>0</v>
      </c>
      <c r="AZ1829" s="53">
        <v>0</v>
      </c>
      <c r="BA1829" s="53">
        <v>0</v>
      </c>
      <c r="BB1829" s="53">
        <v>0</v>
      </c>
      <c r="BC1829" s="53">
        <v>0</v>
      </c>
      <c r="BD1829" s="53">
        <v>0</v>
      </c>
      <c r="BE1829" s="53">
        <v>0</v>
      </c>
      <c r="BF1829" s="53">
        <v>0</v>
      </c>
      <c r="BG1829" s="53">
        <v>0</v>
      </c>
      <c r="BH1829" s="53">
        <v>0</v>
      </c>
      <c r="BI1829" s="53">
        <v>0</v>
      </c>
      <c r="BJ1829" s="53">
        <v>0</v>
      </c>
      <c r="BK1829" s="53">
        <v>0</v>
      </c>
      <c r="BL1829" s="53">
        <v>0</v>
      </c>
      <c r="BM1829" s="53">
        <v>0</v>
      </c>
      <c r="BN1829" s="53">
        <v>0</v>
      </c>
      <c r="BO1829" s="53">
        <v>0</v>
      </c>
      <c r="BP1829" s="53">
        <v>0</v>
      </c>
      <c r="BQ1829" s="53">
        <v>0</v>
      </c>
      <c r="BR1829" s="53">
        <v>0</v>
      </c>
      <c r="BS1829" s="53">
        <v>0</v>
      </c>
      <c r="BT1829" s="53">
        <v>0</v>
      </c>
      <c r="BU1829" s="53">
        <v>0</v>
      </c>
      <c r="BV1829" s="53">
        <v>0</v>
      </c>
      <c r="BW1829" s="53">
        <v>0</v>
      </c>
      <c r="BX1829" s="53">
        <v>0</v>
      </c>
      <c r="BY1829" s="53">
        <v>0</v>
      </c>
      <c r="BZ1829" s="53">
        <v>0</v>
      </c>
      <c r="CA1829" s="53">
        <v>0</v>
      </c>
      <c r="CB1829" s="53"/>
      <c r="CC1829" s="53"/>
      <c r="CD1829" s="53"/>
      <c r="CE1829" s="53"/>
      <c r="CF1829" s="53"/>
      <c r="CG1829" s="53"/>
      <c r="CH1829" s="53"/>
      <c r="CI1829" s="53"/>
      <c r="CJ1829" s="53"/>
      <c r="CK1829" s="53"/>
      <c r="CL1829" s="53"/>
      <c r="CM1829" s="53"/>
      <c r="CN1829" s="53"/>
    </row>
    <row r="1830" spans="1:92" outlineLevel="1">
      <c r="A1830" s="52" t="s">
        <v>1543</v>
      </c>
      <c r="B1830" s="53"/>
      <c r="C1830" s="53"/>
      <c r="D1830" s="53"/>
      <c r="E1830" s="53"/>
      <c r="F1830" s="53"/>
      <c r="G1830" s="53"/>
      <c r="H1830" s="53"/>
      <c r="I1830" s="53"/>
      <c r="J1830" s="53"/>
      <c r="K1830" s="53"/>
      <c r="L1830" s="53"/>
      <c r="M1830" s="53"/>
      <c r="N1830" s="53"/>
      <c r="O1830" s="53"/>
      <c r="P1830" s="53"/>
      <c r="Q1830" s="53"/>
      <c r="R1830" s="53"/>
      <c r="S1830" s="53"/>
      <c r="T1830" s="53"/>
      <c r="U1830" s="53"/>
      <c r="V1830" s="53"/>
      <c r="W1830" s="53"/>
      <c r="X1830" s="53"/>
      <c r="Y1830" s="53"/>
      <c r="Z1830" s="53"/>
      <c r="AA1830" s="53"/>
      <c r="AB1830" s="53"/>
      <c r="AC1830" s="53"/>
      <c r="AD1830" s="53"/>
      <c r="AE1830" s="53"/>
      <c r="AF1830" s="53"/>
      <c r="AG1830" s="53"/>
      <c r="AH1830" s="53"/>
      <c r="AI1830" s="53"/>
      <c r="AJ1830" s="53"/>
      <c r="AK1830" s="53"/>
      <c r="AL1830" s="53"/>
      <c r="AM1830" s="53"/>
      <c r="AN1830" s="53"/>
      <c r="AO1830" s="53"/>
      <c r="AP1830" s="53"/>
      <c r="AQ1830" s="53"/>
      <c r="AR1830" s="53"/>
      <c r="AS1830" s="53"/>
      <c r="AT1830" s="53"/>
      <c r="AU1830" s="53"/>
      <c r="AV1830" s="53"/>
      <c r="AW1830" s="53"/>
      <c r="AX1830" s="53"/>
      <c r="AY1830" s="53"/>
      <c r="AZ1830" s="53"/>
      <c r="BA1830" s="53"/>
      <c r="BB1830" s="53"/>
      <c r="BC1830" s="53"/>
      <c r="BD1830" s="53"/>
      <c r="BE1830" s="53"/>
      <c r="BF1830" s="53"/>
      <c r="BG1830" s="53"/>
      <c r="BH1830" s="53"/>
      <c r="BI1830" s="53"/>
      <c r="BJ1830" s="53"/>
      <c r="BK1830" s="53"/>
      <c r="BL1830" s="53"/>
      <c r="BM1830" s="53"/>
      <c r="BN1830" s="53"/>
      <c r="BO1830" s="53"/>
      <c r="BP1830" s="53"/>
      <c r="BQ1830" s="53"/>
      <c r="BR1830" s="53"/>
      <c r="BS1830" s="53"/>
      <c r="BT1830" s="53"/>
      <c r="BU1830" s="53"/>
      <c r="BV1830" s="53"/>
      <c r="BW1830" s="53"/>
      <c r="BX1830" s="53"/>
      <c r="BY1830" s="53"/>
      <c r="BZ1830" s="53"/>
      <c r="CA1830" s="53"/>
      <c r="CB1830" s="53">
        <v>2555737.2999999998</v>
      </c>
      <c r="CC1830" s="53">
        <v>2709377.53</v>
      </c>
      <c r="CD1830" s="53">
        <v>2658425.8399999901</v>
      </c>
      <c r="CE1830" s="53">
        <v>2110044.13</v>
      </c>
      <c r="CF1830" s="53">
        <v>2302031.2799999998</v>
      </c>
      <c r="CG1830" s="53">
        <v>2465152</v>
      </c>
      <c r="CH1830" s="53">
        <v>2104715.75</v>
      </c>
      <c r="CI1830" s="53">
        <v>3265984</v>
      </c>
      <c r="CJ1830" s="53">
        <v>2673102.46</v>
      </c>
      <c r="CK1830" s="53">
        <v>2398012.0199999898</v>
      </c>
      <c r="CL1830" s="53">
        <v>2879835.02</v>
      </c>
      <c r="CM1830" s="53">
        <v>2813547.2099999902</v>
      </c>
      <c r="CN1830" s="53">
        <v>30935964.539999899</v>
      </c>
    </row>
    <row r="1831" spans="1:92" outlineLevel="1">
      <c r="A1831" s="52" t="s">
        <v>1218</v>
      </c>
      <c r="B1831" s="53">
        <v>824540.20999999903</v>
      </c>
      <c r="C1831" s="53">
        <v>-30730077.969999999</v>
      </c>
      <c r="D1831" s="53">
        <v>41299889.289999902</v>
      </c>
      <c r="E1831" s="53">
        <v>664737.65000000095</v>
      </c>
      <c r="F1831" s="53">
        <v>20673954.259999901</v>
      </c>
      <c r="G1831" s="53">
        <v>47763269.219999999</v>
      </c>
      <c r="H1831" s="53">
        <v>45174528.769999899</v>
      </c>
      <c r="I1831" s="53">
        <v>79056690.049999997</v>
      </c>
      <c r="J1831" s="53">
        <v>74595766.859999999</v>
      </c>
      <c r="K1831" s="53">
        <v>455760.38000000903</v>
      </c>
      <c r="L1831" s="53">
        <v>23811001.6199999</v>
      </c>
      <c r="M1831" s="53">
        <v>-65599816.359999999</v>
      </c>
      <c r="N1831" s="53">
        <v>824540.20999999903</v>
      </c>
      <c r="O1831" s="53">
        <v>3307689.8399999901</v>
      </c>
      <c r="P1831" s="53">
        <v>41172793.184258103</v>
      </c>
      <c r="Q1831" s="53">
        <v>42303847.527398497</v>
      </c>
      <c r="R1831" s="53">
        <v>72212582.4065523</v>
      </c>
      <c r="S1831" s="53">
        <v>89848942.244415998</v>
      </c>
      <c r="T1831" s="53">
        <v>118559662.423509</v>
      </c>
      <c r="U1831" s="53">
        <v>112375219.692873</v>
      </c>
      <c r="V1831" s="53">
        <v>147068523.96767801</v>
      </c>
      <c r="W1831" s="53">
        <v>210331931.18053901</v>
      </c>
      <c r="X1831" s="53">
        <v>157275681.78286701</v>
      </c>
      <c r="Y1831" s="53">
        <v>179333778.86863601</v>
      </c>
      <c r="Z1831" s="53">
        <v>185427807.724565</v>
      </c>
      <c r="AA1831" s="53">
        <v>3307689.8399999901</v>
      </c>
      <c r="AB1831" s="53">
        <v>66326231.838864803</v>
      </c>
      <c r="AC1831" s="53">
        <v>111308503.01310501</v>
      </c>
      <c r="AD1831" s="53">
        <v>120726865.41387901</v>
      </c>
      <c r="AE1831" s="53">
        <v>88370240.148547903</v>
      </c>
      <c r="AF1831" s="53">
        <v>98764405.308841199</v>
      </c>
      <c r="AG1831" s="53">
        <v>120012375.434637</v>
      </c>
      <c r="AH1831" s="53">
        <v>85441839.168022603</v>
      </c>
      <c r="AI1831" s="53">
        <v>115982418.94952001</v>
      </c>
      <c r="AJ1831" s="53">
        <v>173388622.015475</v>
      </c>
      <c r="AK1831" s="53">
        <v>137831439.04119399</v>
      </c>
      <c r="AL1831" s="53">
        <v>153308054.32786199</v>
      </c>
      <c r="AM1831" s="53">
        <v>154280003.04957801</v>
      </c>
      <c r="AN1831" s="53">
        <v>66326231.838864803</v>
      </c>
      <c r="AO1831" s="53">
        <v>52222377.233687401</v>
      </c>
      <c r="AP1831" s="53">
        <v>75303511.893713802</v>
      </c>
      <c r="AQ1831" s="53">
        <v>65674077.206317499</v>
      </c>
      <c r="AR1831" s="53">
        <v>23749231.211333402</v>
      </c>
      <c r="AS1831" s="53">
        <v>20598613.437534001</v>
      </c>
      <c r="AT1831" s="53">
        <v>27193678.2889149</v>
      </c>
      <c r="AU1831" s="53">
        <v>35903558.197072499</v>
      </c>
      <c r="AV1831" s="53">
        <v>50098228.221545003</v>
      </c>
      <c r="AW1831" s="53">
        <v>87681952.218636304</v>
      </c>
      <c r="AX1831" s="53">
        <v>81347399.432950705</v>
      </c>
      <c r="AY1831" s="53">
        <v>82858643.2162029</v>
      </c>
      <c r="AZ1831" s="53">
        <v>70928574.007657006</v>
      </c>
      <c r="BA1831" s="53">
        <v>52222377.233687401</v>
      </c>
      <c r="BB1831" s="53">
        <v>19649187.200614601</v>
      </c>
      <c r="BC1831" s="53">
        <v>41537811.830711998</v>
      </c>
      <c r="BD1831" s="53">
        <v>30266536.7697994</v>
      </c>
      <c r="BE1831" s="53">
        <v>19529859.759380002</v>
      </c>
      <c r="BF1831" s="53">
        <v>15118348.013769399</v>
      </c>
      <c r="BG1831" s="53">
        <v>20605586.047217902</v>
      </c>
      <c r="BH1831" s="53">
        <v>32900797.699987501</v>
      </c>
      <c r="BI1831" s="53">
        <v>46306025.257561602</v>
      </c>
      <c r="BJ1831" s="53">
        <v>82956863.173358694</v>
      </c>
      <c r="BK1831" s="53">
        <v>78283983.702599496</v>
      </c>
      <c r="BL1831" s="53">
        <v>78024273.4678289</v>
      </c>
      <c r="BM1831" s="53">
        <v>63778162.618129499</v>
      </c>
      <c r="BN1831" s="53">
        <v>19649187.200614601</v>
      </c>
      <c r="BO1831" s="53">
        <v>15881665.2177471</v>
      </c>
      <c r="BP1831" s="53">
        <v>36266709.018036202</v>
      </c>
      <c r="BQ1831" s="53">
        <v>24115667.540333401</v>
      </c>
      <c r="BR1831" s="53">
        <v>15717718.055448901</v>
      </c>
      <c r="BS1831" s="53">
        <v>9964411.3164528497</v>
      </c>
      <c r="BT1831" s="53">
        <v>15236187.328296401</v>
      </c>
      <c r="BU1831" s="53">
        <v>30883768.469647299</v>
      </c>
      <c r="BV1831" s="53">
        <v>44082564.376630597</v>
      </c>
      <c r="BW1831" s="53">
        <v>80639308.453713998</v>
      </c>
      <c r="BX1831" s="53">
        <v>77875402.967832893</v>
      </c>
      <c r="BY1831" s="53">
        <v>77427660.111232206</v>
      </c>
      <c r="BZ1831" s="53">
        <v>63906232.149380498</v>
      </c>
      <c r="CA1831" s="53">
        <v>15881665.2177471</v>
      </c>
      <c r="CB1831" s="53"/>
      <c r="CC1831" s="53"/>
      <c r="CD1831" s="53"/>
      <c r="CE1831" s="53"/>
      <c r="CF1831" s="53"/>
      <c r="CG1831" s="53"/>
      <c r="CH1831" s="53"/>
      <c r="CI1831" s="53"/>
      <c r="CJ1831" s="53"/>
      <c r="CK1831" s="53"/>
      <c r="CL1831" s="53"/>
      <c r="CM1831" s="53"/>
      <c r="CN1831" s="53"/>
    </row>
    <row r="1832" spans="1:92" outlineLevel="1">
      <c r="A1832" s="52" t="s">
        <v>699</v>
      </c>
      <c r="B1832" s="53"/>
      <c r="C1832" s="53"/>
      <c r="D1832" s="53"/>
      <c r="E1832" s="53"/>
      <c r="F1832" s="53"/>
      <c r="G1832" s="53"/>
      <c r="H1832" s="53"/>
      <c r="I1832" s="53"/>
      <c r="J1832" s="53"/>
      <c r="K1832" s="53"/>
      <c r="L1832" s="53"/>
      <c r="M1832" s="53"/>
      <c r="N1832" s="53"/>
      <c r="O1832" s="53"/>
      <c r="P1832" s="53"/>
      <c r="Q1832" s="53"/>
      <c r="R1832" s="53"/>
      <c r="S1832" s="53"/>
      <c r="T1832" s="53"/>
      <c r="U1832" s="53"/>
      <c r="V1832" s="53"/>
      <c r="W1832" s="53"/>
      <c r="X1832" s="53"/>
      <c r="Y1832" s="53"/>
      <c r="Z1832" s="53"/>
      <c r="AA1832" s="53"/>
      <c r="AB1832" s="53"/>
      <c r="AC1832" s="53"/>
      <c r="AD1832" s="53"/>
      <c r="AE1832" s="53"/>
      <c r="AF1832" s="53"/>
      <c r="AG1832" s="53"/>
      <c r="AH1832" s="53"/>
      <c r="AI1832" s="53"/>
      <c r="AJ1832" s="53"/>
      <c r="AK1832" s="53"/>
      <c r="AL1832" s="53"/>
      <c r="AM1832" s="53"/>
      <c r="AN1832" s="53"/>
      <c r="AO1832" s="53"/>
      <c r="AP1832" s="53"/>
      <c r="AQ1832" s="53"/>
      <c r="AR1832" s="53"/>
      <c r="AS1832" s="53"/>
      <c r="AT1832" s="53"/>
      <c r="AU1832" s="53"/>
      <c r="AV1832" s="53"/>
      <c r="AW1832" s="53"/>
      <c r="AX1832" s="53"/>
      <c r="AY1832" s="53"/>
      <c r="AZ1832" s="53"/>
      <c r="BA1832" s="53"/>
      <c r="BB1832" s="53"/>
      <c r="BC1832" s="53"/>
      <c r="BD1832" s="53"/>
      <c r="BE1832" s="53"/>
      <c r="BF1832" s="53"/>
      <c r="BG1832" s="53"/>
      <c r="BH1832" s="53"/>
      <c r="BI1832" s="53"/>
      <c r="BJ1832" s="53"/>
      <c r="BK1832" s="53"/>
      <c r="BL1832" s="53"/>
      <c r="BM1832" s="53"/>
      <c r="BN1832" s="53"/>
      <c r="BO1832" s="53"/>
      <c r="BP1832" s="53"/>
      <c r="BQ1832" s="53"/>
      <c r="BR1832" s="53"/>
      <c r="BS1832" s="53"/>
      <c r="BT1832" s="53"/>
      <c r="BU1832" s="53"/>
      <c r="BV1832" s="53"/>
      <c r="BW1832" s="53"/>
      <c r="BX1832" s="53"/>
      <c r="BY1832" s="53"/>
      <c r="BZ1832" s="53"/>
      <c r="CA1832" s="53"/>
      <c r="CB1832" s="53">
        <v>96801882.019999996</v>
      </c>
      <c r="CC1832" s="53">
        <v>82686144.709999993</v>
      </c>
      <c r="CD1832" s="53">
        <v>84040742.510000005</v>
      </c>
      <c r="CE1832" s="53">
        <v>75622199.959999993</v>
      </c>
      <c r="CF1832" s="53">
        <v>89792007.289999902</v>
      </c>
      <c r="CG1832" s="53">
        <v>95721055.140000001</v>
      </c>
      <c r="CH1832" s="53">
        <v>101577896.73999999</v>
      </c>
      <c r="CI1832" s="53">
        <v>101850854.92</v>
      </c>
      <c r="CJ1832" s="53">
        <v>97561165.279999897</v>
      </c>
      <c r="CK1832" s="53">
        <v>87880748.609999999</v>
      </c>
      <c r="CL1832" s="53">
        <v>81465344.129999995</v>
      </c>
      <c r="CM1832" s="53">
        <v>93850456.6199999</v>
      </c>
      <c r="CN1832" s="53">
        <v>1088850497.9299901</v>
      </c>
    </row>
    <row r="1833" spans="1:92" outlineLevel="1">
      <c r="A1833" s="52" t="s">
        <v>700</v>
      </c>
      <c r="B1833" s="53"/>
      <c r="C1833" s="53"/>
      <c r="D1833" s="53"/>
      <c r="E1833" s="53"/>
      <c r="F1833" s="53"/>
      <c r="G1833" s="53"/>
      <c r="H1833" s="53"/>
      <c r="I1833" s="53"/>
      <c r="J1833" s="53"/>
      <c r="K1833" s="53"/>
      <c r="L1833" s="53"/>
      <c r="M1833" s="53"/>
      <c r="N1833" s="53"/>
      <c r="O1833" s="53"/>
      <c r="P1833" s="53"/>
      <c r="Q1833" s="53"/>
      <c r="R1833" s="53"/>
      <c r="S1833" s="53"/>
      <c r="T1833" s="53"/>
      <c r="U1833" s="53"/>
      <c r="V1833" s="53"/>
      <c r="W1833" s="53"/>
      <c r="X1833" s="53"/>
      <c r="Y1833" s="53"/>
      <c r="Z1833" s="53"/>
      <c r="AA1833" s="53"/>
      <c r="AB1833" s="53"/>
      <c r="AC1833" s="53"/>
      <c r="AD1833" s="53"/>
      <c r="AE1833" s="53"/>
      <c r="AF1833" s="53"/>
      <c r="AG1833" s="53"/>
      <c r="AH1833" s="53"/>
      <c r="AI1833" s="53"/>
      <c r="AJ1833" s="53"/>
      <c r="AK1833" s="53"/>
      <c r="AL1833" s="53"/>
      <c r="AM1833" s="53"/>
      <c r="AN1833" s="53"/>
      <c r="AO1833" s="53"/>
      <c r="AP1833" s="53"/>
      <c r="AQ1833" s="53"/>
      <c r="AR1833" s="53"/>
      <c r="AS1833" s="53"/>
      <c r="AT1833" s="53"/>
      <c r="AU1833" s="53"/>
      <c r="AV1833" s="53"/>
      <c r="AW1833" s="53"/>
      <c r="AX1833" s="53"/>
      <c r="AY1833" s="53"/>
      <c r="AZ1833" s="53"/>
      <c r="BA1833" s="53"/>
      <c r="BB1833" s="53"/>
      <c r="BC1833" s="53"/>
      <c r="BD1833" s="53"/>
      <c r="BE1833" s="53"/>
      <c r="BF1833" s="53"/>
      <c r="BG1833" s="53"/>
      <c r="BH1833" s="53"/>
      <c r="BI1833" s="53"/>
      <c r="BJ1833" s="53"/>
      <c r="BK1833" s="53"/>
      <c r="BL1833" s="53"/>
      <c r="BM1833" s="53"/>
      <c r="BN1833" s="53"/>
      <c r="BO1833" s="53"/>
      <c r="BP1833" s="53"/>
      <c r="BQ1833" s="53"/>
      <c r="BR1833" s="53"/>
      <c r="BS1833" s="53"/>
      <c r="BT1833" s="53"/>
      <c r="BU1833" s="53"/>
      <c r="BV1833" s="53"/>
      <c r="BW1833" s="53"/>
      <c r="BX1833" s="53"/>
      <c r="BY1833" s="53"/>
      <c r="BZ1833" s="53"/>
      <c r="CA1833" s="53"/>
      <c r="CB1833" s="53"/>
      <c r="CC1833" s="53"/>
      <c r="CD1833" s="53"/>
      <c r="CE1833" s="53"/>
      <c r="CF1833" s="53"/>
      <c r="CG1833" s="53"/>
      <c r="CH1833" s="53"/>
      <c r="CI1833" s="53"/>
      <c r="CJ1833" s="53"/>
      <c r="CK1833" s="53"/>
      <c r="CL1833" s="53"/>
      <c r="CM1833" s="53"/>
      <c r="CN1833" s="53"/>
    </row>
    <row r="1834" spans="1:92" outlineLevel="1">
      <c r="A1834" s="52" t="s">
        <v>1544</v>
      </c>
      <c r="B1834" s="53"/>
      <c r="C1834" s="53"/>
      <c r="D1834" s="53"/>
      <c r="E1834" s="53"/>
      <c r="F1834" s="53"/>
      <c r="G1834" s="53"/>
      <c r="H1834" s="53"/>
      <c r="I1834" s="53"/>
      <c r="J1834" s="53"/>
      <c r="K1834" s="53"/>
      <c r="L1834" s="53"/>
      <c r="M1834" s="53"/>
      <c r="N1834" s="53"/>
      <c r="O1834" s="53"/>
      <c r="P1834" s="53"/>
      <c r="Q1834" s="53"/>
      <c r="R1834" s="53"/>
      <c r="S1834" s="53"/>
      <c r="T1834" s="53"/>
      <c r="U1834" s="53"/>
      <c r="V1834" s="53"/>
      <c r="W1834" s="53"/>
      <c r="X1834" s="53"/>
      <c r="Y1834" s="53"/>
      <c r="Z1834" s="53"/>
      <c r="AA1834" s="53"/>
      <c r="AB1834" s="53"/>
      <c r="AC1834" s="53"/>
      <c r="AD1834" s="53"/>
      <c r="AE1834" s="53"/>
      <c r="AF1834" s="53"/>
      <c r="AG1834" s="53"/>
      <c r="AH1834" s="53"/>
      <c r="AI1834" s="53"/>
      <c r="AJ1834" s="53"/>
      <c r="AK1834" s="53"/>
      <c r="AL1834" s="53"/>
      <c r="AM1834" s="53"/>
      <c r="AN1834" s="53"/>
      <c r="AO1834" s="53"/>
      <c r="AP1834" s="53"/>
      <c r="AQ1834" s="53"/>
      <c r="AR1834" s="53"/>
      <c r="AS1834" s="53"/>
      <c r="AT1834" s="53"/>
      <c r="AU1834" s="53"/>
      <c r="AV1834" s="53"/>
      <c r="AW1834" s="53"/>
      <c r="AX1834" s="53"/>
      <c r="AY1834" s="53"/>
      <c r="AZ1834" s="53"/>
      <c r="BA1834" s="53"/>
      <c r="BB1834" s="53"/>
      <c r="BC1834" s="53"/>
      <c r="BD1834" s="53"/>
      <c r="BE1834" s="53"/>
      <c r="BF1834" s="53"/>
      <c r="BG1834" s="53"/>
      <c r="BH1834" s="53"/>
      <c r="BI1834" s="53"/>
      <c r="BJ1834" s="53"/>
      <c r="BK1834" s="53"/>
      <c r="BL1834" s="53"/>
      <c r="BM1834" s="53"/>
      <c r="BN1834" s="53"/>
      <c r="BO1834" s="53"/>
      <c r="BP1834" s="53"/>
      <c r="BQ1834" s="53"/>
      <c r="BR1834" s="53"/>
      <c r="BS1834" s="53"/>
      <c r="BT1834" s="53"/>
      <c r="BU1834" s="53"/>
      <c r="BV1834" s="53"/>
      <c r="BW1834" s="53"/>
      <c r="BX1834" s="53"/>
      <c r="BY1834" s="53"/>
      <c r="BZ1834" s="53"/>
      <c r="CA1834" s="53"/>
      <c r="CB1834" s="53"/>
      <c r="CC1834" s="53"/>
      <c r="CD1834" s="53"/>
      <c r="CE1834" s="53"/>
      <c r="CF1834" s="53"/>
      <c r="CG1834" s="53"/>
      <c r="CH1834" s="53"/>
      <c r="CI1834" s="53"/>
      <c r="CJ1834" s="53"/>
      <c r="CK1834" s="53"/>
      <c r="CL1834" s="53"/>
      <c r="CM1834" s="53"/>
      <c r="CN1834" s="53"/>
    </row>
    <row r="1835" spans="1:92" outlineLevel="1">
      <c r="A1835" s="52" t="s">
        <v>649</v>
      </c>
      <c r="B1835" s="53"/>
      <c r="C1835" s="53"/>
      <c r="D1835" s="53">
        <v>47442494.959999897</v>
      </c>
      <c r="E1835" s="53"/>
      <c r="F1835" s="53"/>
      <c r="G1835" s="53">
        <v>2849005.1499999901</v>
      </c>
      <c r="H1835" s="53"/>
      <c r="I1835" s="53"/>
      <c r="J1835" s="53">
        <v>-43119528.619999997</v>
      </c>
      <c r="K1835" s="53"/>
      <c r="L1835" s="53"/>
      <c r="M1835" s="53">
        <v>54722177.339999899</v>
      </c>
      <c r="N1835" s="53">
        <v>61894148.829999901</v>
      </c>
      <c r="O1835" s="53"/>
      <c r="P1835" s="53"/>
      <c r="Q1835" s="53">
        <v>17416192.7099999</v>
      </c>
      <c r="R1835" s="53"/>
      <c r="S1835" s="53"/>
      <c r="T1835" s="53">
        <v>-51488699.856552303</v>
      </c>
      <c r="U1835" s="53"/>
      <c r="V1835" s="53"/>
      <c r="W1835" s="53">
        <v>-91651337.142873898</v>
      </c>
      <c r="X1835" s="53"/>
      <c r="Y1835" s="53"/>
      <c r="Z1835" s="53">
        <v>-158609896.31863701</v>
      </c>
      <c r="AA1835" s="53">
        <v>-284333740.60806298</v>
      </c>
      <c r="AB1835" s="53"/>
      <c r="AC1835" s="53"/>
      <c r="AD1835" s="53">
        <v>-45602349.288865097</v>
      </c>
      <c r="AE1835" s="53"/>
      <c r="AF1835" s="53"/>
      <c r="AG1835" s="53">
        <v>-67646357.598548502</v>
      </c>
      <c r="AH1835" s="53"/>
      <c r="AI1835" s="53"/>
      <c r="AJ1835" s="53">
        <v>-64717956.618295699</v>
      </c>
      <c r="AK1835" s="53"/>
      <c r="AL1835" s="53"/>
      <c r="AM1835" s="53">
        <v>-132584171.778988</v>
      </c>
      <c r="AN1835" s="53">
        <v>-310550835.284697</v>
      </c>
      <c r="AO1835" s="53"/>
      <c r="AP1835" s="53"/>
      <c r="AQ1835" s="53">
        <v>-31498494.791476101</v>
      </c>
      <c r="AR1835" s="53"/>
      <c r="AS1835" s="53"/>
      <c r="AT1835" s="53">
        <v>-3025349.2447274202</v>
      </c>
      <c r="AU1835" s="53"/>
      <c r="AV1835" s="53"/>
      <c r="AW1835" s="53">
        <v>-15179676.673713399</v>
      </c>
      <c r="AX1835" s="53"/>
      <c r="AY1835" s="53"/>
      <c r="AZ1835" s="53">
        <v>-62134762.025497198</v>
      </c>
      <c r="BA1835" s="53">
        <v>-111838282.735414</v>
      </c>
      <c r="BB1835" s="53"/>
      <c r="BC1835" s="53"/>
      <c r="BD1835" s="53">
        <v>1074693.90861633</v>
      </c>
      <c r="BE1835" s="53"/>
      <c r="BF1835" s="53"/>
      <c r="BG1835" s="53">
        <v>1194021.33633054</v>
      </c>
      <c r="BH1835" s="53"/>
      <c r="BI1835" s="53"/>
      <c r="BJ1835" s="53">
        <v>-12176916.617166501</v>
      </c>
      <c r="BK1835" s="53"/>
      <c r="BL1835" s="53"/>
      <c r="BM1835" s="53">
        <v>-57300392.401018597</v>
      </c>
      <c r="BN1835" s="53">
        <v>-67208593.773238301</v>
      </c>
      <c r="BO1835" s="53"/>
      <c r="BP1835" s="53"/>
      <c r="BQ1835" s="53">
        <v>4842215.8415603004</v>
      </c>
      <c r="BR1835" s="53"/>
      <c r="BS1835" s="53"/>
      <c r="BT1835" s="53">
        <v>5006162.9478243198</v>
      </c>
      <c r="BU1835" s="53"/>
      <c r="BV1835" s="53"/>
      <c r="BW1835" s="53">
        <v>-10159887.682525299</v>
      </c>
      <c r="BX1835" s="53"/>
      <c r="BY1835" s="53"/>
      <c r="BZ1835" s="53">
        <v>-56703779.489640497</v>
      </c>
      <c r="CA1835" s="53">
        <v>-57015288.382781297</v>
      </c>
      <c r="CB1835" s="53"/>
      <c r="CC1835" s="53"/>
      <c r="CD1835" s="53"/>
      <c r="CE1835" s="53"/>
      <c r="CF1835" s="53"/>
      <c r="CG1835" s="53"/>
      <c r="CH1835" s="53"/>
      <c r="CI1835" s="53"/>
      <c r="CJ1835" s="53"/>
      <c r="CK1835" s="53"/>
      <c r="CL1835" s="53"/>
      <c r="CM1835" s="53"/>
      <c r="CN1835" s="53"/>
    </row>
    <row r="1836" spans="1:92">
      <c r="A1836" s="52" t="s">
        <v>672</v>
      </c>
      <c r="B1836" s="53"/>
      <c r="C1836" s="53"/>
      <c r="D1836" s="53"/>
      <c r="E1836" s="53"/>
      <c r="F1836" s="53"/>
      <c r="G1836" s="53"/>
      <c r="H1836" s="53"/>
      <c r="I1836" s="53"/>
      <c r="J1836" s="53"/>
      <c r="K1836" s="53"/>
      <c r="L1836" s="53"/>
      <c r="M1836" s="53"/>
      <c r="N1836" s="53"/>
      <c r="O1836" s="53"/>
      <c r="P1836" s="53"/>
      <c r="Q1836" s="53"/>
      <c r="R1836" s="53"/>
      <c r="S1836" s="53"/>
      <c r="T1836" s="53"/>
      <c r="U1836" s="53"/>
      <c r="V1836" s="53"/>
      <c r="W1836" s="53"/>
      <c r="X1836" s="53"/>
      <c r="Y1836" s="53"/>
      <c r="Z1836" s="53"/>
      <c r="AA1836" s="53"/>
      <c r="AB1836" s="53"/>
      <c r="AC1836" s="53"/>
      <c r="AD1836" s="53"/>
      <c r="AE1836" s="53"/>
      <c r="AF1836" s="53"/>
      <c r="AG1836" s="53"/>
      <c r="AH1836" s="53"/>
      <c r="AI1836" s="53"/>
      <c r="AJ1836" s="53"/>
      <c r="AK1836" s="53"/>
      <c r="AL1836" s="53"/>
      <c r="AM1836" s="53"/>
      <c r="AN1836" s="53"/>
      <c r="AO1836" s="53"/>
      <c r="AP1836" s="53"/>
      <c r="AQ1836" s="53"/>
      <c r="AR1836" s="53"/>
      <c r="AS1836" s="53"/>
      <c r="AT1836" s="53"/>
      <c r="AU1836" s="53"/>
      <c r="AV1836" s="53"/>
      <c r="AW1836" s="53"/>
      <c r="AX1836" s="53"/>
      <c r="AY1836" s="53"/>
      <c r="AZ1836" s="53"/>
      <c r="BA1836" s="53"/>
      <c r="BB1836" s="53"/>
      <c r="BC1836" s="53"/>
      <c r="BD1836" s="53"/>
      <c r="BE1836" s="53"/>
      <c r="BF1836" s="53"/>
      <c r="BG1836" s="53"/>
      <c r="BH1836" s="53"/>
      <c r="BI1836" s="53"/>
      <c r="BJ1836" s="53"/>
      <c r="BK1836" s="53"/>
      <c r="BL1836" s="53"/>
      <c r="BM1836" s="53"/>
      <c r="BN1836" s="53"/>
      <c r="BO1836" s="53"/>
      <c r="BP1836" s="53"/>
      <c r="BQ1836" s="53"/>
      <c r="BR1836" s="53"/>
      <c r="BS1836" s="53"/>
      <c r="BT1836" s="53"/>
      <c r="BU1836" s="53"/>
      <c r="BV1836" s="53"/>
      <c r="BW1836" s="53"/>
      <c r="BX1836" s="53"/>
      <c r="BY1836" s="53"/>
      <c r="BZ1836" s="53"/>
      <c r="CA1836" s="53"/>
      <c r="CB1836" s="53"/>
      <c r="CC1836" s="53"/>
      <c r="CD1836" s="53"/>
      <c r="CE1836" s="53"/>
      <c r="CF1836" s="53"/>
      <c r="CG1836" s="53"/>
      <c r="CH1836" s="53"/>
      <c r="CI1836" s="53"/>
      <c r="CJ1836" s="53"/>
      <c r="CK1836" s="53"/>
      <c r="CL1836" s="53"/>
      <c r="CM1836" s="53"/>
      <c r="CN1836" s="53"/>
    </row>
    <row r="1837" spans="1:92">
      <c r="A1837" s="52" t="s">
        <v>700</v>
      </c>
      <c r="B1837" s="53"/>
      <c r="C1837" s="53"/>
      <c r="D1837" s="53"/>
      <c r="E1837" s="53"/>
      <c r="F1837" s="53"/>
      <c r="G1837" s="53"/>
      <c r="H1837" s="53"/>
      <c r="I1837" s="53"/>
      <c r="J1837" s="53"/>
      <c r="K1837" s="53"/>
      <c r="L1837" s="53"/>
      <c r="M1837" s="53"/>
      <c r="N1837" s="53"/>
      <c r="O1837" s="53"/>
      <c r="P1837" s="53"/>
      <c r="Q1837" s="53"/>
      <c r="R1837" s="53"/>
      <c r="S1837" s="53"/>
      <c r="T1837" s="53"/>
      <c r="U1837" s="53"/>
      <c r="V1837" s="53"/>
      <c r="W1837" s="53"/>
      <c r="X1837" s="53"/>
      <c r="Y1837" s="53"/>
      <c r="Z1837" s="53"/>
      <c r="AA1837" s="53"/>
      <c r="AB1837" s="53"/>
      <c r="AC1837" s="53"/>
      <c r="AD1837" s="53"/>
      <c r="AE1837" s="53"/>
      <c r="AF1837" s="53"/>
      <c r="AG1837" s="53"/>
      <c r="AH1837" s="53"/>
      <c r="AI1837" s="53"/>
      <c r="AJ1837" s="53"/>
      <c r="AK1837" s="53"/>
      <c r="AL1837" s="53"/>
      <c r="AM1837" s="53"/>
      <c r="AN1837" s="53"/>
      <c r="AO1837" s="53"/>
      <c r="AP1837" s="53"/>
      <c r="AQ1837" s="53"/>
      <c r="AR1837" s="53"/>
      <c r="AS1837" s="53"/>
      <c r="AT1837" s="53"/>
      <c r="AU1837" s="53"/>
      <c r="AV1837" s="53"/>
      <c r="AW1837" s="53"/>
      <c r="AX1837" s="53"/>
      <c r="AY1837" s="53"/>
      <c r="AZ1837" s="53"/>
      <c r="BA1837" s="53"/>
      <c r="BB1837" s="53"/>
      <c r="BC1837" s="53"/>
      <c r="BD1837" s="53"/>
      <c r="BE1837" s="53"/>
      <c r="BF1837" s="53"/>
      <c r="BG1837" s="53"/>
      <c r="BH1837" s="53"/>
      <c r="BI1837" s="53"/>
      <c r="BJ1837" s="53"/>
      <c r="BK1837" s="53"/>
      <c r="BL1837" s="53"/>
      <c r="BM1837" s="53"/>
      <c r="BN1837" s="53"/>
      <c r="BO1837" s="53"/>
      <c r="BP1837" s="53"/>
      <c r="BQ1837" s="53"/>
      <c r="BR1837" s="53"/>
      <c r="BS1837" s="53"/>
      <c r="BT1837" s="53"/>
      <c r="BU1837" s="53"/>
      <c r="BV1837" s="53"/>
      <c r="BW1837" s="53"/>
      <c r="BX1837" s="53"/>
      <c r="BY1837" s="53"/>
      <c r="BZ1837" s="53"/>
      <c r="CA1837" s="53"/>
      <c r="CB1837" s="53"/>
      <c r="CC1837" s="53"/>
      <c r="CD1837" s="53"/>
      <c r="CE1837" s="53"/>
      <c r="CF1837" s="53"/>
      <c r="CG1837" s="53"/>
      <c r="CH1837" s="53"/>
      <c r="CI1837" s="53"/>
      <c r="CJ1837" s="53"/>
      <c r="CK1837" s="53"/>
      <c r="CL1837" s="53"/>
      <c r="CM1837" s="53"/>
      <c r="CN1837" s="53"/>
    </row>
    <row r="1838" spans="1:92">
      <c r="A1838" s="52" t="s">
        <v>1545</v>
      </c>
      <c r="B1838" s="53"/>
      <c r="C1838" s="53"/>
      <c r="D1838" s="53"/>
      <c r="E1838" s="53"/>
      <c r="F1838" s="53"/>
      <c r="G1838" s="53"/>
      <c r="H1838" s="53"/>
      <c r="I1838" s="53"/>
      <c r="J1838" s="53"/>
      <c r="K1838" s="53"/>
      <c r="L1838" s="53"/>
      <c r="M1838" s="53"/>
      <c r="N1838" s="53"/>
      <c r="O1838" s="53"/>
      <c r="P1838" s="53"/>
      <c r="Q1838" s="53"/>
      <c r="R1838" s="53"/>
      <c r="S1838" s="53"/>
      <c r="T1838" s="53"/>
      <c r="U1838" s="53"/>
      <c r="V1838" s="53"/>
      <c r="W1838" s="53"/>
      <c r="X1838" s="53"/>
      <c r="Y1838" s="53"/>
      <c r="Z1838" s="53"/>
      <c r="AA1838" s="53"/>
      <c r="AB1838" s="53"/>
      <c r="AC1838" s="53"/>
      <c r="AD1838" s="53"/>
      <c r="AE1838" s="53"/>
      <c r="AF1838" s="53"/>
      <c r="AG1838" s="53"/>
      <c r="AH1838" s="53"/>
      <c r="AI1838" s="53"/>
      <c r="AJ1838" s="53"/>
      <c r="AK1838" s="53"/>
      <c r="AL1838" s="53"/>
      <c r="AM1838" s="53"/>
      <c r="AN1838" s="53"/>
      <c r="AO1838" s="53"/>
      <c r="AP1838" s="53"/>
      <c r="AQ1838" s="53"/>
      <c r="AR1838" s="53"/>
      <c r="AS1838" s="53"/>
      <c r="AT1838" s="53"/>
      <c r="AU1838" s="53"/>
      <c r="AV1838" s="53"/>
      <c r="AW1838" s="53"/>
      <c r="AX1838" s="53"/>
      <c r="AY1838" s="53"/>
      <c r="AZ1838" s="53"/>
      <c r="BA1838" s="53"/>
      <c r="BB1838" s="53"/>
      <c r="BC1838" s="53"/>
      <c r="BD1838" s="53"/>
      <c r="BE1838" s="53"/>
      <c r="BF1838" s="53"/>
      <c r="BG1838" s="53"/>
      <c r="BH1838" s="53"/>
      <c r="BI1838" s="53"/>
      <c r="BJ1838" s="53"/>
      <c r="BK1838" s="53"/>
      <c r="BL1838" s="53"/>
      <c r="BM1838" s="53"/>
      <c r="BN1838" s="53"/>
      <c r="BO1838" s="53"/>
      <c r="BP1838" s="53"/>
      <c r="BQ1838" s="53"/>
      <c r="BR1838" s="53"/>
      <c r="BS1838" s="53"/>
      <c r="BT1838" s="53"/>
      <c r="BU1838" s="53"/>
      <c r="BV1838" s="53"/>
      <c r="BW1838" s="53"/>
      <c r="BX1838" s="53"/>
      <c r="BY1838" s="53"/>
      <c r="BZ1838" s="53"/>
      <c r="CA1838" s="53"/>
      <c r="CB1838" s="53"/>
      <c r="CC1838" s="53"/>
      <c r="CD1838" s="53"/>
      <c r="CE1838" s="53"/>
      <c r="CF1838" s="53"/>
      <c r="CG1838" s="53"/>
      <c r="CH1838" s="53"/>
      <c r="CI1838" s="53"/>
      <c r="CJ1838" s="53"/>
      <c r="CK1838" s="53"/>
      <c r="CL1838" s="53"/>
      <c r="CM1838" s="53"/>
      <c r="CN1838" s="53"/>
    </row>
    <row r="1839" spans="1:92">
      <c r="A1839" s="52" t="s">
        <v>649</v>
      </c>
      <c r="B1839" s="53"/>
      <c r="C1839" s="53">
        <v>41299889.189999998</v>
      </c>
      <c r="D1839" s="53">
        <v>-44148894.339999899</v>
      </c>
      <c r="E1839" s="53">
        <v>20009216.609999999</v>
      </c>
      <c r="F1839" s="53">
        <v>25699052.4599999</v>
      </c>
      <c r="G1839" s="53">
        <v>-2588740.4500000002</v>
      </c>
      <c r="H1839" s="53">
        <v>33882161.280000001</v>
      </c>
      <c r="I1839" s="53">
        <v>43328605.619999997</v>
      </c>
      <c r="J1839" s="53">
        <v>-155288185.47999999</v>
      </c>
      <c r="K1839" s="53">
        <v>23355241.239999998</v>
      </c>
      <c r="L1839" s="53">
        <v>-80388057.909999996</v>
      </c>
      <c r="M1839" s="53">
        <v>62971865.200000003</v>
      </c>
      <c r="N1839" s="53">
        <v>-31867846.579999901</v>
      </c>
      <c r="O1839" s="53">
        <v>37865103.3442581</v>
      </c>
      <c r="P1839" s="53">
        <v>1131054.34314039</v>
      </c>
      <c r="Q1839" s="53">
        <v>12492542.1691538</v>
      </c>
      <c r="R1839" s="53">
        <v>17636359.837863602</v>
      </c>
      <c r="S1839" s="53">
        <v>28710720.1790937</v>
      </c>
      <c r="T1839" s="53">
        <v>45304257.125916503</v>
      </c>
      <c r="U1839" s="53">
        <v>34693304.274804801</v>
      </c>
      <c r="V1839" s="53">
        <v>63263407.212860197</v>
      </c>
      <c r="W1839" s="53">
        <v>38595087.7452024</v>
      </c>
      <c r="X1839" s="53">
        <v>22058097.085769299</v>
      </c>
      <c r="Y1839" s="53">
        <v>6094028.8559284704</v>
      </c>
      <c r="Z1839" s="53">
        <v>39508320.432936497</v>
      </c>
      <c r="AA1839" s="53">
        <v>347352282.60692799</v>
      </c>
      <c r="AB1839" s="53">
        <v>44982271.174240403</v>
      </c>
      <c r="AC1839" s="53">
        <v>9418362.4007743094</v>
      </c>
      <c r="AD1839" s="53">
        <v>13245724.0235334</v>
      </c>
      <c r="AE1839" s="53">
        <v>10394165.160293199</v>
      </c>
      <c r="AF1839" s="53">
        <v>21247970.125796601</v>
      </c>
      <c r="AG1839" s="53">
        <v>33075821.331933301</v>
      </c>
      <c r="AH1839" s="53">
        <v>30540579.781497698</v>
      </c>
      <c r="AI1839" s="53">
        <v>57406203.065954998</v>
      </c>
      <c r="AJ1839" s="53">
        <v>29160773.6440151</v>
      </c>
      <c r="AK1839" s="53">
        <v>15476615.286668099</v>
      </c>
      <c r="AL1839" s="53">
        <v>971948.721715705</v>
      </c>
      <c r="AM1839" s="53">
        <v>30526545.963097099</v>
      </c>
      <c r="AN1839" s="53">
        <v>296446980.67952001</v>
      </c>
      <c r="AO1839" s="53">
        <v>23081134.660026401</v>
      </c>
      <c r="AP1839" s="53">
        <v>-9629434.6873962805</v>
      </c>
      <c r="AQ1839" s="53">
        <v>-10426351.203508001</v>
      </c>
      <c r="AR1839" s="53">
        <v>-3150617.7737994599</v>
      </c>
      <c r="AS1839" s="53">
        <v>6595064.8513809098</v>
      </c>
      <c r="AT1839" s="53">
        <v>11735229.152884999</v>
      </c>
      <c r="AU1839" s="53">
        <v>14194670.024472401</v>
      </c>
      <c r="AV1839" s="53">
        <v>37583723.997091196</v>
      </c>
      <c r="AW1839" s="53">
        <v>8845123.8880278897</v>
      </c>
      <c r="AX1839" s="53">
        <v>1511243.7832522599</v>
      </c>
      <c r="AY1839" s="53">
        <v>-11930069.2085458</v>
      </c>
      <c r="AZ1839" s="53">
        <v>10855375.2184547</v>
      </c>
      <c r="BA1839" s="53">
        <v>79265092.702341393</v>
      </c>
      <c r="BB1839" s="53">
        <v>21888624.6300973</v>
      </c>
      <c r="BC1839" s="53">
        <v>-11271275.060912499</v>
      </c>
      <c r="BD1839" s="53">
        <v>-11811370.919035699</v>
      </c>
      <c r="BE1839" s="53">
        <v>-4411511.7456106199</v>
      </c>
      <c r="BF1839" s="53">
        <v>5487238.0334484903</v>
      </c>
      <c r="BG1839" s="53">
        <v>11101190.3164391</v>
      </c>
      <c r="BH1839" s="53">
        <v>13405227.557574</v>
      </c>
      <c r="BI1839" s="53">
        <v>36650837.915797003</v>
      </c>
      <c r="BJ1839" s="53">
        <v>7504037.1464072699</v>
      </c>
      <c r="BK1839" s="53">
        <v>-259710.23477055301</v>
      </c>
      <c r="BL1839" s="53">
        <v>-14246110.8496993</v>
      </c>
      <c r="BM1839" s="53">
        <v>9403895.0006362908</v>
      </c>
      <c r="BN1839" s="53">
        <v>63441071.7903708</v>
      </c>
      <c r="BO1839" s="53">
        <v>20385043.800289001</v>
      </c>
      <c r="BP1839" s="53">
        <v>-12151041.4777027</v>
      </c>
      <c r="BQ1839" s="53">
        <v>-13240165.326444799</v>
      </c>
      <c r="BR1839" s="53">
        <v>-5753306.7389960801</v>
      </c>
      <c r="BS1839" s="53">
        <v>5271776.0118435901</v>
      </c>
      <c r="BT1839" s="53">
        <v>10641418.193526501</v>
      </c>
      <c r="BU1839" s="53">
        <v>13198795.906983299</v>
      </c>
      <c r="BV1839" s="53">
        <v>36556744.077083401</v>
      </c>
      <c r="BW1839" s="53">
        <v>7395982.1966443202</v>
      </c>
      <c r="BX1839" s="53">
        <v>-447742.85660072399</v>
      </c>
      <c r="BY1839" s="53">
        <v>-13521427.961851699</v>
      </c>
      <c r="BZ1839" s="53">
        <v>1784825.4440604199</v>
      </c>
      <c r="CA1839" s="53">
        <v>50120901.268834502</v>
      </c>
      <c r="CB1839" s="53"/>
      <c r="CC1839" s="53"/>
      <c r="CD1839" s="53"/>
      <c r="CE1839" s="53"/>
      <c r="CF1839" s="53"/>
      <c r="CG1839" s="53"/>
      <c r="CH1839" s="53"/>
      <c r="CI1839" s="53"/>
      <c r="CJ1839" s="53"/>
      <c r="CK1839" s="53"/>
      <c r="CL1839" s="53"/>
      <c r="CM1839" s="53"/>
      <c r="CN1839" s="53"/>
    </row>
    <row r="1840" spans="1:92">
      <c r="A1840" s="52" t="s">
        <v>1546</v>
      </c>
      <c r="B1840" s="53">
        <v>-30730077.969999999</v>
      </c>
      <c r="C1840" s="53">
        <v>41299889.289999902</v>
      </c>
      <c r="D1840" s="53">
        <v>664737.65000000095</v>
      </c>
      <c r="E1840" s="53">
        <v>20673954.259999901</v>
      </c>
      <c r="F1840" s="53">
        <v>47763269.219999999</v>
      </c>
      <c r="G1840" s="53">
        <v>45174528.769999899</v>
      </c>
      <c r="H1840" s="53">
        <v>79056690.049999997</v>
      </c>
      <c r="I1840" s="53">
        <v>74595766.859999999</v>
      </c>
      <c r="J1840" s="53">
        <v>455760.38000000903</v>
      </c>
      <c r="K1840" s="53">
        <v>23811001.6199999</v>
      </c>
      <c r="L1840" s="53">
        <v>-65599816.359999999</v>
      </c>
      <c r="M1840" s="53">
        <v>3307689.8399999901</v>
      </c>
      <c r="N1840" s="53">
        <v>3307689.8399999901</v>
      </c>
      <c r="O1840" s="53">
        <v>41172793.184258103</v>
      </c>
      <c r="P1840" s="53">
        <v>42303847.527398497</v>
      </c>
      <c r="Q1840" s="53">
        <v>72212582.4065523</v>
      </c>
      <c r="R1840" s="53">
        <v>89848942.244415998</v>
      </c>
      <c r="S1840" s="53">
        <v>118559662.423509</v>
      </c>
      <c r="T1840" s="53">
        <v>112375219.692873</v>
      </c>
      <c r="U1840" s="53">
        <v>147068523.96767801</v>
      </c>
      <c r="V1840" s="53">
        <v>210331931.18053901</v>
      </c>
      <c r="W1840" s="53">
        <v>157275681.78286701</v>
      </c>
      <c r="X1840" s="53">
        <v>179333778.86863601</v>
      </c>
      <c r="Y1840" s="53">
        <v>185427807.724565</v>
      </c>
      <c r="Z1840" s="53">
        <v>66326231.838864803</v>
      </c>
      <c r="AA1840" s="53">
        <v>66326231.838864803</v>
      </c>
      <c r="AB1840" s="53">
        <v>111308503.01310501</v>
      </c>
      <c r="AC1840" s="53">
        <v>120726865.41387901</v>
      </c>
      <c r="AD1840" s="53">
        <v>88370240.148547903</v>
      </c>
      <c r="AE1840" s="53">
        <v>98764405.308841199</v>
      </c>
      <c r="AF1840" s="53">
        <v>120012375.434637</v>
      </c>
      <c r="AG1840" s="53">
        <v>85441839.168022603</v>
      </c>
      <c r="AH1840" s="53">
        <v>115982418.94952001</v>
      </c>
      <c r="AI1840" s="53">
        <v>173388622.015475</v>
      </c>
      <c r="AJ1840" s="53">
        <v>137831439.04119399</v>
      </c>
      <c r="AK1840" s="53">
        <v>153308054.32786199</v>
      </c>
      <c r="AL1840" s="53">
        <v>154280003.04957801</v>
      </c>
      <c r="AM1840" s="53">
        <v>52222377.233687401</v>
      </c>
      <c r="AN1840" s="53">
        <v>52222377.233687401</v>
      </c>
      <c r="AO1840" s="53">
        <v>75303511.893713802</v>
      </c>
      <c r="AP1840" s="53">
        <v>65674077.206317499</v>
      </c>
      <c r="AQ1840" s="53">
        <v>23749231.211333402</v>
      </c>
      <c r="AR1840" s="53">
        <v>20598613.437534001</v>
      </c>
      <c r="AS1840" s="53">
        <v>27193678.2889149</v>
      </c>
      <c r="AT1840" s="53">
        <v>35903558.197072499</v>
      </c>
      <c r="AU1840" s="53">
        <v>50098228.221545003</v>
      </c>
      <c r="AV1840" s="53">
        <v>87681952.218636304</v>
      </c>
      <c r="AW1840" s="53">
        <v>81347399.432950705</v>
      </c>
      <c r="AX1840" s="53">
        <v>82858643.2162029</v>
      </c>
      <c r="AY1840" s="53">
        <v>70928574.007657006</v>
      </c>
      <c r="AZ1840" s="53">
        <v>19649187.200614601</v>
      </c>
      <c r="BA1840" s="53">
        <v>19649187.200614601</v>
      </c>
      <c r="BB1840" s="53">
        <v>41537811.830711998</v>
      </c>
      <c r="BC1840" s="53">
        <v>30266536.7697994</v>
      </c>
      <c r="BD1840" s="53">
        <v>19529859.759380002</v>
      </c>
      <c r="BE1840" s="53">
        <v>15118348.013769399</v>
      </c>
      <c r="BF1840" s="53">
        <v>20605586.047217902</v>
      </c>
      <c r="BG1840" s="53">
        <v>32900797.699987501</v>
      </c>
      <c r="BH1840" s="53">
        <v>46306025.257561602</v>
      </c>
      <c r="BI1840" s="53">
        <v>82956863.173358694</v>
      </c>
      <c r="BJ1840" s="53">
        <v>78283983.702599496</v>
      </c>
      <c r="BK1840" s="53">
        <v>78024273.4678289</v>
      </c>
      <c r="BL1840" s="53">
        <v>63778162.618129499</v>
      </c>
      <c r="BM1840" s="53">
        <v>15881665.2177471</v>
      </c>
      <c r="BN1840" s="53">
        <v>15881665.2177471</v>
      </c>
      <c r="BO1840" s="53">
        <v>36266709.018036202</v>
      </c>
      <c r="BP1840" s="53">
        <v>24115667.540333401</v>
      </c>
      <c r="BQ1840" s="53">
        <v>15717718.055448901</v>
      </c>
      <c r="BR1840" s="53">
        <v>9964411.3164528497</v>
      </c>
      <c r="BS1840" s="53">
        <v>15236187.328296401</v>
      </c>
      <c r="BT1840" s="53">
        <v>30883768.469647299</v>
      </c>
      <c r="BU1840" s="53">
        <v>44082564.376630597</v>
      </c>
      <c r="BV1840" s="53">
        <v>80639308.453713998</v>
      </c>
      <c r="BW1840" s="53">
        <v>77875402.967832893</v>
      </c>
      <c r="BX1840" s="53">
        <v>77427660.111232206</v>
      </c>
      <c r="BY1840" s="53">
        <v>63906232.149380498</v>
      </c>
      <c r="BZ1840" s="53">
        <v>8987278.1038003601</v>
      </c>
      <c r="CA1840" s="53">
        <v>8987278.1038003601</v>
      </c>
      <c r="CB1840" s="53"/>
      <c r="CC1840" s="53"/>
      <c r="CD1840" s="53"/>
      <c r="CE1840" s="53"/>
      <c r="CF1840" s="53"/>
      <c r="CG1840" s="53"/>
      <c r="CH1840" s="53"/>
      <c r="CI1840" s="53"/>
      <c r="CJ1840" s="53"/>
      <c r="CK1840" s="53"/>
      <c r="CL1840" s="53"/>
      <c r="CM1840" s="53"/>
      <c r="CN1840" s="53"/>
    </row>
    <row r="1841" spans="1:92">
      <c r="A1841" s="52" t="s">
        <v>1218</v>
      </c>
      <c r="B1841" s="53">
        <v>143884.22999999701</v>
      </c>
      <c r="C1841" s="53">
        <v>-8363456.5999999996</v>
      </c>
      <c r="D1841" s="53"/>
      <c r="E1841" s="53">
        <v>184230.37</v>
      </c>
      <c r="F1841" s="53">
        <v>184230.37</v>
      </c>
      <c r="G1841" s="53"/>
      <c r="H1841" s="53">
        <v>9639130.8799999896</v>
      </c>
      <c r="I1841" s="53">
        <v>9639130.8799999896</v>
      </c>
      <c r="J1841" s="53"/>
      <c r="K1841" s="53">
        <v>126312.56999999699</v>
      </c>
      <c r="L1841" s="53">
        <v>126312.56999999699</v>
      </c>
      <c r="M1841" s="53">
        <v>-20597277.309999999</v>
      </c>
      <c r="N1841" s="53">
        <v>143884.22999999701</v>
      </c>
      <c r="O1841" s="53">
        <v>916719.75000000105</v>
      </c>
      <c r="P1841" s="53">
        <v>10427252.555979799</v>
      </c>
      <c r="Q1841" s="53">
        <v>9757020.9625569191</v>
      </c>
      <c r="R1841" s="53">
        <v>11318882.0677645</v>
      </c>
      <c r="S1841" s="53">
        <v>-5892824.64721533</v>
      </c>
      <c r="T1841" s="53">
        <v>1080590.12357153</v>
      </c>
      <c r="U1841" s="53">
        <v>-8463017.0658709295</v>
      </c>
      <c r="V1841" s="53">
        <v>168458.30085503199</v>
      </c>
      <c r="W1841" s="53">
        <v>16718077.5909523</v>
      </c>
      <c r="X1841" s="53">
        <v>5315038.2224256098</v>
      </c>
      <c r="Y1841" s="53">
        <v>10444692.4987159</v>
      </c>
      <c r="Z1841" s="53">
        <v>11149938.850384099</v>
      </c>
      <c r="AA1841" s="53">
        <v>916719.75000000105</v>
      </c>
      <c r="AB1841" s="53">
        <v>-7.2759576141834201E-9</v>
      </c>
      <c r="AC1841" s="53">
        <v>11803200.673573799</v>
      </c>
      <c r="AD1841" s="53">
        <v>13749938.850092201</v>
      </c>
      <c r="AE1841" s="53">
        <v>16757422.2483378</v>
      </c>
      <c r="AF1841" s="53">
        <v>425311.28746932099</v>
      </c>
      <c r="AG1841" s="53">
        <v>5650600.3577959295</v>
      </c>
      <c r="AH1841" s="53">
        <v>-4395337.3128725598</v>
      </c>
      <c r="AI1841" s="53">
        <v>3405378.9736977201</v>
      </c>
      <c r="AJ1841" s="53">
        <v>18651846.233536601</v>
      </c>
      <c r="AK1841" s="53">
        <v>7520861.3326564496</v>
      </c>
      <c r="AL1841" s="53">
        <v>11146631.5511207</v>
      </c>
      <c r="AM1841" s="53">
        <v>10752463.946091101</v>
      </c>
      <c r="AN1841" s="53">
        <v>-7.2759576141834201E-9</v>
      </c>
      <c r="AO1841" s="53">
        <v>-2.3646862246096101E-8</v>
      </c>
      <c r="AP1841" s="53">
        <v>6293279.4317911305</v>
      </c>
      <c r="AQ1841" s="53">
        <v>3520893.38558657</v>
      </c>
      <c r="AR1841" s="53">
        <v>527643.60349818703</v>
      </c>
      <c r="AS1841" s="53">
        <v>-5630365.0355526796</v>
      </c>
      <c r="AT1841" s="53">
        <v>-3906165.1677600401</v>
      </c>
      <c r="AU1841" s="53">
        <v>-5938592.64799181</v>
      </c>
      <c r="AV1841" s="53">
        <v>-2108178.1945602898</v>
      </c>
      <c r="AW1841" s="53">
        <v>8204463.36138588</v>
      </c>
      <c r="AX1841" s="53">
        <v>5371049.2872153502</v>
      </c>
      <c r="AY1841" s="53">
        <v>5686278.8413417004</v>
      </c>
      <c r="AZ1841" s="53">
        <v>2276276.7776857498</v>
      </c>
      <c r="BA1841" s="53">
        <v>-2.3646862246096101E-8</v>
      </c>
      <c r="BB1841" s="53">
        <v>-2.4556356947869E-8</v>
      </c>
      <c r="BC1841" s="53">
        <v>6028590.8329193797</v>
      </c>
      <c r="BD1841" s="53">
        <v>2866985.2284210501</v>
      </c>
      <c r="BE1841" s="53">
        <v>-444306.80690000497</v>
      </c>
      <c r="BF1841" s="53">
        <v>-5986997.0366184805</v>
      </c>
      <c r="BG1841" s="53">
        <v>-4504015.9936496299</v>
      </c>
      <c r="BH1841" s="53">
        <v>-5747393.4825631902</v>
      </c>
      <c r="BI1841" s="53">
        <v>-2069958.30088481</v>
      </c>
      <c r="BJ1841" s="53">
        <v>8049948.8873557402</v>
      </c>
      <c r="BK1841" s="53">
        <v>5809627.9650748298</v>
      </c>
      <c r="BL1841" s="53">
        <v>5699854.3859623</v>
      </c>
      <c r="BM1841" s="53">
        <v>1713779.3010745901</v>
      </c>
      <c r="BN1841" s="53">
        <v>-2.4556356947869E-8</v>
      </c>
      <c r="BO1841" s="53">
        <v>-2.13731254916638E-8</v>
      </c>
      <c r="BP1841" s="53">
        <v>5649672.0031035198</v>
      </c>
      <c r="BQ1841" s="53">
        <v>2282036.4209737498</v>
      </c>
      <c r="BR1841" s="53">
        <v>-1387447.5445312399</v>
      </c>
      <c r="BS1841" s="53">
        <v>-5407351.7606253102</v>
      </c>
      <c r="BT1841" s="53">
        <v>-3946290.12972887</v>
      </c>
      <c r="BU1841" s="53">
        <v>-3422430.8220701301</v>
      </c>
      <c r="BV1841" s="53">
        <v>235587.69586426101</v>
      </c>
      <c r="BW1841" s="53">
        <v>10367212.408585699</v>
      </c>
      <c r="BX1841" s="53">
        <v>9991605.9574714191</v>
      </c>
      <c r="BY1841" s="53">
        <v>9867514.9667279609</v>
      </c>
      <c r="BZ1841" s="53">
        <v>6120079.6535415398</v>
      </c>
      <c r="CA1841" s="53">
        <v>-2.13731254916638E-8</v>
      </c>
      <c r="CB1841" s="53"/>
      <c r="CC1841" s="53"/>
      <c r="CD1841" s="53"/>
      <c r="CE1841" s="53"/>
      <c r="CF1841" s="53"/>
      <c r="CG1841" s="53"/>
      <c r="CH1841" s="53"/>
      <c r="CI1841" s="53"/>
      <c r="CJ1841" s="53"/>
      <c r="CK1841" s="53"/>
      <c r="CL1841" s="53"/>
      <c r="CM1841" s="53"/>
      <c r="CN1841" s="53"/>
    </row>
    <row r="1842" spans="1:92">
      <c r="A1842" s="52" t="s">
        <v>699</v>
      </c>
      <c r="B1842" s="53"/>
      <c r="C1842" s="53"/>
      <c r="D1842" s="53"/>
      <c r="E1842" s="53"/>
      <c r="F1842" s="53"/>
      <c r="G1842" s="53"/>
      <c r="H1842" s="53"/>
      <c r="I1842" s="53"/>
      <c r="J1842" s="53"/>
      <c r="K1842" s="53"/>
      <c r="L1842" s="53"/>
      <c r="M1842" s="53"/>
      <c r="N1842" s="53"/>
      <c r="O1842" s="53"/>
      <c r="P1842" s="53"/>
      <c r="Q1842" s="53"/>
      <c r="R1842" s="53"/>
      <c r="S1842" s="53"/>
      <c r="T1842" s="53"/>
      <c r="U1842" s="53"/>
      <c r="V1842" s="53"/>
      <c r="W1842" s="53"/>
      <c r="X1842" s="53"/>
      <c r="Y1842" s="53"/>
      <c r="Z1842" s="53"/>
      <c r="AA1842" s="53"/>
      <c r="AB1842" s="53"/>
      <c r="AC1842" s="53"/>
      <c r="AD1842" s="53"/>
      <c r="AE1842" s="53"/>
      <c r="AF1842" s="53"/>
      <c r="AG1842" s="53"/>
      <c r="AH1842" s="53"/>
      <c r="AI1842" s="53"/>
      <c r="AJ1842" s="53"/>
      <c r="AK1842" s="53"/>
      <c r="AL1842" s="53"/>
      <c r="AM1842" s="53"/>
      <c r="AN1842" s="53"/>
      <c r="AO1842" s="53"/>
      <c r="AP1842" s="53"/>
      <c r="AQ1842" s="53"/>
      <c r="AR1842" s="53"/>
      <c r="AS1842" s="53"/>
      <c r="AT1842" s="53"/>
      <c r="AU1842" s="53"/>
      <c r="AV1842" s="53"/>
      <c r="AW1842" s="53"/>
      <c r="AX1842" s="53"/>
      <c r="AY1842" s="53"/>
      <c r="AZ1842" s="53"/>
      <c r="BA1842" s="53"/>
      <c r="BB1842" s="53"/>
      <c r="BC1842" s="53"/>
      <c r="BD1842" s="53"/>
      <c r="BE1842" s="53"/>
      <c r="BF1842" s="53"/>
      <c r="BG1842" s="53"/>
      <c r="BH1842" s="53"/>
      <c r="BI1842" s="53"/>
      <c r="BJ1842" s="53"/>
      <c r="BK1842" s="53"/>
      <c r="BL1842" s="53"/>
      <c r="BM1842" s="53"/>
      <c r="BN1842" s="53"/>
      <c r="BO1842" s="53"/>
      <c r="BP1842" s="53"/>
      <c r="BQ1842" s="53"/>
      <c r="BR1842" s="53"/>
      <c r="BS1842" s="53"/>
      <c r="BT1842" s="53"/>
      <c r="BU1842" s="53"/>
      <c r="BV1842" s="53"/>
      <c r="BW1842" s="53"/>
      <c r="BX1842" s="53"/>
      <c r="BY1842" s="53"/>
      <c r="BZ1842" s="53"/>
      <c r="CA1842" s="53"/>
      <c r="CB1842" s="53"/>
      <c r="CC1842" s="53"/>
      <c r="CD1842" s="53"/>
      <c r="CE1842" s="53"/>
      <c r="CF1842" s="53"/>
      <c r="CG1842" s="53"/>
      <c r="CH1842" s="53"/>
      <c r="CI1842" s="53"/>
      <c r="CJ1842" s="53"/>
      <c r="CK1842" s="53"/>
      <c r="CL1842" s="53"/>
      <c r="CM1842" s="53"/>
      <c r="CN1842" s="53"/>
    </row>
    <row r="1843" spans="1:92">
      <c r="A1843" s="52" t="s">
        <v>703</v>
      </c>
      <c r="B1843" s="53"/>
      <c r="C1843" s="53"/>
      <c r="D1843" s="53"/>
      <c r="E1843" s="53"/>
      <c r="F1843" s="53"/>
      <c r="G1843" s="53"/>
      <c r="H1843" s="53"/>
      <c r="I1843" s="53"/>
      <c r="J1843" s="53"/>
      <c r="K1843" s="53"/>
      <c r="L1843" s="53"/>
      <c r="M1843" s="53"/>
      <c r="N1843" s="53"/>
      <c r="O1843" s="53"/>
      <c r="P1843" s="53"/>
      <c r="Q1843" s="53"/>
      <c r="R1843" s="53"/>
      <c r="S1843" s="53"/>
      <c r="T1843" s="53"/>
      <c r="U1843" s="53"/>
      <c r="V1843" s="53"/>
      <c r="W1843" s="53"/>
      <c r="X1843" s="53"/>
      <c r="Y1843" s="53"/>
      <c r="Z1843" s="53"/>
      <c r="AA1843" s="53"/>
      <c r="AB1843" s="53"/>
      <c r="AC1843" s="53"/>
      <c r="AD1843" s="53"/>
      <c r="AE1843" s="53"/>
      <c r="AF1843" s="53"/>
      <c r="AG1843" s="53"/>
      <c r="AH1843" s="53"/>
      <c r="AI1843" s="53"/>
      <c r="AJ1843" s="53"/>
      <c r="AK1843" s="53"/>
      <c r="AL1843" s="53"/>
      <c r="AM1843" s="53"/>
      <c r="AN1843" s="53"/>
      <c r="AO1843" s="53"/>
      <c r="AP1843" s="53"/>
      <c r="AQ1843" s="53"/>
      <c r="AR1843" s="53"/>
      <c r="AS1843" s="53"/>
      <c r="AT1843" s="53"/>
      <c r="AU1843" s="53"/>
      <c r="AV1843" s="53"/>
      <c r="AW1843" s="53"/>
      <c r="AX1843" s="53"/>
      <c r="AY1843" s="53"/>
      <c r="AZ1843" s="53"/>
      <c r="BA1843" s="53"/>
      <c r="BB1843" s="53"/>
      <c r="BC1843" s="53"/>
      <c r="BD1843" s="53"/>
      <c r="BE1843" s="53"/>
      <c r="BF1843" s="53"/>
      <c r="BG1843" s="53"/>
      <c r="BH1843" s="53"/>
      <c r="BI1843" s="53"/>
      <c r="BJ1843" s="53"/>
      <c r="BK1843" s="53"/>
      <c r="BL1843" s="53"/>
      <c r="BM1843" s="53"/>
      <c r="BN1843" s="53"/>
      <c r="BO1843" s="53"/>
      <c r="BP1843" s="53"/>
      <c r="BQ1843" s="53"/>
      <c r="BR1843" s="53"/>
      <c r="BS1843" s="53"/>
      <c r="BT1843" s="53"/>
      <c r="BU1843" s="53"/>
      <c r="BV1843" s="53"/>
      <c r="BW1843" s="53"/>
      <c r="BX1843" s="53"/>
      <c r="BY1843" s="53"/>
      <c r="BZ1843" s="53"/>
      <c r="CA1843" s="53"/>
      <c r="CB1843" s="53"/>
      <c r="CC1843" s="53"/>
      <c r="CD1843" s="53"/>
      <c r="CE1843" s="53"/>
      <c r="CF1843" s="53"/>
      <c r="CG1843" s="53"/>
      <c r="CH1843" s="53"/>
      <c r="CI1843" s="53"/>
      <c r="CJ1843" s="53"/>
      <c r="CK1843" s="53"/>
      <c r="CL1843" s="53"/>
      <c r="CM1843" s="53"/>
      <c r="CN1843" s="53"/>
    </row>
    <row r="1844" spans="1:92">
      <c r="A1844" s="52" t="s">
        <v>1547</v>
      </c>
      <c r="B1844" s="53"/>
      <c r="C1844" s="53"/>
      <c r="D1844" s="53"/>
      <c r="E1844" s="53"/>
      <c r="F1844" s="53"/>
      <c r="G1844" s="53"/>
      <c r="H1844" s="53"/>
      <c r="I1844" s="53"/>
      <c r="J1844" s="53"/>
      <c r="K1844" s="53"/>
      <c r="L1844" s="53"/>
      <c r="M1844" s="53"/>
      <c r="N1844" s="53"/>
      <c r="O1844" s="53"/>
      <c r="P1844" s="53"/>
      <c r="Q1844" s="53"/>
      <c r="R1844" s="53"/>
      <c r="S1844" s="53"/>
      <c r="T1844" s="53"/>
      <c r="U1844" s="53"/>
      <c r="V1844" s="53"/>
      <c r="W1844" s="53"/>
      <c r="X1844" s="53"/>
      <c r="Y1844" s="53"/>
      <c r="Z1844" s="53"/>
      <c r="AA1844" s="53"/>
      <c r="AB1844" s="53"/>
      <c r="AC1844" s="53"/>
      <c r="AD1844" s="53"/>
      <c r="AE1844" s="53"/>
      <c r="AF1844" s="53"/>
      <c r="AG1844" s="53"/>
      <c r="AH1844" s="53"/>
      <c r="AI1844" s="53"/>
      <c r="AJ1844" s="53"/>
      <c r="AK1844" s="53"/>
      <c r="AL1844" s="53"/>
      <c r="AM1844" s="53"/>
      <c r="AN1844" s="53"/>
      <c r="AO1844" s="53"/>
      <c r="AP1844" s="53"/>
      <c r="AQ1844" s="53"/>
      <c r="AR1844" s="53"/>
      <c r="AS1844" s="53"/>
      <c r="AT1844" s="53"/>
      <c r="AU1844" s="53"/>
      <c r="AV1844" s="53"/>
      <c r="AW1844" s="53"/>
      <c r="AX1844" s="53"/>
      <c r="AY1844" s="53"/>
      <c r="AZ1844" s="53"/>
      <c r="BA1844" s="53"/>
      <c r="BB1844" s="53"/>
      <c r="BC1844" s="53"/>
      <c r="BD1844" s="53"/>
      <c r="BE1844" s="53"/>
      <c r="BF1844" s="53"/>
      <c r="BG1844" s="53"/>
      <c r="BH1844" s="53"/>
      <c r="BI1844" s="53"/>
      <c r="BJ1844" s="53"/>
      <c r="BK1844" s="53"/>
      <c r="BL1844" s="53"/>
      <c r="BM1844" s="53"/>
      <c r="BN1844" s="53"/>
      <c r="BO1844" s="53"/>
      <c r="BP1844" s="53"/>
      <c r="BQ1844" s="53"/>
      <c r="BR1844" s="53"/>
      <c r="BS1844" s="53"/>
      <c r="BT1844" s="53"/>
      <c r="BU1844" s="53"/>
      <c r="BV1844" s="53"/>
      <c r="BW1844" s="53"/>
      <c r="BX1844" s="53"/>
      <c r="BY1844" s="53"/>
      <c r="BZ1844" s="53"/>
      <c r="CA1844" s="53"/>
      <c r="CB1844" s="53"/>
      <c r="CC1844" s="53"/>
      <c r="CD1844" s="53"/>
      <c r="CE1844" s="53"/>
      <c r="CF1844" s="53"/>
      <c r="CG1844" s="53"/>
      <c r="CH1844" s="53"/>
      <c r="CI1844" s="53"/>
      <c r="CJ1844" s="53"/>
      <c r="CK1844" s="53"/>
      <c r="CL1844" s="53"/>
      <c r="CM1844" s="53"/>
      <c r="CN1844" s="53"/>
    </row>
    <row r="1845" spans="1:92">
      <c r="A1845" s="52" t="s">
        <v>705</v>
      </c>
      <c r="B1845" s="53"/>
      <c r="C1845" s="53"/>
      <c r="D1845" s="53"/>
      <c r="E1845" s="53"/>
      <c r="F1845" s="53"/>
      <c r="G1845" s="53"/>
      <c r="H1845" s="53"/>
      <c r="I1845" s="53"/>
      <c r="J1845" s="53"/>
      <c r="K1845" s="53"/>
      <c r="L1845" s="53"/>
      <c r="M1845" s="53"/>
      <c r="N1845" s="53"/>
      <c r="O1845" s="53"/>
      <c r="P1845" s="53"/>
      <c r="Q1845" s="53"/>
      <c r="R1845" s="53">
        <v>-21115885.815483801</v>
      </c>
      <c r="S1845" s="53"/>
      <c r="T1845" s="53">
        <v>-21115885.815483801</v>
      </c>
      <c r="U1845" s="53"/>
      <c r="V1845" s="53"/>
      <c r="W1845" s="53">
        <v>-21115885.815483801</v>
      </c>
      <c r="X1845" s="53"/>
      <c r="Y1845" s="53"/>
      <c r="Z1845" s="53">
        <v>-21115885.8154837</v>
      </c>
      <c r="AA1845" s="53">
        <v>-84463543.261935204</v>
      </c>
      <c r="AB1845" s="53"/>
      <c r="AC1845" s="53"/>
      <c r="AD1845" s="53"/>
      <c r="AE1845" s="53">
        <v>-18549290.819289401</v>
      </c>
      <c r="AF1845" s="53"/>
      <c r="AG1845" s="53">
        <v>-18549290.819289401</v>
      </c>
      <c r="AH1845" s="53"/>
      <c r="AI1845" s="53"/>
      <c r="AJ1845" s="53">
        <v>-18549290.819289401</v>
      </c>
      <c r="AK1845" s="53"/>
      <c r="AL1845" s="53"/>
      <c r="AM1845" s="53">
        <v>-18549290.789416101</v>
      </c>
      <c r="AN1845" s="53">
        <v>-74197163.247284502</v>
      </c>
      <c r="AO1845" s="53"/>
      <c r="AP1845" s="53"/>
      <c r="AQ1845" s="53"/>
      <c r="AR1845" s="53">
        <v>-5181213.0702855801</v>
      </c>
      <c r="AS1845" s="53"/>
      <c r="AT1845" s="53">
        <v>-5181213.0702855801</v>
      </c>
      <c r="AU1845" s="53"/>
      <c r="AV1845" s="53"/>
      <c r="AW1845" s="53">
        <v>-5181213.0702855801</v>
      </c>
      <c r="AX1845" s="53"/>
      <c r="AY1845" s="53"/>
      <c r="AZ1845" s="53">
        <v>-5181212.70085287</v>
      </c>
      <c r="BA1845" s="53">
        <v>-20724851.911709599</v>
      </c>
      <c r="BB1845" s="53"/>
      <c r="BC1845" s="53"/>
      <c r="BD1845" s="53"/>
      <c r="BE1845" s="53">
        <v>-4282253.5964552602</v>
      </c>
      <c r="BF1845" s="53"/>
      <c r="BG1845" s="53">
        <v>-4282253.5964552602</v>
      </c>
      <c r="BH1845" s="53"/>
      <c r="BI1845" s="53"/>
      <c r="BJ1845" s="53">
        <v>-4282253.5964552602</v>
      </c>
      <c r="BK1845" s="53"/>
      <c r="BL1845" s="53"/>
      <c r="BM1845" s="53">
        <v>-4282253.5826190598</v>
      </c>
      <c r="BN1845" s="53">
        <v>-17129014.371984798</v>
      </c>
      <c r="BO1845" s="53"/>
      <c r="BP1845" s="53"/>
      <c r="BQ1845" s="53"/>
      <c r="BR1845" s="53">
        <v>-2425387.3572138199</v>
      </c>
      <c r="BS1845" s="53"/>
      <c r="BT1845" s="53">
        <v>-2425387.3572138199</v>
      </c>
      <c r="BU1845" s="53"/>
      <c r="BV1845" s="53"/>
      <c r="BW1845" s="53">
        <v>-2425387.3572138199</v>
      </c>
      <c r="BX1845" s="53"/>
      <c r="BY1845" s="53"/>
      <c r="BZ1845" s="53">
        <v>-2425387.0805535698</v>
      </c>
      <c r="CA1845" s="53">
        <v>-9701549.1521950494</v>
      </c>
      <c r="CB1845" s="53"/>
      <c r="CC1845" s="53"/>
      <c r="CD1845" s="53"/>
      <c r="CE1845" s="53"/>
      <c r="CF1845" s="53"/>
      <c r="CG1845" s="53"/>
      <c r="CH1845" s="53"/>
      <c r="CI1845" s="53"/>
      <c r="CJ1845" s="53"/>
      <c r="CK1845" s="53"/>
      <c r="CL1845" s="53"/>
      <c r="CM1845" s="53"/>
      <c r="CN1845" s="53"/>
    </row>
    <row r="1846" spans="1:92">
      <c r="A1846" s="52" t="s">
        <v>1548</v>
      </c>
      <c r="B1846" s="53"/>
      <c r="C1846" s="53"/>
      <c r="D1846" s="53"/>
      <c r="E1846" s="53"/>
      <c r="F1846" s="53"/>
      <c r="G1846" s="53"/>
      <c r="H1846" s="53"/>
      <c r="I1846" s="53"/>
      <c r="J1846" s="53"/>
      <c r="K1846" s="53"/>
      <c r="L1846" s="53"/>
      <c r="M1846" s="53"/>
      <c r="N1846" s="53"/>
      <c r="O1846" s="53"/>
      <c r="P1846" s="53"/>
      <c r="Q1846" s="53"/>
      <c r="R1846" s="53"/>
      <c r="S1846" s="53"/>
      <c r="T1846" s="53"/>
      <c r="U1846" s="53"/>
      <c r="V1846" s="53"/>
      <c r="W1846" s="53"/>
      <c r="X1846" s="53"/>
      <c r="Y1846" s="53"/>
      <c r="Z1846" s="53"/>
      <c r="AA1846" s="53"/>
      <c r="AB1846" s="53"/>
      <c r="AC1846" s="53"/>
      <c r="AD1846" s="53"/>
      <c r="AE1846" s="53"/>
      <c r="AF1846" s="53"/>
      <c r="AG1846" s="53"/>
      <c r="AH1846" s="53"/>
      <c r="AI1846" s="53"/>
      <c r="AJ1846" s="53"/>
      <c r="AK1846" s="53"/>
      <c r="AL1846" s="53"/>
      <c r="AM1846" s="53"/>
      <c r="AN1846" s="53"/>
      <c r="AO1846" s="53"/>
      <c r="AP1846" s="53"/>
      <c r="AQ1846" s="53"/>
      <c r="AR1846" s="53"/>
      <c r="AS1846" s="53"/>
      <c r="AT1846" s="53"/>
      <c r="AU1846" s="53"/>
      <c r="AV1846" s="53"/>
      <c r="AW1846" s="53"/>
      <c r="AX1846" s="53"/>
      <c r="AY1846" s="53"/>
      <c r="AZ1846" s="53"/>
      <c r="BA1846" s="53"/>
      <c r="BB1846" s="53"/>
      <c r="BC1846" s="53"/>
      <c r="BD1846" s="53"/>
      <c r="BE1846" s="53"/>
      <c r="BF1846" s="53"/>
      <c r="BG1846" s="53"/>
      <c r="BH1846" s="53"/>
      <c r="BI1846" s="53"/>
      <c r="BJ1846" s="53"/>
      <c r="BK1846" s="53"/>
      <c r="BL1846" s="53"/>
      <c r="BM1846" s="53"/>
      <c r="BN1846" s="53"/>
      <c r="BO1846" s="53"/>
      <c r="BP1846" s="53"/>
      <c r="BQ1846" s="53"/>
      <c r="BR1846" s="53"/>
      <c r="BS1846" s="53"/>
      <c r="BT1846" s="53"/>
      <c r="BU1846" s="53"/>
      <c r="BV1846" s="53"/>
      <c r="BW1846" s="53"/>
      <c r="BX1846" s="53"/>
      <c r="BY1846" s="53"/>
      <c r="BZ1846" s="53"/>
      <c r="CA1846" s="53"/>
      <c r="CB1846" s="53"/>
      <c r="CC1846" s="53"/>
      <c r="CD1846" s="53"/>
      <c r="CE1846" s="53"/>
      <c r="CF1846" s="53"/>
      <c r="CG1846" s="53"/>
      <c r="CH1846" s="53"/>
      <c r="CI1846" s="53"/>
      <c r="CJ1846" s="53"/>
      <c r="CK1846" s="53"/>
      <c r="CL1846" s="53"/>
      <c r="CM1846" s="53"/>
      <c r="CN1846" s="53"/>
    </row>
    <row r="1847" spans="1:92">
      <c r="A1847" s="52" t="s">
        <v>1549</v>
      </c>
      <c r="B1847" s="53"/>
      <c r="C1847" s="53"/>
      <c r="D1847" s="53"/>
      <c r="E1847" s="53"/>
      <c r="F1847" s="53"/>
      <c r="G1847" s="53"/>
      <c r="H1847" s="53"/>
      <c r="I1847" s="53"/>
      <c r="J1847" s="53"/>
      <c r="K1847" s="53"/>
      <c r="L1847" s="53"/>
      <c r="M1847" s="53"/>
      <c r="N1847" s="53"/>
      <c r="O1847" s="53"/>
      <c r="P1847" s="53"/>
      <c r="Q1847" s="53"/>
      <c r="R1847" s="53"/>
      <c r="S1847" s="53"/>
      <c r="T1847" s="53"/>
      <c r="U1847" s="53"/>
      <c r="V1847" s="53"/>
      <c r="W1847" s="53"/>
      <c r="X1847" s="53"/>
      <c r="Y1847" s="53"/>
      <c r="Z1847" s="53"/>
      <c r="AA1847" s="53"/>
      <c r="AB1847" s="53"/>
      <c r="AC1847" s="53"/>
      <c r="AD1847" s="53"/>
      <c r="AE1847" s="53"/>
      <c r="AF1847" s="53"/>
      <c r="AG1847" s="53"/>
      <c r="AH1847" s="53"/>
      <c r="AI1847" s="53"/>
      <c r="AJ1847" s="53"/>
      <c r="AK1847" s="53"/>
      <c r="AL1847" s="53"/>
      <c r="AM1847" s="53"/>
      <c r="AN1847" s="53"/>
      <c r="AO1847" s="53"/>
      <c r="AP1847" s="53"/>
      <c r="AQ1847" s="53"/>
      <c r="AR1847" s="53"/>
      <c r="AS1847" s="53"/>
      <c r="AT1847" s="53"/>
      <c r="AU1847" s="53"/>
      <c r="AV1847" s="53"/>
      <c r="AW1847" s="53"/>
      <c r="AX1847" s="53"/>
      <c r="AY1847" s="53"/>
      <c r="AZ1847" s="53"/>
      <c r="BA1847" s="53"/>
      <c r="BB1847" s="53"/>
      <c r="BC1847" s="53"/>
      <c r="BD1847" s="53"/>
      <c r="BE1847" s="53"/>
      <c r="BF1847" s="53"/>
      <c r="BG1847" s="53"/>
      <c r="BH1847" s="53"/>
      <c r="BI1847" s="53"/>
      <c r="BJ1847" s="53"/>
      <c r="BK1847" s="53"/>
      <c r="BL1847" s="53"/>
      <c r="BM1847" s="53"/>
      <c r="BN1847" s="53"/>
      <c r="BO1847" s="53"/>
      <c r="BP1847" s="53"/>
      <c r="BQ1847" s="53"/>
      <c r="BR1847" s="53"/>
      <c r="BS1847" s="53"/>
      <c r="BT1847" s="53"/>
      <c r="BU1847" s="53"/>
      <c r="BV1847" s="53"/>
      <c r="BW1847" s="53"/>
      <c r="BX1847" s="53"/>
      <c r="BY1847" s="53"/>
      <c r="BZ1847" s="53"/>
      <c r="CA1847" s="53"/>
      <c r="CB1847" s="53">
        <v>621321848.00399995</v>
      </c>
      <c r="CC1847" s="53">
        <v>621321848.00399995</v>
      </c>
      <c r="CD1847" s="53">
        <v>621321848.00399995</v>
      </c>
      <c r="CE1847" s="53">
        <v>621321848.00399995</v>
      </c>
      <c r="CF1847" s="53">
        <v>621321848.00399995</v>
      </c>
      <c r="CG1847" s="53">
        <v>621321848.00399995</v>
      </c>
      <c r="CH1847" s="53">
        <v>621321848.00399995</v>
      </c>
      <c r="CI1847" s="53">
        <v>621321848.00399995</v>
      </c>
      <c r="CJ1847" s="53">
        <v>621321848.00399995</v>
      </c>
      <c r="CK1847" s="53">
        <v>621321848.00399995</v>
      </c>
      <c r="CL1847" s="53">
        <v>621321848.00399995</v>
      </c>
      <c r="CM1847" s="53">
        <v>621321848.00399995</v>
      </c>
      <c r="CN1847" s="53">
        <v>621321848.00399995</v>
      </c>
    </row>
    <row r="1848" spans="1:92" outlineLevel="1">
      <c r="A1848" s="52" t="s">
        <v>649</v>
      </c>
      <c r="B1848" s="53"/>
      <c r="C1848" s="53"/>
      <c r="D1848" s="53"/>
      <c r="E1848" s="53"/>
      <c r="F1848" s="53"/>
      <c r="G1848" s="53"/>
      <c r="H1848" s="53"/>
      <c r="I1848" s="53"/>
      <c r="J1848" s="53"/>
      <c r="K1848" s="53"/>
      <c r="L1848" s="53"/>
      <c r="M1848" s="53"/>
      <c r="N1848" s="53"/>
      <c r="O1848" s="53"/>
      <c r="P1848" s="53"/>
      <c r="Q1848" s="53">
        <v>-916719.75000000105</v>
      </c>
      <c r="R1848" s="53"/>
      <c r="S1848" s="53"/>
      <c r="T1848" s="53"/>
      <c r="U1848" s="53"/>
      <c r="V1848" s="53"/>
      <c r="W1848" s="53"/>
      <c r="X1848" s="53"/>
      <c r="Y1848" s="53"/>
      <c r="Z1848" s="53"/>
      <c r="AA1848" s="53">
        <v>-916719.75000000105</v>
      </c>
      <c r="AB1848" s="53"/>
      <c r="AC1848" s="53"/>
      <c r="AD1848" s="53"/>
      <c r="AE1848" s="53"/>
      <c r="AF1848" s="53"/>
      <c r="AG1848" s="53"/>
      <c r="AH1848" s="53"/>
      <c r="AI1848" s="53"/>
      <c r="AJ1848" s="53"/>
      <c r="AK1848" s="53"/>
      <c r="AL1848" s="53"/>
      <c r="AM1848" s="53"/>
      <c r="AN1848" s="53"/>
      <c r="AO1848" s="53"/>
      <c r="AP1848" s="53"/>
      <c r="AQ1848" s="53"/>
      <c r="AR1848" s="53"/>
      <c r="AS1848" s="53"/>
      <c r="AT1848" s="53"/>
      <c r="AU1848" s="53"/>
      <c r="AV1848" s="53"/>
      <c r="AW1848" s="53"/>
      <c r="AX1848" s="53"/>
      <c r="AY1848" s="53"/>
      <c r="AZ1848" s="53"/>
      <c r="BA1848" s="53"/>
      <c r="BB1848" s="53"/>
      <c r="BC1848" s="53"/>
      <c r="BD1848" s="53"/>
      <c r="BE1848" s="53"/>
      <c r="BF1848" s="53"/>
      <c r="BG1848" s="53"/>
      <c r="BH1848" s="53"/>
      <c r="BI1848" s="53"/>
      <c r="BJ1848" s="53"/>
      <c r="BK1848" s="53"/>
      <c r="BL1848" s="53"/>
      <c r="BM1848" s="53"/>
      <c r="BN1848" s="53"/>
      <c r="BO1848" s="53"/>
      <c r="BP1848" s="53"/>
      <c r="BQ1848" s="53"/>
      <c r="BR1848" s="53"/>
      <c r="BS1848" s="53"/>
      <c r="BT1848" s="53"/>
      <c r="BU1848" s="53"/>
      <c r="BV1848" s="53"/>
      <c r="BW1848" s="53"/>
      <c r="BX1848" s="53"/>
      <c r="BY1848" s="53"/>
      <c r="BZ1848" s="53"/>
      <c r="CA1848" s="53"/>
      <c r="CB1848" s="53">
        <v>23679454.899999999</v>
      </c>
      <c r="CC1848" s="53">
        <v>23679454.899999999</v>
      </c>
      <c r="CD1848" s="53">
        <v>23679454.899999999</v>
      </c>
      <c r="CE1848" s="53">
        <v>23679454.899999999</v>
      </c>
      <c r="CF1848" s="53">
        <v>23679454.899999999</v>
      </c>
      <c r="CG1848" s="53">
        <v>23679454.899999999</v>
      </c>
      <c r="CH1848" s="53">
        <v>23679454.899999999</v>
      </c>
      <c r="CI1848" s="53">
        <v>23679454.899999999</v>
      </c>
      <c r="CJ1848" s="53">
        <v>23679454.899999999</v>
      </c>
      <c r="CK1848" s="53">
        <v>23679454.899999999</v>
      </c>
      <c r="CL1848" s="53">
        <v>23679454.899999999</v>
      </c>
      <c r="CM1848" s="53">
        <v>23679454.899999999</v>
      </c>
      <c r="CN1848" s="53">
        <v>23679454.899999999</v>
      </c>
    </row>
    <row r="1849" spans="1:92" outlineLevel="1">
      <c r="A1849" s="52" t="s">
        <v>672</v>
      </c>
      <c r="B1849" s="53"/>
      <c r="C1849" s="53"/>
      <c r="D1849" s="53"/>
      <c r="E1849" s="53"/>
      <c r="F1849" s="53"/>
      <c r="G1849" s="53"/>
      <c r="H1849" s="53"/>
      <c r="I1849" s="53"/>
      <c r="J1849" s="53"/>
      <c r="K1849" s="53"/>
      <c r="L1849" s="53"/>
      <c r="M1849" s="53"/>
      <c r="N1849" s="53"/>
      <c r="O1849" s="53"/>
      <c r="P1849" s="53"/>
      <c r="Q1849" s="53"/>
      <c r="R1849" s="53"/>
      <c r="S1849" s="53"/>
      <c r="T1849" s="53"/>
      <c r="U1849" s="53"/>
      <c r="V1849" s="53"/>
      <c r="W1849" s="53"/>
      <c r="X1849" s="53"/>
      <c r="Y1849" s="53"/>
      <c r="Z1849" s="53"/>
      <c r="AA1849" s="53"/>
      <c r="AB1849" s="53"/>
      <c r="AC1849" s="53"/>
      <c r="AD1849" s="53"/>
      <c r="AE1849" s="53"/>
      <c r="AF1849" s="53"/>
      <c r="AG1849" s="53"/>
      <c r="AH1849" s="53"/>
      <c r="AI1849" s="53"/>
      <c r="AJ1849" s="53"/>
      <c r="AK1849" s="53"/>
      <c r="AL1849" s="53"/>
      <c r="AM1849" s="53"/>
      <c r="AN1849" s="53"/>
      <c r="AO1849" s="53"/>
      <c r="AP1849" s="53"/>
      <c r="AQ1849" s="53"/>
      <c r="AR1849" s="53"/>
      <c r="AS1849" s="53"/>
      <c r="AT1849" s="53"/>
      <c r="AU1849" s="53"/>
      <c r="AV1849" s="53"/>
      <c r="AW1849" s="53"/>
      <c r="AX1849" s="53"/>
      <c r="AY1849" s="53"/>
      <c r="AZ1849" s="53"/>
      <c r="BA1849" s="53"/>
      <c r="BB1849" s="53"/>
      <c r="BC1849" s="53"/>
      <c r="BD1849" s="53"/>
      <c r="BE1849" s="53"/>
      <c r="BF1849" s="53"/>
      <c r="BG1849" s="53"/>
      <c r="BH1849" s="53"/>
      <c r="BI1849" s="53"/>
      <c r="BJ1849" s="53"/>
      <c r="BK1849" s="53"/>
      <c r="BL1849" s="53"/>
      <c r="BM1849" s="53"/>
      <c r="BN1849" s="53"/>
      <c r="BO1849" s="53"/>
      <c r="BP1849" s="53"/>
      <c r="BQ1849" s="53"/>
      <c r="BR1849" s="53"/>
      <c r="BS1849" s="53"/>
      <c r="BT1849" s="53"/>
      <c r="BU1849" s="53"/>
      <c r="BV1849" s="53"/>
      <c r="BW1849" s="53"/>
      <c r="BX1849" s="53"/>
      <c r="BY1849" s="53"/>
      <c r="BZ1849" s="53"/>
      <c r="CA1849" s="53"/>
      <c r="CB1849" s="53">
        <v>645001302.90399897</v>
      </c>
      <c r="CC1849" s="53">
        <v>645001302.90399897</v>
      </c>
      <c r="CD1849" s="53">
        <v>645001302.90399897</v>
      </c>
      <c r="CE1849" s="53">
        <v>645001302.90399897</v>
      </c>
      <c r="CF1849" s="53">
        <v>645001302.90399897</v>
      </c>
      <c r="CG1849" s="53">
        <v>645001302.90399897</v>
      </c>
      <c r="CH1849" s="53">
        <v>645001302.90399897</v>
      </c>
      <c r="CI1849" s="53">
        <v>645001302.90399897</v>
      </c>
      <c r="CJ1849" s="53">
        <v>645001302.90399897</v>
      </c>
      <c r="CK1849" s="53">
        <v>645001302.90399897</v>
      </c>
      <c r="CL1849" s="53">
        <v>645001302.90399897</v>
      </c>
      <c r="CM1849" s="53">
        <v>645001302.90399897</v>
      </c>
      <c r="CN1849" s="53">
        <v>645001302.90399897</v>
      </c>
    </row>
    <row r="1850" spans="1:92" outlineLevel="1">
      <c r="A1850" s="52" t="s">
        <v>703</v>
      </c>
      <c r="B1850" s="53"/>
      <c r="C1850" s="53"/>
      <c r="D1850" s="53"/>
      <c r="E1850" s="53"/>
      <c r="F1850" s="53"/>
      <c r="G1850" s="53"/>
      <c r="H1850" s="53"/>
      <c r="I1850" s="53"/>
      <c r="J1850" s="53"/>
      <c r="K1850" s="53"/>
      <c r="L1850" s="53"/>
      <c r="M1850" s="53"/>
      <c r="N1850" s="53"/>
      <c r="O1850" s="53"/>
      <c r="P1850" s="53"/>
      <c r="Q1850" s="53"/>
      <c r="R1850" s="53"/>
      <c r="S1850" s="53"/>
      <c r="T1850" s="53"/>
      <c r="U1850" s="53"/>
      <c r="V1850" s="53"/>
      <c r="W1850" s="53"/>
      <c r="X1850" s="53"/>
      <c r="Y1850" s="53"/>
      <c r="Z1850" s="53"/>
      <c r="AA1850" s="53"/>
      <c r="AB1850" s="53"/>
      <c r="AC1850" s="53"/>
      <c r="AD1850" s="53"/>
      <c r="AE1850" s="53"/>
      <c r="AF1850" s="53"/>
      <c r="AG1850" s="53"/>
      <c r="AH1850" s="53"/>
      <c r="AI1850" s="53"/>
      <c r="AJ1850" s="53"/>
      <c r="AK1850" s="53"/>
      <c r="AL1850" s="53"/>
      <c r="AM1850" s="53"/>
      <c r="AN1850" s="53"/>
      <c r="AO1850" s="53"/>
      <c r="AP1850" s="53"/>
      <c r="AQ1850" s="53"/>
      <c r="AR1850" s="53"/>
      <c r="AS1850" s="53"/>
      <c r="AT1850" s="53"/>
      <c r="AU1850" s="53"/>
      <c r="AV1850" s="53"/>
      <c r="AW1850" s="53"/>
      <c r="AX1850" s="53"/>
      <c r="AY1850" s="53"/>
      <c r="AZ1850" s="53"/>
      <c r="BA1850" s="53"/>
      <c r="BB1850" s="53"/>
      <c r="BC1850" s="53"/>
      <c r="BD1850" s="53"/>
      <c r="BE1850" s="53"/>
      <c r="BF1850" s="53"/>
      <c r="BG1850" s="53"/>
      <c r="BH1850" s="53"/>
      <c r="BI1850" s="53"/>
      <c r="BJ1850" s="53"/>
      <c r="BK1850" s="53"/>
      <c r="BL1850" s="53"/>
      <c r="BM1850" s="53"/>
      <c r="BN1850" s="53"/>
      <c r="BO1850" s="53"/>
      <c r="BP1850" s="53"/>
      <c r="BQ1850" s="53"/>
      <c r="BR1850" s="53"/>
      <c r="BS1850" s="53"/>
      <c r="BT1850" s="53"/>
      <c r="BU1850" s="53"/>
      <c r="BV1850" s="53"/>
      <c r="BW1850" s="53"/>
      <c r="BX1850" s="53"/>
      <c r="BY1850" s="53"/>
      <c r="BZ1850" s="53"/>
      <c r="CA1850" s="53"/>
      <c r="CB1850" s="53"/>
      <c r="CC1850" s="53"/>
      <c r="CD1850" s="53"/>
      <c r="CE1850" s="53"/>
      <c r="CF1850" s="53"/>
      <c r="CG1850" s="53"/>
      <c r="CH1850" s="53"/>
      <c r="CI1850" s="53"/>
      <c r="CJ1850" s="53"/>
      <c r="CK1850" s="53"/>
      <c r="CL1850" s="53"/>
      <c r="CM1850" s="53"/>
      <c r="CN1850" s="53"/>
    </row>
    <row r="1851" spans="1:92" outlineLevel="1">
      <c r="A1851" s="52" t="s">
        <v>704</v>
      </c>
      <c r="B1851" s="53"/>
      <c r="C1851" s="53"/>
      <c r="D1851" s="53"/>
      <c r="E1851" s="53"/>
      <c r="F1851" s="53"/>
      <c r="G1851" s="53"/>
      <c r="H1851" s="53"/>
      <c r="I1851" s="53"/>
      <c r="J1851" s="53"/>
      <c r="K1851" s="53"/>
      <c r="L1851" s="53"/>
      <c r="M1851" s="53"/>
      <c r="N1851" s="53"/>
      <c r="O1851" s="53"/>
      <c r="P1851" s="53"/>
      <c r="Q1851" s="53"/>
      <c r="R1851" s="53"/>
      <c r="S1851" s="53"/>
      <c r="T1851" s="53"/>
      <c r="U1851" s="53"/>
      <c r="V1851" s="53"/>
      <c r="W1851" s="53"/>
      <c r="X1851" s="53"/>
      <c r="Y1851" s="53"/>
      <c r="Z1851" s="53"/>
      <c r="AA1851" s="53"/>
      <c r="AB1851" s="53"/>
      <c r="AC1851" s="53"/>
      <c r="AD1851" s="53"/>
      <c r="AE1851" s="53"/>
      <c r="AF1851" s="53"/>
      <c r="AG1851" s="53"/>
      <c r="AH1851" s="53"/>
      <c r="AI1851" s="53"/>
      <c r="AJ1851" s="53"/>
      <c r="AK1851" s="53"/>
      <c r="AL1851" s="53"/>
      <c r="AM1851" s="53"/>
      <c r="AN1851" s="53"/>
      <c r="AO1851" s="53"/>
      <c r="AP1851" s="53"/>
      <c r="AQ1851" s="53"/>
      <c r="AR1851" s="53"/>
      <c r="AS1851" s="53"/>
      <c r="AT1851" s="53"/>
      <c r="AU1851" s="53"/>
      <c r="AV1851" s="53"/>
      <c r="AW1851" s="53"/>
      <c r="AX1851" s="53"/>
      <c r="AY1851" s="53"/>
      <c r="AZ1851" s="53"/>
      <c r="BA1851" s="53"/>
      <c r="BB1851" s="53"/>
      <c r="BC1851" s="53"/>
      <c r="BD1851" s="53"/>
      <c r="BE1851" s="53"/>
      <c r="BF1851" s="53"/>
      <c r="BG1851" s="53"/>
      <c r="BH1851" s="53"/>
      <c r="BI1851" s="53"/>
      <c r="BJ1851" s="53"/>
      <c r="BK1851" s="53"/>
      <c r="BL1851" s="53"/>
      <c r="BM1851" s="53"/>
      <c r="BN1851" s="53"/>
      <c r="BO1851" s="53"/>
      <c r="BP1851" s="53"/>
      <c r="BQ1851" s="53"/>
      <c r="BR1851" s="53"/>
      <c r="BS1851" s="53"/>
      <c r="BT1851" s="53"/>
      <c r="BU1851" s="53"/>
      <c r="BV1851" s="53"/>
      <c r="BW1851" s="53"/>
      <c r="BX1851" s="53"/>
      <c r="BY1851" s="53"/>
      <c r="BZ1851" s="53"/>
      <c r="CA1851" s="53"/>
      <c r="CB1851" s="53"/>
      <c r="CC1851" s="53"/>
      <c r="CD1851" s="53"/>
      <c r="CE1851" s="53"/>
      <c r="CF1851" s="53"/>
      <c r="CG1851" s="53"/>
      <c r="CH1851" s="53"/>
      <c r="CI1851" s="53"/>
      <c r="CJ1851" s="53"/>
      <c r="CK1851" s="53"/>
      <c r="CL1851" s="53"/>
      <c r="CM1851" s="53"/>
      <c r="CN1851" s="53"/>
    </row>
    <row r="1852" spans="1:92" outlineLevel="1">
      <c r="A1852" s="52" t="s">
        <v>705</v>
      </c>
      <c r="B1852" s="53"/>
      <c r="C1852" s="53"/>
      <c r="D1852" s="53"/>
      <c r="E1852" s="53"/>
      <c r="F1852" s="53"/>
      <c r="G1852" s="53"/>
      <c r="H1852" s="53"/>
      <c r="I1852" s="53"/>
      <c r="J1852" s="53"/>
      <c r="K1852" s="53"/>
      <c r="L1852" s="53"/>
      <c r="M1852" s="53"/>
      <c r="N1852" s="53"/>
      <c r="O1852" s="53">
        <v>9510532.8059798405</v>
      </c>
      <c r="P1852" s="53">
        <v>-670231.59342291602</v>
      </c>
      <c r="Q1852" s="53">
        <v>2478580.8552076598</v>
      </c>
      <c r="R1852" s="53">
        <v>3904179.1005039099</v>
      </c>
      <c r="S1852" s="53">
        <v>6973414.77078686</v>
      </c>
      <c r="T1852" s="53">
        <v>11572278.626041301</v>
      </c>
      <c r="U1852" s="53">
        <v>8631475.3667259701</v>
      </c>
      <c r="V1852" s="53">
        <v>16549619.2900973</v>
      </c>
      <c r="W1852" s="53">
        <v>9712846.4469570909</v>
      </c>
      <c r="X1852" s="53">
        <v>5129654.2762903199</v>
      </c>
      <c r="Y1852" s="53">
        <v>705246.35166825796</v>
      </c>
      <c r="Z1852" s="53">
        <v>9965946.9650995601</v>
      </c>
      <c r="AA1852" s="53">
        <v>84463543.261935204</v>
      </c>
      <c r="AB1852" s="53">
        <v>11803200.673573799</v>
      </c>
      <c r="AC1852" s="53">
        <v>1946738.17651845</v>
      </c>
      <c r="AD1852" s="53">
        <v>3007483.3982456001</v>
      </c>
      <c r="AE1852" s="53">
        <v>2217179.8584209098</v>
      </c>
      <c r="AF1852" s="53">
        <v>5225289.0703266095</v>
      </c>
      <c r="AG1852" s="53">
        <v>8503353.1486209594</v>
      </c>
      <c r="AH1852" s="53">
        <v>7800716.2865702901</v>
      </c>
      <c r="AI1852" s="53">
        <v>15246467.259838801</v>
      </c>
      <c r="AJ1852" s="53">
        <v>7418305.9184093196</v>
      </c>
      <c r="AK1852" s="53">
        <v>3625770.2184643298</v>
      </c>
      <c r="AL1852" s="53">
        <v>-394167.60502965801</v>
      </c>
      <c r="AM1852" s="53">
        <v>7796826.84332499</v>
      </c>
      <c r="AN1852" s="53">
        <v>74197163.247284502</v>
      </c>
      <c r="AO1852" s="53">
        <v>6293279.4317911603</v>
      </c>
      <c r="AP1852" s="53">
        <v>-2772386.04620456</v>
      </c>
      <c r="AQ1852" s="53">
        <v>-2993249.7820883798</v>
      </c>
      <c r="AR1852" s="53">
        <v>-976795.56876528403</v>
      </c>
      <c r="AS1852" s="53">
        <v>1724199.8677926401</v>
      </c>
      <c r="AT1852" s="53">
        <v>3148785.5900538098</v>
      </c>
      <c r="AU1852" s="53">
        <v>3830414.4534315201</v>
      </c>
      <c r="AV1852" s="53">
        <v>10312641.555946101</v>
      </c>
      <c r="AW1852" s="53">
        <v>2347798.9961150601</v>
      </c>
      <c r="AX1852" s="53">
        <v>315229.55412634899</v>
      </c>
      <c r="AY1852" s="53">
        <v>-3410002.0636559501</v>
      </c>
      <c r="AZ1852" s="53">
        <v>2904935.9231670899</v>
      </c>
      <c r="BA1852" s="53">
        <v>20724851.911709599</v>
      </c>
      <c r="BB1852" s="53">
        <v>6028590.8329194002</v>
      </c>
      <c r="BC1852" s="53">
        <v>-3161605.6044983198</v>
      </c>
      <c r="BD1852" s="53">
        <v>-3311292.0353210601</v>
      </c>
      <c r="BE1852" s="53">
        <v>-1260436.6332632101</v>
      </c>
      <c r="BF1852" s="53">
        <v>1482981.0429688401</v>
      </c>
      <c r="BG1852" s="53">
        <v>3038876.1075416999</v>
      </c>
      <c r="BH1852" s="53">
        <v>3677435.1816783799</v>
      </c>
      <c r="BI1852" s="53">
        <v>10119907.1882405</v>
      </c>
      <c r="BJ1852" s="53">
        <v>2041932.67417435</v>
      </c>
      <c r="BK1852" s="53">
        <v>-109773.579112525</v>
      </c>
      <c r="BL1852" s="53">
        <v>-3986075.0848877099</v>
      </c>
      <c r="BM1852" s="53">
        <v>2568474.2815444502</v>
      </c>
      <c r="BN1852" s="53">
        <v>17129014.371984798</v>
      </c>
      <c r="BO1852" s="53">
        <v>5649672.0031035403</v>
      </c>
      <c r="BP1852" s="53">
        <v>-3367635.5821297602</v>
      </c>
      <c r="BQ1852" s="53">
        <v>-3669483.96550499</v>
      </c>
      <c r="BR1852" s="53">
        <v>-1594516.85888024</v>
      </c>
      <c r="BS1852" s="53">
        <v>1461061.63089643</v>
      </c>
      <c r="BT1852" s="53">
        <v>2949246.6648725602</v>
      </c>
      <c r="BU1852" s="53">
        <v>3658018.5179344001</v>
      </c>
      <c r="BV1852" s="53">
        <v>10131624.712721501</v>
      </c>
      <c r="BW1852" s="53">
        <v>2049780.9060994601</v>
      </c>
      <c r="BX1852" s="53">
        <v>-124090.990743462</v>
      </c>
      <c r="BY1852" s="53">
        <v>-3747435.3131864099</v>
      </c>
      <c r="BZ1852" s="53">
        <v>-3694692.5729879802</v>
      </c>
      <c r="CA1852" s="53">
        <v>9701549.1521950606</v>
      </c>
      <c r="CB1852" s="53"/>
      <c r="CC1852" s="53"/>
      <c r="CD1852" s="53"/>
      <c r="CE1852" s="53"/>
      <c r="CF1852" s="53"/>
      <c r="CG1852" s="53"/>
      <c r="CH1852" s="53"/>
      <c r="CI1852" s="53"/>
      <c r="CJ1852" s="53"/>
      <c r="CK1852" s="53"/>
      <c r="CL1852" s="53"/>
      <c r="CM1852" s="53"/>
      <c r="CN1852" s="53"/>
    </row>
    <row r="1853" spans="1:92" outlineLevel="1">
      <c r="A1853" s="52" t="s">
        <v>1550</v>
      </c>
      <c r="B1853" s="53">
        <v>-8363456.5999999996</v>
      </c>
      <c r="C1853" s="53">
        <v>0</v>
      </c>
      <c r="D1853" s="53">
        <v>184230.37</v>
      </c>
      <c r="E1853" s="53">
        <v>184230.37</v>
      </c>
      <c r="F1853" s="53">
        <v>0</v>
      </c>
      <c r="G1853" s="53">
        <v>9639130.8799999896</v>
      </c>
      <c r="H1853" s="53">
        <v>9639130.8799999896</v>
      </c>
      <c r="I1853" s="53">
        <v>0</v>
      </c>
      <c r="J1853" s="53">
        <v>126312.56999999699</v>
      </c>
      <c r="K1853" s="53">
        <v>126312.56999999699</v>
      </c>
      <c r="L1853" s="53">
        <v>-20597277.309999999</v>
      </c>
      <c r="M1853" s="53">
        <v>916719.75000000105</v>
      </c>
      <c r="N1853" s="53">
        <v>916719.75000000105</v>
      </c>
      <c r="O1853" s="53">
        <v>10427252.555979799</v>
      </c>
      <c r="P1853" s="53">
        <v>9757020.9625569191</v>
      </c>
      <c r="Q1853" s="53">
        <v>11318882.0677645</v>
      </c>
      <c r="R1853" s="53">
        <v>-5892824.64721533</v>
      </c>
      <c r="S1853" s="53">
        <v>1080590.12357153</v>
      </c>
      <c r="T1853" s="53">
        <v>-8463017.0658709295</v>
      </c>
      <c r="U1853" s="53">
        <v>168458.30085503199</v>
      </c>
      <c r="V1853" s="53">
        <v>16718077.5909523</v>
      </c>
      <c r="W1853" s="53">
        <v>5315038.2224256098</v>
      </c>
      <c r="X1853" s="53">
        <v>10444692.4987159</v>
      </c>
      <c r="Y1853" s="53">
        <v>11149938.850384099</v>
      </c>
      <c r="Z1853" s="53">
        <v>-7.2759576141834201E-9</v>
      </c>
      <c r="AA1853" s="53">
        <v>-7.2759576141834201E-9</v>
      </c>
      <c r="AB1853" s="53">
        <v>11803200.673573799</v>
      </c>
      <c r="AC1853" s="53">
        <v>13749938.850092201</v>
      </c>
      <c r="AD1853" s="53">
        <v>16757422.2483378</v>
      </c>
      <c r="AE1853" s="53">
        <v>425311.28746932099</v>
      </c>
      <c r="AF1853" s="53">
        <v>5650600.3577959295</v>
      </c>
      <c r="AG1853" s="53">
        <v>-4395337.3128725598</v>
      </c>
      <c r="AH1853" s="53">
        <v>3405378.9736977201</v>
      </c>
      <c r="AI1853" s="53">
        <v>18651846.233536601</v>
      </c>
      <c r="AJ1853" s="53">
        <v>7520861.3326564496</v>
      </c>
      <c r="AK1853" s="53">
        <v>11146631.5511207</v>
      </c>
      <c r="AL1853" s="53">
        <v>10752463.946091101</v>
      </c>
      <c r="AM1853" s="53">
        <v>-2.3646862246096101E-8</v>
      </c>
      <c r="AN1853" s="53">
        <v>-2.3646862246096101E-8</v>
      </c>
      <c r="AO1853" s="53">
        <v>6293279.4317911305</v>
      </c>
      <c r="AP1853" s="53">
        <v>3520893.38558657</v>
      </c>
      <c r="AQ1853" s="53">
        <v>527643.60349818703</v>
      </c>
      <c r="AR1853" s="53">
        <v>-5630365.0355526796</v>
      </c>
      <c r="AS1853" s="53">
        <v>-3906165.1677600401</v>
      </c>
      <c r="AT1853" s="53">
        <v>-5938592.64799181</v>
      </c>
      <c r="AU1853" s="53">
        <v>-2108178.1945602898</v>
      </c>
      <c r="AV1853" s="53">
        <v>8204463.36138588</v>
      </c>
      <c r="AW1853" s="53">
        <v>5371049.2872153502</v>
      </c>
      <c r="AX1853" s="53">
        <v>5686278.8413417004</v>
      </c>
      <c r="AY1853" s="53">
        <v>2276276.7776857498</v>
      </c>
      <c r="AZ1853" s="53">
        <v>-2.4556356947869E-8</v>
      </c>
      <c r="BA1853" s="53">
        <v>-2.4556356947869E-8</v>
      </c>
      <c r="BB1853" s="53">
        <v>6028590.8329193797</v>
      </c>
      <c r="BC1853" s="53">
        <v>2866985.2284210501</v>
      </c>
      <c r="BD1853" s="53">
        <v>-444306.80690000497</v>
      </c>
      <c r="BE1853" s="53">
        <v>-5986997.0366184805</v>
      </c>
      <c r="BF1853" s="53">
        <v>-4504015.9936496299</v>
      </c>
      <c r="BG1853" s="53">
        <v>-5747393.4825631902</v>
      </c>
      <c r="BH1853" s="53">
        <v>-2069958.30088481</v>
      </c>
      <c r="BI1853" s="53">
        <v>8049948.8873557402</v>
      </c>
      <c r="BJ1853" s="53">
        <v>5809627.9650748298</v>
      </c>
      <c r="BK1853" s="53">
        <v>5699854.3859623</v>
      </c>
      <c r="BL1853" s="53">
        <v>1713779.3010745901</v>
      </c>
      <c r="BM1853" s="53">
        <v>-2.13731254916638E-8</v>
      </c>
      <c r="BN1853" s="53">
        <v>-2.13731254916638E-8</v>
      </c>
      <c r="BO1853" s="53">
        <v>5649672.0031035198</v>
      </c>
      <c r="BP1853" s="53">
        <v>2282036.4209737498</v>
      </c>
      <c r="BQ1853" s="53">
        <v>-1387447.5445312399</v>
      </c>
      <c r="BR1853" s="53">
        <v>-5407351.7606253102</v>
      </c>
      <c r="BS1853" s="53">
        <v>-3946290.12972887</v>
      </c>
      <c r="BT1853" s="53">
        <v>-3422430.8220701301</v>
      </c>
      <c r="BU1853" s="53">
        <v>235587.69586426101</v>
      </c>
      <c r="BV1853" s="53">
        <v>10367212.408585699</v>
      </c>
      <c r="BW1853" s="53">
        <v>9991605.9574714191</v>
      </c>
      <c r="BX1853" s="53">
        <v>9867514.9667279609</v>
      </c>
      <c r="BY1853" s="53">
        <v>6120079.6535415398</v>
      </c>
      <c r="BZ1853" s="53">
        <v>-2.0008883439004401E-8</v>
      </c>
      <c r="CA1853" s="53">
        <v>-2.0008883439004401E-8</v>
      </c>
      <c r="CB1853" s="53">
        <v>-8862311.0487578698</v>
      </c>
      <c r="CC1853" s="53">
        <v>-9517177.7608454004</v>
      </c>
      <c r="CD1853" s="53">
        <v>-10580143.5419979</v>
      </c>
      <c r="CE1853" s="53">
        <v>-10608489.2905655</v>
      </c>
      <c r="CF1853" s="53">
        <v>-9906548.2787426002</v>
      </c>
      <c r="CG1853" s="53">
        <v>-9920691.9940579999</v>
      </c>
      <c r="CH1853" s="53">
        <v>-9803136.0555846002</v>
      </c>
      <c r="CI1853" s="53">
        <v>-9125686.0586299002</v>
      </c>
      <c r="CJ1853" s="53">
        <v>-8651325.0956799705</v>
      </c>
      <c r="CK1853" s="53">
        <v>-9384248.3921816796</v>
      </c>
      <c r="CL1853" s="53">
        <v>-8944815.07152717</v>
      </c>
      <c r="CM1853" s="53">
        <v>-8382254.2809268702</v>
      </c>
      <c r="CN1853" s="53">
        <v>-113686826.869497</v>
      </c>
    </row>
    <row r="1854" spans="1:92" outlineLevel="1">
      <c r="A1854" s="52" t="s">
        <v>1551</v>
      </c>
      <c r="B1854" s="53">
        <v>1.2</v>
      </c>
      <c r="C1854" s="53">
        <v>1.2</v>
      </c>
      <c r="D1854" s="53">
        <v>0</v>
      </c>
      <c r="E1854" s="53">
        <v>0</v>
      </c>
      <c r="F1854" s="53">
        <v>0</v>
      </c>
      <c r="G1854" s="53">
        <v>0</v>
      </c>
      <c r="H1854" s="53">
        <v>0</v>
      </c>
      <c r="I1854" s="53">
        <v>0</v>
      </c>
      <c r="J1854" s="53">
        <v>0</v>
      </c>
      <c r="K1854" s="53">
        <v>0</v>
      </c>
      <c r="L1854" s="53">
        <v>0</v>
      </c>
      <c r="M1854" s="53">
        <v>0</v>
      </c>
      <c r="N1854" s="53">
        <v>0</v>
      </c>
      <c r="O1854" s="53">
        <v>0</v>
      </c>
      <c r="P1854" s="53">
        <v>0</v>
      </c>
      <c r="Q1854" s="53">
        <v>0</v>
      </c>
      <c r="R1854" s="53">
        <v>0</v>
      </c>
      <c r="S1854" s="53">
        <v>0</v>
      </c>
      <c r="T1854" s="53">
        <v>0</v>
      </c>
      <c r="U1854" s="53">
        <v>0</v>
      </c>
      <c r="V1854" s="53">
        <v>0</v>
      </c>
      <c r="W1854" s="53">
        <v>0</v>
      </c>
      <c r="X1854" s="53">
        <v>0</v>
      </c>
      <c r="Y1854" s="53">
        <v>0</v>
      </c>
      <c r="Z1854" s="53">
        <v>0</v>
      </c>
      <c r="AA1854" s="53">
        <v>0</v>
      </c>
      <c r="AB1854" s="53">
        <v>0</v>
      </c>
      <c r="AC1854" s="53">
        <v>0</v>
      </c>
      <c r="AD1854" s="53">
        <v>0</v>
      </c>
      <c r="AE1854" s="53">
        <v>0</v>
      </c>
      <c r="AF1854" s="53">
        <v>0</v>
      </c>
      <c r="AG1854" s="53">
        <v>0</v>
      </c>
      <c r="AH1854" s="53">
        <v>0</v>
      </c>
      <c r="AI1854" s="53">
        <v>0</v>
      </c>
      <c r="AJ1854" s="53">
        <v>0</v>
      </c>
      <c r="AK1854" s="53">
        <v>0</v>
      </c>
      <c r="AL1854" s="53">
        <v>0</v>
      </c>
      <c r="AM1854" s="53">
        <v>0</v>
      </c>
      <c r="AN1854" s="53">
        <v>0</v>
      </c>
      <c r="AO1854" s="53">
        <v>0</v>
      </c>
      <c r="AP1854" s="53">
        <v>0</v>
      </c>
      <c r="AQ1854" s="53">
        <v>0</v>
      </c>
      <c r="AR1854" s="53">
        <v>0</v>
      </c>
      <c r="AS1854" s="53">
        <v>0</v>
      </c>
      <c r="AT1854" s="53">
        <v>0</v>
      </c>
      <c r="AU1854" s="53">
        <v>0</v>
      </c>
      <c r="AV1854" s="53">
        <v>0</v>
      </c>
      <c r="AW1854" s="53">
        <v>0</v>
      </c>
      <c r="AX1854" s="53">
        <v>0</v>
      </c>
      <c r="AY1854" s="53">
        <v>0</v>
      </c>
      <c r="AZ1854" s="53">
        <v>0</v>
      </c>
      <c r="BA1854" s="53">
        <v>0</v>
      </c>
      <c r="BB1854" s="53">
        <v>0</v>
      </c>
      <c r="BC1854" s="53">
        <v>0</v>
      </c>
      <c r="BD1854" s="53">
        <v>0</v>
      </c>
      <c r="BE1854" s="53">
        <v>0</v>
      </c>
      <c r="BF1854" s="53">
        <v>0</v>
      </c>
      <c r="BG1854" s="53">
        <v>0</v>
      </c>
      <c r="BH1854" s="53">
        <v>0</v>
      </c>
      <c r="BI1854" s="53">
        <v>0</v>
      </c>
      <c r="BJ1854" s="53">
        <v>0</v>
      </c>
      <c r="BK1854" s="53">
        <v>0</v>
      </c>
      <c r="BL1854" s="53">
        <v>0</v>
      </c>
      <c r="BM1854" s="53">
        <v>0</v>
      </c>
      <c r="BN1854" s="53">
        <v>0</v>
      </c>
      <c r="BO1854" s="53">
        <v>0</v>
      </c>
      <c r="BP1854" s="53">
        <v>0</v>
      </c>
      <c r="BQ1854" s="53">
        <v>0</v>
      </c>
      <c r="BR1854" s="53">
        <v>0</v>
      </c>
      <c r="BS1854" s="53">
        <v>0</v>
      </c>
      <c r="BT1854" s="53">
        <v>0</v>
      </c>
      <c r="BU1854" s="53">
        <v>0</v>
      </c>
      <c r="BV1854" s="53">
        <v>0</v>
      </c>
      <c r="BW1854" s="53">
        <v>0</v>
      </c>
      <c r="BX1854" s="53">
        <v>0</v>
      </c>
      <c r="BY1854" s="53">
        <v>0</v>
      </c>
      <c r="BZ1854" s="53">
        <v>0</v>
      </c>
      <c r="CA1854" s="53">
        <v>0</v>
      </c>
      <c r="CB1854" s="53"/>
      <c r="CC1854" s="53"/>
      <c r="CD1854" s="53"/>
      <c r="CE1854" s="53"/>
      <c r="CF1854" s="53"/>
      <c r="CG1854" s="53"/>
      <c r="CH1854" s="53"/>
      <c r="CI1854" s="53"/>
      <c r="CJ1854" s="53"/>
      <c r="CK1854" s="53"/>
      <c r="CL1854" s="53"/>
      <c r="CM1854" s="53"/>
      <c r="CN1854" s="53"/>
    </row>
    <row r="1855" spans="1:92" outlineLevel="1">
      <c r="A1855" s="52" t="s">
        <v>1218</v>
      </c>
      <c r="B1855" s="53">
        <v>1678137.5</v>
      </c>
      <c r="C1855" s="53">
        <v>132409.53</v>
      </c>
      <c r="D1855" s="53">
        <v>414482.98</v>
      </c>
      <c r="E1855" s="53">
        <v>728284.48</v>
      </c>
      <c r="F1855" s="53">
        <v>1010697.33</v>
      </c>
      <c r="G1855" s="53">
        <v>1333516.69</v>
      </c>
      <c r="H1855" s="53">
        <v>1820631.62</v>
      </c>
      <c r="I1855" s="53">
        <v>220926.61</v>
      </c>
      <c r="J1855" s="53">
        <v>634918.97</v>
      </c>
      <c r="K1855" s="53">
        <v>1092565.45</v>
      </c>
      <c r="L1855" s="53">
        <v>1338456.3799999999</v>
      </c>
      <c r="M1855" s="53">
        <v>1612782.37</v>
      </c>
      <c r="N1855" s="53">
        <v>1678137.5</v>
      </c>
      <c r="O1855" s="53">
        <v>2006974.5</v>
      </c>
      <c r="P1855" s="53">
        <v>717320.35999999905</v>
      </c>
      <c r="Q1855" s="53">
        <v>742068.35999999905</v>
      </c>
      <c r="R1855" s="53">
        <v>750252.35999999905</v>
      </c>
      <c r="S1855" s="53">
        <v>768321.35999999905</v>
      </c>
      <c r="T1855" s="53">
        <v>756989.35999999905</v>
      </c>
      <c r="U1855" s="53">
        <v>1002354.35999999</v>
      </c>
      <c r="V1855" s="53">
        <v>791813.35999999905</v>
      </c>
      <c r="W1855" s="53">
        <v>760483.35999999905</v>
      </c>
      <c r="X1855" s="53">
        <v>748977.35999999905</v>
      </c>
      <c r="Y1855" s="53">
        <v>748905.35999999905</v>
      </c>
      <c r="Z1855" s="53">
        <v>766294.35999999905</v>
      </c>
      <c r="AA1855" s="53">
        <v>2006974.5</v>
      </c>
      <c r="AB1855" s="53">
        <v>993173.35999999905</v>
      </c>
      <c r="AC1855" s="53">
        <v>752044.35999999905</v>
      </c>
      <c r="AD1855" s="53">
        <v>777064.35999999905</v>
      </c>
      <c r="AE1855" s="53">
        <v>790352.35999999905</v>
      </c>
      <c r="AF1855" s="53">
        <v>805824.35999999905</v>
      </c>
      <c r="AG1855" s="53">
        <v>970604.35999999905</v>
      </c>
      <c r="AH1855" s="53">
        <v>872259.35999999905</v>
      </c>
      <c r="AI1855" s="53">
        <v>831198.35999999905</v>
      </c>
      <c r="AJ1855" s="53">
        <v>804037.35999999905</v>
      </c>
      <c r="AK1855" s="53">
        <v>792109.35999999905</v>
      </c>
      <c r="AL1855" s="53">
        <v>789778.35999999905</v>
      </c>
      <c r="AM1855" s="53">
        <v>979217.35999999905</v>
      </c>
      <c r="AN1855" s="53">
        <v>993173.35999999905</v>
      </c>
      <c r="AO1855" s="53">
        <v>862414.35999999905</v>
      </c>
      <c r="AP1855" s="53">
        <v>835575.35999999905</v>
      </c>
      <c r="AQ1855" s="53">
        <v>835575.35999999905</v>
      </c>
      <c r="AR1855" s="53">
        <v>835575.35999999905</v>
      </c>
      <c r="AS1855" s="53">
        <v>835575.35999999905</v>
      </c>
      <c r="AT1855" s="53">
        <v>835575.35999999905</v>
      </c>
      <c r="AU1855" s="53">
        <v>835575.35999999905</v>
      </c>
      <c r="AV1855" s="53">
        <v>835575.35999999905</v>
      </c>
      <c r="AW1855" s="53">
        <v>835575.35999999905</v>
      </c>
      <c r="AX1855" s="53">
        <v>835575.35999999905</v>
      </c>
      <c r="AY1855" s="53">
        <v>835575.35999999905</v>
      </c>
      <c r="AZ1855" s="53">
        <v>835575.35999999905</v>
      </c>
      <c r="BA1855" s="53">
        <v>862414.35999999905</v>
      </c>
      <c r="BB1855" s="53">
        <v>835575.35999999905</v>
      </c>
      <c r="BC1855" s="53">
        <v>835575.35999999905</v>
      </c>
      <c r="BD1855" s="53">
        <v>835575.35999999905</v>
      </c>
      <c r="BE1855" s="53">
        <v>835575.35999999905</v>
      </c>
      <c r="BF1855" s="53">
        <v>835575.35999999905</v>
      </c>
      <c r="BG1855" s="53">
        <v>835575.35999999905</v>
      </c>
      <c r="BH1855" s="53">
        <v>835575.35999999905</v>
      </c>
      <c r="BI1855" s="53">
        <v>835575.35999999905</v>
      </c>
      <c r="BJ1855" s="53">
        <v>835575.35999999905</v>
      </c>
      <c r="BK1855" s="53">
        <v>835575.35999999905</v>
      </c>
      <c r="BL1855" s="53">
        <v>835575.35999999905</v>
      </c>
      <c r="BM1855" s="53">
        <v>835575.35999999905</v>
      </c>
      <c r="BN1855" s="53">
        <v>835575.35999999905</v>
      </c>
      <c r="BO1855" s="53">
        <v>835575.35999999905</v>
      </c>
      <c r="BP1855" s="53">
        <v>835575.35999999905</v>
      </c>
      <c r="BQ1855" s="53">
        <v>835575.35999999905</v>
      </c>
      <c r="BR1855" s="53">
        <v>835575.35999999905</v>
      </c>
      <c r="BS1855" s="53">
        <v>835575.35999999905</v>
      </c>
      <c r="BT1855" s="53">
        <v>835575.35999999905</v>
      </c>
      <c r="BU1855" s="53">
        <v>835575.35999999905</v>
      </c>
      <c r="BV1855" s="53">
        <v>835575.35999999905</v>
      </c>
      <c r="BW1855" s="53">
        <v>835575.35999999905</v>
      </c>
      <c r="BX1855" s="53">
        <v>835575.35999999905</v>
      </c>
      <c r="BY1855" s="53">
        <v>835575.35999999905</v>
      </c>
      <c r="BZ1855" s="53">
        <v>835575.35999999905</v>
      </c>
      <c r="CA1855" s="53">
        <v>835575.35999999905</v>
      </c>
      <c r="CB1855" s="53"/>
      <c r="CC1855" s="53"/>
      <c r="CD1855" s="53"/>
      <c r="CE1855" s="53"/>
      <c r="CF1855" s="53"/>
      <c r="CG1855" s="53"/>
      <c r="CH1855" s="53"/>
      <c r="CI1855" s="53"/>
      <c r="CJ1855" s="53"/>
      <c r="CK1855" s="53"/>
      <c r="CL1855" s="53"/>
      <c r="CM1855" s="53"/>
      <c r="CN1855" s="53"/>
    </row>
    <row r="1856" spans="1:92" outlineLevel="1">
      <c r="A1856" s="52" t="s">
        <v>699</v>
      </c>
      <c r="B1856" s="53"/>
      <c r="C1856" s="53"/>
      <c r="D1856" s="53"/>
      <c r="E1856" s="53"/>
      <c r="F1856" s="53"/>
      <c r="G1856" s="53"/>
      <c r="H1856" s="53"/>
      <c r="I1856" s="53"/>
      <c r="J1856" s="53"/>
      <c r="K1856" s="53"/>
      <c r="L1856" s="53"/>
      <c r="M1856" s="53"/>
      <c r="N1856" s="53"/>
      <c r="O1856" s="53"/>
      <c r="P1856" s="53"/>
      <c r="Q1856" s="53"/>
      <c r="R1856" s="53"/>
      <c r="S1856" s="53"/>
      <c r="T1856" s="53"/>
      <c r="U1856" s="53"/>
      <c r="V1856" s="53"/>
      <c r="W1856" s="53"/>
      <c r="X1856" s="53"/>
      <c r="Y1856" s="53"/>
      <c r="Z1856" s="53"/>
      <c r="AA1856" s="53"/>
      <c r="AB1856" s="53"/>
      <c r="AC1856" s="53"/>
      <c r="AD1856" s="53"/>
      <c r="AE1856" s="53"/>
      <c r="AF1856" s="53"/>
      <c r="AG1856" s="53"/>
      <c r="AH1856" s="53"/>
      <c r="AI1856" s="53"/>
      <c r="AJ1856" s="53"/>
      <c r="AK1856" s="53"/>
      <c r="AL1856" s="53"/>
      <c r="AM1856" s="53"/>
      <c r="AN1856" s="53"/>
      <c r="AO1856" s="53"/>
      <c r="AP1856" s="53"/>
      <c r="AQ1856" s="53"/>
      <c r="AR1856" s="53"/>
      <c r="AS1856" s="53"/>
      <c r="AT1856" s="53"/>
      <c r="AU1856" s="53"/>
      <c r="AV1856" s="53"/>
      <c r="AW1856" s="53"/>
      <c r="AX1856" s="53"/>
      <c r="AY1856" s="53"/>
      <c r="AZ1856" s="53"/>
      <c r="BA1856" s="53"/>
      <c r="BB1856" s="53"/>
      <c r="BC1856" s="53"/>
      <c r="BD1856" s="53"/>
      <c r="BE1856" s="53"/>
      <c r="BF1856" s="53"/>
      <c r="BG1856" s="53"/>
      <c r="BH1856" s="53"/>
      <c r="BI1856" s="53"/>
      <c r="BJ1856" s="53"/>
      <c r="BK1856" s="53"/>
      <c r="BL1856" s="53"/>
      <c r="BM1856" s="53"/>
      <c r="BN1856" s="53"/>
      <c r="BO1856" s="53"/>
      <c r="BP1856" s="53"/>
      <c r="BQ1856" s="53"/>
      <c r="BR1856" s="53"/>
      <c r="BS1856" s="53"/>
      <c r="BT1856" s="53"/>
      <c r="BU1856" s="53"/>
      <c r="BV1856" s="53"/>
      <c r="BW1856" s="53"/>
      <c r="BX1856" s="53"/>
      <c r="BY1856" s="53"/>
      <c r="BZ1856" s="53"/>
      <c r="CA1856" s="53"/>
      <c r="CB1856" s="53">
        <v>-4885623.74</v>
      </c>
      <c r="CC1856" s="53">
        <v>-6821191.2000000002</v>
      </c>
      <c r="CD1856" s="53">
        <v>-9361606.4399999995</v>
      </c>
      <c r="CE1856" s="53">
        <v>-11484163.4099999</v>
      </c>
      <c r="CF1856" s="53">
        <v>-15932844.34</v>
      </c>
      <c r="CG1856" s="53">
        <v>-19003359.25</v>
      </c>
      <c r="CH1856" s="53">
        <v>-22266829.359999999</v>
      </c>
      <c r="CI1856" s="53">
        <v>-21989061.1199999</v>
      </c>
      <c r="CJ1856" s="53">
        <v>-19896695.09</v>
      </c>
      <c r="CK1856" s="53">
        <v>-14892568.92</v>
      </c>
      <c r="CL1856" s="53">
        <v>-7069373.5300000003</v>
      </c>
      <c r="CM1856" s="53">
        <v>-2914802.36</v>
      </c>
      <c r="CN1856" s="53">
        <v>-156518118.75999999</v>
      </c>
    </row>
    <row r="1857" spans="1:92" outlineLevel="1">
      <c r="A1857" s="52" t="s">
        <v>670</v>
      </c>
      <c r="B1857" s="53"/>
      <c r="C1857" s="53"/>
      <c r="D1857" s="53"/>
      <c r="E1857" s="53"/>
      <c r="F1857" s="53"/>
      <c r="G1857" s="53"/>
      <c r="H1857" s="53"/>
      <c r="I1857" s="53"/>
      <c r="J1857" s="53"/>
      <c r="K1857" s="53"/>
      <c r="L1857" s="53"/>
      <c r="M1857" s="53"/>
      <c r="N1857" s="53"/>
      <c r="O1857" s="53"/>
      <c r="P1857" s="53"/>
      <c r="Q1857" s="53"/>
      <c r="R1857" s="53"/>
      <c r="S1857" s="53"/>
      <c r="T1857" s="53"/>
      <c r="U1857" s="53"/>
      <c r="V1857" s="53"/>
      <c r="W1857" s="53"/>
      <c r="X1857" s="53"/>
      <c r="Y1857" s="53"/>
      <c r="Z1857" s="53"/>
      <c r="AA1857" s="53"/>
      <c r="AB1857" s="53"/>
      <c r="AC1857" s="53"/>
      <c r="AD1857" s="53"/>
      <c r="AE1857" s="53"/>
      <c r="AF1857" s="53"/>
      <c r="AG1857" s="53"/>
      <c r="AH1857" s="53"/>
      <c r="AI1857" s="53"/>
      <c r="AJ1857" s="53"/>
      <c r="AK1857" s="53"/>
      <c r="AL1857" s="53"/>
      <c r="AM1857" s="53"/>
      <c r="AN1857" s="53"/>
      <c r="AO1857" s="53"/>
      <c r="AP1857" s="53"/>
      <c r="AQ1857" s="53"/>
      <c r="AR1857" s="53"/>
      <c r="AS1857" s="53"/>
      <c r="AT1857" s="53"/>
      <c r="AU1857" s="53"/>
      <c r="AV1857" s="53"/>
      <c r="AW1857" s="53"/>
      <c r="AX1857" s="53"/>
      <c r="AY1857" s="53"/>
      <c r="AZ1857" s="53"/>
      <c r="BA1857" s="53"/>
      <c r="BB1857" s="53"/>
      <c r="BC1857" s="53"/>
      <c r="BD1857" s="53"/>
      <c r="BE1857" s="53"/>
      <c r="BF1857" s="53"/>
      <c r="BG1857" s="53"/>
      <c r="BH1857" s="53"/>
      <c r="BI1857" s="53"/>
      <c r="BJ1857" s="53"/>
      <c r="BK1857" s="53"/>
      <c r="BL1857" s="53"/>
      <c r="BM1857" s="53"/>
      <c r="BN1857" s="53"/>
      <c r="BO1857" s="53"/>
      <c r="BP1857" s="53"/>
      <c r="BQ1857" s="53"/>
      <c r="BR1857" s="53"/>
      <c r="BS1857" s="53"/>
      <c r="BT1857" s="53"/>
      <c r="BU1857" s="53"/>
      <c r="BV1857" s="53"/>
      <c r="BW1857" s="53"/>
      <c r="BX1857" s="53"/>
      <c r="BY1857" s="53"/>
      <c r="BZ1857" s="53"/>
      <c r="CA1857" s="53"/>
      <c r="CB1857" s="53"/>
      <c r="CC1857" s="53"/>
      <c r="CD1857" s="53"/>
      <c r="CE1857" s="53"/>
      <c r="CF1857" s="53"/>
      <c r="CG1857" s="53"/>
      <c r="CH1857" s="53"/>
      <c r="CI1857" s="53"/>
      <c r="CJ1857" s="53"/>
      <c r="CK1857" s="53"/>
      <c r="CL1857" s="53"/>
      <c r="CM1857" s="53"/>
      <c r="CN1857" s="53"/>
    </row>
    <row r="1858" spans="1:92" outlineLevel="1">
      <c r="A1858" s="52" t="s">
        <v>671</v>
      </c>
      <c r="B1858" s="53"/>
      <c r="C1858" s="53"/>
      <c r="D1858" s="53"/>
      <c r="E1858" s="53"/>
      <c r="F1858" s="53"/>
      <c r="G1858" s="53"/>
      <c r="H1858" s="53"/>
      <c r="I1858" s="53"/>
      <c r="J1858" s="53"/>
      <c r="K1858" s="53"/>
      <c r="L1858" s="53"/>
      <c r="M1858" s="53"/>
      <c r="N1858" s="53"/>
      <c r="O1858" s="53"/>
      <c r="P1858" s="53"/>
      <c r="Q1858" s="53"/>
      <c r="R1858" s="53"/>
      <c r="S1858" s="53"/>
      <c r="T1858" s="53"/>
      <c r="U1858" s="53"/>
      <c r="V1858" s="53"/>
      <c r="W1858" s="53"/>
      <c r="X1858" s="53"/>
      <c r="Y1858" s="53"/>
      <c r="Z1858" s="53"/>
      <c r="AA1858" s="53"/>
      <c r="AB1858" s="53"/>
      <c r="AC1858" s="53"/>
      <c r="AD1858" s="53"/>
      <c r="AE1858" s="53"/>
      <c r="AF1858" s="53"/>
      <c r="AG1858" s="53"/>
      <c r="AH1858" s="53"/>
      <c r="AI1858" s="53"/>
      <c r="AJ1858" s="53"/>
      <c r="AK1858" s="53"/>
      <c r="AL1858" s="53"/>
      <c r="AM1858" s="53"/>
      <c r="AN1858" s="53"/>
      <c r="AO1858" s="53"/>
      <c r="AP1858" s="53"/>
      <c r="AQ1858" s="53"/>
      <c r="AR1858" s="53"/>
      <c r="AS1858" s="53"/>
      <c r="AT1858" s="53"/>
      <c r="AU1858" s="53"/>
      <c r="AV1858" s="53"/>
      <c r="AW1858" s="53"/>
      <c r="AX1858" s="53"/>
      <c r="AY1858" s="53"/>
      <c r="AZ1858" s="53"/>
      <c r="BA1858" s="53"/>
      <c r="BB1858" s="53"/>
      <c r="BC1858" s="53"/>
      <c r="BD1858" s="53"/>
      <c r="BE1858" s="53"/>
      <c r="BF1858" s="53"/>
      <c r="BG1858" s="53"/>
      <c r="BH1858" s="53"/>
      <c r="BI1858" s="53"/>
      <c r="BJ1858" s="53"/>
      <c r="BK1858" s="53"/>
      <c r="BL1858" s="53"/>
      <c r="BM1858" s="53"/>
      <c r="BN1858" s="53"/>
      <c r="BO1858" s="53"/>
      <c r="BP1858" s="53"/>
      <c r="BQ1858" s="53"/>
      <c r="BR1858" s="53"/>
      <c r="BS1858" s="53"/>
      <c r="BT1858" s="53"/>
      <c r="BU1858" s="53"/>
      <c r="BV1858" s="53"/>
      <c r="BW1858" s="53"/>
      <c r="BX1858" s="53"/>
      <c r="BY1858" s="53"/>
      <c r="BZ1858" s="53"/>
      <c r="CA1858" s="53"/>
      <c r="CB1858" s="53">
        <v>-2555737.2999999998</v>
      </c>
      <c r="CC1858" s="53">
        <v>-2709377.53</v>
      </c>
      <c r="CD1858" s="53">
        <v>-2658425.8399999901</v>
      </c>
      <c r="CE1858" s="53">
        <v>-2110044.13</v>
      </c>
      <c r="CF1858" s="53">
        <v>-2302031.2799999998</v>
      </c>
      <c r="CG1858" s="53">
        <v>-2465152</v>
      </c>
      <c r="CH1858" s="53">
        <v>-2104715.75</v>
      </c>
      <c r="CI1858" s="53">
        <v>-3265984</v>
      </c>
      <c r="CJ1858" s="53">
        <v>-2673102.46</v>
      </c>
      <c r="CK1858" s="53">
        <v>-2398012.0199999898</v>
      </c>
      <c r="CL1858" s="53">
        <v>-2879835.02</v>
      </c>
      <c r="CM1858" s="53">
        <v>-2813547.2099999902</v>
      </c>
      <c r="CN1858" s="53">
        <v>-30935964.539999899</v>
      </c>
    </row>
    <row r="1859" spans="1:92">
      <c r="A1859" s="52" t="s">
        <v>1249</v>
      </c>
      <c r="B1859" s="53">
        <v>-839692.28799999994</v>
      </c>
      <c r="C1859" s="53">
        <v>-1659457.54999999</v>
      </c>
      <c r="D1859" s="53">
        <v>-1501390.14</v>
      </c>
      <c r="E1859" s="53">
        <v>-1540071.9</v>
      </c>
      <c r="F1859" s="53">
        <v>-1298458.71</v>
      </c>
      <c r="G1859" s="53">
        <v>-1357107.18</v>
      </c>
      <c r="H1859" s="53">
        <v>979270.12</v>
      </c>
      <c r="I1859" s="53">
        <v>-1537353.5699999901</v>
      </c>
      <c r="J1859" s="53">
        <v>-1064526.3399999901</v>
      </c>
      <c r="K1859" s="53">
        <v>-830069.43999999901</v>
      </c>
      <c r="L1859" s="53">
        <v>-428552.45</v>
      </c>
      <c r="M1859" s="53">
        <v>-1792328.1899999899</v>
      </c>
      <c r="N1859" s="53">
        <v>-12869737.638</v>
      </c>
      <c r="O1859" s="53">
        <v>-2577665.14</v>
      </c>
      <c r="P1859" s="53">
        <v>-1288011</v>
      </c>
      <c r="Q1859" s="53">
        <v>-1312759</v>
      </c>
      <c r="R1859" s="53">
        <v>-1320943</v>
      </c>
      <c r="S1859" s="53">
        <v>-1339012</v>
      </c>
      <c r="T1859" s="53">
        <v>-1327680</v>
      </c>
      <c r="U1859" s="53">
        <v>-1573045</v>
      </c>
      <c r="V1859" s="53">
        <v>-1362504</v>
      </c>
      <c r="W1859" s="53">
        <v>-1331174</v>
      </c>
      <c r="X1859" s="53">
        <v>-1319668</v>
      </c>
      <c r="Y1859" s="53">
        <v>-1319596</v>
      </c>
      <c r="Z1859" s="53">
        <v>-1336985</v>
      </c>
      <c r="AA1859" s="53">
        <v>-17409042.1399999</v>
      </c>
      <c r="AB1859" s="53">
        <v>-1563864</v>
      </c>
      <c r="AC1859" s="53">
        <v>-1322735</v>
      </c>
      <c r="AD1859" s="53">
        <v>-1347755</v>
      </c>
      <c r="AE1859" s="53">
        <v>-1361043</v>
      </c>
      <c r="AF1859" s="53">
        <v>-1376515</v>
      </c>
      <c r="AG1859" s="53">
        <v>-1541295</v>
      </c>
      <c r="AH1859" s="53">
        <v>-1442950</v>
      </c>
      <c r="AI1859" s="53">
        <v>-1401889</v>
      </c>
      <c r="AJ1859" s="53">
        <v>-1374728</v>
      </c>
      <c r="AK1859" s="53">
        <v>-1362800</v>
      </c>
      <c r="AL1859" s="53">
        <v>-1360469</v>
      </c>
      <c r="AM1859" s="53">
        <v>-1549908</v>
      </c>
      <c r="AN1859" s="53">
        <v>-17005951</v>
      </c>
      <c r="AO1859" s="53">
        <v>-1433105</v>
      </c>
      <c r="AP1859" s="53">
        <v>-1406265.99999999</v>
      </c>
      <c r="AQ1859" s="53">
        <v>-1406265.99999999</v>
      </c>
      <c r="AR1859" s="53">
        <v>-1406265.99999999</v>
      </c>
      <c r="AS1859" s="53">
        <v>-1406265.99999999</v>
      </c>
      <c r="AT1859" s="53">
        <v>-1406265.99999999</v>
      </c>
      <c r="AU1859" s="53">
        <v>-1406265.99999999</v>
      </c>
      <c r="AV1859" s="53">
        <v>-1406265.99999999</v>
      </c>
      <c r="AW1859" s="53">
        <v>-1406265.99999999</v>
      </c>
      <c r="AX1859" s="53">
        <v>-1406265.99999999</v>
      </c>
      <c r="AY1859" s="53">
        <v>-1406265.99999999</v>
      </c>
      <c r="AZ1859" s="53">
        <v>-1406265.99999999</v>
      </c>
      <c r="BA1859" s="53">
        <v>-16902031</v>
      </c>
      <c r="BB1859" s="53">
        <v>-1406265.99999999</v>
      </c>
      <c r="BC1859" s="53">
        <v>-1406265.99999999</v>
      </c>
      <c r="BD1859" s="53">
        <v>-1406265.99999999</v>
      </c>
      <c r="BE1859" s="53">
        <v>-1406265.99999999</v>
      </c>
      <c r="BF1859" s="53">
        <v>-1406265.99999999</v>
      </c>
      <c r="BG1859" s="53">
        <v>-1406265.99999999</v>
      </c>
      <c r="BH1859" s="53">
        <v>-1406265.99999999</v>
      </c>
      <c r="BI1859" s="53">
        <v>-1406265.99999999</v>
      </c>
      <c r="BJ1859" s="53">
        <v>-1406265.99999999</v>
      </c>
      <c r="BK1859" s="53">
        <v>-1406265.99999999</v>
      </c>
      <c r="BL1859" s="53">
        <v>-1406265.99999999</v>
      </c>
      <c r="BM1859" s="53">
        <v>-1406265.99999999</v>
      </c>
      <c r="BN1859" s="53">
        <v>-16875192</v>
      </c>
      <c r="BO1859" s="53">
        <v>-1406265.99999999</v>
      </c>
      <c r="BP1859" s="53">
        <v>-1406265.99999999</v>
      </c>
      <c r="BQ1859" s="53">
        <v>-1406265.99999999</v>
      </c>
      <c r="BR1859" s="53">
        <v>-1406265.99999999</v>
      </c>
      <c r="BS1859" s="53">
        <v>-1406265.99999999</v>
      </c>
      <c r="BT1859" s="53">
        <v>-1406265.99999999</v>
      </c>
      <c r="BU1859" s="53">
        <v>-1406265.99999999</v>
      </c>
      <c r="BV1859" s="53">
        <v>-1406265.99999999</v>
      </c>
      <c r="BW1859" s="53">
        <v>-1406265.99999999</v>
      </c>
      <c r="BX1859" s="53">
        <v>-1406265.99999999</v>
      </c>
      <c r="BY1859" s="53">
        <v>-1406265.99999999</v>
      </c>
      <c r="BZ1859" s="53">
        <v>-1406265.99999999</v>
      </c>
      <c r="CA1859" s="53">
        <v>-16875192</v>
      </c>
      <c r="CB1859" s="53"/>
      <c r="CC1859" s="53"/>
      <c r="CD1859" s="53"/>
      <c r="CE1859" s="53"/>
      <c r="CF1859" s="53"/>
      <c r="CG1859" s="53"/>
      <c r="CH1859" s="53"/>
      <c r="CI1859" s="53"/>
      <c r="CJ1859" s="53"/>
      <c r="CK1859" s="53"/>
      <c r="CL1859" s="53"/>
      <c r="CM1859" s="53"/>
      <c r="CN1859" s="53"/>
    </row>
    <row r="1860" spans="1:92" outlineLevel="1">
      <c r="A1860" s="52" t="s">
        <v>672</v>
      </c>
      <c r="B1860" s="53"/>
      <c r="C1860" s="53"/>
      <c r="D1860" s="53"/>
      <c r="E1860" s="53"/>
      <c r="F1860" s="53"/>
      <c r="G1860" s="53"/>
      <c r="H1860" s="53"/>
      <c r="I1860" s="53"/>
      <c r="J1860" s="53"/>
      <c r="K1860" s="53"/>
      <c r="L1860" s="53"/>
      <c r="M1860" s="53"/>
      <c r="N1860" s="53"/>
      <c r="O1860" s="53"/>
      <c r="P1860" s="53"/>
      <c r="Q1860" s="53"/>
      <c r="R1860" s="53"/>
      <c r="S1860" s="53"/>
      <c r="T1860" s="53"/>
      <c r="U1860" s="53"/>
      <c r="V1860" s="53"/>
      <c r="W1860" s="53"/>
      <c r="X1860" s="53"/>
      <c r="Y1860" s="53"/>
      <c r="Z1860" s="53"/>
      <c r="AA1860" s="53"/>
      <c r="AB1860" s="53"/>
      <c r="AC1860" s="53"/>
      <c r="AD1860" s="53"/>
      <c r="AE1860" s="53"/>
      <c r="AF1860" s="53"/>
      <c r="AG1860" s="53"/>
      <c r="AH1860" s="53"/>
      <c r="AI1860" s="53"/>
      <c r="AJ1860" s="53"/>
      <c r="AK1860" s="53"/>
      <c r="AL1860" s="53"/>
      <c r="AM1860" s="53"/>
      <c r="AN1860" s="53"/>
      <c r="AO1860" s="53"/>
      <c r="AP1860" s="53"/>
      <c r="AQ1860" s="53"/>
      <c r="AR1860" s="53"/>
      <c r="AS1860" s="53"/>
      <c r="AT1860" s="53"/>
      <c r="AU1860" s="53"/>
      <c r="AV1860" s="53"/>
      <c r="AW1860" s="53"/>
      <c r="AX1860" s="53"/>
      <c r="AY1860" s="53"/>
      <c r="AZ1860" s="53"/>
      <c r="BA1860" s="53"/>
      <c r="BB1860" s="53"/>
      <c r="BC1860" s="53"/>
      <c r="BD1860" s="53"/>
      <c r="BE1860" s="53"/>
      <c r="BF1860" s="53"/>
      <c r="BG1860" s="53"/>
      <c r="BH1860" s="53"/>
      <c r="BI1860" s="53"/>
      <c r="BJ1860" s="53"/>
      <c r="BK1860" s="53"/>
      <c r="BL1860" s="53"/>
      <c r="BM1860" s="53"/>
      <c r="BN1860" s="53"/>
      <c r="BO1860" s="53"/>
      <c r="BP1860" s="53"/>
      <c r="BQ1860" s="53"/>
      <c r="BR1860" s="53"/>
      <c r="BS1860" s="53"/>
      <c r="BT1860" s="53"/>
      <c r="BU1860" s="53"/>
      <c r="BV1860" s="53"/>
      <c r="BW1860" s="53"/>
      <c r="BX1860" s="53"/>
      <c r="BY1860" s="53"/>
      <c r="BZ1860" s="53"/>
      <c r="CA1860" s="53"/>
      <c r="CB1860" s="53">
        <v>-96801882.019999996</v>
      </c>
      <c r="CC1860" s="53">
        <v>-82686144.709999993</v>
      </c>
      <c r="CD1860" s="53">
        <v>-84040742.510000005</v>
      </c>
      <c r="CE1860" s="53">
        <v>-75622199.959999993</v>
      </c>
      <c r="CF1860" s="53">
        <v>-89792007.289999902</v>
      </c>
      <c r="CG1860" s="53">
        <v>-95721055.140000001</v>
      </c>
      <c r="CH1860" s="53">
        <v>-101577896.73999999</v>
      </c>
      <c r="CI1860" s="53">
        <v>-101850854.92</v>
      </c>
      <c r="CJ1860" s="53">
        <v>-97561165.279999897</v>
      </c>
      <c r="CK1860" s="53">
        <v>-87880748.609999999</v>
      </c>
      <c r="CL1860" s="53">
        <v>-81465344.129999995</v>
      </c>
      <c r="CM1860" s="53">
        <v>-93850456.6199999</v>
      </c>
      <c r="CN1860" s="53">
        <v>-1088850497.9299901</v>
      </c>
    </row>
    <row r="1861" spans="1:92" outlineLevel="1">
      <c r="A1861" s="52" t="s">
        <v>670</v>
      </c>
      <c r="B1861" s="53"/>
      <c r="C1861" s="53"/>
      <c r="D1861" s="53"/>
      <c r="E1861" s="53"/>
      <c r="F1861" s="53"/>
      <c r="G1861" s="53"/>
      <c r="H1861" s="53"/>
      <c r="I1861" s="53"/>
      <c r="J1861" s="53"/>
      <c r="K1861" s="53"/>
      <c r="L1861" s="53"/>
      <c r="M1861" s="53"/>
      <c r="N1861" s="53"/>
      <c r="O1861" s="53"/>
      <c r="P1861" s="53"/>
      <c r="Q1861" s="53"/>
      <c r="R1861" s="53"/>
      <c r="S1861" s="53"/>
      <c r="T1861" s="53"/>
      <c r="U1861" s="53"/>
      <c r="V1861" s="53"/>
      <c r="W1861" s="53"/>
      <c r="X1861" s="53"/>
      <c r="Y1861" s="53"/>
      <c r="Z1861" s="53"/>
      <c r="AA1861" s="53"/>
      <c r="AB1861" s="53"/>
      <c r="AC1861" s="53"/>
      <c r="AD1861" s="53"/>
      <c r="AE1861" s="53"/>
      <c r="AF1861" s="53"/>
      <c r="AG1861" s="53"/>
      <c r="AH1861" s="53"/>
      <c r="AI1861" s="53"/>
      <c r="AJ1861" s="53"/>
      <c r="AK1861" s="53"/>
      <c r="AL1861" s="53"/>
      <c r="AM1861" s="53"/>
      <c r="AN1861" s="53"/>
      <c r="AO1861" s="53"/>
      <c r="AP1861" s="53"/>
      <c r="AQ1861" s="53"/>
      <c r="AR1861" s="53"/>
      <c r="AS1861" s="53"/>
      <c r="AT1861" s="53"/>
      <c r="AU1861" s="53"/>
      <c r="AV1861" s="53"/>
      <c r="AW1861" s="53"/>
      <c r="AX1861" s="53"/>
      <c r="AY1861" s="53"/>
      <c r="AZ1861" s="53"/>
      <c r="BA1861" s="53"/>
      <c r="BB1861" s="53"/>
      <c r="BC1861" s="53"/>
      <c r="BD1861" s="53"/>
      <c r="BE1861" s="53"/>
      <c r="BF1861" s="53"/>
      <c r="BG1861" s="53"/>
      <c r="BH1861" s="53"/>
      <c r="BI1861" s="53"/>
      <c r="BJ1861" s="53"/>
      <c r="BK1861" s="53"/>
      <c r="BL1861" s="53"/>
      <c r="BM1861" s="53"/>
      <c r="BN1861" s="53"/>
      <c r="BO1861" s="53"/>
      <c r="BP1861" s="53"/>
      <c r="BQ1861" s="53"/>
      <c r="BR1861" s="53"/>
      <c r="BS1861" s="53"/>
      <c r="BT1861" s="53"/>
      <c r="BU1861" s="53"/>
      <c r="BV1861" s="53"/>
      <c r="BW1861" s="53"/>
      <c r="BX1861" s="53"/>
      <c r="BY1861" s="53"/>
      <c r="BZ1861" s="53"/>
      <c r="CA1861" s="53"/>
      <c r="CB1861" s="53"/>
      <c r="CC1861" s="53"/>
      <c r="CD1861" s="53"/>
      <c r="CE1861" s="53"/>
      <c r="CF1861" s="53"/>
      <c r="CG1861" s="53"/>
      <c r="CH1861" s="53"/>
      <c r="CI1861" s="53"/>
      <c r="CJ1861" s="53"/>
      <c r="CK1861" s="53"/>
      <c r="CL1861" s="53"/>
      <c r="CM1861" s="53"/>
      <c r="CN1861" s="53"/>
    </row>
    <row r="1862" spans="1:92" outlineLevel="1">
      <c r="A1862" s="52" t="s">
        <v>671</v>
      </c>
      <c r="B1862" s="53"/>
      <c r="C1862" s="53"/>
      <c r="D1862" s="53"/>
      <c r="E1862" s="53"/>
      <c r="F1862" s="53"/>
      <c r="G1862" s="53"/>
      <c r="H1862" s="53"/>
      <c r="I1862" s="53"/>
      <c r="J1862" s="53"/>
      <c r="K1862" s="53"/>
      <c r="L1862" s="53"/>
      <c r="M1862" s="53"/>
      <c r="N1862" s="53"/>
      <c r="O1862" s="53"/>
      <c r="P1862" s="53"/>
      <c r="Q1862" s="53"/>
      <c r="R1862" s="53"/>
      <c r="S1862" s="53"/>
      <c r="T1862" s="53"/>
      <c r="U1862" s="53"/>
      <c r="V1862" s="53"/>
      <c r="W1862" s="53"/>
      <c r="X1862" s="53"/>
      <c r="Y1862" s="53"/>
      <c r="Z1862" s="53"/>
      <c r="AA1862" s="53"/>
      <c r="AB1862" s="53"/>
      <c r="AC1862" s="53"/>
      <c r="AD1862" s="53"/>
      <c r="AE1862" s="53"/>
      <c r="AF1862" s="53"/>
      <c r="AG1862" s="53"/>
      <c r="AH1862" s="53"/>
      <c r="AI1862" s="53"/>
      <c r="AJ1862" s="53"/>
      <c r="AK1862" s="53"/>
      <c r="AL1862" s="53"/>
      <c r="AM1862" s="53"/>
      <c r="AN1862" s="53"/>
      <c r="AO1862" s="53"/>
      <c r="AP1862" s="53"/>
      <c r="AQ1862" s="53"/>
      <c r="AR1862" s="53"/>
      <c r="AS1862" s="53"/>
      <c r="AT1862" s="53"/>
      <c r="AU1862" s="53"/>
      <c r="AV1862" s="53"/>
      <c r="AW1862" s="53"/>
      <c r="AX1862" s="53"/>
      <c r="AY1862" s="53"/>
      <c r="AZ1862" s="53"/>
      <c r="BA1862" s="53"/>
      <c r="BB1862" s="53"/>
      <c r="BC1862" s="53"/>
      <c r="BD1862" s="53"/>
      <c r="BE1862" s="53"/>
      <c r="BF1862" s="53"/>
      <c r="BG1862" s="53"/>
      <c r="BH1862" s="53"/>
      <c r="BI1862" s="53"/>
      <c r="BJ1862" s="53"/>
      <c r="BK1862" s="53"/>
      <c r="BL1862" s="53"/>
      <c r="BM1862" s="53"/>
      <c r="BN1862" s="53"/>
      <c r="BO1862" s="53"/>
      <c r="BP1862" s="53"/>
      <c r="BQ1862" s="53"/>
      <c r="BR1862" s="53"/>
      <c r="BS1862" s="53"/>
      <c r="BT1862" s="53"/>
      <c r="BU1862" s="53"/>
      <c r="BV1862" s="53"/>
      <c r="BW1862" s="53"/>
      <c r="BX1862" s="53"/>
      <c r="BY1862" s="53"/>
      <c r="BZ1862" s="53"/>
      <c r="CA1862" s="53"/>
      <c r="CB1862" s="53"/>
      <c r="CC1862" s="53"/>
      <c r="CD1862" s="53"/>
      <c r="CE1862" s="53"/>
      <c r="CF1862" s="53"/>
      <c r="CG1862" s="53"/>
      <c r="CH1862" s="53"/>
      <c r="CI1862" s="53"/>
      <c r="CJ1862" s="53"/>
      <c r="CK1862" s="53"/>
      <c r="CL1862" s="53"/>
      <c r="CM1862" s="53"/>
      <c r="CN1862" s="53"/>
    </row>
    <row r="1863" spans="1:92" outlineLevel="1">
      <c r="A1863" s="52" t="s">
        <v>649</v>
      </c>
      <c r="B1863" s="53">
        <v>1659457.54999999</v>
      </c>
      <c r="C1863" s="53">
        <v>1501390.14</v>
      </c>
      <c r="D1863" s="53">
        <v>1540071.9</v>
      </c>
      <c r="E1863" s="53">
        <v>1298458.71</v>
      </c>
      <c r="F1863" s="53">
        <v>1357107.18</v>
      </c>
      <c r="G1863" s="53">
        <v>-979270.12</v>
      </c>
      <c r="H1863" s="53">
        <v>1537353.5699999901</v>
      </c>
      <c r="I1863" s="53">
        <v>1064526.3399999901</v>
      </c>
      <c r="J1863" s="53">
        <v>830069.43999999901</v>
      </c>
      <c r="K1863" s="53">
        <v>428552.45</v>
      </c>
      <c r="L1863" s="53">
        <v>1792328.1899999899</v>
      </c>
      <c r="M1863" s="53">
        <v>2577665.14</v>
      </c>
      <c r="N1863" s="53">
        <v>14607710.49</v>
      </c>
      <c r="O1863" s="53">
        <v>1288011</v>
      </c>
      <c r="P1863" s="53">
        <v>1312759</v>
      </c>
      <c r="Q1863" s="53">
        <v>1320943</v>
      </c>
      <c r="R1863" s="53">
        <v>1339012</v>
      </c>
      <c r="S1863" s="53">
        <v>1327680</v>
      </c>
      <c r="T1863" s="53">
        <v>1573045</v>
      </c>
      <c r="U1863" s="53">
        <v>1362504</v>
      </c>
      <c r="V1863" s="53">
        <v>1331174</v>
      </c>
      <c r="W1863" s="53">
        <v>1319668</v>
      </c>
      <c r="X1863" s="53">
        <v>1319596</v>
      </c>
      <c r="Y1863" s="53">
        <v>1336985</v>
      </c>
      <c r="Z1863" s="53">
        <v>1563864</v>
      </c>
      <c r="AA1863" s="53">
        <v>16395241</v>
      </c>
      <c r="AB1863" s="53">
        <v>1322735</v>
      </c>
      <c r="AC1863" s="53">
        <v>1347755</v>
      </c>
      <c r="AD1863" s="53">
        <v>1361043</v>
      </c>
      <c r="AE1863" s="53">
        <v>1376515</v>
      </c>
      <c r="AF1863" s="53">
        <v>1541295</v>
      </c>
      <c r="AG1863" s="53">
        <v>1442950</v>
      </c>
      <c r="AH1863" s="53">
        <v>1401889</v>
      </c>
      <c r="AI1863" s="53">
        <v>1374728</v>
      </c>
      <c r="AJ1863" s="53">
        <v>1362800</v>
      </c>
      <c r="AK1863" s="53">
        <v>1360469</v>
      </c>
      <c r="AL1863" s="53">
        <v>1549908</v>
      </c>
      <c r="AM1863" s="53">
        <v>1433105</v>
      </c>
      <c r="AN1863" s="53">
        <v>16875192</v>
      </c>
      <c r="AO1863" s="53">
        <v>1406265.99999999</v>
      </c>
      <c r="AP1863" s="53">
        <v>1406265.99999999</v>
      </c>
      <c r="AQ1863" s="53">
        <v>1406265.99999999</v>
      </c>
      <c r="AR1863" s="53">
        <v>1406265.99999999</v>
      </c>
      <c r="AS1863" s="53">
        <v>1406265.99999999</v>
      </c>
      <c r="AT1863" s="53">
        <v>1406265.99999999</v>
      </c>
      <c r="AU1863" s="53">
        <v>1406265.99999999</v>
      </c>
      <c r="AV1863" s="53">
        <v>1406265.99999999</v>
      </c>
      <c r="AW1863" s="53">
        <v>1406265.99999999</v>
      </c>
      <c r="AX1863" s="53">
        <v>1406265.99999999</v>
      </c>
      <c r="AY1863" s="53">
        <v>1406265.99999999</v>
      </c>
      <c r="AZ1863" s="53">
        <v>1406265.99999999</v>
      </c>
      <c r="BA1863" s="53">
        <v>16875192</v>
      </c>
      <c r="BB1863" s="53">
        <v>1406265.99999999</v>
      </c>
      <c r="BC1863" s="53">
        <v>1406265.99999999</v>
      </c>
      <c r="BD1863" s="53">
        <v>1406265.99999999</v>
      </c>
      <c r="BE1863" s="53">
        <v>1406265.99999999</v>
      </c>
      <c r="BF1863" s="53">
        <v>1406265.99999999</v>
      </c>
      <c r="BG1863" s="53">
        <v>1406265.99999999</v>
      </c>
      <c r="BH1863" s="53">
        <v>1406265.99999999</v>
      </c>
      <c r="BI1863" s="53">
        <v>1406265.99999999</v>
      </c>
      <c r="BJ1863" s="53">
        <v>1406265.99999999</v>
      </c>
      <c r="BK1863" s="53">
        <v>1406265.99999999</v>
      </c>
      <c r="BL1863" s="53">
        <v>1406265.99999999</v>
      </c>
      <c r="BM1863" s="53">
        <v>1406265.99999999</v>
      </c>
      <c r="BN1863" s="53">
        <v>16875192</v>
      </c>
      <c r="BO1863" s="53">
        <v>1406265.99999999</v>
      </c>
      <c r="BP1863" s="53">
        <v>1406265.99999999</v>
      </c>
      <c r="BQ1863" s="53">
        <v>1406265.99999999</v>
      </c>
      <c r="BR1863" s="53">
        <v>1406265.99999999</v>
      </c>
      <c r="BS1863" s="53">
        <v>1406265.99999999</v>
      </c>
      <c r="BT1863" s="53">
        <v>1406265.99999999</v>
      </c>
      <c r="BU1863" s="53">
        <v>1406265.99999999</v>
      </c>
      <c r="BV1863" s="53">
        <v>1406265.99999999</v>
      </c>
      <c r="BW1863" s="53">
        <v>1406265.99999999</v>
      </c>
      <c r="BX1863" s="53">
        <v>1406265.99999999</v>
      </c>
      <c r="BY1863" s="53">
        <v>1406265.99999999</v>
      </c>
      <c r="BZ1863" s="53">
        <v>1406265.99999999</v>
      </c>
      <c r="CA1863" s="53">
        <v>16875192</v>
      </c>
      <c r="CB1863" s="53"/>
      <c r="CC1863" s="53"/>
      <c r="CD1863" s="53"/>
      <c r="CE1863" s="53"/>
      <c r="CF1863" s="53"/>
      <c r="CG1863" s="53"/>
      <c r="CH1863" s="53"/>
      <c r="CI1863" s="53"/>
      <c r="CJ1863" s="53"/>
      <c r="CK1863" s="53"/>
      <c r="CL1863" s="53"/>
      <c r="CM1863" s="53"/>
      <c r="CN1863" s="53"/>
    </row>
    <row r="1864" spans="1:92" outlineLevel="1">
      <c r="A1864" s="52" t="s">
        <v>1552</v>
      </c>
      <c r="B1864" s="53">
        <v>132409.53</v>
      </c>
      <c r="C1864" s="53">
        <v>414482.98</v>
      </c>
      <c r="D1864" s="53">
        <v>728284.48</v>
      </c>
      <c r="E1864" s="53">
        <v>1010697.33</v>
      </c>
      <c r="F1864" s="53">
        <v>1333516.69</v>
      </c>
      <c r="G1864" s="53">
        <v>1820631.62</v>
      </c>
      <c r="H1864" s="53">
        <v>220926.61</v>
      </c>
      <c r="I1864" s="53">
        <v>634918.97</v>
      </c>
      <c r="J1864" s="53">
        <v>1092565.45</v>
      </c>
      <c r="K1864" s="53">
        <v>1338456.3799999999</v>
      </c>
      <c r="L1864" s="53">
        <v>1612782.37</v>
      </c>
      <c r="M1864" s="53">
        <v>2006974.5</v>
      </c>
      <c r="N1864" s="53">
        <v>2006974.5</v>
      </c>
      <c r="O1864" s="53">
        <v>717320.35999999905</v>
      </c>
      <c r="P1864" s="53">
        <v>742068.35999999905</v>
      </c>
      <c r="Q1864" s="53">
        <v>750252.35999999905</v>
      </c>
      <c r="R1864" s="53">
        <v>768321.35999999905</v>
      </c>
      <c r="S1864" s="53">
        <v>756989.35999999905</v>
      </c>
      <c r="T1864" s="53">
        <v>1002354.35999999</v>
      </c>
      <c r="U1864" s="53">
        <v>791813.35999999905</v>
      </c>
      <c r="V1864" s="53">
        <v>760483.35999999905</v>
      </c>
      <c r="W1864" s="53">
        <v>748977.35999999905</v>
      </c>
      <c r="X1864" s="53">
        <v>748905.35999999905</v>
      </c>
      <c r="Y1864" s="53">
        <v>766294.35999999905</v>
      </c>
      <c r="Z1864" s="53">
        <v>993173.35999999905</v>
      </c>
      <c r="AA1864" s="53">
        <v>993173.35999999905</v>
      </c>
      <c r="AB1864" s="53">
        <v>752044.35999999905</v>
      </c>
      <c r="AC1864" s="53">
        <v>777064.35999999905</v>
      </c>
      <c r="AD1864" s="53">
        <v>790352.35999999905</v>
      </c>
      <c r="AE1864" s="53">
        <v>805824.35999999905</v>
      </c>
      <c r="AF1864" s="53">
        <v>970604.35999999905</v>
      </c>
      <c r="AG1864" s="53">
        <v>872259.35999999905</v>
      </c>
      <c r="AH1864" s="53">
        <v>831198.35999999905</v>
      </c>
      <c r="AI1864" s="53">
        <v>804037.35999999905</v>
      </c>
      <c r="AJ1864" s="53">
        <v>792109.35999999905</v>
      </c>
      <c r="AK1864" s="53">
        <v>789778.35999999905</v>
      </c>
      <c r="AL1864" s="53">
        <v>979217.35999999905</v>
      </c>
      <c r="AM1864" s="53">
        <v>862414.35999999905</v>
      </c>
      <c r="AN1864" s="53">
        <v>862414.35999999905</v>
      </c>
      <c r="AO1864" s="53">
        <v>835575.35999999905</v>
      </c>
      <c r="AP1864" s="53">
        <v>835575.35999999905</v>
      </c>
      <c r="AQ1864" s="53">
        <v>835575.35999999905</v>
      </c>
      <c r="AR1864" s="53">
        <v>835575.35999999905</v>
      </c>
      <c r="AS1864" s="53">
        <v>835575.35999999905</v>
      </c>
      <c r="AT1864" s="53">
        <v>835575.35999999905</v>
      </c>
      <c r="AU1864" s="53">
        <v>835575.35999999905</v>
      </c>
      <c r="AV1864" s="53">
        <v>835575.35999999905</v>
      </c>
      <c r="AW1864" s="53">
        <v>835575.35999999905</v>
      </c>
      <c r="AX1864" s="53">
        <v>835575.35999999905</v>
      </c>
      <c r="AY1864" s="53">
        <v>835575.35999999905</v>
      </c>
      <c r="AZ1864" s="53">
        <v>835575.35999999905</v>
      </c>
      <c r="BA1864" s="53">
        <v>835575.35999999905</v>
      </c>
      <c r="BB1864" s="53">
        <v>835575.35999999905</v>
      </c>
      <c r="BC1864" s="53">
        <v>835575.35999999905</v>
      </c>
      <c r="BD1864" s="53">
        <v>835575.35999999905</v>
      </c>
      <c r="BE1864" s="53">
        <v>835575.35999999905</v>
      </c>
      <c r="BF1864" s="53">
        <v>835575.35999999905</v>
      </c>
      <c r="BG1864" s="53">
        <v>835575.35999999905</v>
      </c>
      <c r="BH1864" s="53">
        <v>835575.35999999905</v>
      </c>
      <c r="BI1864" s="53">
        <v>835575.35999999905</v>
      </c>
      <c r="BJ1864" s="53">
        <v>835575.35999999905</v>
      </c>
      <c r="BK1864" s="53">
        <v>835575.35999999905</v>
      </c>
      <c r="BL1864" s="53">
        <v>835575.35999999905</v>
      </c>
      <c r="BM1864" s="53">
        <v>835575.35999999905</v>
      </c>
      <c r="BN1864" s="53">
        <v>835575.35999999905</v>
      </c>
      <c r="BO1864" s="53">
        <v>835575.35999999905</v>
      </c>
      <c r="BP1864" s="53">
        <v>835575.35999999905</v>
      </c>
      <c r="BQ1864" s="53">
        <v>835575.35999999905</v>
      </c>
      <c r="BR1864" s="53">
        <v>835575.35999999905</v>
      </c>
      <c r="BS1864" s="53">
        <v>835575.35999999905</v>
      </c>
      <c r="BT1864" s="53">
        <v>835575.35999999905</v>
      </c>
      <c r="BU1864" s="53">
        <v>835575.35999999905</v>
      </c>
      <c r="BV1864" s="53">
        <v>835575.35999999905</v>
      </c>
      <c r="BW1864" s="53">
        <v>835575.35999999905</v>
      </c>
      <c r="BX1864" s="53">
        <v>835575.35999999905</v>
      </c>
      <c r="BY1864" s="53">
        <v>835575.35999999905</v>
      </c>
      <c r="BZ1864" s="53">
        <v>835575.35999999905</v>
      </c>
      <c r="CA1864" s="53">
        <v>835575.35999999905</v>
      </c>
      <c r="CB1864" s="53"/>
      <c r="CC1864" s="53"/>
      <c r="CD1864" s="53"/>
      <c r="CE1864" s="53"/>
      <c r="CF1864" s="53"/>
      <c r="CG1864" s="53"/>
      <c r="CH1864" s="53"/>
      <c r="CI1864" s="53"/>
      <c r="CJ1864" s="53"/>
      <c r="CK1864" s="53"/>
      <c r="CL1864" s="53"/>
      <c r="CM1864" s="53"/>
      <c r="CN1864" s="53"/>
    </row>
    <row r="1865" spans="1:92" outlineLevel="1">
      <c r="A1865" s="52" t="s">
        <v>1553</v>
      </c>
      <c r="B1865" s="53">
        <v>0</v>
      </c>
      <c r="C1865" s="53">
        <v>0</v>
      </c>
      <c r="D1865" s="53">
        <v>0</v>
      </c>
      <c r="E1865" s="53">
        <v>0</v>
      </c>
      <c r="F1865" s="53">
        <v>0</v>
      </c>
      <c r="G1865" s="53">
        <v>0</v>
      </c>
      <c r="H1865" s="53">
        <v>0</v>
      </c>
      <c r="I1865" s="53">
        <v>0</v>
      </c>
      <c r="J1865" s="53">
        <v>0</v>
      </c>
      <c r="K1865" s="53">
        <v>0</v>
      </c>
      <c r="L1865" s="53">
        <v>0</v>
      </c>
      <c r="M1865" s="53">
        <v>0</v>
      </c>
      <c r="N1865" s="53">
        <v>0</v>
      </c>
      <c r="O1865" s="53">
        <v>0</v>
      </c>
      <c r="P1865" s="53">
        <v>0</v>
      </c>
      <c r="Q1865" s="53">
        <v>0</v>
      </c>
      <c r="R1865" s="53">
        <v>0</v>
      </c>
      <c r="S1865" s="53">
        <v>0</v>
      </c>
      <c r="T1865" s="53">
        <v>0</v>
      </c>
      <c r="U1865" s="53">
        <v>0</v>
      </c>
      <c r="V1865" s="53">
        <v>0</v>
      </c>
      <c r="W1865" s="53">
        <v>0</v>
      </c>
      <c r="X1865" s="53">
        <v>0</v>
      </c>
      <c r="Y1865" s="53">
        <v>0</v>
      </c>
      <c r="Z1865" s="53">
        <v>0</v>
      </c>
      <c r="AA1865" s="53">
        <v>0</v>
      </c>
      <c r="AB1865" s="53">
        <v>0</v>
      </c>
      <c r="AC1865" s="53">
        <v>0</v>
      </c>
      <c r="AD1865" s="53">
        <v>0</v>
      </c>
      <c r="AE1865" s="53">
        <v>0</v>
      </c>
      <c r="AF1865" s="53">
        <v>0</v>
      </c>
      <c r="AG1865" s="53">
        <v>0</v>
      </c>
      <c r="AH1865" s="53">
        <v>0</v>
      </c>
      <c r="AI1865" s="53">
        <v>0</v>
      </c>
      <c r="AJ1865" s="53">
        <v>0</v>
      </c>
      <c r="AK1865" s="53">
        <v>0</v>
      </c>
      <c r="AL1865" s="53">
        <v>0</v>
      </c>
      <c r="AM1865" s="53">
        <v>0</v>
      </c>
      <c r="AN1865" s="53">
        <v>0</v>
      </c>
      <c r="AO1865" s="53">
        <v>0</v>
      </c>
      <c r="AP1865" s="53">
        <v>0</v>
      </c>
      <c r="AQ1865" s="53">
        <v>0</v>
      </c>
      <c r="AR1865" s="53">
        <v>0</v>
      </c>
      <c r="AS1865" s="53">
        <v>0</v>
      </c>
      <c r="AT1865" s="53">
        <v>0</v>
      </c>
      <c r="AU1865" s="53">
        <v>0</v>
      </c>
      <c r="AV1865" s="53">
        <v>0</v>
      </c>
      <c r="AW1865" s="53">
        <v>0</v>
      </c>
      <c r="AX1865" s="53">
        <v>0</v>
      </c>
      <c r="AY1865" s="53">
        <v>0</v>
      </c>
      <c r="AZ1865" s="53">
        <v>0</v>
      </c>
      <c r="BA1865" s="53">
        <v>0</v>
      </c>
      <c r="BB1865" s="53">
        <v>0</v>
      </c>
      <c r="BC1865" s="53">
        <v>0</v>
      </c>
      <c r="BD1865" s="53">
        <v>0</v>
      </c>
      <c r="BE1865" s="53">
        <v>0</v>
      </c>
      <c r="BF1865" s="53">
        <v>0</v>
      </c>
      <c r="BG1865" s="53">
        <v>0</v>
      </c>
      <c r="BH1865" s="53">
        <v>0</v>
      </c>
      <c r="BI1865" s="53">
        <v>0</v>
      </c>
      <c r="BJ1865" s="53">
        <v>0</v>
      </c>
      <c r="BK1865" s="53">
        <v>0</v>
      </c>
      <c r="BL1865" s="53">
        <v>0</v>
      </c>
      <c r="BM1865" s="53">
        <v>0</v>
      </c>
      <c r="BN1865" s="53">
        <v>0</v>
      </c>
      <c r="BO1865" s="53">
        <v>0</v>
      </c>
      <c r="BP1865" s="53">
        <v>0</v>
      </c>
      <c r="BQ1865" s="53">
        <v>0</v>
      </c>
      <c r="BR1865" s="53">
        <v>0</v>
      </c>
      <c r="BS1865" s="53">
        <v>0</v>
      </c>
      <c r="BT1865" s="53">
        <v>0</v>
      </c>
      <c r="BU1865" s="53">
        <v>0</v>
      </c>
      <c r="BV1865" s="53">
        <v>0</v>
      </c>
      <c r="BW1865" s="53">
        <v>0</v>
      </c>
      <c r="BX1865" s="53">
        <v>0</v>
      </c>
      <c r="BY1865" s="53">
        <v>0</v>
      </c>
      <c r="BZ1865" s="53">
        <v>0</v>
      </c>
      <c r="CA1865" s="53">
        <v>0</v>
      </c>
      <c r="CB1865" s="53"/>
      <c r="CC1865" s="53"/>
      <c r="CD1865" s="53"/>
      <c r="CE1865" s="53"/>
      <c r="CF1865" s="53"/>
      <c r="CG1865" s="53"/>
      <c r="CH1865" s="53"/>
      <c r="CI1865" s="53"/>
      <c r="CJ1865" s="53"/>
      <c r="CK1865" s="53"/>
      <c r="CL1865" s="53"/>
      <c r="CM1865" s="53"/>
      <c r="CN1865" s="53"/>
    </row>
    <row r="1866" spans="1:92" outlineLevel="1">
      <c r="A1866" s="52" t="s">
        <v>1554</v>
      </c>
      <c r="B1866" s="53">
        <v>15337980.6299999</v>
      </c>
      <c r="C1866" s="53">
        <v>15928982.169999899</v>
      </c>
      <c r="D1866" s="53">
        <v>15162803.92</v>
      </c>
      <c r="E1866" s="53">
        <v>10836000.130000001</v>
      </c>
      <c r="F1866" s="53">
        <v>11512755.49</v>
      </c>
      <c r="G1866" s="53">
        <v>11705382.769999901</v>
      </c>
      <c r="H1866" s="53">
        <v>11620843.970000001</v>
      </c>
      <c r="I1866" s="53">
        <v>13864349.3999999</v>
      </c>
      <c r="J1866" s="53">
        <v>10651629.499999899</v>
      </c>
      <c r="K1866" s="53">
        <v>3609309.0199999702</v>
      </c>
      <c r="L1866" s="53">
        <v>16639213.3699999</v>
      </c>
      <c r="M1866" s="53">
        <v>19627578.439999901</v>
      </c>
      <c r="N1866" s="53">
        <v>19627578.439999901</v>
      </c>
      <c r="O1866" s="53">
        <v>19627578.439999901</v>
      </c>
      <c r="P1866" s="53">
        <v>19627578.439999901</v>
      </c>
      <c r="Q1866" s="53">
        <v>19627578.439999901</v>
      </c>
      <c r="R1866" s="53">
        <v>19627578.439999901</v>
      </c>
      <c r="S1866" s="53">
        <v>19627578.439999901</v>
      </c>
      <c r="T1866" s="53">
        <v>19627578.439999901</v>
      </c>
      <c r="U1866" s="53">
        <v>19627578.439999901</v>
      </c>
      <c r="V1866" s="53">
        <v>19627578.439999901</v>
      </c>
      <c r="W1866" s="53">
        <v>19627578.439999901</v>
      </c>
      <c r="X1866" s="53">
        <v>19627578.439999901</v>
      </c>
      <c r="Y1866" s="53">
        <v>19627578.439999901</v>
      </c>
      <c r="Z1866" s="53">
        <v>19627578.439999901</v>
      </c>
      <c r="AA1866" s="53">
        <v>19627578.439999901</v>
      </c>
      <c r="AB1866" s="53">
        <v>19627578.439999901</v>
      </c>
      <c r="AC1866" s="53">
        <v>19627578.439999901</v>
      </c>
      <c r="AD1866" s="53">
        <v>19627578.439999901</v>
      </c>
      <c r="AE1866" s="53">
        <v>19627578.439999901</v>
      </c>
      <c r="AF1866" s="53">
        <v>19627578.439999901</v>
      </c>
      <c r="AG1866" s="53">
        <v>19627578.439999901</v>
      </c>
      <c r="AH1866" s="53">
        <v>19627578.439999901</v>
      </c>
      <c r="AI1866" s="53">
        <v>19627578.439999901</v>
      </c>
      <c r="AJ1866" s="53">
        <v>19627578.439999901</v>
      </c>
      <c r="AK1866" s="53">
        <v>19627578.439999901</v>
      </c>
      <c r="AL1866" s="53">
        <v>19627578.439999901</v>
      </c>
      <c r="AM1866" s="53">
        <v>19627578.439999901</v>
      </c>
      <c r="AN1866" s="53">
        <v>19627578.439999901</v>
      </c>
      <c r="AO1866" s="53">
        <v>19627578.439999901</v>
      </c>
      <c r="AP1866" s="53">
        <v>19627578.439999901</v>
      </c>
      <c r="AQ1866" s="53">
        <v>19627578.439999901</v>
      </c>
      <c r="AR1866" s="53">
        <v>19627578.439999901</v>
      </c>
      <c r="AS1866" s="53">
        <v>19627578.439999901</v>
      </c>
      <c r="AT1866" s="53">
        <v>19627578.439999901</v>
      </c>
      <c r="AU1866" s="53">
        <v>19627578.439999901</v>
      </c>
      <c r="AV1866" s="53">
        <v>19627578.439999901</v>
      </c>
      <c r="AW1866" s="53">
        <v>19627578.439999901</v>
      </c>
      <c r="AX1866" s="53">
        <v>19627578.439999901</v>
      </c>
      <c r="AY1866" s="53">
        <v>19627578.439999901</v>
      </c>
      <c r="AZ1866" s="53">
        <v>19627578.439999901</v>
      </c>
      <c r="BA1866" s="53">
        <v>19627578.439999901</v>
      </c>
      <c r="BB1866" s="53">
        <v>19627578.439999901</v>
      </c>
      <c r="BC1866" s="53">
        <v>19627578.439999901</v>
      </c>
      <c r="BD1866" s="53">
        <v>19627578.439999901</v>
      </c>
      <c r="BE1866" s="53">
        <v>19627578.439999901</v>
      </c>
      <c r="BF1866" s="53">
        <v>19627578.439999901</v>
      </c>
      <c r="BG1866" s="53">
        <v>19627578.439999901</v>
      </c>
      <c r="BH1866" s="53">
        <v>19627578.439999901</v>
      </c>
      <c r="BI1866" s="53">
        <v>19627578.439999901</v>
      </c>
      <c r="BJ1866" s="53">
        <v>19627578.439999901</v>
      </c>
      <c r="BK1866" s="53">
        <v>19627578.439999901</v>
      </c>
      <c r="BL1866" s="53">
        <v>19627578.439999901</v>
      </c>
      <c r="BM1866" s="53">
        <v>19627578.439999901</v>
      </c>
      <c r="BN1866" s="53">
        <v>19627578.439999901</v>
      </c>
      <c r="BO1866" s="53">
        <v>19627578.439999901</v>
      </c>
      <c r="BP1866" s="53">
        <v>19627578.439999901</v>
      </c>
      <c r="BQ1866" s="53">
        <v>19627578.439999901</v>
      </c>
      <c r="BR1866" s="53">
        <v>19627578.439999901</v>
      </c>
      <c r="BS1866" s="53">
        <v>19627578.439999901</v>
      </c>
      <c r="BT1866" s="53">
        <v>19627578.439999901</v>
      </c>
      <c r="BU1866" s="53">
        <v>19627578.439999901</v>
      </c>
      <c r="BV1866" s="53">
        <v>19627578.439999901</v>
      </c>
      <c r="BW1866" s="53">
        <v>19627578.439999901</v>
      </c>
      <c r="BX1866" s="53">
        <v>19627578.439999901</v>
      </c>
      <c r="BY1866" s="53">
        <v>19627578.439999901</v>
      </c>
      <c r="BZ1866" s="53">
        <v>19627578.439999901</v>
      </c>
      <c r="CA1866" s="53">
        <v>19627578.439999901</v>
      </c>
      <c r="CB1866" s="53"/>
      <c r="CC1866" s="53"/>
      <c r="CD1866" s="53"/>
      <c r="CE1866" s="53"/>
      <c r="CF1866" s="53"/>
      <c r="CG1866" s="53"/>
      <c r="CH1866" s="53"/>
      <c r="CI1866" s="53"/>
      <c r="CJ1866" s="53"/>
      <c r="CK1866" s="53"/>
      <c r="CL1866" s="53"/>
      <c r="CM1866" s="53"/>
      <c r="CN1866" s="53"/>
    </row>
    <row r="1867" spans="1:92" outlineLevel="1">
      <c r="A1867" s="52" t="s">
        <v>1218</v>
      </c>
      <c r="B1867" s="53">
        <v>10758041.6299999</v>
      </c>
      <c r="C1867" s="53">
        <v>23959452.919999901</v>
      </c>
      <c r="D1867" s="53">
        <v>38825239.499999903</v>
      </c>
      <c r="E1867" s="53">
        <v>51357209.890000001</v>
      </c>
      <c r="F1867" s="53">
        <v>64755103.939999998</v>
      </c>
      <c r="G1867" s="53">
        <v>80128081.200000003</v>
      </c>
      <c r="H1867" s="53">
        <v>97321270.200000003</v>
      </c>
      <c r="I1867" s="53">
        <v>112124638.08</v>
      </c>
      <c r="J1867" s="53">
        <v>124519138.199999</v>
      </c>
      <c r="K1867" s="53">
        <v>139353658.21000001</v>
      </c>
      <c r="L1867" s="53">
        <v>151400513.09999999</v>
      </c>
      <c r="M1867" s="53">
        <v>22344495.57</v>
      </c>
      <c r="N1867" s="53">
        <v>10758041.6299999</v>
      </c>
      <c r="O1867" s="53">
        <v>16860806.939999901</v>
      </c>
      <c r="P1867" s="53">
        <v>30987579.194375198</v>
      </c>
      <c r="Q1867" s="53">
        <v>45114351.448750503</v>
      </c>
      <c r="R1867" s="53">
        <v>59241123.7031257</v>
      </c>
      <c r="S1867" s="53">
        <v>73367895.957500994</v>
      </c>
      <c r="T1867" s="53">
        <v>87494668.211876199</v>
      </c>
      <c r="U1867" s="53">
        <v>101621440.466251</v>
      </c>
      <c r="V1867" s="53">
        <v>115748212.720626</v>
      </c>
      <c r="W1867" s="53">
        <v>129874984.97500101</v>
      </c>
      <c r="X1867" s="53">
        <v>144001757.229377</v>
      </c>
      <c r="Y1867" s="53">
        <v>158128529.48375201</v>
      </c>
      <c r="Z1867" s="53">
        <v>2734034.6856247298</v>
      </c>
      <c r="AA1867" s="53">
        <v>16860806.939999901</v>
      </c>
      <c r="AB1867" s="53">
        <v>16860806.939999901</v>
      </c>
      <c r="AC1867" s="53">
        <v>32453915.887459598</v>
      </c>
      <c r="AD1867" s="53">
        <v>48047024.834919304</v>
      </c>
      <c r="AE1867" s="53">
        <v>63640133.782378897</v>
      </c>
      <c r="AF1867" s="53">
        <v>79233242.729838595</v>
      </c>
      <c r="AG1867" s="53">
        <v>94826351.677298307</v>
      </c>
      <c r="AH1867" s="53">
        <v>110419460.62475701</v>
      </c>
      <c r="AI1867" s="53">
        <v>126012569.572217</v>
      </c>
      <c r="AJ1867" s="53">
        <v>141605678.51967701</v>
      </c>
      <c r="AK1867" s="53">
        <v>157198787.467136</v>
      </c>
      <c r="AL1867" s="53">
        <v>172791896.41459599</v>
      </c>
      <c r="AM1867" s="53">
        <v>1267697.9925403099</v>
      </c>
      <c r="AN1867" s="53">
        <v>16860806.939999901</v>
      </c>
      <c r="AO1867" s="53">
        <v>16860806.939999901</v>
      </c>
      <c r="AP1867" s="53">
        <v>33907956.192494497</v>
      </c>
      <c r="AQ1867" s="53">
        <v>50955105.4449891</v>
      </c>
      <c r="AR1867" s="53">
        <v>68002254.697483703</v>
      </c>
      <c r="AS1867" s="53">
        <v>85049403.949978203</v>
      </c>
      <c r="AT1867" s="53">
        <v>102096553.202472</v>
      </c>
      <c r="AU1867" s="53">
        <v>119143702.45496701</v>
      </c>
      <c r="AV1867" s="53">
        <v>136190851.70746201</v>
      </c>
      <c r="AW1867" s="53">
        <v>153238000.95995599</v>
      </c>
      <c r="AX1867" s="53">
        <v>170285150.21245101</v>
      </c>
      <c r="AY1867" s="53">
        <v>187332299.46494499</v>
      </c>
      <c r="AZ1867" s="53">
        <v>-186342.31249458299</v>
      </c>
      <c r="BA1867" s="53">
        <v>16860806.939999901</v>
      </c>
      <c r="BB1867" s="53">
        <v>16860806.939999901</v>
      </c>
      <c r="BC1867" s="53">
        <v>35883424.824772701</v>
      </c>
      <c r="BD1867" s="53">
        <v>54906042.709545501</v>
      </c>
      <c r="BE1867" s="53">
        <v>73928660.594318196</v>
      </c>
      <c r="BF1867" s="53">
        <v>92951278.479091004</v>
      </c>
      <c r="BG1867" s="53">
        <v>111973896.36386301</v>
      </c>
      <c r="BH1867" s="53">
        <v>130996514.24863601</v>
      </c>
      <c r="BI1867" s="53">
        <v>150019132.13340899</v>
      </c>
      <c r="BJ1867" s="53">
        <v>169041750.018181</v>
      </c>
      <c r="BK1867" s="53">
        <v>188064367.90295401</v>
      </c>
      <c r="BL1867" s="53">
        <v>207086985.787727</v>
      </c>
      <c r="BM1867" s="53">
        <v>-2161810.9447727902</v>
      </c>
      <c r="BN1867" s="53">
        <v>16860806.939999901</v>
      </c>
      <c r="BO1867" s="53">
        <v>16860806.939999901</v>
      </c>
      <c r="BP1867" s="53">
        <v>37204485.055879101</v>
      </c>
      <c r="BQ1867" s="53">
        <v>57548163.171758197</v>
      </c>
      <c r="BR1867" s="53">
        <v>77891841.287637398</v>
      </c>
      <c r="BS1867" s="53">
        <v>98235519.403516605</v>
      </c>
      <c r="BT1867" s="53">
        <v>118579197.51939499</v>
      </c>
      <c r="BU1867" s="53">
        <v>138922875.63527399</v>
      </c>
      <c r="BV1867" s="53">
        <v>159266553.75115401</v>
      </c>
      <c r="BW1867" s="53">
        <v>179610231.867033</v>
      </c>
      <c r="BX1867" s="53">
        <v>199953909.982912</v>
      </c>
      <c r="BY1867" s="53">
        <v>220297588.098791</v>
      </c>
      <c r="BZ1867" s="53">
        <v>-3482871.1758792298</v>
      </c>
      <c r="CA1867" s="53">
        <v>16860806.939999901</v>
      </c>
      <c r="CB1867" s="53"/>
      <c r="CC1867" s="53"/>
      <c r="CD1867" s="53"/>
      <c r="CE1867" s="53"/>
      <c r="CF1867" s="53"/>
      <c r="CG1867" s="53"/>
      <c r="CH1867" s="53"/>
      <c r="CI1867" s="53"/>
      <c r="CJ1867" s="53"/>
      <c r="CK1867" s="53"/>
      <c r="CL1867" s="53"/>
      <c r="CM1867" s="53"/>
      <c r="CN1867" s="53"/>
    </row>
    <row r="1868" spans="1:92" outlineLevel="1">
      <c r="A1868" s="52" t="s">
        <v>699</v>
      </c>
      <c r="B1868" s="53"/>
      <c r="C1868" s="53"/>
      <c r="D1868" s="53"/>
      <c r="E1868" s="53"/>
      <c r="F1868" s="53"/>
      <c r="G1868" s="53"/>
      <c r="H1868" s="53"/>
      <c r="I1868" s="53"/>
      <c r="J1868" s="53"/>
      <c r="K1868" s="53"/>
      <c r="L1868" s="53"/>
      <c r="M1868" s="53"/>
      <c r="N1868" s="53"/>
      <c r="O1868" s="53"/>
      <c r="P1868" s="53"/>
      <c r="Q1868" s="53"/>
      <c r="R1868" s="53"/>
      <c r="S1868" s="53"/>
      <c r="T1868" s="53"/>
      <c r="U1868" s="53"/>
      <c r="V1868" s="53"/>
      <c r="W1868" s="53"/>
      <c r="X1868" s="53"/>
      <c r="Y1868" s="53"/>
      <c r="Z1868" s="53"/>
      <c r="AA1868" s="53"/>
      <c r="AB1868" s="53"/>
      <c r="AC1868" s="53"/>
      <c r="AD1868" s="53"/>
      <c r="AE1868" s="53"/>
      <c r="AF1868" s="53"/>
      <c r="AG1868" s="53"/>
      <c r="AH1868" s="53"/>
      <c r="AI1868" s="53"/>
      <c r="AJ1868" s="53"/>
      <c r="AK1868" s="53"/>
      <c r="AL1868" s="53"/>
      <c r="AM1868" s="53"/>
      <c r="AN1868" s="53"/>
      <c r="AO1868" s="53"/>
      <c r="AP1868" s="53"/>
      <c r="AQ1868" s="53"/>
      <c r="AR1868" s="53"/>
      <c r="AS1868" s="53"/>
      <c r="AT1868" s="53"/>
      <c r="AU1868" s="53"/>
      <c r="AV1868" s="53"/>
      <c r="AW1868" s="53"/>
      <c r="AX1868" s="53"/>
      <c r="AY1868" s="53"/>
      <c r="AZ1868" s="53"/>
      <c r="BA1868" s="53"/>
      <c r="BB1868" s="53"/>
      <c r="BC1868" s="53"/>
      <c r="BD1868" s="53"/>
      <c r="BE1868" s="53"/>
      <c r="BF1868" s="53"/>
      <c r="BG1868" s="53"/>
      <c r="BH1868" s="53"/>
      <c r="BI1868" s="53"/>
      <c r="BJ1868" s="53"/>
      <c r="BK1868" s="53"/>
      <c r="BL1868" s="53"/>
      <c r="BM1868" s="53"/>
      <c r="BN1868" s="53"/>
      <c r="BO1868" s="53"/>
      <c r="BP1868" s="53"/>
      <c r="BQ1868" s="53"/>
      <c r="BR1868" s="53"/>
      <c r="BS1868" s="53"/>
      <c r="BT1868" s="53"/>
      <c r="BU1868" s="53"/>
      <c r="BV1868" s="53"/>
      <c r="BW1868" s="53"/>
      <c r="BX1868" s="53"/>
      <c r="BY1868" s="53"/>
      <c r="BZ1868" s="53"/>
      <c r="CA1868" s="53"/>
      <c r="CB1868" s="53"/>
      <c r="CC1868" s="53"/>
      <c r="CD1868" s="53"/>
      <c r="CE1868" s="53"/>
      <c r="CF1868" s="53"/>
      <c r="CG1868" s="53"/>
      <c r="CH1868" s="53"/>
      <c r="CI1868" s="53"/>
      <c r="CJ1868" s="53"/>
      <c r="CK1868" s="53"/>
      <c r="CL1868" s="53"/>
      <c r="CM1868" s="53"/>
      <c r="CN1868" s="53"/>
    </row>
    <row r="1869" spans="1:92" outlineLevel="1">
      <c r="A1869" s="52" t="s">
        <v>755</v>
      </c>
      <c r="B1869" s="53"/>
      <c r="C1869" s="53"/>
      <c r="D1869" s="53"/>
      <c r="E1869" s="53"/>
      <c r="F1869" s="53"/>
      <c r="G1869" s="53"/>
      <c r="H1869" s="53"/>
      <c r="I1869" s="53"/>
      <c r="J1869" s="53"/>
      <c r="K1869" s="53"/>
      <c r="L1869" s="53"/>
      <c r="M1869" s="53"/>
      <c r="N1869" s="53"/>
      <c r="O1869" s="53"/>
      <c r="P1869" s="53"/>
      <c r="Q1869" s="53"/>
      <c r="R1869" s="53"/>
      <c r="S1869" s="53"/>
      <c r="T1869" s="53"/>
      <c r="U1869" s="53"/>
      <c r="V1869" s="53"/>
      <c r="W1869" s="53"/>
      <c r="X1869" s="53"/>
      <c r="Y1869" s="53"/>
      <c r="Z1869" s="53"/>
      <c r="AA1869" s="53"/>
      <c r="AB1869" s="53"/>
      <c r="AC1869" s="53"/>
      <c r="AD1869" s="53"/>
      <c r="AE1869" s="53"/>
      <c r="AF1869" s="53"/>
      <c r="AG1869" s="53"/>
      <c r="AH1869" s="53"/>
      <c r="AI1869" s="53"/>
      <c r="AJ1869" s="53"/>
      <c r="AK1869" s="53"/>
      <c r="AL1869" s="53"/>
      <c r="AM1869" s="53"/>
      <c r="AN1869" s="53"/>
      <c r="AO1869" s="53"/>
      <c r="AP1869" s="53"/>
      <c r="AQ1869" s="53"/>
      <c r="AR1869" s="53"/>
      <c r="AS1869" s="53"/>
      <c r="AT1869" s="53"/>
      <c r="AU1869" s="53"/>
      <c r="AV1869" s="53"/>
      <c r="AW1869" s="53"/>
      <c r="AX1869" s="53"/>
      <c r="AY1869" s="53"/>
      <c r="AZ1869" s="53"/>
      <c r="BA1869" s="53"/>
      <c r="BB1869" s="53"/>
      <c r="BC1869" s="53"/>
      <c r="BD1869" s="53"/>
      <c r="BE1869" s="53"/>
      <c r="BF1869" s="53"/>
      <c r="BG1869" s="53"/>
      <c r="BH1869" s="53"/>
      <c r="BI1869" s="53"/>
      <c r="BJ1869" s="53"/>
      <c r="BK1869" s="53"/>
      <c r="BL1869" s="53"/>
      <c r="BM1869" s="53"/>
      <c r="BN1869" s="53"/>
      <c r="BO1869" s="53"/>
      <c r="BP1869" s="53"/>
      <c r="BQ1869" s="53"/>
      <c r="BR1869" s="53"/>
      <c r="BS1869" s="53"/>
      <c r="BT1869" s="53"/>
      <c r="BU1869" s="53"/>
      <c r="BV1869" s="53"/>
      <c r="BW1869" s="53"/>
      <c r="BX1869" s="53"/>
      <c r="BY1869" s="53"/>
      <c r="BZ1869" s="53"/>
      <c r="CA1869" s="53"/>
      <c r="CB1869" s="53"/>
      <c r="CC1869" s="53"/>
      <c r="CD1869" s="53"/>
      <c r="CE1869" s="53"/>
      <c r="CF1869" s="53"/>
      <c r="CG1869" s="53"/>
      <c r="CH1869" s="53"/>
      <c r="CI1869" s="53"/>
      <c r="CJ1869" s="53"/>
      <c r="CK1869" s="53"/>
      <c r="CL1869" s="53"/>
      <c r="CM1869" s="53"/>
      <c r="CN1869" s="53"/>
    </row>
    <row r="1870" spans="1:92" outlineLevel="1">
      <c r="A1870" s="52" t="s">
        <v>1555</v>
      </c>
      <c r="B1870" s="53"/>
      <c r="C1870" s="53"/>
      <c r="D1870" s="53"/>
      <c r="E1870" s="53"/>
      <c r="F1870" s="53"/>
      <c r="G1870" s="53"/>
      <c r="H1870" s="53"/>
      <c r="I1870" s="53"/>
      <c r="J1870" s="53"/>
      <c r="K1870" s="53"/>
      <c r="L1870" s="53"/>
      <c r="M1870" s="53"/>
      <c r="N1870" s="53"/>
      <c r="O1870" s="53"/>
      <c r="P1870" s="53"/>
      <c r="Q1870" s="53"/>
      <c r="R1870" s="53"/>
      <c r="S1870" s="53"/>
      <c r="T1870" s="53"/>
      <c r="U1870" s="53"/>
      <c r="V1870" s="53"/>
      <c r="W1870" s="53"/>
      <c r="X1870" s="53"/>
      <c r="Y1870" s="53"/>
      <c r="Z1870" s="53"/>
      <c r="AA1870" s="53"/>
      <c r="AB1870" s="53"/>
      <c r="AC1870" s="53"/>
      <c r="AD1870" s="53"/>
      <c r="AE1870" s="53"/>
      <c r="AF1870" s="53"/>
      <c r="AG1870" s="53"/>
      <c r="AH1870" s="53"/>
      <c r="AI1870" s="53"/>
      <c r="AJ1870" s="53"/>
      <c r="AK1870" s="53"/>
      <c r="AL1870" s="53"/>
      <c r="AM1870" s="53"/>
      <c r="AN1870" s="53"/>
      <c r="AO1870" s="53"/>
      <c r="AP1870" s="53"/>
      <c r="AQ1870" s="53"/>
      <c r="AR1870" s="53"/>
      <c r="AS1870" s="53"/>
      <c r="AT1870" s="53"/>
      <c r="AU1870" s="53"/>
      <c r="AV1870" s="53"/>
      <c r="AW1870" s="53"/>
      <c r="AX1870" s="53"/>
      <c r="AY1870" s="53"/>
      <c r="AZ1870" s="53"/>
      <c r="BA1870" s="53"/>
      <c r="BB1870" s="53"/>
      <c r="BC1870" s="53"/>
      <c r="BD1870" s="53"/>
      <c r="BE1870" s="53"/>
      <c r="BF1870" s="53"/>
      <c r="BG1870" s="53"/>
      <c r="BH1870" s="53"/>
      <c r="BI1870" s="53"/>
      <c r="BJ1870" s="53"/>
      <c r="BK1870" s="53"/>
      <c r="BL1870" s="53"/>
      <c r="BM1870" s="53"/>
      <c r="BN1870" s="53"/>
      <c r="BO1870" s="53"/>
      <c r="BP1870" s="53"/>
      <c r="BQ1870" s="53"/>
      <c r="BR1870" s="53"/>
      <c r="BS1870" s="53"/>
      <c r="BT1870" s="53"/>
      <c r="BU1870" s="53"/>
      <c r="BV1870" s="53"/>
      <c r="BW1870" s="53"/>
      <c r="BX1870" s="53"/>
      <c r="BY1870" s="53"/>
      <c r="BZ1870" s="53"/>
      <c r="CA1870" s="53"/>
      <c r="CB1870" s="53"/>
      <c r="CC1870" s="53"/>
      <c r="CD1870" s="53"/>
      <c r="CE1870" s="53"/>
      <c r="CF1870" s="53"/>
      <c r="CG1870" s="53"/>
      <c r="CH1870" s="53"/>
      <c r="CI1870" s="53"/>
      <c r="CJ1870" s="53"/>
      <c r="CK1870" s="53"/>
      <c r="CL1870" s="53"/>
      <c r="CM1870" s="53"/>
      <c r="CN1870" s="53"/>
    </row>
    <row r="1871" spans="1:92">
      <c r="A1871" s="52" t="s">
        <v>757</v>
      </c>
      <c r="B1871" s="53"/>
      <c r="C1871" s="53"/>
      <c r="D1871" s="53"/>
      <c r="E1871" s="53"/>
      <c r="F1871" s="53"/>
      <c r="G1871" s="53"/>
      <c r="H1871" s="53"/>
      <c r="I1871" s="53"/>
      <c r="J1871" s="53"/>
      <c r="K1871" s="53"/>
      <c r="L1871" s="53">
        <v>-164266484</v>
      </c>
      <c r="M1871" s="53"/>
      <c r="N1871" s="53">
        <v>-164266484</v>
      </c>
      <c r="O1871" s="53"/>
      <c r="P1871" s="53"/>
      <c r="Q1871" s="53"/>
      <c r="R1871" s="53"/>
      <c r="S1871" s="53"/>
      <c r="T1871" s="53"/>
      <c r="U1871" s="53"/>
      <c r="V1871" s="53"/>
      <c r="W1871" s="53"/>
      <c r="X1871" s="53"/>
      <c r="Y1871" s="53">
        <v>-169521267.05250299</v>
      </c>
      <c r="Z1871" s="53"/>
      <c r="AA1871" s="53">
        <v>-169521267.05250299</v>
      </c>
      <c r="AB1871" s="53"/>
      <c r="AC1871" s="53"/>
      <c r="AD1871" s="53"/>
      <c r="AE1871" s="53"/>
      <c r="AF1871" s="53"/>
      <c r="AG1871" s="53"/>
      <c r="AH1871" s="53"/>
      <c r="AI1871" s="53"/>
      <c r="AJ1871" s="53"/>
      <c r="AK1871" s="53"/>
      <c r="AL1871" s="53">
        <v>-187117307.36951599</v>
      </c>
      <c r="AM1871" s="53"/>
      <c r="AN1871" s="53">
        <v>-187117307.36951599</v>
      </c>
      <c r="AO1871" s="53"/>
      <c r="AP1871" s="53"/>
      <c r="AQ1871" s="53"/>
      <c r="AR1871" s="53"/>
      <c r="AS1871" s="53"/>
      <c r="AT1871" s="53"/>
      <c r="AU1871" s="53"/>
      <c r="AV1871" s="53"/>
      <c r="AW1871" s="53"/>
      <c r="AX1871" s="53"/>
      <c r="AY1871" s="53">
        <v>-204565791.029935</v>
      </c>
      <c r="AZ1871" s="53"/>
      <c r="BA1871" s="53">
        <v>-204565791.029935</v>
      </c>
      <c r="BB1871" s="53"/>
      <c r="BC1871" s="53"/>
      <c r="BD1871" s="53"/>
      <c r="BE1871" s="53"/>
      <c r="BF1871" s="53"/>
      <c r="BG1871" s="53"/>
      <c r="BH1871" s="53"/>
      <c r="BI1871" s="53"/>
      <c r="BJ1871" s="53"/>
      <c r="BK1871" s="53"/>
      <c r="BL1871" s="53">
        <v>-228271414.617273</v>
      </c>
      <c r="BM1871" s="53"/>
      <c r="BN1871" s="53">
        <v>-228271414.617273</v>
      </c>
      <c r="BO1871" s="53"/>
      <c r="BP1871" s="53"/>
      <c r="BQ1871" s="53"/>
      <c r="BR1871" s="53"/>
      <c r="BS1871" s="53"/>
      <c r="BT1871" s="53"/>
      <c r="BU1871" s="53"/>
      <c r="BV1871" s="53"/>
      <c r="BW1871" s="53"/>
      <c r="BX1871" s="53"/>
      <c r="BY1871" s="53">
        <v>-244124137.39054999</v>
      </c>
      <c r="BZ1871" s="53"/>
      <c r="CA1871" s="53">
        <v>-244124137.39054999</v>
      </c>
      <c r="CB1871" s="53"/>
      <c r="CC1871" s="53"/>
      <c r="CD1871" s="53"/>
      <c r="CE1871" s="53"/>
      <c r="CF1871" s="53"/>
      <c r="CG1871" s="53"/>
      <c r="CH1871" s="53"/>
      <c r="CI1871" s="53"/>
      <c r="CJ1871" s="53"/>
      <c r="CK1871" s="53"/>
      <c r="CL1871" s="53"/>
      <c r="CM1871" s="53"/>
      <c r="CN1871" s="53"/>
    </row>
    <row r="1872" spans="1:92">
      <c r="A1872" s="52" t="s">
        <v>672</v>
      </c>
      <c r="B1872" s="53"/>
      <c r="C1872" s="53"/>
      <c r="D1872" s="53"/>
      <c r="E1872" s="53"/>
      <c r="F1872" s="53"/>
      <c r="G1872" s="53"/>
      <c r="H1872" s="53"/>
      <c r="I1872" s="53"/>
      <c r="J1872" s="53"/>
      <c r="K1872" s="53"/>
      <c r="L1872" s="53"/>
      <c r="M1872" s="53"/>
      <c r="N1872" s="53"/>
      <c r="O1872" s="53"/>
      <c r="P1872" s="53"/>
      <c r="Q1872" s="53"/>
      <c r="R1872" s="53"/>
      <c r="S1872" s="53"/>
      <c r="T1872" s="53"/>
      <c r="U1872" s="53"/>
      <c r="V1872" s="53"/>
      <c r="W1872" s="53"/>
      <c r="X1872" s="53"/>
      <c r="Y1872" s="53"/>
      <c r="Z1872" s="53"/>
      <c r="AA1872" s="53"/>
      <c r="AB1872" s="53"/>
      <c r="AC1872" s="53"/>
      <c r="AD1872" s="53"/>
      <c r="AE1872" s="53"/>
      <c r="AF1872" s="53"/>
      <c r="AG1872" s="53"/>
      <c r="AH1872" s="53"/>
      <c r="AI1872" s="53"/>
      <c r="AJ1872" s="53"/>
      <c r="AK1872" s="53"/>
      <c r="AL1872" s="53"/>
      <c r="AM1872" s="53"/>
      <c r="AN1872" s="53"/>
      <c r="AO1872" s="53"/>
      <c r="AP1872" s="53"/>
      <c r="AQ1872" s="53"/>
      <c r="AR1872" s="53"/>
      <c r="AS1872" s="53"/>
      <c r="AT1872" s="53"/>
      <c r="AU1872" s="53"/>
      <c r="AV1872" s="53"/>
      <c r="AW1872" s="53"/>
      <c r="AX1872" s="53"/>
      <c r="AY1872" s="53"/>
      <c r="AZ1872" s="53"/>
      <c r="BA1872" s="53"/>
      <c r="BB1872" s="53"/>
      <c r="BC1872" s="53"/>
      <c r="BD1872" s="53"/>
      <c r="BE1872" s="53"/>
      <c r="BF1872" s="53"/>
      <c r="BG1872" s="53"/>
      <c r="BH1872" s="53"/>
      <c r="BI1872" s="53"/>
      <c r="BJ1872" s="53"/>
      <c r="BK1872" s="53"/>
      <c r="BL1872" s="53"/>
      <c r="BM1872" s="53"/>
      <c r="BN1872" s="53"/>
      <c r="BO1872" s="53"/>
      <c r="BP1872" s="53"/>
      <c r="BQ1872" s="53"/>
      <c r="BR1872" s="53"/>
      <c r="BS1872" s="53"/>
      <c r="BT1872" s="53"/>
      <c r="BU1872" s="53"/>
      <c r="BV1872" s="53"/>
      <c r="BW1872" s="53"/>
      <c r="BX1872" s="53"/>
      <c r="BY1872" s="53"/>
      <c r="BZ1872" s="53"/>
      <c r="CA1872" s="53"/>
      <c r="CB1872" s="53"/>
      <c r="CC1872" s="53"/>
      <c r="CD1872" s="53"/>
      <c r="CE1872" s="53"/>
      <c r="CF1872" s="53"/>
      <c r="CG1872" s="53"/>
      <c r="CH1872" s="53"/>
      <c r="CI1872" s="53"/>
      <c r="CJ1872" s="53"/>
      <c r="CK1872" s="53"/>
      <c r="CL1872" s="53"/>
      <c r="CM1872" s="53"/>
      <c r="CN1872" s="53"/>
    </row>
    <row r="1873" spans="1:92">
      <c r="A1873" s="52" t="s">
        <v>755</v>
      </c>
      <c r="B1873" s="53"/>
      <c r="C1873" s="53"/>
      <c r="D1873" s="53"/>
      <c r="E1873" s="53"/>
      <c r="F1873" s="53"/>
      <c r="G1873" s="53"/>
      <c r="H1873" s="53"/>
      <c r="I1873" s="53"/>
      <c r="J1873" s="53"/>
      <c r="K1873" s="53"/>
      <c r="L1873" s="53"/>
      <c r="M1873" s="53"/>
      <c r="N1873" s="53"/>
      <c r="O1873" s="53"/>
      <c r="P1873" s="53"/>
      <c r="Q1873" s="53"/>
      <c r="R1873" s="53"/>
      <c r="S1873" s="53"/>
      <c r="T1873" s="53"/>
      <c r="U1873" s="53"/>
      <c r="V1873" s="53"/>
      <c r="W1873" s="53"/>
      <c r="X1873" s="53"/>
      <c r="Y1873" s="53"/>
      <c r="Z1873" s="53"/>
      <c r="AA1873" s="53"/>
      <c r="AB1873" s="53"/>
      <c r="AC1873" s="53"/>
      <c r="AD1873" s="53"/>
      <c r="AE1873" s="53"/>
      <c r="AF1873" s="53"/>
      <c r="AG1873" s="53"/>
      <c r="AH1873" s="53"/>
      <c r="AI1873" s="53"/>
      <c r="AJ1873" s="53"/>
      <c r="AK1873" s="53"/>
      <c r="AL1873" s="53"/>
      <c r="AM1873" s="53"/>
      <c r="AN1873" s="53"/>
      <c r="AO1873" s="53"/>
      <c r="AP1873" s="53"/>
      <c r="AQ1873" s="53"/>
      <c r="AR1873" s="53"/>
      <c r="AS1873" s="53"/>
      <c r="AT1873" s="53"/>
      <c r="AU1873" s="53"/>
      <c r="AV1873" s="53"/>
      <c r="AW1873" s="53"/>
      <c r="AX1873" s="53"/>
      <c r="AY1873" s="53"/>
      <c r="AZ1873" s="53"/>
      <c r="BA1873" s="53"/>
      <c r="BB1873" s="53"/>
      <c r="BC1873" s="53"/>
      <c r="BD1873" s="53"/>
      <c r="BE1873" s="53"/>
      <c r="BF1873" s="53"/>
      <c r="BG1873" s="53"/>
      <c r="BH1873" s="53"/>
      <c r="BI1873" s="53"/>
      <c r="BJ1873" s="53"/>
      <c r="BK1873" s="53"/>
      <c r="BL1873" s="53"/>
      <c r="BM1873" s="53"/>
      <c r="BN1873" s="53"/>
      <c r="BO1873" s="53"/>
      <c r="BP1873" s="53"/>
      <c r="BQ1873" s="53"/>
      <c r="BR1873" s="53"/>
      <c r="BS1873" s="53"/>
      <c r="BT1873" s="53"/>
      <c r="BU1873" s="53"/>
      <c r="BV1873" s="53"/>
      <c r="BW1873" s="53"/>
      <c r="BX1873" s="53"/>
      <c r="BY1873" s="53"/>
      <c r="BZ1873" s="53"/>
      <c r="CA1873" s="53"/>
      <c r="CB1873" s="53"/>
      <c r="CC1873" s="53"/>
      <c r="CD1873" s="53"/>
      <c r="CE1873" s="53"/>
      <c r="CF1873" s="53"/>
      <c r="CG1873" s="53"/>
      <c r="CH1873" s="53"/>
      <c r="CI1873" s="53"/>
      <c r="CJ1873" s="53"/>
      <c r="CK1873" s="53"/>
      <c r="CL1873" s="53"/>
      <c r="CM1873" s="53"/>
      <c r="CN1873" s="53"/>
    </row>
    <row r="1874" spans="1:92">
      <c r="A1874" s="52" t="s">
        <v>756</v>
      </c>
      <c r="B1874" s="53"/>
      <c r="C1874" s="53"/>
      <c r="D1874" s="53"/>
      <c r="E1874" s="53"/>
      <c r="F1874" s="53"/>
      <c r="G1874" s="53"/>
      <c r="H1874" s="53"/>
      <c r="I1874" s="53"/>
      <c r="J1874" s="53"/>
      <c r="K1874" s="53"/>
      <c r="L1874" s="53"/>
      <c r="M1874" s="53"/>
      <c r="N1874" s="53"/>
      <c r="O1874" s="53"/>
      <c r="P1874" s="53"/>
      <c r="Q1874" s="53"/>
      <c r="R1874" s="53"/>
      <c r="S1874" s="53"/>
      <c r="T1874" s="53"/>
      <c r="U1874" s="53"/>
      <c r="V1874" s="53"/>
      <c r="W1874" s="53"/>
      <c r="X1874" s="53"/>
      <c r="Y1874" s="53"/>
      <c r="Z1874" s="53"/>
      <c r="AA1874" s="53"/>
      <c r="AB1874" s="53"/>
      <c r="AC1874" s="53"/>
      <c r="AD1874" s="53"/>
      <c r="AE1874" s="53"/>
      <c r="AF1874" s="53"/>
      <c r="AG1874" s="53"/>
      <c r="AH1874" s="53"/>
      <c r="AI1874" s="53"/>
      <c r="AJ1874" s="53"/>
      <c r="AK1874" s="53"/>
      <c r="AL1874" s="53"/>
      <c r="AM1874" s="53"/>
      <c r="AN1874" s="53"/>
      <c r="AO1874" s="53"/>
      <c r="AP1874" s="53"/>
      <c r="AQ1874" s="53"/>
      <c r="AR1874" s="53"/>
      <c r="AS1874" s="53"/>
      <c r="AT1874" s="53"/>
      <c r="AU1874" s="53"/>
      <c r="AV1874" s="53"/>
      <c r="AW1874" s="53"/>
      <c r="AX1874" s="53"/>
      <c r="AY1874" s="53"/>
      <c r="AZ1874" s="53"/>
      <c r="BA1874" s="53"/>
      <c r="BB1874" s="53"/>
      <c r="BC1874" s="53"/>
      <c r="BD1874" s="53"/>
      <c r="BE1874" s="53"/>
      <c r="BF1874" s="53"/>
      <c r="BG1874" s="53"/>
      <c r="BH1874" s="53"/>
      <c r="BI1874" s="53"/>
      <c r="BJ1874" s="53"/>
      <c r="BK1874" s="53"/>
      <c r="BL1874" s="53"/>
      <c r="BM1874" s="53"/>
      <c r="BN1874" s="53"/>
      <c r="BO1874" s="53"/>
      <c r="BP1874" s="53"/>
      <c r="BQ1874" s="53"/>
      <c r="BR1874" s="53"/>
      <c r="BS1874" s="53"/>
      <c r="BT1874" s="53"/>
      <c r="BU1874" s="53"/>
      <c r="BV1874" s="53"/>
      <c r="BW1874" s="53"/>
      <c r="BX1874" s="53"/>
      <c r="BY1874" s="53"/>
      <c r="BZ1874" s="53"/>
      <c r="CA1874" s="53"/>
      <c r="CB1874" s="53"/>
      <c r="CC1874" s="53"/>
      <c r="CD1874" s="53"/>
      <c r="CE1874" s="53"/>
      <c r="CF1874" s="53"/>
      <c r="CG1874" s="53"/>
      <c r="CH1874" s="53"/>
      <c r="CI1874" s="53"/>
      <c r="CJ1874" s="53"/>
      <c r="CK1874" s="53"/>
      <c r="CL1874" s="53"/>
      <c r="CM1874" s="53"/>
      <c r="CN1874" s="53"/>
    </row>
    <row r="1875" spans="1:92">
      <c r="A1875" s="52" t="s">
        <v>757</v>
      </c>
      <c r="B1875" s="53">
        <v>13688873.666666601</v>
      </c>
      <c r="C1875" s="53">
        <v>13688873.666666601</v>
      </c>
      <c r="D1875" s="53">
        <v>13688873.666666601</v>
      </c>
      <c r="E1875" s="53">
        <v>13688873.666666601</v>
      </c>
      <c r="F1875" s="53">
        <v>13688873.666666601</v>
      </c>
      <c r="G1875" s="53">
        <v>13688873.666666601</v>
      </c>
      <c r="H1875" s="53">
        <v>13688873.666666601</v>
      </c>
      <c r="I1875" s="53">
        <v>13688873.666666601</v>
      </c>
      <c r="J1875" s="53">
        <v>13688873.666666601</v>
      </c>
      <c r="K1875" s="53">
        <v>13688873.666666601</v>
      </c>
      <c r="L1875" s="53">
        <v>13688873.666666601</v>
      </c>
      <c r="M1875" s="53">
        <v>13688873.666666601</v>
      </c>
      <c r="N1875" s="53">
        <v>164266484</v>
      </c>
      <c r="O1875" s="53">
        <v>14126772.254375201</v>
      </c>
      <c r="P1875" s="53">
        <v>14126772.254375201</v>
      </c>
      <c r="Q1875" s="53">
        <v>14126772.254375201</v>
      </c>
      <c r="R1875" s="53">
        <v>14126772.254375201</v>
      </c>
      <c r="S1875" s="53">
        <v>14126772.254375201</v>
      </c>
      <c r="T1875" s="53">
        <v>14126772.254375201</v>
      </c>
      <c r="U1875" s="53">
        <v>14126772.254375201</v>
      </c>
      <c r="V1875" s="53">
        <v>14126772.254375201</v>
      </c>
      <c r="W1875" s="53">
        <v>14126772.254375201</v>
      </c>
      <c r="X1875" s="53">
        <v>14126772.254375201</v>
      </c>
      <c r="Y1875" s="53">
        <v>14126772.254375201</v>
      </c>
      <c r="Z1875" s="53">
        <v>14126772.254375201</v>
      </c>
      <c r="AA1875" s="53">
        <v>169521267.05250299</v>
      </c>
      <c r="AB1875" s="53">
        <v>15593108.947459601</v>
      </c>
      <c r="AC1875" s="53">
        <v>15593108.947459601</v>
      </c>
      <c r="AD1875" s="53">
        <v>15593108.947459601</v>
      </c>
      <c r="AE1875" s="53">
        <v>15593108.947459601</v>
      </c>
      <c r="AF1875" s="53">
        <v>15593108.947459601</v>
      </c>
      <c r="AG1875" s="53">
        <v>15593108.947459601</v>
      </c>
      <c r="AH1875" s="53">
        <v>15593108.947459601</v>
      </c>
      <c r="AI1875" s="53">
        <v>15593108.947459601</v>
      </c>
      <c r="AJ1875" s="53">
        <v>15593108.947459601</v>
      </c>
      <c r="AK1875" s="53">
        <v>15593108.947459601</v>
      </c>
      <c r="AL1875" s="53">
        <v>15593108.947459601</v>
      </c>
      <c r="AM1875" s="53">
        <v>15593108.947459601</v>
      </c>
      <c r="AN1875" s="53">
        <v>187117307.36951599</v>
      </c>
      <c r="AO1875" s="53">
        <v>17047149.252494499</v>
      </c>
      <c r="AP1875" s="53">
        <v>17047149.252494499</v>
      </c>
      <c r="AQ1875" s="53">
        <v>17047149.252494499</v>
      </c>
      <c r="AR1875" s="53">
        <v>17047149.252494499</v>
      </c>
      <c r="AS1875" s="53">
        <v>17047149.252494499</v>
      </c>
      <c r="AT1875" s="53">
        <v>17047149.252494499</v>
      </c>
      <c r="AU1875" s="53">
        <v>17047149.252494499</v>
      </c>
      <c r="AV1875" s="53">
        <v>17047149.252494499</v>
      </c>
      <c r="AW1875" s="53">
        <v>17047149.252494499</v>
      </c>
      <c r="AX1875" s="53">
        <v>17047149.252494499</v>
      </c>
      <c r="AY1875" s="53">
        <v>17047149.252494499</v>
      </c>
      <c r="AZ1875" s="53">
        <v>17047149.252494499</v>
      </c>
      <c r="BA1875" s="53">
        <v>204565791.029935</v>
      </c>
      <c r="BB1875" s="53">
        <v>19022617.884772699</v>
      </c>
      <c r="BC1875" s="53">
        <v>19022617.884772699</v>
      </c>
      <c r="BD1875" s="53">
        <v>19022617.884772699</v>
      </c>
      <c r="BE1875" s="53">
        <v>19022617.884772699</v>
      </c>
      <c r="BF1875" s="53">
        <v>19022617.884772699</v>
      </c>
      <c r="BG1875" s="53">
        <v>19022617.884772699</v>
      </c>
      <c r="BH1875" s="53">
        <v>19022617.884772699</v>
      </c>
      <c r="BI1875" s="53">
        <v>19022617.884772699</v>
      </c>
      <c r="BJ1875" s="53">
        <v>19022617.884772699</v>
      </c>
      <c r="BK1875" s="53">
        <v>19022617.884772699</v>
      </c>
      <c r="BL1875" s="53">
        <v>19022617.884772699</v>
      </c>
      <c r="BM1875" s="53">
        <v>19022617.884772699</v>
      </c>
      <c r="BN1875" s="53">
        <v>228271414.61727199</v>
      </c>
      <c r="BO1875" s="53">
        <v>20343678.1158791</v>
      </c>
      <c r="BP1875" s="53">
        <v>20343678.1158791</v>
      </c>
      <c r="BQ1875" s="53">
        <v>20343678.1158791</v>
      </c>
      <c r="BR1875" s="53">
        <v>20343678.1158791</v>
      </c>
      <c r="BS1875" s="53">
        <v>20343678.1158791</v>
      </c>
      <c r="BT1875" s="53">
        <v>20343678.1158791</v>
      </c>
      <c r="BU1875" s="53">
        <v>20343678.1158791</v>
      </c>
      <c r="BV1875" s="53">
        <v>20343678.1158791</v>
      </c>
      <c r="BW1875" s="53">
        <v>20343678.1158791</v>
      </c>
      <c r="BX1875" s="53">
        <v>20343678.1158791</v>
      </c>
      <c r="BY1875" s="53">
        <v>20343678.1158791</v>
      </c>
      <c r="BZ1875" s="53">
        <v>20343678.1158791</v>
      </c>
      <c r="CA1875" s="53">
        <v>244124137.390549</v>
      </c>
      <c r="CB1875" s="53">
        <v>8862311.0487578698</v>
      </c>
      <c r="CC1875" s="53">
        <v>9517177.7608454004</v>
      </c>
      <c r="CD1875" s="53">
        <v>10580143.5419979</v>
      </c>
      <c r="CE1875" s="53">
        <v>10608489.2905655</v>
      </c>
      <c r="CF1875" s="53">
        <v>9906548.2787426002</v>
      </c>
      <c r="CG1875" s="53">
        <v>9920691.9940579999</v>
      </c>
      <c r="CH1875" s="53">
        <v>9803136.0555846002</v>
      </c>
      <c r="CI1875" s="53">
        <v>9125686.0586299002</v>
      </c>
      <c r="CJ1875" s="53">
        <v>8651325.0956799705</v>
      </c>
      <c r="CK1875" s="53">
        <v>9384248.3921816796</v>
      </c>
      <c r="CL1875" s="53">
        <v>8944815.07152717</v>
      </c>
      <c r="CM1875" s="53">
        <v>8382254.2809268702</v>
      </c>
      <c r="CN1875" s="53">
        <v>113686826.869497</v>
      </c>
    </row>
    <row r="1876" spans="1:92" outlineLevel="1">
      <c r="A1876" s="52" t="s">
        <v>1556</v>
      </c>
      <c r="B1876" s="53">
        <v>23959452.919999901</v>
      </c>
      <c r="C1876" s="53">
        <v>38825239.499999903</v>
      </c>
      <c r="D1876" s="53">
        <v>51357209.890000001</v>
      </c>
      <c r="E1876" s="53">
        <v>64755103.939999998</v>
      </c>
      <c r="F1876" s="53">
        <v>80128081.200000003</v>
      </c>
      <c r="G1876" s="53">
        <v>97321270.200000003</v>
      </c>
      <c r="H1876" s="53">
        <v>112124638.08</v>
      </c>
      <c r="I1876" s="53">
        <v>124519138.199999</v>
      </c>
      <c r="J1876" s="53">
        <v>139353658.21000001</v>
      </c>
      <c r="K1876" s="53">
        <v>151400513.09999999</v>
      </c>
      <c r="L1876" s="53">
        <v>22344495.57</v>
      </c>
      <c r="M1876" s="53">
        <v>16860806.939999901</v>
      </c>
      <c r="N1876" s="53">
        <v>16860806.939999901</v>
      </c>
      <c r="O1876" s="53">
        <v>30987579.194375198</v>
      </c>
      <c r="P1876" s="53">
        <v>45114351.448750503</v>
      </c>
      <c r="Q1876" s="53">
        <v>59241123.7031257</v>
      </c>
      <c r="R1876" s="53">
        <v>73367895.957500994</v>
      </c>
      <c r="S1876" s="53">
        <v>87494668.211876199</v>
      </c>
      <c r="T1876" s="53">
        <v>101621440.466251</v>
      </c>
      <c r="U1876" s="53">
        <v>115748212.720626</v>
      </c>
      <c r="V1876" s="53">
        <v>129874984.97500101</v>
      </c>
      <c r="W1876" s="53">
        <v>144001757.229377</v>
      </c>
      <c r="X1876" s="53">
        <v>158128529.48375201</v>
      </c>
      <c r="Y1876" s="53">
        <v>2734034.6856247298</v>
      </c>
      <c r="Z1876" s="53">
        <v>16860806.939999901</v>
      </c>
      <c r="AA1876" s="53">
        <v>16860806.939999901</v>
      </c>
      <c r="AB1876" s="53">
        <v>32453915.887459598</v>
      </c>
      <c r="AC1876" s="53">
        <v>48047024.834919304</v>
      </c>
      <c r="AD1876" s="53">
        <v>63640133.782378897</v>
      </c>
      <c r="AE1876" s="53">
        <v>79233242.729838595</v>
      </c>
      <c r="AF1876" s="53">
        <v>94826351.677298307</v>
      </c>
      <c r="AG1876" s="53">
        <v>110419460.62475701</v>
      </c>
      <c r="AH1876" s="53">
        <v>126012569.572217</v>
      </c>
      <c r="AI1876" s="53">
        <v>141605678.51967701</v>
      </c>
      <c r="AJ1876" s="53">
        <v>157198787.467136</v>
      </c>
      <c r="AK1876" s="53">
        <v>172791896.41459599</v>
      </c>
      <c r="AL1876" s="53">
        <v>1267697.9925403099</v>
      </c>
      <c r="AM1876" s="53">
        <v>16860806.939999901</v>
      </c>
      <c r="AN1876" s="53">
        <v>16860806.939999901</v>
      </c>
      <c r="AO1876" s="53">
        <v>33907956.192494497</v>
      </c>
      <c r="AP1876" s="53">
        <v>50955105.4449891</v>
      </c>
      <c r="AQ1876" s="53">
        <v>68002254.697483703</v>
      </c>
      <c r="AR1876" s="53">
        <v>85049403.949978203</v>
      </c>
      <c r="AS1876" s="53">
        <v>102096553.202472</v>
      </c>
      <c r="AT1876" s="53">
        <v>119143702.45496701</v>
      </c>
      <c r="AU1876" s="53">
        <v>136190851.70746201</v>
      </c>
      <c r="AV1876" s="53">
        <v>153238000.95995599</v>
      </c>
      <c r="AW1876" s="53">
        <v>170285150.21245101</v>
      </c>
      <c r="AX1876" s="53">
        <v>187332299.46494499</v>
      </c>
      <c r="AY1876" s="53">
        <v>-186342.31249458299</v>
      </c>
      <c r="AZ1876" s="53">
        <v>16860806.939999901</v>
      </c>
      <c r="BA1876" s="53">
        <v>16860806.939999901</v>
      </c>
      <c r="BB1876" s="53">
        <v>35883424.824772701</v>
      </c>
      <c r="BC1876" s="53">
        <v>54906042.709545501</v>
      </c>
      <c r="BD1876" s="53">
        <v>73928660.594318196</v>
      </c>
      <c r="BE1876" s="53">
        <v>92951278.479091004</v>
      </c>
      <c r="BF1876" s="53">
        <v>111973896.36386301</v>
      </c>
      <c r="BG1876" s="53">
        <v>130996514.24863601</v>
      </c>
      <c r="BH1876" s="53">
        <v>150019132.13340899</v>
      </c>
      <c r="BI1876" s="53">
        <v>169041750.018181</v>
      </c>
      <c r="BJ1876" s="53">
        <v>188064367.90295401</v>
      </c>
      <c r="BK1876" s="53">
        <v>207086985.787727</v>
      </c>
      <c r="BL1876" s="53">
        <v>-2161810.9447727902</v>
      </c>
      <c r="BM1876" s="53">
        <v>16860806.939999901</v>
      </c>
      <c r="BN1876" s="53">
        <v>16860806.939999901</v>
      </c>
      <c r="BO1876" s="53">
        <v>37204485.055879101</v>
      </c>
      <c r="BP1876" s="53">
        <v>57548163.171758197</v>
      </c>
      <c r="BQ1876" s="53">
        <v>77891841.287637398</v>
      </c>
      <c r="BR1876" s="53">
        <v>98235519.403516605</v>
      </c>
      <c r="BS1876" s="53">
        <v>118579197.51939499</v>
      </c>
      <c r="BT1876" s="53">
        <v>138922875.63527399</v>
      </c>
      <c r="BU1876" s="53">
        <v>159266553.75115401</v>
      </c>
      <c r="BV1876" s="53">
        <v>179610231.867033</v>
      </c>
      <c r="BW1876" s="53">
        <v>199953909.982912</v>
      </c>
      <c r="BX1876" s="53">
        <v>220297588.098791</v>
      </c>
      <c r="BY1876" s="53">
        <v>-3482871.1758792298</v>
      </c>
      <c r="BZ1876" s="53">
        <v>16860806.939999901</v>
      </c>
      <c r="CA1876" s="53">
        <v>16860806.939999901</v>
      </c>
      <c r="CB1876" s="53"/>
      <c r="CC1876" s="53"/>
      <c r="CD1876" s="53"/>
      <c r="CE1876" s="53"/>
      <c r="CF1876" s="53"/>
      <c r="CG1876" s="53"/>
      <c r="CH1876" s="53"/>
      <c r="CI1876" s="53"/>
      <c r="CJ1876" s="53"/>
      <c r="CK1876" s="53"/>
      <c r="CL1876" s="53"/>
      <c r="CM1876" s="53"/>
      <c r="CN1876" s="53"/>
    </row>
    <row r="1877" spans="1:92" outlineLevel="1">
      <c r="A1877" s="52" t="s">
        <v>1557</v>
      </c>
      <c r="B1877" s="53">
        <v>10379739.7099999</v>
      </c>
      <c r="C1877" s="53">
        <v>10455745.669999899</v>
      </c>
      <c r="D1877" s="53">
        <v>21097055.949999999</v>
      </c>
      <c r="E1877" s="53">
        <v>20991059.91</v>
      </c>
      <c r="F1877" s="53">
        <v>12900847.9699999</v>
      </c>
      <c r="G1877" s="53">
        <v>14676002.9599999</v>
      </c>
      <c r="H1877" s="53">
        <v>15516480.789999999</v>
      </c>
      <c r="I1877" s="53">
        <v>16013603.259999899</v>
      </c>
      <c r="J1877" s="53">
        <v>15167554.25</v>
      </c>
      <c r="K1877" s="53">
        <v>12571010.83</v>
      </c>
      <c r="L1877" s="53">
        <v>11188428.550000001</v>
      </c>
      <c r="M1877" s="53">
        <v>12293704.09</v>
      </c>
      <c r="N1877" s="53">
        <v>12293704.09</v>
      </c>
      <c r="O1877" s="53">
        <v>12293704.09</v>
      </c>
      <c r="P1877" s="53">
        <v>12293704.09</v>
      </c>
      <c r="Q1877" s="53">
        <v>12293704.09</v>
      </c>
      <c r="R1877" s="53">
        <v>12293704.09</v>
      </c>
      <c r="S1877" s="53">
        <v>12293704.09</v>
      </c>
      <c r="T1877" s="53">
        <v>12293704.09</v>
      </c>
      <c r="U1877" s="53">
        <v>12293704.09</v>
      </c>
      <c r="V1877" s="53">
        <v>12293704.09</v>
      </c>
      <c r="W1877" s="53">
        <v>12293704.09</v>
      </c>
      <c r="X1877" s="53">
        <v>12293704.09</v>
      </c>
      <c r="Y1877" s="53">
        <v>12293704.09</v>
      </c>
      <c r="Z1877" s="53">
        <v>12293704.09</v>
      </c>
      <c r="AA1877" s="53">
        <v>12293704.09</v>
      </c>
      <c r="AB1877" s="53">
        <v>12293704.09</v>
      </c>
      <c r="AC1877" s="53">
        <v>12293704.09</v>
      </c>
      <c r="AD1877" s="53">
        <v>12293704.09</v>
      </c>
      <c r="AE1877" s="53">
        <v>12293704.09</v>
      </c>
      <c r="AF1877" s="53">
        <v>12293704.09</v>
      </c>
      <c r="AG1877" s="53">
        <v>12293704.09</v>
      </c>
      <c r="AH1877" s="53">
        <v>12293704.09</v>
      </c>
      <c r="AI1877" s="53">
        <v>12293704.09</v>
      </c>
      <c r="AJ1877" s="53">
        <v>12293704.09</v>
      </c>
      <c r="AK1877" s="53">
        <v>12293704.09</v>
      </c>
      <c r="AL1877" s="53">
        <v>12293704.09</v>
      </c>
      <c r="AM1877" s="53">
        <v>12293704.09</v>
      </c>
      <c r="AN1877" s="53">
        <v>12293704.09</v>
      </c>
      <c r="AO1877" s="53">
        <v>12293704.09</v>
      </c>
      <c r="AP1877" s="53">
        <v>12293704.09</v>
      </c>
      <c r="AQ1877" s="53">
        <v>12293704.09</v>
      </c>
      <c r="AR1877" s="53">
        <v>12293704.09</v>
      </c>
      <c r="AS1877" s="53">
        <v>12293704.09</v>
      </c>
      <c r="AT1877" s="53">
        <v>12293704.09</v>
      </c>
      <c r="AU1877" s="53">
        <v>12293704.09</v>
      </c>
      <c r="AV1877" s="53">
        <v>12293704.09</v>
      </c>
      <c r="AW1877" s="53">
        <v>12293704.09</v>
      </c>
      <c r="AX1877" s="53">
        <v>12293704.09</v>
      </c>
      <c r="AY1877" s="53">
        <v>12293704.09</v>
      </c>
      <c r="AZ1877" s="53">
        <v>12293704.09</v>
      </c>
      <c r="BA1877" s="53">
        <v>12293704.09</v>
      </c>
      <c r="BB1877" s="53">
        <v>12293704.09</v>
      </c>
      <c r="BC1877" s="53">
        <v>12293704.09</v>
      </c>
      <c r="BD1877" s="53">
        <v>12293704.09</v>
      </c>
      <c r="BE1877" s="53">
        <v>12293704.09</v>
      </c>
      <c r="BF1877" s="53">
        <v>12293704.09</v>
      </c>
      <c r="BG1877" s="53">
        <v>12293704.09</v>
      </c>
      <c r="BH1877" s="53">
        <v>12293704.09</v>
      </c>
      <c r="BI1877" s="53">
        <v>12293704.09</v>
      </c>
      <c r="BJ1877" s="53">
        <v>12293704.09</v>
      </c>
      <c r="BK1877" s="53">
        <v>12293704.09</v>
      </c>
      <c r="BL1877" s="53">
        <v>12293704.09</v>
      </c>
      <c r="BM1877" s="53">
        <v>12293704.09</v>
      </c>
      <c r="BN1877" s="53">
        <v>12293704.09</v>
      </c>
      <c r="BO1877" s="53">
        <v>12293704.09</v>
      </c>
      <c r="BP1877" s="53">
        <v>12293704.09</v>
      </c>
      <c r="BQ1877" s="53">
        <v>12293704.09</v>
      </c>
      <c r="BR1877" s="53">
        <v>12293704.09</v>
      </c>
      <c r="BS1877" s="53">
        <v>12293704.09</v>
      </c>
      <c r="BT1877" s="53">
        <v>12293704.09</v>
      </c>
      <c r="BU1877" s="53">
        <v>12293704.09</v>
      </c>
      <c r="BV1877" s="53">
        <v>12293704.09</v>
      </c>
      <c r="BW1877" s="53">
        <v>12293704.09</v>
      </c>
      <c r="BX1877" s="53">
        <v>12293704.09</v>
      </c>
      <c r="BY1877" s="53">
        <v>12293704.09</v>
      </c>
      <c r="BZ1877" s="53">
        <v>12293704.09</v>
      </c>
      <c r="CA1877" s="53">
        <v>12293704.09</v>
      </c>
      <c r="CB1877" s="53"/>
      <c r="CC1877" s="53"/>
      <c r="CD1877" s="53"/>
      <c r="CE1877" s="53"/>
      <c r="CF1877" s="53"/>
      <c r="CG1877" s="53"/>
      <c r="CH1877" s="53"/>
      <c r="CI1877" s="53"/>
      <c r="CJ1877" s="53"/>
      <c r="CK1877" s="53"/>
      <c r="CL1877" s="53"/>
      <c r="CM1877" s="53"/>
      <c r="CN1877" s="53"/>
    </row>
    <row r="1878" spans="1:92" outlineLevel="1">
      <c r="A1878" s="52" t="s">
        <v>1558</v>
      </c>
      <c r="B1878" s="53">
        <v>10112584.189999999</v>
      </c>
      <c r="C1878" s="53">
        <v>9961694.0299999993</v>
      </c>
      <c r="D1878" s="53">
        <v>7355497.7400000002</v>
      </c>
      <c r="E1878" s="53">
        <v>7280736.9199999999</v>
      </c>
      <c r="F1878" s="53">
        <v>7454846.1600000001</v>
      </c>
      <c r="G1878" s="53">
        <v>5636177.1099999901</v>
      </c>
      <c r="H1878" s="53">
        <v>7795602.2699999996</v>
      </c>
      <c r="I1878" s="53">
        <v>7954511.7400000002</v>
      </c>
      <c r="J1878" s="53">
        <v>8120918.29</v>
      </c>
      <c r="K1878" s="53">
        <v>8291482.5300000003</v>
      </c>
      <c r="L1878" s="53">
        <v>8366984.5099999998</v>
      </c>
      <c r="M1878" s="53">
        <v>1999215.55999999</v>
      </c>
      <c r="N1878" s="53">
        <v>1999215.55999999</v>
      </c>
      <c r="O1878" s="53">
        <v>1999215.55999999</v>
      </c>
      <c r="P1878" s="53">
        <v>1999215.55999999</v>
      </c>
      <c r="Q1878" s="53">
        <v>1999215.55999999</v>
      </c>
      <c r="R1878" s="53">
        <v>1999215.55999999</v>
      </c>
      <c r="S1878" s="53">
        <v>1999215.55999999</v>
      </c>
      <c r="T1878" s="53">
        <v>1999215.55999999</v>
      </c>
      <c r="U1878" s="53">
        <v>1999215.55999999</v>
      </c>
      <c r="V1878" s="53">
        <v>1999215.55999999</v>
      </c>
      <c r="W1878" s="53">
        <v>1999215.55999999</v>
      </c>
      <c r="X1878" s="53">
        <v>1999215.55999999</v>
      </c>
      <c r="Y1878" s="53">
        <v>1999215.55999999</v>
      </c>
      <c r="Z1878" s="53">
        <v>1999215.55999999</v>
      </c>
      <c r="AA1878" s="53">
        <v>1999215.55999999</v>
      </c>
      <c r="AB1878" s="53">
        <v>1999215.55999999</v>
      </c>
      <c r="AC1878" s="53">
        <v>1999215.55999999</v>
      </c>
      <c r="AD1878" s="53">
        <v>1999215.55999999</v>
      </c>
      <c r="AE1878" s="53">
        <v>1999215.55999999</v>
      </c>
      <c r="AF1878" s="53">
        <v>1999215.55999999</v>
      </c>
      <c r="AG1878" s="53">
        <v>1999215.55999999</v>
      </c>
      <c r="AH1878" s="53">
        <v>1999215.55999999</v>
      </c>
      <c r="AI1878" s="53">
        <v>1999215.55999999</v>
      </c>
      <c r="AJ1878" s="53">
        <v>1999215.55999999</v>
      </c>
      <c r="AK1878" s="53">
        <v>1999215.55999999</v>
      </c>
      <c r="AL1878" s="53">
        <v>1999215.55999999</v>
      </c>
      <c r="AM1878" s="53">
        <v>1999215.55999999</v>
      </c>
      <c r="AN1878" s="53">
        <v>1999215.55999999</v>
      </c>
      <c r="AO1878" s="53">
        <v>1999215.55999999</v>
      </c>
      <c r="AP1878" s="53">
        <v>1999215.55999999</v>
      </c>
      <c r="AQ1878" s="53">
        <v>1999215.55999999</v>
      </c>
      <c r="AR1878" s="53">
        <v>1999215.55999999</v>
      </c>
      <c r="AS1878" s="53">
        <v>1999215.55999999</v>
      </c>
      <c r="AT1878" s="53">
        <v>1999215.55999999</v>
      </c>
      <c r="AU1878" s="53">
        <v>1999215.55999999</v>
      </c>
      <c r="AV1878" s="53">
        <v>1999215.55999999</v>
      </c>
      <c r="AW1878" s="53">
        <v>1999215.55999999</v>
      </c>
      <c r="AX1878" s="53">
        <v>1999215.55999999</v>
      </c>
      <c r="AY1878" s="53">
        <v>1999215.55999999</v>
      </c>
      <c r="AZ1878" s="53">
        <v>1999215.55999999</v>
      </c>
      <c r="BA1878" s="53">
        <v>1999215.55999999</v>
      </c>
      <c r="BB1878" s="53">
        <v>1999215.55999999</v>
      </c>
      <c r="BC1878" s="53">
        <v>1999215.55999999</v>
      </c>
      <c r="BD1878" s="53">
        <v>1999215.55999999</v>
      </c>
      <c r="BE1878" s="53">
        <v>1999215.55999999</v>
      </c>
      <c r="BF1878" s="53">
        <v>1999215.55999999</v>
      </c>
      <c r="BG1878" s="53">
        <v>1999215.55999999</v>
      </c>
      <c r="BH1878" s="53">
        <v>1999215.55999999</v>
      </c>
      <c r="BI1878" s="53">
        <v>1999215.55999999</v>
      </c>
      <c r="BJ1878" s="53">
        <v>1999215.55999999</v>
      </c>
      <c r="BK1878" s="53">
        <v>1999215.55999999</v>
      </c>
      <c r="BL1878" s="53">
        <v>1999215.55999999</v>
      </c>
      <c r="BM1878" s="53">
        <v>1999215.55999999</v>
      </c>
      <c r="BN1878" s="53">
        <v>1999215.55999999</v>
      </c>
      <c r="BO1878" s="53">
        <v>1999215.55999999</v>
      </c>
      <c r="BP1878" s="53">
        <v>1999215.55999999</v>
      </c>
      <c r="BQ1878" s="53">
        <v>1999215.55999999</v>
      </c>
      <c r="BR1878" s="53">
        <v>1999215.55999999</v>
      </c>
      <c r="BS1878" s="53">
        <v>1999215.55999999</v>
      </c>
      <c r="BT1878" s="53">
        <v>1999215.55999999</v>
      </c>
      <c r="BU1878" s="53">
        <v>1999215.55999999</v>
      </c>
      <c r="BV1878" s="53">
        <v>1999215.55999999</v>
      </c>
      <c r="BW1878" s="53">
        <v>1999215.55999999</v>
      </c>
      <c r="BX1878" s="53">
        <v>1999215.55999999</v>
      </c>
      <c r="BY1878" s="53">
        <v>1999215.55999999</v>
      </c>
      <c r="BZ1878" s="53">
        <v>1999215.55999999</v>
      </c>
      <c r="CA1878" s="53">
        <v>1999215.55999999</v>
      </c>
      <c r="CB1878" s="53"/>
      <c r="CC1878" s="53"/>
      <c r="CD1878" s="53"/>
      <c r="CE1878" s="53"/>
      <c r="CF1878" s="53"/>
      <c r="CG1878" s="53"/>
      <c r="CH1878" s="53"/>
      <c r="CI1878" s="53"/>
      <c r="CJ1878" s="53"/>
      <c r="CK1878" s="53"/>
      <c r="CL1878" s="53"/>
      <c r="CM1878" s="53"/>
      <c r="CN1878" s="53"/>
    </row>
    <row r="1879" spans="1:92" outlineLevel="1">
      <c r="A1879" s="52" t="s">
        <v>1559</v>
      </c>
      <c r="B1879" s="53">
        <v>0</v>
      </c>
      <c r="C1879" s="53">
        <v>0</v>
      </c>
      <c r="D1879" s="53">
        <v>0</v>
      </c>
      <c r="E1879" s="53">
        <v>0</v>
      </c>
      <c r="F1879" s="53">
        <v>0</v>
      </c>
      <c r="G1879" s="53">
        <v>0</v>
      </c>
      <c r="H1879" s="53">
        <v>0</v>
      </c>
      <c r="I1879" s="53">
        <v>0</v>
      </c>
      <c r="J1879" s="53">
        <v>0</v>
      </c>
      <c r="K1879" s="53">
        <v>0</v>
      </c>
      <c r="L1879" s="53">
        <v>0</v>
      </c>
      <c r="M1879" s="53">
        <v>0</v>
      </c>
      <c r="N1879" s="53">
        <v>0</v>
      </c>
      <c r="O1879" s="53">
        <v>0</v>
      </c>
      <c r="P1879" s="53">
        <v>0</v>
      </c>
      <c r="Q1879" s="53">
        <v>0</v>
      </c>
      <c r="R1879" s="53">
        <v>0</v>
      </c>
      <c r="S1879" s="53">
        <v>0</v>
      </c>
      <c r="T1879" s="53">
        <v>0</v>
      </c>
      <c r="U1879" s="53">
        <v>0</v>
      </c>
      <c r="V1879" s="53">
        <v>0</v>
      </c>
      <c r="W1879" s="53">
        <v>0</v>
      </c>
      <c r="X1879" s="53">
        <v>0</v>
      </c>
      <c r="Y1879" s="53">
        <v>0</v>
      </c>
      <c r="Z1879" s="53">
        <v>0</v>
      </c>
      <c r="AA1879" s="53">
        <v>0</v>
      </c>
      <c r="AB1879" s="53">
        <v>0</v>
      </c>
      <c r="AC1879" s="53">
        <v>0</v>
      </c>
      <c r="AD1879" s="53">
        <v>0</v>
      </c>
      <c r="AE1879" s="53">
        <v>0</v>
      </c>
      <c r="AF1879" s="53">
        <v>0</v>
      </c>
      <c r="AG1879" s="53">
        <v>0</v>
      </c>
      <c r="AH1879" s="53">
        <v>0</v>
      </c>
      <c r="AI1879" s="53">
        <v>0</v>
      </c>
      <c r="AJ1879" s="53">
        <v>0</v>
      </c>
      <c r="AK1879" s="53">
        <v>0</v>
      </c>
      <c r="AL1879" s="53">
        <v>0</v>
      </c>
      <c r="AM1879" s="53">
        <v>0</v>
      </c>
      <c r="AN1879" s="53">
        <v>0</v>
      </c>
      <c r="AO1879" s="53">
        <v>0</v>
      </c>
      <c r="AP1879" s="53">
        <v>0</v>
      </c>
      <c r="AQ1879" s="53">
        <v>0</v>
      </c>
      <c r="AR1879" s="53">
        <v>0</v>
      </c>
      <c r="AS1879" s="53">
        <v>0</v>
      </c>
      <c r="AT1879" s="53">
        <v>0</v>
      </c>
      <c r="AU1879" s="53">
        <v>0</v>
      </c>
      <c r="AV1879" s="53">
        <v>0</v>
      </c>
      <c r="AW1879" s="53">
        <v>0</v>
      </c>
      <c r="AX1879" s="53">
        <v>0</v>
      </c>
      <c r="AY1879" s="53">
        <v>0</v>
      </c>
      <c r="AZ1879" s="53">
        <v>0</v>
      </c>
      <c r="BA1879" s="53">
        <v>0</v>
      </c>
      <c r="BB1879" s="53">
        <v>0</v>
      </c>
      <c r="BC1879" s="53">
        <v>0</v>
      </c>
      <c r="BD1879" s="53">
        <v>0</v>
      </c>
      <c r="BE1879" s="53">
        <v>0</v>
      </c>
      <c r="BF1879" s="53">
        <v>0</v>
      </c>
      <c r="BG1879" s="53">
        <v>0</v>
      </c>
      <c r="BH1879" s="53">
        <v>0</v>
      </c>
      <c r="BI1879" s="53">
        <v>0</v>
      </c>
      <c r="BJ1879" s="53">
        <v>0</v>
      </c>
      <c r="BK1879" s="53">
        <v>0</v>
      </c>
      <c r="BL1879" s="53">
        <v>0</v>
      </c>
      <c r="BM1879" s="53">
        <v>0</v>
      </c>
      <c r="BN1879" s="53">
        <v>0</v>
      </c>
      <c r="BO1879" s="53">
        <v>0</v>
      </c>
      <c r="BP1879" s="53">
        <v>0</v>
      </c>
      <c r="BQ1879" s="53">
        <v>0</v>
      </c>
      <c r="BR1879" s="53">
        <v>0</v>
      </c>
      <c r="BS1879" s="53">
        <v>0</v>
      </c>
      <c r="BT1879" s="53">
        <v>0</v>
      </c>
      <c r="BU1879" s="53">
        <v>0</v>
      </c>
      <c r="BV1879" s="53">
        <v>0</v>
      </c>
      <c r="BW1879" s="53">
        <v>0</v>
      </c>
      <c r="BX1879" s="53">
        <v>0</v>
      </c>
      <c r="BY1879" s="53">
        <v>0</v>
      </c>
      <c r="BZ1879" s="53">
        <v>0</v>
      </c>
      <c r="CA1879" s="53">
        <v>0</v>
      </c>
      <c r="CB1879" s="53"/>
      <c r="CC1879" s="53"/>
      <c r="CD1879" s="53"/>
      <c r="CE1879" s="53"/>
      <c r="CF1879" s="53"/>
      <c r="CG1879" s="53"/>
      <c r="CH1879" s="53"/>
      <c r="CI1879" s="53"/>
      <c r="CJ1879" s="53"/>
      <c r="CK1879" s="53"/>
      <c r="CL1879" s="53"/>
      <c r="CM1879" s="53"/>
      <c r="CN1879" s="53"/>
    </row>
    <row r="1880" spans="1:92" outlineLevel="1">
      <c r="A1880" s="52" t="s">
        <v>1218</v>
      </c>
      <c r="B1880" s="53">
        <v>52512128.506999902</v>
      </c>
      <c r="C1880" s="53">
        <v>20828633.609999899</v>
      </c>
      <c r="D1880" s="53">
        <v>116886034.83999901</v>
      </c>
      <c r="E1880" s="53">
        <v>96549820</v>
      </c>
      <c r="F1880" s="53">
        <v>125731782.86</v>
      </c>
      <c r="G1880" s="53">
        <v>161093316.72999999</v>
      </c>
      <c r="H1880" s="53">
        <v>185973124.30999899</v>
      </c>
      <c r="I1880" s="53">
        <v>235974312.65000001</v>
      </c>
      <c r="J1880" s="53">
        <v>237582288.42999899</v>
      </c>
      <c r="K1880" s="53">
        <v>174968398.64999899</v>
      </c>
      <c r="L1880" s="53">
        <v>201148086.049999</v>
      </c>
      <c r="M1880" s="53">
        <v>-26045189.300000001</v>
      </c>
      <c r="N1880" s="53">
        <v>52512128.506999902</v>
      </c>
      <c r="O1880" s="53">
        <v>57012689.119999997</v>
      </c>
      <c r="P1880" s="53">
        <v>117225443.38461301</v>
      </c>
      <c r="Q1880" s="53">
        <v>131837786.388705</v>
      </c>
      <c r="R1880" s="53">
        <v>177443338.627442</v>
      </c>
      <c r="S1880" s="53">
        <v>192012833.00470099</v>
      </c>
      <c r="T1880" s="53">
        <v>241812408.20895699</v>
      </c>
      <c r="U1880" s="53">
        <v>240456495.54325399</v>
      </c>
      <c r="V1880" s="53">
        <v>297697506.43915999</v>
      </c>
      <c r="W1880" s="53">
        <v>391605975.19649303</v>
      </c>
      <c r="X1880" s="53">
        <v>341261952.68466997</v>
      </c>
      <c r="Y1880" s="53">
        <v>382576404.30110502</v>
      </c>
      <c r="Z1880" s="53">
        <v>233998573.710574</v>
      </c>
      <c r="AA1880" s="53">
        <v>57012689.119999997</v>
      </c>
      <c r="AB1880" s="53">
        <v>118100710.228864</v>
      </c>
      <c r="AC1880" s="53">
        <v>190238162.024138</v>
      </c>
      <c r="AD1880" s="53">
        <v>217221391.54889101</v>
      </c>
      <c r="AE1880" s="53">
        <v>203478646.629264</v>
      </c>
      <c r="AF1880" s="53">
        <v>213149281.776149</v>
      </c>
      <c r="AG1880" s="53">
        <v>255380429.919732</v>
      </c>
      <c r="AH1880" s="53">
        <v>226258719.92990801</v>
      </c>
      <c r="AI1880" s="53">
        <v>280152063.94543499</v>
      </c>
      <c r="AJ1880" s="53">
        <v>368370682.21868902</v>
      </c>
      <c r="AK1880" s="53">
        <v>337263695.29098803</v>
      </c>
      <c r="AL1880" s="53">
        <v>371956858.74357998</v>
      </c>
      <c r="AM1880" s="53">
        <v>201199880.43821001</v>
      </c>
      <c r="AN1880" s="53">
        <v>118100710.228864</v>
      </c>
      <c r="AO1880" s="53">
        <v>103866096.623687</v>
      </c>
      <c r="AP1880" s="53">
        <v>150260820.96799901</v>
      </c>
      <c r="AQ1880" s="53">
        <v>154906149.486893</v>
      </c>
      <c r="AR1880" s="53">
        <v>127035202.96231499</v>
      </c>
      <c r="AS1880" s="53">
        <v>134773725.80195901</v>
      </c>
      <c r="AT1880" s="53">
        <v>160140139.77362701</v>
      </c>
      <c r="AU1880" s="53">
        <v>183864741.45404801</v>
      </c>
      <c r="AV1880" s="53">
        <v>218936975.18444601</v>
      </c>
      <c r="AW1880" s="53">
        <v>283880489.98997802</v>
      </c>
      <c r="AX1880" s="53">
        <v>291759672.382617</v>
      </c>
      <c r="AY1880" s="53">
        <v>310633294.97249001</v>
      </c>
      <c r="AZ1880" s="53">
        <v>107774581.922848</v>
      </c>
      <c r="BA1880" s="53">
        <v>103866096.623687</v>
      </c>
      <c r="BB1880" s="53">
        <v>71266067.590614498</v>
      </c>
      <c r="BC1880" s="53">
        <v>118205900.93840399</v>
      </c>
      <c r="BD1880" s="53">
        <v>122795638.157766</v>
      </c>
      <c r="BE1880" s="53">
        <v>127770286.99679799</v>
      </c>
      <c r="BF1880" s="53">
        <v>136838702.906241</v>
      </c>
      <c r="BG1880" s="53">
        <v>162831539.867432</v>
      </c>
      <c r="BH1880" s="53">
        <v>192905991.91606</v>
      </c>
      <c r="BI1880" s="53">
        <v>229011272.540086</v>
      </c>
      <c r="BJ1880" s="53">
        <v>294804635.52889597</v>
      </c>
      <c r="BK1880" s="53">
        <v>306914053.02062899</v>
      </c>
      <c r="BL1880" s="53">
        <v>325567187.09151798</v>
      </c>
      <c r="BM1880" s="53">
        <v>98086204.424431294</v>
      </c>
      <c r="BN1880" s="53">
        <v>71266067.590614498</v>
      </c>
      <c r="BO1880" s="53">
        <v>67498545.607747093</v>
      </c>
      <c r="BP1880" s="53">
        <v>113876939.527018</v>
      </c>
      <c r="BQ1880" s="53">
        <v>118701940.583065</v>
      </c>
      <c r="BR1880" s="53">
        <v>126978185.248555</v>
      </c>
      <c r="BS1880" s="53">
        <v>137548652.40934399</v>
      </c>
      <c r="BT1880" s="53">
        <v>164625168.167963</v>
      </c>
      <c r="BU1880" s="53">
        <v>201140286.73285201</v>
      </c>
      <c r="BV1880" s="53">
        <v>238340779.27364901</v>
      </c>
      <c r="BW1880" s="53">
        <v>305372826.17933297</v>
      </c>
      <c r="BX1880" s="53">
        <v>322576992.35821599</v>
      </c>
      <c r="BY1880" s="53">
        <v>342348836.62675101</v>
      </c>
      <c r="BZ1880" s="53">
        <v>101299514.077042</v>
      </c>
      <c r="CA1880" s="53">
        <v>67498545.607747093</v>
      </c>
      <c r="CB1880" s="53">
        <v>4885623.74</v>
      </c>
      <c r="CC1880" s="53">
        <v>6821191.2000000002</v>
      </c>
      <c r="CD1880" s="53">
        <v>9361606.4399999995</v>
      </c>
      <c r="CE1880" s="53">
        <v>11484163.4099999</v>
      </c>
      <c r="CF1880" s="53">
        <v>15932844.34</v>
      </c>
      <c r="CG1880" s="53">
        <v>19003359.25</v>
      </c>
      <c r="CH1880" s="53">
        <v>22266829.359999999</v>
      </c>
      <c r="CI1880" s="53">
        <v>21989061.1199999</v>
      </c>
      <c r="CJ1880" s="53">
        <v>19896695.09</v>
      </c>
      <c r="CK1880" s="53">
        <v>14892568.92</v>
      </c>
      <c r="CL1880" s="53">
        <v>7069373.5300000003</v>
      </c>
      <c r="CM1880" s="53">
        <v>2914802.36</v>
      </c>
      <c r="CN1880" s="53">
        <v>156518118.75999999</v>
      </c>
    </row>
    <row r="1881" spans="1:92" outlineLevel="1">
      <c r="A1881" s="52" t="s">
        <v>699</v>
      </c>
      <c r="B1881" s="53"/>
      <c r="C1881" s="53"/>
      <c r="D1881" s="53"/>
      <c r="E1881" s="53"/>
      <c r="F1881" s="53"/>
      <c r="G1881" s="53"/>
      <c r="H1881" s="53"/>
      <c r="I1881" s="53"/>
      <c r="J1881" s="53"/>
      <c r="K1881" s="53"/>
      <c r="L1881" s="53"/>
      <c r="M1881" s="53"/>
      <c r="N1881" s="53"/>
      <c r="O1881" s="53"/>
      <c r="P1881" s="53"/>
      <c r="Q1881" s="53"/>
      <c r="R1881" s="53"/>
      <c r="S1881" s="53"/>
      <c r="T1881" s="53"/>
      <c r="U1881" s="53"/>
      <c r="V1881" s="53"/>
      <c r="W1881" s="53"/>
      <c r="X1881" s="53"/>
      <c r="Y1881" s="53"/>
      <c r="Z1881" s="53"/>
      <c r="AA1881" s="53"/>
      <c r="AB1881" s="53"/>
      <c r="AC1881" s="53"/>
      <c r="AD1881" s="53"/>
      <c r="AE1881" s="53"/>
      <c r="AF1881" s="53"/>
      <c r="AG1881" s="53"/>
      <c r="AH1881" s="53"/>
      <c r="AI1881" s="53"/>
      <c r="AJ1881" s="53"/>
      <c r="AK1881" s="53"/>
      <c r="AL1881" s="53"/>
      <c r="AM1881" s="53"/>
      <c r="AN1881" s="53"/>
      <c r="AO1881" s="53"/>
      <c r="AP1881" s="53"/>
      <c r="AQ1881" s="53"/>
      <c r="AR1881" s="53"/>
      <c r="AS1881" s="53"/>
      <c r="AT1881" s="53"/>
      <c r="AU1881" s="53"/>
      <c r="AV1881" s="53"/>
      <c r="AW1881" s="53"/>
      <c r="AX1881" s="53"/>
      <c r="AY1881" s="53"/>
      <c r="AZ1881" s="53"/>
      <c r="BA1881" s="53"/>
      <c r="BB1881" s="53"/>
      <c r="BC1881" s="53"/>
      <c r="BD1881" s="53"/>
      <c r="BE1881" s="53"/>
      <c r="BF1881" s="53"/>
      <c r="BG1881" s="53"/>
      <c r="BH1881" s="53"/>
      <c r="BI1881" s="53"/>
      <c r="BJ1881" s="53"/>
      <c r="BK1881" s="53"/>
      <c r="BL1881" s="53"/>
      <c r="BM1881" s="53"/>
      <c r="BN1881" s="53"/>
      <c r="BO1881" s="53"/>
      <c r="BP1881" s="53"/>
      <c r="BQ1881" s="53"/>
      <c r="BR1881" s="53"/>
      <c r="BS1881" s="53"/>
      <c r="BT1881" s="53"/>
      <c r="BU1881" s="53"/>
      <c r="BV1881" s="53"/>
      <c r="BW1881" s="53"/>
      <c r="BX1881" s="53"/>
      <c r="BY1881" s="53"/>
      <c r="BZ1881" s="53"/>
      <c r="CA1881" s="53"/>
      <c r="CB1881" s="53"/>
      <c r="CC1881" s="53"/>
      <c r="CD1881" s="53"/>
      <c r="CE1881" s="53"/>
      <c r="CF1881" s="53"/>
      <c r="CG1881" s="53"/>
      <c r="CH1881" s="53"/>
      <c r="CI1881" s="53"/>
      <c r="CJ1881" s="53"/>
      <c r="CK1881" s="53"/>
      <c r="CL1881" s="53"/>
      <c r="CM1881" s="53"/>
      <c r="CN1881" s="53"/>
    </row>
    <row r="1882" spans="1:92" outlineLevel="1">
      <c r="A1882" s="52" t="s">
        <v>755</v>
      </c>
      <c r="B1882" s="53"/>
      <c r="C1882" s="53"/>
      <c r="D1882" s="53"/>
      <c r="E1882" s="53"/>
      <c r="F1882" s="53"/>
      <c r="G1882" s="53"/>
      <c r="H1882" s="53"/>
      <c r="I1882" s="53"/>
      <c r="J1882" s="53"/>
      <c r="K1882" s="53"/>
      <c r="L1882" s="53"/>
      <c r="M1882" s="53"/>
      <c r="N1882" s="53"/>
      <c r="O1882" s="53"/>
      <c r="P1882" s="53"/>
      <c r="Q1882" s="53"/>
      <c r="R1882" s="53"/>
      <c r="S1882" s="53"/>
      <c r="T1882" s="53"/>
      <c r="U1882" s="53"/>
      <c r="V1882" s="53"/>
      <c r="W1882" s="53"/>
      <c r="X1882" s="53"/>
      <c r="Y1882" s="53"/>
      <c r="Z1882" s="53"/>
      <c r="AA1882" s="53"/>
      <c r="AB1882" s="53"/>
      <c r="AC1882" s="53"/>
      <c r="AD1882" s="53"/>
      <c r="AE1882" s="53"/>
      <c r="AF1882" s="53"/>
      <c r="AG1882" s="53"/>
      <c r="AH1882" s="53"/>
      <c r="AI1882" s="53"/>
      <c r="AJ1882" s="53"/>
      <c r="AK1882" s="53"/>
      <c r="AL1882" s="53"/>
      <c r="AM1882" s="53"/>
      <c r="AN1882" s="53"/>
      <c r="AO1882" s="53"/>
      <c r="AP1882" s="53"/>
      <c r="AQ1882" s="53"/>
      <c r="AR1882" s="53"/>
      <c r="AS1882" s="53"/>
      <c r="AT1882" s="53"/>
      <c r="AU1882" s="53"/>
      <c r="AV1882" s="53"/>
      <c r="AW1882" s="53"/>
      <c r="AX1882" s="53"/>
      <c r="AY1882" s="53"/>
      <c r="AZ1882" s="53"/>
      <c r="BA1882" s="53"/>
      <c r="BB1882" s="53"/>
      <c r="BC1882" s="53"/>
      <c r="BD1882" s="53"/>
      <c r="BE1882" s="53"/>
      <c r="BF1882" s="53"/>
      <c r="BG1882" s="53"/>
      <c r="BH1882" s="53"/>
      <c r="BI1882" s="53"/>
      <c r="BJ1882" s="53"/>
      <c r="BK1882" s="53"/>
      <c r="BL1882" s="53"/>
      <c r="BM1882" s="53"/>
      <c r="BN1882" s="53"/>
      <c r="BO1882" s="53"/>
      <c r="BP1882" s="53"/>
      <c r="BQ1882" s="53"/>
      <c r="BR1882" s="53"/>
      <c r="BS1882" s="53"/>
      <c r="BT1882" s="53"/>
      <c r="BU1882" s="53"/>
      <c r="BV1882" s="53"/>
      <c r="BW1882" s="53"/>
      <c r="BX1882" s="53"/>
      <c r="BY1882" s="53"/>
      <c r="BZ1882" s="53"/>
      <c r="CA1882" s="53"/>
      <c r="CB1882" s="53">
        <v>2555737.2999999998</v>
      </c>
      <c r="CC1882" s="53">
        <v>2709377.53</v>
      </c>
      <c r="CD1882" s="53">
        <v>2658425.8399999901</v>
      </c>
      <c r="CE1882" s="53">
        <v>2110044.13</v>
      </c>
      <c r="CF1882" s="53">
        <v>2302031.2799999998</v>
      </c>
      <c r="CG1882" s="53">
        <v>2465152</v>
      </c>
      <c r="CH1882" s="53">
        <v>2104715.75</v>
      </c>
      <c r="CI1882" s="53">
        <v>3265984</v>
      </c>
      <c r="CJ1882" s="53">
        <v>2673102.46</v>
      </c>
      <c r="CK1882" s="53">
        <v>2398012.0199999898</v>
      </c>
      <c r="CL1882" s="53">
        <v>2879835.02</v>
      </c>
      <c r="CM1882" s="53">
        <v>2813547.2099999902</v>
      </c>
      <c r="CN1882" s="53">
        <v>30935964.539999899</v>
      </c>
    </row>
    <row r="1883" spans="1:92" outlineLevel="1">
      <c r="A1883" s="52" t="s">
        <v>1555</v>
      </c>
      <c r="B1883" s="53"/>
      <c r="C1883" s="53"/>
      <c r="D1883" s="53"/>
      <c r="E1883" s="53"/>
      <c r="F1883" s="53"/>
      <c r="G1883" s="53"/>
      <c r="H1883" s="53"/>
      <c r="I1883" s="53"/>
      <c r="J1883" s="53"/>
      <c r="K1883" s="53"/>
      <c r="L1883" s="53"/>
      <c r="M1883" s="53"/>
      <c r="N1883" s="53"/>
      <c r="O1883" s="53"/>
      <c r="P1883" s="53"/>
      <c r="Q1883" s="53"/>
      <c r="R1883" s="53"/>
      <c r="S1883" s="53"/>
      <c r="T1883" s="53"/>
      <c r="U1883" s="53"/>
      <c r="V1883" s="53"/>
      <c r="W1883" s="53"/>
      <c r="X1883" s="53"/>
      <c r="Y1883" s="53"/>
      <c r="Z1883" s="53"/>
      <c r="AA1883" s="53"/>
      <c r="AB1883" s="53"/>
      <c r="AC1883" s="53"/>
      <c r="AD1883" s="53"/>
      <c r="AE1883" s="53"/>
      <c r="AF1883" s="53"/>
      <c r="AG1883" s="53"/>
      <c r="AH1883" s="53"/>
      <c r="AI1883" s="53"/>
      <c r="AJ1883" s="53"/>
      <c r="AK1883" s="53"/>
      <c r="AL1883" s="53"/>
      <c r="AM1883" s="53"/>
      <c r="AN1883" s="53"/>
      <c r="AO1883" s="53"/>
      <c r="AP1883" s="53"/>
      <c r="AQ1883" s="53"/>
      <c r="AR1883" s="53"/>
      <c r="AS1883" s="53"/>
      <c r="AT1883" s="53"/>
      <c r="AU1883" s="53"/>
      <c r="AV1883" s="53"/>
      <c r="AW1883" s="53"/>
      <c r="AX1883" s="53"/>
      <c r="AY1883" s="53"/>
      <c r="AZ1883" s="53"/>
      <c r="BA1883" s="53"/>
      <c r="BB1883" s="53"/>
      <c r="BC1883" s="53"/>
      <c r="BD1883" s="53"/>
      <c r="BE1883" s="53"/>
      <c r="BF1883" s="53"/>
      <c r="BG1883" s="53"/>
      <c r="BH1883" s="53"/>
      <c r="BI1883" s="53"/>
      <c r="BJ1883" s="53"/>
      <c r="BK1883" s="53"/>
      <c r="BL1883" s="53"/>
      <c r="BM1883" s="53"/>
      <c r="BN1883" s="53"/>
      <c r="BO1883" s="53"/>
      <c r="BP1883" s="53"/>
      <c r="BQ1883" s="53"/>
      <c r="BR1883" s="53"/>
      <c r="BS1883" s="53"/>
      <c r="BT1883" s="53"/>
      <c r="BU1883" s="53"/>
      <c r="BV1883" s="53"/>
      <c r="BW1883" s="53"/>
      <c r="BX1883" s="53"/>
      <c r="BY1883" s="53"/>
      <c r="BZ1883" s="53"/>
      <c r="CA1883" s="53"/>
      <c r="CB1883" s="53"/>
      <c r="CC1883" s="53"/>
      <c r="CD1883" s="53"/>
      <c r="CE1883" s="53"/>
      <c r="CF1883" s="53"/>
      <c r="CG1883" s="53"/>
      <c r="CH1883" s="53"/>
      <c r="CI1883" s="53"/>
      <c r="CJ1883" s="53"/>
      <c r="CK1883" s="53"/>
      <c r="CL1883" s="53"/>
      <c r="CM1883" s="53"/>
      <c r="CN1883" s="53"/>
    </row>
    <row r="1884" spans="1:92" outlineLevel="1">
      <c r="A1884" s="52" t="s">
        <v>757</v>
      </c>
      <c r="B1884" s="53"/>
      <c r="C1884" s="53"/>
      <c r="D1884" s="53"/>
      <c r="E1884" s="53"/>
      <c r="F1884" s="53"/>
      <c r="G1884" s="53"/>
      <c r="H1884" s="53"/>
      <c r="I1884" s="53"/>
      <c r="J1884" s="53"/>
      <c r="K1884" s="53"/>
      <c r="L1884" s="53">
        <v>-164266484</v>
      </c>
      <c r="M1884" s="53"/>
      <c r="N1884" s="53">
        <v>-164266484</v>
      </c>
      <c r="O1884" s="53"/>
      <c r="P1884" s="53"/>
      <c r="Q1884" s="53"/>
      <c r="R1884" s="53"/>
      <c r="S1884" s="53"/>
      <c r="T1884" s="53"/>
      <c r="U1884" s="53"/>
      <c r="V1884" s="53"/>
      <c r="W1884" s="53"/>
      <c r="X1884" s="53"/>
      <c r="Y1884" s="53">
        <v>-169521267.05250299</v>
      </c>
      <c r="Z1884" s="53"/>
      <c r="AA1884" s="53">
        <v>-169521267.05250299</v>
      </c>
      <c r="AB1884" s="53"/>
      <c r="AC1884" s="53"/>
      <c r="AD1884" s="53"/>
      <c r="AE1884" s="53"/>
      <c r="AF1884" s="53"/>
      <c r="AG1884" s="53"/>
      <c r="AH1884" s="53"/>
      <c r="AI1884" s="53"/>
      <c r="AJ1884" s="53"/>
      <c r="AK1884" s="53"/>
      <c r="AL1884" s="53">
        <v>-187117307.36951599</v>
      </c>
      <c r="AM1884" s="53"/>
      <c r="AN1884" s="53">
        <v>-187117307.36951599</v>
      </c>
      <c r="AO1884" s="53"/>
      <c r="AP1884" s="53"/>
      <c r="AQ1884" s="53"/>
      <c r="AR1884" s="53"/>
      <c r="AS1884" s="53"/>
      <c r="AT1884" s="53"/>
      <c r="AU1884" s="53"/>
      <c r="AV1884" s="53"/>
      <c r="AW1884" s="53"/>
      <c r="AX1884" s="53"/>
      <c r="AY1884" s="53">
        <v>-204565791.029935</v>
      </c>
      <c r="AZ1884" s="53"/>
      <c r="BA1884" s="53">
        <v>-204565791.029935</v>
      </c>
      <c r="BB1884" s="53"/>
      <c r="BC1884" s="53"/>
      <c r="BD1884" s="53"/>
      <c r="BE1884" s="53"/>
      <c r="BF1884" s="53"/>
      <c r="BG1884" s="53"/>
      <c r="BH1884" s="53"/>
      <c r="BI1884" s="53"/>
      <c r="BJ1884" s="53"/>
      <c r="BK1884" s="53"/>
      <c r="BL1884" s="53">
        <v>-228271414.617273</v>
      </c>
      <c r="BM1884" s="53"/>
      <c r="BN1884" s="53">
        <v>-228271414.617273</v>
      </c>
      <c r="BO1884" s="53"/>
      <c r="BP1884" s="53"/>
      <c r="BQ1884" s="53"/>
      <c r="BR1884" s="53"/>
      <c r="BS1884" s="53"/>
      <c r="BT1884" s="53"/>
      <c r="BU1884" s="53"/>
      <c r="BV1884" s="53"/>
      <c r="BW1884" s="53"/>
      <c r="BX1884" s="53"/>
      <c r="BY1884" s="53">
        <v>-244124137.39054999</v>
      </c>
      <c r="BZ1884" s="53"/>
      <c r="CA1884" s="53">
        <v>-244124137.39054999</v>
      </c>
      <c r="CB1884" s="53">
        <v>96801882.019999996</v>
      </c>
      <c r="CC1884" s="53">
        <v>82686144.709999993</v>
      </c>
      <c r="CD1884" s="53">
        <v>84040742.510000005</v>
      </c>
      <c r="CE1884" s="53">
        <v>75622199.959999993</v>
      </c>
      <c r="CF1884" s="53">
        <v>89792007.289999902</v>
      </c>
      <c r="CG1884" s="53">
        <v>95721055.140000001</v>
      </c>
      <c r="CH1884" s="53">
        <v>101577896.73999999</v>
      </c>
      <c r="CI1884" s="53">
        <v>101850854.92</v>
      </c>
      <c r="CJ1884" s="53">
        <v>97561165.279999897</v>
      </c>
      <c r="CK1884" s="53">
        <v>87880748.609999999</v>
      </c>
      <c r="CL1884" s="53">
        <v>81465344.129999995</v>
      </c>
      <c r="CM1884" s="53">
        <v>93850456.6199999</v>
      </c>
      <c r="CN1884" s="53">
        <v>1088850497.9299901</v>
      </c>
    </row>
    <row r="1885" spans="1:92">
      <c r="A1885" s="52" t="s">
        <v>700</v>
      </c>
      <c r="B1885" s="53"/>
      <c r="C1885" s="53"/>
      <c r="D1885" s="53"/>
      <c r="E1885" s="53"/>
      <c r="F1885" s="53"/>
      <c r="G1885" s="53"/>
      <c r="H1885" s="53"/>
      <c r="I1885" s="53"/>
      <c r="J1885" s="53"/>
      <c r="K1885" s="53"/>
      <c r="L1885" s="53"/>
      <c r="M1885" s="53"/>
      <c r="N1885" s="53"/>
      <c r="O1885" s="53"/>
      <c r="P1885" s="53"/>
      <c r="Q1885" s="53"/>
      <c r="R1885" s="53"/>
      <c r="S1885" s="53"/>
      <c r="T1885" s="53"/>
      <c r="U1885" s="53"/>
      <c r="V1885" s="53"/>
      <c r="W1885" s="53"/>
      <c r="X1885" s="53"/>
      <c r="Y1885" s="53"/>
      <c r="Z1885" s="53"/>
      <c r="AA1885" s="53"/>
      <c r="AB1885" s="53"/>
      <c r="AC1885" s="53"/>
      <c r="AD1885" s="53"/>
      <c r="AE1885" s="53"/>
      <c r="AF1885" s="53"/>
      <c r="AG1885" s="53"/>
      <c r="AH1885" s="53"/>
      <c r="AI1885" s="53"/>
      <c r="AJ1885" s="53"/>
      <c r="AK1885" s="53"/>
      <c r="AL1885" s="53"/>
      <c r="AM1885" s="53"/>
      <c r="AN1885" s="53"/>
      <c r="AO1885" s="53"/>
      <c r="AP1885" s="53"/>
      <c r="AQ1885" s="53"/>
      <c r="AR1885" s="53"/>
      <c r="AS1885" s="53"/>
      <c r="AT1885" s="53"/>
      <c r="AU1885" s="53"/>
      <c r="AV1885" s="53"/>
      <c r="AW1885" s="53"/>
      <c r="AX1885" s="53"/>
      <c r="AY1885" s="53"/>
      <c r="AZ1885" s="53"/>
      <c r="BA1885" s="53"/>
      <c r="BB1885" s="53"/>
      <c r="BC1885" s="53"/>
      <c r="BD1885" s="53"/>
      <c r="BE1885" s="53"/>
      <c r="BF1885" s="53"/>
      <c r="BG1885" s="53"/>
      <c r="BH1885" s="53"/>
      <c r="BI1885" s="53"/>
      <c r="BJ1885" s="53"/>
      <c r="BK1885" s="53"/>
      <c r="BL1885" s="53"/>
      <c r="BM1885" s="53"/>
      <c r="BN1885" s="53"/>
      <c r="BO1885" s="53"/>
      <c r="BP1885" s="53"/>
      <c r="BQ1885" s="53"/>
      <c r="BR1885" s="53"/>
      <c r="BS1885" s="53"/>
      <c r="BT1885" s="53"/>
      <c r="BU1885" s="53"/>
      <c r="BV1885" s="53"/>
      <c r="BW1885" s="53"/>
      <c r="BX1885" s="53"/>
      <c r="BY1885" s="53"/>
      <c r="BZ1885" s="53"/>
      <c r="CA1885" s="53"/>
      <c r="CB1885" s="53"/>
      <c r="CC1885" s="53"/>
      <c r="CD1885" s="53"/>
      <c r="CE1885" s="53"/>
      <c r="CF1885" s="53"/>
      <c r="CG1885" s="53"/>
      <c r="CH1885" s="53"/>
      <c r="CI1885" s="53"/>
      <c r="CJ1885" s="53"/>
      <c r="CK1885" s="53"/>
      <c r="CL1885" s="53"/>
      <c r="CM1885" s="53"/>
      <c r="CN1885" s="53"/>
    </row>
    <row r="1886" spans="1:92" outlineLevel="1">
      <c r="A1886" s="52" t="s">
        <v>1544</v>
      </c>
      <c r="B1886" s="53"/>
      <c r="C1886" s="53"/>
      <c r="D1886" s="53"/>
      <c r="E1886" s="53"/>
      <c r="F1886" s="53"/>
      <c r="G1886" s="53"/>
      <c r="H1886" s="53"/>
      <c r="I1886" s="53"/>
      <c r="J1886" s="53"/>
      <c r="K1886" s="53"/>
      <c r="L1886" s="53"/>
      <c r="M1886" s="53"/>
      <c r="N1886" s="53"/>
      <c r="O1886" s="53"/>
      <c r="P1886" s="53"/>
      <c r="Q1886" s="53"/>
      <c r="R1886" s="53"/>
      <c r="S1886" s="53"/>
      <c r="T1886" s="53"/>
      <c r="U1886" s="53"/>
      <c r="V1886" s="53"/>
      <c r="W1886" s="53"/>
      <c r="X1886" s="53"/>
      <c r="Y1886" s="53"/>
      <c r="Z1886" s="53"/>
      <c r="AA1886" s="53"/>
      <c r="AB1886" s="53"/>
      <c r="AC1886" s="53"/>
      <c r="AD1886" s="53"/>
      <c r="AE1886" s="53"/>
      <c r="AF1886" s="53"/>
      <c r="AG1886" s="53"/>
      <c r="AH1886" s="53"/>
      <c r="AI1886" s="53"/>
      <c r="AJ1886" s="53"/>
      <c r="AK1886" s="53"/>
      <c r="AL1886" s="53"/>
      <c r="AM1886" s="53"/>
      <c r="AN1886" s="53"/>
      <c r="AO1886" s="53"/>
      <c r="AP1886" s="53"/>
      <c r="AQ1886" s="53"/>
      <c r="AR1886" s="53"/>
      <c r="AS1886" s="53"/>
      <c r="AT1886" s="53"/>
      <c r="AU1886" s="53"/>
      <c r="AV1886" s="53"/>
      <c r="AW1886" s="53"/>
      <c r="AX1886" s="53"/>
      <c r="AY1886" s="53"/>
      <c r="AZ1886" s="53"/>
      <c r="BA1886" s="53"/>
      <c r="BB1886" s="53"/>
      <c r="BC1886" s="53"/>
      <c r="BD1886" s="53"/>
      <c r="BE1886" s="53"/>
      <c r="BF1886" s="53"/>
      <c r="BG1886" s="53"/>
      <c r="BH1886" s="53"/>
      <c r="BI1886" s="53"/>
      <c r="BJ1886" s="53"/>
      <c r="BK1886" s="53"/>
      <c r="BL1886" s="53"/>
      <c r="BM1886" s="53"/>
      <c r="BN1886" s="53"/>
      <c r="BO1886" s="53"/>
      <c r="BP1886" s="53"/>
      <c r="BQ1886" s="53"/>
      <c r="BR1886" s="53"/>
      <c r="BS1886" s="53"/>
      <c r="BT1886" s="53"/>
      <c r="BU1886" s="53"/>
      <c r="BV1886" s="53"/>
      <c r="BW1886" s="53"/>
      <c r="BX1886" s="53"/>
      <c r="BY1886" s="53"/>
      <c r="BZ1886" s="53"/>
      <c r="CA1886" s="53"/>
      <c r="CB1886" s="53"/>
      <c r="CC1886" s="53"/>
      <c r="CD1886" s="53"/>
      <c r="CE1886" s="53"/>
      <c r="CF1886" s="53"/>
      <c r="CG1886" s="53"/>
      <c r="CH1886" s="53"/>
      <c r="CI1886" s="53"/>
      <c r="CJ1886" s="53"/>
      <c r="CK1886" s="53"/>
      <c r="CL1886" s="53"/>
      <c r="CM1886" s="53"/>
      <c r="CN1886" s="53"/>
    </row>
    <row r="1887" spans="1:92" outlineLevel="1">
      <c r="A1887" s="52" t="s">
        <v>649</v>
      </c>
      <c r="B1887" s="53"/>
      <c r="C1887" s="53"/>
      <c r="D1887" s="53">
        <v>47442494.959999897</v>
      </c>
      <c r="E1887" s="53"/>
      <c r="F1887" s="53"/>
      <c r="G1887" s="53">
        <v>2849005.1499999901</v>
      </c>
      <c r="H1887" s="53"/>
      <c r="I1887" s="53"/>
      <c r="J1887" s="53">
        <v>-43119528.619999997</v>
      </c>
      <c r="K1887" s="53"/>
      <c r="L1887" s="53"/>
      <c r="M1887" s="53">
        <v>54722177.339999899</v>
      </c>
      <c r="N1887" s="53">
        <v>61894148.829999901</v>
      </c>
      <c r="O1887" s="53"/>
      <c r="P1887" s="53"/>
      <c r="Q1887" s="53">
        <v>17416192.7099999</v>
      </c>
      <c r="R1887" s="53"/>
      <c r="S1887" s="53"/>
      <c r="T1887" s="53">
        <v>-51488699.856552303</v>
      </c>
      <c r="U1887" s="53"/>
      <c r="V1887" s="53"/>
      <c r="W1887" s="53">
        <v>-91651337.142873898</v>
      </c>
      <c r="X1887" s="53"/>
      <c r="Y1887" s="53"/>
      <c r="Z1887" s="53">
        <v>-158609896.31863701</v>
      </c>
      <c r="AA1887" s="53">
        <v>-284333740.60806298</v>
      </c>
      <c r="AB1887" s="53"/>
      <c r="AC1887" s="53"/>
      <c r="AD1887" s="53">
        <v>-45602349.288865097</v>
      </c>
      <c r="AE1887" s="53"/>
      <c r="AF1887" s="53"/>
      <c r="AG1887" s="53">
        <v>-67646357.598548502</v>
      </c>
      <c r="AH1887" s="53"/>
      <c r="AI1887" s="53"/>
      <c r="AJ1887" s="53">
        <v>-64717956.618295699</v>
      </c>
      <c r="AK1887" s="53"/>
      <c r="AL1887" s="53"/>
      <c r="AM1887" s="53">
        <v>-132584171.778988</v>
      </c>
      <c r="AN1887" s="53">
        <v>-310550835.284697</v>
      </c>
      <c r="AO1887" s="53"/>
      <c r="AP1887" s="53"/>
      <c r="AQ1887" s="53">
        <v>-31498494.791476101</v>
      </c>
      <c r="AR1887" s="53"/>
      <c r="AS1887" s="53"/>
      <c r="AT1887" s="53">
        <v>-3025349.2447274202</v>
      </c>
      <c r="AU1887" s="53"/>
      <c r="AV1887" s="53"/>
      <c r="AW1887" s="53">
        <v>-15179676.673713399</v>
      </c>
      <c r="AX1887" s="53"/>
      <c r="AY1887" s="53"/>
      <c r="AZ1887" s="53">
        <v>-62134762.025497198</v>
      </c>
      <c r="BA1887" s="53">
        <v>-111838282.735414</v>
      </c>
      <c r="BB1887" s="53"/>
      <c r="BC1887" s="53"/>
      <c r="BD1887" s="53">
        <v>1074693.90861633</v>
      </c>
      <c r="BE1887" s="53"/>
      <c r="BF1887" s="53"/>
      <c r="BG1887" s="53">
        <v>1194021.33633054</v>
      </c>
      <c r="BH1887" s="53"/>
      <c r="BI1887" s="53"/>
      <c r="BJ1887" s="53">
        <v>-12176916.617166501</v>
      </c>
      <c r="BK1887" s="53"/>
      <c r="BL1887" s="53"/>
      <c r="BM1887" s="53">
        <v>-57300392.401018597</v>
      </c>
      <c r="BN1887" s="53">
        <v>-67208593.773238301</v>
      </c>
      <c r="BO1887" s="53"/>
      <c r="BP1887" s="53"/>
      <c r="BQ1887" s="53">
        <v>4842215.8415603004</v>
      </c>
      <c r="BR1887" s="53"/>
      <c r="BS1887" s="53"/>
      <c r="BT1887" s="53">
        <v>5006162.9478243198</v>
      </c>
      <c r="BU1887" s="53"/>
      <c r="BV1887" s="53"/>
      <c r="BW1887" s="53">
        <v>-10159887.682525299</v>
      </c>
      <c r="BX1887" s="53"/>
      <c r="BY1887" s="53"/>
      <c r="BZ1887" s="53">
        <v>-56703779.489640497</v>
      </c>
      <c r="CA1887" s="53">
        <v>-57015288.382781297</v>
      </c>
      <c r="CB1887" s="53"/>
      <c r="CC1887" s="53"/>
      <c r="CD1887" s="53"/>
      <c r="CE1887" s="53"/>
      <c r="CF1887" s="53"/>
      <c r="CG1887" s="53"/>
      <c r="CH1887" s="53"/>
      <c r="CI1887" s="53"/>
      <c r="CJ1887" s="53"/>
      <c r="CK1887" s="53"/>
      <c r="CL1887" s="53"/>
      <c r="CM1887" s="53"/>
      <c r="CN1887" s="53"/>
    </row>
    <row r="1888" spans="1:92" outlineLevel="1">
      <c r="A1888" s="52" t="s">
        <v>703</v>
      </c>
      <c r="B1888" s="53"/>
      <c r="C1888" s="53"/>
      <c r="D1888" s="53"/>
      <c r="E1888" s="53"/>
      <c r="F1888" s="53"/>
      <c r="G1888" s="53"/>
      <c r="H1888" s="53"/>
      <c r="I1888" s="53"/>
      <c r="J1888" s="53"/>
      <c r="K1888" s="53"/>
      <c r="L1888" s="53"/>
      <c r="M1888" s="53"/>
      <c r="N1888" s="53"/>
      <c r="O1888" s="53"/>
      <c r="P1888" s="53"/>
      <c r="Q1888" s="53"/>
      <c r="R1888" s="53"/>
      <c r="S1888" s="53"/>
      <c r="T1888" s="53"/>
      <c r="U1888" s="53"/>
      <c r="V1888" s="53"/>
      <c r="W1888" s="53"/>
      <c r="X1888" s="53"/>
      <c r="Y1888" s="53"/>
      <c r="Z1888" s="53"/>
      <c r="AA1888" s="53"/>
      <c r="AB1888" s="53"/>
      <c r="AC1888" s="53"/>
      <c r="AD1888" s="53"/>
      <c r="AE1888" s="53"/>
      <c r="AF1888" s="53"/>
      <c r="AG1888" s="53"/>
      <c r="AH1888" s="53"/>
      <c r="AI1888" s="53"/>
      <c r="AJ1888" s="53"/>
      <c r="AK1888" s="53"/>
      <c r="AL1888" s="53"/>
      <c r="AM1888" s="53"/>
      <c r="AN1888" s="53"/>
      <c r="AO1888" s="53"/>
      <c r="AP1888" s="53"/>
      <c r="AQ1888" s="53"/>
      <c r="AR1888" s="53"/>
      <c r="AS1888" s="53"/>
      <c r="AT1888" s="53"/>
      <c r="AU1888" s="53"/>
      <c r="AV1888" s="53"/>
      <c r="AW1888" s="53"/>
      <c r="AX1888" s="53"/>
      <c r="AY1888" s="53"/>
      <c r="AZ1888" s="53"/>
      <c r="BA1888" s="53"/>
      <c r="BB1888" s="53"/>
      <c r="BC1888" s="53"/>
      <c r="BD1888" s="53"/>
      <c r="BE1888" s="53"/>
      <c r="BF1888" s="53"/>
      <c r="BG1888" s="53"/>
      <c r="BH1888" s="53"/>
      <c r="BI1888" s="53"/>
      <c r="BJ1888" s="53"/>
      <c r="BK1888" s="53"/>
      <c r="BL1888" s="53"/>
      <c r="BM1888" s="53"/>
      <c r="BN1888" s="53"/>
      <c r="BO1888" s="53"/>
      <c r="BP1888" s="53"/>
      <c r="BQ1888" s="53"/>
      <c r="BR1888" s="53"/>
      <c r="BS1888" s="53"/>
      <c r="BT1888" s="53"/>
      <c r="BU1888" s="53"/>
      <c r="BV1888" s="53"/>
      <c r="BW1888" s="53"/>
      <c r="BX1888" s="53"/>
      <c r="BY1888" s="53"/>
      <c r="BZ1888" s="53"/>
      <c r="CA1888" s="53"/>
      <c r="CB1888" s="53"/>
      <c r="CC1888" s="53"/>
      <c r="CD1888" s="53"/>
      <c r="CE1888" s="53"/>
      <c r="CF1888" s="53"/>
      <c r="CG1888" s="53"/>
      <c r="CH1888" s="53"/>
      <c r="CI1888" s="53"/>
      <c r="CJ1888" s="53"/>
      <c r="CK1888" s="53"/>
      <c r="CL1888" s="53"/>
      <c r="CM1888" s="53"/>
      <c r="CN1888" s="53"/>
    </row>
    <row r="1889" spans="1:92" outlineLevel="1">
      <c r="A1889" s="52" t="s">
        <v>1547</v>
      </c>
      <c r="B1889" s="53"/>
      <c r="C1889" s="53"/>
      <c r="D1889" s="53"/>
      <c r="E1889" s="53"/>
      <c r="F1889" s="53"/>
      <c r="G1889" s="53"/>
      <c r="H1889" s="53"/>
      <c r="I1889" s="53"/>
      <c r="J1889" s="53"/>
      <c r="K1889" s="53"/>
      <c r="L1889" s="53"/>
      <c r="M1889" s="53"/>
      <c r="N1889" s="53"/>
      <c r="O1889" s="53"/>
      <c r="P1889" s="53"/>
      <c r="Q1889" s="53"/>
      <c r="R1889" s="53"/>
      <c r="S1889" s="53"/>
      <c r="T1889" s="53"/>
      <c r="U1889" s="53"/>
      <c r="V1889" s="53"/>
      <c r="W1889" s="53"/>
      <c r="X1889" s="53"/>
      <c r="Y1889" s="53"/>
      <c r="Z1889" s="53"/>
      <c r="AA1889" s="53"/>
      <c r="AB1889" s="53"/>
      <c r="AC1889" s="53"/>
      <c r="AD1889" s="53"/>
      <c r="AE1889" s="53"/>
      <c r="AF1889" s="53"/>
      <c r="AG1889" s="53"/>
      <c r="AH1889" s="53"/>
      <c r="AI1889" s="53"/>
      <c r="AJ1889" s="53"/>
      <c r="AK1889" s="53"/>
      <c r="AL1889" s="53"/>
      <c r="AM1889" s="53"/>
      <c r="AN1889" s="53"/>
      <c r="AO1889" s="53"/>
      <c r="AP1889" s="53"/>
      <c r="AQ1889" s="53"/>
      <c r="AR1889" s="53"/>
      <c r="AS1889" s="53"/>
      <c r="AT1889" s="53"/>
      <c r="AU1889" s="53"/>
      <c r="AV1889" s="53"/>
      <c r="AW1889" s="53"/>
      <c r="AX1889" s="53"/>
      <c r="AY1889" s="53"/>
      <c r="AZ1889" s="53"/>
      <c r="BA1889" s="53"/>
      <c r="BB1889" s="53"/>
      <c r="BC1889" s="53"/>
      <c r="BD1889" s="53"/>
      <c r="BE1889" s="53"/>
      <c r="BF1889" s="53"/>
      <c r="BG1889" s="53"/>
      <c r="BH1889" s="53"/>
      <c r="BI1889" s="53"/>
      <c r="BJ1889" s="53"/>
      <c r="BK1889" s="53"/>
      <c r="BL1889" s="53"/>
      <c r="BM1889" s="53"/>
      <c r="BN1889" s="53"/>
      <c r="BO1889" s="53"/>
      <c r="BP1889" s="53"/>
      <c r="BQ1889" s="53"/>
      <c r="BR1889" s="53"/>
      <c r="BS1889" s="53"/>
      <c r="BT1889" s="53"/>
      <c r="BU1889" s="53"/>
      <c r="BV1889" s="53"/>
      <c r="BW1889" s="53"/>
      <c r="BX1889" s="53"/>
      <c r="BY1889" s="53"/>
      <c r="BZ1889" s="53"/>
      <c r="CA1889" s="53"/>
      <c r="CB1889" s="53"/>
      <c r="CC1889" s="53"/>
      <c r="CD1889" s="53"/>
      <c r="CE1889" s="53"/>
      <c r="CF1889" s="53"/>
      <c r="CG1889" s="53"/>
      <c r="CH1889" s="53"/>
      <c r="CI1889" s="53"/>
      <c r="CJ1889" s="53"/>
      <c r="CK1889" s="53"/>
      <c r="CL1889" s="53"/>
      <c r="CM1889" s="53"/>
      <c r="CN1889" s="53"/>
    </row>
    <row r="1890" spans="1:92" outlineLevel="1">
      <c r="A1890" s="52" t="s">
        <v>705</v>
      </c>
      <c r="B1890" s="53"/>
      <c r="C1890" s="53"/>
      <c r="D1890" s="53"/>
      <c r="E1890" s="53"/>
      <c r="F1890" s="53"/>
      <c r="G1890" s="53"/>
      <c r="H1890" s="53"/>
      <c r="I1890" s="53"/>
      <c r="J1890" s="53"/>
      <c r="K1890" s="53"/>
      <c r="L1890" s="53"/>
      <c r="M1890" s="53"/>
      <c r="N1890" s="53"/>
      <c r="O1890" s="53"/>
      <c r="P1890" s="53"/>
      <c r="Q1890" s="53"/>
      <c r="R1890" s="53">
        <v>-21115885.815483801</v>
      </c>
      <c r="S1890" s="53"/>
      <c r="T1890" s="53">
        <v>-21115885.815483801</v>
      </c>
      <c r="U1890" s="53"/>
      <c r="V1890" s="53"/>
      <c r="W1890" s="53">
        <v>-21115885.815483801</v>
      </c>
      <c r="X1890" s="53"/>
      <c r="Y1890" s="53"/>
      <c r="Z1890" s="53">
        <v>-21115885.8154837</v>
      </c>
      <c r="AA1890" s="53">
        <v>-84463543.261935204</v>
      </c>
      <c r="AB1890" s="53"/>
      <c r="AC1890" s="53"/>
      <c r="AD1890" s="53"/>
      <c r="AE1890" s="53">
        <v>-18549290.819289401</v>
      </c>
      <c r="AF1890" s="53"/>
      <c r="AG1890" s="53">
        <v>-18549290.819289401</v>
      </c>
      <c r="AH1890" s="53"/>
      <c r="AI1890" s="53"/>
      <c r="AJ1890" s="53">
        <v>-18549290.819289401</v>
      </c>
      <c r="AK1890" s="53"/>
      <c r="AL1890" s="53"/>
      <c r="AM1890" s="53">
        <v>-18549290.789416101</v>
      </c>
      <c r="AN1890" s="53">
        <v>-74197163.247284502</v>
      </c>
      <c r="AO1890" s="53"/>
      <c r="AP1890" s="53"/>
      <c r="AQ1890" s="53"/>
      <c r="AR1890" s="53">
        <v>-5181213.0702855801</v>
      </c>
      <c r="AS1890" s="53"/>
      <c r="AT1890" s="53">
        <v>-5181213.0702855801</v>
      </c>
      <c r="AU1890" s="53"/>
      <c r="AV1890" s="53"/>
      <c r="AW1890" s="53">
        <v>-5181213.0702855801</v>
      </c>
      <c r="AX1890" s="53"/>
      <c r="AY1890" s="53"/>
      <c r="AZ1890" s="53">
        <v>-5181212.70085287</v>
      </c>
      <c r="BA1890" s="53">
        <v>-20724851.911709599</v>
      </c>
      <c r="BB1890" s="53"/>
      <c r="BC1890" s="53"/>
      <c r="BD1890" s="53"/>
      <c r="BE1890" s="53">
        <v>-4282253.5964552602</v>
      </c>
      <c r="BF1890" s="53"/>
      <c r="BG1890" s="53">
        <v>-4282253.5964552602</v>
      </c>
      <c r="BH1890" s="53"/>
      <c r="BI1890" s="53"/>
      <c r="BJ1890" s="53">
        <v>-4282253.5964552602</v>
      </c>
      <c r="BK1890" s="53"/>
      <c r="BL1890" s="53"/>
      <c r="BM1890" s="53">
        <v>-4282253.5826190598</v>
      </c>
      <c r="BN1890" s="53">
        <v>-17129014.371984798</v>
      </c>
      <c r="BO1890" s="53"/>
      <c r="BP1890" s="53"/>
      <c r="BQ1890" s="53"/>
      <c r="BR1890" s="53">
        <v>-2425387.3572138199</v>
      </c>
      <c r="BS1890" s="53"/>
      <c r="BT1890" s="53">
        <v>-2425387.3572138199</v>
      </c>
      <c r="BU1890" s="53"/>
      <c r="BV1890" s="53"/>
      <c r="BW1890" s="53">
        <v>-2425387.3572138199</v>
      </c>
      <c r="BX1890" s="53"/>
      <c r="BY1890" s="53"/>
      <c r="BZ1890" s="53">
        <v>-2425387.0805535698</v>
      </c>
      <c r="CA1890" s="53">
        <v>-9701549.1521950494</v>
      </c>
      <c r="CB1890" s="53"/>
      <c r="CC1890" s="53"/>
      <c r="CD1890" s="53"/>
      <c r="CE1890" s="53"/>
      <c r="CF1890" s="53"/>
      <c r="CG1890" s="53"/>
      <c r="CH1890" s="53"/>
      <c r="CI1890" s="53"/>
      <c r="CJ1890" s="53"/>
      <c r="CK1890" s="53"/>
      <c r="CL1890" s="53"/>
      <c r="CM1890" s="53"/>
      <c r="CN1890" s="53"/>
    </row>
    <row r="1891" spans="1:92" outlineLevel="1">
      <c r="A1891" s="52" t="s">
        <v>670</v>
      </c>
      <c r="B1891" s="53"/>
      <c r="C1891" s="53"/>
      <c r="D1891" s="53"/>
      <c r="E1891" s="53"/>
      <c r="F1891" s="53"/>
      <c r="G1891" s="53"/>
      <c r="H1891" s="53"/>
      <c r="I1891" s="53"/>
      <c r="J1891" s="53"/>
      <c r="K1891" s="53"/>
      <c r="L1891" s="53"/>
      <c r="M1891" s="53"/>
      <c r="N1891" s="53"/>
      <c r="O1891" s="53"/>
      <c r="P1891" s="53"/>
      <c r="Q1891" s="53"/>
      <c r="R1891" s="53"/>
      <c r="S1891" s="53"/>
      <c r="T1891" s="53"/>
      <c r="U1891" s="53"/>
      <c r="V1891" s="53"/>
      <c r="W1891" s="53"/>
      <c r="X1891" s="53"/>
      <c r="Y1891" s="53"/>
      <c r="Z1891" s="53"/>
      <c r="AA1891" s="53"/>
      <c r="AB1891" s="53"/>
      <c r="AC1891" s="53"/>
      <c r="AD1891" s="53"/>
      <c r="AE1891" s="53"/>
      <c r="AF1891" s="53"/>
      <c r="AG1891" s="53"/>
      <c r="AH1891" s="53"/>
      <c r="AI1891" s="53"/>
      <c r="AJ1891" s="53"/>
      <c r="AK1891" s="53"/>
      <c r="AL1891" s="53"/>
      <c r="AM1891" s="53"/>
      <c r="AN1891" s="53"/>
      <c r="AO1891" s="53"/>
      <c r="AP1891" s="53"/>
      <c r="AQ1891" s="53"/>
      <c r="AR1891" s="53"/>
      <c r="AS1891" s="53"/>
      <c r="AT1891" s="53"/>
      <c r="AU1891" s="53"/>
      <c r="AV1891" s="53"/>
      <c r="AW1891" s="53"/>
      <c r="AX1891" s="53"/>
      <c r="AY1891" s="53"/>
      <c r="AZ1891" s="53"/>
      <c r="BA1891" s="53"/>
      <c r="BB1891" s="53"/>
      <c r="BC1891" s="53"/>
      <c r="BD1891" s="53"/>
      <c r="BE1891" s="53"/>
      <c r="BF1891" s="53"/>
      <c r="BG1891" s="53"/>
      <c r="BH1891" s="53"/>
      <c r="BI1891" s="53"/>
      <c r="BJ1891" s="53"/>
      <c r="BK1891" s="53"/>
      <c r="BL1891" s="53"/>
      <c r="BM1891" s="53"/>
      <c r="BN1891" s="53"/>
      <c r="BO1891" s="53"/>
      <c r="BP1891" s="53"/>
      <c r="BQ1891" s="53"/>
      <c r="BR1891" s="53"/>
      <c r="BS1891" s="53"/>
      <c r="BT1891" s="53"/>
      <c r="BU1891" s="53"/>
      <c r="BV1891" s="53"/>
      <c r="BW1891" s="53"/>
      <c r="BX1891" s="53"/>
      <c r="BY1891" s="53"/>
      <c r="BZ1891" s="53"/>
      <c r="CA1891" s="53"/>
      <c r="CB1891" s="53"/>
      <c r="CC1891" s="53"/>
      <c r="CD1891" s="53"/>
      <c r="CE1891" s="53"/>
      <c r="CF1891" s="53"/>
      <c r="CG1891" s="53"/>
      <c r="CH1891" s="53"/>
      <c r="CI1891" s="53"/>
      <c r="CJ1891" s="53"/>
      <c r="CK1891" s="53"/>
      <c r="CL1891" s="53"/>
      <c r="CM1891" s="53"/>
      <c r="CN1891" s="53"/>
    </row>
    <row r="1892" spans="1:92" outlineLevel="1">
      <c r="A1892" s="52" t="s">
        <v>671</v>
      </c>
      <c r="B1892" s="53"/>
      <c r="C1892" s="53"/>
      <c r="D1892" s="53"/>
      <c r="E1892" s="53"/>
      <c r="F1892" s="53"/>
      <c r="G1892" s="53"/>
      <c r="H1892" s="53"/>
      <c r="I1892" s="53"/>
      <c r="J1892" s="53"/>
      <c r="K1892" s="53"/>
      <c r="L1892" s="53"/>
      <c r="M1892" s="53"/>
      <c r="N1892" s="53"/>
      <c r="O1892" s="53"/>
      <c r="P1892" s="53"/>
      <c r="Q1892" s="53"/>
      <c r="R1892" s="53"/>
      <c r="S1892" s="53"/>
      <c r="T1892" s="53"/>
      <c r="U1892" s="53"/>
      <c r="V1892" s="53"/>
      <c r="W1892" s="53"/>
      <c r="X1892" s="53"/>
      <c r="Y1892" s="53"/>
      <c r="Z1892" s="53"/>
      <c r="AA1892" s="53"/>
      <c r="AB1892" s="53"/>
      <c r="AC1892" s="53"/>
      <c r="AD1892" s="53"/>
      <c r="AE1892" s="53"/>
      <c r="AF1892" s="53"/>
      <c r="AG1892" s="53"/>
      <c r="AH1892" s="53"/>
      <c r="AI1892" s="53"/>
      <c r="AJ1892" s="53"/>
      <c r="AK1892" s="53"/>
      <c r="AL1892" s="53"/>
      <c r="AM1892" s="53"/>
      <c r="AN1892" s="53"/>
      <c r="AO1892" s="53"/>
      <c r="AP1892" s="53"/>
      <c r="AQ1892" s="53"/>
      <c r="AR1892" s="53"/>
      <c r="AS1892" s="53"/>
      <c r="AT1892" s="53"/>
      <c r="AU1892" s="53"/>
      <c r="AV1892" s="53"/>
      <c r="AW1892" s="53"/>
      <c r="AX1892" s="53"/>
      <c r="AY1892" s="53"/>
      <c r="AZ1892" s="53"/>
      <c r="BA1892" s="53"/>
      <c r="BB1892" s="53"/>
      <c r="BC1892" s="53"/>
      <c r="BD1892" s="53"/>
      <c r="BE1892" s="53"/>
      <c r="BF1892" s="53"/>
      <c r="BG1892" s="53"/>
      <c r="BH1892" s="53"/>
      <c r="BI1892" s="53"/>
      <c r="BJ1892" s="53"/>
      <c r="BK1892" s="53"/>
      <c r="BL1892" s="53"/>
      <c r="BM1892" s="53"/>
      <c r="BN1892" s="53"/>
      <c r="BO1892" s="53"/>
      <c r="BP1892" s="53"/>
      <c r="BQ1892" s="53"/>
      <c r="BR1892" s="53"/>
      <c r="BS1892" s="53"/>
      <c r="BT1892" s="53"/>
      <c r="BU1892" s="53"/>
      <c r="BV1892" s="53"/>
      <c r="BW1892" s="53"/>
      <c r="BX1892" s="53"/>
      <c r="BY1892" s="53"/>
      <c r="BZ1892" s="53"/>
      <c r="CA1892" s="53"/>
      <c r="CB1892" s="53"/>
      <c r="CC1892" s="53"/>
      <c r="CD1892" s="53"/>
      <c r="CE1892" s="53"/>
      <c r="CF1892" s="53"/>
      <c r="CG1892" s="53"/>
      <c r="CH1892" s="53"/>
      <c r="CI1892" s="53"/>
      <c r="CJ1892" s="53"/>
      <c r="CK1892" s="53"/>
      <c r="CL1892" s="53"/>
      <c r="CM1892" s="53"/>
      <c r="CN1892" s="53"/>
    </row>
    <row r="1893" spans="1:92" outlineLevel="1">
      <c r="A1893" s="52" t="s">
        <v>1249</v>
      </c>
      <c r="B1893" s="53">
        <v>-839692.28799999994</v>
      </c>
      <c r="C1893" s="53">
        <v>-1659457.54999999</v>
      </c>
      <c r="D1893" s="53">
        <v>-1501390.14</v>
      </c>
      <c r="E1893" s="53">
        <v>-1540071.9</v>
      </c>
      <c r="F1893" s="53">
        <v>-1298458.71</v>
      </c>
      <c r="G1893" s="53">
        <v>-1357107.18</v>
      </c>
      <c r="H1893" s="53">
        <v>979270.12</v>
      </c>
      <c r="I1893" s="53">
        <v>-1537353.5699999901</v>
      </c>
      <c r="J1893" s="53">
        <v>-1064526.3399999901</v>
      </c>
      <c r="K1893" s="53">
        <v>-830069.43999999901</v>
      </c>
      <c r="L1893" s="53">
        <v>-428552.45</v>
      </c>
      <c r="M1893" s="53">
        <v>-1792328.1899999899</v>
      </c>
      <c r="N1893" s="53">
        <v>-12869737.638</v>
      </c>
      <c r="O1893" s="53">
        <v>-2577665.14</v>
      </c>
      <c r="P1893" s="53">
        <v>-1288011</v>
      </c>
      <c r="Q1893" s="53">
        <v>-1312759</v>
      </c>
      <c r="R1893" s="53">
        <v>-1320943</v>
      </c>
      <c r="S1893" s="53">
        <v>-1339012</v>
      </c>
      <c r="T1893" s="53">
        <v>-1327680</v>
      </c>
      <c r="U1893" s="53">
        <v>-1573045</v>
      </c>
      <c r="V1893" s="53">
        <v>-1362504</v>
      </c>
      <c r="W1893" s="53">
        <v>-1331174</v>
      </c>
      <c r="X1893" s="53">
        <v>-1319668</v>
      </c>
      <c r="Y1893" s="53">
        <v>-1319596</v>
      </c>
      <c r="Z1893" s="53">
        <v>-1336985</v>
      </c>
      <c r="AA1893" s="53">
        <v>-17409042.1399999</v>
      </c>
      <c r="AB1893" s="53">
        <v>-1563864</v>
      </c>
      <c r="AC1893" s="53">
        <v>-1322735</v>
      </c>
      <c r="AD1893" s="53">
        <v>-1347755</v>
      </c>
      <c r="AE1893" s="53">
        <v>-1361043</v>
      </c>
      <c r="AF1893" s="53">
        <v>-1376515</v>
      </c>
      <c r="AG1893" s="53">
        <v>-1541295</v>
      </c>
      <c r="AH1893" s="53">
        <v>-1442950</v>
      </c>
      <c r="AI1893" s="53">
        <v>-1401889</v>
      </c>
      <c r="AJ1893" s="53">
        <v>-1374728</v>
      </c>
      <c r="AK1893" s="53">
        <v>-1362800</v>
      </c>
      <c r="AL1893" s="53">
        <v>-1360469</v>
      </c>
      <c r="AM1893" s="53">
        <v>-1549908</v>
      </c>
      <c r="AN1893" s="53">
        <v>-17005951</v>
      </c>
      <c r="AO1893" s="53">
        <v>-1433105</v>
      </c>
      <c r="AP1893" s="53">
        <v>-1406265.99999999</v>
      </c>
      <c r="AQ1893" s="53">
        <v>-1406265.99999999</v>
      </c>
      <c r="AR1893" s="53">
        <v>-1406265.99999999</v>
      </c>
      <c r="AS1893" s="53">
        <v>-1406265.99999999</v>
      </c>
      <c r="AT1893" s="53">
        <v>-1406265.99999999</v>
      </c>
      <c r="AU1893" s="53">
        <v>-1406265.99999999</v>
      </c>
      <c r="AV1893" s="53">
        <v>-1406265.99999999</v>
      </c>
      <c r="AW1893" s="53">
        <v>-1406265.99999999</v>
      </c>
      <c r="AX1893" s="53">
        <v>-1406265.99999999</v>
      </c>
      <c r="AY1893" s="53">
        <v>-1406265.99999999</v>
      </c>
      <c r="AZ1893" s="53">
        <v>-1406265.99999999</v>
      </c>
      <c r="BA1893" s="53">
        <v>-16902031</v>
      </c>
      <c r="BB1893" s="53">
        <v>-1406265.99999999</v>
      </c>
      <c r="BC1893" s="53">
        <v>-1406265.99999999</v>
      </c>
      <c r="BD1893" s="53">
        <v>-1406265.99999999</v>
      </c>
      <c r="BE1893" s="53">
        <v>-1406265.99999999</v>
      </c>
      <c r="BF1893" s="53">
        <v>-1406265.99999999</v>
      </c>
      <c r="BG1893" s="53">
        <v>-1406265.99999999</v>
      </c>
      <c r="BH1893" s="53">
        <v>-1406265.99999999</v>
      </c>
      <c r="BI1893" s="53">
        <v>-1406265.99999999</v>
      </c>
      <c r="BJ1893" s="53">
        <v>-1406265.99999999</v>
      </c>
      <c r="BK1893" s="53">
        <v>-1406265.99999999</v>
      </c>
      <c r="BL1893" s="53">
        <v>-1406265.99999999</v>
      </c>
      <c r="BM1893" s="53">
        <v>-1406265.99999999</v>
      </c>
      <c r="BN1893" s="53">
        <v>-16875192</v>
      </c>
      <c r="BO1893" s="53">
        <v>-1406265.99999999</v>
      </c>
      <c r="BP1893" s="53">
        <v>-1406265.99999999</v>
      </c>
      <c r="BQ1893" s="53">
        <v>-1406265.99999999</v>
      </c>
      <c r="BR1893" s="53">
        <v>-1406265.99999999</v>
      </c>
      <c r="BS1893" s="53">
        <v>-1406265.99999999</v>
      </c>
      <c r="BT1893" s="53">
        <v>-1406265.99999999</v>
      </c>
      <c r="BU1893" s="53">
        <v>-1406265.99999999</v>
      </c>
      <c r="BV1893" s="53">
        <v>-1406265.99999999</v>
      </c>
      <c r="BW1893" s="53">
        <v>-1406265.99999999</v>
      </c>
      <c r="BX1893" s="53">
        <v>-1406265.99999999</v>
      </c>
      <c r="BY1893" s="53">
        <v>-1406265.99999999</v>
      </c>
      <c r="BZ1893" s="53">
        <v>-1406265.99999999</v>
      </c>
      <c r="CA1893" s="53">
        <v>-16875192</v>
      </c>
      <c r="CB1893" s="53"/>
      <c r="CC1893" s="53"/>
      <c r="CD1893" s="53"/>
      <c r="CE1893" s="53"/>
      <c r="CF1893" s="53"/>
      <c r="CG1893" s="53"/>
      <c r="CH1893" s="53"/>
      <c r="CI1893" s="53"/>
      <c r="CJ1893" s="53"/>
      <c r="CK1893" s="53"/>
      <c r="CL1893" s="53"/>
      <c r="CM1893" s="53"/>
      <c r="CN1893" s="53"/>
    </row>
    <row r="1894" spans="1:92" outlineLevel="1">
      <c r="A1894" s="52" t="s">
        <v>1548</v>
      </c>
      <c r="B1894" s="53"/>
      <c r="C1894" s="53"/>
      <c r="D1894" s="53"/>
      <c r="E1894" s="53"/>
      <c r="F1894" s="53"/>
      <c r="G1894" s="53"/>
      <c r="H1894" s="53"/>
      <c r="I1894" s="53"/>
      <c r="J1894" s="53"/>
      <c r="K1894" s="53"/>
      <c r="L1894" s="53"/>
      <c r="M1894" s="53"/>
      <c r="N1894" s="53"/>
      <c r="O1894" s="53"/>
      <c r="P1894" s="53"/>
      <c r="Q1894" s="53"/>
      <c r="R1894" s="53"/>
      <c r="S1894" s="53"/>
      <c r="T1894" s="53"/>
      <c r="U1894" s="53"/>
      <c r="V1894" s="53"/>
      <c r="W1894" s="53"/>
      <c r="X1894" s="53"/>
      <c r="Y1894" s="53"/>
      <c r="Z1894" s="53"/>
      <c r="AA1894" s="53"/>
      <c r="AB1894" s="53"/>
      <c r="AC1894" s="53"/>
      <c r="AD1894" s="53"/>
      <c r="AE1894" s="53"/>
      <c r="AF1894" s="53"/>
      <c r="AG1894" s="53"/>
      <c r="AH1894" s="53"/>
      <c r="AI1894" s="53"/>
      <c r="AJ1894" s="53"/>
      <c r="AK1894" s="53"/>
      <c r="AL1894" s="53"/>
      <c r="AM1894" s="53"/>
      <c r="AN1894" s="53"/>
      <c r="AO1894" s="53"/>
      <c r="AP1894" s="53"/>
      <c r="AQ1894" s="53"/>
      <c r="AR1894" s="53"/>
      <c r="AS1894" s="53"/>
      <c r="AT1894" s="53"/>
      <c r="AU1894" s="53"/>
      <c r="AV1894" s="53"/>
      <c r="AW1894" s="53"/>
      <c r="AX1894" s="53"/>
      <c r="AY1894" s="53"/>
      <c r="AZ1894" s="53"/>
      <c r="BA1894" s="53"/>
      <c r="BB1894" s="53"/>
      <c r="BC1894" s="53"/>
      <c r="BD1894" s="53"/>
      <c r="BE1894" s="53"/>
      <c r="BF1894" s="53"/>
      <c r="BG1894" s="53"/>
      <c r="BH1894" s="53"/>
      <c r="BI1894" s="53"/>
      <c r="BJ1894" s="53"/>
      <c r="BK1894" s="53"/>
      <c r="BL1894" s="53"/>
      <c r="BM1894" s="53"/>
      <c r="BN1894" s="53"/>
      <c r="BO1894" s="53"/>
      <c r="BP1894" s="53"/>
      <c r="BQ1894" s="53"/>
      <c r="BR1894" s="53"/>
      <c r="BS1894" s="53"/>
      <c r="BT1894" s="53"/>
      <c r="BU1894" s="53"/>
      <c r="BV1894" s="53"/>
      <c r="BW1894" s="53"/>
      <c r="BX1894" s="53"/>
      <c r="BY1894" s="53"/>
      <c r="BZ1894" s="53"/>
      <c r="CA1894" s="53"/>
      <c r="CB1894" s="53"/>
      <c r="CC1894" s="53"/>
      <c r="CD1894" s="53"/>
      <c r="CE1894" s="53"/>
      <c r="CF1894" s="53"/>
      <c r="CG1894" s="53"/>
      <c r="CH1894" s="53"/>
      <c r="CI1894" s="53"/>
      <c r="CJ1894" s="53"/>
      <c r="CK1894" s="53"/>
      <c r="CL1894" s="53"/>
      <c r="CM1894" s="53"/>
      <c r="CN1894" s="53"/>
    </row>
    <row r="1895" spans="1:92">
      <c r="A1895" s="52" t="s">
        <v>1549</v>
      </c>
      <c r="B1895" s="53"/>
      <c r="C1895" s="53"/>
      <c r="D1895" s="53"/>
      <c r="E1895" s="53"/>
      <c r="F1895" s="53"/>
      <c r="G1895" s="53"/>
      <c r="H1895" s="53"/>
      <c r="I1895" s="53"/>
      <c r="J1895" s="53"/>
      <c r="K1895" s="53"/>
      <c r="L1895" s="53"/>
      <c r="M1895" s="53"/>
      <c r="N1895" s="53"/>
      <c r="O1895" s="53"/>
      <c r="P1895" s="53"/>
      <c r="Q1895" s="53"/>
      <c r="R1895" s="53"/>
      <c r="S1895" s="53"/>
      <c r="T1895" s="53"/>
      <c r="U1895" s="53"/>
      <c r="V1895" s="53"/>
      <c r="W1895" s="53"/>
      <c r="X1895" s="53"/>
      <c r="Y1895" s="53"/>
      <c r="Z1895" s="53"/>
      <c r="AA1895" s="53"/>
      <c r="AB1895" s="53"/>
      <c r="AC1895" s="53"/>
      <c r="AD1895" s="53"/>
      <c r="AE1895" s="53"/>
      <c r="AF1895" s="53"/>
      <c r="AG1895" s="53"/>
      <c r="AH1895" s="53"/>
      <c r="AI1895" s="53"/>
      <c r="AJ1895" s="53"/>
      <c r="AK1895" s="53"/>
      <c r="AL1895" s="53"/>
      <c r="AM1895" s="53"/>
      <c r="AN1895" s="53"/>
      <c r="AO1895" s="53"/>
      <c r="AP1895" s="53"/>
      <c r="AQ1895" s="53"/>
      <c r="AR1895" s="53"/>
      <c r="AS1895" s="53"/>
      <c r="AT1895" s="53"/>
      <c r="AU1895" s="53"/>
      <c r="AV1895" s="53"/>
      <c r="AW1895" s="53"/>
      <c r="AX1895" s="53"/>
      <c r="AY1895" s="53"/>
      <c r="AZ1895" s="53"/>
      <c r="BA1895" s="53"/>
      <c r="BB1895" s="53"/>
      <c r="BC1895" s="53"/>
      <c r="BD1895" s="53"/>
      <c r="BE1895" s="53"/>
      <c r="BF1895" s="53"/>
      <c r="BG1895" s="53"/>
      <c r="BH1895" s="53"/>
      <c r="BI1895" s="53"/>
      <c r="BJ1895" s="53"/>
      <c r="BK1895" s="53"/>
      <c r="BL1895" s="53"/>
      <c r="BM1895" s="53"/>
      <c r="BN1895" s="53"/>
      <c r="BO1895" s="53"/>
      <c r="BP1895" s="53"/>
      <c r="BQ1895" s="53"/>
      <c r="BR1895" s="53"/>
      <c r="BS1895" s="53"/>
      <c r="BT1895" s="53"/>
      <c r="BU1895" s="53"/>
      <c r="BV1895" s="53"/>
      <c r="BW1895" s="53"/>
      <c r="BX1895" s="53"/>
      <c r="BY1895" s="53"/>
      <c r="BZ1895" s="53"/>
      <c r="CA1895" s="53"/>
      <c r="CB1895" s="53"/>
      <c r="CC1895" s="53"/>
      <c r="CD1895" s="53"/>
      <c r="CE1895" s="53"/>
      <c r="CF1895" s="53"/>
      <c r="CG1895" s="53"/>
      <c r="CH1895" s="53"/>
      <c r="CI1895" s="53"/>
      <c r="CJ1895" s="53"/>
      <c r="CK1895" s="53"/>
      <c r="CL1895" s="53"/>
      <c r="CM1895" s="53"/>
      <c r="CN1895" s="53"/>
    </row>
    <row r="1896" spans="1:92">
      <c r="A1896" s="52" t="s">
        <v>649</v>
      </c>
      <c r="B1896" s="53"/>
      <c r="C1896" s="53"/>
      <c r="D1896" s="53"/>
      <c r="E1896" s="53"/>
      <c r="F1896" s="53"/>
      <c r="G1896" s="53"/>
      <c r="H1896" s="53"/>
      <c r="I1896" s="53"/>
      <c r="J1896" s="53"/>
      <c r="K1896" s="53"/>
      <c r="L1896" s="53"/>
      <c r="M1896" s="53"/>
      <c r="N1896" s="53"/>
      <c r="O1896" s="53"/>
      <c r="P1896" s="53"/>
      <c r="Q1896" s="53">
        <v>-916719.75000000105</v>
      </c>
      <c r="R1896" s="53"/>
      <c r="S1896" s="53"/>
      <c r="T1896" s="53"/>
      <c r="U1896" s="53"/>
      <c r="V1896" s="53"/>
      <c r="W1896" s="53"/>
      <c r="X1896" s="53"/>
      <c r="Y1896" s="53"/>
      <c r="Z1896" s="53"/>
      <c r="AA1896" s="53">
        <v>-916719.75000000105</v>
      </c>
      <c r="AB1896" s="53"/>
      <c r="AC1896" s="53"/>
      <c r="AD1896" s="53"/>
      <c r="AE1896" s="53"/>
      <c r="AF1896" s="53"/>
      <c r="AG1896" s="53"/>
      <c r="AH1896" s="53"/>
      <c r="AI1896" s="53"/>
      <c r="AJ1896" s="53"/>
      <c r="AK1896" s="53"/>
      <c r="AL1896" s="53"/>
      <c r="AM1896" s="53"/>
      <c r="AN1896" s="53"/>
      <c r="AO1896" s="53"/>
      <c r="AP1896" s="53"/>
      <c r="AQ1896" s="53"/>
      <c r="AR1896" s="53"/>
      <c r="AS1896" s="53"/>
      <c r="AT1896" s="53"/>
      <c r="AU1896" s="53"/>
      <c r="AV1896" s="53"/>
      <c r="AW1896" s="53"/>
      <c r="AX1896" s="53"/>
      <c r="AY1896" s="53"/>
      <c r="AZ1896" s="53"/>
      <c r="BA1896" s="53"/>
      <c r="BB1896" s="53"/>
      <c r="BC1896" s="53"/>
      <c r="BD1896" s="53"/>
      <c r="BE1896" s="53"/>
      <c r="BF1896" s="53"/>
      <c r="BG1896" s="53"/>
      <c r="BH1896" s="53"/>
      <c r="BI1896" s="53"/>
      <c r="BJ1896" s="53"/>
      <c r="BK1896" s="53"/>
      <c r="BL1896" s="53"/>
      <c r="BM1896" s="53"/>
      <c r="BN1896" s="53"/>
      <c r="BO1896" s="53"/>
      <c r="BP1896" s="53"/>
      <c r="BQ1896" s="53"/>
      <c r="BR1896" s="53"/>
      <c r="BS1896" s="53"/>
      <c r="BT1896" s="53"/>
      <c r="BU1896" s="53"/>
      <c r="BV1896" s="53"/>
      <c r="BW1896" s="53"/>
      <c r="BX1896" s="53"/>
      <c r="BY1896" s="53"/>
      <c r="BZ1896" s="53"/>
      <c r="CA1896" s="53"/>
      <c r="CB1896" s="53"/>
      <c r="CC1896" s="53"/>
      <c r="CD1896" s="53"/>
      <c r="CE1896" s="53"/>
      <c r="CF1896" s="53"/>
      <c r="CG1896" s="53"/>
      <c r="CH1896" s="53"/>
      <c r="CI1896" s="53"/>
      <c r="CJ1896" s="53"/>
      <c r="CK1896" s="53"/>
      <c r="CL1896" s="53"/>
      <c r="CM1896" s="53"/>
      <c r="CN1896" s="53"/>
    </row>
    <row r="1897" spans="1:92" outlineLevel="1">
      <c r="A1897" s="52" t="s">
        <v>672</v>
      </c>
      <c r="B1897" s="53"/>
      <c r="C1897" s="53"/>
      <c r="D1897" s="53"/>
      <c r="E1897" s="53"/>
      <c r="F1897" s="53"/>
      <c r="G1897" s="53"/>
      <c r="H1897" s="53"/>
      <c r="I1897" s="53"/>
      <c r="J1897" s="53"/>
      <c r="K1897" s="53"/>
      <c r="L1897" s="53"/>
      <c r="M1897" s="53"/>
      <c r="N1897" s="53"/>
      <c r="O1897" s="53"/>
      <c r="P1897" s="53"/>
      <c r="Q1897" s="53"/>
      <c r="R1897" s="53"/>
      <c r="S1897" s="53"/>
      <c r="T1897" s="53"/>
      <c r="U1897" s="53"/>
      <c r="V1897" s="53"/>
      <c r="W1897" s="53"/>
      <c r="X1897" s="53"/>
      <c r="Y1897" s="53"/>
      <c r="Z1897" s="53"/>
      <c r="AA1897" s="53"/>
      <c r="AB1897" s="53"/>
      <c r="AC1897" s="53"/>
      <c r="AD1897" s="53"/>
      <c r="AE1897" s="53"/>
      <c r="AF1897" s="53"/>
      <c r="AG1897" s="53"/>
      <c r="AH1897" s="53"/>
      <c r="AI1897" s="53"/>
      <c r="AJ1897" s="53"/>
      <c r="AK1897" s="53"/>
      <c r="AL1897" s="53"/>
      <c r="AM1897" s="53"/>
      <c r="AN1897" s="53"/>
      <c r="AO1897" s="53"/>
      <c r="AP1897" s="53"/>
      <c r="AQ1897" s="53"/>
      <c r="AR1897" s="53"/>
      <c r="AS1897" s="53"/>
      <c r="AT1897" s="53"/>
      <c r="AU1897" s="53"/>
      <c r="AV1897" s="53"/>
      <c r="AW1897" s="53"/>
      <c r="AX1897" s="53"/>
      <c r="AY1897" s="53"/>
      <c r="AZ1897" s="53"/>
      <c r="BA1897" s="53"/>
      <c r="BB1897" s="53"/>
      <c r="BC1897" s="53"/>
      <c r="BD1897" s="53"/>
      <c r="BE1897" s="53"/>
      <c r="BF1897" s="53"/>
      <c r="BG1897" s="53"/>
      <c r="BH1897" s="53"/>
      <c r="BI1897" s="53"/>
      <c r="BJ1897" s="53"/>
      <c r="BK1897" s="53"/>
      <c r="BL1897" s="53"/>
      <c r="BM1897" s="53"/>
      <c r="BN1897" s="53"/>
      <c r="BO1897" s="53"/>
      <c r="BP1897" s="53"/>
      <c r="BQ1897" s="53"/>
      <c r="BR1897" s="53"/>
      <c r="BS1897" s="53"/>
      <c r="BT1897" s="53"/>
      <c r="BU1897" s="53"/>
      <c r="BV1897" s="53"/>
      <c r="BW1897" s="53"/>
      <c r="BX1897" s="53"/>
      <c r="BY1897" s="53"/>
      <c r="BZ1897" s="53"/>
      <c r="CA1897" s="53"/>
      <c r="CB1897" s="53"/>
      <c r="CC1897" s="53"/>
      <c r="CD1897" s="53"/>
      <c r="CE1897" s="53"/>
      <c r="CF1897" s="53"/>
      <c r="CG1897" s="53"/>
      <c r="CH1897" s="53"/>
      <c r="CI1897" s="53"/>
      <c r="CJ1897" s="53"/>
      <c r="CK1897" s="53"/>
      <c r="CL1897" s="53"/>
      <c r="CM1897" s="53"/>
      <c r="CN1897" s="53"/>
    </row>
    <row r="1898" spans="1:92" outlineLevel="1">
      <c r="A1898" s="52" t="s">
        <v>755</v>
      </c>
      <c r="B1898" s="53"/>
      <c r="C1898" s="53"/>
      <c r="D1898" s="53"/>
      <c r="E1898" s="53"/>
      <c r="F1898" s="53"/>
      <c r="G1898" s="53"/>
      <c r="H1898" s="53"/>
      <c r="I1898" s="53"/>
      <c r="J1898" s="53"/>
      <c r="K1898" s="53"/>
      <c r="L1898" s="53"/>
      <c r="M1898" s="53"/>
      <c r="N1898" s="53"/>
      <c r="O1898" s="53"/>
      <c r="P1898" s="53"/>
      <c r="Q1898" s="53"/>
      <c r="R1898" s="53"/>
      <c r="S1898" s="53"/>
      <c r="T1898" s="53"/>
      <c r="U1898" s="53"/>
      <c r="V1898" s="53"/>
      <c r="W1898" s="53"/>
      <c r="X1898" s="53"/>
      <c r="Y1898" s="53"/>
      <c r="Z1898" s="53"/>
      <c r="AA1898" s="53"/>
      <c r="AB1898" s="53"/>
      <c r="AC1898" s="53"/>
      <c r="AD1898" s="53"/>
      <c r="AE1898" s="53"/>
      <c r="AF1898" s="53"/>
      <c r="AG1898" s="53"/>
      <c r="AH1898" s="53"/>
      <c r="AI1898" s="53"/>
      <c r="AJ1898" s="53"/>
      <c r="AK1898" s="53"/>
      <c r="AL1898" s="53"/>
      <c r="AM1898" s="53"/>
      <c r="AN1898" s="53"/>
      <c r="AO1898" s="53"/>
      <c r="AP1898" s="53"/>
      <c r="AQ1898" s="53"/>
      <c r="AR1898" s="53"/>
      <c r="AS1898" s="53"/>
      <c r="AT1898" s="53"/>
      <c r="AU1898" s="53"/>
      <c r="AV1898" s="53"/>
      <c r="AW1898" s="53"/>
      <c r="AX1898" s="53"/>
      <c r="AY1898" s="53"/>
      <c r="AZ1898" s="53"/>
      <c r="BA1898" s="53"/>
      <c r="BB1898" s="53"/>
      <c r="BC1898" s="53"/>
      <c r="BD1898" s="53"/>
      <c r="BE1898" s="53"/>
      <c r="BF1898" s="53"/>
      <c r="BG1898" s="53"/>
      <c r="BH1898" s="53"/>
      <c r="BI1898" s="53"/>
      <c r="BJ1898" s="53"/>
      <c r="BK1898" s="53"/>
      <c r="BL1898" s="53"/>
      <c r="BM1898" s="53"/>
      <c r="BN1898" s="53"/>
      <c r="BO1898" s="53"/>
      <c r="BP1898" s="53"/>
      <c r="BQ1898" s="53"/>
      <c r="BR1898" s="53"/>
      <c r="BS1898" s="53"/>
      <c r="BT1898" s="53"/>
      <c r="BU1898" s="53"/>
      <c r="BV1898" s="53"/>
      <c r="BW1898" s="53"/>
      <c r="BX1898" s="53"/>
      <c r="BY1898" s="53"/>
      <c r="BZ1898" s="53"/>
      <c r="CA1898" s="53"/>
      <c r="CB1898" s="53"/>
      <c r="CC1898" s="53"/>
      <c r="CD1898" s="53"/>
      <c r="CE1898" s="53"/>
      <c r="CF1898" s="53"/>
      <c r="CG1898" s="53"/>
      <c r="CH1898" s="53"/>
      <c r="CI1898" s="53"/>
      <c r="CJ1898" s="53"/>
      <c r="CK1898" s="53"/>
      <c r="CL1898" s="53"/>
      <c r="CM1898" s="53"/>
      <c r="CN1898" s="53"/>
    </row>
    <row r="1899" spans="1:92" outlineLevel="1">
      <c r="A1899" s="52" t="s">
        <v>756</v>
      </c>
      <c r="B1899" s="53"/>
      <c r="C1899" s="53"/>
      <c r="D1899" s="53"/>
      <c r="E1899" s="53"/>
      <c r="F1899" s="53"/>
      <c r="G1899" s="53"/>
      <c r="H1899" s="53"/>
      <c r="I1899" s="53"/>
      <c r="J1899" s="53"/>
      <c r="K1899" s="53"/>
      <c r="L1899" s="53"/>
      <c r="M1899" s="53"/>
      <c r="N1899" s="53"/>
      <c r="O1899" s="53"/>
      <c r="P1899" s="53"/>
      <c r="Q1899" s="53"/>
      <c r="R1899" s="53"/>
      <c r="S1899" s="53"/>
      <c r="T1899" s="53"/>
      <c r="U1899" s="53"/>
      <c r="V1899" s="53"/>
      <c r="W1899" s="53"/>
      <c r="X1899" s="53"/>
      <c r="Y1899" s="53"/>
      <c r="Z1899" s="53"/>
      <c r="AA1899" s="53"/>
      <c r="AB1899" s="53"/>
      <c r="AC1899" s="53"/>
      <c r="AD1899" s="53"/>
      <c r="AE1899" s="53"/>
      <c r="AF1899" s="53"/>
      <c r="AG1899" s="53"/>
      <c r="AH1899" s="53"/>
      <c r="AI1899" s="53"/>
      <c r="AJ1899" s="53"/>
      <c r="AK1899" s="53"/>
      <c r="AL1899" s="53"/>
      <c r="AM1899" s="53"/>
      <c r="AN1899" s="53"/>
      <c r="AO1899" s="53"/>
      <c r="AP1899" s="53"/>
      <c r="AQ1899" s="53"/>
      <c r="AR1899" s="53"/>
      <c r="AS1899" s="53"/>
      <c r="AT1899" s="53"/>
      <c r="AU1899" s="53"/>
      <c r="AV1899" s="53"/>
      <c r="AW1899" s="53"/>
      <c r="AX1899" s="53"/>
      <c r="AY1899" s="53"/>
      <c r="AZ1899" s="53"/>
      <c r="BA1899" s="53"/>
      <c r="BB1899" s="53"/>
      <c r="BC1899" s="53"/>
      <c r="BD1899" s="53"/>
      <c r="BE1899" s="53"/>
      <c r="BF1899" s="53"/>
      <c r="BG1899" s="53"/>
      <c r="BH1899" s="53"/>
      <c r="BI1899" s="53"/>
      <c r="BJ1899" s="53"/>
      <c r="BK1899" s="53"/>
      <c r="BL1899" s="53"/>
      <c r="BM1899" s="53"/>
      <c r="BN1899" s="53"/>
      <c r="BO1899" s="53"/>
      <c r="BP1899" s="53"/>
      <c r="BQ1899" s="53"/>
      <c r="BR1899" s="53"/>
      <c r="BS1899" s="53"/>
      <c r="BT1899" s="53"/>
      <c r="BU1899" s="53"/>
      <c r="BV1899" s="53"/>
      <c r="BW1899" s="53"/>
      <c r="BX1899" s="53"/>
      <c r="BY1899" s="53"/>
      <c r="BZ1899" s="53"/>
      <c r="CA1899" s="53"/>
      <c r="CB1899" s="53">
        <v>645001302.90399897</v>
      </c>
      <c r="CC1899" s="53">
        <v>645001302.90399897</v>
      </c>
      <c r="CD1899" s="53">
        <v>645001302.90399897</v>
      </c>
      <c r="CE1899" s="53">
        <v>645001302.90399897</v>
      </c>
      <c r="CF1899" s="53">
        <v>645001302.90399897</v>
      </c>
      <c r="CG1899" s="53">
        <v>645001302.90399897</v>
      </c>
      <c r="CH1899" s="53">
        <v>645001302.90399897</v>
      </c>
      <c r="CI1899" s="53">
        <v>645001302.90399897</v>
      </c>
      <c r="CJ1899" s="53">
        <v>645001302.90399897</v>
      </c>
      <c r="CK1899" s="53">
        <v>645001302.90399897</v>
      </c>
      <c r="CL1899" s="53">
        <v>645001302.90399897</v>
      </c>
      <c r="CM1899" s="53">
        <v>645001302.90399897</v>
      </c>
      <c r="CN1899" s="53">
        <v>645001302.90399897</v>
      </c>
    </row>
    <row r="1900" spans="1:92" outlineLevel="1">
      <c r="A1900" s="52" t="s">
        <v>757</v>
      </c>
      <c r="B1900" s="53">
        <v>13688873.666666601</v>
      </c>
      <c r="C1900" s="53">
        <v>13688873.666666601</v>
      </c>
      <c r="D1900" s="53">
        <v>13688873.666666601</v>
      </c>
      <c r="E1900" s="53">
        <v>13688873.666666601</v>
      </c>
      <c r="F1900" s="53">
        <v>13688873.666666601</v>
      </c>
      <c r="G1900" s="53">
        <v>13688873.666666601</v>
      </c>
      <c r="H1900" s="53">
        <v>13688873.666666601</v>
      </c>
      <c r="I1900" s="53">
        <v>13688873.666666601</v>
      </c>
      <c r="J1900" s="53">
        <v>13688873.666666601</v>
      </c>
      <c r="K1900" s="53">
        <v>13688873.666666601</v>
      </c>
      <c r="L1900" s="53">
        <v>13688873.666666601</v>
      </c>
      <c r="M1900" s="53">
        <v>13688873.666666601</v>
      </c>
      <c r="N1900" s="53">
        <v>164266484</v>
      </c>
      <c r="O1900" s="53">
        <v>14126772.254375201</v>
      </c>
      <c r="P1900" s="53">
        <v>14126772.254375201</v>
      </c>
      <c r="Q1900" s="53">
        <v>14126772.254375201</v>
      </c>
      <c r="R1900" s="53">
        <v>14126772.254375201</v>
      </c>
      <c r="S1900" s="53">
        <v>14126772.254375201</v>
      </c>
      <c r="T1900" s="53">
        <v>14126772.254375201</v>
      </c>
      <c r="U1900" s="53">
        <v>14126772.254375201</v>
      </c>
      <c r="V1900" s="53">
        <v>14126772.254375201</v>
      </c>
      <c r="W1900" s="53">
        <v>14126772.254375201</v>
      </c>
      <c r="X1900" s="53">
        <v>14126772.254375201</v>
      </c>
      <c r="Y1900" s="53">
        <v>14126772.254375201</v>
      </c>
      <c r="Z1900" s="53">
        <v>14126772.254375201</v>
      </c>
      <c r="AA1900" s="53">
        <v>169521267.05250299</v>
      </c>
      <c r="AB1900" s="53">
        <v>15593108.947459601</v>
      </c>
      <c r="AC1900" s="53">
        <v>15593108.947459601</v>
      </c>
      <c r="AD1900" s="53">
        <v>15593108.947459601</v>
      </c>
      <c r="AE1900" s="53">
        <v>15593108.947459601</v>
      </c>
      <c r="AF1900" s="53">
        <v>15593108.947459601</v>
      </c>
      <c r="AG1900" s="53">
        <v>15593108.947459601</v>
      </c>
      <c r="AH1900" s="53">
        <v>15593108.947459601</v>
      </c>
      <c r="AI1900" s="53">
        <v>15593108.947459601</v>
      </c>
      <c r="AJ1900" s="53">
        <v>15593108.947459601</v>
      </c>
      <c r="AK1900" s="53">
        <v>15593108.947459601</v>
      </c>
      <c r="AL1900" s="53">
        <v>15593108.947459601</v>
      </c>
      <c r="AM1900" s="53">
        <v>15593108.947459601</v>
      </c>
      <c r="AN1900" s="53">
        <v>187117307.36951599</v>
      </c>
      <c r="AO1900" s="53">
        <v>17047149.252494499</v>
      </c>
      <c r="AP1900" s="53">
        <v>17047149.252494499</v>
      </c>
      <c r="AQ1900" s="53">
        <v>17047149.252494499</v>
      </c>
      <c r="AR1900" s="53">
        <v>17047149.252494499</v>
      </c>
      <c r="AS1900" s="53">
        <v>17047149.252494499</v>
      </c>
      <c r="AT1900" s="53">
        <v>17047149.252494499</v>
      </c>
      <c r="AU1900" s="53">
        <v>17047149.252494499</v>
      </c>
      <c r="AV1900" s="53">
        <v>17047149.252494499</v>
      </c>
      <c r="AW1900" s="53">
        <v>17047149.252494499</v>
      </c>
      <c r="AX1900" s="53">
        <v>17047149.252494499</v>
      </c>
      <c r="AY1900" s="53">
        <v>17047149.252494499</v>
      </c>
      <c r="AZ1900" s="53">
        <v>17047149.252494499</v>
      </c>
      <c r="BA1900" s="53">
        <v>204565791.029935</v>
      </c>
      <c r="BB1900" s="53">
        <v>19022617.884772699</v>
      </c>
      <c r="BC1900" s="53">
        <v>19022617.884772699</v>
      </c>
      <c r="BD1900" s="53">
        <v>19022617.884772699</v>
      </c>
      <c r="BE1900" s="53">
        <v>19022617.884772699</v>
      </c>
      <c r="BF1900" s="53">
        <v>19022617.884772699</v>
      </c>
      <c r="BG1900" s="53">
        <v>19022617.884772699</v>
      </c>
      <c r="BH1900" s="53">
        <v>19022617.884772699</v>
      </c>
      <c r="BI1900" s="53">
        <v>19022617.884772699</v>
      </c>
      <c r="BJ1900" s="53">
        <v>19022617.884772699</v>
      </c>
      <c r="BK1900" s="53">
        <v>19022617.884772699</v>
      </c>
      <c r="BL1900" s="53">
        <v>19022617.884772699</v>
      </c>
      <c r="BM1900" s="53">
        <v>19022617.884772699</v>
      </c>
      <c r="BN1900" s="53">
        <v>228271414.61727199</v>
      </c>
      <c r="BO1900" s="53">
        <v>20343678.1158791</v>
      </c>
      <c r="BP1900" s="53">
        <v>20343678.1158791</v>
      </c>
      <c r="BQ1900" s="53">
        <v>20343678.1158791</v>
      </c>
      <c r="BR1900" s="53">
        <v>20343678.1158791</v>
      </c>
      <c r="BS1900" s="53">
        <v>20343678.1158791</v>
      </c>
      <c r="BT1900" s="53">
        <v>20343678.1158791</v>
      </c>
      <c r="BU1900" s="53">
        <v>20343678.1158791</v>
      </c>
      <c r="BV1900" s="53">
        <v>20343678.1158791</v>
      </c>
      <c r="BW1900" s="53">
        <v>20343678.1158791</v>
      </c>
      <c r="BX1900" s="53">
        <v>20343678.1158791</v>
      </c>
      <c r="BY1900" s="53">
        <v>20343678.1158791</v>
      </c>
      <c r="BZ1900" s="53">
        <v>20343678.1158791</v>
      </c>
      <c r="CA1900" s="53">
        <v>244124137.390549</v>
      </c>
      <c r="CB1900" s="53"/>
      <c r="CC1900" s="53"/>
      <c r="CD1900" s="53"/>
      <c r="CE1900" s="53"/>
      <c r="CF1900" s="53"/>
      <c r="CG1900" s="53"/>
      <c r="CH1900" s="53"/>
      <c r="CI1900" s="53"/>
      <c r="CJ1900" s="53"/>
      <c r="CK1900" s="53"/>
      <c r="CL1900" s="53"/>
      <c r="CM1900" s="53"/>
      <c r="CN1900" s="53"/>
    </row>
    <row r="1901" spans="1:92" outlineLevel="1">
      <c r="A1901" s="52" t="s">
        <v>700</v>
      </c>
      <c r="B1901" s="53"/>
      <c r="C1901" s="53"/>
      <c r="D1901" s="53"/>
      <c r="E1901" s="53"/>
      <c r="F1901" s="53"/>
      <c r="G1901" s="53"/>
      <c r="H1901" s="53"/>
      <c r="I1901" s="53"/>
      <c r="J1901" s="53"/>
      <c r="K1901" s="53"/>
      <c r="L1901" s="53"/>
      <c r="M1901" s="53"/>
      <c r="N1901" s="53"/>
      <c r="O1901" s="53"/>
      <c r="P1901" s="53"/>
      <c r="Q1901" s="53"/>
      <c r="R1901" s="53"/>
      <c r="S1901" s="53"/>
      <c r="T1901" s="53"/>
      <c r="U1901" s="53"/>
      <c r="V1901" s="53"/>
      <c r="W1901" s="53"/>
      <c r="X1901" s="53"/>
      <c r="Y1901" s="53"/>
      <c r="Z1901" s="53"/>
      <c r="AA1901" s="53"/>
      <c r="AB1901" s="53"/>
      <c r="AC1901" s="53"/>
      <c r="AD1901" s="53"/>
      <c r="AE1901" s="53"/>
      <c r="AF1901" s="53"/>
      <c r="AG1901" s="53"/>
      <c r="AH1901" s="53"/>
      <c r="AI1901" s="53"/>
      <c r="AJ1901" s="53"/>
      <c r="AK1901" s="53"/>
      <c r="AL1901" s="53"/>
      <c r="AM1901" s="53"/>
      <c r="AN1901" s="53"/>
      <c r="AO1901" s="53"/>
      <c r="AP1901" s="53"/>
      <c r="AQ1901" s="53"/>
      <c r="AR1901" s="53"/>
      <c r="AS1901" s="53"/>
      <c r="AT1901" s="53"/>
      <c r="AU1901" s="53"/>
      <c r="AV1901" s="53"/>
      <c r="AW1901" s="53"/>
      <c r="AX1901" s="53"/>
      <c r="AY1901" s="53"/>
      <c r="AZ1901" s="53"/>
      <c r="BA1901" s="53"/>
      <c r="BB1901" s="53"/>
      <c r="BC1901" s="53"/>
      <c r="BD1901" s="53"/>
      <c r="BE1901" s="53"/>
      <c r="BF1901" s="53"/>
      <c r="BG1901" s="53"/>
      <c r="BH1901" s="53"/>
      <c r="BI1901" s="53"/>
      <c r="BJ1901" s="53"/>
      <c r="BK1901" s="53"/>
      <c r="BL1901" s="53"/>
      <c r="BM1901" s="53"/>
      <c r="BN1901" s="53"/>
      <c r="BO1901" s="53"/>
      <c r="BP1901" s="53"/>
      <c r="BQ1901" s="53"/>
      <c r="BR1901" s="53"/>
      <c r="BS1901" s="53"/>
      <c r="BT1901" s="53"/>
      <c r="BU1901" s="53"/>
      <c r="BV1901" s="53"/>
      <c r="BW1901" s="53"/>
      <c r="BX1901" s="53"/>
      <c r="BY1901" s="53"/>
      <c r="BZ1901" s="53"/>
      <c r="CA1901" s="53"/>
      <c r="CB1901" s="53">
        <v>208987320.69</v>
      </c>
      <c r="CC1901" s="53">
        <v>208987320.69</v>
      </c>
      <c r="CD1901" s="53">
        <v>208987320.69</v>
      </c>
      <c r="CE1901" s="53">
        <v>208987320.69</v>
      </c>
      <c r="CF1901" s="53">
        <v>208987320.69</v>
      </c>
      <c r="CG1901" s="53">
        <v>208987320.69</v>
      </c>
      <c r="CH1901" s="53">
        <v>208987320.69</v>
      </c>
      <c r="CI1901" s="53">
        <v>208987320.69</v>
      </c>
      <c r="CJ1901" s="53">
        <v>208987320.69</v>
      </c>
      <c r="CK1901" s="53">
        <v>208987320.69</v>
      </c>
      <c r="CL1901" s="53">
        <v>208987320.69</v>
      </c>
      <c r="CM1901" s="53">
        <v>208987320.69</v>
      </c>
      <c r="CN1901" s="53">
        <v>208987320.69</v>
      </c>
    </row>
    <row r="1902" spans="1:92" outlineLevel="1">
      <c r="A1902" s="52" t="s">
        <v>1545</v>
      </c>
      <c r="B1902" s="53"/>
      <c r="C1902" s="53"/>
      <c r="D1902" s="53"/>
      <c r="E1902" s="53"/>
      <c r="F1902" s="53"/>
      <c r="G1902" s="53"/>
      <c r="H1902" s="53"/>
      <c r="I1902" s="53"/>
      <c r="J1902" s="53"/>
      <c r="K1902" s="53"/>
      <c r="L1902" s="53"/>
      <c r="M1902" s="53"/>
      <c r="N1902" s="53"/>
      <c r="O1902" s="53"/>
      <c r="P1902" s="53"/>
      <c r="Q1902" s="53"/>
      <c r="R1902" s="53"/>
      <c r="S1902" s="53"/>
      <c r="T1902" s="53"/>
      <c r="U1902" s="53"/>
      <c r="V1902" s="53"/>
      <c r="W1902" s="53"/>
      <c r="X1902" s="53"/>
      <c r="Y1902" s="53"/>
      <c r="Z1902" s="53"/>
      <c r="AA1902" s="53"/>
      <c r="AB1902" s="53"/>
      <c r="AC1902" s="53"/>
      <c r="AD1902" s="53"/>
      <c r="AE1902" s="53"/>
      <c r="AF1902" s="53"/>
      <c r="AG1902" s="53"/>
      <c r="AH1902" s="53"/>
      <c r="AI1902" s="53"/>
      <c r="AJ1902" s="53"/>
      <c r="AK1902" s="53"/>
      <c r="AL1902" s="53"/>
      <c r="AM1902" s="53"/>
      <c r="AN1902" s="53"/>
      <c r="AO1902" s="53"/>
      <c r="AP1902" s="53"/>
      <c r="AQ1902" s="53"/>
      <c r="AR1902" s="53"/>
      <c r="AS1902" s="53"/>
      <c r="AT1902" s="53"/>
      <c r="AU1902" s="53"/>
      <c r="AV1902" s="53"/>
      <c r="AW1902" s="53"/>
      <c r="AX1902" s="53"/>
      <c r="AY1902" s="53"/>
      <c r="AZ1902" s="53"/>
      <c r="BA1902" s="53"/>
      <c r="BB1902" s="53"/>
      <c r="BC1902" s="53"/>
      <c r="BD1902" s="53"/>
      <c r="BE1902" s="53"/>
      <c r="BF1902" s="53"/>
      <c r="BG1902" s="53"/>
      <c r="BH1902" s="53"/>
      <c r="BI1902" s="53"/>
      <c r="BJ1902" s="53"/>
      <c r="BK1902" s="53"/>
      <c r="BL1902" s="53"/>
      <c r="BM1902" s="53"/>
      <c r="BN1902" s="53"/>
      <c r="BO1902" s="53"/>
      <c r="BP1902" s="53"/>
      <c r="BQ1902" s="53"/>
      <c r="BR1902" s="53"/>
      <c r="BS1902" s="53"/>
      <c r="BT1902" s="53"/>
      <c r="BU1902" s="53"/>
      <c r="BV1902" s="53"/>
      <c r="BW1902" s="53"/>
      <c r="BX1902" s="53"/>
      <c r="BY1902" s="53"/>
      <c r="BZ1902" s="53"/>
      <c r="CA1902" s="53"/>
      <c r="CB1902" s="53">
        <v>208987320.69</v>
      </c>
      <c r="CC1902" s="53">
        <v>208987320.69</v>
      </c>
      <c r="CD1902" s="53">
        <v>208987320.69</v>
      </c>
      <c r="CE1902" s="53">
        <v>208987320.69</v>
      </c>
      <c r="CF1902" s="53">
        <v>208987320.69</v>
      </c>
      <c r="CG1902" s="53">
        <v>208987320.69</v>
      </c>
      <c r="CH1902" s="53">
        <v>208987320.69</v>
      </c>
      <c r="CI1902" s="53">
        <v>208987320.69</v>
      </c>
      <c r="CJ1902" s="53">
        <v>208987320.69</v>
      </c>
      <c r="CK1902" s="53">
        <v>208987320.69</v>
      </c>
      <c r="CL1902" s="53">
        <v>208987320.69</v>
      </c>
      <c r="CM1902" s="53">
        <v>208987320.69</v>
      </c>
      <c r="CN1902" s="53">
        <v>208987320.69</v>
      </c>
    </row>
    <row r="1903" spans="1:92" outlineLevel="1">
      <c r="A1903" s="52" t="s">
        <v>649</v>
      </c>
      <c r="B1903" s="53"/>
      <c r="C1903" s="53">
        <v>41299889.189999998</v>
      </c>
      <c r="D1903" s="53">
        <v>-44148894.339999899</v>
      </c>
      <c r="E1903" s="53">
        <v>20009216.609999999</v>
      </c>
      <c r="F1903" s="53">
        <v>25699052.4599999</v>
      </c>
      <c r="G1903" s="53">
        <v>-2588740.4500000002</v>
      </c>
      <c r="H1903" s="53">
        <v>33882161.280000001</v>
      </c>
      <c r="I1903" s="53">
        <v>43328605.619999997</v>
      </c>
      <c r="J1903" s="53">
        <v>-155288185.47999999</v>
      </c>
      <c r="K1903" s="53">
        <v>23355241.239999998</v>
      </c>
      <c r="L1903" s="53">
        <v>-80388057.909999996</v>
      </c>
      <c r="M1903" s="53">
        <v>62971865.200000003</v>
      </c>
      <c r="N1903" s="53">
        <v>-31867846.579999901</v>
      </c>
      <c r="O1903" s="53">
        <v>37865103.3442581</v>
      </c>
      <c r="P1903" s="53">
        <v>1131054.34314039</v>
      </c>
      <c r="Q1903" s="53">
        <v>12492542.1691538</v>
      </c>
      <c r="R1903" s="53">
        <v>17636359.837863602</v>
      </c>
      <c r="S1903" s="53">
        <v>28710720.1790937</v>
      </c>
      <c r="T1903" s="53">
        <v>45304257.125916503</v>
      </c>
      <c r="U1903" s="53">
        <v>34693304.274804801</v>
      </c>
      <c r="V1903" s="53">
        <v>63263407.212860197</v>
      </c>
      <c r="W1903" s="53">
        <v>38595087.7452024</v>
      </c>
      <c r="X1903" s="53">
        <v>22058097.085769299</v>
      </c>
      <c r="Y1903" s="53">
        <v>6094028.8559284704</v>
      </c>
      <c r="Z1903" s="53">
        <v>39508320.432936497</v>
      </c>
      <c r="AA1903" s="53">
        <v>347352282.60692799</v>
      </c>
      <c r="AB1903" s="53">
        <v>44982271.174240403</v>
      </c>
      <c r="AC1903" s="53">
        <v>9418362.4007743094</v>
      </c>
      <c r="AD1903" s="53">
        <v>13245724.0235334</v>
      </c>
      <c r="AE1903" s="53">
        <v>10394165.160293199</v>
      </c>
      <c r="AF1903" s="53">
        <v>21247970.125796601</v>
      </c>
      <c r="AG1903" s="53">
        <v>33075821.331933301</v>
      </c>
      <c r="AH1903" s="53">
        <v>30540579.781497698</v>
      </c>
      <c r="AI1903" s="53">
        <v>57406203.065954998</v>
      </c>
      <c r="AJ1903" s="53">
        <v>29160773.6440151</v>
      </c>
      <c r="AK1903" s="53">
        <v>15476615.286668099</v>
      </c>
      <c r="AL1903" s="53">
        <v>971948.721715705</v>
      </c>
      <c r="AM1903" s="53">
        <v>30526545.963097099</v>
      </c>
      <c r="AN1903" s="53">
        <v>296446980.67952001</v>
      </c>
      <c r="AO1903" s="53">
        <v>23081134.660026401</v>
      </c>
      <c r="AP1903" s="53">
        <v>-9629434.6873962805</v>
      </c>
      <c r="AQ1903" s="53">
        <v>-10426351.203508001</v>
      </c>
      <c r="AR1903" s="53">
        <v>-3150617.7737994599</v>
      </c>
      <c r="AS1903" s="53">
        <v>6595064.8513809098</v>
      </c>
      <c r="AT1903" s="53">
        <v>11735229.152884999</v>
      </c>
      <c r="AU1903" s="53">
        <v>14194670.024472401</v>
      </c>
      <c r="AV1903" s="53">
        <v>37583723.997091196</v>
      </c>
      <c r="AW1903" s="53">
        <v>8845123.8880278897</v>
      </c>
      <c r="AX1903" s="53">
        <v>1511243.7832522599</v>
      </c>
      <c r="AY1903" s="53">
        <v>-11930069.2085458</v>
      </c>
      <c r="AZ1903" s="53">
        <v>10855375.2184547</v>
      </c>
      <c r="BA1903" s="53">
        <v>79265092.702341393</v>
      </c>
      <c r="BB1903" s="53">
        <v>21888624.6300973</v>
      </c>
      <c r="BC1903" s="53">
        <v>-11271275.060912499</v>
      </c>
      <c r="BD1903" s="53">
        <v>-11811370.919035699</v>
      </c>
      <c r="BE1903" s="53">
        <v>-4411511.7456106199</v>
      </c>
      <c r="BF1903" s="53">
        <v>5487238.0334484903</v>
      </c>
      <c r="BG1903" s="53">
        <v>11101190.3164391</v>
      </c>
      <c r="BH1903" s="53">
        <v>13405227.557574</v>
      </c>
      <c r="BI1903" s="53">
        <v>36650837.915797003</v>
      </c>
      <c r="BJ1903" s="53">
        <v>7504037.1464072699</v>
      </c>
      <c r="BK1903" s="53">
        <v>-259710.23477055301</v>
      </c>
      <c r="BL1903" s="53">
        <v>-14246110.8496993</v>
      </c>
      <c r="BM1903" s="53">
        <v>9403895.0006362908</v>
      </c>
      <c r="BN1903" s="53">
        <v>63441071.7903708</v>
      </c>
      <c r="BO1903" s="53">
        <v>20385043.800289001</v>
      </c>
      <c r="BP1903" s="53">
        <v>-12151041.4777027</v>
      </c>
      <c r="BQ1903" s="53">
        <v>-13240165.326444799</v>
      </c>
      <c r="BR1903" s="53">
        <v>-5753306.7389960801</v>
      </c>
      <c r="BS1903" s="53">
        <v>5271776.0118435901</v>
      </c>
      <c r="BT1903" s="53">
        <v>10641418.193526501</v>
      </c>
      <c r="BU1903" s="53">
        <v>13198795.906983299</v>
      </c>
      <c r="BV1903" s="53">
        <v>36556744.077083401</v>
      </c>
      <c r="BW1903" s="53">
        <v>7395982.1966443202</v>
      </c>
      <c r="BX1903" s="53">
        <v>-447742.85660072399</v>
      </c>
      <c r="BY1903" s="53">
        <v>-13521427.961851699</v>
      </c>
      <c r="BZ1903" s="53">
        <v>1784825.4440604199</v>
      </c>
      <c r="CA1903" s="53">
        <v>50120901.268834502</v>
      </c>
      <c r="CB1903" s="53"/>
      <c r="CC1903" s="53"/>
      <c r="CD1903" s="53"/>
      <c r="CE1903" s="53"/>
      <c r="CF1903" s="53"/>
      <c r="CG1903" s="53"/>
      <c r="CH1903" s="53"/>
      <c r="CI1903" s="53"/>
      <c r="CJ1903" s="53"/>
      <c r="CK1903" s="53"/>
      <c r="CL1903" s="53"/>
      <c r="CM1903" s="53"/>
      <c r="CN1903" s="53"/>
    </row>
    <row r="1904" spans="1:92" outlineLevel="1">
      <c r="A1904" s="52" t="s">
        <v>703</v>
      </c>
      <c r="B1904" s="53"/>
      <c r="C1904" s="53"/>
      <c r="D1904" s="53"/>
      <c r="E1904" s="53"/>
      <c r="F1904" s="53"/>
      <c r="G1904" s="53"/>
      <c r="H1904" s="53"/>
      <c r="I1904" s="53"/>
      <c r="J1904" s="53"/>
      <c r="K1904" s="53"/>
      <c r="L1904" s="53"/>
      <c r="M1904" s="53"/>
      <c r="N1904" s="53"/>
      <c r="O1904" s="53"/>
      <c r="P1904" s="53"/>
      <c r="Q1904" s="53"/>
      <c r="R1904" s="53"/>
      <c r="S1904" s="53"/>
      <c r="T1904" s="53"/>
      <c r="U1904" s="53"/>
      <c r="V1904" s="53"/>
      <c r="W1904" s="53"/>
      <c r="X1904" s="53"/>
      <c r="Y1904" s="53"/>
      <c r="Z1904" s="53"/>
      <c r="AA1904" s="53"/>
      <c r="AB1904" s="53"/>
      <c r="AC1904" s="53"/>
      <c r="AD1904" s="53"/>
      <c r="AE1904" s="53"/>
      <c r="AF1904" s="53"/>
      <c r="AG1904" s="53"/>
      <c r="AH1904" s="53"/>
      <c r="AI1904" s="53"/>
      <c r="AJ1904" s="53"/>
      <c r="AK1904" s="53"/>
      <c r="AL1904" s="53"/>
      <c r="AM1904" s="53"/>
      <c r="AN1904" s="53"/>
      <c r="AO1904" s="53"/>
      <c r="AP1904" s="53"/>
      <c r="AQ1904" s="53"/>
      <c r="AR1904" s="53"/>
      <c r="AS1904" s="53"/>
      <c r="AT1904" s="53"/>
      <c r="AU1904" s="53"/>
      <c r="AV1904" s="53"/>
      <c r="AW1904" s="53"/>
      <c r="AX1904" s="53"/>
      <c r="AY1904" s="53"/>
      <c r="AZ1904" s="53"/>
      <c r="BA1904" s="53"/>
      <c r="BB1904" s="53"/>
      <c r="BC1904" s="53"/>
      <c r="BD1904" s="53"/>
      <c r="BE1904" s="53"/>
      <c r="BF1904" s="53"/>
      <c r="BG1904" s="53"/>
      <c r="BH1904" s="53"/>
      <c r="BI1904" s="53"/>
      <c r="BJ1904" s="53"/>
      <c r="BK1904" s="53"/>
      <c r="BL1904" s="53"/>
      <c r="BM1904" s="53"/>
      <c r="BN1904" s="53"/>
      <c r="BO1904" s="53"/>
      <c r="BP1904" s="53"/>
      <c r="BQ1904" s="53"/>
      <c r="BR1904" s="53"/>
      <c r="BS1904" s="53"/>
      <c r="BT1904" s="53"/>
      <c r="BU1904" s="53"/>
      <c r="BV1904" s="53"/>
      <c r="BW1904" s="53"/>
      <c r="BX1904" s="53"/>
      <c r="BY1904" s="53"/>
      <c r="BZ1904" s="53"/>
      <c r="CA1904" s="53"/>
      <c r="CB1904" s="53">
        <v>0</v>
      </c>
      <c r="CC1904" s="53">
        <v>0</v>
      </c>
      <c r="CD1904" s="53">
        <v>0</v>
      </c>
      <c r="CE1904" s="53">
        <v>0</v>
      </c>
      <c r="CF1904" s="53">
        <v>0</v>
      </c>
      <c r="CG1904" s="53">
        <v>0</v>
      </c>
      <c r="CH1904" s="53">
        <v>0</v>
      </c>
      <c r="CI1904" s="53">
        <v>0</v>
      </c>
      <c r="CJ1904" s="53">
        <v>0</v>
      </c>
      <c r="CK1904" s="53">
        <v>0</v>
      </c>
      <c r="CL1904" s="53">
        <v>0</v>
      </c>
      <c r="CM1904" s="53">
        <v>0</v>
      </c>
      <c r="CN1904" s="53">
        <v>0</v>
      </c>
    </row>
    <row r="1905" spans="1:92" outlineLevel="1">
      <c r="A1905" s="52" t="s">
        <v>704</v>
      </c>
      <c r="B1905" s="53"/>
      <c r="C1905" s="53"/>
      <c r="D1905" s="53"/>
      <c r="E1905" s="53"/>
      <c r="F1905" s="53"/>
      <c r="G1905" s="53"/>
      <c r="H1905" s="53"/>
      <c r="I1905" s="53"/>
      <c r="J1905" s="53"/>
      <c r="K1905" s="53"/>
      <c r="L1905" s="53"/>
      <c r="M1905" s="53"/>
      <c r="N1905" s="53"/>
      <c r="O1905" s="53"/>
      <c r="P1905" s="53"/>
      <c r="Q1905" s="53"/>
      <c r="R1905" s="53"/>
      <c r="S1905" s="53"/>
      <c r="T1905" s="53"/>
      <c r="U1905" s="53"/>
      <c r="V1905" s="53"/>
      <c r="W1905" s="53"/>
      <c r="X1905" s="53"/>
      <c r="Y1905" s="53"/>
      <c r="Z1905" s="53"/>
      <c r="AA1905" s="53"/>
      <c r="AB1905" s="53"/>
      <c r="AC1905" s="53"/>
      <c r="AD1905" s="53"/>
      <c r="AE1905" s="53"/>
      <c r="AF1905" s="53"/>
      <c r="AG1905" s="53"/>
      <c r="AH1905" s="53"/>
      <c r="AI1905" s="53"/>
      <c r="AJ1905" s="53"/>
      <c r="AK1905" s="53"/>
      <c r="AL1905" s="53"/>
      <c r="AM1905" s="53"/>
      <c r="AN1905" s="53"/>
      <c r="AO1905" s="53"/>
      <c r="AP1905" s="53"/>
      <c r="AQ1905" s="53"/>
      <c r="AR1905" s="53"/>
      <c r="AS1905" s="53"/>
      <c r="AT1905" s="53"/>
      <c r="AU1905" s="53"/>
      <c r="AV1905" s="53"/>
      <c r="AW1905" s="53"/>
      <c r="AX1905" s="53"/>
      <c r="AY1905" s="53"/>
      <c r="AZ1905" s="53"/>
      <c r="BA1905" s="53"/>
      <c r="BB1905" s="53"/>
      <c r="BC1905" s="53"/>
      <c r="BD1905" s="53"/>
      <c r="BE1905" s="53"/>
      <c r="BF1905" s="53"/>
      <c r="BG1905" s="53"/>
      <c r="BH1905" s="53"/>
      <c r="BI1905" s="53"/>
      <c r="BJ1905" s="53"/>
      <c r="BK1905" s="53"/>
      <c r="BL1905" s="53"/>
      <c r="BM1905" s="53"/>
      <c r="BN1905" s="53"/>
      <c r="BO1905" s="53"/>
      <c r="BP1905" s="53"/>
      <c r="BQ1905" s="53"/>
      <c r="BR1905" s="53"/>
      <c r="BS1905" s="53"/>
      <c r="BT1905" s="53"/>
      <c r="BU1905" s="53"/>
      <c r="BV1905" s="53"/>
      <c r="BW1905" s="53"/>
      <c r="BX1905" s="53"/>
      <c r="BY1905" s="53"/>
      <c r="BZ1905" s="53"/>
      <c r="CA1905" s="53"/>
      <c r="CB1905" s="53">
        <v>0</v>
      </c>
      <c r="CC1905" s="53">
        <v>0</v>
      </c>
      <c r="CD1905" s="53">
        <v>0</v>
      </c>
      <c r="CE1905" s="53">
        <v>0</v>
      </c>
      <c r="CF1905" s="53">
        <v>0</v>
      </c>
      <c r="CG1905" s="53">
        <v>0</v>
      </c>
      <c r="CH1905" s="53">
        <v>0</v>
      </c>
      <c r="CI1905" s="53">
        <v>0</v>
      </c>
      <c r="CJ1905" s="53">
        <v>0</v>
      </c>
      <c r="CK1905" s="53">
        <v>0</v>
      </c>
      <c r="CL1905" s="53">
        <v>0</v>
      </c>
      <c r="CM1905" s="53">
        <v>0</v>
      </c>
      <c r="CN1905" s="53">
        <v>0</v>
      </c>
    </row>
    <row r="1906" spans="1:92">
      <c r="A1906" s="52" t="s">
        <v>705</v>
      </c>
      <c r="B1906" s="53"/>
      <c r="C1906" s="53"/>
      <c r="D1906" s="53"/>
      <c r="E1906" s="53"/>
      <c r="F1906" s="53"/>
      <c r="G1906" s="53"/>
      <c r="H1906" s="53"/>
      <c r="I1906" s="53"/>
      <c r="J1906" s="53"/>
      <c r="K1906" s="53"/>
      <c r="L1906" s="53"/>
      <c r="M1906" s="53"/>
      <c r="N1906" s="53"/>
      <c r="O1906" s="53">
        <v>9510532.8059798405</v>
      </c>
      <c r="P1906" s="53">
        <v>-670231.59342291602</v>
      </c>
      <c r="Q1906" s="53">
        <v>2478580.8552076598</v>
      </c>
      <c r="R1906" s="53">
        <v>3904179.1005039099</v>
      </c>
      <c r="S1906" s="53">
        <v>6973414.77078686</v>
      </c>
      <c r="T1906" s="53">
        <v>11572278.626041301</v>
      </c>
      <c r="U1906" s="53">
        <v>8631475.3667259701</v>
      </c>
      <c r="V1906" s="53">
        <v>16549619.2900973</v>
      </c>
      <c r="W1906" s="53">
        <v>9712846.4469570909</v>
      </c>
      <c r="X1906" s="53">
        <v>5129654.2762903199</v>
      </c>
      <c r="Y1906" s="53">
        <v>705246.35166825796</v>
      </c>
      <c r="Z1906" s="53">
        <v>9965946.9650995601</v>
      </c>
      <c r="AA1906" s="53">
        <v>84463543.261935204</v>
      </c>
      <c r="AB1906" s="53">
        <v>11803200.673573799</v>
      </c>
      <c r="AC1906" s="53">
        <v>1946738.17651845</v>
      </c>
      <c r="AD1906" s="53">
        <v>3007483.3982456001</v>
      </c>
      <c r="AE1906" s="53">
        <v>2217179.8584209098</v>
      </c>
      <c r="AF1906" s="53">
        <v>5225289.0703266095</v>
      </c>
      <c r="AG1906" s="53">
        <v>8503353.1486209594</v>
      </c>
      <c r="AH1906" s="53">
        <v>7800716.2865702901</v>
      </c>
      <c r="AI1906" s="53">
        <v>15246467.259838801</v>
      </c>
      <c r="AJ1906" s="53">
        <v>7418305.9184093196</v>
      </c>
      <c r="AK1906" s="53">
        <v>3625770.2184643298</v>
      </c>
      <c r="AL1906" s="53">
        <v>-394167.60502965801</v>
      </c>
      <c r="AM1906" s="53">
        <v>7796826.84332499</v>
      </c>
      <c r="AN1906" s="53">
        <v>74197163.247284502</v>
      </c>
      <c r="AO1906" s="53">
        <v>6293279.4317911603</v>
      </c>
      <c r="AP1906" s="53">
        <v>-2772386.04620456</v>
      </c>
      <c r="AQ1906" s="53">
        <v>-2993249.7820883798</v>
      </c>
      <c r="AR1906" s="53">
        <v>-976795.56876528403</v>
      </c>
      <c r="AS1906" s="53">
        <v>1724199.8677926401</v>
      </c>
      <c r="AT1906" s="53">
        <v>3148785.5900538098</v>
      </c>
      <c r="AU1906" s="53">
        <v>3830414.4534315201</v>
      </c>
      <c r="AV1906" s="53">
        <v>10312641.555946101</v>
      </c>
      <c r="AW1906" s="53">
        <v>2347798.9961150601</v>
      </c>
      <c r="AX1906" s="53">
        <v>315229.55412634899</v>
      </c>
      <c r="AY1906" s="53">
        <v>-3410002.0636559501</v>
      </c>
      <c r="AZ1906" s="53">
        <v>2904935.9231670899</v>
      </c>
      <c r="BA1906" s="53">
        <v>20724851.911709599</v>
      </c>
      <c r="BB1906" s="53">
        <v>6028590.8329194002</v>
      </c>
      <c r="BC1906" s="53">
        <v>-3161605.6044983198</v>
      </c>
      <c r="BD1906" s="53">
        <v>-3311292.0353210601</v>
      </c>
      <c r="BE1906" s="53">
        <v>-1260436.6332632101</v>
      </c>
      <c r="BF1906" s="53">
        <v>1482981.0429688401</v>
      </c>
      <c r="BG1906" s="53">
        <v>3038876.1075416999</v>
      </c>
      <c r="BH1906" s="53">
        <v>3677435.1816783799</v>
      </c>
      <c r="BI1906" s="53">
        <v>10119907.1882405</v>
      </c>
      <c r="BJ1906" s="53">
        <v>2041932.67417435</v>
      </c>
      <c r="BK1906" s="53">
        <v>-109773.579112525</v>
      </c>
      <c r="BL1906" s="53">
        <v>-3986075.0848877099</v>
      </c>
      <c r="BM1906" s="53">
        <v>2568474.2815444502</v>
      </c>
      <c r="BN1906" s="53">
        <v>17129014.371984798</v>
      </c>
      <c r="BO1906" s="53">
        <v>5649672.0031035403</v>
      </c>
      <c r="BP1906" s="53">
        <v>-3367635.5821297602</v>
      </c>
      <c r="BQ1906" s="53">
        <v>-3669483.96550499</v>
      </c>
      <c r="BR1906" s="53">
        <v>-1594516.85888024</v>
      </c>
      <c r="BS1906" s="53">
        <v>1461061.63089643</v>
      </c>
      <c r="BT1906" s="53">
        <v>2949246.6648725602</v>
      </c>
      <c r="BU1906" s="53">
        <v>3658018.5179344001</v>
      </c>
      <c r="BV1906" s="53">
        <v>10131624.712721501</v>
      </c>
      <c r="BW1906" s="53">
        <v>2049780.9060994601</v>
      </c>
      <c r="BX1906" s="53">
        <v>-124090.990743462</v>
      </c>
      <c r="BY1906" s="53">
        <v>-3747435.3131864099</v>
      </c>
      <c r="BZ1906" s="53">
        <v>-3694692.5729879802</v>
      </c>
      <c r="CA1906" s="53">
        <v>9701549.1521950606</v>
      </c>
      <c r="CB1906" s="53">
        <v>0</v>
      </c>
      <c r="CC1906" s="53">
        <v>0</v>
      </c>
      <c r="CD1906" s="53">
        <v>0</v>
      </c>
      <c r="CE1906" s="53">
        <v>0</v>
      </c>
      <c r="CF1906" s="53">
        <v>0</v>
      </c>
      <c r="CG1906" s="53">
        <v>0</v>
      </c>
      <c r="CH1906" s="53">
        <v>0</v>
      </c>
      <c r="CI1906" s="53">
        <v>0</v>
      </c>
      <c r="CJ1906" s="53">
        <v>0</v>
      </c>
      <c r="CK1906" s="53">
        <v>0</v>
      </c>
      <c r="CL1906" s="53">
        <v>0</v>
      </c>
      <c r="CM1906" s="53">
        <v>0</v>
      </c>
      <c r="CN1906" s="53">
        <v>0</v>
      </c>
    </row>
    <row r="1907" spans="1:92">
      <c r="A1907" s="52" t="s">
        <v>670</v>
      </c>
      <c r="B1907" s="53"/>
      <c r="C1907" s="53"/>
      <c r="D1907" s="53"/>
      <c r="E1907" s="53"/>
      <c r="F1907" s="53"/>
      <c r="G1907" s="53"/>
      <c r="H1907" s="53"/>
      <c r="I1907" s="53"/>
      <c r="J1907" s="53"/>
      <c r="K1907" s="53"/>
      <c r="L1907" s="53"/>
      <c r="M1907" s="53"/>
      <c r="N1907" s="53"/>
      <c r="O1907" s="53"/>
      <c r="P1907" s="53"/>
      <c r="Q1907" s="53"/>
      <c r="R1907" s="53"/>
      <c r="S1907" s="53"/>
      <c r="T1907" s="53"/>
      <c r="U1907" s="53"/>
      <c r="V1907" s="53"/>
      <c r="W1907" s="53"/>
      <c r="X1907" s="53"/>
      <c r="Y1907" s="53"/>
      <c r="Z1907" s="53"/>
      <c r="AA1907" s="53"/>
      <c r="AB1907" s="53"/>
      <c r="AC1907" s="53"/>
      <c r="AD1907" s="53"/>
      <c r="AE1907" s="53"/>
      <c r="AF1907" s="53"/>
      <c r="AG1907" s="53"/>
      <c r="AH1907" s="53"/>
      <c r="AI1907" s="53"/>
      <c r="AJ1907" s="53"/>
      <c r="AK1907" s="53"/>
      <c r="AL1907" s="53"/>
      <c r="AM1907" s="53"/>
      <c r="AN1907" s="53"/>
      <c r="AO1907" s="53"/>
      <c r="AP1907" s="53"/>
      <c r="AQ1907" s="53"/>
      <c r="AR1907" s="53"/>
      <c r="AS1907" s="53"/>
      <c r="AT1907" s="53"/>
      <c r="AU1907" s="53"/>
      <c r="AV1907" s="53"/>
      <c r="AW1907" s="53"/>
      <c r="AX1907" s="53"/>
      <c r="AY1907" s="53"/>
      <c r="AZ1907" s="53"/>
      <c r="BA1907" s="53"/>
      <c r="BB1907" s="53"/>
      <c r="BC1907" s="53"/>
      <c r="BD1907" s="53"/>
      <c r="BE1907" s="53"/>
      <c r="BF1907" s="53"/>
      <c r="BG1907" s="53"/>
      <c r="BH1907" s="53"/>
      <c r="BI1907" s="53"/>
      <c r="BJ1907" s="53"/>
      <c r="BK1907" s="53"/>
      <c r="BL1907" s="53"/>
      <c r="BM1907" s="53"/>
      <c r="BN1907" s="53"/>
      <c r="BO1907" s="53"/>
      <c r="BP1907" s="53"/>
      <c r="BQ1907" s="53"/>
      <c r="BR1907" s="53"/>
      <c r="BS1907" s="53"/>
      <c r="BT1907" s="53"/>
      <c r="BU1907" s="53"/>
      <c r="BV1907" s="53"/>
      <c r="BW1907" s="53"/>
      <c r="BX1907" s="53"/>
      <c r="BY1907" s="53"/>
      <c r="BZ1907" s="53"/>
      <c r="CA1907" s="53"/>
      <c r="CB1907" s="53">
        <v>0</v>
      </c>
      <c r="CC1907" s="53">
        <v>0</v>
      </c>
      <c r="CD1907" s="53">
        <v>0</v>
      </c>
      <c r="CE1907" s="53">
        <v>0</v>
      </c>
      <c r="CF1907" s="53">
        <v>0</v>
      </c>
      <c r="CG1907" s="53">
        <v>0</v>
      </c>
      <c r="CH1907" s="53">
        <v>0</v>
      </c>
      <c r="CI1907" s="53">
        <v>0</v>
      </c>
      <c r="CJ1907" s="53">
        <v>0</v>
      </c>
      <c r="CK1907" s="53">
        <v>0</v>
      </c>
      <c r="CL1907" s="53">
        <v>0</v>
      </c>
      <c r="CM1907" s="53">
        <v>0</v>
      </c>
      <c r="CN1907" s="53">
        <v>0</v>
      </c>
    </row>
    <row r="1908" spans="1:92">
      <c r="A1908" s="52" t="s">
        <v>671</v>
      </c>
      <c r="B1908" s="53"/>
      <c r="C1908" s="53"/>
      <c r="D1908" s="53"/>
      <c r="E1908" s="53"/>
      <c r="F1908" s="53"/>
      <c r="G1908" s="53"/>
      <c r="H1908" s="53"/>
      <c r="I1908" s="53"/>
      <c r="J1908" s="53"/>
      <c r="K1908" s="53"/>
      <c r="L1908" s="53"/>
      <c r="M1908" s="53"/>
      <c r="N1908" s="53"/>
      <c r="O1908" s="53"/>
      <c r="P1908" s="53"/>
      <c r="Q1908" s="53"/>
      <c r="R1908" s="53"/>
      <c r="S1908" s="53"/>
      <c r="T1908" s="53"/>
      <c r="U1908" s="53"/>
      <c r="V1908" s="53"/>
      <c r="W1908" s="53"/>
      <c r="X1908" s="53"/>
      <c r="Y1908" s="53"/>
      <c r="Z1908" s="53"/>
      <c r="AA1908" s="53"/>
      <c r="AB1908" s="53"/>
      <c r="AC1908" s="53"/>
      <c r="AD1908" s="53"/>
      <c r="AE1908" s="53"/>
      <c r="AF1908" s="53"/>
      <c r="AG1908" s="53"/>
      <c r="AH1908" s="53"/>
      <c r="AI1908" s="53"/>
      <c r="AJ1908" s="53"/>
      <c r="AK1908" s="53"/>
      <c r="AL1908" s="53"/>
      <c r="AM1908" s="53"/>
      <c r="AN1908" s="53"/>
      <c r="AO1908" s="53"/>
      <c r="AP1908" s="53"/>
      <c r="AQ1908" s="53"/>
      <c r="AR1908" s="53"/>
      <c r="AS1908" s="53"/>
      <c r="AT1908" s="53"/>
      <c r="AU1908" s="53"/>
      <c r="AV1908" s="53"/>
      <c r="AW1908" s="53"/>
      <c r="AX1908" s="53"/>
      <c r="AY1908" s="53"/>
      <c r="AZ1908" s="53"/>
      <c r="BA1908" s="53"/>
      <c r="BB1908" s="53"/>
      <c r="BC1908" s="53"/>
      <c r="BD1908" s="53"/>
      <c r="BE1908" s="53"/>
      <c r="BF1908" s="53"/>
      <c r="BG1908" s="53"/>
      <c r="BH1908" s="53"/>
      <c r="BI1908" s="53"/>
      <c r="BJ1908" s="53"/>
      <c r="BK1908" s="53"/>
      <c r="BL1908" s="53"/>
      <c r="BM1908" s="53"/>
      <c r="BN1908" s="53"/>
      <c r="BO1908" s="53"/>
      <c r="BP1908" s="53"/>
      <c r="BQ1908" s="53"/>
      <c r="BR1908" s="53"/>
      <c r="BS1908" s="53"/>
      <c r="BT1908" s="53"/>
      <c r="BU1908" s="53"/>
      <c r="BV1908" s="53"/>
      <c r="BW1908" s="53"/>
      <c r="BX1908" s="53"/>
      <c r="BY1908" s="53"/>
      <c r="BZ1908" s="53"/>
      <c r="CA1908" s="53"/>
      <c r="CB1908" s="53"/>
      <c r="CC1908" s="53"/>
      <c r="CD1908" s="53"/>
      <c r="CE1908" s="53"/>
      <c r="CF1908" s="53"/>
      <c r="CG1908" s="53"/>
      <c r="CH1908" s="53"/>
      <c r="CI1908" s="53"/>
      <c r="CJ1908" s="53"/>
      <c r="CK1908" s="53"/>
      <c r="CL1908" s="53"/>
      <c r="CM1908" s="53"/>
      <c r="CN1908" s="53"/>
    </row>
    <row r="1909" spans="1:92" outlineLevel="1">
      <c r="A1909" s="52" t="s">
        <v>649</v>
      </c>
      <c r="B1909" s="53">
        <v>1659457.54999999</v>
      </c>
      <c r="C1909" s="53">
        <v>1501390.14</v>
      </c>
      <c r="D1909" s="53">
        <v>1540071.9</v>
      </c>
      <c r="E1909" s="53">
        <v>1298458.71</v>
      </c>
      <c r="F1909" s="53">
        <v>1357107.18</v>
      </c>
      <c r="G1909" s="53">
        <v>-979270.12</v>
      </c>
      <c r="H1909" s="53">
        <v>1537353.5699999901</v>
      </c>
      <c r="I1909" s="53">
        <v>1064526.3399999901</v>
      </c>
      <c r="J1909" s="53">
        <v>830069.43999999901</v>
      </c>
      <c r="K1909" s="53">
        <v>428552.45</v>
      </c>
      <c r="L1909" s="53">
        <v>1792328.1899999899</v>
      </c>
      <c r="M1909" s="53">
        <v>2577665.14</v>
      </c>
      <c r="N1909" s="53">
        <v>14607710.49</v>
      </c>
      <c r="O1909" s="53">
        <v>1288011</v>
      </c>
      <c r="P1909" s="53">
        <v>1312759</v>
      </c>
      <c r="Q1909" s="53">
        <v>1320943</v>
      </c>
      <c r="R1909" s="53">
        <v>1339012</v>
      </c>
      <c r="S1909" s="53">
        <v>1327680</v>
      </c>
      <c r="T1909" s="53">
        <v>1573045</v>
      </c>
      <c r="U1909" s="53">
        <v>1362504</v>
      </c>
      <c r="V1909" s="53">
        <v>1331174</v>
      </c>
      <c r="W1909" s="53">
        <v>1319668</v>
      </c>
      <c r="X1909" s="53">
        <v>1319596</v>
      </c>
      <c r="Y1909" s="53">
        <v>1336985</v>
      </c>
      <c r="Z1909" s="53">
        <v>1563864</v>
      </c>
      <c r="AA1909" s="53">
        <v>16395241</v>
      </c>
      <c r="AB1909" s="53">
        <v>1322735</v>
      </c>
      <c r="AC1909" s="53">
        <v>1347755</v>
      </c>
      <c r="AD1909" s="53">
        <v>1361043</v>
      </c>
      <c r="AE1909" s="53">
        <v>1376515</v>
      </c>
      <c r="AF1909" s="53">
        <v>1541295</v>
      </c>
      <c r="AG1909" s="53">
        <v>1442950</v>
      </c>
      <c r="AH1909" s="53">
        <v>1401889</v>
      </c>
      <c r="AI1909" s="53">
        <v>1374728</v>
      </c>
      <c r="AJ1909" s="53">
        <v>1362800</v>
      </c>
      <c r="AK1909" s="53">
        <v>1360469</v>
      </c>
      <c r="AL1909" s="53">
        <v>1549908</v>
      </c>
      <c r="AM1909" s="53">
        <v>1433105</v>
      </c>
      <c r="AN1909" s="53">
        <v>16875192</v>
      </c>
      <c r="AO1909" s="53">
        <v>1406265.99999999</v>
      </c>
      <c r="AP1909" s="53">
        <v>1406265.99999999</v>
      </c>
      <c r="AQ1909" s="53">
        <v>1406265.99999999</v>
      </c>
      <c r="AR1909" s="53">
        <v>1406265.99999999</v>
      </c>
      <c r="AS1909" s="53">
        <v>1406265.99999999</v>
      </c>
      <c r="AT1909" s="53">
        <v>1406265.99999999</v>
      </c>
      <c r="AU1909" s="53">
        <v>1406265.99999999</v>
      </c>
      <c r="AV1909" s="53">
        <v>1406265.99999999</v>
      </c>
      <c r="AW1909" s="53">
        <v>1406265.99999999</v>
      </c>
      <c r="AX1909" s="53">
        <v>1406265.99999999</v>
      </c>
      <c r="AY1909" s="53">
        <v>1406265.99999999</v>
      </c>
      <c r="AZ1909" s="53">
        <v>1406265.99999999</v>
      </c>
      <c r="BA1909" s="53">
        <v>16875192</v>
      </c>
      <c r="BB1909" s="53">
        <v>1406265.99999999</v>
      </c>
      <c r="BC1909" s="53">
        <v>1406265.99999999</v>
      </c>
      <c r="BD1909" s="53">
        <v>1406265.99999999</v>
      </c>
      <c r="BE1909" s="53">
        <v>1406265.99999999</v>
      </c>
      <c r="BF1909" s="53">
        <v>1406265.99999999</v>
      </c>
      <c r="BG1909" s="53">
        <v>1406265.99999999</v>
      </c>
      <c r="BH1909" s="53">
        <v>1406265.99999999</v>
      </c>
      <c r="BI1909" s="53">
        <v>1406265.99999999</v>
      </c>
      <c r="BJ1909" s="53">
        <v>1406265.99999999</v>
      </c>
      <c r="BK1909" s="53">
        <v>1406265.99999999</v>
      </c>
      <c r="BL1909" s="53">
        <v>1406265.99999999</v>
      </c>
      <c r="BM1909" s="53">
        <v>1406265.99999999</v>
      </c>
      <c r="BN1909" s="53">
        <v>16875192</v>
      </c>
      <c r="BO1909" s="53">
        <v>1406265.99999999</v>
      </c>
      <c r="BP1909" s="53">
        <v>1406265.99999999</v>
      </c>
      <c r="BQ1909" s="53">
        <v>1406265.99999999</v>
      </c>
      <c r="BR1909" s="53">
        <v>1406265.99999999</v>
      </c>
      <c r="BS1909" s="53">
        <v>1406265.99999999</v>
      </c>
      <c r="BT1909" s="53">
        <v>1406265.99999999</v>
      </c>
      <c r="BU1909" s="53">
        <v>1406265.99999999</v>
      </c>
      <c r="BV1909" s="53">
        <v>1406265.99999999</v>
      </c>
      <c r="BW1909" s="53">
        <v>1406265.99999999</v>
      </c>
      <c r="BX1909" s="53">
        <v>1406265.99999999</v>
      </c>
      <c r="BY1909" s="53">
        <v>1406265.99999999</v>
      </c>
      <c r="BZ1909" s="53">
        <v>1406265.99999999</v>
      </c>
      <c r="CA1909" s="53">
        <v>16875192</v>
      </c>
      <c r="CB1909" s="53">
        <v>0</v>
      </c>
      <c r="CC1909" s="53">
        <v>0</v>
      </c>
      <c r="CD1909" s="53">
        <v>0</v>
      </c>
      <c r="CE1909" s="53">
        <v>0</v>
      </c>
      <c r="CF1909" s="53">
        <v>0</v>
      </c>
      <c r="CG1909" s="53">
        <v>0</v>
      </c>
      <c r="CH1909" s="53">
        <v>0</v>
      </c>
      <c r="CI1909" s="53">
        <v>0</v>
      </c>
      <c r="CJ1909" s="53">
        <v>0</v>
      </c>
      <c r="CK1909" s="53">
        <v>0</v>
      </c>
      <c r="CL1909" s="53">
        <v>0</v>
      </c>
      <c r="CM1909" s="53">
        <v>0</v>
      </c>
      <c r="CN1909" s="53">
        <v>0</v>
      </c>
    </row>
    <row r="1910" spans="1:92" outlineLevel="1">
      <c r="A1910" s="59" t="s">
        <v>1560</v>
      </c>
      <c r="B1910" s="53">
        <v>20828633.609999899</v>
      </c>
      <c r="C1910" s="53">
        <v>116886034.83999901</v>
      </c>
      <c r="D1910" s="53">
        <v>96549820</v>
      </c>
      <c r="E1910" s="53">
        <v>125731782.86</v>
      </c>
      <c r="F1910" s="53">
        <v>161093316.72999999</v>
      </c>
      <c r="G1910" s="53">
        <v>185973124.30999899</v>
      </c>
      <c r="H1910" s="53">
        <v>235974312.65000001</v>
      </c>
      <c r="I1910" s="53">
        <v>237582288.42999899</v>
      </c>
      <c r="J1910" s="53">
        <v>174968398.64999899</v>
      </c>
      <c r="K1910" s="53">
        <v>201148086.049999</v>
      </c>
      <c r="L1910" s="53">
        <v>-26045189.300000001</v>
      </c>
      <c r="M1910" s="53">
        <v>57012689.119999997</v>
      </c>
      <c r="N1910" s="53">
        <v>57012689.119999997</v>
      </c>
      <c r="O1910" s="53">
        <v>117225443.38461301</v>
      </c>
      <c r="P1910" s="53">
        <v>131837786.388705</v>
      </c>
      <c r="Q1910" s="53">
        <v>177443338.627442</v>
      </c>
      <c r="R1910" s="53">
        <v>192012833.00470099</v>
      </c>
      <c r="S1910" s="53">
        <v>241812408.20895699</v>
      </c>
      <c r="T1910" s="53">
        <v>240456495.54325399</v>
      </c>
      <c r="U1910" s="53">
        <v>297697506.43915999</v>
      </c>
      <c r="V1910" s="53">
        <v>391605975.19649303</v>
      </c>
      <c r="W1910" s="53">
        <v>341261952.68466997</v>
      </c>
      <c r="X1910" s="53">
        <v>382576404.30110502</v>
      </c>
      <c r="Y1910" s="53">
        <v>233998573.710574</v>
      </c>
      <c r="Z1910" s="53">
        <v>118100710.228864</v>
      </c>
      <c r="AA1910" s="53">
        <v>118100710.228864</v>
      </c>
      <c r="AB1910" s="53">
        <v>190238162.024138</v>
      </c>
      <c r="AC1910" s="53">
        <v>217221391.54889101</v>
      </c>
      <c r="AD1910" s="53">
        <v>203478646.629264</v>
      </c>
      <c r="AE1910" s="53">
        <v>213149281.776149</v>
      </c>
      <c r="AF1910" s="53">
        <v>255380429.919732</v>
      </c>
      <c r="AG1910" s="53">
        <v>226258719.92990801</v>
      </c>
      <c r="AH1910" s="53">
        <v>280152063.94543499</v>
      </c>
      <c r="AI1910" s="53">
        <v>368370682.21868902</v>
      </c>
      <c r="AJ1910" s="53">
        <v>337263695.29098803</v>
      </c>
      <c r="AK1910" s="53">
        <v>371956858.74357998</v>
      </c>
      <c r="AL1910" s="53">
        <v>201199880.43821001</v>
      </c>
      <c r="AM1910" s="53">
        <v>103866096.623687</v>
      </c>
      <c r="AN1910" s="53">
        <v>103866096.623687</v>
      </c>
      <c r="AO1910" s="53">
        <v>150260820.96799901</v>
      </c>
      <c r="AP1910" s="53">
        <v>154906149.486893</v>
      </c>
      <c r="AQ1910" s="53">
        <v>127035202.96231499</v>
      </c>
      <c r="AR1910" s="53">
        <v>134773725.80195901</v>
      </c>
      <c r="AS1910" s="53">
        <v>160140139.77362701</v>
      </c>
      <c r="AT1910" s="53">
        <v>183864741.45404801</v>
      </c>
      <c r="AU1910" s="53">
        <v>218936975.18444601</v>
      </c>
      <c r="AV1910" s="53">
        <v>283880489.98997802</v>
      </c>
      <c r="AW1910" s="53">
        <v>291759672.382617</v>
      </c>
      <c r="AX1910" s="53">
        <v>310633294.97249001</v>
      </c>
      <c r="AY1910" s="53">
        <v>107774581.922848</v>
      </c>
      <c r="AZ1910" s="53">
        <v>71266067.590614498</v>
      </c>
      <c r="BA1910" s="53">
        <v>71266067.590614498</v>
      </c>
      <c r="BB1910" s="53">
        <v>118205900.93840399</v>
      </c>
      <c r="BC1910" s="53">
        <v>122795638.157766</v>
      </c>
      <c r="BD1910" s="53">
        <v>127770286.99679799</v>
      </c>
      <c r="BE1910" s="53">
        <v>136838702.906241</v>
      </c>
      <c r="BF1910" s="53">
        <v>162831539.867432</v>
      </c>
      <c r="BG1910" s="53">
        <v>192905991.91606</v>
      </c>
      <c r="BH1910" s="53">
        <v>229011272.540086</v>
      </c>
      <c r="BI1910" s="53">
        <v>294804635.52889597</v>
      </c>
      <c r="BJ1910" s="53">
        <v>306914053.02062899</v>
      </c>
      <c r="BK1910" s="53">
        <v>325567187.09151798</v>
      </c>
      <c r="BL1910" s="53">
        <v>98086204.424431294</v>
      </c>
      <c r="BM1910" s="53">
        <v>67498545.607747093</v>
      </c>
      <c r="BN1910" s="53">
        <v>67498545.607747093</v>
      </c>
      <c r="BO1910" s="53">
        <v>113876939.527018</v>
      </c>
      <c r="BP1910" s="53">
        <v>118701940.583065</v>
      </c>
      <c r="BQ1910" s="53">
        <v>126978185.248555</v>
      </c>
      <c r="BR1910" s="53">
        <v>137548652.40934399</v>
      </c>
      <c r="BS1910" s="53">
        <v>164625168.167963</v>
      </c>
      <c r="BT1910" s="53">
        <v>201140286.73285201</v>
      </c>
      <c r="BU1910" s="53">
        <v>238340779.27364901</v>
      </c>
      <c r="BV1910" s="53">
        <v>305372826.17933297</v>
      </c>
      <c r="BW1910" s="53">
        <v>322576992.35821599</v>
      </c>
      <c r="BX1910" s="53">
        <v>342348836.62675101</v>
      </c>
      <c r="BY1910" s="53">
        <v>101299514.077042</v>
      </c>
      <c r="BZ1910" s="53">
        <v>60604158.493800201</v>
      </c>
      <c r="CA1910" s="53">
        <v>60604158.493800201</v>
      </c>
      <c r="CB1910" s="53">
        <v>0</v>
      </c>
      <c r="CC1910" s="53">
        <v>0</v>
      </c>
      <c r="CD1910" s="53">
        <v>0</v>
      </c>
      <c r="CE1910" s="53">
        <v>0</v>
      </c>
      <c r="CF1910" s="53">
        <v>0</v>
      </c>
      <c r="CG1910" s="53">
        <v>0</v>
      </c>
      <c r="CH1910" s="53">
        <v>0</v>
      </c>
      <c r="CI1910" s="53">
        <v>0</v>
      </c>
      <c r="CJ1910" s="53">
        <v>0</v>
      </c>
      <c r="CK1910" s="53">
        <v>0</v>
      </c>
      <c r="CL1910" s="53">
        <v>0</v>
      </c>
      <c r="CM1910" s="53">
        <v>0</v>
      </c>
      <c r="CN1910" s="53">
        <v>0</v>
      </c>
    </row>
    <row r="1911" spans="1:92" outlineLevel="1">
      <c r="A1911" s="52" t="s">
        <v>1561</v>
      </c>
      <c r="B1911" s="53"/>
      <c r="C1911" s="53"/>
      <c r="D1911" s="53"/>
      <c r="E1911" s="53"/>
      <c r="F1911" s="53"/>
      <c r="G1911" s="53"/>
      <c r="H1911" s="53"/>
      <c r="I1911" s="53"/>
      <c r="J1911" s="53"/>
      <c r="K1911" s="53"/>
      <c r="L1911" s="53"/>
      <c r="M1911" s="53"/>
      <c r="N1911" s="53"/>
      <c r="O1911" s="53"/>
      <c r="P1911" s="53"/>
      <c r="Q1911" s="53"/>
      <c r="R1911" s="53"/>
      <c r="S1911" s="53"/>
      <c r="T1911" s="53"/>
      <c r="U1911" s="53"/>
      <c r="V1911" s="53"/>
      <c r="W1911" s="53"/>
      <c r="X1911" s="53"/>
      <c r="Y1911" s="53"/>
      <c r="Z1911" s="53"/>
      <c r="AA1911" s="53"/>
      <c r="AB1911" s="53"/>
      <c r="AC1911" s="53"/>
      <c r="AD1911" s="53"/>
      <c r="AE1911" s="53"/>
      <c r="AF1911" s="53"/>
      <c r="AG1911" s="53"/>
      <c r="AH1911" s="53"/>
      <c r="AI1911" s="53"/>
      <c r="AJ1911" s="53"/>
      <c r="AK1911" s="53"/>
      <c r="AL1911" s="53"/>
      <c r="AM1911" s="53"/>
      <c r="AN1911" s="53"/>
      <c r="AO1911" s="53"/>
      <c r="AP1911" s="53"/>
      <c r="AQ1911" s="53"/>
      <c r="AR1911" s="53"/>
      <c r="AS1911" s="53"/>
      <c r="AT1911" s="53"/>
      <c r="AU1911" s="53"/>
      <c r="AV1911" s="53"/>
      <c r="AW1911" s="53"/>
      <c r="AX1911" s="53"/>
      <c r="AY1911" s="53"/>
      <c r="AZ1911" s="53"/>
      <c r="BA1911" s="53"/>
      <c r="BB1911" s="53"/>
      <c r="BC1911" s="53"/>
      <c r="BD1911" s="53"/>
      <c r="BE1911" s="53"/>
      <c r="BF1911" s="53"/>
      <c r="BG1911" s="53"/>
      <c r="BH1911" s="53"/>
      <c r="BI1911" s="53"/>
      <c r="BJ1911" s="53"/>
      <c r="BK1911" s="53"/>
      <c r="BL1911" s="53"/>
      <c r="BM1911" s="53"/>
      <c r="BN1911" s="53"/>
      <c r="BO1911" s="53"/>
      <c r="BP1911" s="53"/>
      <c r="BQ1911" s="53"/>
      <c r="BR1911" s="53"/>
      <c r="BS1911" s="53"/>
      <c r="BT1911" s="53"/>
      <c r="BU1911" s="53"/>
      <c r="BV1911" s="53"/>
      <c r="BW1911" s="53"/>
      <c r="BX1911" s="53"/>
      <c r="BY1911" s="53"/>
      <c r="BZ1911" s="53"/>
      <c r="CA1911" s="53"/>
      <c r="CB1911" s="53">
        <v>6148015.4213998802</v>
      </c>
      <c r="CC1911" s="53">
        <v>10014252.445839301</v>
      </c>
      <c r="CD1911" s="53">
        <v>5695985.3494003201</v>
      </c>
      <c r="CE1911" s="53">
        <v>56073374.921471603</v>
      </c>
      <c r="CF1911" s="53">
        <v>55467475.822132803</v>
      </c>
      <c r="CG1911" s="53">
        <v>38737969.727702402</v>
      </c>
      <c r="CH1911" s="53">
        <v>129564121.638441</v>
      </c>
      <c r="CI1911" s="53">
        <v>25424080.307901401</v>
      </c>
      <c r="CJ1911" s="53"/>
      <c r="CK1911" s="53"/>
      <c r="CL1911" s="53"/>
      <c r="CM1911" s="53"/>
      <c r="CN1911" s="53">
        <v>6148015.4213998802</v>
      </c>
    </row>
    <row r="1912" spans="1:92" outlineLevel="1">
      <c r="A1912" s="52" t="s">
        <v>1218</v>
      </c>
      <c r="B1912" s="53">
        <v>68169593.719999999</v>
      </c>
      <c r="C1912" s="53">
        <v>62599288.359999999</v>
      </c>
      <c r="D1912" s="53">
        <v>82194844.810000002</v>
      </c>
      <c r="E1912" s="53">
        <v>84468205.149999902</v>
      </c>
      <c r="F1912" s="53">
        <v>89129352.829999998</v>
      </c>
      <c r="G1912" s="53">
        <v>106218702.59</v>
      </c>
      <c r="H1912" s="53">
        <v>71917024.8699999</v>
      </c>
      <c r="I1912" s="53">
        <v>65736381.670000002</v>
      </c>
      <c r="J1912" s="53">
        <v>81870655.079999998</v>
      </c>
      <c r="K1912" s="53">
        <v>82011546.659999996</v>
      </c>
      <c r="L1912" s="53">
        <v>87601722.659999996</v>
      </c>
      <c r="M1912" s="53">
        <v>110014257.37</v>
      </c>
      <c r="N1912" s="53">
        <v>68169593.719999999</v>
      </c>
      <c r="O1912" s="53">
        <v>80179059.489999995</v>
      </c>
      <c r="P1912" s="53">
        <v>77473311.045555502</v>
      </c>
      <c r="Q1912" s="53">
        <v>99221227.712222204</v>
      </c>
      <c r="R1912" s="53">
        <v>103519144.045555</v>
      </c>
      <c r="S1912" s="53">
        <v>110242061.48999999</v>
      </c>
      <c r="T1912" s="53">
        <v>114064284.156666</v>
      </c>
      <c r="U1912" s="53">
        <v>80449701.045555502</v>
      </c>
      <c r="V1912" s="53">
        <v>76926020.489999995</v>
      </c>
      <c r="W1912" s="53">
        <v>98673937.156666696</v>
      </c>
      <c r="X1912" s="53">
        <v>102971853.823333</v>
      </c>
      <c r="Y1912" s="53">
        <v>109694770.48999999</v>
      </c>
      <c r="Z1912" s="53">
        <v>113930187.156666</v>
      </c>
      <c r="AA1912" s="53">
        <v>80179059.489999995</v>
      </c>
      <c r="AB1912" s="53">
        <v>80315603.823333293</v>
      </c>
      <c r="AC1912" s="53">
        <v>76519492.712222204</v>
      </c>
      <c r="AD1912" s="53">
        <v>98267409.378888905</v>
      </c>
      <c r="AE1912" s="53">
        <v>102565326.045555</v>
      </c>
      <c r="AF1912" s="53">
        <v>106452687.156666</v>
      </c>
      <c r="AG1912" s="53">
        <v>110688103.823333</v>
      </c>
      <c r="AH1912" s="53">
        <v>77073520.489999995</v>
      </c>
      <c r="AI1912" s="53">
        <v>73683937.156666696</v>
      </c>
      <c r="AJ1912" s="53">
        <v>95431853.823333398</v>
      </c>
      <c r="AK1912" s="53">
        <v>99729770.489999995</v>
      </c>
      <c r="AL1912" s="53">
        <v>106452687.156666</v>
      </c>
      <c r="AM1912" s="53">
        <v>110688103.823333</v>
      </c>
      <c r="AN1912" s="53">
        <v>80315603.823333293</v>
      </c>
      <c r="AO1912" s="53">
        <v>77073520.490000099</v>
      </c>
      <c r="AP1912" s="53">
        <v>73605812.156666696</v>
      </c>
      <c r="AQ1912" s="53">
        <v>95353728.823333398</v>
      </c>
      <c r="AR1912" s="53">
        <v>99651645.490000099</v>
      </c>
      <c r="AS1912" s="53">
        <v>106374562.156666</v>
      </c>
      <c r="AT1912" s="53">
        <v>110609978.823333</v>
      </c>
      <c r="AU1912" s="53">
        <v>76995395.490000099</v>
      </c>
      <c r="AV1912" s="53">
        <v>73605812.1566668</v>
      </c>
      <c r="AW1912" s="53">
        <v>95353728.823333398</v>
      </c>
      <c r="AX1912" s="53">
        <v>99651645.490000099</v>
      </c>
      <c r="AY1912" s="53">
        <v>106374562.156666</v>
      </c>
      <c r="AZ1912" s="53">
        <v>110609978.823333</v>
      </c>
      <c r="BA1912" s="53">
        <v>77073520.490000099</v>
      </c>
      <c r="BB1912" s="53">
        <v>76995395.490000099</v>
      </c>
      <c r="BC1912" s="53">
        <v>73595395.490000099</v>
      </c>
      <c r="BD1912" s="53">
        <v>95343312.1566668</v>
      </c>
      <c r="BE1912" s="53">
        <v>99641228.823333502</v>
      </c>
      <c r="BF1912" s="53">
        <v>106364145.48999999</v>
      </c>
      <c r="BG1912" s="53">
        <v>110599562.156666</v>
      </c>
      <c r="BH1912" s="53">
        <v>76984978.823333502</v>
      </c>
      <c r="BI1912" s="53">
        <v>73595395.490000099</v>
      </c>
      <c r="BJ1912" s="53">
        <v>95343312.1566668</v>
      </c>
      <c r="BK1912" s="53">
        <v>99641228.823333502</v>
      </c>
      <c r="BL1912" s="53">
        <v>106364145.48999999</v>
      </c>
      <c r="BM1912" s="53">
        <v>110599562.156666</v>
      </c>
      <c r="BN1912" s="53">
        <v>76995395.490000099</v>
      </c>
      <c r="BO1912" s="53">
        <v>76984978.823333502</v>
      </c>
      <c r="BP1912" s="53">
        <v>72733937.1566668</v>
      </c>
      <c r="BQ1912" s="53">
        <v>92748520.490000203</v>
      </c>
      <c r="BR1912" s="53">
        <v>95313103.823333502</v>
      </c>
      <c r="BS1912" s="53">
        <v>100302687.156666</v>
      </c>
      <c r="BT1912" s="53">
        <v>102804770.48999999</v>
      </c>
      <c r="BU1912" s="53">
        <v>67456853.823333502</v>
      </c>
      <c r="BV1912" s="53">
        <v>72733937.156666905</v>
      </c>
      <c r="BW1912" s="53">
        <v>92748520.490000203</v>
      </c>
      <c r="BX1912" s="53">
        <v>95313103.823333502</v>
      </c>
      <c r="BY1912" s="53">
        <v>100302687.156666</v>
      </c>
      <c r="BZ1912" s="53">
        <v>102804770.48999999</v>
      </c>
      <c r="CA1912" s="53">
        <v>76984978.823333502</v>
      </c>
      <c r="CB1912" s="53"/>
      <c r="CC1912" s="53"/>
      <c r="CD1912" s="53"/>
      <c r="CE1912" s="53"/>
      <c r="CF1912" s="53"/>
      <c r="CG1912" s="53"/>
      <c r="CH1912" s="53"/>
      <c r="CI1912" s="53"/>
      <c r="CJ1912" s="53"/>
      <c r="CK1912" s="53"/>
      <c r="CL1912" s="53"/>
      <c r="CM1912" s="53"/>
      <c r="CN1912" s="53"/>
    </row>
    <row r="1913" spans="1:92" outlineLevel="1">
      <c r="A1913" s="52" t="s">
        <v>699</v>
      </c>
      <c r="B1913" s="53"/>
      <c r="C1913" s="53"/>
      <c r="D1913" s="53"/>
      <c r="E1913" s="53"/>
      <c r="F1913" s="53"/>
      <c r="G1913" s="53"/>
      <c r="H1913" s="53"/>
      <c r="I1913" s="53"/>
      <c r="J1913" s="53"/>
      <c r="K1913" s="53"/>
      <c r="L1913" s="53"/>
      <c r="M1913" s="53"/>
      <c r="N1913" s="53"/>
      <c r="O1913" s="53"/>
      <c r="P1913" s="53"/>
      <c r="Q1913" s="53"/>
      <c r="R1913" s="53"/>
      <c r="S1913" s="53"/>
      <c r="T1913" s="53"/>
      <c r="U1913" s="53"/>
      <c r="V1913" s="53"/>
      <c r="W1913" s="53"/>
      <c r="X1913" s="53"/>
      <c r="Y1913" s="53"/>
      <c r="Z1913" s="53"/>
      <c r="AA1913" s="53"/>
      <c r="AB1913" s="53"/>
      <c r="AC1913" s="53"/>
      <c r="AD1913" s="53"/>
      <c r="AE1913" s="53"/>
      <c r="AF1913" s="53"/>
      <c r="AG1913" s="53"/>
      <c r="AH1913" s="53"/>
      <c r="AI1913" s="53"/>
      <c r="AJ1913" s="53"/>
      <c r="AK1913" s="53"/>
      <c r="AL1913" s="53"/>
      <c r="AM1913" s="53"/>
      <c r="AN1913" s="53"/>
      <c r="AO1913" s="53"/>
      <c r="AP1913" s="53"/>
      <c r="AQ1913" s="53"/>
      <c r="AR1913" s="53"/>
      <c r="AS1913" s="53"/>
      <c r="AT1913" s="53"/>
      <c r="AU1913" s="53"/>
      <c r="AV1913" s="53"/>
      <c r="AW1913" s="53"/>
      <c r="AX1913" s="53"/>
      <c r="AY1913" s="53"/>
      <c r="AZ1913" s="53"/>
      <c r="BA1913" s="53"/>
      <c r="BB1913" s="53"/>
      <c r="BC1913" s="53"/>
      <c r="BD1913" s="53"/>
      <c r="BE1913" s="53"/>
      <c r="BF1913" s="53"/>
      <c r="BG1913" s="53"/>
      <c r="BH1913" s="53"/>
      <c r="BI1913" s="53"/>
      <c r="BJ1913" s="53"/>
      <c r="BK1913" s="53"/>
      <c r="BL1913" s="53"/>
      <c r="BM1913" s="53"/>
      <c r="BN1913" s="53"/>
      <c r="BO1913" s="53"/>
      <c r="BP1913" s="53"/>
      <c r="BQ1913" s="53"/>
      <c r="BR1913" s="53"/>
      <c r="BS1913" s="53"/>
      <c r="BT1913" s="53"/>
      <c r="BU1913" s="53"/>
      <c r="BV1913" s="53"/>
      <c r="BW1913" s="53"/>
      <c r="BX1913" s="53"/>
      <c r="BY1913" s="53"/>
      <c r="BZ1913" s="53"/>
      <c r="CA1913" s="53"/>
      <c r="CB1913" s="53"/>
      <c r="CC1913" s="53"/>
      <c r="CD1913" s="53"/>
      <c r="CE1913" s="53"/>
      <c r="CF1913" s="53"/>
      <c r="CG1913" s="53"/>
      <c r="CH1913" s="53"/>
      <c r="CI1913" s="53"/>
      <c r="CJ1913" s="53"/>
      <c r="CK1913" s="53"/>
      <c r="CL1913" s="53"/>
      <c r="CM1913" s="53"/>
      <c r="CN1913" s="53"/>
    </row>
    <row r="1914" spans="1:92" outlineLevel="1">
      <c r="A1914" s="52" t="s">
        <v>709</v>
      </c>
      <c r="B1914" s="53"/>
      <c r="C1914" s="53"/>
      <c r="D1914" s="53"/>
      <c r="E1914" s="53"/>
      <c r="F1914" s="53"/>
      <c r="G1914" s="53"/>
      <c r="H1914" s="53"/>
      <c r="I1914" s="53"/>
      <c r="J1914" s="53"/>
      <c r="K1914" s="53"/>
      <c r="L1914" s="53"/>
      <c r="M1914" s="53"/>
      <c r="N1914" s="53"/>
      <c r="O1914" s="53"/>
      <c r="P1914" s="53"/>
      <c r="Q1914" s="53"/>
      <c r="R1914" s="53"/>
      <c r="S1914" s="53"/>
      <c r="T1914" s="53"/>
      <c r="U1914" s="53"/>
      <c r="V1914" s="53"/>
      <c r="W1914" s="53"/>
      <c r="X1914" s="53"/>
      <c r="Y1914" s="53"/>
      <c r="Z1914" s="53"/>
      <c r="AA1914" s="53"/>
      <c r="AB1914" s="53"/>
      <c r="AC1914" s="53"/>
      <c r="AD1914" s="53"/>
      <c r="AE1914" s="53"/>
      <c r="AF1914" s="53"/>
      <c r="AG1914" s="53"/>
      <c r="AH1914" s="53"/>
      <c r="AI1914" s="53"/>
      <c r="AJ1914" s="53"/>
      <c r="AK1914" s="53"/>
      <c r="AL1914" s="53"/>
      <c r="AM1914" s="53"/>
      <c r="AN1914" s="53"/>
      <c r="AO1914" s="53"/>
      <c r="AP1914" s="53"/>
      <c r="AQ1914" s="53"/>
      <c r="AR1914" s="53"/>
      <c r="AS1914" s="53"/>
      <c r="AT1914" s="53"/>
      <c r="AU1914" s="53"/>
      <c r="AV1914" s="53"/>
      <c r="AW1914" s="53"/>
      <c r="AX1914" s="53"/>
      <c r="AY1914" s="53"/>
      <c r="AZ1914" s="53"/>
      <c r="BA1914" s="53"/>
      <c r="BB1914" s="53"/>
      <c r="BC1914" s="53"/>
      <c r="BD1914" s="53"/>
      <c r="BE1914" s="53"/>
      <c r="BF1914" s="53"/>
      <c r="BG1914" s="53"/>
      <c r="BH1914" s="53"/>
      <c r="BI1914" s="53"/>
      <c r="BJ1914" s="53"/>
      <c r="BK1914" s="53"/>
      <c r="BL1914" s="53"/>
      <c r="BM1914" s="53"/>
      <c r="BN1914" s="53"/>
      <c r="BO1914" s="53"/>
      <c r="BP1914" s="53"/>
      <c r="BQ1914" s="53"/>
      <c r="BR1914" s="53"/>
      <c r="BS1914" s="53"/>
      <c r="BT1914" s="53"/>
      <c r="BU1914" s="53"/>
      <c r="BV1914" s="53"/>
      <c r="BW1914" s="53"/>
      <c r="BX1914" s="53"/>
      <c r="BY1914" s="53"/>
      <c r="BZ1914" s="53"/>
      <c r="CA1914" s="53"/>
      <c r="CB1914" s="53"/>
      <c r="CC1914" s="53"/>
      <c r="CD1914" s="53"/>
      <c r="CE1914" s="53"/>
      <c r="CF1914" s="53"/>
      <c r="CG1914" s="53"/>
      <c r="CH1914" s="53"/>
      <c r="CI1914" s="53"/>
      <c r="CJ1914" s="53"/>
      <c r="CK1914" s="53"/>
      <c r="CL1914" s="53"/>
      <c r="CM1914" s="53"/>
      <c r="CN1914" s="53"/>
    </row>
    <row r="1915" spans="1:92" outlineLevel="1">
      <c r="A1915" s="52" t="s">
        <v>1562</v>
      </c>
      <c r="B1915" s="53"/>
      <c r="C1915" s="53"/>
      <c r="D1915" s="53"/>
      <c r="E1915" s="53"/>
      <c r="F1915" s="53"/>
      <c r="G1915" s="53"/>
      <c r="H1915" s="53"/>
      <c r="I1915" s="53"/>
      <c r="J1915" s="53"/>
      <c r="K1915" s="53"/>
      <c r="L1915" s="53"/>
      <c r="M1915" s="53"/>
      <c r="N1915" s="53"/>
      <c r="O1915" s="53"/>
      <c r="P1915" s="53"/>
      <c r="Q1915" s="53"/>
      <c r="R1915" s="53"/>
      <c r="S1915" s="53"/>
      <c r="T1915" s="53"/>
      <c r="U1915" s="53"/>
      <c r="V1915" s="53"/>
      <c r="W1915" s="53"/>
      <c r="X1915" s="53"/>
      <c r="Y1915" s="53"/>
      <c r="Z1915" s="53"/>
      <c r="AA1915" s="53"/>
      <c r="AB1915" s="53"/>
      <c r="AC1915" s="53"/>
      <c r="AD1915" s="53"/>
      <c r="AE1915" s="53"/>
      <c r="AF1915" s="53"/>
      <c r="AG1915" s="53"/>
      <c r="AH1915" s="53"/>
      <c r="AI1915" s="53"/>
      <c r="AJ1915" s="53"/>
      <c r="AK1915" s="53"/>
      <c r="AL1915" s="53"/>
      <c r="AM1915" s="53"/>
      <c r="AN1915" s="53"/>
      <c r="AO1915" s="53"/>
      <c r="AP1915" s="53"/>
      <c r="AQ1915" s="53"/>
      <c r="AR1915" s="53"/>
      <c r="AS1915" s="53"/>
      <c r="AT1915" s="53"/>
      <c r="AU1915" s="53"/>
      <c r="AV1915" s="53"/>
      <c r="AW1915" s="53"/>
      <c r="AX1915" s="53"/>
      <c r="AY1915" s="53"/>
      <c r="AZ1915" s="53"/>
      <c r="BA1915" s="53"/>
      <c r="BB1915" s="53"/>
      <c r="BC1915" s="53"/>
      <c r="BD1915" s="53"/>
      <c r="BE1915" s="53"/>
      <c r="BF1915" s="53"/>
      <c r="BG1915" s="53"/>
      <c r="BH1915" s="53"/>
      <c r="BI1915" s="53"/>
      <c r="BJ1915" s="53"/>
      <c r="BK1915" s="53"/>
      <c r="BL1915" s="53"/>
      <c r="BM1915" s="53"/>
      <c r="BN1915" s="53"/>
      <c r="BO1915" s="53"/>
      <c r="BP1915" s="53"/>
      <c r="BQ1915" s="53"/>
      <c r="BR1915" s="53"/>
      <c r="BS1915" s="53"/>
      <c r="BT1915" s="53"/>
      <c r="BU1915" s="53"/>
      <c r="BV1915" s="53"/>
      <c r="BW1915" s="53"/>
      <c r="BX1915" s="53"/>
      <c r="BY1915" s="53"/>
      <c r="BZ1915" s="53"/>
      <c r="CA1915" s="53"/>
      <c r="CB1915" s="53"/>
      <c r="CC1915" s="53"/>
      <c r="CD1915" s="53"/>
      <c r="CE1915" s="53"/>
      <c r="CF1915" s="53"/>
      <c r="CG1915" s="53"/>
      <c r="CH1915" s="53"/>
      <c r="CI1915" s="53"/>
      <c r="CJ1915" s="53"/>
      <c r="CK1915" s="53"/>
      <c r="CL1915" s="53"/>
      <c r="CM1915" s="53"/>
      <c r="CN1915" s="53"/>
    </row>
    <row r="1916" spans="1:92" outlineLevel="1">
      <c r="A1916" s="52" t="s">
        <v>711</v>
      </c>
      <c r="B1916" s="53"/>
      <c r="C1916" s="53">
        <v>-5062500</v>
      </c>
      <c r="D1916" s="53"/>
      <c r="E1916" s="53"/>
      <c r="F1916" s="53"/>
      <c r="G1916" s="53"/>
      <c r="H1916" s="53"/>
      <c r="I1916" s="53">
        <v>-5062500</v>
      </c>
      <c r="J1916" s="53"/>
      <c r="K1916" s="53"/>
      <c r="L1916" s="53"/>
      <c r="M1916" s="53"/>
      <c r="N1916" s="53">
        <v>-10125000</v>
      </c>
      <c r="O1916" s="53"/>
      <c r="P1916" s="53">
        <v>-5062500</v>
      </c>
      <c r="Q1916" s="53"/>
      <c r="R1916" s="53"/>
      <c r="S1916" s="53"/>
      <c r="T1916" s="53"/>
      <c r="U1916" s="53"/>
      <c r="V1916" s="53">
        <v>-5062500</v>
      </c>
      <c r="W1916" s="53"/>
      <c r="X1916" s="53"/>
      <c r="Y1916" s="53"/>
      <c r="Z1916" s="53"/>
      <c r="AA1916" s="53">
        <v>-10125000</v>
      </c>
      <c r="AB1916" s="53"/>
      <c r="AC1916" s="53">
        <v>-5062500</v>
      </c>
      <c r="AD1916" s="53"/>
      <c r="AE1916" s="53"/>
      <c r="AF1916" s="53"/>
      <c r="AG1916" s="53"/>
      <c r="AH1916" s="53"/>
      <c r="AI1916" s="53">
        <v>-5062500</v>
      </c>
      <c r="AJ1916" s="53"/>
      <c r="AK1916" s="53"/>
      <c r="AL1916" s="53"/>
      <c r="AM1916" s="53"/>
      <c r="AN1916" s="53">
        <v>-10125000</v>
      </c>
      <c r="AO1916" s="53"/>
      <c r="AP1916" s="53">
        <v>-5062500</v>
      </c>
      <c r="AQ1916" s="53"/>
      <c r="AR1916" s="53"/>
      <c r="AS1916" s="53"/>
      <c r="AT1916" s="53"/>
      <c r="AU1916" s="53"/>
      <c r="AV1916" s="53">
        <v>-5062500</v>
      </c>
      <c r="AW1916" s="53"/>
      <c r="AX1916" s="53"/>
      <c r="AY1916" s="53"/>
      <c r="AZ1916" s="53"/>
      <c r="BA1916" s="53">
        <v>-10125000</v>
      </c>
      <c r="BB1916" s="53"/>
      <c r="BC1916" s="53">
        <v>-5062500</v>
      </c>
      <c r="BD1916" s="53"/>
      <c r="BE1916" s="53"/>
      <c r="BF1916" s="53"/>
      <c r="BG1916" s="53"/>
      <c r="BH1916" s="53"/>
      <c r="BI1916" s="53">
        <v>-5062500</v>
      </c>
      <c r="BJ1916" s="53"/>
      <c r="BK1916" s="53"/>
      <c r="BL1916" s="53"/>
      <c r="BM1916" s="53"/>
      <c r="BN1916" s="53">
        <v>-10125000</v>
      </c>
      <c r="BO1916" s="53"/>
      <c r="BP1916" s="53">
        <v>-5062500</v>
      </c>
      <c r="BQ1916" s="53"/>
      <c r="BR1916" s="53"/>
      <c r="BS1916" s="53"/>
      <c r="BT1916" s="53"/>
      <c r="BU1916" s="53"/>
      <c r="BV1916" s="53">
        <v>-5062500</v>
      </c>
      <c r="BW1916" s="53"/>
      <c r="BX1916" s="53"/>
      <c r="BY1916" s="53"/>
      <c r="BZ1916" s="53"/>
      <c r="CA1916" s="53">
        <v>-10125000</v>
      </c>
      <c r="CB1916" s="53"/>
      <c r="CC1916" s="53"/>
      <c r="CD1916" s="53"/>
      <c r="CE1916" s="53"/>
      <c r="CF1916" s="53"/>
      <c r="CG1916" s="53"/>
      <c r="CH1916" s="53"/>
      <c r="CI1916" s="53"/>
      <c r="CJ1916" s="53"/>
      <c r="CK1916" s="53"/>
      <c r="CL1916" s="53"/>
      <c r="CM1916" s="53"/>
      <c r="CN1916" s="53"/>
    </row>
    <row r="1917" spans="1:92" outlineLevel="1">
      <c r="A1917" s="52" t="s">
        <v>712</v>
      </c>
      <c r="B1917" s="53"/>
      <c r="C1917" s="53"/>
      <c r="D1917" s="53">
        <v>-6637500</v>
      </c>
      <c r="E1917" s="53"/>
      <c r="F1917" s="53"/>
      <c r="G1917" s="53"/>
      <c r="H1917" s="53"/>
      <c r="I1917" s="53"/>
      <c r="J1917" s="53">
        <v>-6637500</v>
      </c>
      <c r="K1917" s="53"/>
      <c r="L1917" s="53"/>
      <c r="M1917" s="53"/>
      <c r="N1917" s="53">
        <v>-13275000</v>
      </c>
      <c r="O1917" s="53"/>
      <c r="P1917" s="53"/>
      <c r="Q1917" s="53">
        <v>-6637500</v>
      </c>
      <c r="R1917" s="53"/>
      <c r="S1917" s="53"/>
      <c r="T1917" s="53"/>
      <c r="U1917" s="53"/>
      <c r="V1917" s="53"/>
      <c r="W1917" s="53">
        <v>-6637500</v>
      </c>
      <c r="X1917" s="53"/>
      <c r="Y1917" s="53"/>
      <c r="Z1917" s="53"/>
      <c r="AA1917" s="53">
        <v>-13275000</v>
      </c>
      <c r="AB1917" s="53"/>
      <c r="AC1917" s="53"/>
      <c r="AD1917" s="53">
        <v>-6637500</v>
      </c>
      <c r="AE1917" s="53"/>
      <c r="AF1917" s="53"/>
      <c r="AG1917" s="53"/>
      <c r="AH1917" s="53"/>
      <c r="AI1917" s="53"/>
      <c r="AJ1917" s="53">
        <v>-6637500</v>
      </c>
      <c r="AK1917" s="53"/>
      <c r="AL1917" s="53"/>
      <c r="AM1917" s="53"/>
      <c r="AN1917" s="53">
        <v>-13275000</v>
      </c>
      <c r="AO1917" s="53"/>
      <c r="AP1917" s="53"/>
      <c r="AQ1917" s="53">
        <v>-6637500</v>
      </c>
      <c r="AR1917" s="53"/>
      <c r="AS1917" s="53"/>
      <c r="AT1917" s="53"/>
      <c r="AU1917" s="53"/>
      <c r="AV1917" s="53"/>
      <c r="AW1917" s="53">
        <v>-6637500</v>
      </c>
      <c r="AX1917" s="53"/>
      <c r="AY1917" s="53"/>
      <c r="AZ1917" s="53"/>
      <c r="BA1917" s="53">
        <v>-13275000</v>
      </c>
      <c r="BB1917" s="53"/>
      <c r="BC1917" s="53"/>
      <c r="BD1917" s="53">
        <v>-6637500</v>
      </c>
      <c r="BE1917" s="53"/>
      <c r="BF1917" s="53"/>
      <c r="BG1917" s="53"/>
      <c r="BH1917" s="53"/>
      <c r="BI1917" s="53"/>
      <c r="BJ1917" s="53">
        <v>-6637500</v>
      </c>
      <c r="BK1917" s="53"/>
      <c r="BL1917" s="53"/>
      <c r="BM1917" s="53"/>
      <c r="BN1917" s="53">
        <v>-13275000</v>
      </c>
      <c r="BO1917" s="53"/>
      <c r="BP1917" s="53"/>
      <c r="BQ1917" s="53">
        <v>-6637500</v>
      </c>
      <c r="BR1917" s="53"/>
      <c r="BS1917" s="53"/>
      <c r="BT1917" s="53"/>
      <c r="BU1917" s="53"/>
      <c r="BV1917" s="53"/>
      <c r="BW1917" s="53">
        <v>-6637500</v>
      </c>
      <c r="BX1917" s="53"/>
      <c r="BY1917" s="53"/>
      <c r="BZ1917" s="53"/>
      <c r="CA1917" s="53">
        <v>-13275000</v>
      </c>
      <c r="CB1917" s="53">
        <v>-6148015.4214001903</v>
      </c>
      <c r="CC1917" s="53">
        <v>-10014252.445839399</v>
      </c>
      <c r="CD1917" s="53">
        <v>-5695985.3494004598</v>
      </c>
      <c r="CE1917" s="53">
        <v>-56073374.921472199</v>
      </c>
      <c r="CF1917" s="53">
        <v>-55467475.822112098</v>
      </c>
      <c r="CG1917" s="53">
        <v>-38737969.727702603</v>
      </c>
      <c r="CH1917" s="53">
        <v>-129564121.638422</v>
      </c>
      <c r="CI1917" s="53">
        <v>-25424080.3079019</v>
      </c>
      <c r="CJ1917" s="53"/>
      <c r="CK1917" s="53"/>
      <c r="CL1917" s="53"/>
      <c r="CM1917" s="53"/>
      <c r="CN1917" s="53">
        <v>-327125275.634251</v>
      </c>
    </row>
    <row r="1918" spans="1:92" outlineLevel="1">
      <c r="A1918" s="52" t="s">
        <v>713</v>
      </c>
      <c r="B1918" s="53"/>
      <c r="C1918" s="53"/>
      <c r="D1918" s="53">
        <v>-15875000.666666601</v>
      </c>
      <c r="E1918" s="53"/>
      <c r="F1918" s="53"/>
      <c r="G1918" s="53"/>
      <c r="H1918" s="53"/>
      <c r="I1918" s="53"/>
      <c r="J1918" s="53">
        <v>-15874999.666666601</v>
      </c>
      <c r="K1918" s="53"/>
      <c r="L1918" s="53"/>
      <c r="M1918" s="53"/>
      <c r="N1918" s="53">
        <v>-31750000.333333299</v>
      </c>
      <c r="O1918" s="53"/>
      <c r="P1918" s="53"/>
      <c r="Q1918" s="53">
        <v>-15875000.3333333</v>
      </c>
      <c r="R1918" s="53"/>
      <c r="S1918" s="53"/>
      <c r="T1918" s="53"/>
      <c r="U1918" s="53"/>
      <c r="V1918" s="53"/>
      <c r="W1918" s="53">
        <v>-15875000</v>
      </c>
      <c r="X1918" s="53"/>
      <c r="Y1918" s="53"/>
      <c r="Z1918" s="53"/>
      <c r="AA1918" s="53">
        <v>-31750000.333333299</v>
      </c>
      <c r="AB1918" s="53"/>
      <c r="AC1918" s="53"/>
      <c r="AD1918" s="53">
        <v>-15875000</v>
      </c>
      <c r="AE1918" s="53"/>
      <c r="AF1918" s="53"/>
      <c r="AG1918" s="53"/>
      <c r="AH1918" s="53"/>
      <c r="AI1918" s="53"/>
      <c r="AJ1918" s="53">
        <v>-15875000</v>
      </c>
      <c r="AK1918" s="53"/>
      <c r="AL1918" s="53"/>
      <c r="AM1918" s="53"/>
      <c r="AN1918" s="53">
        <v>-31750000</v>
      </c>
      <c r="AO1918" s="53"/>
      <c r="AP1918" s="53"/>
      <c r="AQ1918" s="53">
        <v>-15875000</v>
      </c>
      <c r="AR1918" s="53"/>
      <c r="AS1918" s="53"/>
      <c r="AT1918" s="53"/>
      <c r="AU1918" s="53"/>
      <c r="AV1918" s="53"/>
      <c r="AW1918" s="53">
        <v>-15875000</v>
      </c>
      <c r="AX1918" s="53"/>
      <c r="AY1918" s="53"/>
      <c r="AZ1918" s="53"/>
      <c r="BA1918" s="53">
        <v>-31750000</v>
      </c>
      <c r="BB1918" s="53"/>
      <c r="BC1918" s="53"/>
      <c r="BD1918" s="53">
        <v>-15875000</v>
      </c>
      <c r="BE1918" s="53"/>
      <c r="BF1918" s="53"/>
      <c r="BG1918" s="53"/>
      <c r="BH1918" s="53"/>
      <c r="BI1918" s="53"/>
      <c r="BJ1918" s="53">
        <v>-15875000</v>
      </c>
      <c r="BK1918" s="53"/>
      <c r="BL1918" s="53"/>
      <c r="BM1918" s="53"/>
      <c r="BN1918" s="53">
        <v>-31750000</v>
      </c>
      <c r="BO1918" s="53"/>
      <c r="BP1918" s="53"/>
      <c r="BQ1918" s="53">
        <v>-15875000</v>
      </c>
      <c r="BR1918" s="53"/>
      <c r="BS1918" s="53"/>
      <c r="BT1918" s="53"/>
      <c r="BU1918" s="53"/>
      <c r="BV1918" s="53"/>
      <c r="BW1918" s="53">
        <v>-15875000</v>
      </c>
      <c r="BX1918" s="53"/>
      <c r="BY1918" s="53"/>
      <c r="BZ1918" s="53"/>
      <c r="CA1918" s="53">
        <v>-31750000</v>
      </c>
      <c r="CB1918" s="53"/>
      <c r="CC1918" s="53"/>
      <c r="CD1918" s="53"/>
      <c r="CE1918" s="53"/>
      <c r="CF1918" s="53"/>
      <c r="CG1918" s="53"/>
      <c r="CH1918" s="53"/>
      <c r="CI1918" s="53"/>
      <c r="CJ1918" s="53"/>
      <c r="CK1918" s="53"/>
      <c r="CL1918" s="53"/>
      <c r="CM1918" s="53"/>
      <c r="CN1918" s="53"/>
    </row>
    <row r="1919" spans="1:92" outlineLevel="1">
      <c r="A1919" s="52" t="s">
        <v>716</v>
      </c>
      <c r="B1919" s="53"/>
      <c r="C1919" s="53"/>
      <c r="D1919" s="53"/>
      <c r="E1919" s="53"/>
      <c r="F1919" s="53"/>
      <c r="G1919" s="53">
        <v>-32000000.666666601</v>
      </c>
      <c r="H1919" s="53"/>
      <c r="I1919" s="53"/>
      <c r="J1919" s="53"/>
      <c r="K1919" s="53"/>
      <c r="L1919" s="53"/>
      <c r="M1919" s="53">
        <v>-31999999.666666601</v>
      </c>
      <c r="N1919" s="53">
        <v>-64000000.333333299</v>
      </c>
      <c r="O1919" s="53"/>
      <c r="P1919" s="53"/>
      <c r="Q1919" s="53"/>
      <c r="R1919" s="53"/>
      <c r="S1919" s="53"/>
      <c r="T1919" s="53">
        <v>-32000000.333333299</v>
      </c>
      <c r="U1919" s="53"/>
      <c r="V1919" s="53"/>
      <c r="W1919" s="53"/>
      <c r="X1919" s="53"/>
      <c r="Y1919" s="53"/>
      <c r="Z1919" s="53">
        <v>-31999999.999999899</v>
      </c>
      <c r="AA1919" s="53">
        <v>-64000000.333333299</v>
      </c>
      <c r="AB1919" s="53"/>
      <c r="AC1919" s="53"/>
      <c r="AD1919" s="53"/>
      <c r="AE1919" s="53"/>
      <c r="AF1919" s="53"/>
      <c r="AG1919" s="53">
        <v>-32000000</v>
      </c>
      <c r="AH1919" s="53"/>
      <c r="AI1919" s="53"/>
      <c r="AJ1919" s="53"/>
      <c r="AK1919" s="53"/>
      <c r="AL1919" s="53"/>
      <c r="AM1919" s="53">
        <v>-31999999.999999899</v>
      </c>
      <c r="AN1919" s="53">
        <v>-64000000</v>
      </c>
      <c r="AO1919" s="53"/>
      <c r="AP1919" s="53"/>
      <c r="AQ1919" s="53"/>
      <c r="AR1919" s="53"/>
      <c r="AS1919" s="53"/>
      <c r="AT1919" s="53">
        <v>-32000000</v>
      </c>
      <c r="AU1919" s="53"/>
      <c r="AV1919" s="53"/>
      <c r="AW1919" s="53"/>
      <c r="AX1919" s="53"/>
      <c r="AY1919" s="53"/>
      <c r="AZ1919" s="53">
        <v>-31999999.999999899</v>
      </c>
      <c r="BA1919" s="53">
        <v>-64000000</v>
      </c>
      <c r="BB1919" s="53"/>
      <c r="BC1919" s="53"/>
      <c r="BD1919" s="53"/>
      <c r="BE1919" s="53"/>
      <c r="BF1919" s="53"/>
      <c r="BG1919" s="53">
        <v>-32000000</v>
      </c>
      <c r="BH1919" s="53"/>
      <c r="BI1919" s="53"/>
      <c r="BJ1919" s="53"/>
      <c r="BK1919" s="53"/>
      <c r="BL1919" s="53"/>
      <c r="BM1919" s="53">
        <v>-31999999.999999899</v>
      </c>
      <c r="BN1919" s="53">
        <v>-64000000</v>
      </c>
      <c r="BO1919" s="53"/>
      <c r="BP1919" s="53"/>
      <c r="BQ1919" s="53"/>
      <c r="BR1919" s="53"/>
      <c r="BS1919" s="53"/>
      <c r="BT1919" s="53">
        <v>-32000000</v>
      </c>
      <c r="BU1919" s="53"/>
      <c r="BV1919" s="53"/>
      <c r="BW1919" s="53"/>
      <c r="BX1919" s="53"/>
      <c r="BY1919" s="53"/>
      <c r="BZ1919" s="53">
        <v>-31999999.999999899</v>
      </c>
      <c r="CA1919" s="53">
        <v>-64000000</v>
      </c>
      <c r="CB1919" s="53"/>
      <c r="CC1919" s="53"/>
      <c r="CD1919" s="53"/>
      <c r="CE1919" s="53"/>
      <c r="CF1919" s="53"/>
      <c r="CG1919" s="53"/>
      <c r="CH1919" s="53"/>
      <c r="CI1919" s="53"/>
      <c r="CJ1919" s="53"/>
      <c r="CK1919" s="53"/>
      <c r="CL1919" s="53"/>
      <c r="CM1919" s="53"/>
      <c r="CN1919" s="53"/>
    </row>
    <row r="1920" spans="1:92" outlineLevel="1">
      <c r="A1920" s="52" t="s">
        <v>717</v>
      </c>
      <c r="B1920" s="53"/>
      <c r="C1920" s="53"/>
      <c r="D1920" s="53"/>
      <c r="E1920" s="53">
        <v>-9887499.5555555504</v>
      </c>
      <c r="F1920" s="53"/>
      <c r="G1920" s="53"/>
      <c r="H1920" s="53"/>
      <c r="I1920" s="53"/>
      <c r="J1920" s="53"/>
      <c r="K1920" s="53">
        <v>-9887499.5555555504</v>
      </c>
      <c r="L1920" s="53"/>
      <c r="M1920" s="53"/>
      <c r="N1920" s="53">
        <v>-19774999.111111101</v>
      </c>
      <c r="O1920" s="53"/>
      <c r="P1920" s="53"/>
      <c r="Q1920" s="53"/>
      <c r="R1920" s="53">
        <v>-9887499.5555555504</v>
      </c>
      <c r="S1920" s="53"/>
      <c r="T1920" s="53"/>
      <c r="U1920" s="53"/>
      <c r="V1920" s="53"/>
      <c r="W1920" s="53"/>
      <c r="X1920" s="53">
        <v>-9887500</v>
      </c>
      <c r="Y1920" s="53"/>
      <c r="Z1920" s="53"/>
      <c r="AA1920" s="53">
        <v>-19774999.5555555</v>
      </c>
      <c r="AB1920" s="53"/>
      <c r="AC1920" s="53"/>
      <c r="AD1920" s="53"/>
      <c r="AE1920" s="53">
        <v>-9887500</v>
      </c>
      <c r="AF1920" s="53"/>
      <c r="AG1920" s="53"/>
      <c r="AH1920" s="53"/>
      <c r="AI1920" s="53"/>
      <c r="AJ1920" s="53"/>
      <c r="AK1920" s="53">
        <v>-9887500</v>
      </c>
      <c r="AL1920" s="53"/>
      <c r="AM1920" s="53"/>
      <c r="AN1920" s="53">
        <v>-19775000</v>
      </c>
      <c r="AO1920" s="53"/>
      <c r="AP1920" s="53"/>
      <c r="AQ1920" s="53"/>
      <c r="AR1920" s="53">
        <v>-9887500</v>
      </c>
      <c r="AS1920" s="53"/>
      <c r="AT1920" s="53"/>
      <c r="AU1920" s="53"/>
      <c r="AV1920" s="53"/>
      <c r="AW1920" s="53"/>
      <c r="AX1920" s="53">
        <v>-9887500</v>
      </c>
      <c r="AY1920" s="53"/>
      <c r="AZ1920" s="53"/>
      <c r="BA1920" s="53">
        <v>-19775000</v>
      </c>
      <c r="BB1920" s="53"/>
      <c r="BC1920" s="53"/>
      <c r="BD1920" s="53"/>
      <c r="BE1920" s="53">
        <v>-9887500</v>
      </c>
      <c r="BF1920" s="53"/>
      <c r="BG1920" s="53"/>
      <c r="BH1920" s="53"/>
      <c r="BI1920" s="53"/>
      <c r="BJ1920" s="53"/>
      <c r="BK1920" s="53">
        <v>-9887500</v>
      </c>
      <c r="BL1920" s="53"/>
      <c r="BM1920" s="53"/>
      <c r="BN1920" s="53">
        <v>-19775000</v>
      </c>
      <c r="BO1920" s="53"/>
      <c r="BP1920" s="53"/>
      <c r="BQ1920" s="53"/>
      <c r="BR1920" s="53">
        <v>-9887500</v>
      </c>
      <c r="BS1920" s="53"/>
      <c r="BT1920" s="53"/>
      <c r="BU1920" s="53"/>
      <c r="BV1920" s="53"/>
      <c r="BW1920" s="53"/>
      <c r="BX1920" s="53">
        <v>-9887500</v>
      </c>
      <c r="BY1920" s="53"/>
      <c r="BZ1920" s="53"/>
      <c r="CA1920" s="53">
        <v>-19775000</v>
      </c>
      <c r="CB1920" s="53"/>
      <c r="CC1920" s="53"/>
      <c r="CD1920" s="53"/>
      <c r="CE1920" s="53"/>
      <c r="CF1920" s="53"/>
      <c r="CG1920" s="53"/>
      <c r="CH1920" s="53"/>
      <c r="CI1920" s="53"/>
      <c r="CJ1920" s="53"/>
      <c r="CK1920" s="53"/>
      <c r="CL1920" s="53"/>
      <c r="CM1920" s="53"/>
      <c r="CN1920" s="53"/>
    </row>
    <row r="1921" spans="1:92">
      <c r="A1921" s="52" t="s">
        <v>718</v>
      </c>
      <c r="B1921" s="53"/>
      <c r="C1921" s="53"/>
      <c r="D1921" s="53"/>
      <c r="E1921" s="53"/>
      <c r="F1921" s="53">
        <v>-7699999.6666666605</v>
      </c>
      <c r="G1921" s="53"/>
      <c r="H1921" s="53"/>
      <c r="I1921" s="53"/>
      <c r="J1921" s="53"/>
      <c r="K1921" s="53"/>
      <c r="L1921" s="53">
        <v>-7699999.6666666605</v>
      </c>
      <c r="M1921" s="53"/>
      <c r="N1921" s="53">
        <v>-15399999.3333333</v>
      </c>
      <c r="O1921" s="53"/>
      <c r="P1921" s="53"/>
      <c r="Q1921" s="53"/>
      <c r="R1921" s="53"/>
      <c r="S1921" s="53">
        <v>-7699999.9999999898</v>
      </c>
      <c r="T1921" s="53"/>
      <c r="U1921" s="53"/>
      <c r="V1921" s="53"/>
      <c r="W1921" s="53"/>
      <c r="X1921" s="53"/>
      <c r="Y1921" s="53">
        <v>-7700000</v>
      </c>
      <c r="Z1921" s="53"/>
      <c r="AA1921" s="53">
        <v>-15400000</v>
      </c>
      <c r="AB1921" s="53"/>
      <c r="AC1921" s="53"/>
      <c r="AD1921" s="53"/>
      <c r="AE1921" s="53"/>
      <c r="AF1921" s="53">
        <v>-7699999.9999999898</v>
      </c>
      <c r="AG1921" s="53"/>
      <c r="AH1921" s="53"/>
      <c r="AI1921" s="53"/>
      <c r="AJ1921" s="53"/>
      <c r="AK1921" s="53"/>
      <c r="AL1921" s="53">
        <v>-7700000</v>
      </c>
      <c r="AM1921" s="53"/>
      <c r="AN1921" s="53">
        <v>-15400000</v>
      </c>
      <c r="AO1921" s="53"/>
      <c r="AP1921" s="53"/>
      <c r="AQ1921" s="53"/>
      <c r="AR1921" s="53"/>
      <c r="AS1921" s="53">
        <v>-7699999.9999999898</v>
      </c>
      <c r="AT1921" s="53"/>
      <c r="AU1921" s="53"/>
      <c r="AV1921" s="53"/>
      <c r="AW1921" s="53"/>
      <c r="AX1921" s="53"/>
      <c r="AY1921" s="53">
        <v>-7700000</v>
      </c>
      <c r="AZ1921" s="53"/>
      <c r="BA1921" s="53">
        <v>-15400000</v>
      </c>
      <c r="BB1921" s="53"/>
      <c r="BC1921" s="53"/>
      <c r="BD1921" s="53"/>
      <c r="BE1921" s="53"/>
      <c r="BF1921" s="53">
        <v>-7699999.9999999898</v>
      </c>
      <c r="BG1921" s="53"/>
      <c r="BH1921" s="53"/>
      <c r="BI1921" s="53"/>
      <c r="BJ1921" s="53"/>
      <c r="BK1921" s="53"/>
      <c r="BL1921" s="53">
        <v>-7700000</v>
      </c>
      <c r="BM1921" s="53"/>
      <c r="BN1921" s="53">
        <v>-15400000</v>
      </c>
      <c r="BO1921" s="53"/>
      <c r="BP1921" s="53"/>
      <c r="BQ1921" s="53"/>
      <c r="BR1921" s="53"/>
      <c r="BS1921" s="53">
        <v>-7699999.9999999898</v>
      </c>
      <c r="BT1921" s="53"/>
      <c r="BU1921" s="53"/>
      <c r="BV1921" s="53"/>
      <c r="BW1921" s="53"/>
      <c r="BX1921" s="53"/>
      <c r="BY1921" s="53">
        <v>-7700000</v>
      </c>
      <c r="BZ1921" s="53"/>
      <c r="CA1921" s="53">
        <v>-15400000</v>
      </c>
      <c r="CB1921" s="53">
        <v>10014252.445839399</v>
      </c>
      <c r="CC1921" s="53">
        <v>5695985.3494004598</v>
      </c>
      <c r="CD1921" s="53">
        <v>56073374.921472199</v>
      </c>
      <c r="CE1921" s="53">
        <v>55467475.822112098</v>
      </c>
      <c r="CF1921" s="53">
        <v>38737969.727702603</v>
      </c>
      <c r="CG1921" s="53">
        <v>129564121.638422</v>
      </c>
      <c r="CH1921" s="53">
        <v>25424080.3079019</v>
      </c>
      <c r="CI1921" s="53"/>
      <c r="CJ1921" s="53"/>
      <c r="CK1921" s="53"/>
      <c r="CL1921" s="53"/>
      <c r="CM1921" s="53"/>
      <c r="CN1921" s="53">
        <v>320977260.21285099</v>
      </c>
    </row>
    <row r="1922" spans="1:92">
      <c r="A1922" s="52" t="s">
        <v>1563</v>
      </c>
      <c r="B1922" s="53">
        <v>-182292</v>
      </c>
      <c r="C1922" s="53">
        <v>-187500</v>
      </c>
      <c r="D1922" s="53">
        <v>-187500</v>
      </c>
      <c r="E1922" s="53">
        <v>-187500</v>
      </c>
      <c r="F1922" s="53">
        <v>-187500</v>
      </c>
      <c r="G1922" s="53">
        <v>-187500</v>
      </c>
      <c r="H1922" s="53">
        <v>-562500</v>
      </c>
      <c r="I1922" s="53">
        <v>-937500</v>
      </c>
      <c r="J1922" s="53">
        <v>-937500</v>
      </c>
      <c r="K1922" s="53">
        <v>-937500</v>
      </c>
      <c r="L1922" s="53">
        <v>-937500</v>
      </c>
      <c r="M1922" s="53">
        <v>-937500</v>
      </c>
      <c r="N1922" s="53">
        <v>-6369791.9999999898</v>
      </c>
      <c r="O1922" s="53">
        <v>-994791.66666666605</v>
      </c>
      <c r="P1922" s="53">
        <v>-1052083.33333333</v>
      </c>
      <c r="Q1922" s="53">
        <v>-1052083.33333333</v>
      </c>
      <c r="R1922" s="53">
        <v>-1052083.33333333</v>
      </c>
      <c r="S1922" s="53">
        <v>-1052083.33333333</v>
      </c>
      <c r="T1922" s="53">
        <v>-1052083.33333333</v>
      </c>
      <c r="U1922" s="53">
        <v>-1046875</v>
      </c>
      <c r="V1922" s="53">
        <v>-1041666.66666666</v>
      </c>
      <c r="W1922" s="53">
        <v>-1041666.66666666</v>
      </c>
      <c r="X1922" s="53">
        <v>-1041666.66666666</v>
      </c>
      <c r="Y1922" s="53">
        <v>-1041666.66666666</v>
      </c>
      <c r="Z1922" s="53">
        <v>-1041666.66666666</v>
      </c>
      <c r="AA1922" s="53">
        <v>-12510416.666666601</v>
      </c>
      <c r="AB1922" s="53">
        <v>-989583.33333333302</v>
      </c>
      <c r="AC1922" s="53">
        <v>-937500</v>
      </c>
      <c r="AD1922" s="53">
        <v>-937500</v>
      </c>
      <c r="AE1922" s="53">
        <v>-937500</v>
      </c>
      <c r="AF1922" s="53">
        <v>-937500</v>
      </c>
      <c r="AG1922" s="53">
        <v>-937500</v>
      </c>
      <c r="AH1922" s="53">
        <v>-937500</v>
      </c>
      <c r="AI1922" s="53">
        <v>-937500</v>
      </c>
      <c r="AJ1922" s="53">
        <v>-937500</v>
      </c>
      <c r="AK1922" s="53">
        <v>-937500</v>
      </c>
      <c r="AL1922" s="53">
        <v>-937500</v>
      </c>
      <c r="AM1922" s="53">
        <v>-937500</v>
      </c>
      <c r="AN1922" s="53">
        <v>-11302083.3333333</v>
      </c>
      <c r="AO1922" s="53">
        <v>-859375</v>
      </c>
      <c r="AP1922" s="53">
        <v>-781250</v>
      </c>
      <c r="AQ1922" s="53">
        <v>-781250</v>
      </c>
      <c r="AR1922" s="53">
        <v>-781250</v>
      </c>
      <c r="AS1922" s="53">
        <v>-781250</v>
      </c>
      <c r="AT1922" s="53">
        <v>-781250</v>
      </c>
      <c r="AU1922" s="53">
        <v>-781250</v>
      </c>
      <c r="AV1922" s="53">
        <v>-781250</v>
      </c>
      <c r="AW1922" s="53">
        <v>-781250</v>
      </c>
      <c r="AX1922" s="53">
        <v>-781250</v>
      </c>
      <c r="AY1922" s="53">
        <v>-781250</v>
      </c>
      <c r="AZ1922" s="53">
        <v>-781250</v>
      </c>
      <c r="BA1922" s="53">
        <v>-9453125</v>
      </c>
      <c r="BB1922" s="53">
        <v>-770833.33333333302</v>
      </c>
      <c r="BC1922" s="53">
        <v>-760416.66666666605</v>
      </c>
      <c r="BD1922" s="53">
        <v>-760416.66666666605</v>
      </c>
      <c r="BE1922" s="53">
        <v>-760416.66666666605</v>
      </c>
      <c r="BF1922" s="53">
        <v>-760416.66666666605</v>
      </c>
      <c r="BG1922" s="53">
        <v>-760416.66666666605</v>
      </c>
      <c r="BH1922" s="53">
        <v>-760416.66666666605</v>
      </c>
      <c r="BI1922" s="53">
        <v>-760416.66666666605</v>
      </c>
      <c r="BJ1922" s="53">
        <v>-760416.66666666605</v>
      </c>
      <c r="BK1922" s="53">
        <v>-760416.66666666605</v>
      </c>
      <c r="BL1922" s="53">
        <v>-760416.66666666605</v>
      </c>
      <c r="BM1922" s="53">
        <v>-760416.66666666605</v>
      </c>
      <c r="BN1922" s="53">
        <v>-9135416.6666666605</v>
      </c>
      <c r="BO1922" s="53">
        <v>-765625</v>
      </c>
      <c r="BP1922" s="53">
        <v>-770833.33333333302</v>
      </c>
      <c r="BQ1922" s="53">
        <v>-770833.33333333302</v>
      </c>
      <c r="BR1922" s="53">
        <v>-770833.33333333302</v>
      </c>
      <c r="BS1922" s="53">
        <v>-770833.33333333302</v>
      </c>
      <c r="BT1922" s="53">
        <v>-770833.33333333302</v>
      </c>
      <c r="BU1922" s="53">
        <v>-770833.33333333302</v>
      </c>
      <c r="BV1922" s="53">
        <v>-770833.33333333302</v>
      </c>
      <c r="BW1922" s="53">
        <v>-770833.33333333302</v>
      </c>
      <c r="BX1922" s="53">
        <v>-770833.33333333302</v>
      </c>
      <c r="BY1922" s="53">
        <v>-770833.33333333302</v>
      </c>
      <c r="BZ1922" s="53">
        <v>-770833.33333333302</v>
      </c>
      <c r="CA1922" s="53">
        <v>-9244791.6666666698</v>
      </c>
      <c r="CB1922" s="53">
        <v>10014252.445839301</v>
      </c>
      <c r="CC1922" s="53">
        <v>5695985.3494003201</v>
      </c>
      <c r="CD1922" s="53">
        <v>56073374.921471603</v>
      </c>
      <c r="CE1922" s="53">
        <v>55467475.822132803</v>
      </c>
      <c r="CF1922" s="53">
        <v>38737969.727702402</v>
      </c>
      <c r="CG1922" s="53">
        <v>129564121.638441</v>
      </c>
      <c r="CH1922" s="53">
        <v>25424080.307901401</v>
      </c>
      <c r="CI1922" s="53">
        <v>0</v>
      </c>
      <c r="CJ1922" s="53">
        <v>0</v>
      </c>
      <c r="CK1922" s="53">
        <v>0</v>
      </c>
      <c r="CL1922" s="53">
        <v>0</v>
      </c>
      <c r="CM1922" s="53">
        <v>0</v>
      </c>
      <c r="CN1922" s="53">
        <v>0</v>
      </c>
    </row>
    <row r="1923" spans="1:92">
      <c r="A1923" s="52" t="s">
        <v>721</v>
      </c>
      <c r="B1923" s="53"/>
      <c r="C1923" s="53"/>
      <c r="D1923" s="53"/>
      <c r="E1923" s="53">
        <v>-10199999.666666601</v>
      </c>
      <c r="F1923" s="53"/>
      <c r="G1923" s="53"/>
      <c r="H1923" s="53"/>
      <c r="I1923" s="53"/>
      <c r="J1923" s="53"/>
      <c r="K1923" s="53">
        <v>-10199999.666666601</v>
      </c>
      <c r="L1923" s="53"/>
      <c r="M1923" s="53"/>
      <c r="N1923" s="53">
        <v>-20399999.333333299</v>
      </c>
      <c r="O1923" s="53"/>
      <c r="P1923" s="53"/>
      <c r="Q1923" s="53"/>
      <c r="R1923" s="53">
        <v>-10199999.666666601</v>
      </c>
      <c r="S1923" s="53"/>
      <c r="T1923" s="53"/>
      <c r="U1923" s="53"/>
      <c r="V1923" s="53"/>
      <c r="W1923" s="53"/>
      <c r="X1923" s="53">
        <v>-10200000</v>
      </c>
      <c r="Y1923" s="53"/>
      <c r="Z1923" s="53"/>
      <c r="AA1923" s="53">
        <v>-20399999.666666601</v>
      </c>
      <c r="AB1923" s="53"/>
      <c r="AC1923" s="53"/>
      <c r="AD1923" s="53"/>
      <c r="AE1923" s="53">
        <v>-10200000</v>
      </c>
      <c r="AF1923" s="53"/>
      <c r="AG1923" s="53"/>
      <c r="AH1923" s="53"/>
      <c r="AI1923" s="53"/>
      <c r="AJ1923" s="53"/>
      <c r="AK1923" s="53">
        <v>-10200000</v>
      </c>
      <c r="AL1923" s="53"/>
      <c r="AM1923" s="53"/>
      <c r="AN1923" s="53">
        <v>-20400000</v>
      </c>
      <c r="AO1923" s="53"/>
      <c r="AP1923" s="53"/>
      <c r="AQ1923" s="53"/>
      <c r="AR1923" s="53">
        <v>-10200000</v>
      </c>
      <c r="AS1923" s="53"/>
      <c r="AT1923" s="53"/>
      <c r="AU1923" s="53"/>
      <c r="AV1923" s="53"/>
      <c r="AW1923" s="53"/>
      <c r="AX1923" s="53">
        <v>-10200000</v>
      </c>
      <c r="AY1923" s="53"/>
      <c r="AZ1923" s="53"/>
      <c r="BA1923" s="53">
        <v>-20400000</v>
      </c>
      <c r="BB1923" s="53"/>
      <c r="BC1923" s="53"/>
      <c r="BD1923" s="53"/>
      <c r="BE1923" s="53">
        <v>-10200000</v>
      </c>
      <c r="BF1923" s="53"/>
      <c r="BG1923" s="53"/>
      <c r="BH1923" s="53"/>
      <c r="BI1923" s="53"/>
      <c r="BJ1923" s="53"/>
      <c r="BK1923" s="53">
        <v>-10200000</v>
      </c>
      <c r="BL1923" s="53"/>
      <c r="BM1923" s="53"/>
      <c r="BN1923" s="53">
        <v>-20400000</v>
      </c>
      <c r="BO1923" s="53"/>
      <c r="BP1923" s="53"/>
      <c r="BQ1923" s="53"/>
      <c r="BR1923" s="53">
        <v>-10200000</v>
      </c>
      <c r="BS1923" s="53"/>
      <c r="BT1923" s="53"/>
      <c r="BU1923" s="53"/>
      <c r="BV1923" s="53"/>
      <c r="BW1923" s="53"/>
      <c r="BX1923" s="53">
        <v>-10200000</v>
      </c>
      <c r="BY1923" s="53"/>
      <c r="BZ1923" s="53"/>
      <c r="CA1923" s="53">
        <v>-20400000</v>
      </c>
      <c r="CB1923" s="53">
        <v>6148015.4213998802</v>
      </c>
      <c r="CC1923" s="53">
        <v>10014252.445839301</v>
      </c>
      <c r="CD1923" s="53">
        <v>5695985.3494003201</v>
      </c>
      <c r="CE1923" s="53">
        <v>56073374.921471603</v>
      </c>
      <c r="CF1923" s="53">
        <v>55467475.822132803</v>
      </c>
      <c r="CG1923" s="53">
        <v>38737969.727702402</v>
      </c>
      <c r="CH1923" s="53">
        <v>129564121.638441</v>
      </c>
      <c r="CI1923" s="53">
        <v>25424080.307901401</v>
      </c>
      <c r="CJ1923" s="53"/>
      <c r="CK1923" s="53"/>
      <c r="CL1923" s="53"/>
      <c r="CM1923" s="53"/>
      <c r="CN1923" s="53">
        <v>6148015.4213998802</v>
      </c>
    </row>
    <row r="1924" spans="1:92">
      <c r="A1924" s="52" t="s">
        <v>723</v>
      </c>
      <c r="B1924" s="53">
        <v>-10399999.666666601</v>
      </c>
      <c r="C1924" s="53"/>
      <c r="D1924" s="53"/>
      <c r="E1924" s="53"/>
      <c r="F1924" s="53"/>
      <c r="G1924" s="53"/>
      <c r="H1924" s="53">
        <v>-10399999.666666601</v>
      </c>
      <c r="I1924" s="53"/>
      <c r="J1924" s="53"/>
      <c r="K1924" s="53"/>
      <c r="L1924" s="53"/>
      <c r="M1924" s="53"/>
      <c r="N1924" s="53">
        <v>-20799999.333333299</v>
      </c>
      <c r="O1924" s="53">
        <v>-10399999.666666601</v>
      </c>
      <c r="P1924" s="53"/>
      <c r="Q1924" s="53"/>
      <c r="R1924" s="53"/>
      <c r="S1924" s="53"/>
      <c r="T1924" s="53"/>
      <c r="U1924" s="53">
        <v>-10400000</v>
      </c>
      <c r="V1924" s="53"/>
      <c r="W1924" s="53"/>
      <c r="X1924" s="53"/>
      <c r="Y1924" s="53"/>
      <c r="Z1924" s="53"/>
      <c r="AA1924" s="53">
        <v>-20799999.666666601</v>
      </c>
      <c r="AB1924" s="53">
        <v>-10400000</v>
      </c>
      <c r="AC1924" s="53"/>
      <c r="AD1924" s="53"/>
      <c r="AE1924" s="53"/>
      <c r="AF1924" s="53"/>
      <c r="AG1924" s="53"/>
      <c r="AH1924" s="53">
        <v>-10400000</v>
      </c>
      <c r="AI1924" s="53"/>
      <c r="AJ1924" s="53"/>
      <c r="AK1924" s="53"/>
      <c r="AL1924" s="53"/>
      <c r="AM1924" s="53"/>
      <c r="AN1924" s="53">
        <v>-20800000</v>
      </c>
      <c r="AO1924" s="53">
        <v>-10400000</v>
      </c>
      <c r="AP1924" s="53"/>
      <c r="AQ1924" s="53"/>
      <c r="AR1924" s="53"/>
      <c r="AS1924" s="53"/>
      <c r="AT1924" s="53"/>
      <c r="AU1924" s="53">
        <v>-10400000</v>
      </c>
      <c r="AV1924" s="53"/>
      <c r="AW1924" s="53"/>
      <c r="AX1924" s="53"/>
      <c r="AY1924" s="53"/>
      <c r="AZ1924" s="53"/>
      <c r="BA1924" s="53">
        <v>-20800000</v>
      </c>
      <c r="BB1924" s="53">
        <v>-10400000</v>
      </c>
      <c r="BC1924" s="53"/>
      <c r="BD1924" s="53"/>
      <c r="BE1924" s="53"/>
      <c r="BF1924" s="53"/>
      <c r="BG1924" s="53"/>
      <c r="BH1924" s="53">
        <v>-10400000</v>
      </c>
      <c r="BI1924" s="53"/>
      <c r="BJ1924" s="53"/>
      <c r="BK1924" s="53"/>
      <c r="BL1924" s="53"/>
      <c r="BM1924" s="53"/>
      <c r="BN1924" s="53">
        <v>-20800000</v>
      </c>
      <c r="BO1924" s="53">
        <v>-10400000</v>
      </c>
      <c r="BP1924" s="53"/>
      <c r="BQ1924" s="53"/>
      <c r="BR1924" s="53"/>
      <c r="BS1924" s="53"/>
      <c r="BT1924" s="53"/>
      <c r="BU1924" s="53"/>
      <c r="BV1924" s="53"/>
      <c r="BW1924" s="53"/>
      <c r="BX1924" s="53"/>
      <c r="BY1924" s="53"/>
      <c r="BZ1924" s="53"/>
      <c r="CA1924" s="53">
        <v>-10400000</v>
      </c>
      <c r="CB1924" s="53"/>
      <c r="CC1924" s="53"/>
      <c r="CD1924" s="53"/>
      <c r="CE1924" s="53"/>
      <c r="CF1924" s="53"/>
      <c r="CG1924" s="53"/>
      <c r="CH1924" s="53"/>
      <c r="CI1924" s="53"/>
      <c r="CJ1924" s="53"/>
      <c r="CK1924" s="53"/>
      <c r="CL1924" s="53"/>
      <c r="CM1924" s="53"/>
      <c r="CN1924" s="53"/>
    </row>
    <row r="1925" spans="1:92" outlineLevel="1">
      <c r="A1925" s="52" t="s">
        <v>724</v>
      </c>
      <c r="B1925" s="53">
        <v>-8400000</v>
      </c>
      <c r="C1925" s="53"/>
      <c r="D1925" s="53"/>
      <c r="E1925" s="53"/>
      <c r="F1925" s="53"/>
      <c r="G1925" s="53"/>
      <c r="H1925" s="53">
        <v>-8400000</v>
      </c>
      <c r="I1925" s="53"/>
      <c r="J1925" s="53"/>
      <c r="K1925" s="53"/>
      <c r="L1925" s="53"/>
      <c r="M1925" s="53"/>
      <c r="N1925" s="53">
        <v>-16800000</v>
      </c>
      <c r="O1925" s="53">
        <v>-8400000</v>
      </c>
      <c r="P1925" s="53"/>
      <c r="Q1925" s="53"/>
      <c r="R1925" s="53"/>
      <c r="S1925" s="53"/>
      <c r="T1925" s="53"/>
      <c r="U1925" s="53">
        <v>-8400000</v>
      </c>
      <c r="V1925" s="53"/>
      <c r="W1925" s="53"/>
      <c r="X1925" s="53"/>
      <c r="Y1925" s="53"/>
      <c r="Z1925" s="53"/>
      <c r="AA1925" s="53">
        <v>-16800000</v>
      </c>
      <c r="AB1925" s="53">
        <v>-8400000</v>
      </c>
      <c r="AC1925" s="53"/>
      <c r="AD1925" s="53"/>
      <c r="AE1925" s="53"/>
      <c r="AF1925" s="53"/>
      <c r="AG1925" s="53"/>
      <c r="AH1925" s="53">
        <v>-8400000</v>
      </c>
      <c r="AI1925" s="53"/>
      <c r="AJ1925" s="53"/>
      <c r="AK1925" s="53"/>
      <c r="AL1925" s="53"/>
      <c r="AM1925" s="53"/>
      <c r="AN1925" s="53">
        <v>-16800000</v>
      </c>
      <c r="AO1925" s="53">
        <v>-8400000</v>
      </c>
      <c r="AP1925" s="53"/>
      <c r="AQ1925" s="53"/>
      <c r="AR1925" s="53"/>
      <c r="AS1925" s="53"/>
      <c r="AT1925" s="53"/>
      <c r="AU1925" s="53">
        <v>-8400000</v>
      </c>
      <c r="AV1925" s="53"/>
      <c r="AW1925" s="53"/>
      <c r="AX1925" s="53"/>
      <c r="AY1925" s="53"/>
      <c r="AZ1925" s="53"/>
      <c r="BA1925" s="53">
        <v>-16800000</v>
      </c>
      <c r="BB1925" s="53">
        <v>-8400000</v>
      </c>
      <c r="BC1925" s="53"/>
      <c r="BD1925" s="53"/>
      <c r="BE1925" s="53"/>
      <c r="BF1925" s="53"/>
      <c r="BG1925" s="53"/>
      <c r="BH1925" s="53">
        <v>-8400000</v>
      </c>
      <c r="BI1925" s="53"/>
      <c r="BJ1925" s="53"/>
      <c r="BK1925" s="53"/>
      <c r="BL1925" s="53"/>
      <c r="BM1925" s="53"/>
      <c r="BN1925" s="53">
        <v>-16800000</v>
      </c>
      <c r="BO1925" s="53">
        <v>-8400000</v>
      </c>
      <c r="BP1925" s="53"/>
      <c r="BQ1925" s="53"/>
      <c r="BR1925" s="53"/>
      <c r="BS1925" s="53"/>
      <c r="BT1925" s="53"/>
      <c r="BU1925" s="53">
        <v>-8400000</v>
      </c>
      <c r="BV1925" s="53"/>
      <c r="BW1925" s="53"/>
      <c r="BX1925" s="53"/>
      <c r="BY1925" s="53"/>
      <c r="BZ1925" s="53"/>
      <c r="CA1925" s="53">
        <v>-16800000</v>
      </c>
      <c r="CB1925" s="53"/>
      <c r="CC1925" s="53"/>
      <c r="CD1925" s="53"/>
      <c r="CE1925" s="53"/>
      <c r="CF1925" s="53"/>
      <c r="CG1925" s="53"/>
      <c r="CH1925" s="53"/>
      <c r="CI1925" s="53"/>
      <c r="CJ1925" s="53"/>
      <c r="CK1925" s="53"/>
      <c r="CL1925" s="53"/>
      <c r="CM1925" s="53"/>
      <c r="CN1925" s="53"/>
    </row>
    <row r="1926" spans="1:92" outlineLevel="1">
      <c r="A1926" s="52" t="s">
        <v>725</v>
      </c>
      <c r="B1926" s="53">
        <v>-11400000</v>
      </c>
      <c r="C1926" s="53"/>
      <c r="D1926" s="53"/>
      <c r="E1926" s="53"/>
      <c r="F1926" s="53"/>
      <c r="G1926" s="53"/>
      <c r="H1926" s="53">
        <v>-11400000</v>
      </c>
      <c r="I1926" s="53"/>
      <c r="J1926" s="53"/>
      <c r="K1926" s="53"/>
      <c r="L1926" s="53"/>
      <c r="M1926" s="53"/>
      <c r="N1926" s="53">
        <v>-22800000</v>
      </c>
      <c r="O1926" s="53">
        <v>-11400000</v>
      </c>
      <c r="P1926" s="53"/>
      <c r="Q1926" s="53"/>
      <c r="R1926" s="53"/>
      <c r="S1926" s="53"/>
      <c r="T1926" s="53"/>
      <c r="U1926" s="53">
        <v>-11400000</v>
      </c>
      <c r="V1926" s="53"/>
      <c r="W1926" s="53"/>
      <c r="X1926" s="53"/>
      <c r="Y1926" s="53"/>
      <c r="Z1926" s="53"/>
      <c r="AA1926" s="53">
        <v>-22800000</v>
      </c>
      <c r="AB1926" s="53">
        <v>-11400000</v>
      </c>
      <c r="AC1926" s="53"/>
      <c r="AD1926" s="53"/>
      <c r="AE1926" s="53"/>
      <c r="AF1926" s="53"/>
      <c r="AG1926" s="53"/>
      <c r="AH1926" s="53">
        <v>-11400000</v>
      </c>
      <c r="AI1926" s="53"/>
      <c r="AJ1926" s="53"/>
      <c r="AK1926" s="53"/>
      <c r="AL1926" s="53"/>
      <c r="AM1926" s="53"/>
      <c r="AN1926" s="53">
        <v>-22800000</v>
      </c>
      <c r="AO1926" s="53">
        <v>-11400000</v>
      </c>
      <c r="AP1926" s="53"/>
      <c r="AQ1926" s="53"/>
      <c r="AR1926" s="53"/>
      <c r="AS1926" s="53"/>
      <c r="AT1926" s="53"/>
      <c r="AU1926" s="53">
        <v>-11400000</v>
      </c>
      <c r="AV1926" s="53"/>
      <c r="AW1926" s="53"/>
      <c r="AX1926" s="53"/>
      <c r="AY1926" s="53"/>
      <c r="AZ1926" s="53"/>
      <c r="BA1926" s="53">
        <v>-22800000</v>
      </c>
      <c r="BB1926" s="53">
        <v>-11400000</v>
      </c>
      <c r="BC1926" s="53"/>
      <c r="BD1926" s="53"/>
      <c r="BE1926" s="53"/>
      <c r="BF1926" s="53"/>
      <c r="BG1926" s="53"/>
      <c r="BH1926" s="53">
        <v>-11400000</v>
      </c>
      <c r="BI1926" s="53"/>
      <c r="BJ1926" s="53"/>
      <c r="BK1926" s="53"/>
      <c r="BL1926" s="53"/>
      <c r="BM1926" s="53"/>
      <c r="BN1926" s="53">
        <v>-22800000</v>
      </c>
      <c r="BO1926" s="53">
        <v>-11400000</v>
      </c>
      <c r="BP1926" s="53"/>
      <c r="BQ1926" s="53"/>
      <c r="BR1926" s="53"/>
      <c r="BS1926" s="53"/>
      <c r="BT1926" s="53"/>
      <c r="BU1926" s="53">
        <v>-11400000</v>
      </c>
      <c r="BV1926" s="53"/>
      <c r="BW1926" s="53"/>
      <c r="BX1926" s="53"/>
      <c r="BY1926" s="53"/>
      <c r="BZ1926" s="53"/>
      <c r="CA1926" s="53">
        <v>-22800000</v>
      </c>
      <c r="CB1926" s="53"/>
      <c r="CC1926" s="53"/>
      <c r="CD1926" s="53"/>
      <c r="CE1926" s="53"/>
      <c r="CF1926" s="53"/>
      <c r="CG1926" s="53"/>
      <c r="CH1926" s="53"/>
      <c r="CI1926" s="53"/>
      <c r="CJ1926" s="53"/>
      <c r="CK1926" s="53"/>
      <c r="CL1926" s="53"/>
      <c r="CM1926" s="53"/>
      <c r="CN1926" s="53"/>
    </row>
    <row r="1927" spans="1:92" outlineLevel="1">
      <c r="A1927" s="52" t="s">
        <v>726</v>
      </c>
      <c r="B1927" s="53"/>
      <c r="C1927" s="53"/>
      <c r="D1927" s="53"/>
      <c r="E1927" s="53"/>
      <c r="F1927" s="53"/>
      <c r="G1927" s="53">
        <v>-8750000.1111111101</v>
      </c>
      <c r="H1927" s="53"/>
      <c r="I1927" s="53"/>
      <c r="J1927" s="53"/>
      <c r="K1927" s="53"/>
      <c r="L1927" s="53"/>
      <c r="M1927" s="53">
        <v>-8750000.1111111101</v>
      </c>
      <c r="N1927" s="53">
        <v>-17500000.222222202</v>
      </c>
      <c r="O1927" s="53"/>
      <c r="P1927" s="53"/>
      <c r="Q1927" s="53"/>
      <c r="R1927" s="53"/>
      <c r="S1927" s="53"/>
      <c r="T1927" s="53">
        <v>-8749999.7777777705</v>
      </c>
      <c r="U1927" s="53"/>
      <c r="V1927" s="53"/>
      <c r="W1927" s="53"/>
      <c r="X1927" s="53"/>
      <c r="Y1927" s="53"/>
      <c r="Z1927" s="53">
        <v>-8750000</v>
      </c>
      <c r="AA1927" s="53">
        <v>-17499999.777777702</v>
      </c>
      <c r="AB1927" s="53"/>
      <c r="AC1927" s="53"/>
      <c r="AD1927" s="53"/>
      <c r="AE1927" s="53"/>
      <c r="AF1927" s="53"/>
      <c r="AG1927" s="53">
        <v>-8750000</v>
      </c>
      <c r="AH1927" s="53"/>
      <c r="AI1927" s="53"/>
      <c r="AJ1927" s="53"/>
      <c r="AK1927" s="53"/>
      <c r="AL1927" s="53"/>
      <c r="AM1927" s="53">
        <v>-8750000</v>
      </c>
      <c r="AN1927" s="53">
        <v>-17500000</v>
      </c>
      <c r="AO1927" s="53"/>
      <c r="AP1927" s="53"/>
      <c r="AQ1927" s="53"/>
      <c r="AR1927" s="53"/>
      <c r="AS1927" s="53"/>
      <c r="AT1927" s="53">
        <v>-8750000</v>
      </c>
      <c r="AU1927" s="53"/>
      <c r="AV1927" s="53"/>
      <c r="AW1927" s="53"/>
      <c r="AX1927" s="53"/>
      <c r="AY1927" s="53"/>
      <c r="AZ1927" s="53">
        <v>-8750000</v>
      </c>
      <c r="BA1927" s="53">
        <v>-17500000</v>
      </c>
      <c r="BB1927" s="53"/>
      <c r="BC1927" s="53"/>
      <c r="BD1927" s="53"/>
      <c r="BE1927" s="53"/>
      <c r="BF1927" s="53"/>
      <c r="BG1927" s="53">
        <v>-8750000</v>
      </c>
      <c r="BH1927" s="53"/>
      <c r="BI1927" s="53"/>
      <c r="BJ1927" s="53"/>
      <c r="BK1927" s="53"/>
      <c r="BL1927" s="53"/>
      <c r="BM1927" s="53">
        <v>-8750000</v>
      </c>
      <c r="BN1927" s="53">
        <v>-17500000</v>
      </c>
      <c r="BO1927" s="53"/>
      <c r="BP1927" s="53"/>
      <c r="BQ1927" s="53"/>
      <c r="BR1927" s="53"/>
      <c r="BS1927" s="53"/>
      <c r="BT1927" s="53">
        <v>-8750000</v>
      </c>
      <c r="BU1927" s="53"/>
      <c r="BV1927" s="53"/>
      <c r="BW1927" s="53"/>
      <c r="BX1927" s="53"/>
      <c r="BY1927" s="53"/>
      <c r="BZ1927" s="53">
        <v>-8750000</v>
      </c>
      <c r="CA1927" s="53">
        <v>-17500000</v>
      </c>
      <c r="CB1927" s="53"/>
      <c r="CC1927" s="53"/>
      <c r="CD1927" s="53"/>
      <c r="CE1927" s="53"/>
      <c r="CF1927" s="53"/>
      <c r="CG1927" s="53"/>
      <c r="CH1927" s="53"/>
      <c r="CI1927" s="53"/>
      <c r="CJ1927" s="53"/>
      <c r="CK1927" s="53"/>
      <c r="CL1927" s="53"/>
      <c r="CM1927" s="53"/>
      <c r="CN1927" s="53"/>
    </row>
    <row r="1928" spans="1:92" outlineLevel="1">
      <c r="A1928" s="52" t="s">
        <v>728</v>
      </c>
      <c r="B1928" s="53"/>
      <c r="C1928" s="53"/>
      <c r="D1928" s="53"/>
      <c r="E1928" s="53"/>
      <c r="F1928" s="53"/>
      <c r="G1928" s="53">
        <v>-4374999.3333333302</v>
      </c>
      <c r="H1928" s="53"/>
      <c r="I1928" s="53"/>
      <c r="J1928" s="53"/>
      <c r="K1928" s="53"/>
      <c r="L1928" s="53"/>
      <c r="M1928" s="53">
        <v>-4375000.3333333302</v>
      </c>
      <c r="N1928" s="53">
        <v>-8749999.6666666605</v>
      </c>
      <c r="O1928" s="53"/>
      <c r="P1928" s="53"/>
      <c r="Q1928" s="53"/>
      <c r="R1928" s="53"/>
      <c r="S1928" s="53"/>
      <c r="T1928" s="53">
        <v>-4374999.6666666605</v>
      </c>
      <c r="U1928" s="53"/>
      <c r="V1928" s="53"/>
      <c r="W1928" s="53"/>
      <c r="X1928" s="53"/>
      <c r="Y1928" s="53"/>
      <c r="Z1928" s="53">
        <v>-4375000</v>
      </c>
      <c r="AA1928" s="53">
        <v>-8749999.6666666605</v>
      </c>
      <c r="AB1928" s="53"/>
      <c r="AC1928" s="53"/>
      <c r="AD1928" s="53"/>
      <c r="AE1928" s="53"/>
      <c r="AF1928" s="53"/>
      <c r="AG1928" s="53">
        <v>-4375000</v>
      </c>
      <c r="AH1928" s="53"/>
      <c r="AI1928" s="53"/>
      <c r="AJ1928" s="53"/>
      <c r="AK1928" s="53"/>
      <c r="AL1928" s="53"/>
      <c r="AM1928" s="53">
        <v>-4375000</v>
      </c>
      <c r="AN1928" s="53">
        <v>-8750000</v>
      </c>
      <c r="AO1928" s="53"/>
      <c r="AP1928" s="53"/>
      <c r="AQ1928" s="53"/>
      <c r="AR1928" s="53"/>
      <c r="AS1928" s="53"/>
      <c r="AT1928" s="53">
        <v>-4375000</v>
      </c>
      <c r="AU1928" s="53"/>
      <c r="AV1928" s="53"/>
      <c r="AW1928" s="53"/>
      <c r="AX1928" s="53"/>
      <c r="AY1928" s="53"/>
      <c r="AZ1928" s="53">
        <v>-4375000</v>
      </c>
      <c r="BA1928" s="53">
        <v>-8750000</v>
      </c>
      <c r="BB1928" s="53"/>
      <c r="BC1928" s="53"/>
      <c r="BD1928" s="53"/>
      <c r="BE1928" s="53"/>
      <c r="BF1928" s="53"/>
      <c r="BG1928" s="53">
        <v>-4375000</v>
      </c>
      <c r="BH1928" s="53"/>
      <c r="BI1928" s="53"/>
      <c r="BJ1928" s="53"/>
      <c r="BK1928" s="53"/>
      <c r="BL1928" s="53"/>
      <c r="BM1928" s="53">
        <v>-4375000</v>
      </c>
      <c r="BN1928" s="53">
        <v>-8750000</v>
      </c>
      <c r="BO1928" s="53"/>
      <c r="BP1928" s="53"/>
      <c r="BQ1928" s="53"/>
      <c r="BR1928" s="53"/>
      <c r="BS1928" s="53"/>
      <c r="BT1928" s="53">
        <v>-4375000</v>
      </c>
      <c r="BU1928" s="53"/>
      <c r="BV1928" s="53"/>
      <c r="BW1928" s="53"/>
      <c r="BX1928" s="53"/>
      <c r="BY1928" s="53"/>
      <c r="BZ1928" s="53">
        <v>-4375000</v>
      </c>
      <c r="CA1928" s="53">
        <v>-8750000</v>
      </c>
      <c r="CB1928" s="53"/>
      <c r="CC1928" s="53"/>
      <c r="CD1928" s="53"/>
      <c r="CE1928" s="53"/>
      <c r="CF1928" s="53"/>
      <c r="CG1928" s="53"/>
      <c r="CH1928" s="53"/>
      <c r="CI1928" s="53"/>
      <c r="CJ1928" s="53"/>
      <c r="CK1928" s="53"/>
      <c r="CL1928" s="53"/>
      <c r="CM1928" s="53"/>
      <c r="CN1928" s="53"/>
    </row>
    <row r="1929" spans="1:92" outlineLevel="1">
      <c r="A1929" s="52" t="s">
        <v>729</v>
      </c>
      <c r="B1929" s="53"/>
      <c r="C1929" s="53"/>
      <c r="D1929" s="53"/>
      <c r="E1929" s="53"/>
      <c r="F1929" s="53"/>
      <c r="G1929" s="53">
        <v>-8366129</v>
      </c>
      <c r="H1929" s="53"/>
      <c r="I1929" s="53"/>
      <c r="J1929" s="53"/>
      <c r="K1929" s="53"/>
      <c r="L1929" s="53"/>
      <c r="M1929" s="53">
        <v>-7800000</v>
      </c>
      <c r="N1929" s="53">
        <v>-16166129</v>
      </c>
      <c r="O1929" s="53"/>
      <c r="P1929" s="53"/>
      <c r="Q1929" s="53"/>
      <c r="R1929" s="53"/>
      <c r="S1929" s="53"/>
      <c r="T1929" s="53">
        <v>-7800000</v>
      </c>
      <c r="U1929" s="53"/>
      <c r="V1929" s="53"/>
      <c r="W1929" s="53"/>
      <c r="X1929" s="53"/>
      <c r="Y1929" s="53"/>
      <c r="Z1929" s="53">
        <v>-7800000</v>
      </c>
      <c r="AA1929" s="53">
        <v>-15600000</v>
      </c>
      <c r="AB1929" s="53"/>
      <c r="AC1929" s="53"/>
      <c r="AD1929" s="53"/>
      <c r="AE1929" s="53"/>
      <c r="AF1929" s="53"/>
      <c r="AG1929" s="53">
        <v>-7800000</v>
      </c>
      <c r="AH1929" s="53"/>
      <c r="AI1929" s="53"/>
      <c r="AJ1929" s="53"/>
      <c r="AK1929" s="53"/>
      <c r="AL1929" s="53"/>
      <c r="AM1929" s="53">
        <v>-7800000</v>
      </c>
      <c r="AN1929" s="53">
        <v>-15600000</v>
      </c>
      <c r="AO1929" s="53"/>
      <c r="AP1929" s="53"/>
      <c r="AQ1929" s="53"/>
      <c r="AR1929" s="53"/>
      <c r="AS1929" s="53"/>
      <c r="AT1929" s="53">
        <v>-7800000</v>
      </c>
      <c r="AU1929" s="53"/>
      <c r="AV1929" s="53"/>
      <c r="AW1929" s="53"/>
      <c r="AX1929" s="53"/>
      <c r="AY1929" s="53"/>
      <c r="AZ1929" s="53">
        <v>-7800000</v>
      </c>
      <c r="BA1929" s="53">
        <v>-15600000</v>
      </c>
      <c r="BB1929" s="53"/>
      <c r="BC1929" s="53"/>
      <c r="BD1929" s="53"/>
      <c r="BE1929" s="53"/>
      <c r="BF1929" s="53"/>
      <c r="BG1929" s="53">
        <v>-7800000</v>
      </c>
      <c r="BH1929" s="53"/>
      <c r="BI1929" s="53"/>
      <c r="BJ1929" s="53"/>
      <c r="BK1929" s="53"/>
      <c r="BL1929" s="53"/>
      <c r="BM1929" s="53">
        <v>-7800000</v>
      </c>
      <c r="BN1929" s="53">
        <v>-15600000</v>
      </c>
      <c r="BO1929" s="53"/>
      <c r="BP1929" s="53"/>
      <c r="BQ1929" s="53"/>
      <c r="BR1929" s="53"/>
      <c r="BS1929" s="53"/>
      <c r="BT1929" s="53">
        <v>-7800000</v>
      </c>
      <c r="BU1929" s="53"/>
      <c r="BV1929" s="53"/>
      <c r="BW1929" s="53"/>
      <c r="BX1929" s="53"/>
      <c r="BY1929" s="53"/>
      <c r="BZ1929" s="53">
        <v>-7800000</v>
      </c>
      <c r="CA1929" s="53">
        <v>-15600000</v>
      </c>
      <c r="CB1929" s="53">
        <v>-6148015.4214001903</v>
      </c>
      <c r="CC1929" s="53">
        <v>-10014252.445839399</v>
      </c>
      <c r="CD1929" s="53">
        <v>-5695985.3494004598</v>
      </c>
      <c r="CE1929" s="53">
        <v>-56073374.921472199</v>
      </c>
      <c r="CF1929" s="53">
        <v>-55467475.822112098</v>
      </c>
      <c r="CG1929" s="53">
        <v>-38737969.727702603</v>
      </c>
      <c r="CH1929" s="53">
        <v>-129564121.638422</v>
      </c>
      <c r="CI1929" s="53">
        <v>-25424080.3079019</v>
      </c>
      <c r="CJ1929" s="53"/>
      <c r="CK1929" s="53"/>
      <c r="CL1929" s="53"/>
      <c r="CM1929" s="53"/>
      <c r="CN1929" s="53">
        <v>-327125275.634251</v>
      </c>
    </row>
    <row r="1930" spans="1:92" outlineLevel="1">
      <c r="A1930" s="52" t="s">
        <v>730</v>
      </c>
      <c r="B1930" s="53"/>
      <c r="C1930" s="53"/>
      <c r="D1930" s="53"/>
      <c r="E1930" s="53"/>
      <c r="F1930" s="53"/>
      <c r="G1930" s="53">
        <v>-8044355</v>
      </c>
      <c r="H1930" s="53"/>
      <c r="I1930" s="53"/>
      <c r="J1930" s="53"/>
      <c r="K1930" s="53"/>
      <c r="L1930" s="53"/>
      <c r="M1930" s="53">
        <v>-7500000</v>
      </c>
      <c r="N1930" s="53">
        <v>-15544355</v>
      </c>
      <c r="O1930" s="53"/>
      <c r="P1930" s="53"/>
      <c r="Q1930" s="53"/>
      <c r="R1930" s="53"/>
      <c r="S1930" s="53"/>
      <c r="T1930" s="53">
        <v>-7499999.9999999898</v>
      </c>
      <c r="U1930" s="53"/>
      <c r="V1930" s="53"/>
      <c r="W1930" s="53"/>
      <c r="X1930" s="53"/>
      <c r="Y1930" s="53"/>
      <c r="Z1930" s="53">
        <v>-7499999.9999999898</v>
      </c>
      <c r="AA1930" s="53">
        <v>-14999999.999999899</v>
      </c>
      <c r="AB1930" s="53"/>
      <c r="AC1930" s="53"/>
      <c r="AD1930" s="53"/>
      <c r="AE1930" s="53"/>
      <c r="AF1930" s="53"/>
      <c r="AG1930" s="53">
        <v>-7499999.9999999898</v>
      </c>
      <c r="AH1930" s="53"/>
      <c r="AI1930" s="53"/>
      <c r="AJ1930" s="53"/>
      <c r="AK1930" s="53"/>
      <c r="AL1930" s="53"/>
      <c r="AM1930" s="53">
        <v>-7499999.9999999898</v>
      </c>
      <c r="AN1930" s="53">
        <v>-14999999.999999899</v>
      </c>
      <c r="AO1930" s="53"/>
      <c r="AP1930" s="53"/>
      <c r="AQ1930" s="53"/>
      <c r="AR1930" s="53"/>
      <c r="AS1930" s="53"/>
      <c r="AT1930" s="53">
        <v>-7499999.9999999898</v>
      </c>
      <c r="AU1930" s="53"/>
      <c r="AV1930" s="53"/>
      <c r="AW1930" s="53"/>
      <c r="AX1930" s="53"/>
      <c r="AY1930" s="53"/>
      <c r="AZ1930" s="53">
        <v>-7499999.9999999898</v>
      </c>
      <c r="BA1930" s="53">
        <v>-14999999.999999899</v>
      </c>
      <c r="BB1930" s="53"/>
      <c r="BC1930" s="53"/>
      <c r="BD1930" s="53"/>
      <c r="BE1930" s="53"/>
      <c r="BF1930" s="53"/>
      <c r="BG1930" s="53">
        <v>-7499999.9999999898</v>
      </c>
      <c r="BH1930" s="53"/>
      <c r="BI1930" s="53"/>
      <c r="BJ1930" s="53"/>
      <c r="BK1930" s="53"/>
      <c r="BL1930" s="53"/>
      <c r="BM1930" s="53">
        <v>-7499999.9999999898</v>
      </c>
      <c r="BN1930" s="53">
        <v>-14999999.999999899</v>
      </c>
      <c r="BO1930" s="53"/>
      <c r="BP1930" s="53"/>
      <c r="BQ1930" s="53"/>
      <c r="BR1930" s="53"/>
      <c r="BS1930" s="53"/>
      <c r="BT1930" s="53">
        <v>-7499999.9999999898</v>
      </c>
      <c r="BU1930" s="53"/>
      <c r="BV1930" s="53"/>
      <c r="BW1930" s="53"/>
      <c r="BX1930" s="53"/>
      <c r="BY1930" s="53"/>
      <c r="BZ1930" s="53">
        <v>-7499999.9999999898</v>
      </c>
      <c r="CA1930" s="53">
        <v>-14999999.999999899</v>
      </c>
      <c r="CB1930" s="53"/>
      <c r="CC1930" s="53"/>
      <c r="CD1930" s="53"/>
      <c r="CE1930" s="53"/>
      <c r="CF1930" s="53"/>
      <c r="CG1930" s="53"/>
      <c r="CH1930" s="53"/>
      <c r="CI1930" s="53"/>
      <c r="CJ1930" s="53"/>
      <c r="CK1930" s="53"/>
      <c r="CL1930" s="53"/>
      <c r="CM1930" s="53"/>
      <c r="CN1930" s="53"/>
    </row>
    <row r="1931" spans="1:92" outlineLevel="1">
      <c r="A1931" s="52" t="s">
        <v>1564</v>
      </c>
      <c r="B1931" s="53"/>
      <c r="C1931" s="53"/>
      <c r="D1931" s="53"/>
      <c r="E1931" s="53"/>
      <c r="F1931" s="53"/>
      <c r="G1931" s="53"/>
      <c r="H1931" s="53"/>
      <c r="I1931" s="53"/>
      <c r="J1931" s="53"/>
      <c r="K1931" s="53"/>
      <c r="L1931" s="53">
        <v>-1822724.4444444401</v>
      </c>
      <c r="M1931" s="53">
        <v>-2965061.4444444398</v>
      </c>
      <c r="N1931" s="53">
        <v>-4787785.8888888797</v>
      </c>
      <c r="O1931" s="53">
        <v>-2806790.4444444398</v>
      </c>
      <c r="P1931" s="53">
        <v>-3433333.3333333302</v>
      </c>
      <c r="Q1931" s="53">
        <v>-3433333.3333333302</v>
      </c>
      <c r="R1931" s="53">
        <v>-3433333.3333333302</v>
      </c>
      <c r="S1931" s="53">
        <v>-3433333.3333333302</v>
      </c>
      <c r="T1931" s="53">
        <v>-3433333.3333333302</v>
      </c>
      <c r="U1931" s="53">
        <v>-3428888.8888888801</v>
      </c>
      <c r="V1931" s="53">
        <v>-3300000</v>
      </c>
      <c r="W1931" s="53">
        <v>-3300000</v>
      </c>
      <c r="X1931" s="53">
        <v>-3300000</v>
      </c>
      <c r="Y1931" s="53">
        <v>-3300000</v>
      </c>
      <c r="Z1931" s="53">
        <v>-3300000</v>
      </c>
      <c r="AA1931" s="53">
        <v>-39902346</v>
      </c>
      <c r="AB1931" s="53">
        <v>-3287777.7777777701</v>
      </c>
      <c r="AC1931" s="53">
        <v>-2933333.3333333302</v>
      </c>
      <c r="AD1931" s="53">
        <v>-2933333.3333333302</v>
      </c>
      <c r="AE1931" s="53">
        <v>-4204444.4444444403</v>
      </c>
      <c r="AF1931" s="53"/>
      <c r="AG1931" s="53"/>
      <c r="AH1931" s="53"/>
      <c r="AI1931" s="53"/>
      <c r="AJ1931" s="53"/>
      <c r="AK1931" s="53"/>
      <c r="AL1931" s="53"/>
      <c r="AM1931" s="53"/>
      <c r="AN1931" s="53">
        <v>-13358888.888888801</v>
      </c>
      <c r="AO1931" s="53"/>
      <c r="AP1931" s="53"/>
      <c r="AQ1931" s="53"/>
      <c r="AR1931" s="53"/>
      <c r="AS1931" s="53"/>
      <c r="AT1931" s="53"/>
      <c r="AU1931" s="53"/>
      <c r="AV1931" s="53"/>
      <c r="AW1931" s="53"/>
      <c r="AX1931" s="53"/>
      <c r="AY1931" s="53"/>
      <c r="AZ1931" s="53"/>
      <c r="BA1931" s="53"/>
      <c r="BB1931" s="53"/>
      <c r="BC1931" s="53"/>
      <c r="BD1931" s="53"/>
      <c r="BE1931" s="53"/>
      <c r="BF1931" s="53"/>
      <c r="BG1931" s="53"/>
      <c r="BH1931" s="53"/>
      <c r="BI1931" s="53"/>
      <c r="BJ1931" s="53"/>
      <c r="BK1931" s="53"/>
      <c r="BL1931" s="53"/>
      <c r="BM1931" s="53"/>
      <c r="BN1931" s="53"/>
      <c r="BO1931" s="53"/>
      <c r="BP1931" s="53"/>
      <c r="BQ1931" s="53"/>
      <c r="BR1931" s="53"/>
      <c r="BS1931" s="53"/>
      <c r="BT1931" s="53"/>
      <c r="BU1931" s="53"/>
      <c r="BV1931" s="53"/>
      <c r="BW1931" s="53"/>
      <c r="BX1931" s="53"/>
      <c r="BY1931" s="53"/>
      <c r="BZ1931" s="53"/>
      <c r="CA1931" s="53"/>
      <c r="CB1931" s="53"/>
      <c r="CC1931" s="53"/>
      <c r="CD1931" s="53"/>
      <c r="CE1931" s="53"/>
      <c r="CF1931" s="53"/>
      <c r="CG1931" s="53"/>
      <c r="CH1931" s="53"/>
      <c r="CI1931" s="53"/>
      <c r="CJ1931" s="53"/>
      <c r="CK1931" s="53"/>
      <c r="CL1931" s="53"/>
      <c r="CM1931" s="53"/>
      <c r="CN1931" s="53"/>
    </row>
    <row r="1932" spans="1:92" outlineLevel="1">
      <c r="A1932" s="52" t="s">
        <v>1565</v>
      </c>
      <c r="B1932" s="53"/>
      <c r="C1932" s="53"/>
      <c r="D1932" s="53"/>
      <c r="E1932" s="53"/>
      <c r="F1932" s="53"/>
      <c r="G1932" s="53"/>
      <c r="H1932" s="53"/>
      <c r="I1932" s="53"/>
      <c r="J1932" s="53"/>
      <c r="K1932" s="53"/>
      <c r="L1932" s="53"/>
      <c r="M1932" s="53"/>
      <c r="N1932" s="53"/>
      <c r="O1932" s="53"/>
      <c r="P1932" s="53"/>
      <c r="Q1932" s="53"/>
      <c r="R1932" s="53"/>
      <c r="S1932" s="53">
        <v>-15288194</v>
      </c>
      <c r="T1932" s="53"/>
      <c r="U1932" s="53"/>
      <c r="V1932" s="53"/>
      <c r="W1932" s="53"/>
      <c r="X1932" s="53"/>
      <c r="Y1932" s="53">
        <v>-14874999.999999899</v>
      </c>
      <c r="Z1932" s="53"/>
      <c r="AA1932" s="53">
        <v>-30163193.999999899</v>
      </c>
      <c r="AB1932" s="53"/>
      <c r="AC1932" s="53"/>
      <c r="AD1932" s="53"/>
      <c r="AE1932" s="53"/>
      <c r="AF1932" s="53">
        <v>-14874999.999999899</v>
      </c>
      <c r="AG1932" s="53"/>
      <c r="AH1932" s="53"/>
      <c r="AI1932" s="53"/>
      <c r="AJ1932" s="53"/>
      <c r="AK1932" s="53"/>
      <c r="AL1932" s="53">
        <v>-14874999.999999899</v>
      </c>
      <c r="AM1932" s="53"/>
      <c r="AN1932" s="53">
        <v>-29749999.999999899</v>
      </c>
      <c r="AO1932" s="53"/>
      <c r="AP1932" s="53"/>
      <c r="AQ1932" s="53"/>
      <c r="AR1932" s="53"/>
      <c r="AS1932" s="53">
        <v>-14874999.999999899</v>
      </c>
      <c r="AT1932" s="53"/>
      <c r="AU1932" s="53"/>
      <c r="AV1932" s="53"/>
      <c r="AW1932" s="53"/>
      <c r="AX1932" s="53"/>
      <c r="AY1932" s="53">
        <v>-14874999.999999899</v>
      </c>
      <c r="AZ1932" s="53"/>
      <c r="BA1932" s="53">
        <v>-29749999.999999899</v>
      </c>
      <c r="BB1932" s="53"/>
      <c r="BC1932" s="53"/>
      <c r="BD1932" s="53"/>
      <c r="BE1932" s="53"/>
      <c r="BF1932" s="53">
        <v>-14874999.999999899</v>
      </c>
      <c r="BG1932" s="53"/>
      <c r="BH1932" s="53"/>
      <c r="BI1932" s="53"/>
      <c r="BJ1932" s="53"/>
      <c r="BK1932" s="53"/>
      <c r="BL1932" s="53">
        <v>-14874999.999999899</v>
      </c>
      <c r="BM1932" s="53"/>
      <c r="BN1932" s="53">
        <v>-29749999.999999899</v>
      </c>
      <c r="BO1932" s="53"/>
      <c r="BP1932" s="53"/>
      <c r="BQ1932" s="53"/>
      <c r="BR1932" s="53"/>
      <c r="BS1932" s="53">
        <v>-14874999.999999899</v>
      </c>
      <c r="BT1932" s="53"/>
      <c r="BU1932" s="53"/>
      <c r="BV1932" s="53"/>
      <c r="BW1932" s="53"/>
      <c r="BX1932" s="53"/>
      <c r="BY1932" s="53">
        <v>-14874999.999999899</v>
      </c>
      <c r="BZ1932" s="53"/>
      <c r="CA1932" s="53">
        <v>-29749999.999999899</v>
      </c>
      <c r="CB1932" s="53"/>
      <c r="CC1932" s="53"/>
      <c r="CD1932" s="53"/>
      <c r="CE1932" s="53"/>
      <c r="CF1932" s="53"/>
      <c r="CG1932" s="53"/>
      <c r="CH1932" s="53"/>
      <c r="CI1932" s="53"/>
      <c r="CJ1932" s="53"/>
      <c r="CK1932" s="53"/>
      <c r="CL1932" s="53"/>
      <c r="CM1932" s="53"/>
      <c r="CN1932" s="53"/>
    </row>
    <row r="1933" spans="1:92" outlineLevel="1">
      <c r="A1933" s="52" t="s">
        <v>672</v>
      </c>
      <c r="B1933" s="53"/>
      <c r="C1933" s="53"/>
      <c r="D1933" s="53"/>
      <c r="E1933" s="53"/>
      <c r="F1933" s="53"/>
      <c r="G1933" s="53"/>
      <c r="H1933" s="53"/>
      <c r="I1933" s="53"/>
      <c r="J1933" s="53"/>
      <c r="K1933" s="53"/>
      <c r="L1933" s="53"/>
      <c r="M1933" s="53"/>
      <c r="N1933" s="53"/>
      <c r="O1933" s="53"/>
      <c r="P1933" s="53"/>
      <c r="Q1933" s="53"/>
      <c r="R1933" s="53"/>
      <c r="S1933" s="53"/>
      <c r="T1933" s="53"/>
      <c r="U1933" s="53"/>
      <c r="V1933" s="53"/>
      <c r="W1933" s="53"/>
      <c r="X1933" s="53"/>
      <c r="Y1933" s="53"/>
      <c r="Z1933" s="53"/>
      <c r="AA1933" s="53"/>
      <c r="AB1933" s="53"/>
      <c r="AC1933" s="53"/>
      <c r="AD1933" s="53"/>
      <c r="AE1933" s="53"/>
      <c r="AF1933" s="53"/>
      <c r="AG1933" s="53"/>
      <c r="AH1933" s="53"/>
      <c r="AI1933" s="53"/>
      <c r="AJ1933" s="53"/>
      <c r="AK1933" s="53"/>
      <c r="AL1933" s="53"/>
      <c r="AM1933" s="53"/>
      <c r="AN1933" s="53"/>
      <c r="AO1933" s="53"/>
      <c r="AP1933" s="53"/>
      <c r="AQ1933" s="53"/>
      <c r="AR1933" s="53"/>
      <c r="AS1933" s="53"/>
      <c r="AT1933" s="53"/>
      <c r="AU1933" s="53"/>
      <c r="AV1933" s="53"/>
      <c r="AW1933" s="53"/>
      <c r="AX1933" s="53"/>
      <c r="AY1933" s="53"/>
      <c r="AZ1933" s="53"/>
      <c r="BA1933" s="53"/>
      <c r="BB1933" s="53"/>
      <c r="BC1933" s="53"/>
      <c r="BD1933" s="53"/>
      <c r="BE1933" s="53"/>
      <c r="BF1933" s="53"/>
      <c r="BG1933" s="53"/>
      <c r="BH1933" s="53"/>
      <c r="BI1933" s="53"/>
      <c r="BJ1933" s="53"/>
      <c r="BK1933" s="53"/>
      <c r="BL1933" s="53"/>
      <c r="BM1933" s="53"/>
      <c r="BN1933" s="53"/>
      <c r="BO1933" s="53"/>
      <c r="BP1933" s="53"/>
      <c r="BQ1933" s="53"/>
      <c r="BR1933" s="53"/>
      <c r="BS1933" s="53"/>
      <c r="BT1933" s="53"/>
      <c r="BU1933" s="53"/>
      <c r="BV1933" s="53"/>
      <c r="BW1933" s="53"/>
      <c r="BX1933" s="53"/>
      <c r="BY1933" s="53"/>
      <c r="BZ1933" s="53"/>
      <c r="CA1933" s="53"/>
      <c r="CB1933" s="53">
        <v>10014252.445839399</v>
      </c>
      <c r="CC1933" s="53">
        <v>5695985.3494004598</v>
      </c>
      <c r="CD1933" s="53">
        <v>56073374.921472199</v>
      </c>
      <c r="CE1933" s="53">
        <v>55467475.822112098</v>
      </c>
      <c r="CF1933" s="53">
        <v>38737969.727702603</v>
      </c>
      <c r="CG1933" s="53">
        <v>129564121.638422</v>
      </c>
      <c r="CH1933" s="53">
        <v>25424080.3079019</v>
      </c>
      <c r="CI1933" s="53"/>
      <c r="CJ1933" s="53"/>
      <c r="CK1933" s="53"/>
      <c r="CL1933" s="53"/>
      <c r="CM1933" s="53"/>
      <c r="CN1933" s="53">
        <v>320977260.21285099</v>
      </c>
    </row>
    <row r="1934" spans="1:92" outlineLevel="1">
      <c r="A1934" s="52" t="s">
        <v>709</v>
      </c>
      <c r="B1934" s="53"/>
      <c r="C1934" s="53"/>
      <c r="D1934" s="53"/>
      <c r="E1934" s="53"/>
      <c r="F1934" s="53"/>
      <c r="G1934" s="53"/>
      <c r="H1934" s="53"/>
      <c r="I1934" s="53"/>
      <c r="J1934" s="53"/>
      <c r="K1934" s="53"/>
      <c r="L1934" s="53"/>
      <c r="M1934" s="53"/>
      <c r="N1934" s="53"/>
      <c r="O1934" s="53"/>
      <c r="P1934" s="53"/>
      <c r="Q1934" s="53"/>
      <c r="R1934" s="53"/>
      <c r="S1934" s="53"/>
      <c r="T1934" s="53"/>
      <c r="U1934" s="53"/>
      <c r="V1934" s="53"/>
      <c r="W1934" s="53"/>
      <c r="X1934" s="53"/>
      <c r="Y1934" s="53"/>
      <c r="Z1934" s="53"/>
      <c r="AA1934" s="53"/>
      <c r="AB1934" s="53"/>
      <c r="AC1934" s="53"/>
      <c r="AD1934" s="53"/>
      <c r="AE1934" s="53"/>
      <c r="AF1934" s="53"/>
      <c r="AG1934" s="53"/>
      <c r="AH1934" s="53"/>
      <c r="AI1934" s="53"/>
      <c r="AJ1934" s="53"/>
      <c r="AK1934" s="53"/>
      <c r="AL1934" s="53"/>
      <c r="AM1934" s="53"/>
      <c r="AN1934" s="53"/>
      <c r="AO1934" s="53"/>
      <c r="AP1934" s="53"/>
      <c r="AQ1934" s="53"/>
      <c r="AR1934" s="53"/>
      <c r="AS1934" s="53"/>
      <c r="AT1934" s="53"/>
      <c r="AU1934" s="53"/>
      <c r="AV1934" s="53"/>
      <c r="AW1934" s="53"/>
      <c r="AX1934" s="53"/>
      <c r="AY1934" s="53"/>
      <c r="AZ1934" s="53"/>
      <c r="BA1934" s="53"/>
      <c r="BB1934" s="53"/>
      <c r="BC1934" s="53"/>
      <c r="BD1934" s="53"/>
      <c r="BE1934" s="53"/>
      <c r="BF1934" s="53"/>
      <c r="BG1934" s="53"/>
      <c r="BH1934" s="53"/>
      <c r="BI1934" s="53"/>
      <c r="BJ1934" s="53"/>
      <c r="BK1934" s="53"/>
      <c r="BL1934" s="53"/>
      <c r="BM1934" s="53"/>
      <c r="BN1934" s="53"/>
      <c r="BO1934" s="53"/>
      <c r="BP1934" s="53"/>
      <c r="BQ1934" s="53"/>
      <c r="BR1934" s="53"/>
      <c r="BS1934" s="53"/>
      <c r="BT1934" s="53"/>
      <c r="BU1934" s="53"/>
      <c r="BV1934" s="53"/>
      <c r="BW1934" s="53"/>
      <c r="BX1934" s="53"/>
      <c r="BY1934" s="53"/>
      <c r="BZ1934" s="53"/>
      <c r="CA1934" s="53"/>
      <c r="CB1934" s="53">
        <v>10014252.445839301</v>
      </c>
      <c r="CC1934" s="53">
        <v>5695985.3494003201</v>
      </c>
      <c r="CD1934" s="53">
        <v>56073374.921471603</v>
      </c>
      <c r="CE1934" s="53">
        <v>55467475.822132803</v>
      </c>
      <c r="CF1934" s="53">
        <v>38737969.727702402</v>
      </c>
      <c r="CG1934" s="53">
        <v>129564121.638441</v>
      </c>
      <c r="CH1934" s="53">
        <v>25424080.307901401</v>
      </c>
      <c r="CI1934" s="53">
        <v>0</v>
      </c>
      <c r="CJ1934" s="53">
        <v>0</v>
      </c>
      <c r="CK1934" s="53">
        <v>0</v>
      </c>
      <c r="CL1934" s="53">
        <v>0</v>
      </c>
      <c r="CM1934" s="53">
        <v>0</v>
      </c>
      <c r="CN1934" s="53">
        <v>0</v>
      </c>
    </row>
    <row r="1935" spans="1:92" outlineLevel="1">
      <c r="A1935" s="52" t="s">
        <v>710</v>
      </c>
      <c r="B1935" s="53"/>
      <c r="C1935" s="53"/>
      <c r="D1935" s="53"/>
      <c r="E1935" s="53"/>
      <c r="F1935" s="53"/>
      <c r="G1935" s="53"/>
      <c r="H1935" s="53"/>
      <c r="I1935" s="53"/>
      <c r="J1935" s="53"/>
      <c r="K1935" s="53"/>
      <c r="L1935" s="53"/>
      <c r="M1935" s="53"/>
      <c r="N1935" s="53"/>
      <c r="O1935" s="53"/>
      <c r="P1935" s="53"/>
      <c r="Q1935" s="53"/>
      <c r="R1935" s="53"/>
      <c r="S1935" s="53"/>
      <c r="T1935" s="53"/>
      <c r="U1935" s="53"/>
      <c r="V1935" s="53"/>
      <c r="W1935" s="53"/>
      <c r="X1935" s="53"/>
      <c r="Y1935" s="53"/>
      <c r="Z1935" s="53"/>
      <c r="AA1935" s="53"/>
      <c r="AB1935" s="53"/>
      <c r="AC1935" s="53"/>
      <c r="AD1935" s="53"/>
      <c r="AE1935" s="53"/>
      <c r="AF1935" s="53"/>
      <c r="AG1935" s="53"/>
      <c r="AH1935" s="53"/>
      <c r="AI1935" s="53"/>
      <c r="AJ1935" s="53"/>
      <c r="AK1935" s="53"/>
      <c r="AL1935" s="53"/>
      <c r="AM1935" s="53"/>
      <c r="AN1935" s="53"/>
      <c r="AO1935" s="53"/>
      <c r="AP1935" s="53"/>
      <c r="AQ1935" s="53"/>
      <c r="AR1935" s="53"/>
      <c r="AS1935" s="53"/>
      <c r="AT1935" s="53"/>
      <c r="AU1935" s="53"/>
      <c r="AV1935" s="53"/>
      <c r="AW1935" s="53"/>
      <c r="AX1935" s="53"/>
      <c r="AY1935" s="53"/>
      <c r="AZ1935" s="53"/>
      <c r="BA1935" s="53"/>
      <c r="BB1935" s="53"/>
      <c r="BC1935" s="53"/>
      <c r="BD1935" s="53"/>
      <c r="BE1935" s="53"/>
      <c r="BF1935" s="53"/>
      <c r="BG1935" s="53"/>
      <c r="BH1935" s="53"/>
      <c r="BI1935" s="53"/>
      <c r="BJ1935" s="53"/>
      <c r="BK1935" s="53"/>
      <c r="BL1935" s="53"/>
      <c r="BM1935" s="53"/>
      <c r="BN1935" s="53"/>
      <c r="BO1935" s="53"/>
      <c r="BP1935" s="53"/>
      <c r="BQ1935" s="53"/>
      <c r="BR1935" s="53"/>
      <c r="BS1935" s="53"/>
      <c r="BT1935" s="53"/>
      <c r="BU1935" s="53"/>
      <c r="BV1935" s="53"/>
      <c r="BW1935" s="53"/>
      <c r="BX1935" s="53"/>
      <c r="BY1935" s="53"/>
      <c r="BZ1935" s="53"/>
      <c r="CA1935" s="53"/>
      <c r="CB1935" s="53"/>
      <c r="CC1935" s="53"/>
      <c r="CD1935" s="53"/>
      <c r="CE1935" s="53"/>
      <c r="CF1935" s="53"/>
      <c r="CG1935" s="53"/>
      <c r="CH1935" s="53"/>
      <c r="CI1935" s="53"/>
      <c r="CJ1935" s="53"/>
      <c r="CK1935" s="53"/>
      <c r="CL1935" s="53"/>
      <c r="CM1935" s="53"/>
      <c r="CN1935" s="53"/>
    </row>
    <row r="1936" spans="1:92" outlineLevel="1">
      <c r="A1936" s="52" t="s">
        <v>711</v>
      </c>
      <c r="B1936" s="53">
        <v>843750</v>
      </c>
      <c r="C1936" s="53">
        <v>843750</v>
      </c>
      <c r="D1936" s="53">
        <v>843750</v>
      </c>
      <c r="E1936" s="53">
        <v>843750</v>
      </c>
      <c r="F1936" s="53">
        <v>843750</v>
      </c>
      <c r="G1936" s="53">
        <v>843750</v>
      </c>
      <c r="H1936" s="53">
        <v>843750</v>
      </c>
      <c r="I1936" s="53">
        <v>843750</v>
      </c>
      <c r="J1936" s="53">
        <v>843750</v>
      </c>
      <c r="K1936" s="53">
        <v>843750</v>
      </c>
      <c r="L1936" s="53">
        <v>843750</v>
      </c>
      <c r="M1936" s="53">
        <v>843750</v>
      </c>
      <c r="N1936" s="53">
        <v>10125000</v>
      </c>
      <c r="O1936" s="53">
        <v>843750</v>
      </c>
      <c r="P1936" s="53">
        <v>843750</v>
      </c>
      <c r="Q1936" s="53">
        <v>843750</v>
      </c>
      <c r="R1936" s="53">
        <v>843750</v>
      </c>
      <c r="S1936" s="53">
        <v>843750</v>
      </c>
      <c r="T1936" s="53">
        <v>843750</v>
      </c>
      <c r="U1936" s="53">
        <v>843750</v>
      </c>
      <c r="V1936" s="53">
        <v>843750</v>
      </c>
      <c r="W1936" s="53">
        <v>843750</v>
      </c>
      <c r="X1936" s="53">
        <v>843750</v>
      </c>
      <c r="Y1936" s="53">
        <v>843750</v>
      </c>
      <c r="Z1936" s="53">
        <v>843750</v>
      </c>
      <c r="AA1936" s="53">
        <v>10125000</v>
      </c>
      <c r="AB1936" s="53">
        <v>843750</v>
      </c>
      <c r="AC1936" s="53">
        <v>843750</v>
      </c>
      <c r="AD1936" s="53">
        <v>843750</v>
      </c>
      <c r="AE1936" s="53">
        <v>843750</v>
      </c>
      <c r="AF1936" s="53">
        <v>843750</v>
      </c>
      <c r="AG1936" s="53">
        <v>843750</v>
      </c>
      <c r="AH1936" s="53">
        <v>843750</v>
      </c>
      <c r="AI1936" s="53">
        <v>843750</v>
      </c>
      <c r="AJ1936" s="53">
        <v>843750</v>
      </c>
      <c r="AK1936" s="53">
        <v>843750</v>
      </c>
      <c r="AL1936" s="53">
        <v>843750</v>
      </c>
      <c r="AM1936" s="53">
        <v>843750</v>
      </c>
      <c r="AN1936" s="53">
        <v>10125000</v>
      </c>
      <c r="AO1936" s="53">
        <v>843750</v>
      </c>
      <c r="AP1936" s="53">
        <v>843750</v>
      </c>
      <c r="AQ1936" s="53">
        <v>843750</v>
      </c>
      <c r="AR1936" s="53">
        <v>843750</v>
      </c>
      <c r="AS1936" s="53">
        <v>843750</v>
      </c>
      <c r="AT1936" s="53">
        <v>843750</v>
      </c>
      <c r="AU1936" s="53">
        <v>843750</v>
      </c>
      <c r="AV1936" s="53">
        <v>843750</v>
      </c>
      <c r="AW1936" s="53">
        <v>843750</v>
      </c>
      <c r="AX1936" s="53">
        <v>843750</v>
      </c>
      <c r="AY1936" s="53">
        <v>843750</v>
      </c>
      <c r="AZ1936" s="53">
        <v>843750</v>
      </c>
      <c r="BA1936" s="53">
        <v>10125000</v>
      </c>
      <c r="BB1936" s="53">
        <v>843750</v>
      </c>
      <c r="BC1936" s="53">
        <v>843750</v>
      </c>
      <c r="BD1936" s="53">
        <v>843750</v>
      </c>
      <c r="BE1936" s="53">
        <v>843750</v>
      </c>
      <c r="BF1936" s="53">
        <v>843750</v>
      </c>
      <c r="BG1936" s="53">
        <v>843750</v>
      </c>
      <c r="BH1936" s="53">
        <v>843750</v>
      </c>
      <c r="BI1936" s="53">
        <v>843750</v>
      </c>
      <c r="BJ1936" s="53">
        <v>843750</v>
      </c>
      <c r="BK1936" s="53">
        <v>843750</v>
      </c>
      <c r="BL1936" s="53">
        <v>843750</v>
      </c>
      <c r="BM1936" s="53">
        <v>843750</v>
      </c>
      <c r="BN1936" s="53">
        <v>10125000</v>
      </c>
      <c r="BO1936" s="53">
        <v>843750</v>
      </c>
      <c r="BP1936" s="53">
        <v>843750</v>
      </c>
      <c r="BQ1936" s="53">
        <v>843750</v>
      </c>
      <c r="BR1936" s="53">
        <v>843750</v>
      </c>
      <c r="BS1936" s="53">
        <v>843750</v>
      </c>
      <c r="BT1936" s="53">
        <v>843750</v>
      </c>
      <c r="BU1936" s="53">
        <v>843750</v>
      </c>
      <c r="BV1936" s="53">
        <v>843750</v>
      </c>
      <c r="BW1936" s="53">
        <v>843750</v>
      </c>
      <c r="BX1936" s="53">
        <v>843750</v>
      </c>
      <c r="BY1936" s="53">
        <v>843750</v>
      </c>
      <c r="BZ1936" s="53">
        <v>843750</v>
      </c>
      <c r="CA1936" s="53">
        <v>10125000</v>
      </c>
      <c r="CB1936" s="53">
        <v>0</v>
      </c>
      <c r="CC1936" s="53">
        <v>0</v>
      </c>
      <c r="CD1936" s="53">
        <v>0</v>
      </c>
      <c r="CE1936" s="53">
        <v>0</v>
      </c>
      <c r="CF1936" s="53">
        <v>0</v>
      </c>
      <c r="CG1936" s="53">
        <v>0</v>
      </c>
      <c r="CH1936" s="53">
        <v>0</v>
      </c>
      <c r="CI1936" s="53">
        <v>0</v>
      </c>
      <c r="CJ1936" s="53">
        <v>0</v>
      </c>
      <c r="CK1936" s="53">
        <v>0</v>
      </c>
      <c r="CL1936" s="53">
        <v>0</v>
      </c>
      <c r="CM1936" s="53">
        <v>0</v>
      </c>
      <c r="CN1936" s="53">
        <v>0</v>
      </c>
    </row>
    <row r="1937" spans="1:92" outlineLevel="1">
      <c r="A1937" s="52" t="s">
        <v>712</v>
      </c>
      <c r="B1937" s="53">
        <v>1106250</v>
      </c>
      <c r="C1937" s="53">
        <v>1106250</v>
      </c>
      <c r="D1937" s="53">
        <v>1106250</v>
      </c>
      <c r="E1937" s="53">
        <v>1106250</v>
      </c>
      <c r="F1937" s="53">
        <v>1106250</v>
      </c>
      <c r="G1937" s="53">
        <v>1106250</v>
      </c>
      <c r="H1937" s="53">
        <v>1106250</v>
      </c>
      <c r="I1937" s="53">
        <v>1106250</v>
      </c>
      <c r="J1937" s="53">
        <v>1106250</v>
      </c>
      <c r="K1937" s="53">
        <v>1106250</v>
      </c>
      <c r="L1937" s="53">
        <v>1106250</v>
      </c>
      <c r="M1937" s="53">
        <v>1106250</v>
      </c>
      <c r="N1937" s="53">
        <v>13275000</v>
      </c>
      <c r="O1937" s="53">
        <v>1106250</v>
      </c>
      <c r="P1937" s="53">
        <v>1106250</v>
      </c>
      <c r="Q1937" s="53">
        <v>1106250</v>
      </c>
      <c r="R1937" s="53">
        <v>1106250</v>
      </c>
      <c r="S1937" s="53">
        <v>1106250</v>
      </c>
      <c r="T1937" s="53">
        <v>1106250</v>
      </c>
      <c r="U1937" s="53">
        <v>1106250</v>
      </c>
      <c r="V1937" s="53">
        <v>1106250</v>
      </c>
      <c r="W1937" s="53">
        <v>1106250</v>
      </c>
      <c r="X1937" s="53">
        <v>1106250</v>
      </c>
      <c r="Y1937" s="53">
        <v>1106250</v>
      </c>
      <c r="Z1937" s="53">
        <v>1106250</v>
      </c>
      <c r="AA1937" s="53">
        <v>13275000</v>
      </c>
      <c r="AB1937" s="53">
        <v>1106250</v>
      </c>
      <c r="AC1937" s="53">
        <v>1106250</v>
      </c>
      <c r="AD1937" s="53">
        <v>1106250</v>
      </c>
      <c r="AE1937" s="53">
        <v>1106250</v>
      </c>
      <c r="AF1937" s="53">
        <v>1106250</v>
      </c>
      <c r="AG1937" s="53">
        <v>1106250</v>
      </c>
      <c r="AH1937" s="53">
        <v>1106250</v>
      </c>
      <c r="AI1937" s="53">
        <v>1106250</v>
      </c>
      <c r="AJ1937" s="53">
        <v>1106250</v>
      </c>
      <c r="AK1937" s="53">
        <v>1106250</v>
      </c>
      <c r="AL1937" s="53">
        <v>1106250</v>
      </c>
      <c r="AM1937" s="53">
        <v>1106250</v>
      </c>
      <c r="AN1937" s="53">
        <v>13275000</v>
      </c>
      <c r="AO1937" s="53">
        <v>1106250</v>
      </c>
      <c r="AP1937" s="53">
        <v>1106250</v>
      </c>
      <c r="AQ1937" s="53">
        <v>1106250</v>
      </c>
      <c r="AR1937" s="53">
        <v>1106250</v>
      </c>
      <c r="AS1937" s="53">
        <v>1106250</v>
      </c>
      <c r="AT1937" s="53">
        <v>1106250</v>
      </c>
      <c r="AU1937" s="53">
        <v>1106250</v>
      </c>
      <c r="AV1937" s="53">
        <v>1106250</v>
      </c>
      <c r="AW1937" s="53">
        <v>1106250</v>
      </c>
      <c r="AX1937" s="53">
        <v>1106250</v>
      </c>
      <c r="AY1937" s="53">
        <v>1106250</v>
      </c>
      <c r="AZ1937" s="53">
        <v>1106250</v>
      </c>
      <c r="BA1937" s="53">
        <v>13275000</v>
      </c>
      <c r="BB1937" s="53">
        <v>1106250</v>
      </c>
      <c r="BC1937" s="53">
        <v>1106250</v>
      </c>
      <c r="BD1937" s="53">
        <v>1106250</v>
      </c>
      <c r="BE1937" s="53">
        <v>1106250</v>
      </c>
      <c r="BF1937" s="53">
        <v>1106250</v>
      </c>
      <c r="BG1937" s="53">
        <v>1106250</v>
      </c>
      <c r="BH1937" s="53">
        <v>1106250</v>
      </c>
      <c r="BI1937" s="53">
        <v>1106250</v>
      </c>
      <c r="BJ1937" s="53">
        <v>1106250</v>
      </c>
      <c r="BK1937" s="53">
        <v>1106250</v>
      </c>
      <c r="BL1937" s="53">
        <v>1106250</v>
      </c>
      <c r="BM1937" s="53">
        <v>1106250</v>
      </c>
      <c r="BN1937" s="53">
        <v>13275000</v>
      </c>
      <c r="BO1937" s="53">
        <v>1106250</v>
      </c>
      <c r="BP1937" s="53">
        <v>1106250</v>
      </c>
      <c r="BQ1937" s="53">
        <v>1106250</v>
      </c>
      <c r="BR1937" s="53">
        <v>1106250</v>
      </c>
      <c r="BS1937" s="53">
        <v>1106250</v>
      </c>
      <c r="BT1937" s="53">
        <v>1106250</v>
      </c>
      <c r="BU1937" s="53">
        <v>1106250</v>
      </c>
      <c r="BV1937" s="53">
        <v>1106250</v>
      </c>
      <c r="BW1937" s="53">
        <v>1106250</v>
      </c>
      <c r="BX1937" s="53">
        <v>1106250</v>
      </c>
      <c r="BY1937" s="53">
        <v>1106250</v>
      </c>
      <c r="BZ1937" s="53">
        <v>1106250</v>
      </c>
      <c r="CA1937" s="53">
        <v>13275000</v>
      </c>
      <c r="CB1937" s="53">
        <v>0</v>
      </c>
      <c r="CC1937" s="53">
        <v>0</v>
      </c>
      <c r="CD1937" s="53">
        <v>0</v>
      </c>
      <c r="CE1937" s="53">
        <v>0</v>
      </c>
      <c r="CF1937" s="53">
        <v>0</v>
      </c>
      <c r="CG1937" s="53">
        <v>0</v>
      </c>
      <c r="CH1937" s="53">
        <v>0</v>
      </c>
      <c r="CI1937" s="53">
        <v>0</v>
      </c>
      <c r="CJ1937" s="53">
        <v>0</v>
      </c>
      <c r="CK1937" s="53">
        <v>0</v>
      </c>
      <c r="CL1937" s="53">
        <v>0</v>
      </c>
      <c r="CM1937" s="53">
        <v>0</v>
      </c>
      <c r="CN1937" s="53">
        <v>0</v>
      </c>
    </row>
    <row r="1938" spans="1:92" outlineLevel="1">
      <c r="A1938" s="52" t="s">
        <v>713</v>
      </c>
      <c r="B1938" s="53">
        <v>2645833.3333333302</v>
      </c>
      <c r="C1938" s="53">
        <v>2645833.3333333302</v>
      </c>
      <c r="D1938" s="53">
        <v>2645833.3333333302</v>
      </c>
      <c r="E1938" s="53">
        <v>2645833.3333333302</v>
      </c>
      <c r="F1938" s="53">
        <v>2645833.3333333302</v>
      </c>
      <c r="G1938" s="53">
        <v>2645833.3333333302</v>
      </c>
      <c r="H1938" s="53">
        <v>2645833.3333333302</v>
      </c>
      <c r="I1938" s="53">
        <v>2645833.3333333302</v>
      </c>
      <c r="J1938" s="53">
        <v>2645833.3333333302</v>
      </c>
      <c r="K1938" s="53">
        <v>2645833.3333333302</v>
      </c>
      <c r="L1938" s="53">
        <v>2645833.3333333302</v>
      </c>
      <c r="M1938" s="53">
        <v>2645833.3333333302</v>
      </c>
      <c r="N1938" s="53">
        <v>31749999.999999899</v>
      </c>
      <c r="O1938" s="53">
        <v>2645833.3333333302</v>
      </c>
      <c r="P1938" s="53">
        <v>2645833.3333333302</v>
      </c>
      <c r="Q1938" s="53">
        <v>2645833.3333333302</v>
      </c>
      <c r="R1938" s="53">
        <v>2645833.3333333302</v>
      </c>
      <c r="S1938" s="53">
        <v>2645833.3333333302</v>
      </c>
      <c r="T1938" s="53">
        <v>2645833.3333333302</v>
      </c>
      <c r="U1938" s="53">
        <v>2645833.3333333302</v>
      </c>
      <c r="V1938" s="53">
        <v>2645833.3333333302</v>
      </c>
      <c r="W1938" s="53">
        <v>2645833.3333333302</v>
      </c>
      <c r="X1938" s="53">
        <v>2645833.3333333302</v>
      </c>
      <c r="Y1938" s="53">
        <v>2645833.3333333302</v>
      </c>
      <c r="Z1938" s="53">
        <v>2645833.3333333302</v>
      </c>
      <c r="AA1938" s="53">
        <v>31749999.999999899</v>
      </c>
      <c r="AB1938" s="53">
        <v>2645833.3333333302</v>
      </c>
      <c r="AC1938" s="53">
        <v>2645833.3333333302</v>
      </c>
      <c r="AD1938" s="53">
        <v>2645833.3333333302</v>
      </c>
      <c r="AE1938" s="53">
        <v>2645833.3333333302</v>
      </c>
      <c r="AF1938" s="53">
        <v>2645833.3333333302</v>
      </c>
      <c r="AG1938" s="53">
        <v>2645833.3333333302</v>
      </c>
      <c r="AH1938" s="53">
        <v>2645833.3333333302</v>
      </c>
      <c r="AI1938" s="53">
        <v>2645833.3333333302</v>
      </c>
      <c r="AJ1938" s="53">
        <v>2645833.3333333302</v>
      </c>
      <c r="AK1938" s="53">
        <v>2645833.3333333302</v>
      </c>
      <c r="AL1938" s="53">
        <v>2645833.3333333302</v>
      </c>
      <c r="AM1938" s="53">
        <v>2645833.3333333302</v>
      </c>
      <c r="AN1938" s="53">
        <v>31749999.999999899</v>
      </c>
      <c r="AO1938" s="53">
        <v>2645833.3333333302</v>
      </c>
      <c r="AP1938" s="53">
        <v>2645833.3333333302</v>
      </c>
      <c r="AQ1938" s="53">
        <v>2645833.3333333302</v>
      </c>
      <c r="AR1938" s="53">
        <v>2645833.3333333302</v>
      </c>
      <c r="AS1938" s="53">
        <v>2645833.3333333302</v>
      </c>
      <c r="AT1938" s="53">
        <v>2645833.3333333302</v>
      </c>
      <c r="AU1938" s="53">
        <v>2645833.3333333302</v>
      </c>
      <c r="AV1938" s="53">
        <v>2645833.3333333302</v>
      </c>
      <c r="AW1938" s="53">
        <v>2645833.3333333302</v>
      </c>
      <c r="AX1938" s="53">
        <v>2645833.3333333302</v>
      </c>
      <c r="AY1938" s="53">
        <v>2645833.3333333302</v>
      </c>
      <c r="AZ1938" s="53">
        <v>2645833.3333333302</v>
      </c>
      <c r="BA1938" s="53">
        <v>31749999.999999899</v>
      </c>
      <c r="BB1938" s="53">
        <v>2645833.3333333302</v>
      </c>
      <c r="BC1938" s="53">
        <v>2645833.3333333302</v>
      </c>
      <c r="BD1938" s="53">
        <v>2645833.3333333302</v>
      </c>
      <c r="BE1938" s="53">
        <v>2645833.3333333302</v>
      </c>
      <c r="BF1938" s="53">
        <v>2645833.3333333302</v>
      </c>
      <c r="BG1938" s="53">
        <v>2645833.3333333302</v>
      </c>
      <c r="BH1938" s="53">
        <v>2645833.3333333302</v>
      </c>
      <c r="BI1938" s="53">
        <v>2645833.3333333302</v>
      </c>
      <c r="BJ1938" s="53">
        <v>2645833.3333333302</v>
      </c>
      <c r="BK1938" s="53">
        <v>2645833.3333333302</v>
      </c>
      <c r="BL1938" s="53">
        <v>2645833.3333333302</v>
      </c>
      <c r="BM1938" s="53">
        <v>2645833.3333333302</v>
      </c>
      <c r="BN1938" s="53">
        <v>31749999.999999899</v>
      </c>
      <c r="BO1938" s="53">
        <v>2645833.3333333302</v>
      </c>
      <c r="BP1938" s="53">
        <v>2645833.3333333302</v>
      </c>
      <c r="BQ1938" s="53">
        <v>2645833.3333333302</v>
      </c>
      <c r="BR1938" s="53">
        <v>2645833.3333333302</v>
      </c>
      <c r="BS1938" s="53">
        <v>2645833.3333333302</v>
      </c>
      <c r="BT1938" s="53">
        <v>2645833.3333333302</v>
      </c>
      <c r="BU1938" s="53">
        <v>2645833.3333333302</v>
      </c>
      <c r="BV1938" s="53">
        <v>2645833.3333333302</v>
      </c>
      <c r="BW1938" s="53">
        <v>2645833.3333333302</v>
      </c>
      <c r="BX1938" s="53">
        <v>2645833.3333333302</v>
      </c>
      <c r="BY1938" s="53">
        <v>2645833.3333333302</v>
      </c>
      <c r="BZ1938" s="53">
        <v>2645833.3333333302</v>
      </c>
      <c r="CA1938" s="53">
        <v>31749999.999999899</v>
      </c>
      <c r="CB1938" s="53"/>
      <c r="CC1938" s="53"/>
      <c r="CD1938" s="53"/>
      <c r="CE1938" s="53"/>
      <c r="CF1938" s="53"/>
      <c r="CG1938" s="53"/>
      <c r="CH1938" s="53"/>
      <c r="CI1938" s="53"/>
      <c r="CJ1938" s="53"/>
      <c r="CK1938" s="53"/>
      <c r="CL1938" s="53"/>
      <c r="CM1938" s="53"/>
      <c r="CN1938" s="53"/>
    </row>
    <row r="1939" spans="1:92" outlineLevel="1">
      <c r="A1939" s="52" t="s">
        <v>716</v>
      </c>
      <c r="B1939" s="53">
        <v>5333333.3333333302</v>
      </c>
      <c r="C1939" s="53">
        <v>5333333.3333333302</v>
      </c>
      <c r="D1939" s="53">
        <v>5333333.3333333302</v>
      </c>
      <c r="E1939" s="53">
        <v>5333333.3333333302</v>
      </c>
      <c r="F1939" s="53">
        <v>5333333.3333333302</v>
      </c>
      <c r="G1939" s="53">
        <v>5333333.3333333302</v>
      </c>
      <c r="H1939" s="53">
        <v>5333333.3333333302</v>
      </c>
      <c r="I1939" s="53">
        <v>5333333.3333333302</v>
      </c>
      <c r="J1939" s="53">
        <v>5333333.3333333302</v>
      </c>
      <c r="K1939" s="53">
        <v>5333333.3333333302</v>
      </c>
      <c r="L1939" s="53">
        <v>5333333.3333333302</v>
      </c>
      <c r="M1939" s="53">
        <v>5333333.3333333302</v>
      </c>
      <c r="N1939" s="53">
        <v>64000000</v>
      </c>
      <c r="O1939" s="53">
        <v>5333333.3333333302</v>
      </c>
      <c r="P1939" s="53">
        <v>5333333.3333333302</v>
      </c>
      <c r="Q1939" s="53">
        <v>5333333.3333333302</v>
      </c>
      <c r="R1939" s="53">
        <v>5333333.3333333302</v>
      </c>
      <c r="S1939" s="53">
        <v>5333333.3333333302</v>
      </c>
      <c r="T1939" s="53">
        <v>5333333.3333333302</v>
      </c>
      <c r="U1939" s="53">
        <v>5333333.3333333302</v>
      </c>
      <c r="V1939" s="53">
        <v>5333333.3333333302</v>
      </c>
      <c r="W1939" s="53">
        <v>5333333.3333333302</v>
      </c>
      <c r="X1939" s="53">
        <v>5333333.3333333302</v>
      </c>
      <c r="Y1939" s="53">
        <v>5333333.3333333302</v>
      </c>
      <c r="Z1939" s="53">
        <v>5333333.3333333302</v>
      </c>
      <c r="AA1939" s="53">
        <v>64000000</v>
      </c>
      <c r="AB1939" s="53">
        <v>5333333.3333333302</v>
      </c>
      <c r="AC1939" s="53">
        <v>5333333.3333333302</v>
      </c>
      <c r="AD1939" s="53">
        <v>5333333.3333333302</v>
      </c>
      <c r="AE1939" s="53">
        <v>5333333.3333333302</v>
      </c>
      <c r="AF1939" s="53">
        <v>5333333.3333333302</v>
      </c>
      <c r="AG1939" s="53">
        <v>5333333.3333333302</v>
      </c>
      <c r="AH1939" s="53">
        <v>5333333.3333333302</v>
      </c>
      <c r="AI1939" s="53">
        <v>5333333.3333333302</v>
      </c>
      <c r="AJ1939" s="53">
        <v>5333333.3333333302</v>
      </c>
      <c r="AK1939" s="53">
        <v>5333333.3333333302</v>
      </c>
      <c r="AL1939" s="53">
        <v>5333333.3333333302</v>
      </c>
      <c r="AM1939" s="53">
        <v>5333333.3333333302</v>
      </c>
      <c r="AN1939" s="53">
        <v>64000000</v>
      </c>
      <c r="AO1939" s="53">
        <v>5333333.3333333302</v>
      </c>
      <c r="AP1939" s="53">
        <v>5333333.3333333302</v>
      </c>
      <c r="AQ1939" s="53">
        <v>5333333.3333333302</v>
      </c>
      <c r="AR1939" s="53">
        <v>5333333.3333333302</v>
      </c>
      <c r="AS1939" s="53">
        <v>5333333.3333333302</v>
      </c>
      <c r="AT1939" s="53">
        <v>5333333.3333333302</v>
      </c>
      <c r="AU1939" s="53">
        <v>5333333.3333333302</v>
      </c>
      <c r="AV1939" s="53">
        <v>5333333.3333333302</v>
      </c>
      <c r="AW1939" s="53">
        <v>5333333.3333333302</v>
      </c>
      <c r="AX1939" s="53">
        <v>5333333.3333333302</v>
      </c>
      <c r="AY1939" s="53">
        <v>5333333.3333333302</v>
      </c>
      <c r="AZ1939" s="53">
        <v>5333333.3333333302</v>
      </c>
      <c r="BA1939" s="53">
        <v>64000000</v>
      </c>
      <c r="BB1939" s="53">
        <v>5333333.3333333302</v>
      </c>
      <c r="BC1939" s="53">
        <v>5333333.3333333302</v>
      </c>
      <c r="BD1939" s="53">
        <v>5333333.3333333302</v>
      </c>
      <c r="BE1939" s="53">
        <v>5333333.3333333302</v>
      </c>
      <c r="BF1939" s="53">
        <v>5333333.3333333302</v>
      </c>
      <c r="BG1939" s="53">
        <v>5333333.3333333302</v>
      </c>
      <c r="BH1939" s="53">
        <v>5333333.3333333302</v>
      </c>
      <c r="BI1939" s="53">
        <v>5333333.3333333302</v>
      </c>
      <c r="BJ1939" s="53">
        <v>5333333.3333333302</v>
      </c>
      <c r="BK1939" s="53">
        <v>5333333.3333333302</v>
      </c>
      <c r="BL1939" s="53">
        <v>5333333.3333333302</v>
      </c>
      <c r="BM1939" s="53">
        <v>5333333.3333333302</v>
      </c>
      <c r="BN1939" s="53">
        <v>64000000</v>
      </c>
      <c r="BO1939" s="53">
        <v>5333333.3333333302</v>
      </c>
      <c r="BP1939" s="53">
        <v>5333333.3333333302</v>
      </c>
      <c r="BQ1939" s="53">
        <v>5333333.3333333302</v>
      </c>
      <c r="BR1939" s="53">
        <v>5333333.3333333302</v>
      </c>
      <c r="BS1939" s="53">
        <v>5333333.3333333302</v>
      </c>
      <c r="BT1939" s="53">
        <v>5333333.3333333302</v>
      </c>
      <c r="BU1939" s="53">
        <v>5333333.3333333302</v>
      </c>
      <c r="BV1939" s="53">
        <v>5333333.3333333302</v>
      </c>
      <c r="BW1939" s="53">
        <v>5333333.3333333302</v>
      </c>
      <c r="BX1939" s="53">
        <v>5333333.3333333302</v>
      </c>
      <c r="BY1939" s="53">
        <v>5333333.3333333302</v>
      </c>
      <c r="BZ1939" s="53">
        <v>5333333.3333333302</v>
      </c>
      <c r="CA1939" s="53">
        <v>64000000</v>
      </c>
      <c r="CB1939" s="53">
        <v>57932274.365327902</v>
      </c>
      <c r="CC1939" s="53">
        <v>67898931.900552601</v>
      </c>
      <c r="CD1939" s="53">
        <v>72548101.006419405</v>
      </c>
      <c r="CE1939" s="53">
        <v>67063173.306773797</v>
      </c>
      <c r="CF1939" s="53">
        <v>75578646.8626692</v>
      </c>
      <c r="CG1939" s="53">
        <v>95335507.789363593</v>
      </c>
      <c r="CH1939" s="53">
        <v>100801063.73001499</v>
      </c>
      <c r="CI1939" s="53">
        <v>130237122.281703</v>
      </c>
      <c r="CJ1939" s="53">
        <v>159914178.98243099</v>
      </c>
      <c r="CK1939" s="53">
        <v>132107240.93402199</v>
      </c>
      <c r="CL1939" s="53">
        <v>146699388.75738201</v>
      </c>
      <c r="CM1939" s="53">
        <v>151527696.905644</v>
      </c>
      <c r="CN1939" s="53">
        <v>57932274.365327902</v>
      </c>
    </row>
    <row r="1940" spans="1:92" outlineLevel="1">
      <c r="A1940" s="52" t="s">
        <v>717</v>
      </c>
      <c r="B1940" s="53">
        <v>1647916.66666666</v>
      </c>
      <c r="C1940" s="53">
        <v>1647916.66666666</v>
      </c>
      <c r="D1940" s="53">
        <v>1647916.66666666</v>
      </c>
      <c r="E1940" s="53">
        <v>1647916.66666666</v>
      </c>
      <c r="F1940" s="53">
        <v>1647916.66666666</v>
      </c>
      <c r="G1940" s="53">
        <v>1647916.66666666</v>
      </c>
      <c r="H1940" s="53">
        <v>1647916.66666666</v>
      </c>
      <c r="I1940" s="53">
        <v>1647916.66666666</v>
      </c>
      <c r="J1940" s="53">
        <v>1647916.66666666</v>
      </c>
      <c r="K1940" s="53">
        <v>1647916.66666666</v>
      </c>
      <c r="L1940" s="53">
        <v>1647916.66666666</v>
      </c>
      <c r="M1940" s="53">
        <v>1647916.66666666</v>
      </c>
      <c r="N1940" s="53">
        <v>19775000</v>
      </c>
      <c r="O1940" s="53">
        <v>1647916.66666666</v>
      </c>
      <c r="P1940" s="53">
        <v>1647916.66666666</v>
      </c>
      <c r="Q1940" s="53">
        <v>1647916.66666666</v>
      </c>
      <c r="R1940" s="53">
        <v>1647916.66666666</v>
      </c>
      <c r="S1940" s="53">
        <v>1647916.66666666</v>
      </c>
      <c r="T1940" s="53">
        <v>1647916.66666666</v>
      </c>
      <c r="U1940" s="53">
        <v>1647916.66666666</v>
      </c>
      <c r="V1940" s="53">
        <v>1647916.66666666</v>
      </c>
      <c r="W1940" s="53">
        <v>1647916.66666666</v>
      </c>
      <c r="X1940" s="53">
        <v>1647916.66666666</v>
      </c>
      <c r="Y1940" s="53">
        <v>1647916.66666666</v>
      </c>
      <c r="Z1940" s="53">
        <v>1647916.66666666</v>
      </c>
      <c r="AA1940" s="53">
        <v>19775000</v>
      </c>
      <c r="AB1940" s="53">
        <v>1647916.66666666</v>
      </c>
      <c r="AC1940" s="53">
        <v>1647916.66666666</v>
      </c>
      <c r="AD1940" s="53">
        <v>1647916.66666666</v>
      </c>
      <c r="AE1940" s="53">
        <v>1647916.66666666</v>
      </c>
      <c r="AF1940" s="53">
        <v>1647916.66666666</v>
      </c>
      <c r="AG1940" s="53">
        <v>1647916.66666666</v>
      </c>
      <c r="AH1940" s="53">
        <v>1647916.66666666</v>
      </c>
      <c r="AI1940" s="53">
        <v>1647916.66666666</v>
      </c>
      <c r="AJ1940" s="53">
        <v>1647916.66666666</v>
      </c>
      <c r="AK1940" s="53">
        <v>1647916.66666666</v>
      </c>
      <c r="AL1940" s="53">
        <v>1647916.66666666</v>
      </c>
      <c r="AM1940" s="53">
        <v>1647916.66666666</v>
      </c>
      <c r="AN1940" s="53">
        <v>19775000</v>
      </c>
      <c r="AO1940" s="53">
        <v>1647916.66666666</v>
      </c>
      <c r="AP1940" s="53">
        <v>1647916.66666666</v>
      </c>
      <c r="AQ1940" s="53">
        <v>1647916.66666666</v>
      </c>
      <c r="AR1940" s="53">
        <v>1647916.66666666</v>
      </c>
      <c r="AS1940" s="53">
        <v>1647916.66666666</v>
      </c>
      <c r="AT1940" s="53">
        <v>1647916.66666666</v>
      </c>
      <c r="AU1940" s="53">
        <v>1647916.66666666</v>
      </c>
      <c r="AV1940" s="53">
        <v>1647916.66666666</v>
      </c>
      <c r="AW1940" s="53">
        <v>1647916.66666666</v>
      </c>
      <c r="AX1940" s="53">
        <v>1647916.66666666</v>
      </c>
      <c r="AY1940" s="53">
        <v>1647916.66666666</v>
      </c>
      <c r="AZ1940" s="53">
        <v>1647916.66666666</v>
      </c>
      <c r="BA1940" s="53">
        <v>19775000</v>
      </c>
      <c r="BB1940" s="53">
        <v>1647916.66666666</v>
      </c>
      <c r="BC1940" s="53">
        <v>1647916.66666666</v>
      </c>
      <c r="BD1940" s="53">
        <v>1647916.66666666</v>
      </c>
      <c r="BE1940" s="53">
        <v>1647916.66666666</v>
      </c>
      <c r="BF1940" s="53">
        <v>1647916.66666666</v>
      </c>
      <c r="BG1940" s="53">
        <v>1647916.66666666</v>
      </c>
      <c r="BH1940" s="53">
        <v>1647916.66666666</v>
      </c>
      <c r="BI1940" s="53">
        <v>1647916.66666666</v>
      </c>
      <c r="BJ1940" s="53">
        <v>1647916.66666666</v>
      </c>
      <c r="BK1940" s="53">
        <v>1647916.66666666</v>
      </c>
      <c r="BL1940" s="53">
        <v>1647916.66666666</v>
      </c>
      <c r="BM1940" s="53">
        <v>1647916.66666666</v>
      </c>
      <c r="BN1940" s="53">
        <v>19775000</v>
      </c>
      <c r="BO1940" s="53">
        <v>1647916.66666666</v>
      </c>
      <c r="BP1940" s="53">
        <v>1647916.66666666</v>
      </c>
      <c r="BQ1940" s="53">
        <v>1647916.66666666</v>
      </c>
      <c r="BR1940" s="53">
        <v>1647916.66666666</v>
      </c>
      <c r="BS1940" s="53">
        <v>1647916.66666666</v>
      </c>
      <c r="BT1940" s="53">
        <v>1647916.66666666</v>
      </c>
      <c r="BU1940" s="53">
        <v>1647916.66666666</v>
      </c>
      <c r="BV1940" s="53">
        <v>1647916.66666666</v>
      </c>
      <c r="BW1940" s="53">
        <v>1647916.66666666</v>
      </c>
      <c r="BX1940" s="53">
        <v>1647916.66666666</v>
      </c>
      <c r="BY1940" s="53">
        <v>1647916.66666666</v>
      </c>
      <c r="BZ1940" s="53">
        <v>1647916.66666666</v>
      </c>
      <c r="CA1940" s="53">
        <v>19775000</v>
      </c>
      <c r="CB1940" s="53"/>
      <c r="CC1940" s="53"/>
      <c r="CD1940" s="53"/>
      <c r="CE1940" s="53"/>
      <c r="CF1940" s="53"/>
      <c r="CG1940" s="53"/>
      <c r="CH1940" s="53"/>
      <c r="CI1940" s="53"/>
      <c r="CJ1940" s="53"/>
      <c r="CK1940" s="53"/>
      <c r="CL1940" s="53"/>
      <c r="CM1940" s="53"/>
      <c r="CN1940" s="53"/>
    </row>
    <row r="1941" spans="1:92" outlineLevel="1">
      <c r="A1941" s="52" t="s">
        <v>718</v>
      </c>
      <c r="B1941" s="53">
        <v>1283333.33333333</v>
      </c>
      <c r="C1941" s="53">
        <v>1283333.33333333</v>
      </c>
      <c r="D1941" s="53">
        <v>1283333.33333333</v>
      </c>
      <c r="E1941" s="53">
        <v>1283333.33333333</v>
      </c>
      <c r="F1941" s="53">
        <v>1283333.33333333</v>
      </c>
      <c r="G1941" s="53">
        <v>1283333.33333333</v>
      </c>
      <c r="H1941" s="53">
        <v>1283333.33333333</v>
      </c>
      <c r="I1941" s="53">
        <v>1283333.33333333</v>
      </c>
      <c r="J1941" s="53">
        <v>1283333.33333333</v>
      </c>
      <c r="K1941" s="53">
        <v>1283333.33333333</v>
      </c>
      <c r="L1941" s="53">
        <v>1283333.33333333</v>
      </c>
      <c r="M1941" s="53">
        <v>1283333.33333333</v>
      </c>
      <c r="N1941" s="53">
        <v>15400000</v>
      </c>
      <c r="O1941" s="53">
        <v>1283333.33333333</v>
      </c>
      <c r="P1941" s="53">
        <v>1283333.33333333</v>
      </c>
      <c r="Q1941" s="53">
        <v>1283333.33333333</v>
      </c>
      <c r="R1941" s="53">
        <v>1283333.33333333</v>
      </c>
      <c r="S1941" s="53">
        <v>1283333.33333333</v>
      </c>
      <c r="T1941" s="53">
        <v>1283333.33333333</v>
      </c>
      <c r="U1941" s="53">
        <v>1283333.33333333</v>
      </c>
      <c r="V1941" s="53">
        <v>1283333.33333333</v>
      </c>
      <c r="W1941" s="53">
        <v>1283333.33333333</v>
      </c>
      <c r="X1941" s="53">
        <v>1283333.33333333</v>
      </c>
      <c r="Y1941" s="53">
        <v>1283333.33333333</v>
      </c>
      <c r="Z1941" s="53">
        <v>1283333.33333333</v>
      </c>
      <c r="AA1941" s="53">
        <v>15400000</v>
      </c>
      <c r="AB1941" s="53">
        <v>1283333.33333333</v>
      </c>
      <c r="AC1941" s="53">
        <v>1283333.33333333</v>
      </c>
      <c r="AD1941" s="53">
        <v>1283333.33333333</v>
      </c>
      <c r="AE1941" s="53">
        <v>1283333.33333333</v>
      </c>
      <c r="AF1941" s="53">
        <v>1283333.33333333</v>
      </c>
      <c r="AG1941" s="53">
        <v>1283333.33333333</v>
      </c>
      <c r="AH1941" s="53">
        <v>1283333.33333333</v>
      </c>
      <c r="AI1941" s="53">
        <v>1283333.33333333</v>
      </c>
      <c r="AJ1941" s="53">
        <v>1283333.33333333</v>
      </c>
      <c r="AK1941" s="53">
        <v>1283333.33333333</v>
      </c>
      <c r="AL1941" s="53">
        <v>1283333.33333333</v>
      </c>
      <c r="AM1941" s="53">
        <v>1283333.33333333</v>
      </c>
      <c r="AN1941" s="53">
        <v>15400000</v>
      </c>
      <c r="AO1941" s="53">
        <v>1283333.33333333</v>
      </c>
      <c r="AP1941" s="53">
        <v>1283333.33333333</v>
      </c>
      <c r="AQ1941" s="53">
        <v>1283333.33333333</v>
      </c>
      <c r="AR1941" s="53">
        <v>1283333.33333333</v>
      </c>
      <c r="AS1941" s="53">
        <v>1283333.33333333</v>
      </c>
      <c r="AT1941" s="53">
        <v>1283333.33333333</v>
      </c>
      <c r="AU1941" s="53">
        <v>1283333.33333333</v>
      </c>
      <c r="AV1941" s="53">
        <v>1283333.33333333</v>
      </c>
      <c r="AW1941" s="53">
        <v>1283333.33333333</v>
      </c>
      <c r="AX1941" s="53">
        <v>1283333.33333333</v>
      </c>
      <c r="AY1941" s="53">
        <v>1283333.33333333</v>
      </c>
      <c r="AZ1941" s="53">
        <v>1283333.33333333</v>
      </c>
      <c r="BA1941" s="53">
        <v>15400000</v>
      </c>
      <c r="BB1941" s="53">
        <v>1283333.33333333</v>
      </c>
      <c r="BC1941" s="53">
        <v>1283333.33333333</v>
      </c>
      <c r="BD1941" s="53">
        <v>1283333.33333333</v>
      </c>
      <c r="BE1941" s="53">
        <v>1283333.33333333</v>
      </c>
      <c r="BF1941" s="53">
        <v>1283333.33333333</v>
      </c>
      <c r="BG1941" s="53">
        <v>1283333.33333333</v>
      </c>
      <c r="BH1941" s="53">
        <v>1283333.33333333</v>
      </c>
      <c r="BI1941" s="53">
        <v>1283333.33333333</v>
      </c>
      <c r="BJ1941" s="53">
        <v>1283333.33333333</v>
      </c>
      <c r="BK1941" s="53">
        <v>1283333.33333333</v>
      </c>
      <c r="BL1941" s="53">
        <v>1283333.33333333</v>
      </c>
      <c r="BM1941" s="53">
        <v>1283333.33333333</v>
      </c>
      <c r="BN1941" s="53">
        <v>15400000</v>
      </c>
      <c r="BO1941" s="53">
        <v>1283333.33333333</v>
      </c>
      <c r="BP1941" s="53">
        <v>1283333.33333333</v>
      </c>
      <c r="BQ1941" s="53">
        <v>1283333.33333333</v>
      </c>
      <c r="BR1941" s="53">
        <v>1283333.33333333</v>
      </c>
      <c r="BS1941" s="53">
        <v>1283333.33333333</v>
      </c>
      <c r="BT1941" s="53">
        <v>1283333.33333333</v>
      </c>
      <c r="BU1941" s="53">
        <v>1283333.33333333</v>
      </c>
      <c r="BV1941" s="53">
        <v>1283333.33333333</v>
      </c>
      <c r="BW1941" s="53">
        <v>1283333.33333333</v>
      </c>
      <c r="BX1941" s="53">
        <v>1283333.33333333</v>
      </c>
      <c r="BY1941" s="53">
        <v>1283333.33333333</v>
      </c>
      <c r="BZ1941" s="53">
        <v>1283333.33333333</v>
      </c>
      <c r="CA1941" s="53">
        <v>15400000</v>
      </c>
      <c r="CB1941" s="53"/>
      <c r="CC1941" s="53"/>
      <c r="CD1941" s="53"/>
      <c r="CE1941" s="53"/>
      <c r="CF1941" s="53"/>
      <c r="CG1941" s="53"/>
      <c r="CH1941" s="53"/>
      <c r="CI1941" s="53"/>
      <c r="CJ1941" s="53"/>
      <c r="CK1941" s="53"/>
      <c r="CL1941" s="53"/>
      <c r="CM1941" s="53"/>
      <c r="CN1941" s="53"/>
    </row>
    <row r="1942" spans="1:92" outlineLevel="1">
      <c r="A1942" s="52" t="s">
        <v>1563</v>
      </c>
      <c r="B1942" s="53">
        <v>187500</v>
      </c>
      <c r="C1942" s="53">
        <v>187500</v>
      </c>
      <c r="D1942" s="53">
        <v>187500</v>
      </c>
      <c r="E1942" s="53">
        <v>187500</v>
      </c>
      <c r="F1942" s="53">
        <v>187500</v>
      </c>
      <c r="G1942" s="53">
        <v>187500</v>
      </c>
      <c r="H1942" s="53">
        <v>937500</v>
      </c>
      <c r="I1942" s="53">
        <v>937500</v>
      </c>
      <c r="J1942" s="53">
        <v>937500</v>
      </c>
      <c r="K1942" s="53">
        <v>937500</v>
      </c>
      <c r="L1942" s="53">
        <v>937500</v>
      </c>
      <c r="M1942" s="53">
        <v>937500</v>
      </c>
      <c r="N1942" s="53">
        <v>6750000</v>
      </c>
      <c r="O1942" s="53">
        <v>1052083.33333333</v>
      </c>
      <c r="P1942" s="53">
        <v>1052083.33333333</v>
      </c>
      <c r="Q1942" s="53">
        <v>1052083.33333333</v>
      </c>
      <c r="R1942" s="53">
        <v>1052083.33333333</v>
      </c>
      <c r="S1942" s="53">
        <v>1052083.33333333</v>
      </c>
      <c r="T1942" s="53">
        <v>1052083.33333333</v>
      </c>
      <c r="U1942" s="53">
        <v>1041666.66666666</v>
      </c>
      <c r="V1942" s="53">
        <v>1041666.66666666</v>
      </c>
      <c r="W1942" s="53">
        <v>1041666.66666666</v>
      </c>
      <c r="X1942" s="53">
        <v>1041666.66666666</v>
      </c>
      <c r="Y1942" s="53">
        <v>1041666.66666666</v>
      </c>
      <c r="Z1942" s="53">
        <v>1041666.66666666</v>
      </c>
      <c r="AA1942" s="53">
        <v>12562499.999999899</v>
      </c>
      <c r="AB1942" s="53">
        <v>937500</v>
      </c>
      <c r="AC1942" s="53">
        <v>937500</v>
      </c>
      <c r="AD1942" s="53">
        <v>937500</v>
      </c>
      <c r="AE1942" s="53">
        <v>937500</v>
      </c>
      <c r="AF1942" s="53">
        <v>937500</v>
      </c>
      <c r="AG1942" s="53">
        <v>937500</v>
      </c>
      <c r="AH1942" s="53">
        <v>937500</v>
      </c>
      <c r="AI1942" s="53">
        <v>937500</v>
      </c>
      <c r="AJ1942" s="53">
        <v>937500</v>
      </c>
      <c r="AK1942" s="53">
        <v>937500</v>
      </c>
      <c r="AL1942" s="53">
        <v>937500</v>
      </c>
      <c r="AM1942" s="53">
        <v>937500</v>
      </c>
      <c r="AN1942" s="53">
        <v>11250000</v>
      </c>
      <c r="AO1942" s="53">
        <v>781249.99999999895</v>
      </c>
      <c r="AP1942" s="53">
        <v>781249.99999999895</v>
      </c>
      <c r="AQ1942" s="53">
        <v>781249.99999999895</v>
      </c>
      <c r="AR1942" s="53">
        <v>781249.99999999895</v>
      </c>
      <c r="AS1942" s="53">
        <v>781249.99999999895</v>
      </c>
      <c r="AT1942" s="53">
        <v>781249.99999999895</v>
      </c>
      <c r="AU1942" s="53">
        <v>781249.99999999895</v>
      </c>
      <c r="AV1942" s="53">
        <v>781249.99999999895</v>
      </c>
      <c r="AW1942" s="53">
        <v>781249.99999999895</v>
      </c>
      <c r="AX1942" s="53">
        <v>781249.99999999895</v>
      </c>
      <c r="AY1942" s="53">
        <v>781249.99999999895</v>
      </c>
      <c r="AZ1942" s="53">
        <v>781249.99999999895</v>
      </c>
      <c r="BA1942" s="53">
        <v>9374999.9999999907</v>
      </c>
      <c r="BB1942" s="53">
        <v>760416.66666666605</v>
      </c>
      <c r="BC1942" s="53">
        <v>760416.66666666605</v>
      </c>
      <c r="BD1942" s="53">
        <v>760416.66666666605</v>
      </c>
      <c r="BE1942" s="53">
        <v>760416.66666666605</v>
      </c>
      <c r="BF1942" s="53">
        <v>760416.66666666605</v>
      </c>
      <c r="BG1942" s="53">
        <v>760416.66666666605</v>
      </c>
      <c r="BH1942" s="53">
        <v>760416.66666666605</v>
      </c>
      <c r="BI1942" s="53">
        <v>760416.66666666605</v>
      </c>
      <c r="BJ1942" s="53">
        <v>760416.66666666605</v>
      </c>
      <c r="BK1942" s="53">
        <v>760416.66666666605</v>
      </c>
      <c r="BL1942" s="53">
        <v>760416.66666666605</v>
      </c>
      <c r="BM1942" s="53">
        <v>760416.66666666605</v>
      </c>
      <c r="BN1942" s="53">
        <v>9125000</v>
      </c>
      <c r="BO1942" s="53">
        <v>770833.33333333302</v>
      </c>
      <c r="BP1942" s="53">
        <v>770833.33333333302</v>
      </c>
      <c r="BQ1942" s="53">
        <v>770833.33333333302</v>
      </c>
      <c r="BR1942" s="53">
        <v>770833.33333333302</v>
      </c>
      <c r="BS1942" s="53">
        <v>770833.33333333302</v>
      </c>
      <c r="BT1942" s="53">
        <v>770833.33333333302</v>
      </c>
      <c r="BU1942" s="53">
        <v>770833.33333333302</v>
      </c>
      <c r="BV1942" s="53">
        <v>770833.33333333302</v>
      </c>
      <c r="BW1942" s="53">
        <v>770833.33333333302</v>
      </c>
      <c r="BX1942" s="53">
        <v>770833.33333333302</v>
      </c>
      <c r="BY1942" s="53">
        <v>770833.33333333302</v>
      </c>
      <c r="BZ1942" s="53">
        <v>770833.33333333302</v>
      </c>
      <c r="CA1942" s="53">
        <v>9250000</v>
      </c>
      <c r="CB1942" s="53"/>
      <c r="CC1942" s="53"/>
      <c r="CD1942" s="53"/>
      <c r="CE1942" s="53"/>
      <c r="CF1942" s="53"/>
      <c r="CG1942" s="53"/>
      <c r="CH1942" s="53"/>
      <c r="CI1942" s="53"/>
      <c r="CJ1942" s="53"/>
      <c r="CK1942" s="53"/>
      <c r="CL1942" s="53"/>
      <c r="CM1942" s="53"/>
      <c r="CN1942" s="53"/>
    </row>
    <row r="1943" spans="1:92" outlineLevel="1">
      <c r="A1943" s="52" t="s">
        <v>721</v>
      </c>
      <c r="B1943" s="53">
        <v>1700000</v>
      </c>
      <c r="C1943" s="53">
        <v>1700000</v>
      </c>
      <c r="D1943" s="53">
        <v>1700000</v>
      </c>
      <c r="E1943" s="53">
        <v>1700000</v>
      </c>
      <c r="F1943" s="53">
        <v>1700000</v>
      </c>
      <c r="G1943" s="53">
        <v>1700000</v>
      </c>
      <c r="H1943" s="53">
        <v>1700000</v>
      </c>
      <c r="I1943" s="53">
        <v>1700000</v>
      </c>
      <c r="J1943" s="53">
        <v>1700000</v>
      </c>
      <c r="K1943" s="53">
        <v>1700000</v>
      </c>
      <c r="L1943" s="53">
        <v>1700000</v>
      </c>
      <c r="M1943" s="53">
        <v>1700000</v>
      </c>
      <c r="N1943" s="53">
        <v>20400000</v>
      </c>
      <c r="O1943" s="53">
        <v>1700000</v>
      </c>
      <c r="P1943" s="53">
        <v>1700000</v>
      </c>
      <c r="Q1943" s="53">
        <v>1700000</v>
      </c>
      <c r="R1943" s="53">
        <v>1700000</v>
      </c>
      <c r="S1943" s="53">
        <v>1700000</v>
      </c>
      <c r="T1943" s="53">
        <v>1700000</v>
      </c>
      <c r="U1943" s="53">
        <v>1700000</v>
      </c>
      <c r="V1943" s="53">
        <v>1700000</v>
      </c>
      <c r="W1943" s="53">
        <v>1700000</v>
      </c>
      <c r="X1943" s="53">
        <v>1700000</v>
      </c>
      <c r="Y1943" s="53">
        <v>1700000</v>
      </c>
      <c r="Z1943" s="53">
        <v>1700000</v>
      </c>
      <c r="AA1943" s="53">
        <v>20400000</v>
      </c>
      <c r="AB1943" s="53">
        <v>1700000</v>
      </c>
      <c r="AC1943" s="53">
        <v>1700000</v>
      </c>
      <c r="AD1943" s="53">
        <v>1700000</v>
      </c>
      <c r="AE1943" s="53">
        <v>1700000</v>
      </c>
      <c r="AF1943" s="53">
        <v>1700000</v>
      </c>
      <c r="AG1943" s="53">
        <v>1700000</v>
      </c>
      <c r="AH1943" s="53">
        <v>1700000</v>
      </c>
      <c r="AI1943" s="53">
        <v>1700000</v>
      </c>
      <c r="AJ1943" s="53">
        <v>1700000</v>
      </c>
      <c r="AK1943" s="53">
        <v>1700000</v>
      </c>
      <c r="AL1943" s="53">
        <v>1700000</v>
      </c>
      <c r="AM1943" s="53">
        <v>1700000</v>
      </c>
      <c r="AN1943" s="53">
        <v>20400000</v>
      </c>
      <c r="AO1943" s="53">
        <v>1700000</v>
      </c>
      <c r="AP1943" s="53">
        <v>1700000</v>
      </c>
      <c r="AQ1943" s="53">
        <v>1700000</v>
      </c>
      <c r="AR1943" s="53">
        <v>1700000</v>
      </c>
      <c r="AS1943" s="53">
        <v>1700000</v>
      </c>
      <c r="AT1943" s="53">
        <v>1700000</v>
      </c>
      <c r="AU1943" s="53">
        <v>1700000</v>
      </c>
      <c r="AV1943" s="53">
        <v>1700000</v>
      </c>
      <c r="AW1943" s="53">
        <v>1700000</v>
      </c>
      <c r="AX1943" s="53">
        <v>1700000</v>
      </c>
      <c r="AY1943" s="53">
        <v>1700000</v>
      </c>
      <c r="AZ1943" s="53">
        <v>1700000</v>
      </c>
      <c r="BA1943" s="53">
        <v>20400000</v>
      </c>
      <c r="BB1943" s="53">
        <v>1700000</v>
      </c>
      <c r="BC1943" s="53">
        <v>1700000</v>
      </c>
      <c r="BD1943" s="53">
        <v>1700000</v>
      </c>
      <c r="BE1943" s="53">
        <v>1700000</v>
      </c>
      <c r="BF1943" s="53">
        <v>1700000</v>
      </c>
      <c r="BG1943" s="53">
        <v>1700000</v>
      </c>
      <c r="BH1943" s="53">
        <v>1700000</v>
      </c>
      <c r="BI1943" s="53">
        <v>1700000</v>
      </c>
      <c r="BJ1943" s="53">
        <v>1700000</v>
      </c>
      <c r="BK1943" s="53">
        <v>1700000</v>
      </c>
      <c r="BL1943" s="53">
        <v>1700000</v>
      </c>
      <c r="BM1943" s="53">
        <v>1700000</v>
      </c>
      <c r="BN1943" s="53">
        <v>20400000</v>
      </c>
      <c r="BO1943" s="53">
        <v>1700000</v>
      </c>
      <c r="BP1943" s="53">
        <v>1700000</v>
      </c>
      <c r="BQ1943" s="53">
        <v>1700000</v>
      </c>
      <c r="BR1943" s="53">
        <v>1700000</v>
      </c>
      <c r="BS1943" s="53">
        <v>1700000</v>
      </c>
      <c r="BT1943" s="53">
        <v>1700000</v>
      </c>
      <c r="BU1943" s="53">
        <v>1700000</v>
      </c>
      <c r="BV1943" s="53">
        <v>1700000</v>
      </c>
      <c r="BW1943" s="53">
        <v>1700000</v>
      </c>
      <c r="BX1943" s="53">
        <v>1700000</v>
      </c>
      <c r="BY1943" s="53">
        <v>1700000</v>
      </c>
      <c r="BZ1943" s="53">
        <v>1700000</v>
      </c>
      <c r="CA1943" s="53">
        <v>20400000</v>
      </c>
      <c r="CB1943" s="53"/>
      <c r="CC1943" s="53"/>
      <c r="CD1943" s="53">
        <v>-9665239.1953504495</v>
      </c>
      <c r="CE1943" s="53"/>
      <c r="CF1943" s="53"/>
      <c r="CG1943" s="53">
        <v>-18796138.1368342</v>
      </c>
      <c r="CH1943" s="53"/>
      <c r="CI1943" s="53"/>
      <c r="CJ1943" s="53">
        <v>-52534028.561362997</v>
      </c>
      <c r="CK1943" s="53"/>
      <c r="CL1943" s="53"/>
      <c r="CM1943" s="53">
        <v>-98432353.592288703</v>
      </c>
      <c r="CN1943" s="53">
        <v>-179427759.485836</v>
      </c>
    </row>
    <row r="1944" spans="1:92" outlineLevel="1">
      <c r="A1944" s="52" t="s">
        <v>723</v>
      </c>
      <c r="B1944" s="53">
        <v>1733333.33333333</v>
      </c>
      <c r="C1944" s="53">
        <v>1733333.33333333</v>
      </c>
      <c r="D1944" s="53">
        <v>1733333.33333333</v>
      </c>
      <c r="E1944" s="53">
        <v>1733333.33333333</v>
      </c>
      <c r="F1944" s="53">
        <v>1733333.33333333</v>
      </c>
      <c r="G1944" s="53">
        <v>1733333.33333333</v>
      </c>
      <c r="H1944" s="53">
        <v>1733333.33333333</v>
      </c>
      <c r="I1944" s="53">
        <v>1733333.33333333</v>
      </c>
      <c r="J1944" s="53">
        <v>1733333.33333333</v>
      </c>
      <c r="K1944" s="53">
        <v>1733333.33333333</v>
      </c>
      <c r="L1944" s="53">
        <v>1733333.33333333</v>
      </c>
      <c r="M1944" s="53">
        <v>1733333.33333333</v>
      </c>
      <c r="N1944" s="53">
        <v>20800000</v>
      </c>
      <c r="O1944" s="53">
        <v>1733333.33333333</v>
      </c>
      <c r="P1944" s="53">
        <v>1733333.33333333</v>
      </c>
      <c r="Q1944" s="53">
        <v>1733333.33333333</v>
      </c>
      <c r="R1944" s="53">
        <v>1733333.33333333</v>
      </c>
      <c r="S1944" s="53">
        <v>1733333.33333333</v>
      </c>
      <c r="T1944" s="53">
        <v>1733333.33333333</v>
      </c>
      <c r="U1944" s="53">
        <v>1733333.33333333</v>
      </c>
      <c r="V1944" s="53">
        <v>1733333.33333333</v>
      </c>
      <c r="W1944" s="53">
        <v>1733333.33333333</v>
      </c>
      <c r="X1944" s="53">
        <v>1733333.33333333</v>
      </c>
      <c r="Y1944" s="53">
        <v>1733333.33333333</v>
      </c>
      <c r="Z1944" s="53">
        <v>1733333.33333333</v>
      </c>
      <c r="AA1944" s="53">
        <v>20800000</v>
      </c>
      <c r="AB1944" s="53">
        <v>1733333.33333333</v>
      </c>
      <c r="AC1944" s="53">
        <v>1733333.33333333</v>
      </c>
      <c r="AD1944" s="53">
        <v>1733333.33333333</v>
      </c>
      <c r="AE1944" s="53">
        <v>1733333.33333333</v>
      </c>
      <c r="AF1944" s="53">
        <v>1733333.33333333</v>
      </c>
      <c r="AG1944" s="53">
        <v>1733333.33333333</v>
      </c>
      <c r="AH1944" s="53">
        <v>1733333.33333333</v>
      </c>
      <c r="AI1944" s="53">
        <v>1733333.33333333</v>
      </c>
      <c r="AJ1944" s="53">
        <v>1733333.33333333</v>
      </c>
      <c r="AK1944" s="53">
        <v>1733333.33333333</v>
      </c>
      <c r="AL1944" s="53">
        <v>1733333.33333333</v>
      </c>
      <c r="AM1944" s="53">
        <v>1733333.33333333</v>
      </c>
      <c r="AN1944" s="53">
        <v>20800000</v>
      </c>
      <c r="AO1944" s="53">
        <v>1733333.33333333</v>
      </c>
      <c r="AP1944" s="53">
        <v>1733333.33333333</v>
      </c>
      <c r="AQ1944" s="53">
        <v>1733333.33333333</v>
      </c>
      <c r="AR1944" s="53">
        <v>1733333.33333333</v>
      </c>
      <c r="AS1944" s="53">
        <v>1733333.33333333</v>
      </c>
      <c r="AT1944" s="53">
        <v>1733333.33333333</v>
      </c>
      <c r="AU1944" s="53">
        <v>1733333.33333333</v>
      </c>
      <c r="AV1944" s="53">
        <v>1733333.33333333</v>
      </c>
      <c r="AW1944" s="53">
        <v>1733333.33333333</v>
      </c>
      <c r="AX1944" s="53">
        <v>1733333.33333333</v>
      </c>
      <c r="AY1944" s="53">
        <v>1733333.33333333</v>
      </c>
      <c r="AZ1944" s="53">
        <v>1733333.33333333</v>
      </c>
      <c r="BA1944" s="53">
        <v>20800000</v>
      </c>
      <c r="BB1944" s="53">
        <v>1733333.33333333</v>
      </c>
      <c r="BC1944" s="53">
        <v>1733333.33333333</v>
      </c>
      <c r="BD1944" s="53">
        <v>1733333.33333333</v>
      </c>
      <c r="BE1944" s="53">
        <v>1733333.33333333</v>
      </c>
      <c r="BF1944" s="53">
        <v>1733333.33333333</v>
      </c>
      <c r="BG1944" s="53">
        <v>1733333.33333333</v>
      </c>
      <c r="BH1944" s="53">
        <v>1733333.33333333</v>
      </c>
      <c r="BI1944" s="53">
        <v>1733333.33333333</v>
      </c>
      <c r="BJ1944" s="53">
        <v>1733333.33333333</v>
      </c>
      <c r="BK1944" s="53">
        <v>1733333.33333333</v>
      </c>
      <c r="BL1944" s="53">
        <v>1733333.33333333</v>
      </c>
      <c r="BM1944" s="53">
        <v>1733333.33333333</v>
      </c>
      <c r="BN1944" s="53">
        <v>20800000</v>
      </c>
      <c r="BO1944" s="53">
        <v>866666.66666666605</v>
      </c>
      <c r="BP1944" s="53"/>
      <c r="BQ1944" s="53"/>
      <c r="BR1944" s="53"/>
      <c r="BS1944" s="53"/>
      <c r="BT1944" s="53"/>
      <c r="BU1944" s="53"/>
      <c r="BV1944" s="53"/>
      <c r="BW1944" s="53"/>
      <c r="BX1944" s="53"/>
      <c r="BY1944" s="53"/>
      <c r="BZ1944" s="53"/>
      <c r="CA1944" s="53">
        <v>866666.66666666605</v>
      </c>
      <c r="CB1944" s="53"/>
      <c r="CC1944" s="53"/>
      <c r="CD1944" s="53"/>
      <c r="CE1944" s="53"/>
      <c r="CF1944" s="53"/>
      <c r="CG1944" s="53"/>
      <c r="CH1944" s="53"/>
      <c r="CI1944" s="53"/>
      <c r="CJ1944" s="53"/>
      <c r="CK1944" s="53"/>
      <c r="CL1944" s="53"/>
      <c r="CM1944" s="53"/>
      <c r="CN1944" s="53"/>
    </row>
    <row r="1945" spans="1:92" outlineLevel="1">
      <c r="A1945" s="52" t="s">
        <v>724</v>
      </c>
      <c r="B1945" s="53">
        <v>1400000</v>
      </c>
      <c r="C1945" s="53">
        <v>1400000</v>
      </c>
      <c r="D1945" s="53">
        <v>1400000</v>
      </c>
      <c r="E1945" s="53">
        <v>1400000</v>
      </c>
      <c r="F1945" s="53">
        <v>1400000</v>
      </c>
      <c r="G1945" s="53">
        <v>1400000</v>
      </c>
      <c r="H1945" s="53">
        <v>1400000</v>
      </c>
      <c r="I1945" s="53">
        <v>1400000</v>
      </c>
      <c r="J1945" s="53">
        <v>1400000</v>
      </c>
      <c r="K1945" s="53">
        <v>1400000</v>
      </c>
      <c r="L1945" s="53">
        <v>1400000</v>
      </c>
      <c r="M1945" s="53">
        <v>1400000</v>
      </c>
      <c r="N1945" s="53">
        <v>16800000</v>
      </c>
      <c r="O1945" s="53">
        <v>1400000</v>
      </c>
      <c r="P1945" s="53">
        <v>1400000</v>
      </c>
      <c r="Q1945" s="53">
        <v>1400000</v>
      </c>
      <c r="R1945" s="53">
        <v>1400000</v>
      </c>
      <c r="S1945" s="53">
        <v>1400000</v>
      </c>
      <c r="T1945" s="53">
        <v>1400000</v>
      </c>
      <c r="U1945" s="53">
        <v>1400000</v>
      </c>
      <c r="V1945" s="53">
        <v>1400000</v>
      </c>
      <c r="W1945" s="53">
        <v>1400000</v>
      </c>
      <c r="X1945" s="53">
        <v>1400000</v>
      </c>
      <c r="Y1945" s="53">
        <v>1400000</v>
      </c>
      <c r="Z1945" s="53">
        <v>1400000</v>
      </c>
      <c r="AA1945" s="53">
        <v>16800000</v>
      </c>
      <c r="AB1945" s="53">
        <v>1400000</v>
      </c>
      <c r="AC1945" s="53">
        <v>1400000</v>
      </c>
      <c r="AD1945" s="53">
        <v>1400000</v>
      </c>
      <c r="AE1945" s="53">
        <v>1400000</v>
      </c>
      <c r="AF1945" s="53">
        <v>1400000</v>
      </c>
      <c r="AG1945" s="53">
        <v>1400000</v>
      </c>
      <c r="AH1945" s="53">
        <v>1400000</v>
      </c>
      <c r="AI1945" s="53">
        <v>1400000</v>
      </c>
      <c r="AJ1945" s="53">
        <v>1400000</v>
      </c>
      <c r="AK1945" s="53">
        <v>1400000</v>
      </c>
      <c r="AL1945" s="53">
        <v>1400000</v>
      </c>
      <c r="AM1945" s="53">
        <v>1400000</v>
      </c>
      <c r="AN1945" s="53">
        <v>16800000</v>
      </c>
      <c r="AO1945" s="53">
        <v>1400000</v>
      </c>
      <c r="AP1945" s="53">
        <v>1400000</v>
      </c>
      <c r="AQ1945" s="53">
        <v>1400000</v>
      </c>
      <c r="AR1945" s="53">
        <v>1400000</v>
      </c>
      <c r="AS1945" s="53">
        <v>1400000</v>
      </c>
      <c r="AT1945" s="53">
        <v>1400000</v>
      </c>
      <c r="AU1945" s="53">
        <v>1400000</v>
      </c>
      <c r="AV1945" s="53">
        <v>1400000</v>
      </c>
      <c r="AW1945" s="53">
        <v>1400000</v>
      </c>
      <c r="AX1945" s="53">
        <v>1400000</v>
      </c>
      <c r="AY1945" s="53">
        <v>1400000</v>
      </c>
      <c r="AZ1945" s="53">
        <v>1400000</v>
      </c>
      <c r="BA1945" s="53">
        <v>16800000</v>
      </c>
      <c r="BB1945" s="53">
        <v>1400000</v>
      </c>
      <c r="BC1945" s="53">
        <v>1400000</v>
      </c>
      <c r="BD1945" s="53">
        <v>1400000</v>
      </c>
      <c r="BE1945" s="53">
        <v>1400000</v>
      </c>
      <c r="BF1945" s="53">
        <v>1400000</v>
      </c>
      <c r="BG1945" s="53">
        <v>1400000</v>
      </c>
      <c r="BH1945" s="53">
        <v>1400000</v>
      </c>
      <c r="BI1945" s="53">
        <v>1400000</v>
      </c>
      <c r="BJ1945" s="53">
        <v>1400000</v>
      </c>
      <c r="BK1945" s="53">
        <v>1400000</v>
      </c>
      <c r="BL1945" s="53">
        <v>1400000</v>
      </c>
      <c r="BM1945" s="53">
        <v>1400000</v>
      </c>
      <c r="BN1945" s="53">
        <v>16800000</v>
      </c>
      <c r="BO1945" s="53">
        <v>1400000</v>
      </c>
      <c r="BP1945" s="53">
        <v>1400000</v>
      </c>
      <c r="BQ1945" s="53">
        <v>1400000</v>
      </c>
      <c r="BR1945" s="53">
        <v>1400000</v>
      </c>
      <c r="BS1945" s="53">
        <v>1400000</v>
      </c>
      <c r="BT1945" s="53">
        <v>1400000</v>
      </c>
      <c r="BU1945" s="53">
        <v>1400000</v>
      </c>
      <c r="BV1945" s="53">
        <v>1400000</v>
      </c>
      <c r="BW1945" s="53">
        <v>1400000</v>
      </c>
      <c r="BX1945" s="53">
        <v>1400000</v>
      </c>
      <c r="BY1945" s="53">
        <v>1400000</v>
      </c>
      <c r="BZ1945" s="53">
        <v>1400000</v>
      </c>
      <c r="CA1945" s="53">
        <v>16800000</v>
      </c>
      <c r="CB1945" s="53"/>
      <c r="CC1945" s="53"/>
      <c r="CD1945" s="53"/>
      <c r="CE1945" s="53"/>
      <c r="CF1945" s="53"/>
      <c r="CG1945" s="53"/>
      <c r="CH1945" s="53"/>
      <c r="CI1945" s="53"/>
      <c r="CJ1945" s="53"/>
      <c r="CK1945" s="53"/>
      <c r="CL1945" s="53"/>
      <c r="CM1945" s="53"/>
      <c r="CN1945" s="53"/>
    </row>
    <row r="1946" spans="1:92" outlineLevel="1">
      <c r="A1946" s="52" t="s">
        <v>725</v>
      </c>
      <c r="B1946" s="53">
        <v>1900000</v>
      </c>
      <c r="C1946" s="53">
        <v>1900000</v>
      </c>
      <c r="D1946" s="53">
        <v>1900000</v>
      </c>
      <c r="E1946" s="53">
        <v>1900000</v>
      </c>
      <c r="F1946" s="53">
        <v>1900000</v>
      </c>
      <c r="G1946" s="53">
        <v>1900000</v>
      </c>
      <c r="H1946" s="53">
        <v>1900000</v>
      </c>
      <c r="I1946" s="53">
        <v>1900000</v>
      </c>
      <c r="J1946" s="53">
        <v>1900000</v>
      </c>
      <c r="K1946" s="53">
        <v>1900000</v>
      </c>
      <c r="L1946" s="53">
        <v>1900000</v>
      </c>
      <c r="M1946" s="53">
        <v>1900000</v>
      </c>
      <c r="N1946" s="53">
        <v>22800000</v>
      </c>
      <c r="O1946" s="53">
        <v>1900000</v>
      </c>
      <c r="P1946" s="53">
        <v>1900000</v>
      </c>
      <c r="Q1946" s="53">
        <v>1900000</v>
      </c>
      <c r="R1946" s="53">
        <v>1900000</v>
      </c>
      <c r="S1946" s="53">
        <v>1900000</v>
      </c>
      <c r="T1946" s="53">
        <v>1900000</v>
      </c>
      <c r="U1946" s="53">
        <v>1900000</v>
      </c>
      <c r="V1946" s="53">
        <v>1900000</v>
      </c>
      <c r="W1946" s="53">
        <v>1900000</v>
      </c>
      <c r="X1946" s="53">
        <v>1900000</v>
      </c>
      <c r="Y1946" s="53">
        <v>1900000</v>
      </c>
      <c r="Z1946" s="53">
        <v>1900000</v>
      </c>
      <c r="AA1946" s="53">
        <v>22800000</v>
      </c>
      <c r="AB1946" s="53">
        <v>1900000</v>
      </c>
      <c r="AC1946" s="53">
        <v>1900000</v>
      </c>
      <c r="AD1946" s="53">
        <v>1900000</v>
      </c>
      <c r="AE1946" s="53">
        <v>1900000</v>
      </c>
      <c r="AF1946" s="53">
        <v>1900000</v>
      </c>
      <c r="AG1946" s="53">
        <v>1900000</v>
      </c>
      <c r="AH1946" s="53">
        <v>1900000</v>
      </c>
      <c r="AI1946" s="53">
        <v>1900000</v>
      </c>
      <c r="AJ1946" s="53">
        <v>1900000</v>
      </c>
      <c r="AK1946" s="53">
        <v>1900000</v>
      </c>
      <c r="AL1946" s="53">
        <v>1900000</v>
      </c>
      <c r="AM1946" s="53">
        <v>1900000</v>
      </c>
      <c r="AN1946" s="53">
        <v>22800000</v>
      </c>
      <c r="AO1946" s="53">
        <v>1900000</v>
      </c>
      <c r="AP1946" s="53">
        <v>1900000</v>
      </c>
      <c r="AQ1946" s="53">
        <v>1900000</v>
      </c>
      <c r="AR1946" s="53">
        <v>1900000</v>
      </c>
      <c r="AS1946" s="53">
        <v>1900000</v>
      </c>
      <c r="AT1946" s="53">
        <v>1900000</v>
      </c>
      <c r="AU1946" s="53">
        <v>1900000</v>
      </c>
      <c r="AV1946" s="53">
        <v>1900000</v>
      </c>
      <c r="AW1946" s="53">
        <v>1900000</v>
      </c>
      <c r="AX1946" s="53">
        <v>1900000</v>
      </c>
      <c r="AY1946" s="53">
        <v>1900000</v>
      </c>
      <c r="AZ1946" s="53">
        <v>1900000</v>
      </c>
      <c r="BA1946" s="53">
        <v>22800000</v>
      </c>
      <c r="BB1946" s="53">
        <v>1900000</v>
      </c>
      <c r="BC1946" s="53">
        <v>1900000</v>
      </c>
      <c r="BD1946" s="53">
        <v>1900000</v>
      </c>
      <c r="BE1946" s="53">
        <v>1900000</v>
      </c>
      <c r="BF1946" s="53">
        <v>1900000</v>
      </c>
      <c r="BG1946" s="53">
        <v>1900000</v>
      </c>
      <c r="BH1946" s="53">
        <v>1900000</v>
      </c>
      <c r="BI1946" s="53">
        <v>1900000</v>
      </c>
      <c r="BJ1946" s="53">
        <v>1900000</v>
      </c>
      <c r="BK1946" s="53">
        <v>1900000</v>
      </c>
      <c r="BL1946" s="53">
        <v>1900000</v>
      </c>
      <c r="BM1946" s="53">
        <v>1900000</v>
      </c>
      <c r="BN1946" s="53">
        <v>22800000</v>
      </c>
      <c r="BO1946" s="53">
        <v>1900000</v>
      </c>
      <c r="BP1946" s="53">
        <v>1900000</v>
      </c>
      <c r="BQ1946" s="53">
        <v>1900000</v>
      </c>
      <c r="BR1946" s="53">
        <v>1900000</v>
      </c>
      <c r="BS1946" s="53">
        <v>1900000</v>
      </c>
      <c r="BT1946" s="53">
        <v>1900000</v>
      </c>
      <c r="BU1946" s="53">
        <v>1900000</v>
      </c>
      <c r="BV1946" s="53">
        <v>1900000</v>
      </c>
      <c r="BW1946" s="53">
        <v>1900000</v>
      </c>
      <c r="BX1946" s="53">
        <v>1900000</v>
      </c>
      <c r="BY1946" s="53">
        <v>1900000</v>
      </c>
      <c r="BZ1946" s="53">
        <v>1900000</v>
      </c>
      <c r="CA1946" s="53">
        <v>22800000</v>
      </c>
      <c r="CB1946" s="53"/>
      <c r="CC1946" s="53"/>
      <c r="CD1946" s="53"/>
      <c r="CE1946" s="53"/>
      <c r="CF1946" s="53"/>
      <c r="CG1946" s="53"/>
      <c r="CH1946" s="53"/>
      <c r="CI1946" s="53"/>
      <c r="CJ1946" s="53"/>
      <c r="CK1946" s="53"/>
      <c r="CL1946" s="53"/>
      <c r="CM1946" s="53"/>
      <c r="CN1946" s="53"/>
    </row>
    <row r="1947" spans="1:92" outlineLevel="1">
      <c r="A1947" s="52" t="s">
        <v>726</v>
      </c>
      <c r="B1947" s="53">
        <v>1458333.33333333</v>
      </c>
      <c r="C1947" s="53">
        <v>1458333.33333333</v>
      </c>
      <c r="D1947" s="53">
        <v>1458333.33333333</v>
      </c>
      <c r="E1947" s="53">
        <v>1458333.33333333</v>
      </c>
      <c r="F1947" s="53">
        <v>1458333.33333333</v>
      </c>
      <c r="G1947" s="53">
        <v>1458333.33333333</v>
      </c>
      <c r="H1947" s="53">
        <v>1458333.33333333</v>
      </c>
      <c r="I1947" s="53">
        <v>1458333.33333333</v>
      </c>
      <c r="J1947" s="53">
        <v>1458333.33333333</v>
      </c>
      <c r="K1947" s="53">
        <v>1458333.33333333</v>
      </c>
      <c r="L1947" s="53">
        <v>1458333.33333333</v>
      </c>
      <c r="M1947" s="53">
        <v>1458333.33333333</v>
      </c>
      <c r="N1947" s="53">
        <v>17500000</v>
      </c>
      <c r="O1947" s="53">
        <v>1458333.33333333</v>
      </c>
      <c r="P1947" s="53">
        <v>1458333.33333333</v>
      </c>
      <c r="Q1947" s="53">
        <v>1458333.33333333</v>
      </c>
      <c r="R1947" s="53">
        <v>1458333.33333333</v>
      </c>
      <c r="S1947" s="53">
        <v>1458333.33333333</v>
      </c>
      <c r="T1947" s="53">
        <v>1458333.33333333</v>
      </c>
      <c r="U1947" s="53">
        <v>1458333.33333333</v>
      </c>
      <c r="V1947" s="53">
        <v>1458333.33333333</v>
      </c>
      <c r="W1947" s="53">
        <v>1458333.33333333</v>
      </c>
      <c r="X1947" s="53">
        <v>1458333.33333333</v>
      </c>
      <c r="Y1947" s="53">
        <v>1458333.33333333</v>
      </c>
      <c r="Z1947" s="53">
        <v>1458333.33333333</v>
      </c>
      <c r="AA1947" s="53">
        <v>17500000</v>
      </c>
      <c r="AB1947" s="53">
        <v>1458333.33333333</v>
      </c>
      <c r="AC1947" s="53">
        <v>1458333.33333333</v>
      </c>
      <c r="AD1947" s="53">
        <v>1458333.33333333</v>
      </c>
      <c r="AE1947" s="53">
        <v>1458333.33333333</v>
      </c>
      <c r="AF1947" s="53">
        <v>1458333.33333333</v>
      </c>
      <c r="AG1947" s="53">
        <v>1458333.33333333</v>
      </c>
      <c r="AH1947" s="53">
        <v>1458333.33333333</v>
      </c>
      <c r="AI1947" s="53">
        <v>1458333.33333333</v>
      </c>
      <c r="AJ1947" s="53">
        <v>1458333.33333333</v>
      </c>
      <c r="AK1947" s="53">
        <v>1458333.33333333</v>
      </c>
      <c r="AL1947" s="53">
        <v>1458333.33333333</v>
      </c>
      <c r="AM1947" s="53">
        <v>1458333.33333333</v>
      </c>
      <c r="AN1947" s="53">
        <v>17500000</v>
      </c>
      <c r="AO1947" s="53">
        <v>1458333.33333333</v>
      </c>
      <c r="AP1947" s="53">
        <v>1458333.33333333</v>
      </c>
      <c r="AQ1947" s="53">
        <v>1458333.33333333</v>
      </c>
      <c r="AR1947" s="53">
        <v>1458333.33333333</v>
      </c>
      <c r="AS1947" s="53">
        <v>1458333.33333333</v>
      </c>
      <c r="AT1947" s="53">
        <v>1458333.33333333</v>
      </c>
      <c r="AU1947" s="53">
        <v>1458333.33333333</v>
      </c>
      <c r="AV1947" s="53">
        <v>1458333.33333333</v>
      </c>
      <c r="AW1947" s="53">
        <v>1458333.33333333</v>
      </c>
      <c r="AX1947" s="53">
        <v>1458333.33333333</v>
      </c>
      <c r="AY1947" s="53">
        <v>1458333.33333333</v>
      </c>
      <c r="AZ1947" s="53">
        <v>1458333.33333333</v>
      </c>
      <c r="BA1947" s="53">
        <v>17500000</v>
      </c>
      <c r="BB1947" s="53">
        <v>1458333.33333333</v>
      </c>
      <c r="BC1947" s="53">
        <v>1458333.33333333</v>
      </c>
      <c r="BD1947" s="53">
        <v>1458333.33333333</v>
      </c>
      <c r="BE1947" s="53">
        <v>1458333.33333333</v>
      </c>
      <c r="BF1947" s="53">
        <v>1458333.33333333</v>
      </c>
      <c r="BG1947" s="53">
        <v>1458333.33333333</v>
      </c>
      <c r="BH1947" s="53">
        <v>1458333.33333333</v>
      </c>
      <c r="BI1947" s="53">
        <v>1458333.33333333</v>
      </c>
      <c r="BJ1947" s="53">
        <v>1458333.33333333</v>
      </c>
      <c r="BK1947" s="53">
        <v>1458333.33333333</v>
      </c>
      <c r="BL1947" s="53">
        <v>1458333.33333333</v>
      </c>
      <c r="BM1947" s="53">
        <v>1458333.33333333</v>
      </c>
      <c r="BN1947" s="53">
        <v>17500000</v>
      </c>
      <c r="BO1947" s="53">
        <v>1458333.33333333</v>
      </c>
      <c r="BP1947" s="53">
        <v>1458333.33333333</v>
      </c>
      <c r="BQ1947" s="53">
        <v>1458333.33333333</v>
      </c>
      <c r="BR1947" s="53">
        <v>1458333.33333333</v>
      </c>
      <c r="BS1947" s="53">
        <v>1458333.33333333</v>
      </c>
      <c r="BT1947" s="53">
        <v>1458333.33333333</v>
      </c>
      <c r="BU1947" s="53">
        <v>1458333.33333333</v>
      </c>
      <c r="BV1947" s="53">
        <v>1458333.33333333</v>
      </c>
      <c r="BW1947" s="53">
        <v>1458333.33333333</v>
      </c>
      <c r="BX1947" s="53">
        <v>1458333.33333333</v>
      </c>
      <c r="BY1947" s="53">
        <v>1458333.33333333</v>
      </c>
      <c r="BZ1947" s="53">
        <v>1458333.33333333</v>
      </c>
      <c r="CA1947" s="53">
        <v>17500000</v>
      </c>
      <c r="CB1947" s="53">
        <v>9966657.5352246799</v>
      </c>
      <c r="CC1947" s="53">
        <v>4649169.1058668504</v>
      </c>
      <c r="CD1947" s="53">
        <v>4180311.4957047999</v>
      </c>
      <c r="CE1947" s="53">
        <v>8515473.5558954906</v>
      </c>
      <c r="CF1947" s="53">
        <v>19756860.9266943</v>
      </c>
      <c r="CG1947" s="53">
        <v>24261694.077486001</v>
      </c>
      <c r="CH1947" s="53">
        <v>29436058.5516885</v>
      </c>
      <c r="CI1947" s="53">
        <v>29677056.700727601</v>
      </c>
      <c r="CJ1947" s="53">
        <v>24727090.512954202</v>
      </c>
      <c r="CK1947" s="53">
        <v>14592147.8233594</v>
      </c>
      <c r="CL1947" s="53">
        <v>4828308.1482623396</v>
      </c>
      <c r="CM1947" s="53">
        <v>6254011.0540844398</v>
      </c>
      <c r="CN1947" s="53">
        <v>180844839.487948</v>
      </c>
    </row>
    <row r="1948" spans="1:92" outlineLevel="1">
      <c r="A1948" s="52" t="s">
        <v>728</v>
      </c>
      <c r="B1948" s="53">
        <v>729166.66666666605</v>
      </c>
      <c r="C1948" s="53">
        <v>729166.66666666605</v>
      </c>
      <c r="D1948" s="53">
        <v>729166.66666666605</v>
      </c>
      <c r="E1948" s="53">
        <v>729166.66666666605</v>
      </c>
      <c r="F1948" s="53">
        <v>729166.66666666605</v>
      </c>
      <c r="G1948" s="53">
        <v>729166.66666666605</v>
      </c>
      <c r="H1948" s="53">
        <v>729166.66666666605</v>
      </c>
      <c r="I1948" s="53">
        <v>729166.66666666605</v>
      </c>
      <c r="J1948" s="53">
        <v>729166.66666666605</v>
      </c>
      <c r="K1948" s="53">
        <v>729166.66666666605</v>
      </c>
      <c r="L1948" s="53">
        <v>729166.66666666605</v>
      </c>
      <c r="M1948" s="53">
        <v>729166.66666666605</v>
      </c>
      <c r="N1948" s="53">
        <v>8750000</v>
      </c>
      <c r="O1948" s="53">
        <v>729166.66666666605</v>
      </c>
      <c r="P1948" s="53">
        <v>729166.66666666605</v>
      </c>
      <c r="Q1948" s="53">
        <v>729166.66666666605</v>
      </c>
      <c r="R1948" s="53">
        <v>729166.66666666605</v>
      </c>
      <c r="S1948" s="53">
        <v>729166.66666666605</v>
      </c>
      <c r="T1948" s="53">
        <v>729166.66666666605</v>
      </c>
      <c r="U1948" s="53">
        <v>729166.66666666605</v>
      </c>
      <c r="V1948" s="53">
        <v>729166.66666666605</v>
      </c>
      <c r="W1948" s="53">
        <v>729166.66666666605</v>
      </c>
      <c r="X1948" s="53">
        <v>729166.66666666605</v>
      </c>
      <c r="Y1948" s="53">
        <v>729166.66666666605</v>
      </c>
      <c r="Z1948" s="53">
        <v>729166.66666666605</v>
      </c>
      <c r="AA1948" s="53">
        <v>8750000</v>
      </c>
      <c r="AB1948" s="53">
        <v>729166.66666666605</v>
      </c>
      <c r="AC1948" s="53">
        <v>729166.66666666605</v>
      </c>
      <c r="AD1948" s="53">
        <v>729166.66666666605</v>
      </c>
      <c r="AE1948" s="53">
        <v>729166.66666666605</v>
      </c>
      <c r="AF1948" s="53">
        <v>729166.66666666605</v>
      </c>
      <c r="AG1948" s="53">
        <v>729166.66666666605</v>
      </c>
      <c r="AH1948" s="53">
        <v>729166.66666666605</v>
      </c>
      <c r="AI1948" s="53">
        <v>729166.66666666605</v>
      </c>
      <c r="AJ1948" s="53">
        <v>729166.66666666605</v>
      </c>
      <c r="AK1948" s="53">
        <v>729166.66666666605</v>
      </c>
      <c r="AL1948" s="53">
        <v>729166.66666666605</v>
      </c>
      <c r="AM1948" s="53">
        <v>729166.66666666605</v>
      </c>
      <c r="AN1948" s="53">
        <v>8750000</v>
      </c>
      <c r="AO1948" s="53">
        <v>729166.66666666605</v>
      </c>
      <c r="AP1948" s="53">
        <v>729166.66666666605</v>
      </c>
      <c r="AQ1948" s="53">
        <v>729166.66666666605</v>
      </c>
      <c r="AR1948" s="53">
        <v>729166.66666666605</v>
      </c>
      <c r="AS1948" s="53">
        <v>729166.66666666605</v>
      </c>
      <c r="AT1948" s="53">
        <v>729166.66666666605</v>
      </c>
      <c r="AU1948" s="53">
        <v>729166.66666666605</v>
      </c>
      <c r="AV1948" s="53">
        <v>729166.66666666605</v>
      </c>
      <c r="AW1948" s="53">
        <v>729166.66666666605</v>
      </c>
      <c r="AX1948" s="53">
        <v>729166.66666666605</v>
      </c>
      <c r="AY1948" s="53">
        <v>729166.66666666605</v>
      </c>
      <c r="AZ1948" s="53">
        <v>729166.66666666605</v>
      </c>
      <c r="BA1948" s="53">
        <v>8750000</v>
      </c>
      <c r="BB1948" s="53">
        <v>729166.66666666605</v>
      </c>
      <c r="BC1948" s="53">
        <v>729166.66666666605</v>
      </c>
      <c r="BD1948" s="53">
        <v>729166.66666666605</v>
      </c>
      <c r="BE1948" s="53">
        <v>729166.66666666605</v>
      </c>
      <c r="BF1948" s="53">
        <v>729166.66666666605</v>
      </c>
      <c r="BG1948" s="53">
        <v>729166.66666666605</v>
      </c>
      <c r="BH1948" s="53">
        <v>729166.66666666605</v>
      </c>
      <c r="BI1948" s="53">
        <v>729166.66666666605</v>
      </c>
      <c r="BJ1948" s="53">
        <v>729166.66666666605</v>
      </c>
      <c r="BK1948" s="53">
        <v>729166.66666666605</v>
      </c>
      <c r="BL1948" s="53">
        <v>729166.66666666605</v>
      </c>
      <c r="BM1948" s="53">
        <v>729166.66666666605</v>
      </c>
      <c r="BN1948" s="53">
        <v>8750000</v>
      </c>
      <c r="BO1948" s="53">
        <v>729166.66666666605</v>
      </c>
      <c r="BP1948" s="53">
        <v>729166.66666666605</v>
      </c>
      <c r="BQ1948" s="53">
        <v>729166.66666666605</v>
      </c>
      <c r="BR1948" s="53">
        <v>729166.66666666605</v>
      </c>
      <c r="BS1948" s="53">
        <v>729166.66666666605</v>
      </c>
      <c r="BT1948" s="53">
        <v>729166.66666666605</v>
      </c>
      <c r="BU1948" s="53">
        <v>729166.66666666605</v>
      </c>
      <c r="BV1948" s="53">
        <v>729166.66666666605</v>
      </c>
      <c r="BW1948" s="53">
        <v>729166.66666666605</v>
      </c>
      <c r="BX1948" s="53">
        <v>729166.66666666605</v>
      </c>
      <c r="BY1948" s="53">
        <v>729166.66666666605</v>
      </c>
      <c r="BZ1948" s="53">
        <v>729166.66666666605</v>
      </c>
      <c r="CA1948" s="53">
        <v>8750000</v>
      </c>
      <c r="CB1948" s="53">
        <v>67898931.900552601</v>
      </c>
      <c r="CC1948" s="53">
        <v>72548101.006419405</v>
      </c>
      <c r="CD1948" s="53">
        <v>67063173.306773797</v>
      </c>
      <c r="CE1948" s="53">
        <v>75578646.8626692</v>
      </c>
      <c r="CF1948" s="53">
        <v>95335507.789363593</v>
      </c>
      <c r="CG1948" s="53">
        <v>100801063.73001499</v>
      </c>
      <c r="CH1948" s="53">
        <v>130237122.281703</v>
      </c>
      <c r="CI1948" s="53">
        <v>159914178.98243099</v>
      </c>
      <c r="CJ1948" s="53">
        <v>132107240.93402199</v>
      </c>
      <c r="CK1948" s="53">
        <v>146699388.75738201</v>
      </c>
      <c r="CL1948" s="53">
        <v>151527696.905644</v>
      </c>
      <c r="CM1948" s="53">
        <v>59349354.367440298</v>
      </c>
      <c r="CN1948" s="53">
        <v>59349354.367440298</v>
      </c>
    </row>
    <row r="1949" spans="1:92" outlineLevel="1">
      <c r="A1949" s="52" t="s">
        <v>729</v>
      </c>
      <c r="B1949" s="53">
        <v>1300000</v>
      </c>
      <c r="C1949" s="53">
        <v>1300000</v>
      </c>
      <c r="D1949" s="53">
        <v>1300000</v>
      </c>
      <c r="E1949" s="53">
        <v>1300000</v>
      </c>
      <c r="F1949" s="53">
        <v>1300000</v>
      </c>
      <c r="G1949" s="53">
        <v>1300000</v>
      </c>
      <c r="H1949" s="53">
        <v>1300000</v>
      </c>
      <c r="I1949" s="53">
        <v>1300000</v>
      </c>
      <c r="J1949" s="53">
        <v>1300000</v>
      </c>
      <c r="K1949" s="53">
        <v>1300000</v>
      </c>
      <c r="L1949" s="53">
        <v>1300000</v>
      </c>
      <c r="M1949" s="53">
        <v>1300000</v>
      </c>
      <c r="N1949" s="53">
        <v>15600000</v>
      </c>
      <c r="O1949" s="53">
        <v>1300000</v>
      </c>
      <c r="P1949" s="53">
        <v>1300000</v>
      </c>
      <c r="Q1949" s="53">
        <v>1300000</v>
      </c>
      <c r="R1949" s="53">
        <v>1300000</v>
      </c>
      <c r="S1949" s="53">
        <v>1300000</v>
      </c>
      <c r="T1949" s="53">
        <v>1300000</v>
      </c>
      <c r="U1949" s="53">
        <v>1300000</v>
      </c>
      <c r="V1949" s="53">
        <v>1300000</v>
      </c>
      <c r="W1949" s="53">
        <v>1300000</v>
      </c>
      <c r="X1949" s="53">
        <v>1300000</v>
      </c>
      <c r="Y1949" s="53">
        <v>1300000</v>
      </c>
      <c r="Z1949" s="53">
        <v>1300000</v>
      </c>
      <c r="AA1949" s="53">
        <v>15600000</v>
      </c>
      <c r="AB1949" s="53">
        <v>1300000</v>
      </c>
      <c r="AC1949" s="53">
        <v>1300000</v>
      </c>
      <c r="AD1949" s="53">
        <v>1300000</v>
      </c>
      <c r="AE1949" s="53">
        <v>1300000</v>
      </c>
      <c r="AF1949" s="53">
        <v>1300000</v>
      </c>
      <c r="AG1949" s="53">
        <v>1300000</v>
      </c>
      <c r="AH1949" s="53">
        <v>1300000</v>
      </c>
      <c r="AI1949" s="53">
        <v>1300000</v>
      </c>
      <c r="AJ1949" s="53">
        <v>1300000</v>
      </c>
      <c r="AK1949" s="53">
        <v>1300000</v>
      </c>
      <c r="AL1949" s="53">
        <v>1300000</v>
      </c>
      <c r="AM1949" s="53">
        <v>1300000</v>
      </c>
      <c r="AN1949" s="53">
        <v>15600000</v>
      </c>
      <c r="AO1949" s="53">
        <v>1300000</v>
      </c>
      <c r="AP1949" s="53">
        <v>1300000</v>
      </c>
      <c r="AQ1949" s="53">
        <v>1300000</v>
      </c>
      <c r="AR1949" s="53">
        <v>1300000</v>
      </c>
      <c r="AS1949" s="53">
        <v>1300000</v>
      </c>
      <c r="AT1949" s="53">
        <v>1300000</v>
      </c>
      <c r="AU1949" s="53">
        <v>1300000</v>
      </c>
      <c r="AV1949" s="53">
        <v>1300000</v>
      </c>
      <c r="AW1949" s="53">
        <v>1300000</v>
      </c>
      <c r="AX1949" s="53">
        <v>1300000</v>
      </c>
      <c r="AY1949" s="53">
        <v>1300000</v>
      </c>
      <c r="AZ1949" s="53">
        <v>1300000</v>
      </c>
      <c r="BA1949" s="53">
        <v>15600000</v>
      </c>
      <c r="BB1949" s="53">
        <v>1300000</v>
      </c>
      <c r="BC1949" s="53">
        <v>1300000</v>
      </c>
      <c r="BD1949" s="53">
        <v>1300000</v>
      </c>
      <c r="BE1949" s="53">
        <v>1300000</v>
      </c>
      <c r="BF1949" s="53">
        <v>1300000</v>
      </c>
      <c r="BG1949" s="53">
        <v>1300000</v>
      </c>
      <c r="BH1949" s="53">
        <v>1300000</v>
      </c>
      <c r="BI1949" s="53">
        <v>1300000</v>
      </c>
      <c r="BJ1949" s="53">
        <v>1300000</v>
      </c>
      <c r="BK1949" s="53">
        <v>1300000</v>
      </c>
      <c r="BL1949" s="53">
        <v>1300000</v>
      </c>
      <c r="BM1949" s="53">
        <v>1300000</v>
      </c>
      <c r="BN1949" s="53">
        <v>15600000</v>
      </c>
      <c r="BO1949" s="53">
        <v>1300000</v>
      </c>
      <c r="BP1949" s="53">
        <v>1300000</v>
      </c>
      <c r="BQ1949" s="53">
        <v>1300000</v>
      </c>
      <c r="BR1949" s="53">
        <v>1300000</v>
      </c>
      <c r="BS1949" s="53">
        <v>1300000</v>
      </c>
      <c r="BT1949" s="53">
        <v>1300000</v>
      </c>
      <c r="BU1949" s="53">
        <v>1300000</v>
      </c>
      <c r="BV1949" s="53">
        <v>1300000</v>
      </c>
      <c r="BW1949" s="53">
        <v>1300000</v>
      </c>
      <c r="BX1949" s="53">
        <v>1300000</v>
      </c>
      <c r="BY1949" s="53">
        <v>1300000</v>
      </c>
      <c r="BZ1949" s="53">
        <v>1300000</v>
      </c>
      <c r="CA1949" s="53">
        <v>15600000</v>
      </c>
      <c r="CB1949" s="53">
        <v>5.4569682106375603E-9</v>
      </c>
      <c r="CC1949" s="53">
        <v>2722409.65123385</v>
      </c>
      <c r="CD1949" s="53">
        <v>3971088.5712271798</v>
      </c>
      <c r="CE1949" s="53">
        <v>5089824.5909488499</v>
      </c>
      <c r="CF1949" s="53">
        <v>-5000664.4953985</v>
      </c>
      <c r="CG1949" s="53">
        <v>435079.42910736002</v>
      </c>
      <c r="CH1949" s="53">
        <v>-5291377.7666505296</v>
      </c>
      <c r="CI1949" s="53">
        <v>2826935.4164830898</v>
      </c>
      <c r="CJ1949" s="53">
        <v>11012040.729609899</v>
      </c>
      <c r="CK1949" s="53">
        <v>5414567.1768389596</v>
      </c>
      <c r="CL1949" s="53">
        <v>9418921.7303021494</v>
      </c>
      <c r="CM1949" s="53">
        <v>10717248.6590218</v>
      </c>
      <c r="CN1949" s="53">
        <v>5.4569682106375603E-9</v>
      </c>
    </row>
    <row r="1950" spans="1:92" outlineLevel="1">
      <c r="A1950" s="52" t="s">
        <v>730</v>
      </c>
      <c r="B1950" s="53">
        <v>1249999.99999999</v>
      </c>
      <c r="C1950" s="53">
        <v>1249999.99999999</v>
      </c>
      <c r="D1950" s="53">
        <v>1249999.99999999</v>
      </c>
      <c r="E1950" s="53">
        <v>1249999.99999999</v>
      </c>
      <c r="F1950" s="53">
        <v>1249999.99999999</v>
      </c>
      <c r="G1950" s="53">
        <v>1249999.99999999</v>
      </c>
      <c r="H1950" s="53">
        <v>1249999.99999999</v>
      </c>
      <c r="I1950" s="53">
        <v>1249999.99999999</v>
      </c>
      <c r="J1950" s="53">
        <v>1249999.99999999</v>
      </c>
      <c r="K1950" s="53">
        <v>1249999.99999999</v>
      </c>
      <c r="L1950" s="53">
        <v>1249999.99999999</v>
      </c>
      <c r="M1950" s="53">
        <v>1249999.99999999</v>
      </c>
      <c r="N1950" s="53">
        <v>14999999.999999899</v>
      </c>
      <c r="O1950" s="53">
        <v>1249999.99999999</v>
      </c>
      <c r="P1950" s="53">
        <v>1249999.99999999</v>
      </c>
      <c r="Q1950" s="53">
        <v>1249999.99999999</v>
      </c>
      <c r="R1950" s="53">
        <v>1249999.99999999</v>
      </c>
      <c r="S1950" s="53">
        <v>1249999.99999999</v>
      </c>
      <c r="T1950" s="53">
        <v>1249999.99999999</v>
      </c>
      <c r="U1950" s="53">
        <v>1249999.99999999</v>
      </c>
      <c r="V1950" s="53">
        <v>1249999.99999999</v>
      </c>
      <c r="W1950" s="53">
        <v>1249999.99999999</v>
      </c>
      <c r="X1950" s="53">
        <v>1249999.99999999</v>
      </c>
      <c r="Y1950" s="53">
        <v>1249999.99999999</v>
      </c>
      <c r="Z1950" s="53">
        <v>1249999.99999999</v>
      </c>
      <c r="AA1950" s="53">
        <v>14999999.999999899</v>
      </c>
      <c r="AB1950" s="53">
        <v>1249999.99999999</v>
      </c>
      <c r="AC1950" s="53">
        <v>1249999.99999999</v>
      </c>
      <c r="AD1950" s="53">
        <v>1249999.99999999</v>
      </c>
      <c r="AE1950" s="53">
        <v>1249999.99999999</v>
      </c>
      <c r="AF1950" s="53">
        <v>1249999.99999999</v>
      </c>
      <c r="AG1950" s="53">
        <v>1249999.99999999</v>
      </c>
      <c r="AH1950" s="53">
        <v>1249999.99999999</v>
      </c>
      <c r="AI1950" s="53">
        <v>1249999.99999999</v>
      </c>
      <c r="AJ1950" s="53">
        <v>1249999.99999999</v>
      </c>
      <c r="AK1950" s="53">
        <v>1249999.99999999</v>
      </c>
      <c r="AL1950" s="53">
        <v>1249999.99999999</v>
      </c>
      <c r="AM1950" s="53">
        <v>1249999.99999999</v>
      </c>
      <c r="AN1950" s="53">
        <v>14999999.999999899</v>
      </c>
      <c r="AO1950" s="53">
        <v>1249999.99999999</v>
      </c>
      <c r="AP1950" s="53">
        <v>1249999.99999999</v>
      </c>
      <c r="AQ1950" s="53">
        <v>1249999.99999999</v>
      </c>
      <c r="AR1950" s="53">
        <v>1249999.99999999</v>
      </c>
      <c r="AS1950" s="53">
        <v>1249999.99999999</v>
      </c>
      <c r="AT1950" s="53">
        <v>1249999.99999999</v>
      </c>
      <c r="AU1950" s="53">
        <v>1249999.99999999</v>
      </c>
      <c r="AV1950" s="53">
        <v>1249999.99999999</v>
      </c>
      <c r="AW1950" s="53">
        <v>1249999.99999999</v>
      </c>
      <c r="AX1950" s="53">
        <v>1249999.99999999</v>
      </c>
      <c r="AY1950" s="53">
        <v>1249999.99999999</v>
      </c>
      <c r="AZ1950" s="53">
        <v>1249999.99999999</v>
      </c>
      <c r="BA1950" s="53">
        <v>14999999.999999899</v>
      </c>
      <c r="BB1950" s="53">
        <v>1249999.99999999</v>
      </c>
      <c r="BC1950" s="53">
        <v>1249999.99999999</v>
      </c>
      <c r="BD1950" s="53">
        <v>1249999.99999999</v>
      </c>
      <c r="BE1950" s="53">
        <v>1249999.99999999</v>
      </c>
      <c r="BF1950" s="53">
        <v>1249999.99999999</v>
      </c>
      <c r="BG1950" s="53">
        <v>1249999.99999999</v>
      </c>
      <c r="BH1950" s="53">
        <v>1249999.99999999</v>
      </c>
      <c r="BI1950" s="53">
        <v>1249999.99999999</v>
      </c>
      <c r="BJ1950" s="53">
        <v>1249999.99999999</v>
      </c>
      <c r="BK1950" s="53">
        <v>1249999.99999999</v>
      </c>
      <c r="BL1950" s="53">
        <v>1249999.99999999</v>
      </c>
      <c r="BM1950" s="53">
        <v>1249999.99999999</v>
      </c>
      <c r="BN1950" s="53">
        <v>14999999.999999899</v>
      </c>
      <c r="BO1950" s="53">
        <v>1249999.99999999</v>
      </c>
      <c r="BP1950" s="53">
        <v>1249999.99999999</v>
      </c>
      <c r="BQ1950" s="53">
        <v>1249999.99999999</v>
      </c>
      <c r="BR1950" s="53">
        <v>1249999.99999999</v>
      </c>
      <c r="BS1950" s="53">
        <v>1249999.99999999</v>
      </c>
      <c r="BT1950" s="53">
        <v>1249999.99999999</v>
      </c>
      <c r="BU1950" s="53">
        <v>1249999.99999999</v>
      </c>
      <c r="BV1950" s="53">
        <v>1249999.99999999</v>
      </c>
      <c r="BW1950" s="53">
        <v>1249999.99999999</v>
      </c>
      <c r="BX1950" s="53">
        <v>1249999.99999999</v>
      </c>
      <c r="BY1950" s="53">
        <v>1249999.99999999</v>
      </c>
      <c r="BZ1950" s="53">
        <v>1249999.99999999</v>
      </c>
      <c r="CA1950" s="53">
        <v>14999999.999999899</v>
      </c>
      <c r="CB1950" s="53"/>
      <c r="CC1950" s="53"/>
      <c r="CD1950" s="53"/>
      <c r="CE1950" s="53"/>
      <c r="CF1950" s="53"/>
      <c r="CG1950" s="53"/>
      <c r="CH1950" s="53"/>
      <c r="CI1950" s="53"/>
      <c r="CJ1950" s="53"/>
      <c r="CK1950" s="53"/>
      <c r="CL1950" s="53"/>
      <c r="CM1950" s="53"/>
      <c r="CN1950" s="53"/>
    </row>
    <row r="1951" spans="1:92" outlineLevel="1">
      <c r="A1951" s="52" t="s">
        <v>1564</v>
      </c>
      <c r="B1951" s="53"/>
      <c r="C1951" s="53"/>
      <c r="D1951" s="53"/>
      <c r="E1951" s="53"/>
      <c r="F1951" s="53"/>
      <c r="G1951" s="53"/>
      <c r="H1951" s="53"/>
      <c r="I1951" s="53"/>
      <c r="J1951" s="53"/>
      <c r="K1951" s="53">
        <v>1718279.56989247</v>
      </c>
      <c r="L1951" s="53">
        <v>3133333.3333333302</v>
      </c>
      <c r="M1951" s="53">
        <v>3133333.3333333302</v>
      </c>
      <c r="N1951" s="53">
        <v>7984946.2365591303</v>
      </c>
      <c r="O1951" s="53">
        <v>3433333.3333333302</v>
      </c>
      <c r="P1951" s="53">
        <v>3433333.3333333302</v>
      </c>
      <c r="Q1951" s="53">
        <v>3433333.3333333302</v>
      </c>
      <c r="R1951" s="53">
        <v>3433333.3333333302</v>
      </c>
      <c r="S1951" s="53">
        <v>3433333.3333333302</v>
      </c>
      <c r="T1951" s="53">
        <v>3433333.3333333302</v>
      </c>
      <c r="U1951" s="53">
        <v>3300000</v>
      </c>
      <c r="V1951" s="53">
        <v>3300000</v>
      </c>
      <c r="W1951" s="53">
        <v>3300000</v>
      </c>
      <c r="X1951" s="53">
        <v>3300000</v>
      </c>
      <c r="Y1951" s="53">
        <v>3300000</v>
      </c>
      <c r="Z1951" s="53">
        <v>3300000</v>
      </c>
      <c r="AA1951" s="53">
        <v>40400000</v>
      </c>
      <c r="AB1951" s="53">
        <v>2933333.3333333302</v>
      </c>
      <c r="AC1951" s="53">
        <v>2933333.3333333302</v>
      </c>
      <c r="AD1951" s="53">
        <v>2933333.3333333302</v>
      </c>
      <c r="AE1951" s="53">
        <v>1368888.8888888799</v>
      </c>
      <c r="AF1951" s="53"/>
      <c r="AG1951" s="53"/>
      <c r="AH1951" s="53"/>
      <c r="AI1951" s="53"/>
      <c r="AJ1951" s="53"/>
      <c r="AK1951" s="53"/>
      <c r="AL1951" s="53"/>
      <c r="AM1951" s="53"/>
      <c r="AN1951" s="53">
        <v>10168888.888888801</v>
      </c>
      <c r="AO1951" s="53"/>
      <c r="AP1951" s="53"/>
      <c r="AQ1951" s="53"/>
      <c r="AR1951" s="53"/>
      <c r="AS1951" s="53"/>
      <c r="AT1951" s="53"/>
      <c r="AU1951" s="53"/>
      <c r="AV1951" s="53"/>
      <c r="AW1951" s="53"/>
      <c r="AX1951" s="53"/>
      <c r="AY1951" s="53"/>
      <c r="AZ1951" s="53"/>
      <c r="BA1951" s="53"/>
      <c r="BB1951" s="53"/>
      <c r="BC1951" s="53"/>
      <c r="BD1951" s="53"/>
      <c r="BE1951" s="53"/>
      <c r="BF1951" s="53"/>
      <c r="BG1951" s="53"/>
      <c r="BH1951" s="53"/>
      <c r="BI1951" s="53"/>
      <c r="BJ1951" s="53"/>
      <c r="BK1951" s="53"/>
      <c r="BL1951" s="53"/>
      <c r="BM1951" s="53"/>
      <c r="BN1951" s="53"/>
      <c r="BO1951" s="53"/>
      <c r="BP1951" s="53"/>
      <c r="BQ1951" s="53"/>
      <c r="BR1951" s="53"/>
      <c r="BS1951" s="53"/>
      <c r="BT1951" s="53"/>
      <c r="BU1951" s="53"/>
      <c r="BV1951" s="53"/>
      <c r="BW1951" s="53"/>
      <c r="BX1951" s="53"/>
      <c r="BY1951" s="53"/>
      <c r="BZ1951" s="53"/>
      <c r="CA1951" s="53"/>
      <c r="CB1951" s="53"/>
      <c r="CC1951" s="53"/>
      <c r="CD1951" s="53"/>
      <c r="CE1951" s="53"/>
      <c r="CF1951" s="53"/>
      <c r="CG1951" s="53"/>
      <c r="CH1951" s="53"/>
      <c r="CI1951" s="53"/>
      <c r="CJ1951" s="53"/>
      <c r="CK1951" s="53"/>
      <c r="CL1951" s="53"/>
      <c r="CM1951" s="53"/>
      <c r="CN1951" s="53"/>
    </row>
    <row r="1952" spans="1:92" outlineLevel="1">
      <c r="A1952" s="52" t="s">
        <v>1565</v>
      </c>
      <c r="B1952" s="53"/>
      <c r="C1952" s="53"/>
      <c r="D1952" s="53"/>
      <c r="E1952" s="53"/>
      <c r="F1952" s="53"/>
      <c r="G1952" s="53"/>
      <c r="H1952" s="53"/>
      <c r="I1952" s="53"/>
      <c r="J1952" s="53"/>
      <c r="K1952" s="53"/>
      <c r="L1952" s="53">
        <v>1652777.7777777701</v>
      </c>
      <c r="M1952" s="53">
        <v>2479166.66666666</v>
      </c>
      <c r="N1952" s="53">
        <v>4131944.4444444398</v>
      </c>
      <c r="O1952" s="53">
        <v>2479166.66666666</v>
      </c>
      <c r="P1952" s="53">
        <v>2479166.66666666</v>
      </c>
      <c r="Q1952" s="53">
        <v>2479166.66666666</v>
      </c>
      <c r="R1952" s="53">
        <v>2479166.66666666</v>
      </c>
      <c r="S1952" s="53">
        <v>2479166.66666666</v>
      </c>
      <c r="T1952" s="53">
        <v>2479166.66666666</v>
      </c>
      <c r="U1952" s="53">
        <v>2479166.66666666</v>
      </c>
      <c r="V1952" s="53">
        <v>2479166.66666666</v>
      </c>
      <c r="W1952" s="53">
        <v>2479166.66666666</v>
      </c>
      <c r="X1952" s="53">
        <v>2479166.66666666</v>
      </c>
      <c r="Y1952" s="53">
        <v>2479166.66666666</v>
      </c>
      <c r="Z1952" s="53">
        <v>2479166.66666666</v>
      </c>
      <c r="AA1952" s="53">
        <v>29750000</v>
      </c>
      <c r="AB1952" s="53">
        <v>2479166.66666666</v>
      </c>
      <c r="AC1952" s="53">
        <v>2479166.66666666</v>
      </c>
      <c r="AD1952" s="53">
        <v>2479166.66666666</v>
      </c>
      <c r="AE1952" s="53">
        <v>2479166.66666666</v>
      </c>
      <c r="AF1952" s="53">
        <v>2479166.66666666</v>
      </c>
      <c r="AG1952" s="53">
        <v>2479166.66666666</v>
      </c>
      <c r="AH1952" s="53">
        <v>2479166.66666666</v>
      </c>
      <c r="AI1952" s="53">
        <v>2479166.66666666</v>
      </c>
      <c r="AJ1952" s="53">
        <v>2479166.66666666</v>
      </c>
      <c r="AK1952" s="53">
        <v>2479166.66666666</v>
      </c>
      <c r="AL1952" s="53">
        <v>2479166.66666666</v>
      </c>
      <c r="AM1952" s="53">
        <v>2479166.66666666</v>
      </c>
      <c r="AN1952" s="53">
        <v>29750000</v>
      </c>
      <c r="AO1952" s="53">
        <v>2479166.66666666</v>
      </c>
      <c r="AP1952" s="53">
        <v>2479166.66666666</v>
      </c>
      <c r="AQ1952" s="53">
        <v>2479166.66666666</v>
      </c>
      <c r="AR1952" s="53">
        <v>2479166.66666666</v>
      </c>
      <c r="AS1952" s="53">
        <v>2479166.66666666</v>
      </c>
      <c r="AT1952" s="53">
        <v>2479166.66666666</v>
      </c>
      <c r="AU1952" s="53">
        <v>2479166.66666666</v>
      </c>
      <c r="AV1952" s="53">
        <v>2479166.66666666</v>
      </c>
      <c r="AW1952" s="53">
        <v>2479166.66666666</v>
      </c>
      <c r="AX1952" s="53">
        <v>2479166.66666666</v>
      </c>
      <c r="AY1952" s="53">
        <v>2479166.66666666</v>
      </c>
      <c r="AZ1952" s="53">
        <v>2479166.66666666</v>
      </c>
      <c r="BA1952" s="53">
        <v>29750000</v>
      </c>
      <c r="BB1952" s="53">
        <v>2479166.66666666</v>
      </c>
      <c r="BC1952" s="53">
        <v>2479166.66666666</v>
      </c>
      <c r="BD1952" s="53">
        <v>2479166.66666666</v>
      </c>
      <c r="BE1952" s="53">
        <v>2479166.66666666</v>
      </c>
      <c r="BF1952" s="53">
        <v>2479166.66666666</v>
      </c>
      <c r="BG1952" s="53">
        <v>2479166.66666666</v>
      </c>
      <c r="BH1952" s="53">
        <v>2479166.66666666</v>
      </c>
      <c r="BI1952" s="53">
        <v>2479166.66666666</v>
      </c>
      <c r="BJ1952" s="53">
        <v>2479166.66666666</v>
      </c>
      <c r="BK1952" s="53">
        <v>2479166.66666666</v>
      </c>
      <c r="BL1952" s="53">
        <v>2479166.66666666</v>
      </c>
      <c r="BM1952" s="53">
        <v>2479166.66666666</v>
      </c>
      <c r="BN1952" s="53">
        <v>29750000</v>
      </c>
      <c r="BO1952" s="53">
        <v>2479166.66666666</v>
      </c>
      <c r="BP1952" s="53">
        <v>2479166.66666666</v>
      </c>
      <c r="BQ1952" s="53">
        <v>2479166.66666666</v>
      </c>
      <c r="BR1952" s="53">
        <v>2479166.66666666</v>
      </c>
      <c r="BS1952" s="53">
        <v>2479166.66666666</v>
      </c>
      <c r="BT1952" s="53">
        <v>2479166.66666666</v>
      </c>
      <c r="BU1952" s="53">
        <v>2479166.66666666</v>
      </c>
      <c r="BV1952" s="53">
        <v>2479166.66666666</v>
      </c>
      <c r="BW1952" s="53">
        <v>2479166.66666666</v>
      </c>
      <c r="BX1952" s="53">
        <v>2479166.66666666</v>
      </c>
      <c r="BY1952" s="53">
        <v>2479166.66666666</v>
      </c>
      <c r="BZ1952" s="53">
        <v>2479166.66666666</v>
      </c>
      <c r="CA1952" s="53">
        <v>29750000</v>
      </c>
      <c r="CB1952" s="53"/>
      <c r="CC1952" s="53"/>
      <c r="CD1952" s="53"/>
      <c r="CE1952" s="53"/>
      <c r="CF1952" s="53"/>
      <c r="CG1952" s="53"/>
      <c r="CH1952" s="53"/>
      <c r="CI1952" s="53"/>
      <c r="CJ1952" s="53"/>
      <c r="CK1952" s="53"/>
      <c r="CL1952" s="53"/>
      <c r="CM1952" s="53"/>
      <c r="CN1952" s="53"/>
    </row>
    <row r="1953" spans="1:92" outlineLevel="1">
      <c r="A1953" s="52" t="s">
        <v>1566</v>
      </c>
      <c r="B1953" s="53">
        <v>62599288.359999999</v>
      </c>
      <c r="C1953" s="53">
        <v>82194844.810000002</v>
      </c>
      <c r="D1953" s="53">
        <v>84468205.149999902</v>
      </c>
      <c r="E1953" s="53">
        <v>89129352.829999998</v>
      </c>
      <c r="F1953" s="53">
        <v>106218702.59</v>
      </c>
      <c r="G1953" s="53">
        <v>71917024.8699999</v>
      </c>
      <c r="H1953" s="53">
        <v>65736381.670000002</v>
      </c>
      <c r="I1953" s="53">
        <v>81870655.079999998</v>
      </c>
      <c r="J1953" s="53">
        <v>82011546.659999996</v>
      </c>
      <c r="K1953" s="53">
        <v>87601722.659999996</v>
      </c>
      <c r="L1953" s="53">
        <v>110014257.37</v>
      </c>
      <c r="M1953" s="53">
        <v>80179059.489999995</v>
      </c>
      <c r="N1953" s="53">
        <v>80179059.489999995</v>
      </c>
      <c r="O1953" s="53">
        <v>77473311.045555502</v>
      </c>
      <c r="P1953" s="53">
        <v>99221227.712222204</v>
      </c>
      <c r="Q1953" s="53">
        <v>103519144.045555</v>
      </c>
      <c r="R1953" s="53">
        <v>110242061.48999999</v>
      </c>
      <c r="S1953" s="53">
        <v>114064284.156666</v>
      </c>
      <c r="T1953" s="53">
        <v>80449701.045555502</v>
      </c>
      <c r="U1953" s="53">
        <v>76926020.489999995</v>
      </c>
      <c r="V1953" s="53">
        <v>98673937.156666696</v>
      </c>
      <c r="W1953" s="53">
        <v>102971853.823333</v>
      </c>
      <c r="X1953" s="53">
        <v>109694770.48999999</v>
      </c>
      <c r="Y1953" s="53">
        <v>113930187.156666</v>
      </c>
      <c r="Z1953" s="53">
        <v>80315603.823333293</v>
      </c>
      <c r="AA1953" s="53">
        <v>80315603.823333293</v>
      </c>
      <c r="AB1953" s="53">
        <v>76519492.712222204</v>
      </c>
      <c r="AC1953" s="53">
        <v>98267409.378888905</v>
      </c>
      <c r="AD1953" s="53">
        <v>102565326.045555</v>
      </c>
      <c r="AE1953" s="53">
        <v>106452687.156666</v>
      </c>
      <c r="AF1953" s="53">
        <v>110688103.823333</v>
      </c>
      <c r="AG1953" s="53">
        <v>77073520.489999995</v>
      </c>
      <c r="AH1953" s="53">
        <v>73683937.156666696</v>
      </c>
      <c r="AI1953" s="53">
        <v>95431853.823333398</v>
      </c>
      <c r="AJ1953" s="53">
        <v>99729770.489999995</v>
      </c>
      <c r="AK1953" s="53">
        <v>106452687.156666</v>
      </c>
      <c r="AL1953" s="53">
        <v>110688103.823333</v>
      </c>
      <c r="AM1953" s="53">
        <v>77073520.490000099</v>
      </c>
      <c r="AN1953" s="53">
        <v>77073520.490000099</v>
      </c>
      <c r="AO1953" s="53">
        <v>73605812.156666696</v>
      </c>
      <c r="AP1953" s="53">
        <v>95353728.823333398</v>
      </c>
      <c r="AQ1953" s="53">
        <v>99651645.490000099</v>
      </c>
      <c r="AR1953" s="53">
        <v>106374562.156666</v>
      </c>
      <c r="AS1953" s="53">
        <v>110609978.823333</v>
      </c>
      <c r="AT1953" s="53">
        <v>76995395.490000099</v>
      </c>
      <c r="AU1953" s="53">
        <v>73605812.1566668</v>
      </c>
      <c r="AV1953" s="53">
        <v>95353728.823333398</v>
      </c>
      <c r="AW1953" s="53">
        <v>99651645.490000099</v>
      </c>
      <c r="AX1953" s="53">
        <v>106374562.156666</v>
      </c>
      <c r="AY1953" s="53">
        <v>110609978.823333</v>
      </c>
      <c r="AZ1953" s="53">
        <v>76995395.490000099</v>
      </c>
      <c r="BA1953" s="53">
        <v>76995395.490000099</v>
      </c>
      <c r="BB1953" s="53">
        <v>73595395.490000099</v>
      </c>
      <c r="BC1953" s="53">
        <v>95343312.1566668</v>
      </c>
      <c r="BD1953" s="53">
        <v>99641228.823333502</v>
      </c>
      <c r="BE1953" s="53">
        <v>106364145.48999999</v>
      </c>
      <c r="BF1953" s="53">
        <v>110599562.156666</v>
      </c>
      <c r="BG1953" s="53">
        <v>76984978.823333502</v>
      </c>
      <c r="BH1953" s="53">
        <v>73595395.490000099</v>
      </c>
      <c r="BI1953" s="53">
        <v>95343312.1566668</v>
      </c>
      <c r="BJ1953" s="53">
        <v>99641228.823333502</v>
      </c>
      <c r="BK1953" s="53">
        <v>106364145.48999999</v>
      </c>
      <c r="BL1953" s="53">
        <v>110599562.156666</v>
      </c>
      <c r="BM1953" s="53">
        <v>76984978.823333502</v>
      </c>
      <c r="BN1953" s="53">
        <v>76984978.823333502</v>
      </c>
      <c r="BO1953" s="53">
        <v>72733937.1566668</v>
      </c>
      <c r="BP1953" s="53">
        <v>92748520.490000203</v>
      </c>
      <c r="BQ1953" s="53">
        <v>95313103.823333502</v>
      </c>
      <c r="BR1953" s="53">
        <v>100302687.156666</v>
      </c>
      <c r="BS1953" s="53">
        <v>102804770.48999999</v>
      </c>
      <c r="BT1953" s="53">
        <v>67456853.823333502</v>
      </c>
      <c r="BU1953" s="53">
        <v>72733937.156666905</v>
      </c>
      <c r="BV1953" s="53">
        <v>92748520.490000203</v>
      </c>
      <c r="BW1953" s="53">
        <v>95313103.823333502</v>
      </c>
      <c r="BX1953" s="53">
        <v>100302687.156666</v>
      </c>
      <c r="BY1953" s="53">
        <v>102804770.48999999</v>
      </c>
      <c r="BZ1953" s="53">
        <v>67456853.823333502</v>
      </c>
      <c r="CA1953" s="53">
        <v>67456853.823333502</v>
      </c>
      <c r="CB1953" s="53"/>
      <c r="CC1953" s="53"/>
      <c r="CD1953" s="53"/>
      <c r="CE1953" s="53">
        <v>-12410706.1507174</v>
      </c>
      <c r="CF1953" s="53"/>
      <c r="CG1953" s="53">
        <v>-12410706.1507174</v>
      </c>
      <c r="CH1953" s="53"/>
      <c r="CI1953" s="53"/>
      <c r="CJ1953" s="53">
        <v>-12410706.1507174</v>
      </c>
      <c r="CK1953" s="53"/>
      <c r="CL1953" s="53"/>
      <c r="CM1953" s="53">
        <v>-12410706.14869</v>
      </c>
      <c r="CN1953" s="53">
        <v>-49642824.600842401</v>
      </c>
    </row>
    <row r="1954" spans="1:92" outlineLevel="1">
      <c r="A1954" s="52" t="s">
        <v>1567</v>
      </c>
      <c r="B1954" s="53">
        <v>3130.0300000002599</v>
      </c>
      <c r="C1954" s="53">
        <v>4499.2500000007503</v>
      </c>
      <c r="D1954" s="53">
        <v>6918.0500000002203</v>
      </c>
      <c r="E1954" s="53">
        <v>19113.250000002099</v>
      </c>
      <c r="F1954" s="53">
        <v>15895.479999999199</v>
      </c>
      <c r="G1954" s="53">
        <v>24885.880000001602</v>
      </c>
      <c r="H1954" s="53">
        <v>126448.739999999</v>
      </c>
      <c r="I1954" s="53">
        <v>49224.130000002297</v>
      </c>
      <c r="J1954" s="53">
        <v>90941.229999996707</v>
      </c>
      <c r="K1954" s="53">
        <v>32807.3599999988</v>
      </c>
      <c r="L1954" s="53">
        <v>40631.520000002602</v>
      </c>
      <c r="M1954" s="53">
        <v>154786.59999999899</v>
      </c>
      <c r="N1954" s="53">
        <v>154786.59999999899</v>
      </c>
      <c r="O1954" s="53">
        <v>154786.59999999899</v>
      </c>
      <c r="P1954" s="53">
        <v>154786.59999999899</v>
      </c>
      <c r="Q1954" s="53">
        <v>154786.59999999899</v>
      </c>
      <c r="R1954" s="53">
        <v>154786.59999999899</v>
      </c>
      <c r="S1954" s="53">
        <v>154786.59999999899</v>
      </c>
      <c r="T1954" s="53">
        <v>154786.59999999899</v>
      </c>
      <c r="U1954" s="53">
        <v>154786.59999999899</v>
      </c>
      <c r="V1954" s="53">
        <v>154786.59999999899</v>
      </c>
      <c r="W1954" s="53">
        <v>154786.59999999899</v>
      </c>
      <c r="X1954" s="53">
        <v>154786.59999999899</v>
      </c>
      <c r="Y1954" s="53">
        <v>154786.59999999899</v>
      </c>
      <c r="Z1954" s="53">
        <v>154786.59999999899</v>
      </c>
      <c r="AA1954" s="53">
        <v>154786.59999999899</v>
      </c>
      <c r="AB1954" s="53">
        <v>154786.59999999899</v>
      </c>
      <c r="AC1954" s="53">
        <v>154786.59999999899</v>
      </c>
      <c r="AD1954" s="53">
        <v>154786.59999999899</v>
      </c>
      <c r="AE1954" s="53">
        <v>154786.59999999899</v>
      </c>
      <c r="AF1954" s="53">
        <v>154786.59999999899</v>
      </c>
      <c r="AG1954" s="53">
        <v>154786.59999999899</v>
      </c>
      <c r="AH1954" s="53">
        <v>154786.59999999899</v>
      </c>
      <c r="AI1954" s="53">
        <v>154786.59999999899</v>
      </c>
      <c r="AJ1954" s="53">
        <v>154786.59999999899</v>
      </c>
      <c r="AK1954" s="53">
        <v>154786.59999999899</v>
      </c>
      <c r="AL1954" s="53">
        <v>154786.59999999899</v>
      </c>
      <c r="AM1954" s="53">
        <v>154786.59999999899</v>
      </c>
      <c r="AN1954" s="53">
        <v>154786.59999999899</v>
      </c>
      <c r="AO1954" s="53">
        <v>154786.59999999899</v>
      </c>
      <c r="AP1954" s="53">
        <v>154786.59999999899</v>
      </c>
      <c r="AQ1954" s="53">
        <v>154786.59999999899</v>
      </c>
      <c r="AR1954" s="53">
        <v>154786.59999999899</v>
      </c>
      <c r="AS1954" s="53">
        <v>154786.59999999899</v>
      </c>
      <c r="AT1954" s="53">
        <v>154786.59999999899</v>
      </c>
      <c r="AU1954" s="53">
        <v>154786.59999999899</v>
      </c>
      <c r="AV1954" s="53">
        <v>154786.59999999899</v>
      </c>
      <c r="AW1954" s="53">
        <v>154786.59999999899</v>
      </c>
      <c r="AX1954" s="53">
        <v>154786.59999999899</v>
      </c>
      <c r="AY1954" s="53">
        <v>154786.59999999899</v>
      </c>
      <c r="AZ1954" s="53">
        <v>154786.59999999899</v>
      </c>
      <c r="BA1954" s="53">
        <v>154786.59999999899</v>
      </c>
      <c r="BB1954" s="53">
        <v>154786.59999999899</v>
      </c>
      <c r="BC1954" s="53">
        <v>154786.59999999899</v>
      </c>
      <c r="BD1954" s="53">
        <v>154786.59999999899</v>
      </c>
      <c r="BE1954" s="53">
        <v>154786.59999999899</v>
      </c>
      <c r="BF1954" s="53">
        <v>154786.59999999899</v>
      </c>
      <c r="BG1954" s="53">
        <v>154786.59999999899</v>
      </c>
      <c r="BH1954" s="53">
        <v>154786.59999999899</v>
      </c>
      <c r="BI1954" s="53">
        <v>154786.59999999899</v>
      </c>
      <c r="BJ1954" s="53">
        <v>154786.59999999899</v>
      </c>
      <c r="BK1954" s="53">
        <v>154786.59999999899</v>
      </c>
      <c r="BL1954" s="53">
        <v>154786.59999999899</v>
      </c>
      <c r="BM1954" s="53">
        <v>154786.59999999899</v>
      </c>
      <c r="BN1954" s="53">
        <v>154786.59999999899</v>
      </c>
      <c r="BO1954" s="53">
        <v>154786.59999999899</v>
      </c>
      <c r="BP1954" s="53">
        <v>154786.59999999899</v>
      </c>
      <c r="BQ1954" s="53">
        <v>154786.59999999899</v>
      </c>
      <c r="BR1954" s="53">
        <v>154786.59999999899</v>
      </c>
      <c r="BS1954" s="53">
        <v>154786.59999999899</v>
      </c>
      <c r="BT1954" s="53">
        <v>154786.59999999899</v>
      </c>
      <c r="BU1954" s="53">
        <v>154786.59999999899</v>
      </c>
      <c r="BV1954" s="53">
        <v>154786.59999999899</v>
      </c>
      <c r="BW1954" s="53">
        <v>154786.59999999899</v>
      </c>
      <c r="BX1954" s="53">
        <v>154786.59999999899</v>
      </c>
      <c r="BY1954" s="53">
        <v>154786.59999999899</v>
      </c>
      <c r="BZ1954" s="53">
        <v>154786.59999999899</v>
      </c>
      <c r="CA1954" s="53">
        <v>154786.59999999899</v>
      </c>
      <c r="CB1954" s="53"/>
      <c r="CC1954" s="53"/>
      <c r="CD1954" s="53"/>
      <c r="CE1954" s="53"/>
      <c r="CF1954" s="53"/>
      <c r="CG1954" s="53"/>
      <c r="CH1954" s="53"/>
      <c r="CI1954" s="53"/>
      <c r="CJ1954" s="53"/>
      <c r="CK1954" s="53"/>
      <c r="CL1954" s="53"/>
      <c r="CM1954" s="53"/>
      <c r="CN1954" s="53"/>
    </row>
    <row r="1955" spans="1:92">
      <c r="A1955" s="52" t="s">
        <v>1218</v>
      </c>
      <c r="B1955" s="53">
        <v>68170800.549999997</v>
      </c>
      <c r="C1955" s="53">
        <v>62602418.390000001</v>
      </c>
      <c r="D1955" s="53">
        <v>82199344.060000002</v>
      </c>
      <c r="E1955" s="53">
        <v>84475123.200000003</v>
      </c>
      <c r="F1955" s="53">
        <v>89148466.079999998</v>
      </c>
      <c r="G1955" s="53">
        <v>106234598.06999999</v>
      </c>
      <c r="H1955" s="53">
        <v>71941910.75</v>
      </c>
      <c r="I1955" s="53">
        <v>65862830.409999996</v>
      </c>
      <c r="J1955" s="53">
        <v>81919879.209999993</v>
      </c>
      <c r="K1955" s="53">
        <v>82102487.890000001</v>
      </c>
      <c r="L1955" s="53">
        <v>87634530.019999996</v>
      </c>
      <c r="M1955" s="53">
        <v>110054888.89</v>
      </c>
      <c r="N1955" s="53">
        <v>68170800.549999997</v>
      </c>
      <c r="O1955" s="53">
        <v>80333846.090000004</v>
      </c>
      <c r="P1955" s="53">
        <v>77628097.645555496</v>
      </c>
      <c r="Q1955" s="53">
        <v>99376014.312222198</v>
      </c>
      <c r="R1955" s="53">
        <v>103673930.645555</v>
      </c>
      <c r="S1955" s="53">
        <v>110396848.09</v>
      </c>
      <c r="T1955" s="53">
        <v>114219070.756666</v>
      </c>
      <c r="U1955" s="53">
        <v>80604487.645555496</v>
      </c>
      <c r="V1955" s="53">
        <v>77080807.090000004</v>
      </c>
      <c r="W1955" s="53">
        <v>98828723.756666705</v>
      </c>
      <c r="X1955" s="53">
        <v>103126640.423333</v>
      </c>
      <c r="Y1955" s="53">
        <v>109849557.09</v>
      </c>
      <c r="Z1955" s="53">
        <v>114084973.756666</v>
      </c>
      <c r="AA1955" s="53">
        <v>80333846.090000004</v>
      </c>
      <c r="AB1955" s="53">
        <v>80470390.423333302</v>
      </c>
      <c r="AC1955" s="53">
        <v>76674279.312222198</v>
      </c>
      <c r="AD1955" s="53">
        <v>98422195.978888899</v>
      </c>
      <c r="AE1955" s="53">
        <v>102720112.645555</v>
      </c>
      <c r="AF1955" s="53">
        <v>106607473.756666</v>
      </c>
      <c r="AG1955" s="53">
        <v>110842890.423333</v>
      </c>
      <c r="AH1955" s="53">
        <v>77228307.090000004</v>
      </c>
      <c r="AI1955" s="53">
        <v>73838723.756666705</v>
      </c>
      <c r="AJ1955" s="53">
        <v>95586640.423333406</v>
      </c>
      <c r="AK1955" s="53">
        <v>99884557.090000004</v>
      </c>
      <c r="AL1955" s="53">
        <v>106607473.756666</v>
      </c>
      <c r="AM1955" s="53">
        <v>110842890.423333</v>
      </c>
      <c r="AN1955" s="53">
        <v>80470390.423333302</v>
      </c>
      <c r="AO1955" s="53">
        <v>77228307.090000093</v>
      </c>
      <c r="AP1955" s="53">
        <v>73760598.756666705</v>
      </c>
      <c r="AQ1955" s="53">
        <v>95508515.423333406</v>
      </c>
      <c r="AR1955" s="53">
        <v>99806432.090000093</v>
      </c>
      <c r="AS1955" s="53">
        <v>106529348.756666</v>
      </c>
      <c r="AT1955" s="53">
        <v>110764765.423333</v>
      </c>
      <c r="AU1955" s="53">
        <v>77150182.090000093</v>
      </c>
      <c r="AV1955" s="53">
        <v>73760598.756666794</v>
      </c>
      <c r="AW1955" s="53">
        <v>95508515.423333406</v>
      </c>
      <c r="AX1955" s="53">
        <v>99806432.090000093</v>
      </c>
      <c r="AY1955" s="53">
        <v>106529348.756666</v>
      </c>
      <c r="AZ1955" s="53">
        <v>110764765.423333</v>
      </c>
      <c r="BA1955" s="53">
        <v>77228307.090000093</v>
      </c>
      <c r="BB1955" s="53">
        <v>77150182.090000093</v>
      </c>
      <c r="BC1955" s="53">
        <v>73750182.090000093</v>
      </c>
      <c r="BD1955" s="53">
        <v>95498098.756666794</v>
      </c>
      <c r="BE1955" s="53">
        <v>99796015.423333496</v>
      </c>
      <c r="BF1955" s="53">
        <v>106518932.09</v>
      </c>
      <c r="BG1955" s="53">
        <v>110754348.756666</v>
      </c>
      <c r="BH1955" s="53">
        <v>77139765.423333496</v>
      </c>
      <c r="BI1955" s="53">
        <v>73750182.090000197</v>
      </c>
      <c r="BJ1955" s="53">
        <v>95498098.756666794</v>
      </c>
      <c r="BK1955" s="53">
        <v>99796015.423333496</v>
      </c>
      <c r="BL1955" s="53">
        <v>106518932.09</v>
      </c>
      <c r="BM1955" s="53">
        <v>110754348.756666</v>
      </c>
      <c r="BN1955" s="53">
        <v>77150182.090000093</v>
      </c>
      <c r="BO1955" s="53">
        <v>77139765.423333496</v>
      </c>
      <c r="BP1955" s="53">
        <v>72888723.756666794</v>
      </c>
      <c r="BQ1955" s="53">
        <v>92903307.090000197</v>
      </c>
      <c r="BR1955" s="53">
        <v>95467890.423333496</v>
      </c>
      <c r="BS1955" s="53">
        <v>100457473.756666</v>
      </c>
      <c r="BT1955" s="53">
        <v>102959557.09</v>
      </c>
      <c r="BU1955" s="53">
        <v>67611640.423333496</v>
      </c>
      <c r="BV1955" s="53">
        <v>72888723.756666899</v>
      </c>
      <c r="BW1955" s="53">
        <v>92903307.090000197</v>
      </c>
      <c r="BX1955" s="53">
        <v>95467890.423333496</v>
      </c>
      <c r="BY1955" s="53">
        <v>100457473.756666</v>
      </c>
      <c r="BZ1955" s="53">
        <v>102959557.09</v>
      </c>
      <c r="CA1955" s="53">
        <v>77139765.423333496</v>
      </c>
      <c r="CB1955" s="53"/>
      <c r="CC1955" s="53"/>
      <c r="CD1955" s="53"/>
      <c r="CE1955" s="53"/>
      <c r="CF1955" s="53"/>
      <c r="CG1955" s="53"/>
      <c r="CH1955" s="53"/>
      <c r="CI1955" s="53"/>
      <c r="CJ1955" s="53"/>
      <c r="CK1955" s="53"/>
      <c r="CL1955" s="53"/>
      <c r="CM1955" s="53"/>
      <c r="CN1955" s="53"/>
    </row>
    <row r="1956" spans="1:92">
      <c r="A1956" s="52" t="s">
        <v>699</v>
      </c>
      <c r="B1956" s="53"/>
      <c r="C1956" s="53"/>
      <c r="D1956" s="53"/>
      <c r="E1956" s="53"/>
      <c r="F1956" s="53"/>
      <c r="G1956" s="53"/>
      <c r="H1956" s="53"/>
      <c r="I1956" s="53"/>
      <c r="J1956" s="53"/>
      <c r="K1956" s="53"/>
      <c r="L1956" s="53"/>
      <c r="M1956" s="53"/>
      <c r="N1956" s="53"/>
      <c r="O1956" s="53"/>
      <c r="P1956" s="53"/>
      <c r="Q1956" s="53"/>
      <c r="R1956" s="53"/>
      <c r="S1956" s="53"/>
      <c r="T1956" s="53"/>
      <c r="U1956" s="53"/>
      <c r="V1956" s="53"/>
      <c r="W1956" s="53"/>
      <c r="X1956" s="53"/>
      <c r="Y1956" s="53"/>
      <c r="Z1956" s="53"/>
      <c r="AA1956" s="53"/>
      <c r="AB1956" s="53"/>
      <c r="AC1956" s="53"/>
      <c r="AD1956" s="53"/>
      <c r="AE1956" s="53"/>
      <c r="AF1956" s="53"/>
      <c r="AG1956" s="53"/>
      <c r="AH1956" s="53"/>
      <c r="AI1956" s="53"/>
      <c r="AJ1956" s="53"/>
      <c r="AK1956" s="53"/>
      <c r="AL1956" s="53"/>
      <c r="AM1956" s="53"/>
      <c r="AN1956" s="53"/>
      <c r="AO1956" s="53"/>
      <c r="AP1956" s="53"/>
      <c r="AQ1956" s="53"/>
      <c r="AR1956" s="53"/>
      <c r="AS1956" s="53"/>
      <c r="AT1956" s="53"/>
      <c r="AU1956" s="53"/>
      <c r="AV1956" s="53"/>
      <c r="AW1956" s="53"/>
      <c r="AX1956" s="53"/>
      <c r="AY1956" s="53"/>
      <c r="AZ1956" s="53"/>
      <c r="BA1956" s="53"/>
      <c r="BB1956" s="53"/>
      <c r="BC1956" s="53"/>
      <c r="BD1956" s="53"/>
      <c r="BE1956" s="53"/>
      <c r="BF1956" s="53"/>
      <c r="BG1956" s="53"/>
      <c r="BH1956" s="53"/>
      <c r="BI1956" s="53"/>
      <c r="BJ1956" s="53"/>
      <c r="BK1956" s="53"/>
      <c r="BL1956" s="53"/>
      <c r="BM1956" s="53"/>
      <c r="BN1956" s="53"/>
      <c r="BO1956" s="53"/>
      <c r="BP1956" s="53"/>
      <c r="BQ1956" s="53"/>
      <c r="BR1956" s="53"/>
      <c r="BS1956" s="53"/>
      <c r="BT1956" s="53"/>
      <c r="BU1956" s="53"/>
      <c r="BV1956" s="53"/>
      <c r="BW1956" s="53"/>
      <c r="BX1956" s="53"/>
      <c r="BY1956" s="53"/>
      <c r="BZ1956" s="53"/>
      <c r="CA1956" s="53"/>
      <c r="CB1956" s="53"/>
      <c r="CC1956" s="53"/>
      <c r="CD1956" s="53"/>
      <c r="CE1956" s="53"/>
      <c r="CF1956" s="53"/>
      <c r="CG1956" s="53"/>
      <c r="CH1956" s="53"/>
      <c r="CI1956" s="53"/>
      <c r="CJ1956" s="53"/>
      <c r="CK1956" s="53"/>
      <c r="CL1956" s="53"/>
      <c r="CM1956" s="53"/>
      <c r="CN1956" s="53"/>
    </row>
    <row r="1957" spans="1:92" outlineLevel="1">
      <c r="A1957" s="52" t="s">
        <v>709</v>
      </c>
      <c r="B1957" s="53"/>
      <c r="C1957" s="53"/>
      <c r="D1957" s="53"/>
      <c r="E1957" s="53"/>
      <c r="F1957" s="53"/>
      <c r="G1957" s="53"/>
      <c r="H1957" s="53"/>
      <c r="I1957" s="53"/>
      <c r="J1957" s="53"/>
      <c r="K1957" s="53"/>
      <c r="L1957" s="53"/>
      <c r="M1957" s="53"/>
      <c r="N1957" s="53"/>
      <c r="O1957" s="53"/>
      <c r="P1957" s="53"/>
      <c r="Q1957" s="53"/>
      <c r="R1957" s="53"/>
      <c r="S1957" s="53"/>
      <c r="T1957" s="53"/>
      <c r="U1957" s="53"/>
      <c r="V1957" s="53"/>
      <c r="W1957" s="53"/>
      <c r="X1957" s="53"/>
      <c r="Y1957" s="53"/>
      <c r="Z1957" s="53"/>
      <c r="AA1957" s="53"/>
      <c r="AB1957" s="53"/>
      <c r="AC1957" s="53"/>
      <c r="AD1957" s="53"/>
      <c r="AE1957" s="53"/>
      <c r="AF1957" s="53"/>
      <c r="AG1957" s="53"/>
      <c r="AH1957" s="53"/>
      <c r="AI1957" s="53"/>
      <c r="AJ1957" s="53"/>
      <c r="AK1957" s="53"/>
      <c r="AL1957" s="53"/>
      <c r="AM1957" s="53"/>
      <c r="AN1957" s="53"/>
      <c r="AO1957" s="53"/>
      <c r="AP1957" s="53"/>
      <c r="AQ1957" s="53"/>
      <c r="AR1957" s="53"/>
      <c r="AS1957" s="53"/>
      <c r="AT1957" s="53"/>
      <c r="AU1957" s="53"/>
      <c r="AV1957" s="53"/>
      <c r="AW1957" s="53"/>
      <c r="AX1957" s="53"/>
      <c r="AY1957" s="53"/>
      <c r="AZ1957" s="53"/>
      <c r="BA1957" s="53"/>
      <c r="BB1957" s="53"/>
      <c r="BC1957" s="53"/>
      <c r="BD1957" s="53"/>
      <c r="BE1957" s="53"/>
      <c r="BF1957" s="53"/>
      <c r="BG1957" s="53"/>
      <c r="BH1957" s="53"/>
      <c r="BI1957" s="53"/>
      <c r="BJ1957" s="53"/>
      <c r="BK1957" s="53"/>
      <c r="BL1957" s="53"/>
      <c r="BM1957" s="53"/>
      <c r="BN1957" s="53"/>
      <c r="BO1957" s="53"/>
      <c r="BP1957" s="53"/>
      <c r="BQ1957" s="53"/>
      <c r="BR1957" s="53"/>
      <c r="BS1957" s="53"/>
      <c r="BT1957" s="53"/>
      <c r="BU1957" s="53"/>
      <c r="BV1957" s="53"/>
      <c r="BW1957" s="53"/>
      <c r="BX1957" s="53"/>
      <c r="BY1957" s="53"/>
      <c r="BZ1957" s="53"/>
      <c r="CA1957" s="53"/>
      <c r="CB1957" s="53"/>
      <c r="CC1957" s="53"/>
      <c r="CD1957" s="53"/>
      <c r="CE1957" s="53"/>
      <c r="CF1957" s="53"/>
      <c r="CG1957" s="53"/>
      <c r="CH1957" s="53"/>
      <c r="CI1957" s="53"/>
      <c r="CJ1957" s="53"/>
      <c r="CK1957" s="53"/>
      <c r="CL1957" s="53"/>
      <c r="CM1957" s="53"/>
      <c r="CN1957" s="53"/>
    </row>
    <row r="1958" spans="1:92" outlineLevel="1">
      <c r="A1958" s="52" t="s">
        <v>1562</v>
      </c>
      <c r="B1958" s="53"/>
      <c r="C1958" s="53"/>
      <c r="D1958" s="53"/>
      <c r="E1958" s="53"/>
      <c r="F1958" s="53"/>
      <c r="G1958" s="53"/>
      <c r="H1958" s="53"/>
      <c r="I1958" s="53"/>
      <c r="J1958" s="53"/>
      <c r="K1958" s="53"/>
      <c r="L1958" s="53"/>
      <c r="M1958" s="53"/>
      <c r="N1958" s="53"/>
      <c r="O1958" s="53"/>
      <c r="P1958" s="53"/>
      <c r="Q1958" s="53"/>
      <c r="R1958" s="53"/>
      <c r="S1958" s="53"/>
      <c r="T1958" s="53"/>
      <c r="U1958" s="53"/>
      <c r="V1958" s="53"/>
      <c r="W1958" s="53"/>
      <c r="X1958" s="53"/>
      <c r="Y1958" s="53"/>
      <c r="Z1958" s="53"/>
      <c r="AA1958" s="53"/>
      <c r="AB1958" s="53"/>
      <c r="AC1958" s="53"/>
      <c r="AD1958" s="53"/>
      <c r="AE1958" s="53"/>
      <c r="AF1958" s="53"/>
      <c r="AG1958" s="53"/>
      <c r="AH1958" s="53"/>
      <c r="AI1958" s="53"/>
      <c r="AJ1958" s="53"/>
      <c r="AK1958" s="53"/>
      <c r="AL1958" s="53"/>
      <c r="AM1958" s="53"/>
      <c r="AN1958" s="53"/>
      <c r="AO1958" s="53"/>
      <c r="AP1958" s="53"/>
      <c r="AQ1958" s="53"/>
      <c r="AR1958" s="53"/>
      <c r="AS1958" s="53"/>
      <c r="AT1958" s="53"/>
      <c r="AU1958" s="53"/>
      <c r="AV1958" s="53"/>
      <c r="AW1958" s="53"/>
      <c r="AX1958" s="53"/>
      <c r="AY1958" s="53"/>
      <c r="AZ1958" s="53"/>
      <c r="BA1958" s="53"/>
      <c r="BB1958" s="53"/>
      <c r="BC1958" s="53"/>
      <c r="BD1958" s="53"/>
      <c r="BE1958" s="53"/>
      <c r="BF1958" s="53"/>
      <c r="BG1958" s="53"/>
      <c r="BH1958" s="53"/>
      <c r="BI1958" s="53"/>
      <c r="BJ1958" s="53"/>
      <c r="BK1958" s="53"/>
      <c r="BL1958" s="53"/>
      <c r="BM1958" s="53"/>
      <c r="BN1958" s="53"/>
      <c r="BO1958" s="53"/>
      <c r="BP1958" s="53"/>
      <c r="BQ1958" s="53"/>
      <c r="BR1958" s="53"/>
      <c r="BS1958" s="53"/>
      <c r="BT1958" s="53"/>
      <c r="BU1958" s="53"/>
      <c r="BV1958" s="53"/>
      <c r="BW1958" s="53"/>
      <c r="BX1958" s="53"/>
      <c r="BY1958" s="53"/>
      <c r="BZ1958" s="53"/>
      <c r="CA1958" s="53"/>
      <c r="CB1958" s="53"/>
      <c r="CC1958" s="53"/>
      <c r="CD1958" s="53"/>
      <c r="CE1958" s="53"/>
      <c r="CF1958" s="53"/>
      <c r="CG1958" s="53"/>
      <c r="CH1958" s="53"/>
      <c r="CI1958" s="53"/>
      <c r="CJ1958" s="53"/>
      <c r="CK1958" s="53"/>
      <c r="CL1958" s="53"/>
      <c r="CM1958" s="53"/>
      <c r="CN1958" s="53"/>
    </row>
    <row r="1959" spans="1:92" outlineLevel="1">
      <c r="A1959" s="52" t="s">
        <v>711</v>
      </c>
      <c r="B1959" s="53"/>
      <c r="C1959" s="53">
        <v>-5062500</v>
      </c>
      <c r="D1959" s="53"/>
      <c r="E1959" s="53"/>
      <c r="F1959" s="53"/>
      <c r="G1959" s="53"/>
      <c r="H1959" s="53"/>
      <c r="I1959" s="53">
        <v>-5062500</v>
      </c>
      <c r="J1959" s="53"/>
      <c r="K1959" s="53"/>
      <c r="L1959" s="53"/>
      <c r="M1959" s="53"/>
      <c r="N1959" s="53">
        <v>-10125000</v>
      </c>
      <c r="O1959" s="53"/>
      <c r="P1959" s="53">
        <v>-5062500</v>
      </c>
      <c r="Q1959" s="53"/>
      <c r="R1959" s="53"/>
      <c r="S1959" s="53"/>
      <c r="T1959" s="53"/>
      <c r="U1959" s="53"/>
      <c r="V1959" s="53">
        <v>-5062500</v>
      </c>
      <c r="W1959" s="53"/>
      <c r="X1959" s="53"/>
      <c r="Y1959" s="53"/>
      <c r="Z1959" s="53"/>
      <c r="AA1959" s="53">
        <v>-10125000</v>
      </c>
      <c r="AB1959" s="53"/>
      <c r="AC1959" s="53">
        <v>-5062500</v>
      </c>
      <c r="AD1959" s="53"/>
      <c r="AE1959" s="53"/>
      <c r="AF1959" s="53"/>
      <c r="AG1959" s="53"/>
      <c r="AH1959" s="53"/>
      <c r="AI1959" s="53">
        <v>-5062500</v>
      </c>
      <c r="AJ1959" s="53"/>
      <c r="AK1959" s="53"/>
      <c r="AL1959" s="53"/>
      <c r="AM1959" s="53"/>
      <c r="AN1959" s="53">
        <v>-10125000</v>
      </c>
      <c r="AO1959" s="53"/>
      <c r="AP1959" s="53">
        <v>-5062500</v>
      </c>
      <c r="AQ1959" s="53"/>
      <c r="AR1959" s="53"/>
      <c r="AS1959" s="53"/>
      <c r="AT1959" s="53"/>
      <c r="AU1959" s="53"/>
      <c r="AV1959" s="53">
        <v>-5062500</v>
      </c>
      <c r="AW1959" s="53"/>
      <c r="AX1959" s="53"/>
      <c r="AY1959" s="53"/>
      <c r="AZ1959" s="53"/>
      <c r="BA1959" s="53">
        <v>-10125000</v>
      </c>
      <c r="BB1959" s="53"/>
      <c r="BC1959" s="53">
        <v>-5062500</v>
      </c>
      <c r="BD1959" s="53"/>
      <c r="BE1959" s="53"/>
      <c r="BF1959" s="53"/>
      <c r="BG1959" s="53"/>
      <c r="BH1959" s="53"/>
      <c r="BI1959" s="53">
        <v>-5062500</v>
      </c>
      <c r="BJ1959" s="53"/>
      <c r="BK1959" s="53"/>
      <c r="BL1959" s="53"/>
      <c r="BM1959" s="53"/>
      <c r="BN1959" s="53">
        <v>-10125000</v>
      </c>
      <c r="BO1959" s="53"/>
      <c r="BP1959" s="53">
        <v>-5062500</v>
      </c>
      <c r="BQ1959" s="53"/>
      <c r="BR1959" s="53"/>
      <c r="BS1959" s="53"/>
      <c r="BT1959" s="53"/>
      <c r="BU1959" s="53"/>
      <c r="BV1959" s="53">
        <v>-5062500</v>
      </c>
      <c r="BW1959" s="53"/>
      <c r="BX1959" s="53"/>
      <c r="BY1959" s="53"/>
      <c r="BZ1959" s="53"/>
      <c r="CA1959" s="53">
        <v>-10125000</v>
      </c>
      <c r="CB1959" s="53"/>
      <c r="CC1959" s="53"/>
      <c r="CD1959" s="53"/>
      <c r="CE1959" s="53"/>
      <c r="CF1959" s="53"/>
      <c r="CG1959" s="53"/>
      <c r="CH1959" s="53"/>
      <c r="CI1959" s="53"/>
      <c r="CJ1959" s="53"/>
      <c r="CK1959" s="53"/>
      <c r="CL1959" s="53"/>
      <c r="CM1959" s="53"/>
      <c r="CN1959" s="53"/>
    </row>
    <row r="1960" spans="1:92" outlineLevel="1">
      <c r="A1960" s="52" t="s">
        <v>712</v>
      </c>
      <c r="B1960" s="53"/>
      <c r="C1960" s="53"/>
      <c r="D1960" s="53">
        <v>-6637500</v>
      </c>
      <c r="E1960" s="53"/>
      <c r="F1960" s="53"/>
      <c r="G1960" s="53"/>
      <c r="H1960" s="53"/>
      <c r="I1960" s="53"/>
      <c r="J1960" s="53">
        <v>-6637500</v>
      </c>
      <c r="K1960" s="53"/>
      <c r="L1960" s="53"/>
      <c r="M1960" s="53"/>
      <c r="N1960" s="53">
        <v>-13275000</v>
      </c>
      <c r="O1960" s="53"/>
      <c r="P1960" s="53"/>
      <c r="Q1960" s="53">
        <v>-6637500</v>
      </c>
      <c r="R1960" s="53"/>
      <c r="S1960" s="53"/>
      <c r="T1960" s="53"/>
      <c r="U1960" s="53"/>
      <c r="V1960" s="53"/>
      <c r="W1960" s="53">
        <v>-6637500</v>
      </c>
      <c r="X1960" s="53"/>
      <c r="Y1960" s="53"/>
      <c r="Z1960" s="53"/>
      <c r="AA1960" s="53">
        <v>-13275000</v>
      </c>
      <c r="AB1960" s="53"/>
      <c r="AC1960" s="53"/>
      <c r="AD1960" s="53">
        <v>-6637500</v>
      </c>
      <c r="AE1960" s="53"/>
      <c r="AF1960" s="53"/>
      <c r="AG1960" s="53"/>
      <c r="AH1960" s="53"/>
      <c r="AI1960" s="53"/>
      <c r="AJ1960" s="53">
        <v>-6637500</v>
      </c>
      <c r="AK1960" s="53"/>
      <c r="AL1960" s="53"/>
      <c r="AM1960" s="53"/>
      <c r="AN1960" s="53">
        <v>-13275000</v>
      </c>
      <c r="AO1960" s="53"/>
      <c r="AP1960" s="53"/>
      <c r="AQ1960" s="53">
        <v>-6637500</v>
      </c>
      <c r="AR1960" s="53"/>
      <c r="AS1960" s="53"/>
      <c r="AT1960" s="53"/>
      <c r="AU1960" s="53"/>
      <c r="AV1960" s="53"/>
      <c r="AW1960" s="53">
        <v>-6637500</v>
      </c>
      <c r="AX1960" s="53"/>
      <c r="AY1960" s="53"/>
      <c r="AZ1960" s="53"/>
      <c r="BA1960" s="53">
        <v>-13275000</v>
      </c>
      <c r="BB1960" s="53"/>
      <c r="BC1960" s="53"/>
      <c r="BD1960" s="53">
        <v>-6637500</v>
      </c>
      <c r="BE1960" s="53"/>
      <c r="BF1960" s="53"/>
      <c r="BG1960" s="53"/>
      <c r="BH1960" s="53"/>
      <c r="BI1960" s="53"/>
      <c r="BJ1960" s="53">
        <v>-6637500</v>
      </c>
      <c r="BK1960" s="53"/>
      <c r="BL1960" s="53"/>
      <c r="BM1960" s="53"/>
      <c r="BN1960" s="53">
        <v>-13275000</v>
      </c>
      <c r="BO1960" s="53"/>
      <c r="BP1960" s="53"/>
      <c r="BQ1960" s="53">
        <v>-6637500</v>
      </c>
      <c r="BR1960" s="53"/>
      <c r="BS1960" s="53"/>
      <c r="BT1960" s="53"/>
      <c r="BU1960" s="53"/>
      <c r="BV1960" s="53"/>
      <c r="BW1960" s="53">
        <v>-6637500</v>
      </c>
      <c r="BX1960" s="53"/>
      <c r="BY1960" s="53"/>
      <c r="BZ1960" s="53"/>
      <c r="CA1960" s="53">
        <v>-13275000</v>
      </c>
      <c r="CB1960" s="53">
        <v>2722409.65123385</v>
      </c>
      <c r="CC1960" s="53">
        <v>1248678.91999333</v>
      </c>
      <c r="CD1960" s="53">
        <v>1118736.0197216601</v>
      </c>
      <c r="CE1960" s="53">
        <v>2320217.0643701302</v>
      </c>
      <c r="CF1960" s="53">
        <v>5435743.9245058596</v>
      </c>
      <c r="CG1960" s="53">
        <v>6684248.9549595797</v>
      </c>
      <c r="CH1960" s="53">
        <v>8118313.1831336301</v>
      </c>
      <c r="CI1960" s="53">
        <v>8185105.3131268397</v>
      </c>
      <c r="CJ1960" s="53">
        <v>6813232.5979465004</v>
      </c>
      <c r="CK1960" s="53">
        <v>4004354.5534631899</v>
      </c>
      <c r="CL1960" s="53">
        <v>1298326.9287197101</v>
      </c>
      <c r="CM1960" s="53">
        <v>1693457.48966815</v>
      </c>
      <c r="CN1960" s="53">
        <v>49642824.600842401</v>
      </c>
    </row>
    <row r="1961" spans="1:92" outlineLevel="1">
      <c r="A1961" s="52" t="s">
        <v>713</v>
      </c>
      <c r="B1961" s="53"/>
      <c r="C1961" s="53"/>
      <c r="D1961" s="53">
        <v>-15875000.666666601</v>
      </c>
      <c r="E1961" s="53"/>
      <c r="F1961" s="53"/>
      <c r="G1961" s="53"/>
      <c r="H1961" s="53"/>
      <c r="I1961" s="53"/>
      <c r="J1961" s="53">
        <v>-15874999.666666601</v>
      </c>
      <c r="K1961" s="53"/>
      <c r="L1961" s="53"/>
      <c r="M1961" s="53"/>
      <c r="N1961" s="53">
        <v>-31750000.333333299</v>
      </c>
      <c r="O1961" s="53"/>
      <c r="P1961" s="53"/>
      <c r="Q1961" s="53">
        <v>-15875000.3333333</v>
      </c>
      <c r="R1961" s="53"/>
      <c r="S1961" s="53"/>
      <c r="T1961" s="53"/>
      <c r="U1961" s="53"/>
      <c r="V1961" s="53"/>
      <c r="W1961" s="53">
        <v>-15875000</v>
      </c>
      <c r="X1961" s="53"/>
      <c r="Y1961" s="53"/>
      <c r="Z1961" s="53"/>
      <c r="AA1961" s="53">
        <v>-31750000.333333299</v>
      </c>
      <c r="AB1961" s="53"/>
      <c r="AC1961" s="53"/>
      <c r="AD1961" s="53">
        <v>-15875000</v>
      </c>
      <c r="AE1961" s="53"/>
      <c r="AF1961" s="53"/>
      <c r="AG1961" s="53"/>
      <c r="AH1961" s="53"/>
      <c r="AI1961" s="53"/>
      <c r="AJ1961" s="53">
        <v>-15875000</v>
      </c>
      <c r="AK1961" s="53"/>
      <c r="AL1961" s="53"/>
      <c r="AM1961" s="53"/>
      <c r="AN1961" s="53">
        <v>-31750000</v>
      </c>
      <c r="AO1961" s="53"/>
      <c r="AP1961" s="53"/>
      <c r="AQ1961" s="53">
        <v>-15875000</v>
      </c>
      <c r="AR1961" s="53"/>
      <c r="AS1961" s="53"/>
      <c r="AT1961" s="53"/>
      <c r="AU1961" s="53"/>
      <c r="AV1961" s="53"/>
      <c r="AW1961" s="53">
        <v>-15875000</v>
      </c>
      <c r="AX1961" s="53"/>
      <c r="AY1961" s="53"/>
      <c r="AZ1961" s="53"/>
      <c r="BA1961" s="53">
        <v>-31750000</v>
      </c>
      <c r="BB1961" s="53"/>
      <c r="BC1961" s="53"/>
      <c r="BD1961" s="53">
        <v>-15875000</v>
      </c>
      <c r="BE1961" s="53"/>
      <c r="BF1961" s="53"/>
      <c r="BG1961" s="53"/>
      <c r="BH1961" s="53"/>
      <c r="BI1961" s="53"/>
      <c r="BJ1961" s="53">
        <v>-15875000</v>
      </c>
      <c r="BK1961" s="53"/>
      <c r="BL1961" s="53"/>
      <c r="BM1961" s="53"/>
      <c r="BN1961" s="53">
        <v>-31750000</v>
      </c>
      <c r="BO1961" s="53"/>
      <c r="BP1961" s="53"/>
      <c r="BQ1961" s="53">
        <v>-15875000</v>
      </c>
      <c r="BR1961" s="53"/>
      <c r="BS1961" s="53"/>
      <c r="BT1961" s="53"/>
      <c r="BU1961" s="53"/>
      <c r="BV1961" s="53"/>
      <c r="BW1961" s="53">
        <v>-15875000</v>
      </c>
      <c r="BX1961" s="53"/>
      <c r="BY1961" s="53"/>
      <c r="BZ1961" s="53"/>
      <c r="CA1961" s="53">
        <v>-31750000</v>
      </c>
      <c r="CB1961" s="53">
        <v>2722409.65123385</v>
      </c>
      <c r="CC1961" s="53">
        <v>3971088.5712271798</v>
      </c>
      <c r="CD1961" s="53">
        <v>5089824.5909488499</v>
      </c>
      <c r="CE1961" s="53">
        <v>-5000664.4953985</v>
      </c>
      <c r="CF1961" s="53">
        <v>435079.42910736002</v>
      </c>
      <c r="CG1961" s="53">
        <v>-5291377.7666505296</v>
      </c>
      <c r="CH1961" s="53">
        <v>2826935.4164830898</v>
      </c>
      <c r="CI1961" s="53">
        <v>11012040.729609899</v>
      </c>
      <c r="CJ1961" s="53">
        <v>5414567.1768389596</v>
      </c>
      <c r="CK1961" s="53">
        <v>9418921.7303021494</v>
      </c>
      <c r="CL1961" s="53">
        <v>10717248.6590218</v>
      </c>
      <c r="CM1961" s="53">
        <v>1.6370904631912698E-8</v>
      </c>
      <c r="CN1961" s="53">
        <v>1.6370904631912698E-8</v>
      </c>
    </row>
    <row r="1962" spans="1:92" outlineLevel="1">
      <c r="A1962" s="52" t="s">
        <v>716</v>
      </c>
      <c r="B1962" s="53"/>
      <c r="C1962" s="53"/>
      <c r="D1962" s="53"/>
      <c r="E1962" s="53"/>
      <c r="F1962" s="53"/>
      <c r="G1962" s="53">
        <v>-32000000.666666601</v>
      </c>
      <c r="H1962" s="53"/>
      <c r="I1962" s="53"/>
      <c r="J1962" s="53"/>
      <c r="K1962" s="53"/>
      <c r="L1962" s="53"/>
      <c r="M1962" s="53">
        <v>-31999999.666666601</v>
      </c>
      <c r="N1962" s="53">
        <v>-64000000.333333299</v>
      </c>
      <c r="O1962" s="53"/>
      <c r="P1962" s="53"/>
      <c r="Q1962" s="53"/>
      <c r="R1962" s="53"/>
      <c r="S1962" s="53"/>
      <c r="T1962" s="53">
        <v>-32000000.333333299</v>
      </c>
      <c r="U1962" s="53"/>
      <c r="V1962" s="53"/>
      <c r="W1962" s="53"/>
      <c r="X1962" s="53"/>
      <c r="Y1962" s="53"/>
      <c r="Z1962" s="53">
        <v>-31999999.999999899</v>
      </c>
      <c r="AA1962" s="53">
        <v>-64000000.333333299</v>
      </c>
      <c r="AB1962" s="53"/>
      <c r="AC1962" s="53"/>
      <c r="AD1962" s="53"/>
      <c r="AE1962" s="53"/>
      <c r="AF1962" s="53"/>
      <c r="AG1962" s="53">
        <v>-32000000</v>
      </c>
      <c r="AH1962" s="53"/>
      <c r="AI1962" s="53"/>
      <c r="AJ1962" s="53"/>
      <c r="AK1962" s="53"/>
      <c r="AL1962" s="53"/>
      <c r="AM1962" s="53">
        <v>-31999999.999999899</v>
      </c>
      <c r="AN1962" s="53">
        <v>-64000000</v>
      </c>
      <c r="AO1962" s="53"/>
      <c r="AP1962" s="53"/>
      <c r="AQ1962" s="53"/>
      <c r="AR1962" s="53"/>
      <c r="AS1962" s="53"/>
      <c r="AT1962" s="53">
        <v>-32000000</v>
      </c>
      <c r="AU1962" s="53"/>
      <c r="AV1962" s="53"/>
      <c r="AW1962" s="53"/>
      <c r="AX1962" s="53"/>
      <c r="AY1962" s="53"/>
      <c r="AZ1962" s="53">
        <v>-31999999.999999899</v>
      </c>
      <c r="BA1962" s="53">
        <v>-64000000</v>
      </c>
      <c r="BB1962" s="53"/>
      <c r="BC1962" s="53"/>
      <c r="BD1962" s="53"/>
      <c r="BE1962" s="53"/>
      <c r="BF1962" s="53"/>
      <c r="BG1962" s="53">
        <v>-32000000</v>
      </c>
      <c r="BH1962" s="53"/>
      <c r="BI1962" s="53"/>
      <c r="BJ1962" s="53"/>
      <c r="BK1962" s="53"/>
      <c r="BL1962" s="53"/>
      <c r="BM1962" s="53">
        <v>-31999999.999999899</v>
      </c>
      <c r="BN1962" s="53">
        <v>-64000000</v>
      </c>
      <c r="BO1962" s="53"/>
      <c r="BP1962" s="53"/>
      <c r="BQ1962" s="53"/>
      <c r="BR1962" s="53"/>
      <c r="BS1962" s="53"/>
      <c r="BT1962" s="53">
        <v>-32000000</v>
      </c>
      <c r="BU1962" s="53"/>
      <c r="BV1962" s="53"/>
      <c r="BW1962" s="53"/>
      <c r="BX1962" s="53"/>
      <c r="BY1962" s="53"/>
      <c r="BZ1962" s="53">
        <v>-31999999.999999899</v>
      </c>
      <c r="CA1962" s="53">
        <v>-64000000</v>
      </c>
      <c r="CB1962" s="53">
        <v>1.2</v>
      </c>
      <c r="CC1962" s="53">
        <v>1.2</v>
      </c>
      <c r="CD1962" s="53">
        <v>1.2</v>
      </c>
      <c r="CE1962" s="53">
        <v>1.2</v>
      </c>
      <c r="CF1962" s="53">
        <v>1.2</v>
      </c>
      <c r="CG1962" s="53">
        <v>1.2</v>
      </c>
      <c r="CH1962" s="53">
        <v>1.2</v>
      </c>
      <c r="CI1962" s="53">
        <v>1.2</v>
      </c>
      <c r="CJ1962" s="53">
        <v>1.2</v>
      </c>
      <c r="CK1962" s="53">
        <v>1.2</v>
      </c>
      <c r="CL1962" s="53">
        <v>1.2</v>
      </c>
      <c r="CM1962" s="53">
        <v>1.2</v>
      </c>
      <c r="CN1962" s="53">
        <v>1.2</v>
      </c>
    </row>
    <row r="1963" spans="1:92" outlineLevel="1">
      <c r="A1963" s="52" t="s">
        <v>717</v>
      </c>
      <c r="B1963" s="53"/>
      <c r="C1963" s="53"/>
      <c r="D1963" s="53"/>
      <c r="E1963" s="53">
        <v>-9887499.5555555504</v>
      </c>
      <c r="F1963" s="53"/>
      <c r="G1963" s="53"/>
      <c r="H1963" s="53"/>
      <c r="I1963" s="53"/>
      <c r="J1963" s="53"/>
      <c r="K1963" s="53">
        <v>-9887499.5555555504</v>
      </c>
      <c r="L1963" s="53"/>
      <c r="M1963" s="53"/>
      <c r="N1963" s="53">
        <v>-19774999.111111101</v>
      </c>
      <c r="O1963" s="53"/>
      <c r="P1963" s="53"/>
      <c r="Q1963" s="53"/>
      <c r="R1963" s="53">
        <v>-9887499.5555555504</v>
      </c>
      <c r="S1963" s="53"/>
      <c r="T1963" s="53"/>
      <c r="U1963" s="53"/>
      <c r="V1963" s="53"/>
      <c r="W1963" s="53"/>
      <c r="X1963" s="53">
        <v>-9887500</v>
      </c>
      <c r="Y1963" s="53"/>
      <c r="Z1963" s="53"/>
      <c r="AA1963" s="53">
        <v>-19774999.5555555</v>
      </c>
      <c r="AB1963" s="53"/>
      <c r="AC1963" s="53"/>
      <c r="AD1963" s="53"/>
      <c r="AE1963" s="53">
        <v>-9887500</v>
      </c>
      <c r="AF1963" s="53"/>
      <c r="AG1963" s="53"/>
      <c r="AH1963" s="53"/>
      <c r="AI1963" s="53"/>
      <c r="AJ1963" s="53"/>
      <c r="AK1963" s="53">
        <v>-9887500</v>
      </c>
      <c r="AL1963" s="53"/>
      <c r="AM1963" s="53"/>
      <c r="AN1963" s="53">
        <v>-19775000</v>
      </c>
      <c r="AO1963" s="53"/>
      <c r="AP1963" s="53"/>
      <c r="AQ1963" s="53"/>
      <c r="AR1963" s="53">
        <v>-9887500</v>
      </c>
      <c r="AS1963" s="53"/>
      <c r="AT1963" s="53"/>
      <c r="AU1963" s="53"/>
      <c r="AV1963" s="53"/>
      <c r="AW1963" s="53"/>
      <c r="AX1963" s="53">
        <v>-9887500</v>
      </c>
      <c r="AY1963" s="53"/>
      <c r="AZ1963" s="53"/>
      <c r="BA1963" s="53">
        <v>-19775000</v>
      </c>
      <c r="BB1963" s="53"/>
      <c r="BC1963" s="53"/>
      <c r="BD1963" s="53"/>
      <c r="BE1963" s="53">
        <v>-9887500</v>
      </c>
      <c r="BF1963" s="53"/>
      <c r="BG1963" s="53"/>
      <c r="BH1963" s="53"/>
      <c r="BI1963" s="53"/>
      <c r="BJ1963" s="53"/>
      <c r="BK1963" s="53">
        <v>-9887500</v>
      </c>
      <c r="BL1963" s="53"/>
      <c r="BM1963" s="53"/>
      <c r="BN1963" s="53">
        <v>-19775000</v>
      </c>
      <c r="BO1963" s="53"/>
      <c r="BP1963" s="53"/>
      <c r="BQ1963" s="53"/>
      <c r="BR1963" s="53">
        <v>-9887500</v>
      </c>
      <c r="BS1963" s="53"/>
      <c r="BT1963" s="53"/>
      <c r="BU1963" s="53"/>
      <c r="BV1963" s="53"/>
      <c r="BW1963" s="53"/>
      <c r="BX1963" s="53">
        <v>-9887500</v>
      </c>
      <c r="BY1963" s="53"/>
      <c r="BZ1963" s="53"/>
      <c r="CA1963" s="53">
        <v>-19775000</v>
      </c>
      <c r="CB1963" s="53">
        <v>2266381.5453333301</v>
      </c>
      <c r="CC1963" s="53">
        <v>2266381.5453333301</v>
      </c>
      <c r="CD1963" s="53">
        <v>2266381.5453333301</v>
      </c>
      <c r="CE1963" s="53">
        <v>2266381.5453333301</v>
      </c>
      <c r="CF1963" s="53">
        <v>2266381.5453333301</v>
      </c>
      <c r="CG1963" s="53">
        <v>2266381.5453333301</v>
      </c>
      <c r="CH1963" s="53">
        <v>2266381.5453333301</v>
      </c>
      <c r="CI1963" s="53">
        <v>2266381.5453333301</v>
      </c>
      <c r="CJ1963" s="53">
        <v>2266381.5453333301</v>
      </c>
      <c r="CK1963" s="53">
        <v>2266381.5453333301</v>
      </c>
      <c r="CL1963" s="53">
        <v>2266381.5453333301</v>
      </c>
      <c r="CM1963" s="53">
        <v>2266381.5453333301</v>
      </c>
      <c r="CN1963" s="53">
        <v>2266381.5453333301</v>
      </c>
    </row>
    <row r="1964" spans="1:92" outlineLevel="1">
      <c r="A1964" s="52" t="s">
        <v>718</v>
      </c>
      <c r="B1964" s="53"/>
      <c r="C1964" s="53"/>
      <c r="D1964" s="53"/>
      <c r="E1964" s="53"/>
      <c r="F1964" s="53">
        <v>-7699999.6666666605</v>
      </c>
      <c r="G1964" s="53"/>
      <c r="H1964" s="53"/>
      <c r="I1964" s="53"/>
      <c r="J1964" s="53"/>
      <c r="K1964" s="53"/>
      <c r="L1964" s="53">
        <v>-7699999.6666666605</v>
      </c>
      <c r="M1964" s="53"/>
      <c r="N1964" s="53">
        <v>-15399999.3333333</v>
      </c>
      <c r="O1964" s="53"/>
      <c r="P1964" s="53"/>
      <c r="Q1964" s="53"/>
      <c r="R1964" s="53"/>
      <c r="S1964" s="53">
        <v>-7699999.9999999898</v>
      </c>
      <c r="T1964" s="53"/>
      <c r="U1964" s="53"/>
      <c r="V1964" s="53"/>
      <c r="W1964" s="53"/>
      <c r="X1964" s="53"/>
      <c r="Y1964" s="53">
        <v>-7700000</v>
      </c>
      <c r="Z1964" s="53"/>
      <c r="AA1964" s="53">
        <v>-15400000</v>
      </c>
      <c r="AB1964" s="53"/>
      <c r="AC1964" s="53"/>
      <c r="AD1964" s="53"/>
      <c r="AE1964" s="53"/>
      <c r="AF1964" s="53">
        <v>-7699999.9999999898</v>
      </c>
      <c r="AG1964" s="53"/>
      <c r="AH1964" s="53"/>
      <c r="AI1964" s="53"/>
      <c r="AJ1964" s="53"/>
      <c r="AK1964" s="53"/>
      <c r="AL1964" s="53">
        <v>-7700000</v>
      </c>
      <c r="AM1964" s="53"/>
      <c r="AN1964" s="53">
        <v>-15400000</v>
      </c>
      <c r="AO1964" s="53"/>
      <c r="AP1964" s="53"/>
      <c r="AQ1964" s="53"/>
      <c r="AR1964" s="53"/>
      <c r="AS1964" s="53">
        <v>-7699999.9999999898</v>
      </c>
      <c r="AT1964" s="53"/>
      <c r="AU1964" s="53"/>
      <c r="AV1964" s="53"/>
      <c r="AW1964" s="53"/>
      <c r="AX1964" s="53"/>
      <c r="AY1964" s="53">
        <v>-7700000</v>
      </c>
      <c r="AZ1964" s="53"/>
      <c r="BA1964" s="53">
        <v>-15400000</v>
      </c>
      <c r="BB1964" s="53"/>
      <c r="BC1964" s="53"/>
      <c r="BD1964" s="53"/>
      <c r="BE1964" s="53"/>
      <c r="BF1964" s="53">
        <v>-7699999.9999999898</v>
      </c>
      <c r="BG1964" s="53"/>
      <c r="BH1964" s="53"/>
      <c r="BI1964" s="53"/>
      <c r="BJ1964" s="53"/>
      <c r="BK1964" s="53"/>
      <c r="BL1964" s="53">
        <v>-7700000</v>
      </c>
      <c r="BM1964" s="53"/>
      <c r="BN1964" s="53">
        <v>-15400000</v>
      </c>
      <c r="BO1964" s="53"/>
      <c r="BP1964" s="53"/>
      <c r="BQ1964" s="53"/>
      <c r="BR1964" s="53"/>
      <c r="BS1964" s="53">
        <v>-7699999.9999999898</v>
      </c>
      <c r="BT1964" s="53"/>
      <c r="BU1964" s="53"/>
      <c r="BV1964" s="53"/>
      <c r="BW1964" s="53"/>
      <c r="BX1964" s="53"/>
      <c r="BY1964" s="53">
        <v>-7700000</v>
      </c>
      <c r="BZ1964" s="53"/>
      <c r="CA1964" s="53">
        <v>-15400000</v>
      </c>
      <c r="CB1964" s="53"/>
      <c r="CC1964" s="53"/>
      <c r="CD1964" s="53"/>
      <c r="CE1964" s="53"/>
      <c r="CF1964" s="53"/>
      <c r="CG1964" s="53"/>
      <c r="CH1964" s="53"/>
      <c r="CI1964" s="53"/>
      <c r="CJ1964" s="53"/>
      <c r="CK1964" s="53"/>
      <c r="CL1964" s="53"/>
      <c r="CM1964" s="53"/>
      <c r="CN1964" s="53"/>
    </row>
    <row r="1965" spans="1:92" outlineLevel="1">
      <c r="A1965" s="52" t="s">
        <v>1563</v>
      </c>
      <c r="B1965" s="53">
        <v>-182292</v>
      </c>
      <c r="C1965" s="53">
        <v>-187500</v>
      </c>
      <c r="D1965" s="53">
        <v>-187500</v>
      </c>
      <c r="E1965" s="53">
        <v>-187500</v>
      </c>
      <c r="F1965" s="53">
        <v>-187500</v>
      </c>
      <c r="G1965" s="53">
        <v>-187500</v>
      </c>
      <c r="H1965" s="53">
        <v>-562500</v>
      </c>
      <c r="I1965" s="53">
        <v>-937500</v>
      </c>
      <c r="J1965" s="53">
        <v>-937500</v>
      </c>
      <c r="K1965" s="53">
        <v>-937500</v>
      </c>
      <c r="L1965" s="53">
        <v>-937500</v>
      </c>
      <c r="M1965" s="53">
        <v>-937500</v>
      </c>
      <c r="N1965" s="53">
        <v>-6369791.9999999898</v>
      </c>
      <c r="O1965" s="53">
        <v>-994791.66666666605</v>
      </c>
      <c r="P1965" s="53">
        <v>-1052083.33333333</v>
      </c>
      <c r="Q1965" s="53">
        <v>-1052083.33333333</v>
      </c>
      <c r="R1965" s="53">
        <v>-1052083.33333333</v>
      </c>
      <c r="S1965" s="53">
        <v>-1052083.33333333</v>
      </c>
      <c r="T1965" s="53">
        <v>-1052083.33333333</v>
      </c>
      <c r="U1965" s="53">
        <v>-1046875</v>
      </c>
      <c r="V1965" s="53">
        <v>-1041666.66666666</v>
      </c>
      <c r="W1965" s="53">
        <v>-1041666.66666666</v>
      </c>
      <c r="X1965" s="53">
        <v>-1041666.66666666</v>
      </c>
      <c r="Y1965" s="53">
        <v>-1041666.66666666</v>
      </c>
      <c r="Z1965" s="53">
        <v>-1041666.66666666</v>
      </c>
      <c r="AA1965" s="53">
        <v>-12510416.666666601</v>
      </c>
      <c r="AB1965" s="53">
        <v>-989583.33333333302</v>
      </c>
      <c r="AC1965" s="53">
        <v>-937500</v>
      </c>
      <c r="AD1965" s="53">
        <v>-937500</v>
      </c>
      <c r="AE1965" s="53">
        <v>-937500</v>
      </c>
      <c r="AF1965" s="53">
        <v>-937500</v>
      </c>
      <c r="AG1965" s="53">
        <v>-937500</v>
      </c>
      <c r="AH1965" s="53">
        <v>-937500</v>
      </c>
      <c r="AI1965" s="53">
        <v>-937500</v>
      </c>
      <c r="AJ1965" s="53">
        <v>-937500</v>
      </c>
      <c r="AK1965" s="53">
        <v>-937500</v>
      </c>
      <c r="AL1965" s="53">
        <v>-937500</v>
      </c>
      <c r="AM1965" s="53">
        <v>-937500</v>
      </c>
      <c r="AN1965" s="53">
        <v>-11302083.3333333</v>
      </c>
      <c r="AO1965" s="53">
        <v>-859375</v>
      </c>
      <c r="AP1965" s="53">
        <v>-781250</v>
      </c>
      <c r="AQ1965" s="53">
        <v>-781250</v>
      </c>
      <c r="AR1965" s="53">
        <v>-781250</v>
      </c>
      <c r="AS1965" s="53">
        <v>-781250</v>
      </c>
      <c r="AT1965" s="53">
        <v>-781250</v>
      </c>
      <c r="AU1965" s="53">
        <v>-781250</v>
      </c>
      <c r="AV1965" s="53">
        <v>-781250</v>
      </c>
      <c r="AW1965" s="53">
        <v>-781250</v>
      </c>
      <c r="AX1965" s="53">
        <v>-781250</v>
      </c>
      <c r="AY1965" s="53">
        <v>-781250</v>
      </c>
      <c r="AZ1965" s="53">
        <v>-781250</v>
      </c>
      <c r="BA1965" s="53">
        <v>-9453125</v>
      </c>
      <c r="BB1965" s="53">
        <v>-770833.33333333302</v>
      </c>
      <c r="BC1965" s="53">
        <v>-760416.66666666605</v>
      </c>
      <c r="BD1965" s="53">
        <v>-760416.66666666605</v>
      </c>
      <c r="BE1965" s="53">
        <v>-760416.66666666605</v>
      </c>
      <c r="BF1965" s="53">
        <v>-760416.66666666605</v>
      </c>
      <c r="BG1965" s="53">
        <v>-760416.66666666605</v>
      </c>
      <c r="BH1965" s="53">
        <v>-760416.66666666605</v>
      </c>
      <c r="BI1965" s="53">
        <v>-760416.66666666605</v>
      </c>
      <c r="BJ1965" s="53">
        <v>-760416.66666666605</v>
      </c>
      <c r="BK1965" s="53">
        <v>-760416.66666666605</v>
      </c>
      <c r="BL1965" s="53">
        <v>-760416.66666666605</v>
      </c>
      <c r="BM1965" s="53">
        <v>-760416.66666666605</v>
      </c>
      <c r="BN1965" s="53">
        <v>-9135416.6666666605</v>
      </c>
      <c r="BO1965" s="53">
        <v>-765625</v>
      </c>
      <c r="BP1965" s="53">
        <v>-770833.33333333302</v>
      </c>
      <c r="BQ1965" s="53">
        <v>-770833.33333333302</v>
      </c>
      <c r="BR1965" s="53">
        <v>-770833.33333333302</v>
      </c>
      <c r="BS1965" s="53">
        <v>-770833.33333333302</v>
      </c>
      <c r="BT1965" s="53">
        <v>-770833.33333333302</v>
      </c>
      <c r="BU1965" s="53">
        <v>-770833.33333333302</v>
      </c>
      <c r="BV1965" s="53">
        <v>-770833.33333333302</v>
      </c>
      <c r="BW1965" s="53">
        <v>-770833.33333333302</v>
      </c>
      <c r="BX1965" s="53">
        <v>-770833.33333333302</v>
      </c>
      <c r="BY1965" s="53">
        <v>-770833.33333333302</v>
      </c>
      <c r="BZ1965" s="53">
        <v>-770833.33333333302</v>
      </c>
      <c r="CA1965" s="53">
        <v>-9244791.6666666698</v>
      </c>
      <c r="CB1965" s="53"/>
      <c r="CC1965" s="53"/>
      <c r="CD1965" s="53"/>
      <c r="CE1965" s="53"/>
      <c r="CF1965" s="53"/>
      <c r="CG1965" s="53"/>
      <c r="CH1965" s="53"/>
      <c r="CI1965" s="53"/>
      <c r="CJ1965" s="53"/>
      <c r="CK1965" s="53"/>
      <c r="CL1965" s="53"/>
      <c r="CM1965" s="53"/>
      <c r="CN1965" s="53"/>
    </row>
    <row r="1966" spans="1:92" outlineLevel="1">
      <c r="A1966" s="52" t="s">
        <v>721</v>
      </c>
      <c r="B1966" s="53"/>
      <c r="C1966" s="53"/>
      <c r="D1966" s="53"/>
      <c r="E1966" s="53">
        <v>-10199999.666666601</v>
      </c>
      <c r="F1966" s="53"/>
      <c r="G1966" s="53"/>
      <c r="H1966" s="53"/>
      <c r="I1966" s="53"/>
      <c r="J1966" s="53"/>
      <c r="K1966" s="53">
        <v>-10199999.666666601</v>
      </c>
      <c r="L1966" s="53"/>
      <c r="M1966" s="53"/>
      <c r="N1966" s="53">
        <v>-20399999.333333299</v>
      </c>
      <c r="O1966" s="53"/>
      <c r="P1966" s="53"/>
      <c r="Q1966" s="53"/>
      <c r="R1966" s="53">
        <v>-10199999.666666601</v>
      </c>
      <c r="S1966" s="53"/>
      <c r="T1966" s="53"/>
      <c r="U1966" s="53"/>
      <c r="V1966" s="53"/>
      <c r="W1966" s="53"/>
      <c r="X1966" s="53">
        <v>-10200000</v>
      </c>
      <c r="Y1966" s="53"/>
      <c r="Z1966" s="53"/>
      <c r="AA1966" s="53">
        <v>-20399999.666666601</v>
      </c>
      <c r="AB1966" s="53"/>
      <c r="AC1966" s="53"/>
      <c r="AD1966" s="53"/>
      <c r="AE1966" s="53">
        <v>-10200000</v>
      </c>
      <c r="AF1966" s="53"/>
      <c r="AG1966" s="53"/>
      <c r="AH1966" s="53"/>
      <c r="AI1966" s="53"/>
      <c r="AJ1966" s="53"/>
      <c r="AK1966" s="53">
        <v>-10200000</v>
      </c>
      <c r="AL1966" s="53"/>
      <c r="AM1966" s="53"/>
      <c r="AN1966" s="53">
        <v>-20400000</v>
      </c>
      <c r="AO1966" s="53"/>
      <c r="AP1966" s="53"/>
      <c r="AQ1966" s="53"/>
      <c r="AR1966" s="53">
        <v>-10200000</v>
      </c>
      <c r="AS1966" s="53"/>
      <c r="AT1966" s="53"/>
      <c r="AU1966" s="53"/>
      <c r="AV1966" s="53"/>
      <c r="AW1966" s="53"/>
      <c r="AX1966" s="53">
        <v>-10200000</v>
      </c>
      <c r="AY1966" s="53"/>
      <c r="AZ1966" s="53"/>
      <c r="BA1966" s="53">
        <v>-20400000</v>
      </c>
      <c r="BB1966" s="53"/>
      <c r="BC1966" s="53"/>
      <c r="BD1966" s="53"/>
      <c r="BE1966" s="53">
        <v>-10200000</v>
      </c>
      <c r="BF1966" s="53"/>
      <c r="BG1966" s="53"/>
      <c r="BH1966" s="53"/>
      <c r="BI1966" s="53"/>
      <c r="BJ1966" s="53"/>
      <c r="BK1966" s="53">
        <v>-10200000</v>
      </c>
      <c r="BL1966" s="53"/>
      <c r="BM1966" s="53"/>
      <c r="BN1966" s="53">
        <v>-20400000</v>
      </c>
      <c r="BO1966" s="53"/>
      <c r="BP1966" s="53"/>
      <c r="BQ1966" s="53"/>
      <c r="BR1966" s="53">
        <v>-10200000</v>
      </c>
      <c r="BS1966" s="53"/>
      <c r="BT1966" s="53"/>
      <c r="BU1966" s="53"/>
      <c r="BV1966" s="53"/>
      <c r="BW1966" s="53"/>
      <c r="BX1966" s="53">
        <v>-10200000</v>
      </c>
      <c r="BY1966" s="53"/>
      <c r="BZ1966" s="53"/>
      <c r="CA1966" s="53">
        <v>-20400000</v>
      </c>
      <c r="CB1966" s="53"/>
      <c r="CC1966" s="53"/>
      <c r="CD1966" s="53"/>
      <c r="CE1966" s="53"/>
      <c r="CF1966" s="53"/>
      <c r="CG1966" s="53"/>
      <c r="CH1966" s="53"/>
      <c r="CI1966" s="53"/>
      <c r="CJ1966" s="53"/>
      <c r="CK1966" s="53"/>
      <c r="CL1966" s="53"/>
      <c r="CM1966" s="53"/>
      <c r="CN1966" s="53"/>
    </row>
    <row r="1967" spans="1:92" outlineLevel="1">
      <c r="A1967" s="52" t="s">
        <v>723</v>
      </c>
      <c r="B1967" s="53">
        <v>-10399999.666666601</v>
      </c>
      <c r="C1967" s="53"/>
      <c r="D1967" s="53"/>
      <c r="E1967" s="53"/>
      <c r="F1967" s="53"/>
      <c r="G1967" s="53"/>
      <c r="H1967" s="53">
        <v>-10399999.666666601</v>
      </c>
      <c r="I1967" s="53"/>
      <c r="J1967" s="53"/>
      <c r="K1967" s="53"/>
      <c r="L1967" s="53"/>
      <c r="M1967" s="53"/>
      <c r="N1967" s="53">
        <v>-20799999.333333299</v>
      </c>
      <c r="O1967" s="53">
        <v>-10399999.666666601</v>
      </c>
      <c r="P1967" s="53"/>
      <c r="Q1967" s="53"/>
      <c r="R1967" s="53"/>
      <c r="S1967" s="53"/>
      <c r="T1967" s="53"/>
      <c r="U1967" s="53">
        <v>-10400000</v>
      </c>
      <c r="V1967" s="53"/>
      <c r="W1967" s="53"/>
      <c r="X1967" s="53"/>
      <c r="Y1967" s="53"/>
      <c r="Z1967" s="53"/>
      <c r="AA1967" s="53">
        <v>-20799999.666666601</v>
      </c>
      <c r="AB1967" s="53">
        <v>-10400000</v>
      </c>
      <c r="AC1967" s="53"/>
      <c r="AD1967" s="53"/>
      <c r="AE1967" s="53"/>
      <c r="AF1967" s="53"/>
      <c r="AG1967" s="53"/>
      <c r="AH1967" s="53">
        <v>-10400000</v>
      </c>
      <c r="AI1967" s="53"/>
      <c r="AJ1967" s="53"/>
      <c r="AK1967" s="53"/>
      <c r="AL1967" s="53"/>
      <c r="AM1967" s="53"/>
      <c r="AN1967" s="53">
        <v>-20800000</v>
      </c>
      <c r="AO1967" s="53">
        <v>-10400000</v>
      </c>
      <c r="AP1967" s="53"/>
      <c r="AQ1967" s="53"/>
      <c r="AR1967" s="53"/>
      <c r="AS1967" s="53"/>
      <c r="AT1967" s="53"/>
      <c r="AU1967" s="53">
        <v>-10400000</v>
      </c>
      <c r="AV1967" s="53"/>
      <c r="AW1967" s="53"/>
      <c r="AX1967" s="53"/>
      <c r="AY1967" s="53"/>
      <c r="AZ1967" s="53"/>
      <c r="BA1967" s="53">
        <v>-20800000</v>
      </c>
      <c r="BB1967" s="53">
        <v>-10400000</v>
      </c>
      <c r="BC1967" s="53"/>
      <c r="BD1967" s="53"/>
      <c r="BE1967" s="53"/>
      <c r="BF1967" s="53"/>
      <c r="BG1967" s="53"/>
      <c r="BH1967" s="53">
        <v>-10400000</v>
      </c>
      <c r="BI1967" s="53"/>
      <c r="BJ1967" s="53"/>
      <c r="BK1967" s="53"/>
      <c r="BL1967" s="53"/>
      <c r="BM1967" s="53"/>
      <c r="BN1967" s="53">
        <v>-20800000</v>
      </c>
      <c r="BO1967" s="53">
        <v>-10400000</v>
      </c>
      <c r="BP1967" s="53"/>
      <c r="BQ1967" s="53"/>
      <c r="BR1967" s="53"/>
      <c r="BS1967" s="53"/>
      <c r="BT1967" s="53"/>
      <c r="BU1967" s="53"/>
      <c r="BV1967" s="53"/>
      <c r="BW1967" s="53"/>
      <c r="BX1967" s="53"/>
      <c r="BY1967" s="53"/>
      <c r="BZ1967" s="53"/>
      <c r="CA1967" s="53">
        <v>-10400000</v>
      </c>
      <c r="CB1967" s="53">
        <v>-1427936.33333333</v>
      </c>
      <c r="CC1967" s="53">
        <v>-1427936.33333333</v>
      </c>
      <c r="CD1967" s="53">
        <v>-1427936.33333333</v>
      </c>
      <c r="CE1967" s="53">
        <v>-1427936.33333333</v>
      </c>
      <c r="CF1967" s="53">
        <v>-1427936.33333333</v>
      </c>
      <c r="CG1967" s="53">
        <v>-1427936.33333333</v>
      </c>
      <c r="CH1967" s="53">
        <v>-1427936.33333333</v>
      </c>
      <c r="CI1967" s="53">
        <v>-1427936.33333333</v>
      </c>
      <c r="CJ1967" s="53">
        <v>-1427936.33333333</v>
      </c>
      <c r="CK1967" s="53">
        <v>-1427936.33333333</v>
      </c>
      <c r="CL1967" s="53">
        <v>-1427936.33333333</v>
      </c>
      <c r="CM1967" s="53">
        <v>-1427936.33333333</v>
      </c>
      <c r="CN1967" s="53">
        <v>-17135236</v>
      </c>
    </row>
    <row r="1968" spans="1:92" outlineLevel="1">
      <c r="A1968" s="52" t="s">
        <v>724</v>
      </c>
      <c r="B1968" s="53">
        <v>-8400000</v>
      </c>
      <c r="C1968" s="53"/>
      <c r="D1968" s="53"/>
      <c r="E1968" s="53"/>
      <c r="F1968" s="53"/>
      <c r="G1968" s="53"/>
      <c r="H1968" s="53">
        <v>-8400000</v>
      </c>
      <c r="I1968" s="53"/>
      <c r="J1968" s="53"/>
      <c r="K1968" s="53"/>
      <c r="L1968" s="53"/>
      <c r="M1968" s="53"/>
      <c r="N1968" s="53">
        <v>-16800000</v>
      </c>
      <c r="O1968" s="53">
        <v>-8400000</v>
      </c>
      <c r="P1968" s="53"/>
      <c r="Q1968" s="53"/>
      <c r="R1968" s="53"/>
      <c r="S1968" s="53"/>
      <c r="T1968" s="53"/>
      <c r="U1968" s="53">
        <v>-8400000</v>
      </c>
      <c r="V1968" s="53"/>
      <c r="W1968" s="53"/>
      <c r="X1968" s="53"/>
      <c r="Y1968" s="53"/>
      <c r="Z1968" s="53"/>
      <c r="AA1968" s="53">
        <v>-16800000</v>
      </c>
      <c r="AB1968" s="53">
        <v>-8400000</v>
      </c>
      <c r="AC1968" s="53"/>
      <c r="AD1968" s="53"/>
      <c r="AE1968" s="53"/>
      <c r="AF1968" s="53"/>
      <c r="AG1968" s="53"/>
      <c r="AH1968" s="53">
        <v>-8400000</v>
      </c>
      <c r="AI1968" s="53"/>
      <c r="AJ1968" s="53"/>
      <c r="AK1968" s="53"/>
      <c r="AL1968" s="53"/>
      <c r="AM1968" s="53"/>
      <c r="AN1968" s="53">
        <v>-16800000</v>
      </c>
      <c r="AO1968" s="53">
        <v>-8400000</v>
      </c>
      <c r="AP1968" s="53"/>
      <c r="AQ1968" s="53"/>
      <c r="AR1968" s="53"/>
      <c r="AS1968" s="53"/>
      <c r="AT1968" s="53"/>
      <c r="AU1968" s="53">
        <v>-8400000</v>
      </c>
      <c r="AV1968" s="53"/>
      <c r="AW1968" s="53"/>
      <c r="AX1968" s="53"/>
      <c r="AY1968" s="53"/>
      <c r="AZ1968" s="53"/>
      <c r="BA1968" s="53">
        <v>-16800000</v>
      </c>
      <c r="BB1968" s="53">
        <v>-8400000</v>
      </c>
      <c r="BC1968" s="53"/>
      <c r="BD1968" s="53"/>
      <c r="BE1968" s="53"/>
      <c r="BF1968" s="53"/>
      <c r="BG1968" s="53"/>
      <c r="BH1968" s="53">
        <v>-8400000</v>
      </c>
      <c r="BI1968" s="53"/>
      <c r="BJ1968" s="53"/>
      <c r="BK1968" s="53"/>
      <c r="BL1968" s="53"/>
      <c r="BM1968" s="53"/>
      <c r="BN1968" s="53">
        <v>-16800000</v>
      </c>
      <c r="BO1968" s="53">
        <v>-8400000</v>
      </c>
      <c r="BP1968" s="53"/>
      <c r="BQ1968" s="53"/>
      <c r="BR1968" s="53"/>
      <c r="BS1968" s="53"/>
      <c r="BT1968" s="53"/>
      <c r="BU1968" s="53">
        <v>-8400000</v>
      </c>
      <c r="BV1968" s="53"/>
      <c r="BW1968" s="53"/>
      <c r="BX1968" s="53"/>
      <c r="BY1968" s="53"/>
      <c r="BZ1968" s="53"/>
      <c r="CA1968" s="53">
        <v>-16800000</v>
      </c>
      <c r="CB1968" s="53"/>
      <c r="CC1968" s="53"/>
      <c r="CD1968" s="53"/>
      <c r="CE1968" s="53"/>
      <c r="CF1968" s="53"/>
      <c r="CG1968" s="53"/>
      <c r="CH1968" s="53"/>
      <c r="CI1968" s="53"/>
      <c r="CJ1968" s="53"/>
      <c r="CK1968" s="53"/>
      <c r="CL1968" s="53"/>
      <c r="CM1968" s="53"/>
      <c r="CN1968" s="53"/>
    </row>
    <row r="1969" spans="1:92" outlineLevel="1">
      <c r="A1969" s="52" t="s">
        <v>725</v>
      </c>
      <c r="B1969" s="53">
        <v>-11400000</v>
      </c>
      <c r="C1969" s="53"/>
      <c r="D1969" s="53"/>
      <c r="E1969" s="53"/>
      <c r="F1969" s="53"/>
      <c r="G1969" s="53"/>
      <c r="H1969" s="53">
        <v>-11400000</v>
      </c>
      <c r="I1969" s="53"/>
      <c r="J1969" s="53"/>
      <c r="K1969" s="53"/>
      <c r="L1969" s="53"/>
      <c r="M1969" s="53"/>
      <c r="N1969" s="53">
        <v>-22800000</v>
      </c>
      <c r="O1969" s="53">
        <v>-11400000</v>
      </c>
      <c r="P1969" s="53"/>
      <c r="Q1969" s="53"/>
      <c r="R1969" s="53"/>
      <c r="S1969" s="53"/>
      <c r="T1969" s="53"/>
      <c r="U1969" s="53">
        <v>-11400000</v>
      </c>
      <c r="V1969" s="53"/>
      <c r="W1969" s="53"/>
      <c r="X1969" s="53"/>
      <c r="Y1969" s="53"/>
      <c r="Z1969" s="53"/>
      <c r="AA1969" s="53">
        <v>-22800000</v>
      </c>
      <c r="AB1969" s="53">
        <v>-11400000</v>
      </c>
      <c r="AC1969" s="53"/>
      <c r="AD1969" s="53"/>
      <c r="AE1969" s="53"/>
      <c r="AF1969" s="53"/>
      <c r="AG1969" s="53"/>
      <c r="AH1969" s="53">
        <v>-11400000</v>
      </c>
      <c r="AI1969" s="53"/>
      <c r="AJ1969" s="53"/>
      <c r="AK1969" s="53"/>
      <c r="AL1969" s="53"/>
      <c r="AM1969" s="53"/>
      <c r="AN1969" s="53">
        <v>-22800000</v>
      </c>
      <c r="AO1969" s="53">
        <v>-11400000</v>
      </c>
      <c r="AP1969" s="53"/>
      <c r="AQ1969" s="53"/>
      <c r="AR1969" s="53"/>
      <c r="AS1969" s="53"/>
      <c r="AT1969" s="53"/>
      <c r="AU1969" s="53">
        <v>-11400000</v>
      </c>
      <c r="AV1969" s="53"/>
      <c r="AW1969" s="53"/>
      <c r="AX1969" s="53"/>
      <c r="AY1969" s="53"/>
      <c r="AZ1969" s="53"/>
      <c r="BA1969" s="53">
        <v>-22800000</v>
      </c>
      <c r="BB1969" s="53">
        <v>-11400000</v>
      </c>
      <c r="BC1969" s="53"/>
      <c r="BD1969" s="53"/>
      <c r="BE1969" s="53"/>
      <c r="BF1969" s="53"/>
      <c r="BG1969" s="53"/>
      <c r="BH1969" s="53">
        <v>-11400000</v>
      </c>
      <c r="BI1969" s="53"/>
      <c r="BJ1969" s="53"/>
      <c r="BK1969" s="53"/>
      <c r="BL1969" s="53"/>
      <c r="BM1969" s="53"/>
      <c r="BN1969" s="53">
        <v>-22800000</v>
      </c>
      <c r="BO1969" s="53">
        <v>-11400000</v>
      </c>
      <c r="BP1969" s="53"/>
      <c r="BQ1969" s="53"/>
      <c r="BR1969" s="53"/>
      <c r="BS1969" s="53"/>
      <c r="BT1969" s="53"/>
      <c r="BU1969" s="53">
        <v>-11400000</v>
      </c>
      <c r="BV1969" s="53"/>
      <c r="BW1969" s="53"/>
      <c r="BX1969" s="53"/>
      <c r="BY1969" s="53"/>
      <c r="BZ1969" s="53"/>
      <c r="CA1969" s="53">
        <v>-22800000</v>
      </c>
      <c r="CB1969" s="53"/>
      <c r="CC1969" s="53"/>
      <c r="CD1969" s="53"/>
      <c r="CE1969" s="53"/>
      <c r="CF1969" s="53"/>
      <c r="CG1969" s="53"/>
      <c r="CH1969" s="53"/>
      <c r="CI1969" s="53"/>
      <c r="CJ1969" s="53"/>
      <c r="CK1969" s="53"/>
      <c r="CL1969" s="53"/>
      <c r="CM1969" s="53"/>
      <c r="CN1969" s="53"/>
    </row>
    <row r="1970" spans="1:92" outlineLevel="1">
      <c r="A1970" s="52" t="s">
        <v>726</v>
      </c>
      <c r="B1970" s="53"/>
      <c r="C1970" s="53"/>
      <c r="D1970" s="53"/>
      <c r="E1970" s="53"/>
      <c r="F1970" s="53"/>
      <c r="G1970" s="53">
        <v>-8750000.1111111101</v>
      </c>
      <c r="H1970" s="53"/>
      <c r="I1970" s="53"/>
      <c r="J1970" s="53"/>
      <c r="K1970" s="53"/>
      <c r="L1970" s="53"/>
      <c r="M1970" s="53">
        <v>-8750000.1111111101</v>
      </c>
      <c r="N1970" s="53">
        <v>-17500000.222222202</v>
      </c>
      <c r="O1970" s="53"/>
      <c r="P1970" s="53"/>
      <c r="Q1970" s="53"/>
      <c r="R1970" s="53"/>
      <c r="S1970" s="53"/>
      <c r="T1970" s="53">
        <v>-8749999.7777777705</v>
      </c>
      <c r="U1970" s="53"/>
      <c r="V1970" s="53"/>
      <c r="W1970" s="53"/>
      <c r="X1970" s="53"/>
      <c r="Y1970" s="53"/>
      <c r="Z1970" s="53">
        <v>-8750000</v>
      </c>
      <c r="AA1970" s="53">
        <v>-17499999.777777702</v>
      </c>
      <c r="AB1970" s="53"/>
      <c r="AC1970" s="53"/>
      <c r="AD1970" s="53"/>
      <c r="AE1970" s="53"/>
      <c r="AF1970" s="53"/>
      <c r="AG1970" s="53">
        <v>-8750000</v>
      </c>
      <c r="AH1970" s="53"/>
      <c r="AI1970" s="53"/>
      <c r="AJ1970" s="53"/>
      <c r="AK1970" s="53"/>
      <c r="AL1970" s="53"/>
      <c r="AM1970" s="53">
        <v>-8750000</v>
      </c>
      <c r="AN1970" s="53">
        <v>-17500000</v>
      </c>
      <c r="AO1970" s="53"/>
      <c r="AP1970" s="53"/>
      <c r="AQ1970" s="53"/>
      <c r="AR1970" s="53"/>
      <c r="AS1970" s="53"/>
      <c r="AT1970" s="53">
        <v>-8750000</v>
      </c>
      <c r="AU1970" s="53"/>
      <c r="AV1970" s="53"/>
      <c r="AW1970" s="53"/>
      <c r="AX1970" s="53"/>
      <c r="AY1970" s="53"/>
      <c r="AZ1970" s="53">
        <v>-8750000</v>
      </c>
      <c r="BA1970" s="53">
        <v>-17500000</v>
      </c>
      <c r="BB1970" s="53"/>
      <c r="BC1970" s="53"/>
      <c r="BD1970" s="53"/>
      <c r="BE1970" s="53"/>
      <c r="BF1970" s="53"/>
      <c r="BG1970" s="53">
        <v>-8750000</v>
      </c>
      <c r="BH1970" s="53"/>
      <c r="BI1970" s="53"/>
      <c r="BJ1970" s="53"/>
      <c r="BK1970" s="53"/>
      <c r="BL1970" s="53"/>
      <c r="BM1970" s="53">
        <v>-8750000</v>
      </c>
      <c r="BN1970" s="53">
        <v>-17500000</v>
      </c>
      <c r="BO1970" s="53"/>
      <c r="BP1970" s="53"/>
      <c r="BQ1970" s="53"/>
      <c r="BR1970" s="53"/>
      <c r="BS1970" s="53"/>
      <c r="BT1970" s="53">
        <v>-8750000</v>
      </c>
      <c r="BU1970" s="53"/>
      <c r="BV1970" s="53"/>
      <c r="BW1970" s="53"/>
      <c r="BX1970" s="53"/>
      <c r="BY1970" s="53"/>
      <c r="BZ1970" s="53">
        <v>-8750000</v>
      </c>
      <c r="CA1970" s="53">
        <v>-17500000</v>
      </c>
      <c r="CB1970" s="53"/>
      <c r="CC1970" s="53"/>
      <c r="CD1970" s="53"/>
      <c r="CE1970" s="53"/>
      <c r="CF1970" s="53"/>
      <c r="CG1970" s="53"/>
      <c r="CH1970" s="53"/>
      <c r="CI1970" s="53"/>
      <c r="CJ1970" s="53"/>
      <c r="CK1970" s="53"/>
      <c r="CL1970" s="53"/>
      <c r="CM1970" s="53"/>
      <c r="CN1970" s="53"/>
    </row>
    <row r="1971" spans="1:92" outlineLevel="1">
      <c r="A1971" s="52" t="s">
        <v>728</v>
      </c>
      <c r="B1971" s="53"/>
      <c r="C1971" s="53"/>
      <c r="D1971" s="53"/>
      <c r="E1971" s="53"/>
      <c r="F1971" s="53"/>
      <c r="G1971" s="53">
        <v>-4374999.3333333302</v>
      </c>
      <c r="H1971" s="53"/>
      <c r="I1971" s="53"/>
      <c r="J1971" s="53"/>
      <c r="K1971" s="53"/>
      <c r="L1971" s="53"/>
      <c r="M1971" s="53">
        <v>-4375000.3333333302</v>
      </c>
      <c r="N1971" s="53">
        <v>-8749999.6666666605</v>
      </c>
      <c r="O1971" s="53"/>
      <c r="P1971" s="53"/>
      <c r="Q1971" s="53"/>
      <c r="R1971" s="53"/>
      <c r="S1971" s="53"/>
      <c r="T1971" s="53">
        <v>-4374999.6666666605</v>
      </c>
      <c r="U1971" s="53"/>
      <c r="V1971" s="53"/>
      <c r="W1971" s="53"/>
      <c r="X1971" s="53"/>
      <c r="Y1971" s="53"/>
      <c r="Z1971" s="53">
        <v>-4375000</v>
      </c>
      <c r="AA1971" s="53">
        <v>-8749999.6666666605</v>
      </c>
      <c r="AB1971" s="53"/>
      <c r="AC1971" s="53"/>
      <c r="AD1971" s="53"/>
      <c r="AE1971" s="53"/>
      <c r="AF1971" s="53"/>
      <c r="AG1971" s="53">
        <v>-4375000</v>
      </c>
      <c r="AH1971" s="53"/>
      <c r="AI1971" s="53"/>
      <c r="AJ1971" s="53"/>
      <c r="AK1971" s="53"/>
      <c r="AL1971" s="53"/>
      <c r="AM1971" s="53">
        <v>-4375000</v>
      </c>
      <c r="AN1971" s="53">
        <v>-8750000</v>
      </c>
      <c r="AO1971" s="53"/>
      <c r="AP1971" s="53"/>
      <c r="AQ1971" s="53"/>
      <c r="AR1971" s="53"/>
      <c r="AS1971" s="53"/>
      <c r="AT1971" s="53">
        <v>-4375000</v>
      </c>
      <c r="AU1971" s="53"/>
      <c r="AV1971" s="53"/>
      <c r="AW1971" s="53"/>
      <c r="AX1971" s="53"/>
      <c r="AY1971" s="53"/>
      <c r="AZ1971" s="53">
        <v>-4375000</v>
      </c>
      <c r="BA1971" s="53">
        <v>-8750000</v>
      </c>
      <c r="BB1971" s="53"/>
      <c r="BC1971" s="53"/>
      <c r="BD1971" s="53"/>
      <c r="BE1971" s="53"/>
      <c r="BF1971" s="53"/>
      <c r="BG1971" s="53">
        <v>-4375000</v>
      </c>
      <c r="BH1971" s="53"/>
      <c r="BI1971" s="53"/>
      <c r="BJ1971" s="53"/>
      <c r="BK1971" s="53"/>
      <c r="BL1971" s="53"/>
      <c r="BM1971" s="53">
        <v>-4375000</v>
      </c>
      <c r="BN1971" s="53">
        <v>-8750000</v>
      </c>
      <c r="BO1971" s="53"/>
      <c r="BP1971" s="53"/>
      <c r="BQ1971" s="53"/>
      <c r="BR1971" s="53"/>
      <c r="BS1971" s="53"/>
      <c r="BT1971" s="53">
        <v>-4375000</v>
      </c>
      <c r="BU1971" s="53"/>
      <c r="BV1971" s="53"/>
      <c r="BW1971" s="53"/>
      <c r="BX1971" s="53"/>
      <c r="BY1971" s="53"/>
      <c r="BZ1971" s="53">
        <v>-4375000</v>
      </c>
      <c r="CA1971" s="53">
        <v>-8750000</v>
      </c>
      <c r="CB1971" s="53">
        <v>1427936.33333333</v>
      </c>
      <c r="CC1971" s="53">
        <v>1427936.33333333</v>
      </c>
      <c r="CD1971" s="53">
        <v>1427936.33333333</v>
      </c>
      <c r="CE1971" s="53">
        <v>1427936.33333333</v>
      </c>
      <c r="CF1971" s="53">
        <v>1427936.33333333</v>
      </c>
      <c r="CG1971" s="53">
        <v>1427936.33333333</v>
      </c>
      <c r="CH1971" s="53">
        <v>1427936.33333333</v>
      </c>
      <c r="CI1971" s="53">
        <v>1427936.33333333</v>
      </c>
      <c r="CJ1971" s="53">
        <v>1427936.33333333</v>
      </c>
      <c r="CK1971" s="53">
        <v>1427936.33333333</v>
      </c>
      <c r="CL1971" s="53">
        <v>1427936.33333333</v>
      </c>
      <c r="CM1971" s="53">
        <v>1427936.33333333</v>
      </c>
      <c r="CN1971" s="53">
        <v>17135236</v>
      </c>
    </row>
    <row r="1972" spans="1:92" outlineLevel="1">
      <c r="A1972" s="52" t="s">
        <v>729</v>
      </c>
      <c r="B1972" s="53"/>
      <c r="C1972" s="53"/>
      <c r="D1972" s="53"/>
      <c r="E1972" s="53"/>
      <c r="F1972" s="53"/>
      <c r="G1972" s="53">
        <v>-8366129</v>
      </c>
      <c r="H1972" s="53"/>
      <c r="I1972" s="53"/>
      <c r="J1972" s="53"/>
      <c r="K1972" s="53"/>
      <c r="L1972" s="53"/>
      <c r="M1972" s="53">
        <v>-7800000</v>
      </c>
      <c r="N1972" s="53">
        <v>-16166129</v>
      </c>
      <c r="O1972" s="53"/>
      <c r="P1972" s="53"/>
      <c r="Q1972" s="53"/>
      <c r="R1972" s="53"/>
      <c r="S1972" s="53"/>
      <c r="T1972" s="53">
        <v>-7800000</v>
      </c>
      <c r="U1972" s="53"/>
      <c r="V1972" s="53"/>
      <c r="W1972" s="53"/>
      <c r="X1972" s="53"/>
      <c r="Y1972" s="53"/>
      <c r="Z1972" s="53">
        <v>-7800000</v>
      </c>
      <c r="AA1972" s="53">
        <v>-15600000</v>
      </c>
      <c r="AB1972" s="53"/>
      <c r="AC1972" s="53"/>
      <c r="AD1972" s="53"/>
      <c r="AE1972" s="53"/>
      <c r="AF1972" s="53"/>
      <c r="AG1972" s="53">
        <v>-7800000</v>
      </c>
      <c r="AH1972" s="53"/>
      <c r="AI1972" s="53"/>
      <c r="AJ1972" s="53"/>
      <c r="AK1972" s="53"/>
      <c r="AL1972" s="53"/>
      <c r="AM1972" s="53">
        <v>-7800000</v>
      </c>
      <c r="AN1972" s="53">
        <v>-15600000</v>
      </c>
      <c r="AO1972" s="53"/>
      <c r="AP1972" s="53"/>
      <c r="AQ1972" s="53"/>
      <c r="AR1972" s="53"/>
      <c r="AS1972" s="53"/>
      <c r="AT1972" s="53">
        <v>-7800000</v>
      </c>
      <c r="AU1972" s="53"/>
      <c r="AV1972" s="53"/>
      <c r="AW1972" s="53"/>
      <c r="AX1972" s="53"/>
      <c r="AY1972" s="53"/>
      <c r="AZ1972" s="53">
        <v>-7800000</v>
      </c>
      <c r="BA1972" s="53">
        <v>-15600000</v>
      </c>
      <c r="BB1972" s="53"/>
      <c r="BC1972" s="53"/>
      <c r="BD1972" s="53"/>
      <c r="BE1972" s="53"/>
      <c r="BF1972" s="53"/>
      <c r="BG1972" s="53">
        <v>-7800000</v>
      </c>
      <c r="BH1972" s="53"/>
      <c r="BI1972" s="53"/>
      <c r="BJ1972" s="53"/>
      <c r="BK1972" s="53"/>
      <c r="BL1972" s="53"/>
      <c r="BM1972" s="53">
        <v>-7800000</v>
      </c>
      <c r="BN1972" s="53">
        <v>-15600000</v>
      </c>
      <c r="BO1972" s="53"/>
      <c r="BP1972" s="53"/>
      <c r="BQ1972" s="53"/>
      <c r="BR1972" s="53"/>
      <c r="BS1972" s="53"/>
      <c r="BT1972" s="53">
        <v>-7800000</v>
      </c>
      <c r="BU1972" s="53"/>
      <c r="BV1972" s="53"/>
      <c r="BW1972" s="53"/>
      <c r="BX1972" s="53"/>
      <c r="BY1972" s="53"/>
      <c r="BZ1972" s="53">
        <v>-7800000</v>
      </c>
      <c r="CA1972" s="53">
        <v>-15600000</v>
      </c>
      <c r="CB1972" s="53">
        <v>2266381.5453333301</v>
      </c>
      <c r="CC1972" s="53">
        <v>2266381.5453333301</v>
      </c>
      <c r="CD1972" s="53">
        <v>2266381.5453333301</v>
      </c>
      <c r="CE1972" s="53">
        <v>2266381.5453333301</v>
      </c>
      <c r="CF1972" s="53">
        <v>2266381.5453333301</v>
      </c>
      <c r="CG1972" s="53">
        <v>2266381.5453333301</v>
      </c>
      <c r="CH1972" s="53">
        <v>2266381.5453333301</v>
      </c>
      <c r="CI1972" s="53">
        <v>2266381.5453333301</v>
      </c>
      <c r="CJ1972" s="53">
        <v>2266381.5453333301</v>
      </c>
      <c r="CK1972" s="53">
        <v>2266381.5453333301</v>
      </c>
      <c r="CL1972" s="53">
        <v>2266381.5453333301</v>
      </c>
      <c r="CM1972" s="53">
        <v>2266381.5453333301</v>
      </c>
      <c r="CN1972" s="53">
        <v>2266381.5453333301</v>
      </c>
    </row>
    <row r="1973" spans="1:92" outlineLevel="1">
      <c r="A1973" s="52" t="s">
        <v>730</v>
      </c>
      <c r="B1973" s="53"/>
      <c r="C1973" s="53"/>
      <c r="D1973" s="53"/>
      <c r="E1973" s="53"/>
      <c r="F1973" s="53"/>
      <c r="G1973" s="53">
        <v>-8044355</v>
      </c>
      <c r="H1973" s="53"/>
      <c r="I1973" s="53"/>
      <c r="J1973" s="53"/>
      <c r="K1973" s="53"/>
      <c r="L1973" s="53"/>
      <c r="M1973" s="53">
        <v>-7500000</v>
      </c>
      <c r="N1973" s="53">
        <v>-15544355</v>
      </c>
      <c r="O1973" s="53"/>
      <c r="P1973" s="53"/>
      <c r="Q1973" s="53"/>
      <c r="R1973" s="53"/>
      <c r="S1973" s="53"/>
      <c r="T1973" s="53">
        <v>-7499999.9999999898</v>
      </c>
      <c r="U1973" s="53"/>
      <c r="V1973" s="53"/>
      <c r="W1973" s="53"/>
      <c r="X1973" s="53"/>
      <c r="Y1973" s="53"/>
      <c r="Z1973" s="53">
        <v>-7499999.9999999898</v>
      </c>
      <c r="AA1973" s="53">
        <v>-14999999.999999899</v>
      </c>
      <c r="AB1973" s="53"/>
      <c r="AC1973" s="53"/>
      <c r="AD1973" s="53"/>
      <c r="AE1973" s="53"/>
      <c r="AF1973" s="53"/>
      <c r="AG1973" s="53">
        <v>-7499999.9999999898</v>
      </c>
      <c r="AH1973" s="53"/>
      <c r="AI1973" s="53"/>
      <c r="AJ1973" s="53"/>
      <c r="AK1973" s="53"/>
      <c r="AL1973" s="53"/>
      <c r="AM1973" s="53">
        <v>-7499999.9999999898</v>
      </c>
      <c r="AN1973" s="53">
        <v>-14999999.999999899</v>
      </c>
      <c r="AO1973" s="53"/>
      <c r="AP1973" s="53"/>
      <c r="AQ1973" s="53"/>
      <c r="AR1973" s="53"/>
      <c r="AS1973" s="53"/>
      <c r="AT1973" s="53">
        <v>-7499999.9999999898</v>
      </c>
      <c r="AU1973" s="53"/>
      <c r="AV1973" s="53"/>
      <c r="AW1973" s="53"/>
      <c r="AX1973" s="53"/>
      <c r="AY1973" s="53"/>
      <c r="AZ1973" s="53">
        <v>-7499999.9999999898</v>
      </c>
      <c r="BA1973" s="53">
        <v>-14999999.999999899</v>
      </c>
      <c r="BB1973" s="53"/>
      <c r="BC1973" s="53"/>
      <c r="BD1973" s="53"/>
      <c r="BE1973" s="53"/>
      <c r="BF1973" s="53"/>
      <c r="BG1973" s="53">
        <v>-7499999.9999999898</v>
      </c>
      <c r="BH1973" s="53"/>
      <c r="BI1973" s="53"/>
      <c r="BJ1973" s="53"/>
      <c r="BK1973" s="53"/>
      <c r="BL1973" s="53"/>
      <c r="BM1973" s="53">
        <v>-7499999.9999999898</v>
      </c>
      <c r="BN1973" s="53">
        <v>-14999999.999999899</v>
      </c>
      <c r="BO1973" s="53"/>
      <c r="BP1973" s="53"/>
      <c r="BQ1973" s="53"/>
      <c r="BR1973" s="53"/>
      <c r="BS1973" s="53"/>
      <c r="BT1973" s="53">
        <v>-7499999.9999999898</v>
      </c>
      <c r="BU1973" s="53"/>
      <c r="BV1973" s="53"/>
      <c r="BW1973" s="53"/>
      <c r="BX1973" s="53"/>
      <c r="BY1973" s="53"/>
      <c r="BZ1973" s="53">
        <v>-7499999.9999999898</v>
      </c>
      <c r="CA1973" s="53">
        <v>-14999999.999999899</v>
      </c>
      <c r="CB1973" s="53">
        <v>0</v>
      </c>
      <c r="CC1973" s="53">
        <v>0</v>
      </c>
      <c r="CD1973" s="53">
        <v>0</v>
      </c>
      <c r="CE1973" s="53">
        <v>0</v>
      </c>
      <c r="CF1973" s="53">
        <v>0</v>
      </c>
      <c r="CG1973" s="53">
        <v>0</v>
      </c>
      <c r="CH1973" s="53">
        <v>0</v>
      </c>
      <c r="CI1973" s="53">
        <v>0</v>
      </c>
      <c r="CJ1973" s="53">
        <v>0</v>
      </c>
      <c r="CK1973" s="53">
        <v>0</v>
      </c>
      <c r="CL1973" s="53">
        <v>0</v>
      </c>
      <c r="CM1973" s="53">
        <v>0</v>
      </c>
      <c r="CN1973" s="53">
        <v>0</v>
      </c>
    </row>
    <row r="1974" spans="1:92" outlineLevel="1">
      <c r="A1974" s="52" t="s">
        <v>1564</v>
      </c>
      <c r="B1974" s="53"/>
      <c r="C1974" s="53"/>
      <c r="D1974" s="53"/>
      <c r="E1974" s="53"/>
      <c r="F1974" s="53"/>
      <c r="G1974" s="53"/>
      <c r="H1974" s="53"/>
      <c r="I1974" s="53"/>
      <c r="J1974" s="53"/>
      <c r="K1974" s="53"/>
      <c r="L1974" s="53">
        <v>-1822724.4444444401</v>
      </c>
      <c r="M1974" s="53">
        <v>-2965061.4444444398</v>
      </c>
      <c r="N1974" s="53">
        <v>-4787785.8888888797</v>
      </c>
      <c r="O1974" s="53">
        <v>-2806790.4444444398</v>
      </c>
      <c r="P1974" s="53">
        <v>-3433333.3333333302</v>
      </c>
      <c r="Q1974" s="53">
        <v>-3433333.3333333302</v>
      </c>
      <c r="R1974" s="53">
        <v>-3433333.3333333302</v>
      </c>
      <c r="S1974" s="53">
        <v>-3433333.3333333302</v>
      </c>
      <c r="T1974" s="53">
        <v>-3433333.3333333302</v>
      </c>
      <c r="U1974" s="53">
        <v>-3428888.8888888801</v>
      </c>
      <c r="V1974" s="53">
        <v>-3300000</v>
      </c>
      <c r="W1974" s="53">
        <v>-3300000</v>
      </c>
      <c r="X1974" s="53">
        <v>-3300000</v>
      </c>
      <c r="Y1974" s="53">
        <v>-3300000</v>
      </c>
      <c r="Z1974" s="53">
        <v>-3300000</v>
      </c>
      <c r="AA1974" s="53">
        <v>-39902346</v>
      </c>
      <c r="AB1974" s="53">
        <v>-3287777.7777777701</v>
      </c>
      <c r="AC1974" s="53">
        <v>-2933333.3333333302</v>
      </c>
      <c r="AD1974" s="53">
        <v>-2933333.3333333302</v>
      </c>
      <c r="AE1974" s="53">
        <v>-4204444.4444444403</v>
      </c>
      <c r="AF1974" s="53"/>
      <c r="AG1974" s="53"/>
      <c r="AH1974" s="53"/>
      <c r="AI1974" s="53"/>
      <c r="AJ1974" s="53"/>
      <c r="AK1974" s="53"/>
      <c r="AL1974" s="53"/>
      <c r="AM1974" s="53"/>
      <c r="AN1974" s="53">
        <v>-13358888.888888801</v>
      </c>
      <c r="AO1974" s="53"/>
      <c r="AP1974" s="53"/>
      <c r="AQ1974" s="53"/>
      <c r="AR1974" s="53"/>
      <c r="AS1974" s="53"/>
      <c r="AT1974" s="53"/>
      <c r="AU1974" s="53"/>
      <c r="AV1974" s="53"/>
      <c r="AW1974" s="53"/>
      <c r="AX1974" s="53"/>
      <c r="AY1974" s="53"/>
      <c r="AZ1974" s="53"/>
      <c r="BA1974" s="53"/>
      <c r="BB1974" s="53"/>
      <c r="BC1974" s="53"/>
      <c r="BD1974" s="53"/>
      <c r="BE1974" s="53"/>
      <c r="BF1974" s="53"/>
      <c r="BG1974" s="53"/>
      <c r="BH1974" s="53"/>
      <c r="BI1974" s="53"/>
      <c r="BJ1974" s="53"/>
      <c r="BK1974" s="53"/>
      <c r="BL1974" s="53"/>
      <c r="BM1974" s="53"/>
      <c r="BN1974" s="53"/>
      <c r="BO1974" s="53"/>
      <c r="BP1974" s="53"/>
      <c r="BQ1974" s="53"/>
      <c r="BR1974" s="53"/>
      <c r="BS1974" s="53"/>
      <c r="BT1974" s="53"/>
      <c r="BU1974" s="53"/>
      <c r="BV1974" s="53"/>
      <c r="BW1974" s="53"/>
      <c r="BX1974" s="53"/>
      <c r="BY1974" s="53"/>
      <c r="BZ1974" s="53"/>
      <c r="CA1974" s="53"/>
      <c r="CB1974" s="53">
        <v>19582355.2299999</v>
      </c>
      <c r="CC1974" s="53">
        <v>19582355.2299999</v>
      </c>
      <c r="CD1974" s="53">
        <v>19582355.2299999</v>
      </c>
      <c r="CE1974" s="53">
        <v>19582355.2299999</v>
      </c>
      <c r="CF1974" s="53">
        <v>19582355.2299999</v>
      </c>
      <c r="CG1974" s="53">
        <v>19582355.2299999</v>
      </c>
      <c r="CH1974" s="53">
        <v>19582355.2299999</v>
      </c>
      <c r="CI1974" s="53">
        <v>19582355.2299999</v>
      </c>
      <c r="CJ1974" s="53">
        <v>19582355.2299999</v>
      </c>
      <c r="CK1974" s="53">
        <v>19582355.2299999</v>
      </c>
      <c r="CL1974" s="53">
        <v>19582355.2299999</v>
      </c>
      <c r="CM1974" s="53">
        <v>19582355.2299999</v>
      </c>
      <c r="CN1974" s="53">
        <v>19582355.2299999</v>
      </c>
    </row>
    <row r="1975" spans="1:92" outlineLevel="1">
      <c r="A1975" s="52" t="s">
        <v>1565</v>
      </c>
      <c r="B1975" s="53"/>
      <c r="C1975" s="53"/>
      <c r="D1975" s="53"/>
      <c r="E1975" s="53"/>
      <c r="F1975" s="53"/>
      <c r="G1975" s="53"/>
      <c r="H1975" s="53"/>
      <c r="I1975" s="53"/>
      <c r="J1975" s="53"/>
      <c r="K1975" s="53"/>
      <c r="L1975" s="53"/>
      <c r="M1975" s="53"/>
      <c r="N1975" s="53"/>
      <c r="O1975" s="53"/>
      <c r="P1975" s="53"/>
      <c r="Q1975" s="53"/>
      <c r="R1975" s="53"/>
      <c r="S1975" s="53">
        <v>-15288194</v>
      </c>
      <c r="T1975" s="53"/>
      <c r="U1975" s="53"/>
      <c r="V1975" s="53"/>
      <c r="W1975" s="53"/>
      <c r="X1975" s="53"/>
      <c r="Y1975" s="53">
        <v>-14874999.999999899</v>
      </c>
      <c r="Z1975" s="53"/>
      <c r="AA1975" s="53">
        <v>-30163193.999999899</v>
      </c>
      <c r="AB1975" s="53"/>
      <c r="AC1975" s="53"/>
      <c r="AD1975" s="53"/>
      <c r="AE1975" s="53"/>
      <c r="AF1975" s="53">
        <v>-14874999.999999899</v>
      </c>
      <c r="AG1975" s="53"/>
      <c r="AH1975" s="53"/>
      <c r="AI1975" s="53"/>
      <c r="AJ1975" s="53"/>
      <c r="AK1975" s="53"/>
      <c r="AL1975" s="53">
        <v>-14874999.999999899</v>
      </c>
      <c r="AM1975" s="53"/>
      <c r="AN1975" s="53">
        <v>-29749999.999999899</v>
      </c>
      <c r="AO1975" s="53"/>
      <c r="AP1975" s="53"/>
      <c r="AQ1975" s="53"/>
      <c r="AR1975" s="53"/>
      <c r="AS1975" s="53">
        <v>-14874999.999999899</v>
      </c>
      <c r="AT1975" s="53"/>
      <c r="AU1975" s="53"/>
      <c r="AV1975" s="53"/>
      <c r="AW1975" s="53"/>
      <c r="AX1975" s="53"/>
      <c r="AY1975" s="53">
        <v>-14874999.999999899</v>
      </c>
      <c r="AZ1975" s="53"/>
      <c r="BA1975" s="53">
        <v>-29749999.999999899</v>
      </c>
      <c r="BB1975" s="53"/>
      <c r="BC1975" s="53"/>
      <c r="BD1975" s="53"/>
      <c r="BE1975" s="53"/>
      <c r="BF1975" s="53">
        <v>-14874999.999999899</v>
      </c>
      <c r="BG1975" s="53"/>
      <c r="BH1975" s="53"/>
      <c r="BI1975" s="53"/>
      <c r="BJ1975" s="53"/>
      <c r="BK1975" s="53"/>
      <c r="BL1975" s="53">
        <v>-14874999.999999899</v>
      </c>
      <c r="BM1975" s="53"/>
      <c r="BN1975" s="53">
        <v>-29749999.999999899</v>
      </c>
      <c r="BO1975" s="53"/>
      <c r="BP1975" s="53"/>
      <c r="BQ1975" s="53"/>
      <c r="BR1975" s="53"/>
      <c r="BS1975" s="53">
        <v>-14874999.999999899</v>
      </c>
      <c r="BT1975" s="53"/>
      <c r="BU1975" s="53"/>
      <c r="BV1975" s="53"/>
      <c r="BW1975" s="53"/>
      <c r="BX1975" s="53"/>
      <c r="BY1975" s="53">
        <v>-14874999.999999899</v>
      </c>
      <c r="BZ1975" s="53"/>
      <c r="CA1975" s="53">
        <v>-29749999.999999899</v>
      </c>
      <c r="CB1975" s="53">
        <v>6758041.6300000697</v>
      </c>
      <c r="CC1975" s="53">
        <v>25507696.255050201</v>
      </c>
      <c r="CD1975" s="53">
        <v>44257350.880100399</v>
      </c>
      <c r="CE1975" s="53">
        <v>63007005.505150497</v>
      </c>
      <c r="CF1975" s="53">
        <v>81756660.130200699</v>
      </c>
      <c r="CG1975" s="53">
        <v>100506314.75525001</v>
      </c>
      <c r="CH1975" s="53">
        <v>119255969.380301</v>
      </c>
      <c r="CI1975" s="53">
        <v>138005624.00535101</v>
      </c>
      <c r="CJ1975" s="53">
        <v>156755278.63040099</v>
      </c>
      <c r="CK1975" s="53">
        <v>175504933.25545099</v>
      </c>
      <c r="CL1975" s="53">
        <v>194254587.880501</v>
      </c>
      <c r="CM1975" s="53">
        <v>-12991612.99505</v>
      </c>
      <c r="CN1975" s="53">
        <v>6758041.6300000697</v>
      </c>
    </row>
    <row r="1976" spans="1:92" outlineLevel="1">
      <c r="A1976" s="52" t="s">
        <v>672</v>
      </c>
      <c r="B1976" s="53"/>
      <c r="C1976" s="53"/>
      <c r="D1976" s="53"/>
      <c r="E1976" s="53"/>
      <c r="F1976" s="53"/>
      <c r="G1976" s="53"/>
      <c r="H1976" s="53"/>
      <c r="I1976" s="53"/>
      <c r="J1976" s="53"/>
      <c r="K1976" s="53"/>
      <c r="L1976" s="53"/>
      <c r="M1976" s="53"/>
      <c r="N1976" s="53"/>
      <c r="O1976" s="53"/>
      <c r="P1976" s="53"/>
      <c r="Q1976" s="53"/>
      <c r="R1976" s="53"/>
      <c r="S1976" s="53"/>
      <c r="T1976" s="53"/>
      <c r="U1976" s="53"/>
      <c r="V1976" s="53"/>
      <c r="W1976" s="53"/>
      <c r="X1976" s="53"/>
      <c r="Y1976" s="53"/>
      <c r="Z1976" s="53"/>
      <c r="AA1976" s="53"/>
      <c r="AB1976" s="53"/>
      <c r="AC1976" s="53"/>
      <c r="AD1976" s="53"/>
      <c r="AE1976" s="53"/>
      <c r="AF1976" s="53"/>
      <c r="AG1976" s="53"/>
      <c r="AH1976" s="53"/>
      <c r="AI1976" s="53"/>
      <c r="AJ1976" s="53"/>
      <c r="AK1976" s="53"/>
      <c r="AL1976" s="53"/>
      <c r="AM1976" s="53"/>
      <c r="AN1976" s="53"/>
      <c r="AO1976" s="53"/>
      <c r="AP1976" s="53"/>
      <c r="AQ1976" s="53"/>
      <c r="AR1976" s="53"/>
      <c r="AS1976" s="53"/>
      <c r="AT1976" s="53"/>
      <c r="AU1976" s="53"/>
      <c r="AV1976" s="53"/>
      <c r="AW1976" s="53"/>
      <c r="AX1976" s="53"/>
      <c r="AY1976" s="53"/>
      <c r="AZ1976" s="53"/>
      <c r="BA1976" s="53"/>
      <c r="BB1976" s="53"/>
      <c r="BC1976" s="53"/>
      <c r="BD1976" s="53"/>
      <c r="BE1976" s="53"/>
      <c r="BF1976" s="53"/>
      <c r="BG1976" s="53"/>
      <c r="BH1976" s="53"/>
      <c r="BI1976" s="53"/>
      <c r="BJ1976" s="53"/>
      <c r="BK1976" s="53"/>
      <c r="BL1976" s="53"/>
      <c r="BM1976" s="53"/>
      <c r="BN1976" s="53"/>
      <c r="BO1976" s="53"/>
      <c r="BP1976" s="53"/>
      <c r="BQ1976" s="53"/>
      <c r="BR1976" s="53"/>
      <c r="BS1976" s="53"/>
      <c r="BT1976" s="53"/>
      <c r="BU1976" s="53"/>
      <c r="BV1976" s="53"/>
      <c r="BW1976" s="53"/>
      <c r="BX1976" s="53"/>
      <c r="BY1976" s="53"/>
      <c r="BZ1976" s="53"/>
      <c r="CA1976" s="53"/>
      <c r="CB1976" s="53"/>
      <c r="CC1976" s="53"/>
      <c r="CD1976" s="53"/>
      <c r="CE1976" s="53"/>
      <c r="CF1976" s="53"/>
      <c r="CG1976" s="53"/>
      <c r="CH1976" s="53"/>
      <c r="CI1976" s="53"/>
      <c r="CJ1976" s="53"/>
      <c r="CK1976" s="53"/>
      <c r="CL1976" s="53"/>
      <c r="CM1976" s="53"/>
      <c r="CN1976" s="53"/>
    </row>
    <row r="1977" spans="1:92" outlineLevel="1">
      <c r="A1977" s="52" t="s">
        <v>709</v>
      </c>
      <c r="B1977" s="53"/>
      <c r="C1977" s="53"/>
      <c r="D1977" s="53"/>
      <c r="E1977" s="53"/>
      <c r="F1977" s="53"/>
      <c r="G1977" s="53"/>
      <c r="H1977" s="53"/>
      <c r="I1977" s="53"/>
      <c r="J1977" s="53"/>
      <c r="K1977" s="53"/>
      <c r="L1977" s="53"/>
      <c r="M1977" s="53"/>
      <c r="N1977" s="53"/>
      <c r="O1977" s="53"/>
      <c r="P1977" s="53"/>
      <c r="Q1977" s="53"/>
      <c r="R1977" s="53"/>
      <c r="S1977" s="53"/>
      <c r="T1977" s="53"/>
      <c r="U1977" s="53"/>
      <c r="V1977" s="53"/>
      <c r="W1977" s="53"/>
      <c r="X1977" s="53"/>
      <c r="Y1977" s="53"/>
      <c r="Z1977" s="53"/>
      <c r="AA1977" s="53"/>
      <c r="AB1977" s="53"/>
      <c r="AC1977" s="53"/>
      <c r="AD1977" s="53"/>
      <c r="AE1977" s="53"/>
      <c r="AF1977" s="53"/>
      <c r="AG1977" s="53"/>
      <c r="AH1977" s="53"/>
      <c r="AI1977" s="53"/>
      <c r="AJ1977" s="53"/>
      <c r="AK1977" s="53"/>
      <c r="AL1977" s="53"/>
      <c r="AM1977" s="53"/>
      <c r="AN1977" s="53"/>
      <c r="AO1977" s="53"/>
      <c r="AP1977" s="53"/>
      <c r="AQ1977" s="53"/>
      <c r="AR1977" s="53"/>
      <c r="AS1977" s="53"/>
      <c r="AT1977" s="53"/>
      <c r="AU1977" s="53"/>
      <c r="AV1977" s="53"/>
      <c r="AW1977" s="53"/>
      <c r="AX1977" s="53"/>
      <c r="AY1977" s="53"/>
      <c r="AZ1977" s="53"/>
      <c r="BA1977" s="53"/>
      <c r="BB1977" s="53"/>
      <c r="BC1977" s="53"/>
      <c r="BD1977" s="53"/>
      <c r="BE1977" s="53"/>
      <c r="BF1977" s="53"/>
      <c r="BG1977" s="53"/>
      <c r="BH1977" s="53"/>
      <c r="BI1977" s="53"/>
      <c r="BJ1977" s="53"/>
      <c r="BK1977" s="53"/>
      <c r="BL1977" s="53"/>
      <c r="BM1977" s="53"/>
      <c r="BN1977" s="53"/>
      <c r="BO1977" s="53"/>
      <c r="BP1977" s="53"/>
      <c r="BQ1977" s="53"/>
      <c r="BR1977" s="53"/>
      <c r="BS1977" s="53"/>
      <c r="BT1977" s="53"/>
      <c r="BU1977" s="53"/>
      <c r="BV1977" s="53"/>
      <c r="BW1977" s="53"/>
      <c r="BX1977" s="53"/>
      <c r="BY1977" s="53"/>
      <c r="BZ1977" s="53"/>
      <c r="CA1977" s="53"/>
      <c r="CB1977" s="53"/>
      <c r="CC1977" s="53"/>
      <c r="CD1977" s="53"/>
      <c r="CE1977" s="53"/>
      <c r="CF1977" s="53"/>
      <c r="CG1977" s="53"/>
      <c r="CH1977" s="53"/>
      <c r="CI1977" s="53"/>
      <c r="CJ1977" s="53"/>
      <c r="CK1977" s="53"/>
      <c r="CL1977" s="53"/>
      <c r="CM1977" s="53"/>
      <c r="CN1977" s="53"/>
    </row>
    <row r="1978" spans="1:92" outlineLevel="1">
      <c r="A1978" s="52" t="s">
        <v>710</v>
      </c>
      <c r="B1978" s="53"/>
      <c r="C1978" s="53"/>
      <c r="D1978" s="53"/>
      <c r="E1978" s="53"/>
      <c r="F1978" s="53"/>
      <c r="G1978" s="53"/>
      <c r="H1978" s="53"/>
      <c r="I1978" s="53"/>
      <c r="J1978" s="53"/>
      <c r="K1978" s="53"/>
      <c r="L1978" s="53"/>
      <c r="M1978" s="53"/>
      <c r="N1978" s="53"/>
      <c r="O1978" s="53"/>
      <c r="P1978" s="53"/>
      <c r="Q1978" s="53"/>
      <c r="R1978" s="53"/>
      <c r="S1978" s="53"/>
      <c r="T1978" s="53"/>
      <c r="U1978" s="53"/>
      <c r="V1978" s="53"/>
      <c r="W1978" s="53"/>
      <c r="X1978" s="53"/>
      <c r="Y1978" s="53"/>
      <c r="Z1978" s="53"/>
      <c r="AA1978" s="53"/>
      <c r="AB1978" s="53"/>
      <c r="AC1978" s="53"/>
      <c r="AD1978" s="53"/>
      <c r="AE1978" s="53"/>
      <c r="AF1978" s="53"/>
      <c r="AG1978" s="53"/>
      <c r="AH1978" s="53"/>
      <c r="AI1978" s="53"/>
      <c r="AJ1978" s="53"/>
      <c r="AK1978" s="53"/>
      <c r="AL1978" s="53"/>
      <c r="AM1978" s="53"/>
      <c r="AN1978" s="53"/>
      <c r="AO1978" s="53"/>
      <c r="AP1978" s="53"/>
      <c r="AQ1978" s="53"/>
      <c r="AR1978" s="53"/>
      <c r="AS1978" s="53"/>
      <c r="AT1978" s="53"/>
      <c r="AU1978" s="53"/>
      <c r="AV1978" s="53"/>
      <c r="AW1978" s="53"/>
      <c r="AX1978" s="53"/>
      <c r="AY1978" s="53"/>
      <c r="AZ1978" s="53"/>
      <c r="BA1978" s="53"/>
      <c r="BB1978" s="53"/>
      <c r="BC1978" s="53"/>
      <c r="BD1978" s="53"/>
      <c r="BE1978" s="53"/>
      <c r="BF1978" s="53"/>
      <c r="BG1978" s="53"/>
      <c r="BH1978" s="53"/>
      <c r="BI1978" s="53"/>
      <c r="BJ1978" s="53"/>
      <c r="BK1978" s="53"/>
      <c r="BL1978" s="53"/>
      <c r="BM1978" s="53"/>
      <c r="BN1978" s="53"/>
      <c r="BO1978" s="53"/>
      <c r="BP1978" s="53"/>
      <c r="BQ1978" s="53"/>
      <c r="BR1978" s="53"/>
      <c r="BS1978" s="53"/>
      <c r="BT1978" s="53"/>
      <c r="BU1978" s="53"/>
      <c r="BV1978" s="53"/>
      <c r="BW1978" s="53"/>
      <c r="BX1978" s="53"/>
      <c r="BY1978" s="53"/>
      <c r="BZ1978" s="53"/>
      <c r="CA1978" s="53"/>
      <c r="CB1978" s="53"/>
      <c r="CC1978" s="53"/>
      <c r="CD1978" s="53"/>
      <c r="CE1978" s="53"/>
      <c r="CF1978" s="53"/>
      <c r="CG1978" s="53"/>
      <c r="CH1978" s="53"/>
      <c r="CI1978" s="53"/>
      <c r="CJ1978" s="53"/>
      <c r="CK1978" s="53"/>
      <c r="CL1978" s="53"/>
      <c r="CM1978" s="53"/>
      <c r="CN1978" s="53"/>
    </row>
    <row r="1979" spans="1:92" outlineLevel="1">
      <c r="A1979" s="52" t="s">
        <v>711</v>
      </c>
      <c r="B1979" s="53">
        <v>843750</v>
      </c>
      <c r="C1979" s="53">
        <v>843750</v>
      </c>
      <c r="D1979" s="53">
        <v>843750</v>
      </c>
      <c r="E1979" s="53">
        <v>843750</v>
      </c>
      <c r="F1979" s="53">
        <v>843750</v>
      </c>
      <c r="G1979" s="53">
        <v>843750</v>
      </c>
      <c r="H1979" s="53">
        <v>843750</v>
      </c>
      <c r="I1979" s="53">
        <v>843750</v>
      </c>
      <c r="J1979" s="53">
        <v>843750</v>
      </c>
      <c r="K1979" s="53">
        <v>843750</v>
      </c>
      <c r="L1979" s="53">
        <v>843750</v>
      </c>
      <c r="M1979" s="53">
        <v>843750</v>
      </c>
      <c r="N1979" s="53">
        <v>10125000</v>
      </c>
      <c r="O1979" s="53">
        <v>843750</v>
      </c>
      <c r="P1979" s="53">
        <v>843750</v>
      </c>
      <c r="Q1979" s="53">
        <v>843750</v>
      </c>
      <c r="R1979" s="53">
        <v>843750</v>
      </c>
      <c r="S1979" s="53">
        <v>843750</v>
      </c>
      <c r="T1979" s="53">
        <v>843750</v>
      </c>
      <c r="U1979" s="53">
        <v>843750</v>
      </c>
      <c r="V1979" s="53">
        <v>843750</v>
      </c>
      <c r="W1979" s="53">
        <v>843750</v>
      </c>
      <c r="X1979" s="53">
        <v>843750</v>
      </c>
      <c r="Y1979" s="53">
        <v>843750</v>
      </c>
      <c r="Z1979" s="53">
        <v>843750</v>
      </c>
      <c r="AA1979" s="53">
        <v>10125000</v>
      </c>
      <c r="AB1979" s="53">
        <v>843750</v>
      </c>
      <c r="AC1979" s="53">
        <v>843750</v>
      </c>
      <c r="AD1979" s="53">
        <v>843750</v>
      </c>
      <c r="AE1979" s="53">
        <v>843750</v>
      </c>
      <c r="AF1979" s="53">
        <v>843750</v>
      </c>
      <c r="AG1979" s="53">
        <v>843750</v>
      </c>
      <c r="AH1979" s="53">
        <v>843750</v>
      </c>
      <c r="AI1979" s="53">
        <v>843750</v>
      </c>
      <c r="AJ1979" s="53">
        <v>843750</v>
      </c>
      <c r="AK1979" s="53">
        <v>843750</v>
      </c>
      <c r="AL1979" s="53">
        <v>843750</v>
      </c>
      <c r="AM1979" s="53">
        <v>843750</v>
      </c>
      <c r="AN1979" s="53">
        <v>10125000</v>
      </c>
      <c r="AO1979" s="53">
        <v>843750</v>
      </c>
      <c r="AP1979" s="53">
        <v>843750</v>
      </c>
      <c r="AQ1979" s="53">
        <v>843750</v>
      </c>
      <c r="AR1979" s="53">
        <v>843750</v>
      </c>
      <c r="AS1979" s="53">
        <v>843750</v>
      </c>
      <c r="AT1979" s="53">
        <v>843750</v>
      </c>
      <c r="AU1979" s="53">
        <v>843750</v>
      </c>
      <c r="AV1979" s="53">
        <v>843750</v>
      </c>
      <c r="AW1979" s="53">
        <v>843750</v>
      </c>
      <c r="AX1979" s="53">
        <v>843750</v>
      </c>
      <c r="AY1979" s="53">
        <v>843750</v>
      </c>
      <c r="AZ1979" s="53">
        <v>843750</v>
      </c>
      <c r="BA1979" s="53">
        <v>10125000</v>
      </c>
      <c r="BB1979" s="53">
        <v>843750</v>
      </c>
      <c r="BC1979" s="53">
        <v>843750</v>
      </c>
      <c r="BD1979" s="53">
        <v>843750</v>
      </c>
      <c r="BE1979" s="53">
        <v>843750</v>
      </c>
      <c r="BF1979" s="53">
        <v>843750</v>
      </c>
      <c r="BG1979" s="53">
        <v>843750</v>
      </c>
      <c r="BH1979" s="53">
        <v>843750</v>
      </c>
      <c r="BI1979" s="53">
        <v>843750</v>
      </c>
      <c r="BJ1979" s="53">
        <v>843750</v>
      </c>
      <c r="BK1979" s="53">
        <v>843750</v>
      </c>
      <c r="BL1979" s="53">
        <v>843750</v>
      </c>
      <c r="BM1979" s="53">
        <v>843750</v>
      </c>
      <c r="BN1979" s="53">
        <v>10125000</v>
      </c>
      <c r="BO1979" s="53">
        <v>843750</v>
      </c>
      <c r="BP1979" s="53">
        <v>843750</v>
      </c>
      <c r="BQ1979" s="53">
        <v>843750</v>
      </c>
      <c r="BR1979" s="53">
        <v>843750</v>
      </c>
      <c r="BS1979" s="53">
        <v>843750</v>
      </c>
      <c r="BT1979" s="53">
        <v>843750</v>
      </c>
      <c r="BU1979" s="53">
        <v>843750</v>
      </c>
      <c r="BV1979" s="53">
        <v>843750</v>
      </c>
      <c r="BW1979" s="53">
        <v>843750</v>
      </c>
      <c r="BX1979" s="53">
        <v>843750</v>
      </c>
      <c r="BY1979" s="53">
        <v>843750</v>
      </c>
      <c r="BZ1979" s="53">
        <v>843750</v>
      </c>
      <c r="CA1979" s="53">
        <v>10125000</v>
      </c>
      <c r="CB1979" s="53"/>
      <c r="CC1979" s="53"/>
      <c r="CD1979" s="53"/>
      <c r="CE1979" s="53"/>
      <c r="CF1979" s="53"/>
      <c r="CG1979" s="53"/>
      <c r="CH1979" s="53"/>
      <c r="CI1979" s="53"/>
      <c r="CJ1979" s="53"/>
      <c r="CK1979" s="53"/>
      <c r="CL1979" s="53">
        <v>-224995855.50060099</v>
      </c>
      <c r="CM1979" s="53"/>
      <c r="CN1979" s="53">
        <v>-224995855.50060099</v>
      </c>
    </row>
    <row r="1980" spans="1:92" outlineLevel="1">
      <c r="A1980" s="52" t="s">
        <v>712</v>
      </c>
      <c r="B1980" s="53">
        <v>1106250</v>
      </c>
      <c r="C1980" s="53">
        <v>1106250</v>
      </c>
      <c r="D1980" s="53">
        <v>1106250</v>
      </c>
      <c r="E1980" s="53">
        <v>1106250</v>
      </c>
      <c r="F1980" s="53">
        <v>1106250</v>
      </c>
      <c r="G1980" s="53">
        <v>1106250</v>
      </c>
      <c r="H1980" s="53">
        <v>1106250</v>
      </c>
      <c r="I1980" s="53">
        <v>1106250</v>
      </c>
      <c r="J1980" s="53">
        <v>1106250</v>
      </c>
      <c r="K1980" s="53">
        <v>1106250</v>
      </c>
      <c r="L1980" s="53">
        <v>1106250</v>
      </c>
      <c r="M1980" s="53">
        <v>1106250</v>
      </c>
      <c r="N1980" s="53">
        <v>13275000</v>
      </c>
      <c r="O1980" s="53">
        <v>1106250</v>
      </c>
      <c r="P1980" s="53">
        <v>1106250</v>
      </c>
      <c r="Q1980" s="53">
        <v>1106250</v>
      </c>
      <c r="R1980" s="53">
        <v>1106250</v>
      </c>
      <c r="S1980" s="53">
        <v>1106250</v>
      </c>
      <c r="T1980" s="53">
        <v>1106250</v>
      </c>
      <c r="U1980" s="53">
        <v>1106250</v>
      </c>
      <c r="V1980" s="53">
        <v>1106250</v>
      </c>
      <c r="W1980" s="53">
        <v>1106250</v>
      </c>
      <c r="X1980" s="53">
        <v>1106250</v>
      </c>
      <c r="Y1980" s="53">
        <v>1106250</v>
      </c>
      <c r="Z1980" s="53">
        <v>1106250</v>
      </c>
      <c r="AA1980" s="53">
        <v>13275000</v>
      </c>
      <c r="AB1980" s="53">
        <v>1106250</v>
      </c>
      <c r="AC1980" s="53">
        <v>1106250</v>
      </c>
      <c r="AD1980" s="53">
        <v>1106250</v>
      </c>
      <c r="AE1980" s="53">
        <v>1106250</v>
      </c>
      <c r="AF1980" s="53">
        <v>1106250</v>
      </c>
      <c r="AG1980" s="53">
        <v>1106250</v>
      </c>
      <c r="AH1980" s="53">
        <v>1106250</v>
      </c>
      <c r="AI1980" s="53">
        <v>1106250</v>
      </c>
      <c r="AJ1980" s="53">
        <v>1106250</v>
      </c>
      <c r="AK1980" s="53">
        <v>1106250</v>
      </c>
      <c r="AL1980" s="53">
        <v>1106250</v>
      </c>
      <c r="AM1980" s="53">
        <v>1106250</v>
      </c>
      <c r="AN1980" s="53">
        <v>13275000</v>
      </c>
      <c r="AO1980" s="53">
        <v>1106250</v>
      </c>
      <c r="AP1980" s="53">
        <v>1106250</v>
      </c>
      <c r="AQ1980" s="53">
        <v>1106250</v>
      </c>
      <c r="AR1980" s="53">
        <v>1106250</v>
      </c>
      <c r="AS1980" s="53">
        <v>1106250</v>
      </c>
      <c r="AT1980" s="53">
        <v>1106250</v>
      </c>
      <c r="AU1980" s="53">
        <v>1106250</v>
      </c>
      <c r="AV1980" s="53">
        <v>1106250</v>
      </c>
      <c r="AW1980" s="53">
        <v>1106250</v>
      </c>
      <c r="AX1980" s="53">
        <v>1106250</v>
      </c>
      <c r="AY1980" s="53">
        <v>1106250</v>
      </c>
      <c r="AZ1980" s="53">
        <v>1106250</v>
      </c>
      <c r="BA1980" s="53">
        <v>13275000</v>
      </c>
      <c r="BB1980" s="53">
        <v>1106250</v>
      </c>
      <c r="BC1980" s="53">
        <v>1106250</v>
      </c>
      <c r="BD1980" s="53">
        <v>1106250</v>
      </c>
      <c r="BE1980" s="53">
        <v>1106250</v>
      </c>
      <c r="BF1980" s="53">
        <v>1106250</v>
      </c>
      <c r="BG1980" s="53">
        <v>1106250</v>
      </c>
      <c r="BH1980" s="53">
        <v>1106250</v>
      </c>
      <c r="BI1980" s="53">
        <v>1106250</v>
      </c>
      <c r="BJ1980" s="53">
        <v>1106250</v>
      </c>
      <c r="BK1980" s="53">
        <v>1106250</v>
      </c>
      <c r="BL1980" s="53">
        <v>1106250</v>
      </c>
      <c r="BM1980" s="53">
        <v>1106250</v>
      </c>
      <c r="BN1980" s="53">
        <v>13275000</v>
      </c>
      <c r="BO1980" s="53">
        <v>1106250</v>
      </c>
      <c r="BP1980" s="53">
        <v>1106250</v>
      </c>
      <c r="BQ1980" s="53">
        <v>1106250</v>
      </c>
      <c r="BR1980" s="53">
        <v>1106250</v>
      </c>
      <c r="BS1980" s="53">
        <v>1106250</v>
      </c>
      <c r="BT1980" s="53">
        <v>1106250</v>
      </c>
      <c r="BU1980" s="53">
        <v>1106250</v>
      </c>
      <c r="BV1980" s="53">
        <v>1106250</v>
      </c>
      <c r="BW1980" s="53">
        <v>1106250</v>
      </c>
      <c r="BX1980" s="53">
        <v>1106250</v>
      </c>
      <c r="BY1980" s="53">
        <v>1106250</v>
      </c>
      <c r="BZ1980" s="53">
        <v>1106250</v>
      </c>
      <c r="CA1980" s="53">
        <v>13275000</v>
      </c>
      <c r="CB1980" s="53"/>
      <c r="CC1980" s="53"/>
      <c r="CD1980" s="53"/>
      <c r="CE1980" s="53"/>
      <c r="CF1980" s="53"/>
      <c r="CG1980" s="53"/>
      <c r="CH1980" s="53"/>
      <c r="CI1980" s="53"/>
      <c r="CJ1980" s="53"/>
      <c r="CK1980" s="53"/>
      <c r="CL1980" s="53"/>
      <c r="CM1980" s="53"/>
      <c r="CN1980" s="53"/>
    </row>
    <row r="1981" spans="1:92" outlineLevel="1">
      <c r="A1981" s="52" t="s">
        <v>713</v>
      </c>
      <c r="B1981" s="53">
        <v>2645833.3333333302</v>
      </c>
      <c r="C1981" s="53">
        <v>2645833.3333333302</v>
      </c>
      <c r="D1981" s="53">
        <v>2645833.3333333302</v>
      </c>
      <c r="E1981" s="53">
        <v>2645833.3333333302</v>
      </c>
      <c r="F1981" s="53">
        <v>2645833.3333333302</v>
      </c>
      <c r="G1981" s="53">
        <v>2645833.3333333302</v>
      </c>
      <c r="H1981" s="53">
        <v>2645833.3333333302</v>
      </c>
      <c r="I1981" s="53">
        <v>2645833.3333333302</v>
      </c>
      <c r="J1981" s="53">
        <v>2645833.3333333302</v>
      </c>
      <c r="K1981" s="53">
        <v>2645833.3333333302</v>
      </c>
      <c r="L1981" s="53">
        <v>2645833.3333333302</v>
      </c>
      <c r="M1981" s="53">
        <v>2645833.3333333302</v>
      </c>
      <c r="N1981" s="53">
        <v>31749999.999999899</v>
      </c>
      <c r="O1981" s="53">
        <v>2645833.3333333302</v>
      </c>
      <c r="P1981" s="53">
        <v>2645833.3333333302</v>
      </c>
      <c r="Q1981" s="53">
        <v>2645833.3333333302</v>
      </c>
      <c r="R1981" s="53">
        <v>2645833.3333333302</v>
      </c>
      <c r="S1981" s="53">
        <v>2645833.3333333302</v>
      </c>
      <c r="T1981" s="53">
        <v>2645833.3333333302</v>
      </c>
      <c r="U1981" s="53">
        <v>2645833.3333333302</v>
      </c>
      <c r="V1981" s="53">
        <v>2645833.3333333302</v>
      </c>
      <c r="W1981" s="53">
        <v>2645833.3333333302</v>
      </c>
      <c r="X1981" s="53">
        <v>2645833.3333333302</v>
      </c>
      <c r="Y1981" s="53">
        <v>2645833.3333333302</v>
      </c>
      <c r="Z1981" s="53">
        <v>2645833.3333333302</v>
      </c>
      <c r="AA1981" s="53">
        <v>31749999.999999899</v>
      </c>
      <c r="AB1981" s="53">
        <v>2645833.3333333302</v>
      </c>
      <c r="AC1981" s="53">
        <v>2645833.3333333302</v>
      </c>
      <c r="AD1981" s="53">
        <v>2645833.3333333302</v>
      </c>
      <c r="AE1981" s="53">
        <v>2645833.3333333302</v>
      </c>
      <c r="AF1981" s="53">
        <v>2645833.3333333302</v>
      </c>
      <c r="AG1981" s="53">
        <v>2645833.3333333302</v>
      </c>
      <c r="AH1981" s="53">
        <v>2645833.3333333302</v>
      </c>
      <c r="AI1981" s="53">
        <v>2645833.3333333302</v>
      </c>
      <c r="AJ1981" s="53">
        <v>2645833.3333333302</v>
      </c>
      <c r="AK1981" s="53">
        <v>2645833.3333333302</v>
      </c>
      <c r="AL1981" s="53">
        <v>2645833.3333333302</v>
      </c>
      <c r="AM1981" s="53">
        <v>2645833.3333333302</v>
      </c>
      <c r="AN1981" s="53">
        <v>31749999.999999899</v>
      </c>
      <c r="AO1981" s="53">
        <v>2645833.3333333302</v>
      </c>
      <c r="AP1981" s="53">
        <v>2645833.3333333302</v>
      </c>
      <c r="AQ1981" s="53">
        <v>2645833.3333333302</v>
      </c>
      <c r="AR1981" s="53">
        <v>2645833.3333333302</v>
      </c>
      <c r="AS1981" s="53">
        <v>2645833.3333333302</v>
      </c>
      <c r="AT1981" s="53">
        <v>2645833.3333333302</v>
      </c>
      <c r="AU1981" s="53">
        <v>2645833.3333333302</v>
      </c>
      <c r="AV1981" s="53">
        <v>2645833.3333333302</v>
      </c>
      <c r="AW1981" s="53">
        <v>2645833.3333333302</v>
      </c>
      <c r="AX1981" s="53">
        <v>2645833.3333333302</v>
      </c>
      <c r="AY1981" s="53">
        <v>2645833.3333333302</v>
      </c>
      <c r="AZ1981" s="53">
        <v>2645833.3333333302</v>
      </c>
      <c r="BA1981" s="53">
        <v>31749999.999999899</v>
      </c>
      <c r="BB1981" s="53">
        <v>2645833.3333333302</v>
      </c>
      <c r="BC1981" s="53">
        <v>2645833.3333333302</v>
      </c>
      <c r="BD1981" s="53">
        <v>2645833.3333333302</v>
      </c>
      <c r="BE1981" s="53">
        <v>2645833.3333333302</v>
      </c>
      <c r="BF1981" s="53">
        <v>2645833.3333333302</v>
      </c>
      <c r="BG1981" s="53">
        <v>2645833.3333333302</v>
      </c>
      <c r="BH1981" s="53">
        <v>2645833.3333333302</v>
      </c>
      <c r="BI1981" s="53">
        <v>2645833.3333333302</v>
      </c>
      <c r="BJ1981" s="53">
        <v>2645833.3333333302</v>
      </c>
      <c r="BK1981" s="53">
        <v>2645833.3333333302</v>
      </c>
      <c r="BL1981" s="53">
        <v>2645833.3333333302</v>
      </c>
      <c r="BM1981" s="53">
        <v>2645833.3333333302</v>
      </c>
      <c r="BN1981" s="53">
        <v>31749999.999999899</v>
      </c>
      <c r="BO1981" s="53">
        <v>2645833.3333333302</v>
      </c>
      <c r="BP1981" s="53">
        <v>2645833.3333333302</v>
      </c>
      <c r="BQ1981" s="53">
        <v>2645833.3333333302</v>
      </c>
      <c r="BR1981" s="53">
        <v>2645833.3333333302</v>
      </c>
      <c r="BS1981" s="53">
        <v>2645833.3333333302</v>
      </c>
      <c r="BT1981" s="53">
        <v>2645833.3333333302</v>
      </c>
      <c r="BU1981" s="53">
        <v>2645833.3333333302</v>
      </c>
      <c r="BV1981" s="53">
        <v>2645833.3333333302</v>
      </c>
      <c r="BW1981" s="53">
        <v>2645833.3333333302</v>
      </c>
      <c r="BX1981" s="53">
        <v>2645833.3333333302</v>
      </c>
      <c r="BY1981" s="53">
        <v>2645833.3333333302</v>
      </c>
      <c r="BZ1981" s="53">
        <v>2645833.3333333302</v>
      </c>
      <c r="CA1981" s="53">
        <v>31749999.999999899</v>
      </c>
      <c r="CB1981" s="53"/>
      <c r="CC1981" s="53"/>
      <c r="CD1981" s="53"/>
      <c r="CE1981" s="53"/>
      <c r="CF1981" s="53"/>
      <c r="CG1981" s="53"/>
      <c r="CH1981" s="53"/>
      <c r="CI1981" s="53"/>
      <c r="CJ1981" s="53"/>
      <c r="CK1981" s="53"/>
      <c r="CL1981" s="53"/>
      <c r="CM1981" s="53"/>
      <c r="CN1981" s="53"/>
    </row>
    <row r="1982" spans="1:92" outlineLevel="1">
      <c r="A1982" s="52" t="s">
        <v>716</v>
      </c>
      <c r="B1982" s="53">
        <v>5333333.3333333302</v>
      </c>
      <c r="C1982" s="53">
        <v>5333333.3333333302</v>
      </c>
      <c r="D1982" s="53">
        <v>5333333.3333333302</v>
      </c>
      <c r="E1982" s="53">
        <v>5333333.3333333302</v>
      </c>
      <c r="F1982" s="53">
        <v>5333333.3333333302</v>
      </c>
      <c r="G1982" s="53">
        <v>5333333.3333333302</v>
      </c>
      <c r="H1982" s="53">
        <v>5333333.3333333302</v>
      </c>
      <c r="I1982" s="53">
        <v>5333333.3333333302</v>
      </c>
      <c r="J1982" s="53">
        <v>5333333.3333333302</v>
      </c>
      <c r="K1982" s="53">
        <v>5333333.3333333302</v>
      </c>
      <c r="L1982" s="53">
        <v>5333333.3333333302</v>
      </c>
      <c r="M1982" s="53">
        <v>5333333.3333333302</v>
      </c>
      <c r="N1982" s="53">
        <v>64000000</v>
      </c>
      <c r="O1982" s="53">
        <v>5333333.3333333302</v>
      </c>
      <c r="P1982" s="53">
        <v>5333333.3333333302</v>
      </c>
      <c r="Q1982" s="53">
        <v>5333333.3333333302</v>
      </c>
      <c r="R1982" s="53">
        <v>5333333.3333333302</v>
      </c>
      <c r="S1982" s="53">
        <v>5333333.3333333302</v>
      </c>
      <c r="T1982" s="53">
        <v>5333333.3333333302</v>
      </c>
      <c r="U1982" s="53">
        <v>5333333.3333333302</v>
      </c>
      <c r="V1982" s="53">
        <v>5333333.3333333302</v>
      </c>
      <c r="W1982" s="53">
        <v>5333333.3333333302</v>
      </c>
      <c r="X1982" s="53">
        <v>5333333.3333333302</v>
      </c>
      <c r="Y1982" s="53">
        <v>5333333.3333333302</v>
      </c>
      <c r="Z1982" s="53">
        <v>5333333.3333333302</v>
      </c>
      <c r="AA1982" s="53">
        <v>64000000</v>
      </c>
      <c r="AB1982" s="53">
        <v>5333333.3333333302</v>
      </c>
      <c r="AC1982" s="53">
        <v>5333333.3333333302</v>
      </c>
      <c r="AD1982" s="53">
        <v>5333333.3333333302</v>
      </c>
      <c r="AE1982" s="53">
        <v>5333333.3333333302</v>
      </c>
      <c r="AF1982" s="53">
        <v>5333333.3333333302</v>
      </c>
      <c r="AG1982" s="53">
        <v>5333333.3333333302</v>
      </c>
      <c r="AH1982" s="53">
        <v>5333333.3333333302</v>
      </c>
      <c r="AI1982" s="53">
        <v>5333333.3333333302</v>
      </c>
      <c r="AJ1982" s="53">
        <v>5333333.3333333302</v>
      </c>
      <c r="AK1982" s="53">
        <v>5333333.3333333302</v>
      </c>
      <c r="AL1982" s="53">
        <v>5333333.3333333302</v>
      </c>
      <c r="AM1982" s="53">
        <v>5333333.3333333302</v>
      </c>
      <c r="AN1982" s="53">
        <v>64000000</v>
      </c>
      <c r="AO1982" s="53">
        <v>5333333.3333333302</v>
      </c>
      <c r="AP1982" s="53">
        <v>5333333.3333333302</v>
      </c>
      <c r="AQ1982" s="53">
        <v>5333333.3333333302</v>
      </c>
      <c r="AR1982" s="53">
        <v>5333333.3333333302</v>
      </c>
      <c r="AS1982" s="53">
        <v>5333333.3333333302</v>
      </c>
      <c r="AT1982" s="53">
        <v>5333333.3333333302</v>
      </c>
      <c r="AU1982" s="53">
        <v>5333333.3333333302</v>
      </c>
      <c r="AV1982" s="53">
        <v>5333333.3333333302</v>
      </c>
      <c r="AW1982" s="53">
        <v>5333333.3333333302</v>
      </c>
      <c r="AX1982" s="53">
        <v>5333333.3333333302</v>
      </c>
      <c r="AY1982" s="53">
        <v>5333333.3333333302</v>
      </c>
      <c r="AZ1982" s="53">
        <v>5333333.3333333302</v>
      </c>
      <c r="BA1982" s="53">
        <v>64000000</v>
      </c>
      <c r="BB1982" s="53">
        <v>5333333.3333333302</v>
      </c>
      <c r="BC1982" s="53">
        <v>5333333.3333333302</v>
      </c>
      <c r="BD1982" s="53">
        <v>5333333.3333333302</v>
      </c>
      <c r="BE1982" s="53">
        <v>5333333.3333333302</v>
      </c>
      <c r="BF1982" s="53">
        <v>5333333.3333333302</v>
      </c>
      <c r="BG1982" s="53">
        <v>5333333.3333333302</v>
      </c>
      <c r="BH1982" s="53">
        <v>5333333.3333333302</v>
      </c>
      <c r="BI1982" s="53">
        <v>5333333.3333333302</v>
      </c>
      <c r="BJ1982" s="53">
        <v>5333333.3333333302</v>
      </c>
      <c r="BK1982" s="53">
        <v>5333333.3333333302</v>
      </c>
      <c r="BL1982" s="53">
        <v>5333333.3333333302</v>
      </c>
      <c r="BM1982" s="53">
        <v>5333333.3333333302</v>
      </c>
      <c r="BN1982" s="53">
        <v>64000000</v>
      </c>
      <c r="BO1982" s="53">
        <v>5333333.3333333302</v>
      </c>
      <c r="BP1982" s="53">
        <v>5333333.3333333302</v>
      </c>
      <c r="BQ1982" s="53">
        <v>5333333.3333333302</v>
      </c>
      <c r="BR1982" s="53">
        <v>5333333.3333333302</v>
      </c>
      <c r="BS1982" s="53">
        <v>5333333.3333333302</v>
      </c>
      <c r="BT1982" s="53">
        <v>5333333.3333333302</v>
      </c>
      <c r="BU1982" s="53">
        <v>5333333.3333333302</v>
      </c>
      <c r="BV1982" s="53">
        <v>5333333.3333333302</v>
      </c>
      <c r="BW1982" s="53">
        <v>5333333.3333333302</v>
      </c>
      <c r="BX1982" s="53">
        <v>5333333.3333333302</v>
      </c>
      <c r="BY1982" s="53">
        <v>5333333.3333333302</v>
      </c>
      <c r="BZ1982" s="53">
        <v>5333333.3333333302</v>
      </c>
      <c r="CA1982" s="53">
        <v>64000000</v>
      </c>
      <c r="CB1982" s="53"/>
      <c r="CC1982" s="53"/>
      <c r="CD1982" s="53"/>
      <c r="CE1982" s="53"/>
      <c r="CF1982" s="53"/>
      <c r="CG1982" s="53"/>
      <c r="CH1982" s="53"/>
      <c r="CI1982" s="53"/>
      <c r="CJ1982" s="53"/>
      <c r="CK1982" s="53"/>
      <c r="CL1982" s="53">
        <v>-1000000</v>
      </c>
      <c r="CM1982" s="53"/>
      <c r="CN1982" s="53">
        <v>-1000000</v>
      </c>
    </row>
    <row r="1983" spans="1:92" outlineLevel="1">
      <c r="A1983" s="52" t="s">
        <v>717</v>
      </c>
      <c r="B1983" s="53">
        <v>1647916.66666666</v>
      </c>
      <c r="C1983" s="53">
        <v>1647916.66666666</v>
      </c>
      <c r="D1983" s="53">
        <v>1647916.66666666</v>
      </c>
      <c r="E1983" s="53">
        <v>1647916.66666666</v>
      </c>
      <c r="F1983" s="53">
        <v>1647916.66666666</v>
      </c>
      <c r="G1983" s="53">
        <v>1647916.66666666</v>
      </c>
      <c r="H1983" s="53">
        <v>1647916.66666666</v>
      </c>
      <c r="I1983" s="53">
        <v>1647916.66666666</v>
      </c>
      <c r="J1983" s="53">
        <v>1647916.66666666</v>
      </c>
      <c r="K1983" s="53">
        <v>1647916.66666666</v>
      </c>
      <c r="L1983" s="53">
        <v>1647916.66666666</v>
      </c>
      <c r="M1983" s="53">
        <v>1647916.66666666</v>
      </c>
      <c r="N1983" s="53">
        <v>19775000</v>
      </c>
      <c r="O1983" s="53">
        <v>1647916.66666666</v>
      </c>
      <c r="P1983" s="53">
        <v>1647916.66666666</v>
      </c>
      <c r="Q1983" s="53">
        <v>1647916.66666666</v>
      </c>
      <c r="R1983" s="53">
        <v>1647916.66666666</v>
      </c>
      <c r="S1983" s="53">
        <v>1647916.66666666</v>
      </c>
      <c r="T1983" s="53">
        <v>1647916.66666666</v>
      </c>
      <c r="U1983" s="53">
        <v>1647916.66666666</v>
      </c>
      <c r="V1983" s="53">
        <v>1647916.66666666</v>
      </c>
      <c r="W1983" s="53">
        <v>1647916.66666666</v>
      </c>
      <c r="X1983" s="53">
        <v>1647916.66666666</v>
      </c>
      <c r="Y1983" s="53">
        <v>1647916.66666666</v>
      </c>
      <c r="Z1983" s="53">
        <v>1647916.66666666</v>
      </c>
      <c r="AA1983" s="53">
        <v>19775000</v>
      </c>
      <c r="AB1983" s="53">
        <v>1647916.66666666</v>
      </c>
      <c r="AC1983" s="53">
        <v>1647916.66666666</v>
      </c>
      <c r="AD1983" s="53">
        <v>1647916.66666666</v>
      </c>
      <c r="AE1983" s="53">
        <v>1647916.66666666</v>
      </c>
      <c r="AF1983" s="53">
        <v>1647916.66666666</v>
      </c>
      <c r="AG1983" s="53">
        <v>1647916.66666666</v>
      </c>
      <c r="AH1983" s="53">
        <v>1647916.66666666</v>
      </c>
      <c r="AI1983" s="53">
        <v>1647916.66666666</v>
      </c>
      <c r="AJ1983" s="53">
        <v>1647916.66666666</v>
      </c>
      <c r="AK1983" s="53">
        <v>1647916.66666666</v>
      </c>
      <c r="AL1983" s="53">
        <v>1647916.66666666</v>
      </c>
      <c r="AM1983" s="53">
        <v>1647916.66666666</v>
      </c>
      <c r="AN1983" s="53">
        <v>19775000</v>
      </c>
      <c r="AO1983" s="53">
        <v>1647916.66666666</v>
      </c>
      <c r="AP1983" s="53">
        <v>1647916.66666666</v>
      </c>
      <c r="AQ1983" s="53">
        <v>1647916.66666666</v>
      </c>
      <c r="AR1983" s="53">
        <v>1647916.66666666</v>
      </c>
      <c r="AS1983" s="53">
        <v>1647916.66666666</v>
      </c>
      <c r="AT1983" s="53">
        <v>1647916.66666666</v>
      </c>
      <c r="AU1983" s="53">
        <v>1647916.66666666</v>
      </c>
      <c r="AV1983" s="53">
        <v>1647916.66666666</v>
      </c>
      <c r="AW1983" s="53">
        <v>1647916.66666666</v>
      </c>
      <c r="AX1983" s="53">
        <v>1647916.66666666</v>
      </c>
      <c r="AY1983" s="53">
        <v>1647916.66666666</v>
      </c>
      <c r="AZ1983" s="53">
        <v>1647916.66666666</v>
      </c>
      <c r="BA1983" s="53">
        <v>19775000</v>
      </c>
      <c r="BB1983" s="53">
        <v>1647916.66666666</v>
      </c>
      <c r="BC1983" s="53">
        <v>1647916.66666666</v>
      </c>
      <c r="BD1983" s="53">
        <v>1647916.66666666</v>
      </c>
      <c r="BE1983" s="53">
        <v>1647916.66666666</v>
      </c>
      <c r="BF1983" s="53">
        <v>1647916.66666666</v>
      </c>
      <c r="BG1983" s="53">
        <v>1647916.66666666</v>
      </c>
      <c r="BH1983" s="53">
        <v>1647916.66666666</v>
      </c>
      <c r="BI1983" s="53">
        <v>1647916.66666666</v>
      </c>
      <c r="BJ1983" s="53">
        <v>1647916.66666666</v>
      </c>
      <c r="BK1983" s="53">
        <v>1647916.66666666</v>
      </c>
      <c r="BL1983" s="53">
        <v>1647916.66666666</v>
      </c>
      <c r="BM1983" s="53">
        <v>1647916.66666666</v>
      </c>
      <c r="BN1983" s="53">
        <v>19775000</v>
      </c>
      <c r="BO1983" s="53">
        <v>1647916.66666666</v>
      </c>
      <c r="BP1983" s="53">
        <v>1647916.66666666</v>
      </c>
      <c r="BQ1983" s="53">
        <v>1647916.66666666</v>
      </c>
      <c r="BR1983" s="53">
        <v>1647916.66666666</v>
      </c>
      <c r="BS1983" s="53">
        <v>1647916.66666666</v>
      </c>
      <c r="BT1983" s="53">
        <v>1647916.66666666</v>
      </c>
      <c r="BU1983" s="53">
        <v>1647916.66666666</v>
      </c>
      <c r="BV1983" s="53">
        <v>1647916.66666666</v>
      </c>
      <c r="BW1983" s="53">
        <v>1647916.66666666</v>
      </c>
      <c r="BX1983" s="53">
        <v>1647916.66666666</v>
      </c>
      <c r="BY1983" s="53">
        <v>1647916.66666666</v>
      </c>
      <c r="BZ1983" s="53">
        <v>1647916.66666666</v>
      </c>
      <c r="CA1983" s="53">
        <v>19775000</v>
      </c>
      <c r="CB1983" s="53"/>
      <c r="CC1983" s="53"/>
      <c r="CD1983" s="53"/>
      <c r="CE1983" s="53"/>
      <c r="CF1983" s="53"/>
      <c r="CG1983" s="53"/>
      <c r="CH1983" s="53"/>
      <c r="CI1983" s="53"/>
      <c r="CJ1983" s="53"/>
      <c r="CK1983" s="53"/>
      <c r="CL1983" s="53"/>
      <c r="CM1983" s="53"/>
      <c r="CN1983" s="53"/>
    </row>
    <row r="1984" spans="1:92" outlineLevel="1">
      <c r="A1984" s="52" t="s">
        <v>718</v>
      </c>
      <c r="B1984" s="53">
        <v>1283333.33333333</v>
      </c>
      <c r="C1984" s="53">
        <v>1283333.33333333</v>
      </c>
      <c r="D1984" s="53">
        <v>1283333.33333333</v>
      </c>
      <c r="E1984" s="53">
        <v>1283333.33333333</v>
      </c>
      <c r="F1984" s="53">
        <v>1283333.33333333</v>
      </c>
      <c r="G1984" s="53">
        <v>1283333.33333333</v>
      </c>
      <c r="H1984" s="53">
        <v>1283333.33333333</v>
      </c>
      <c r="I1984" s="53">
        <v>1283333.33333333</v>
      </c>
      <c r="J1984" s="53">
        <v>1283333.33333333</v>
      </c>
      <c r="K1984" s="53">
        <v>1283333.33333333</v>
      </c>
      <c r="L1984" s="53">
        <v>1283333.33333333</v>
      </c>
      <c r="M1984" s="53">
        <v>1283333.33333333</v>
      </c>
      <c r="N1984" s="53">
        <v>15400000</v>
      </c>
      <c r="O1984" s="53">
        <v>1283333.33333333</v>
      </c>
      <c r="P1984" s="53">
        <v>1283333.33333333</v>
      </c>
      <c r="Q1984" s="53">
        <v>1283333.33333333</v>
      </c>
      <c r="R1984" s="53">
        <v>1283333.33333333</v>
      </c>
      <c r="S1984" s="53">
        <v>1283333.33333333</v>
      </c>
      <c r="T1984" s="53">
        <v>1283333.33333333</v>
      </c>
      <c r="U1984" s="53">
        <v>1283333.33333333</v>
      </c>
      <c r="V1984" s="53">
        <v>1283333.33333333</v>
      </c>
      <c r="W1984" s="53">
        <v>1283333.33333333</v>
      </c>
      <c r="X1984" s="53">
        <v>1283333.33333333</v>
      </c>
      <c r="Y1984" s="53">
        <v>1283333.33333333</v>
      </c>
      <c r="Z1984" s="53">
        <v>1283333.33333333</v>
      </c>
      <c r="AA1984" s="53">
        <v>15400000</v>
      </c>
      <c r="AB1984" s="53">
        <v>1283333.33333333</v>
      </c>
      <c r="AC1984" s="53">
        <v>1283333.33333333</v>
      </c>
      <c r="AD1984" s="53">
        <v>1283333.33333333</v>
      </c>
      <c r="AE1984" s="53">
        <v>1283333.33333333</v>
      </c>
      <c r="AF1984" s="53">
        <v>1283333.33333333</v>
      </c>
      <c r="AG1984" s="53">
        <v>1283333.33333333</v>
      </c>
      <c r="AH1984" s="53">
        <v>1283333.33333333</v>
      </c>
      <c r="AI1984" s="53">
        <v>1283333.33333333</v>
      </c>
      <c r="AJ1984" s="53">
        <v>1283333.33333333</v>
      </c>
      <c r="AK1984" s="53">
        <v>1283333.33333333</v>
      </c>
      <c r="AL1984" s="53">
        <v>1283333.33333333</v>
      </c>
      <c r="AM1984" s="53">
        <v>1283333.33333333</v>
      </c>
      <c r="AN1984" s="53">
        <v>15400000</v>
      </c>
      <c r="AO1984" s="53">
        <v>1283333.33333333</v>
      </c>
      <c r="AP1984" s="53">
        <v>1283333.33333333</v>
      </c>
      <c r="AQ1984" s="53">
        <v>1283333.33333333</v>
      </c>
      <c r="AR1984" s="53">
        <v>1283333.33333333</v>
      </c>
      <c r="AS1984" s="53">
        <v>1283333.33333333</v>
      </c>
      <c r="AT1984" s="53">
        <v>1283333.33333333</v>
      </c>
      <c r="AU1984" s="53">
        <v>1283333.33333333</v>
      </c>
      <c r="AV1984" s="53">
        <v>1283333.33333333</v>
      </c>
      <c r="AW1984" s="53">
        <v>1283333.33333333</v>
      </c>
      <c r="AX1984" s="53">
        <v>1283333.33333333</v>
      </c>
      <c r="AY1984" s="53">
        <v>1283333.33333333</v>
      </c>
      <c r="AZ1984" s="53">
        <v>1283333.33333333</v>
      </c>
      <c r="BA1984" s="53">
        <v>15400000</v>
      </c>
      <c r="BB1984" s="53">
        <v>1283333.33333333</v>
      </c>
      <c r="BC1984" s="53">
        <v>1283333.33333333</v>
      </c>
      <c r="BD1984" s="53">
        <v>1283333.33333333</v>
      </c>
      <c r="BE1984" s="53">
        <v>1283333.33333333</v>
      </c>
      <c r="BF1984" s="53">
        <v>1283333.33333333</v>
      </c>
      <c r="BG1984" s="53">
        <v>1283333.33333333</v>
      </c>
      <c r="BH1984" s="53">
        <v>1283333.33333333</v>
      </c>
      <c r="BI1984" s="53">
        <v>1283333.33333333</v>
      </c>
      <c r="BJ1984" s="53">
        <v>1283333.33333333</v>
      </c>
      <c r="BK1984" s="53">
        <v>1283333.33333333</v>
      </c>
      <c r="BL1984" s="53">
        <v>1283333.33333333</v>
      </c>
      <c r="BM1984" s="53">
        <v>1283333.33333333</v>
      </c>
      <c r="BN1984" s="53">
        <v>15400000</v>
      </c>
      <c r="BO1984" s="53">
        <v>1283333.33333333</v>
      </c>
      <c r="BP1984" s="53">
        <v>1283333.33333333</v>
      </c>
      <c r="BQ1984" s="53">
        <v>1283333.33333333</v>
      </c>
      <c r="BR1984" s="53">
        <v>1283333.33333333</v>
      </c>
      <c r="BS1984" s="53">
        <v>1283333.33333333</v>
      </c>
      <c r="BT1984" s="53">
        <v>1283333.33333333</v>
      </c>
      <c r="BU1984" s="53">
        <v>1283333.33333333</v>
      </c>
      <c r="BV1984" s="53">
        <v>1283333.33333333</v>
      </c>
      <c r="BW1984" s="53">
        <v>1283333.33333333</v>
      </c>
      <c r="BX1984" s="53">
        <v>1283333.33333333</v>
      </c>
      <c r="BY1984" s="53">
        <v>1283333.33333333</v>
      </c>
      <c r="BZ1984" s="53">
        <v>1283333.33333333</v>
      </c>
      <c r="CA1984" s="53">
        <v>15400000</v>
      </c>
      <c r="CB1984" s="53"/>
      <c r="CC1984" s="53"/>
      <c r="CD1984" s="53"/>
      <c r="CE1984" s="53"/>
      <c r="CF1984" s="53"/>
      <c r="CG1984" s="53"/>
      <c r="CH1984" s="53"/>
      <c r="CI1984" s="53"/>
      <c r="CJ1984" s="53"/>
      <c r="CK1984" s="53"/>
      <c r="CL1984" s="53"/>
      <c r="CM1984" s="53"/>
      <c r="CN1984" s="53"/>
    </row>
    <row r="1985" spans="1:92" outlineLevel="1">
      <c r="A1985" s="52" t="s">
        <v>1563</v>
      </c>
      <c r="B1985" s="53">
        <v>187500</v>
      </c>
      <c r="C1985" s="53">
        <v>187500</v>
      </c>
      <c r="D1985" s="53">
        <v>187500</v>
      </c>
      <c r="E1985" s="53">
        <v>187500</v>
      </c>
      <c r="F1985" s="53">
        <v>187500</v>
      </c>
      <c r="G1985" s="53">
        <v>187500</v>
      </c>
      <c r="H1985" s="53">
        <v>937500</v>
      </c>
      <c r="I1985" s="53">
        <v>937500</v>
      </c>
      <c r="J1985" s="53">
        <v>937500</v>
      </c>
      <c r="K1985" s="53">
        <v>937500</v>
      </c>
      <c r="L1985" s="53">
        <v>937500</v>
      </c>
      <c r="M1985" s="53">
        <v>937500</v>
      </c>
      <c r="N1985" s="53">
        <v>6750000</v>
      </c>
      <c r="O1985" s="53">
        <v>1052083.33333333</v>
      </c>
      <c r="P1985" s="53">
        <v>1052083.33333333</v>
      </c>
      <c r="Q1985" s="53">
        <v>1052083.33333333</v>
      </c>
      <c r="R1985" s="53">
        <v>1052083.33333333</v>
      </c>
      <c r="S1985" s="53">
        <v>1052083.33333333</v>
      </c>
      <c r="T1985" s="53">
        <v>1052083.33333333</v>
      </c>
      <c r="U1985" s="53">
        <v>1041666.66666666</v>
      </c>
      <c r="V1985" s="53">
        <v>1041666.66666666</v>
      </c>
      <c r="W1985" s="53">
        <v>1041666.66666666</v>
      </c>
      <c r="X1985" s="53">
        <v>1041666.66666666</v>
      </c>
      <c r="Y1985" s="53">
        <v>1041666.66666666</v>
      </c>
      <c r="Z1985" s="53">
        <v>1041666.66666666</v>
      </c>
      <c r="AA1985" s="53">
        <v>12562499.999999899</v>
      </c>
      <c r="AB1985" s="53">
        <v>937500</v>
      </c>
      <c r="AC1985" s="53">
        <v>937500</v>
      </c>
      <c r="AD1985" s="53">
        <v>937500</v>
      </c>
      <c r="AE1985" s="53">
        <v>937500</v>
      </c>
      <c r="AF1985" s="53">
        <v>937500</v>
      </c>
      <c r="AG1985" s="53">
        <v>937500</v>
      </c>
      <c r="AH1985" s="53">
        <v>937500</v>
      </c>
      <c r="AI1985" s="53">
        <v>937500</v>
      </c>
      <c r="AJ1985" s="53">
        <v>937500</v>
      </c>
      <c r="AK1985" s="53">
        <v>937500</v>
      </c>
      <c r="AL1985" s="53">
        <v>937500</v>
      </c>
      <c r="AM1985" s="53">
        <v>937500</v>
      </c>
      <c r="AN1985" s="53">
        <v>11250000</v>
      </c>
      <c r="AO1985" s="53">
        <v>781249.99999999895</v>
      </c>
      <c r="AP1985" s="53">
        <v>781249.99999999895</v>
      </c>
      <c r="AQ1985" s="53">
        <v>781249.99999999895</v>
      </c>
      <c r="AR1985" s="53">
        <v>781249.99999999895</v>
      </c>
      <c r="AS1985" s="53">
        <v>781249.99999999895</v>
      </c>
      <c r="AT1985" s="53">
        <v>781249.99999999895</v>
      </c>
      <c r="AU1985" s="53">
        <v>781249.99999999895</v>
      </c>
      <c r="AV1985" s="53">
        <v>781249.99999999895</v>
      </c>
      <c r="AW1985" s="53">
        <v>781249.99999999895</v>
      </c>
      <c r="AX1985" s="53">
        <v>781249.99999999895</v>
      </c>
      <c r="AY1985" s="53">
        <v>781249.99999999895</v>
      </c>
      <c r="AZ1985" s="53">
        <v>781249.99999999895</v>
      </c>
      <c r="BA1985" s="53">
        <v>9374999.9999999907</v>
      </c>
      <c r="BB1985" s="53">
        <v>760416.66666666605</v>
      </c>
      <c r="BC1985" s="53">
        <v>760416.66666666605</v>
      </c>
      <c r="BD1985" s="53">
        <v>760416.66666666605</v>
      </c>
      <c r="BE1985" s="53">
        <v>760416.66666666605</v>
      </c>
      <c r="BF1985" s="53">
        <v>760416.66666666605</v>
      </c>
      <c r="BG1985" s="53">
        <v>760416.66666666605</v>
      </c>
      <c r="BH1985" s="53">
        <v>760416.66666666605</v>
      </c>
      <c r="BI1985" s="53">
        <v>760416.66666666605</v>
      </c>
      <c r="BJ1985" s="53">
        <v>760416.66666666605</v>
      </c>
      <c r="BK1985" s="53">
        <v>760416.66666666605</v>
      </c>
      <c r="BL1985" s="53">
        <v>760416.66666666605</v>
      </c>
      <c r="BM1985" s="53">
        <v>760416.66666666605</v>
      </c>
      <c r="BN1985" s="53">
        <v>9125000</v>
      </c>
      <c r="BO1985" s="53">
        <v>770833.33333333302</v>
      </c>
      <c r="BP1985" s="53">
        <v>770833.33333333302</v>
      </c>
      <c r="BQ1985" s="53">
        <v>770833.33333333302</v>
      </c>
      <c r="BR1985" s="53">
        <v>770833.33333333302</v>
      </c>
      <c r="BS1985" s="53">
        <v>770833.33333333302</v>
      </c>
      <c r="BT1985" s="53">
        <v>770833.33333333302</v>
      </c>
      <c r="BU1985" s="53">
        <v>770833.33333333302</v>
      </c>
      <c r="BV1985" s="53">
        <v>770833.33333333302</v>
      </c>
      <c r="BW1985" s="53">
        <v>770833.33333333302</v>
      </c>
      <c r="BX1985" s="53">
        <v>770833.33333333302</v>
      </c>
      <c r="BY1985" s="53">
        <v>770833.33333333302</v>
      </c>
      <c r="BZ1985" s="53">
        <v>770833.33333333302</v>
      </c>
      <c r="CA1985" s="53">
        <v>9250000</v>
      </c>
      <c r="CB1985" s="53"/>
      <c r="CC1985" s="53"/>
      <c r="CD1985" s="53"/>
      <c r="CE1985" s="53"/>
      <c r="CF1985" s="53"/>
      <c r="CG1985" s="53"/>
      <c r="CH1985" s="53"/>
      <c r="CI1985" s="53"/>
      <c r="CJ1985" s="53"/>
      <c r="CK1985" s="53"/>
      <c r="CL1985" s="53"/>
      <c r="CM1985" s="53"/>
      <c r="CN1985" s="53"/>
    </row>
    <row r="1986" spans="1:92" outlineLevel="1">
      <c r="A1986" s="52" t="s">
        <v>721</v>
      </c>
      <c r="B1986" s="53">
        <v>1700000</v>
      </c>
      <c r="C1986" s="53">
        <v>1700000</v>
      </c>
      <c r="D1986" s="53">
        <v>1700000</v>
      </c>
      <c r="E1986" s="53">
        <v>1700000</v>
      </c>
      <c r="F1986" s="53">
        <v>1700000</v>
      </c>
      <c r="G1986" s="53">
        <v>1700000</v>
      </c>
      <c r="H1986" s="53">
        <v>1700000</v>
      </c>
      <c r="I1986" s="53">
        <v>1700000</v>
      </c>
      <c r="J1986" s="53">
        <v>1700000</v>
      </c>
      <c r="K1986" s="53">
        <v>1700000</v>
      </c>
      <c r="L1986" s="53">
        <v>1700000</v>
      </c>
      <c r="M1986" s="53">
        <v>1700000</v>
      </c>
      <c r="N1986" s="53">
        <v>20400000</v>
      </c>
      <c r="O1986" s="53">
        <v>1700000</v>
      </c>
      <c r="P1986" s="53">
        <v>1700000</v>
      </c>
      <c r="Q1986" s="53">
        <v>1700000</v>
      </c>
      <c r="R1986" s="53">
        <v>1700000</v>
      </c>
      <c r="S1986" s="53">
        <v>1700000</v>
      </c>
      <c r="T1986" s="53">
        <v>1700000</v>
      </c>
      <c r="U1986" s="53">
        <v>1700000</v>
      </c>
      <c r="V1986" s="53">
        <v>1700000</v>
      </c>
      <c r="W1986" s="53">
        <v>1700000</v>
      </c>
      <c r="X1986" s="53">
        <v>1700000</v>
      </c>
      <c r="Y1986" s="53">
        <v>1700000</v>
      </c>
      <c r="Z1986" s="53">
        <v>1700000</v>
      </c>
      <c r="AA1986" s="53">
        <v>20400000</v>
      </c>
      <c r="AB1986" s="53">
        <v>1700000</v>
      </c>
      <c r="AC1986" s="53">
        <v>1700000</v>
      </c>
      <c r="AD1986" s="53">
        <v>1700000</v>
      </c>
      <c r="AE1986" s="53">
        <v>1700000</v>
      </c>
      <c r="AF1986" s="53">
        <v>1700000</v>
      </c>
      <c r="AG1986" s="53">
        <v>1700000</v>
      </c>
      <c r="AH1986" s="53">
        <v>1700000</v>
      </c>
      <c r="AI1986" s="53">
        <v>1700000</v>
      </c>
      <c r="AJ1986" s="53">
        <v>1700000</v>
      </c>
      <c r="AK1986" s="53">
        <v>1700000</v>
      </c>
      <c r="AL1986" s="53">
        <v>1700000</v>
      </c>
      <c r="AM1986" s="53">
        <v>1700000</v>
      </c>
      <c r="AN1986" s="53">
        <v>20400000</v>
      </c>
      <c r="AO1986" s="53">
        <v>1700000</v>
      </c>
      <c r="AP1986" s="53">
        <v>1700000</v>
      </c>
      <c r="AQ1986" s="53">
        <v>1700000</v>
      </c>
      <c r="AR1986" s="53">
        <v>1700000</v>
      </c>
      <c r="AS1986" s="53">
        <v>1700000</v>
      </c>
      <c r="AT1986" s="53">
        <v>1700000</v>
      </c>
      <c r="AU1986" s="53">
        <v>1700000</v>
      </c>
      <c r="AV1986" s="53">
        <v>1700000</v>
      </c>
      <c r="AW1986" s="53">
        <v>1700000</v>
      </c>
      <c r="AX1986" s="53">
        <v>1700000</v>
      </c>
      <c r="AY1986" s="53">
        <v>1700000</v>
      </c>
      <c r="AZ1986" s="53">
        <v>1700000</v>
      </c>
      <c r="BA1986" s="53">
        <v>20400000</v>
      </c>
      <c r="BB1986" s="53">
        <v>1700000</v>
      </c>
      <c r="BC1986" s="53">
        <v>1700000</v>
      </c>
      <c r="BD1986" s="53">
        <v>1700000</v>
      </c>
      <c r="BE1986" s="53">
        <v>1700000</v>
      </c>
      <c r="BF1986" s="53">
        <v>1700000</v>
      </c>
      <c r="BG1986" s="53">
        <v>1700000</v>
      </c>
      <c r="BH1986" s="53">
        <v>1700000</v>
      </c>
      <c r="BI1986" s="53">
        <v>1700000</v>
      </c>
      <c r="BJ1986" s="53">
        <v>1700000</v>
      </c>
      <c r="BK1986" s="53">
        <v>1700000</v>
      </c>
      <c r="BL1986" s="53">
        <v>1700000</v>
      </c>
      <c r="BM1986" s="53">
        <v>1700000</v>
      </c>
      <c r="BN1986" s="53">
        <v>20400000</v>
      </c>
      <c r="BO1986" s="53">
        <v>1700000</v>
      </c>
      <c r="BP1986" s="53">
        <v>1700000</v>
      </c>
      <c r="BQ1986" s="53">
        <v>1700000</v>
      </c>
      <c r="BR1986" s="53">
        <v>1700000</v>
      </c>
      <c r="BS1986" s="53">
        <v>1700000</v>
      </c>
      <c r="BT1986" s="53">
        <v>1700000</v>
      </c>
      <c r="BU1986" s="53">
        <v>1700000</v>
      </c>
      <c r="BV1986" s="53">
        <v>1700000</v>
      </c>
      <c r="BW1986" s="53">
        <v>1700000</v>
      </c>
      <c r="BX1986" s="53">
        <v>1700000</v>
      </c>
      <c r="BY1986" s="53">
        <v>1700000</v>
      </c>
      <c r="BZ1986" s="53">
        <v>1700000</v>
      </c>
      <c r="CA1986" s="53">
        <v>20400000</v>
      </c>
      <c r="CB1986" s="53">
        <v>18749654.625050101</v>
      </c>
      <c r="CC1986" s="53">
        <v>18749654.625050101</v>
      </c>
      <c r="CD1986" s="53">
        <v>18749654.625050101</v>
      </c>
      <c r="CE1986" s="53">
        <v>18749654.625050101</v>
      </c>
      <c r="CF1986" s="53">
        <v>18749654.625050101</v>
      </c>
      <c r="CG1986" s="53">
        <v>18749654.625050101</v>
      </c>
      <c r="CH1986" s="53">
        <v>18749654.625050101</v>
      </c>
      <c r="CI1986" s="53">
        <v>18749654.625050101</v>
      </c>
      <c r="CJ1986" s="53">
        <v>18749654.625050101</v>
      </c>
      <c r="CK1986" s="53">
        <v>18749654.625050101</v>
      </c>
      <c r="CL1986" s="53">
        <v>18749654.625050101</v>
      </c>
      <c r="CM1986" s="53">
        <v>18749654.625050101</v>
      </c>
      <c r="CN1986" s="53">
        <v>224995855.50060201</v>
      </c>
    </row>
    <row r="1987" spans="1:92" outlineLevel="1">
      <c r="A1987" s="52" t="s">
        <v>723</v>
      </c>
      <c r="B1987" s="53">
        <v>1733333.33333333</v>
      </c>
      <c r="C1987" s="53">
        <v>1733333.33333333</v>
      </c>
      <c r="D1987" s="53">
        <v>1733333.33333333</v>
      </c>
      <c r="E1987" s="53">
        <v>1733333.33333333</v>
      </c>
      <c r="F1987" s="53">
        <v>1733333.33333333</v>
      </c>
      <c r="G1987" s="53">
        <v>1733333.33333333</v>
      </c>
      <c r="H1987" s="53">
        <v>1733333.33333333</v>
      </c>
      <c r="I1987" s="53">
        <v>1733333.33333333</v>
      </c>
      <c r="J1987" s="53">
        <v>1733333.33333333</v>
      </c>
      <c r="K1987" s="53">
        <v>1733333.33333333</v>
      </c>
      <c r="L1987" s="53">
        <v>1733333.33333333</v>
      </c>
      <c r="M1987" s="53">
        <v>1733333.33333333</v>
      </c>
      <c r="N1987" s="53">
        <v>20800000</v>
      </c>
      <c r="O1987" s="53">
        <v>1733333.33333333</v>
      </c>
      <c r="P1987" s="53">
        <v>1733333.33333333</v>
      </c>
      <c r="Q1987" s="53">
        <v>1733333.33333333</v>
      </c>
      <c r="R1987" s="53">
        <v>1733333.33333333</v>
      </c>
      <c r="S1987" s="53">
        <v>1733333.33333333</v>
      </c>
      <c r="T1987" s="53">
        <v>1733333.33333333</v>
      </c>
      <c r="U1987" s="53">
        <v>1733333.33333333</v>
      </c>
      <c r="V1987" s="53">
        <v>1733333.33333333</v>
      </c>
      <c r="W1987" s="53">
        <v>1733333.33333333</v>
      </c>
      <c r="X1987" s="53">
        <v>1733333.33333333</v>
      </c>
      <c r="Y1987" s="53">
        <v>1733333.33333333</v>
      </c>
      <c r="Z1987" s="53">
        <v>1733333.33333333</v>
      </c>
      <c r="AA1987" s="53">
        <v>20800000</v>
      </c>
      <c r="AB1987" s="53">
        <v>1733333.33333333</v>
      </c>
      <c r="AC1987" s="53">
        <v>1733333.33333333</v>
      </c>
      <c r="AD1987" s="53">
        <v>1733333.33333333</v>
      </c>
      <c r="AE1987" s="53">
        <v>1733333.33333333</v>
      </c>
      <c r="AF1987" s="53">
        <v>1733333.33333333</v>
      </c>
      <c r="AG1987" s="53">
        <v>1733333.33333333</v>
      </c>
      <c r="AH1987" s="53">
        <v>1733333.33333333</v>
      </c>
      <c r="AI1987" s="53">
        <v>1733333.33333333</v>
      </c>
      <c r="AJ1987" s="53">
        <v>1733333.33333333</v>
      </c>
      <c r="AK1987" s="53">
        <v>1733333.33333333</v>
      </c>
      <c r="AL1987" s="53">
        <v>1733333.33333333</v>
      </c>
      <c r="AM1987" s="53">
        <v>1733333.33333333</v>
      </c>
      <c r="AN1987" s="53">
        <v>20800000</v>
      </c>
      <c r="AO1987" s="53">
        <v>1733333.33333333</v>
      </c>
      <c r="AP1987" s="53">
        <v>1733333.33333333</v>
      </c>
      <c r="AQ1987" s="53">
        <v>1733333.33333333</v>
      </c>
      <c r="AR1987" s="53">
        <v>1733333.33333333</v>
      </c>
      <c r="AS1987" s="53">
        <v>1733333.33333333</v>
      </c>
      <c r="AT1987" s="53">
        <v>1733333.33333333</v>
      </c>
      <c r="AU1987" s="53">
        <v>1733333.33333333</v>
      </c>
      <c r="AV1987" s="53">
        <v>1733333.33333333</v>
      </c>
      <c r="AW1987" s="53">
        <v>1733333.33333333</v>
      </c>
      <c r="AX1987" s="53">
        <v>1733333.33333333</v>
      </c>
      <c r="AY1987" s="53">
        <v>1733333.33333333</v>
      </c>
      <c r="AZ1987" s="53">
        <v>1733333.33333333</v>
      </c>
      <c r="BA1987" s="53">
        <v>20800000</v>
      </c>
      <c r="BB1987" s="53">
        <v>1733333.33333333</v>
      </c>
      <c r="BC1987" s="53">
        <v>1733333.33333333</v>
      </c>
      <c r="BD1987" s="53">
        <v>1733333.33333333</v>
      </c>
      <c r="BE1987" s="53">
        <v>1733333.33333333</v>
      </c>
      <c r="BF1987" s="53">
        <v>1733333.33333333</v>
      </c>
      <c r="BG1987" s="53">
        <v>1733333.33333333</v>
      </c>
      <c r="BH1987" s="53">
        <v>1733333.33333333</v>
      </c>
      <c r="BI1987" s="53">
        <v>1733333.33333333</v>
      </c>
      <c r="BJ1987" s="53">
        <v>1733333.33333333</v>
      </c>
      <c r="BK1987" s="53">
        <v>1733333.33333333</v>
      </c>
      <c r="BL1987" s="53">
        <v>1733333.33333333</v>
      </c>
      <c r="BM1987" s="53">
        <v>1733333.33333333</v>
      </c>
      <c r="BN1987" s="53">
        <v>20800000</v>
      </c>
      <c r="BO1987" s="53">
        <v>866666.66666666605</v>
      </c>
      <c r="BP1987" s="53"/>
      <c r="BQ1987" s="53"/>
      <c r="BR1987" s="53"/>
      <c r="BS1987" s="53"/>
      <c r="BT1987" s="53"/>
      <c r="BU1987" s="53"/>
      <c r="BV1987" s="53"/>
      <c r="BW1987" s="53"/>
      <c r="BX1987" s="53"/>
      <c r="BY1987" s="53"/>
      <c r="BZ1987" s="53"/>
      <c r="CA1987" s="53">
        <v>866666.66666666605</v>
      </c>
      <c r="CB1987" s="53">
        <v>25507696.255050201</v>
      </c>
      <c r="CC1987" s="53">
        <v>44257350.880100399</v>
      </c>
      <c r="CD1987" s="53">
        <v>63007005.505150497</v>
      </c>
      <c r="CE1987" s="53">
        <v>81756660.130200699</v>
      </c>
      <c r="CF1987" s="53">
        <v>100506314.75525001</v>
      </c>
      <c r="CG1987" s="53">
        <v>119255969.380301</v>
      </c>
      <c r="CH1987" s="53">
        <v>138005624.00535101</v>
      </c>
      <c r="CI1987" s="53">
        <v>156755278.63040099</v>
      </c>
      <c r="CJ1987" s="53">
        <v>175504933.25545099</v>
      </c>
      <c r="CK1987" s="53">
        <v>194254587.880501</v>
      </c>
      <c r="CL1987" s="53">
        <v>-12991612.99505</v>
      </c>
      <c r="CM1987" s="53">
        <v>5758041.6300000995</v>
      </c>
      <c r="CN1987" s="53">
        <v>5758041.6300000995</v>
      </c>
    </row>
    <row r="1988" spans="1:92" outlineLevel="1">
      <c r="A1988" s="52" t="s">
        <v>724</v>
      </c>
      <c r="B1988" s="53">
        <v>1400000</v>
      </c>
      <c r="C1988" s="53">
        <v>1400000</v>
      </c>
      <c r="D1988" s="53">
        <v>1400000</v>
      </c>
      <c r="E1988" s="53">
        <v>1400000</v>
      </c>
      <c r="F1988" s="53">
        <v>1400000</v>
      </c>
      <c r="G1988" s="53">
        <v>1400000</v>
      </c>
      <c r="H1988" s="53">
        <v>1400000</v>
      </c>
      <c r="I1988" s="53">
        <v>1400000</v>
      </c>
      <c r="J1988" s="53">
        <v>1400000</v>
      </c>
      <c r="K1988" s="53">
        <v>1400000</v>
      </c>
      <c r="L1988" s="53">
        <v>1400000</v>
      </c>
      <c r="M1988" s="53">
        <v>1400000</v>
      </c>
      <c r="N1988" s="53">
        <v>16800000</v>
      </c>
      <c r="O1988" s="53">
        <v>1400000</v>
      </c>
      <c r="P1988" s="53">
        <v>1400000</v>
      </c>
      <c r="Q1988" s="53">
        <v>1400000</v>
      </c>
      <c r="R1988" s="53">
        <v>1400000</v>
      </c>
      <c r="S1988" s="53">
        <v>1400000</v>
      </c>
      <c r="T1988" s="53">
        <v>1400000</v>
      </c>
      <c r="U1988" s="53">
        <v>1400000</v>
      </c>
      <c r="V1988" s="53">
        <v>1400000</v>
      </c>
      <c r="W1988" s="53">
        <v>1400000</v>
      </c>
      <c r="X1988" s="53">
        <v>1400000</v>
      </c>
      <c r="Y1988" s="53">
        <v>1400000</v>
      </c>
      <c r="Z1988" s="53">
        <v>1400000</v>
      </c>
      <c r="AA1988" s="53">
        <v>16800000</v>
      </c>
      <c r="AB1988" s="53">
        <v>1400000</v>
      </c>
      <c r="AC1988" s="53">
        <v>1400000</v>
      </c>
      <c r="AD1988" s="53">
        <v>1400000</v>
      </c>
      <c r="AE1988" s="53">
        <v>1400000</v>
      </c>
      <c r="AF1988" s="53">
        <v>1400000</v>
      </c>
      <c r="AG1988" s="53">
        <v>1400000</v>
      </c>
      <c r="AH1988" s="53">
        <v>1400000</v>
      </c>
      <c r="AI1988" s="53">
        <v>1400000</v>
      </c>
      <c r="AJ1988" s="53">
        <v>1400000</v>
      </c>
      <c r="AK1988" s="53">
        <v>1400000</v>
      </c>
      <c r="AL1988" s="53">
        <v>1400000</v>
      </c>
      <c r="AM1988" s="53">
        <v>1400000</v>
      </c>
      <c r="AN1988" s="53">
        <v>16800000</v>
      </c>
      <c r="AO1988" s="53">
        <v>1400000</v>
      </c>
      <c r="AP1988" s="53">
        <v>1400000</v>
      </c>
      <c r="AQ1988" s="53">
        <v>1400000</v>
      </c>
      <c r="AR1988" s="53">
        <v>1400000</v>
      </c>
      <c r="AS1988" s="53">
        <v>1400000</v>
      </c>
      <c r="AT1988" s="53">
        <v>1400000</v>
      </c>
      <c r="AU1988" s="53">
        <v>1400000</v>
      </c>
      <c r="AV1988" s="53">
        <v>1400000</v>
      </c>
      <c r="AW1988" s="53">
        <v>1400000</v>
      </c>
      <c r="AX1988" s="53">
        <v>1400000</v>
      </c>
      <c r="AY1988" s="53">
        <v>1400000</v>
      </c>
      <c r="AZ1988" s="53">
        <v>1400000</v>
      </c>
      <c r="BA1988" s="53">
        <v>16800000</v>
      </c>
      <c r="BB1988" s="53">
        <v>1400000</v>
      </c>
      <c r="BC1988" s="53">
        <v>1400000</v>
      </c>
      <c r="BD1988" s="53">
        <v>1400000</v>
      </c>
      <c r="BE1988" s="53">
        <v>1400000</v>
      </c>
      <c r="BF1988" s="53">
        <v>1400000</v>
      </c>
      <c r="BG1988" s="53">
        <v>1400000</v>
      </c>
      <c r="BH1988" s="53">
        <v>1400000</v>
      </c>
      <c r="BI1988" s="53">
        <v>1400000</v>
      </c>
      <c r="BJ1988" s="53">
        <v>1400000</v>
      </c>
      <c r="BK1988" s="53">
        <v>1400000</v>
      </c>
      <c r="BL1988" s="53">
        <v>1400000</v>
      </c>
      <c r="BM1988" s="53">
        <v>1400000</v>
      </c>
      <c r="BN1988" s="53">
        <v>16800000</v>
      </c>
      <c r="BO1988" s="53">
        <v>1400000</v>
      </c>
      <c r="BP1988" s="53">
        <v>1400000</v>
      </c>
      <c r="BQ1988" s="53">
        <v>1400000</v>
      </c>
      <c r="BR1988" s="53">
        <v>1400000</v>
      </c>
      <c r="BS1988" s="53">
        <v>1400000</v>
      </c>
      <c r="BT1988" s="53">
        <v>1400000</v>
      </c>
      <c r="BU1988" s="53">
        <v>1400000</v>
      </c>
      <c r="BV1988" s="53">
        <v>1400000</v>
      </c>
      <c r="BW1988" s="53">
        <v>1400000</v>
      </c>
      <c r="BX1988" s="53">
        <v>1400000</v>
      </c>
      <c r="BY1988" s="53">
        <v>1400000</v>
      </c>
      <c r="BZ1988" s="53">
        <v>1400000</v>
      </c>
      <c r="CA1988" s="53">
        <v>16800000</v>
      </c>
      <c r="CB1988" s="53">
        <v>9718379.7599999998</v>
      </c>
      <c r="CC1988" s="53">
        <v>9718379.7599999998</v>
      </c>
      <c r="CD1988" s="53">
        <v>9718379.7599999998</v>
      </c>
      <c r="CE1988" s="53">
        <v>9718379.7599999998</v>
      </c>
      <c r="CF1988" s="53">
        <v>9718379.7599999998</v>
      </c>
      <c r="CG1988" s="53">
        <v>9718379.7599999998</v>
      </c>
      <c r="CH1988" s="53">
        <v>9718379.7599999998</v>
      </c>
      <c r="CI1988" s="53">
        <v>9718379.7599999998</v>
      </c>
      <c r="CJ1988" s="53">
        <v>9718379.7599999998</v>
      </c>
      <c r="CK1988" s="53">
        <v>9718379.7599999998</v>
      </c>
      <c r="CL1988" s="53">
        <v>9718379.7599999998</v>
      </c>
      <c r="CM1988" s="53">
        <v>9718379.7599999998</v>
      </c>
      <c r="CN1988" s="53">
        <v>9718379.7599999998</v>
      </c>
    </row>
    <row r="1989" spans="1:92" outlineLevel="1">
      <c r="A1989" s="52" t="s">
        <v>725</v>
      </c>
      <c r="B1989" s="53">
        <v>1900000</v>
      </c>
      <c r="C1989" s="53">
        <v>1900000</v>
      </c>
      <c r="D1989" s="53">
        <v>1900000</v>
      </c>
      <c r="E1989" s="53">
        <v>1900000</v>
      </c>
      <c r="F1989" s="53">
        <v>1900000</v>
      </c>
      <c r="G1989" s="53">
        <v>1900000</v>
      </c>
      <c r="H1989" s="53">
        <v>1900000</v>
      </c>
      <c r="I1989" s="53">
        <v>1900000</v>
      </c>
      <c r="J1989" s="53">
        <v>1900000</v>
      </c>
      <c r="K1989" s="53">
        <v>1900000</v>
      </c>
      <c r="L1989" s="53">
        <v>1900000</v>
      </c>
      <c r="M1989" s="53">
        <v>1900000</v>
      </c>
      <c r="N1989" s="53">
        <v>22800000</v>
      </c>
      <c r="O1989" s="53">
        <v>1900000</v>
      </c>
      <c r="P1989" s="53">
        <v>1900000</v>
      </c>
      <c r="Q1989" s="53">
        <v>1900000</v>
      </c>
      <c r="R1989" s="53">
        <v>1900000</v>
      </c>
      <c r="S1989" s="53">
        <v>1900000</v>
      </c>
      <c r="T1989" s="53">
        <v>1900000</v>
      </c>
      <c r="U1989" s="53">
        <v>1900000</v>
      </c>
      <c r="V1989" s="53">
        <v>1900000</v>
      </c>
      <c r="W1989" s="53">
        <v>1900000</v>
      </c>
      <c r="X1989" s="53">
        <v>1900000</v>
      </c>
      <c r="Y1989" s="53">
        <v>1900000</v>
      </c>
      <c r="Z1989" s="53">
        <v>1900000</v>
      </c>
      <c r="AA1989" s="53">
        <v>22800000</v>
      </c>
      <c r="AB1989" s="53">
        <v>1900000</v>
      </c>
      <c r="AC1989" s="53">
        <v>1900000</v>
      </c>
      <c r="AD1989" s="53">
        <v>1900000</v>
      </c>
      <c r="AE1989" s="53">
        <v>1900000</v>
      </c>
      <c r="AF1989" s="53">
        <v>1900000</v>
      </c>
      <c r="AG1989" s="53">
        <v>1900000</v>
      </c>
      <c r="AH1989" s="53">
        <v>1900000</v>
      </c>
      <c r="AI1989" s="53">
        <v>1900000</v>
      </c>
      <c r="AJ1989" s="53">
        <v>1900000</v>
      </c>
      <c r="AK1989" s="53">
        <v>1900000</v>
      </c>
      <c r="AL1989" s="53">
        <v>1900000</v>
      </c>
      <c r="AM1989" s="53">
        <v>1900000</v>
      </c>
      <c r="AN1989" s="53">
        <v>22800000</v>
      </c>
      <c r="AO1989" s="53">
        <v>1900000</v>
      </c>
      <c r="AP1989" s="53">
        <v>1900000</v>
      </c>
      <c r="AQ1989" s="53">
        <v>1900000</v>
      </c>
      <c r="AR1989" s="53">
        <v>1900000</v>
      </c>
      <c r="AS1989" s="53">
        <v>1900000</v>
      </c>
      <c r="AT1989" s="53">
        <v>1900000</v>
      </c>
      <c r="AU1989" s="53">
        <v>1900000</v>
      </c>
      <c r="AV1989" s="53">
        <v>1900000</v>
      </c>
      <c r="AW1989" s="53">
        <v>1900000</v>
      </c>
      <c r="AX1989" s="53">
        <v>1900000</v>
      </c>
      <c r="AY1989" s="53">
        <v>1900000</v>
      </c>
      <c r="AZ1989" s="53">
        <v>1900000</v>
      </c>
      <c r="BA1989" s="53">
        <v>22800000</v>
      </c>
      <c r="BB1989" s="53">
        <v>1900000</v>
      </c>
      <c r="BC1989" s="53">
        <v>1900000</v>
      </c>
      <c r="BD1989" s="53">
        <v>1900000</v>
      </c>
      <c r="BE1989" s="53">
        <v>1900000</v>
      </c>
      <c r="BF1989" s="53">
        <v>1900000</v>
      </c>
      <c r="BG1989" s="53">
        <v>1900000</v>
      </c>
      <c r="BH1989" s="53">
        <v>1900000</v>
      </c>
      <c r="BI1989" s="53">
        <v>1900000</v>
      </c>
      <c r="BJ1989" s="53">
        <v>1900000</v>
      </c>
      <c r="BK1989" s="53">
        <v>1900000</v>
      </c>
      <c r="BL1989" s="53">
        <v>1900000</v>
      </c>
      <c r="BM1989" s="53">
        <v>1900000</v>
      </c>
      <c r="BN1989" s="53">
        <v>22800000</v>
      </c>
      <c r="BO1989" s="53">
        <v>1900000</v>
      </c>
      <c r="BP1989" s="53">
        <v>1900000</v>
      </c>
      <c r="BQ1989" s="53">
        <v>1900000</v>
      </c>
      <c r="BR1989" s="53">
        <v>1900000</v>
      </c>
      <c r="BS1989" s="53">
        <v>1900000</v>
      </c>
      <c r="BT1989" s="53">
        <v>1900000</v>
      </c>
      <c r="BU1989" s="53">
        <v>1900000</v>
      </c>
      <c r="BV1989" s="53">
        <v>1900000</v>
      </c>
      <c r="BW1989" s="53">
        <v>1900000</v>
      </c>
      <c r="BX1989" s="53">
        <v>1900000</v>
      </c>
      <c r="BY1989" s="53">
        <v>1900000</v>
      </c>
      <c r="BZ1989" s="53">
        <v>1900000</v>
      </c>
      <c r="CA1989" s="53">
        <v>22800000</v>
      </c>
      <c r="CB1989" s="53">
        <v>9806788.7469999995</v>
      </c>
      <c r="CC1989" s="53">
        <v>9806788.7469999995</v>
      </c>
      <c r="CD1989" s="53">
        <v>9806788.7469999995</v>
      </c>
      <c r="CE1989" s="53">
        <v>9806788.7469999995</v>
      </c>
      <c r="CF1989" s="53">
        <v>9806788.7469999995</v>
      </c>
      <c r="CG1989" s="53">
        <v>9806788.7469999995</v>
      </c>
      <c r="CH1989" s="53">
        <v>9806788.7469999995</v>
      </c>
      <c r="CI1989" s="53">
        <v>9806788.7469999995</v>
      </c>
      <c r="CJ1989" s="53">
        <v>9806788.7469999995</v>
      </c>
      <c r="CK1989" s="53">
        <v>9806788.7469999995</v>
      </c>
      <c r="CL1989" s="53">
        <v>9806788.7469999995</v>
      </c>
      <c r="CM1989" s="53">
        <v>9806788.7469999995</v>
      </c>
      <c r="CN1989" s="53">
        <v>9806788.7469999995</v>
      </c>
    </row>
    <row r="1990" spans="1:92" outlineLevel="1">
      <c r="A1990" s="52" t="s">
        <v>726</v>
      </c>
      <c r="B1990" s="53">
        <v>1458333.33333333</v>
      </c>
      <c r="C1990" s="53">
        <v>1458333.33333333</v>
      </c>
      <c r="D1990" s="53">
        <v>1458333.33333333</v>
      </c>
      <c r="E1990" s="53">
        <v>1458333.33333333</v>
      </c>
      <c r="F1990" s="53">
        <v>1458333.33333333</v>
      </c>
      <c r="G1990" s="53">
        <v>1458333.33333333</v>
      </c>
      <c r="H1990" s="53">
        <v>1458333.33333333</v>
      </c>
      <c r="I1990" s="53">
        <v>1458333.33333333</v>
      </c>
      <c r="J1990" s="53">
        <v>1458333.33333333</v>
      </c>
      <c r="K1990" s="53">
        <v>1458333.33333333</v>
      </c>
      <c r="L1990" s="53">
        <v>1458333.33333333</v>
      </c>
      <c r="M1990" s="53">
        <v>1458333.33333333</v>
      </c>
      <c r="N1990" s="53">
        <v>17500000</v>
      </c>
      <c r="O1990" s="53">
        <v>1458333.33333333</v>
      </c>
      <c r="P1990" s="53">
        <v>1458333.33333333</v>
      </c>
      <c r="Q1990" s="53">
        <v>1458333.33333333</v>
      </c>
      <c r="R1990" s="53">
        <v>1458333.33333333</v>
      </c>
      <c r="S1990" s="53">
        <v>1458333.33333333</v>
      </c>
      <c r="T1990" s="53">
        <v>1458333.33333333</v>
      </c>
      <c r="U1990" s="53">
        <v>1458333.33333333</v>
      </c>
      <c r="V1990" s="53">
        <v>1458333.33333333</v>
      </c>
      <c r="W1990" s="53">
        <v>1458333.33333333</v>
      </c>
      <c r="X1990" s="53">
        <v>1458333.33333333</v>
      </c>
      <c r="Y1990" s="53">
        <v>1458333.33333333</v>
      </c>
      <c r="Z1990" s="53">
        <v>1458333.33333333</v>
      </c>
      <c r="AA1990" s="53">
        <v>17500000</v>
      </c>
      <c r="AB1990" s="53">
        <v>1458333.33333333</v>
      </c>
      <c r="AC1990" s="53">
        <v>1458333.33333333</v>
      </c>
      <c r="AD1990" s="53">
        <v>1458333.33333333</v>
      </c>
      <c r="AE1990" s="53">
        <v>1458333.33333333</v>
      </c>
      <c r="AF1990" s="53">
        <v>1458333.33333333</v>
      </c>
      <c r="AG1990" s="53">
        <v>1458333.33333333</v>
      </c>
      <c r="AH1990" s="53">
        <v>1458333.33333333</v>
      </c>
      <c r="AI1990" s="53">
        <v>1458333.33333333</v>
      </c>
      <c r="AJ1990" s="53">
        <v>1458333.33333333</v>
      </c>
      <c r="AK1990" s="53">
        <v>1458333.33333333</v>
      </c>
      <c r="AL1990" s="53">
        <v>1458333.33333333</v>
      </c>
      <c r="AM1990" s="53">
        <v>1458333.33333333</v>
      </c>
      <c r="AN1990" s="53">
        <v>17500000</v>
      </c>
      <c r="AO1990" s="53">
        <v>1458333.33333333</v>
      </c>
      <c r="AP1990" s="53">
        <v>1458333.33333333</v>
      </c>
      <c r="AQ1990" s="53">
        <v>1458333.33333333</v>
      </c>
      <c r="AR1990" s="53">
        <v>1458333.33333333</v>
      </c>
      <c r="AS1990" s="53">
        <v>1458333.33333333</v>
      </c>
      <c r="AT1990" s="53">
        <v>1458333.33333333</v>
      </c>
      <c r="AU1990" s="53">
        <v>1458333.33333333</v>
      </c>
      <c r="AV1990" s="53">
        <v>1458333.33333333</v>
      </c>
      <c r="AW1990" s="53">
        <v>1458333.33333333</v>
      </c>
      <c r="AX1990" s="53">
        <v>1458333.33333333</v>
      </c>
      <c r="AY1990" s="53">
        <v>1458333.33333333</v>
      </c>
      <c r="AZ1990" s="53">
        <v>1458333.33333333</v>
      </c>
      <c r="BA1990" s="53">
        <v>17500000</v>
      </c>
      <c r="BB1990" s="53">
        <v>1458333.33333333</v>
      </c>
      <c r="BC1990" s="53">
        <v>1458333.33333333</v>
      </c>
      <c r="BD1990" s="53">
        <v>1458333.33333333</v>
      </c>
      <c r="BE1990" s="53">
        <v>1458333.33333333</v>
      </c>
      <c r="BF1990" s="53">
        <v>1458333.33333333</v>
      </c>
      <c r="BG1990" s="53">
        <v>1458333.33333333</v>
      </c>
      <c r="BH1990" s="53">
        <v>1458333.33333333</v>
      </c>
      <c r="BI1990" s="53">
        <v>1458333.33333333</v>
      </c>
      <c r="BJ1990" s="53">
        <v>1458333.33333333</v>
      </c>
      <c r="BK1990" s="53">
        <v>1458333.33333333</v>
      </c>
      <c r="BL1990" s="53">
        <v>1458333.33333333</v>
      </c>
      <c r="BM1990" s="53">
        <v>1458333.33333333</v>
      </c>
      <c r="BN1990" s="53">
        <v>17500000</v>
      </c>
      <c r="BO1990" s="53">
        <v>1458333.33333333</v>
      </c>
      <c r="BP1990" s="53">
        <v>1458333.33333333</v>
      </c>
      <c r="BQ1990" s="53">
        <v>1458333.33333333</v>
      </c>
      <c r="BR1990" s="53">
        <v>1458333.33333333</v>
      </c>
      <c r="BS1990" s="53">
        <v>1458333.33333333</v>
      </c>
      <c r="BT1990" s="53">
        <v>1458333.33333333</v>
      </c>
      <c r="BU1990" s="53">
        <v>1458333.33333333</v>
      </c>
      <c r="BV1990" s="53">
        <v>1458333.33333333</v>
      </c>
      <c r="BW1990" s="53">
        <v>1458333.33333333</v>
      </c>
      <c r="BX1990" s="53">
        <v>1458333.33333333</v>
      </c>
      <c r="BY1990" s="53">
        <v>1458333.33333333</v>
      </c>
      <c r="BZ1990" s="53">
        <v>1458333.33333333</v>
      </c>
      <c r="CA1990" s="53">
        <v>17500000</v>
      </c>
      <c r="CB1990" s="53">
        <v>0</v>
      </c>
      <c r="CC1990" s="53">
        <v>0</v>
      </c>
      <c r="CD1990" s="53">
        <v>0</v>
      </c>
      <c r="CE1990" s="53">
        <v>0</v>
      </c>
      <c r="CF1990" s="53">
        <v>0</v>
      </c>
      <c r="CG1990" s="53">
        <v>0</v>
      </c>
      <c r="CH1990" s="53">
        <v>0</v>
      </c>
      <c r="CI1990" s="53">
        <v>0</v>
      </c>
      <c r="CJ1990" s="53">
        <v>0</v>
      </c>
      <c r="CK1990" s="53">
        <v>0</v>
      </c>
      <c r="CL1990" s="53">
        <v>0</v>
      </c>
      <c r="CM1990" s="53">
        <v>0</v>
      </c>
      <c r="CN1990" s="53">
        <v>0</v>
      </c>
    </row>
    <row r="1991" spans="1:92" outlineLevel="1">
      <c r="A1991" s="52" t="s">
        <v>728</v>
      </c>
      <c r="B1991" s="53">
        <v>729166.66666666605</v>
      </c>
      <c r="C1991" s="53">
        <v>729166.66666666605</v>
      </c>
      <c r="D1991" s="53">
        <v>729166.66666666605</v>
      </c>
      <c r="E1991" s="53">
        <v>729166.66666666605</v>
      </c>
      <c r="F1991" s="53">
        <v>729166.66666666605</v>
      </c>
      <c r="G1991" s="53">
        <v>729166.66666666605</v>
      </c>
      <c r="H1991" s="53">
        <v>729166.66666666605</v>
      </c>
      <c r="I1991" s="53">
        <v>729166.66666666605</v>
      </c>
      <c r="J1991" s="53">
        <v>729166.66666666605</v>
      </c>
      <c r="K1991" s="53">
        <v>729166.66666666605</v>
      </c>
      <c r="L1991" s="53">
        <v>729166.66666666605</v>
      </c>
      <c r="M1991" s="53">
        <v>729166.66666666605</v>
      </c>
      <c r="N1991" s="53">
        <v>8750000</v>
      </c>
      <c r="O1991" s="53">
        <v>729166.66666666605</v>
      </c>
      <c r="P1991" s="53">
        <v>729166.66666666605</v>
      </c>
      <c r="Q1991" s="53">
        <v>729166.66666666605</v>
      </c>
      <c r="R1991" s="53">
        <v>729166.66666666605</v>
      </c>
      <c r="S1991" s="53">
        <v>729166.66666666605</v>
      </c>
      <c r="T1991" s="53">
        <v>729166.66666666605</v>
      </c>
      <c r="U1991" s="53">
        <v>729166.66666666605</v>
      </c>
      <c r="V1991" s="53">
        <v>729166.66666666605</v>
      </c>
      <c r="W1991" s="53">
        <v>729166.66666666605</v>
      </c>
      <c r="X1991" s="53">
        <v>729166.66666666605</v>
      </c>
      <c r="Y1991" s="53">
        <v>729166.66666666605</v>
      </c>
      <c r="Z1991" s="53">
        <v>729166.66666666605</v>
      </c>
      <c r="AA1991" s="53">
        <v>8750000</v>
      </c>
      <c r="AB1991" s="53">
        <v>729166.66666666605</v>
      </c>
      <c r="AC1991" s="53">
        <v>729166.66666666605</v>
      </c>
      <c r="AD1991" s="53">
        <v>729166.66666666605</v>
      </c>
      <c r="AE1991" s="53">
        <v>729166.66666666605</v>
      </c>
      <c r="AF1991" s="53">
        <v>729166.66666666605</v>
      </c>
      <c r="AG1991" s="53">
        <v>729166.66666666605</v>
      </c>
      <c r="AH1991" s="53">
        <v>729166.66666666605</v>
      </c>
      <c r="AI1991" s="53">
        <v>729166.66666666605</v>
      </c>
      <c r="AJ1991" s="53">
        <v>729166.66666666605</v>
      </c>
      <c r="AK1991" s="53">
        <v>729166.66666666605</v>
      </c>
      <c r="AL1991" s="53">
        <v>729166.66666666605</v>
      </c>
      <c r="AM1991" s="53">
        <v>729166.66666666605</v>
      </c>
      <c r="AN1991" s="53">
        <v>8750000</v>
      </c>
      <c r="AO1991" s="53">
        <v>729166.66666666605</v>
      </c>
      <c r="AP1991" s="53">
        <v>729166.66666666605</v>
      </c>
      <c r="AQ1991" s="53">
        <v>729166.66666666605</v>
      </c>
      <c r="AR1991" s="53">
        <v>729166.66666666605</v>
      </c>
      <c r="AS1991" s="53">
        <v>729166.66666666605</v>
      </c>
      <c r="AT1991" s="53">
        <v>729166.66666666605</v>
      </c>
      <c r="AU1991" s="53">
        <v>729166.66666666605</v>
      </c>
      <c r="AV1991" s="53">
        <v>729166.66666666605</v>
      </c>
      <c r="AW1991" s="53">
        <v>729166.66666666605</v>
      </c>
      <c r="AX1991" s="53">
        <v>729166.66666666605</v>
      </c>
      <c r="AY1991" s="53">
        <v>729166.66666666605</v>
      </c>
      <c r="AZ1991" s="53">
        <v>729166.66666666605</v>
      </c>
      <c r="BA1991" s="53">
        <v>8750000</v>
      </c>
      <c r="BB1991" s="53">
        <v>729166.66666666605</v>
      </c>
      <c r="BC1991" s="53">
        <v>729166.66666666605</v>
      </c>
      <c r="BD1991" s="53">
        <v>729166.66666666605</v>
      </c>
      <c r="BE1991" s="53">
        <v>729166.66666666605</v>
      </c>
      <c r="BF1991" s="53">
        <v>729166.66666666605</v>
      </c>
      <c r="BG1991" s="53">
        <v>729166.66666666605</v>
      </c>
      <c r="BH1991" s="53">
        <v>729166.66666666605</v>
      </c>
      <c r="BI1991" s="53">
        <v>729166.66666666605</v>
      </c>
      <c r="BJ1991" s="53">
        <v>729166.66666666605</v>
      </c>
      <c r="BK1991" s="53">
        <v>729166.66666666605</v>
      </c>
      <c r="BL1991" s="53">
        <v>729166.66666666605</v>
      </c>
      <c r="BM1991" s="53">
        <v>729166.66666666605</v>
      </c>
      <c r="BN1991" s="53">
        <v>8750000</v>
      </c>
      <c r="BO1991" s="53">
        <v>729166.66666666605</v>
      </c>
      <c r="BP1991" s="53">
        <v>729166.66666666605</v>
      </c>
      <c r="BQ1991" s="53">
        <v>729166.66666666605</v>
      </c>
      <c r="BR1991" s="53">
        <v>729166.66666666605</v>
      </c>
      <c r="BS1991" s="53">
        <v>729166.66666666605</v>
      </c>
      <c r="BT1991" s="53">
        <v>729166.66666666605</v>
      </c>
      <c r="BU1991" s="53">
        <v>729166.66666666605</v>
      </c>
      <c r="BV1991" s="53">
        <v>729166.66666666605</v>
      </c>
      <c r="BW1991" s="53">
        <v>729166.66666666605</v>
      </c>
      <c r="BX1991" s="53">
        <v>729166.66666666605</v>
      </c>
      <c r="BY1991" s="53">
        <v>729166.66666666605</v>
      </c>
      <c r="BZ1991" s="53">
        <v>729166.66666666605</v>
      </c>
      <c r="CA1991" s="53">
        <v>8750000</v>
      </c>
      <c r="CB1991" s="53">
        <v>106064222.477661</v>
      </c>
      <c r="CC1991" s="53">
        <v>137502944.28917</v>
      </c>
      <c r="CD1991" s="53">
        <v>162150446.94007999</v>
      </c>
      <c r="CE1991" s="53">
        <v>176533909.88520601</v>
      </c>
      <c r="CF1991" s="53">
        <v>193708548.97980401</v>
      </c>
      <c r="CG1991" s="53">
        <v>237650808.45605499</v>
      </c>
      <c r="CH1991" s="53">
        <v>256139561.82599899</v>
      </c>
      <c r="CI1991" s="53">
        <v>312443588.18587101</v>
      </c>
      <c r="CJ1991" s="53">
        <v>369055404.82477599</v>
      </c>
      <c r="CK1991" s="53">
        <v>354400647.84864599</v>
      </c>
      <c r="CL1991" s="53">
        <v>391746804.850519</v>
      </c>
      <c r="CM1991" s="53">
        <v>190627239.05194899</v>
      </c>
      <c r="CN1991" s="53">
        <v>106064222.477661</v>
      </c>
    </row>
    <row r="1992" spans="1:92" outlineLevel="1">
      <c r="A1992" s="52" t="s">
        <v>729</v>
      </c>
      <c r="B1992" s="53">
        <v>1300000</v>
      </c>
      <c r="C1992" s="53">
        <v>1300000</v>
      </c>
      <c r="D1992" s="53">
        <v>1300000</v>
      </c>
      <c r="E1992" s="53">
        <v>1300000</v>
      </c>
      <c r="F1992" s="53">
        <v>1300000</v>
      </c>
      <c r="G1992" s="53">
        <v>1300000</v>
      </c>
      <c r="H1992" s="53">
        <v>1300000</v>
      </c>
      <c r="I1992" s="53">
        <v>1300000</v>
      </c>
      <c r="J1992" s="53">
        <v>1300000</v>
      </c>
      <c r="K1992" s="53">
        <v>1300000</v>
      </c>
      <c r="L1992" s="53">
        <v>1300000</v>
      </c>
      <c r="M1992" s="53">
        <v>1300000</v>
      </c>
      <c r="N1992" s="53">
        <v>15600000</v>
      </c>
      <c r="O1992" s="53">
        <v>1300000</v>
      </c>
      <c r="P1992" s="53">
        <v>1300000</v>
      </c>
      <c r="Q1992" s="53">
        <v>1300000</v>
      </c>
      <c r="R1992" s="53">
        <v>1300000</v>
      </c>
      <c r="S1992" s="53">
        <v>1300000</v>
      </c>
      <c r="T1992" s="53">
        <v>1300000</v>
      </c>
      <c r="U1992" s="53">
        <v>1300000</v>
      </c>
      <c r="V1992" s="53">
        <v>1300000</v>
      </c>
      <c r="W1992" s="53">
        <v>1300000</v>
      </c>
      <c r="X1992" s="53">
        <v>1300000</v>
      </c>
      <c r="Y1992" s="53">
        <v>1300000</v>
      </c>
      <c r="Z1992" s="53">
        <v>1300000</v>
      </c>
      <c r="AA1992" s="53">
        <v>15600000</v>
      </c>
      <c r="AB1992" s="53">
        <v>1300000</v>
      </c>
      <c r="AC1992" s="53">
        <v>1300000</v>
      </c>
      <c r="AD1992" s="53">
        <v>1300000</v>
      </c>
      <c r="AE1992" s="53">
        <v>1300000</v>
      </c>
      <c r="AF1992" s="53">
        <v>1300000</v>
      </c>
      <c r="AG1992" s="53">
        <v>1300000</v>
      </c>
      <c r="AH1992" s="53">
        <v>1300000</v>
      </c>
      <c r="AI1992" s="53">
        <v>1300000</v>
      </c>
      <c r="AJ1992" s="53">
        <v>1300000</v>
      </c>
      <c r="AK1992" s="53">
        <v>1300000</v>
      </c>
      <c r="AL1992" s="53">
        <v>1300000</v>
      </c>
      <c r="AM1992" s="53">
        <v>1300000</v>
      </c>
      <c r="AN1992" s="53">
        <v>15600000</v>
      </c>
      <c r="AO1992" s="53">
        <v>1300000</v>
      </c>
      <c r="AP1992" s="53">
        <v>1300000</v>
      </c>
      <c r="AQ1992" s="53">
        <v>1300000</v>
      </c>
      <c r="AR1992" s="53">
        <v>1300000</v>
      </c>
      <c r="AS1992" s="53">
        <v>1300000</v>
      </c>
      <c r="AT1992" s="53">
        <v>1300000</v>
      </c>
      <c r="AU1992" s="53">
        <v>1300000</v>
      </c>
      <c r="AV1992" s="53">
        <v>1300000</v>
      </c>
      <c r="AW1992" s="53">
        <v>1300000</v>
      </c>
      <c r="AX1992" s="53">
        <v>1300000</v>
      </c>
      <c r="AY1992" s="53">
        <v>1300000</v>
      </c>
      <c r="AZ1992" s="53">
        <v>1300000</v>
      </c>
      <c r="BA1992" s="53">
        <v>15600000</v>
      </c>
      <c r="BB1992" s="53">
        <v>1300000</v>
      </c>
      <c r="BC1992" s="53">
        <v>1300000</v>
      </c>
      <c r="BD1992" s="53">
        <v>1300000</v>
      </c>
      <c r="BE1992" s="53">
        <v>1300000</v>
      </c>
      <c r="BF1992" s="53">
        <v>1300000</v>
      </c>
      <c r="BG1992" s="53">
        <v>1300000</v>
      </c>
      <c r="BH1992" s="53">
        <v>1300000</v>
      </c>
      <c r="BI1992" s="53">
        <v>1300000</v>
      </c>
      <c r="BJ1992" s="53">
        <v>1300000</v>
      </c>
      <c r="BK1992" s="53">
        <v>1300000</v>
      </c>
      <c r="BL1992" s="53">
        <v>1300000</v>
      </c>
      <c r="BM1992" s="53">
        <v>1300000</v>
      </c>
      <c r="BN1992" s="53">
        <v>15600000</v>
      </c>
      <c r="BO1992" s="53">
        <v>1300000</v>
      </c>
      <c r="BP1992" s="53">
        <v>1300000</v>
      </c>
      <c r="BQ1992" s="53">
        <v>1300000</v>
      </c>
      <c r="BR1992" s="53">
        <v>1300000</v>
      </c>
      <c r="BS1992" s="53">
        <v>1300000</v>
      </c>
      <c r="BT1992" s="53">
        <v>1300000</v>
      </c>
      <c r="BU1992" s="53">
        <v>1300000</v>
      </c>
      <c r="BV1992" s="53">
        <v>1300000</v>
      </c>
      <c r="BW1992" s="53">
        <v>1300000</v>
      </c>
      <c r="BX1992" s="53">
        <v>1300000</v>
      </c>
      <c r="BY1992" s="53">
        <v>1300000</v>
      </c>
      <c r="BZ1992" s="53">
        <v>1300000</v>
      </c>
      <c r="CA1992" s="53">
        <v>15600000</v>
      </c>
      <c r="CB1992" s="53"/>
      <c r="CC1992" s="53"/>
      <c r="CD1992" s="53"/>
      <c r="CE1992" s="53"/>
      <c r="CF1992" s="53"/>
      <c r="CG1992" s="53"/>
      <c r="CH1992" s="53"/>
      <c r="CI1992" s="53"/>
      <c r="CJ1992" s="53"/>
      <c r="CK1992" s="53"/>
      <c r="CL1992" s="53"/>
      <c r="CM1992" s="53"/>
      <c r="CN1992" s="53"/>
    </row>
    <row r="1993" spans="1:92" outlineLevel="1">
      <c r="A1993" s="52" t="s">
        <v>730</v>
      </c>
      <c r="B1993" s="53">
        <v>1249999.99999999</v>
      </c>
      <c r="C1993" s="53">
        <v>1249999.99999999</v>
      </c>
      <c r="D1993" s="53">
        <v>1249999.99999999</v>
      </c>
      <c r="E1993" s="53">
        <v>1249999.99999999</v>
      </c>
      <c r="F1993" s="53">
        <v>1249999.99999999</v>
      </c>
      <c r="G1993" s="53">
        <v>1249999.99999999</v>
      </c>
      <c r="H1993" s="53">
        <v>1249999.99999999</v>
      </c>
      <c r="I1993" s="53">
        <v>1249999.99999999</v>
      </c>
      <c r="J1993" s="53">
        <v>1249999.99999999</v>
      </c>
      <c r="K1993" s="53">
        <v>1249999.99999999</v>
      </c>
      <c r="L1993" s="53">
        <v>1249999.99999999</v>
      </c>
      <c r="M1993" s="53">
        <v>1249999.99999999</v>
      </c>
      <c r="N1993" s="53">
        <v>14999999.999999899</v>
      </c>
      <c r="O1993" s="53">
        <v>1249999.99999999</v>
      </c>
      <c r="P1993" s="53">
        <v>1249999.99999999</v>
      </c>
      <c r="Q1993" s="53">
        <v>1249999.99999999</v>
      </c>
      <c r="R1993" s="53">
        <v>1249999.99999999</v>
      </c>
      <c r="S1993" s="53">
        <v>1249999.99999999</v>
      </c>
      <c r="T1993" s="53">
        <v>1249999.99999999</v>
      </c>
      <c r="U1993" s="53">
        <v>1249999.99999999</v>
      </c>
      <c r="V1993" s="53">
        <v>1249999.99999999</v>
      </c>
      <c r="W1993" s="53">
        <v>1249999.99999999</v>
      </c>
      <c r="X1993" s="53">
        <v>1249999.99999999</v>
      </c>
      <c r="Y1993" s="53">
        <v>1249999.99999999</v>
      </c>
      <c r="Z1993" s="53">
        <v>1249999.99999999</v>
      </c>
      <c r="AA1993" s="53">
        <v>14999999.999999899</v>
      </c>
      <c r="AB1993" s="53">
        <v>1249999.99999999</v>
      </c>
      <c r="AC1993" s="53">
        <v>1249999.99999999</v>
      </c>
      <c r="AD1993" s="53">
        <v>1249999.99999999</v>
      </c>
      <c r="AE1993" s="53">
        <v>1249999.99999999</v>
      </c>
      <c r="AF1993" s="53">
        <v>1249999.99999999</v>
      </c>
      <c r="AG1993" s="53">
        <v>1249999.99999999</v>
      </c>
      <c r="AH1993" s="53">
        <v>1249999.99999999</v>
      </c>
      <c r="AI1993" s="53">
        <v>1249999.99999999</v>
      </c>
      <c r="AJ1993" s="53">
        <v>1249999.99999999</v>
      </c>
      <c r="AK1993" s="53">
        <v>1249999.99999999</v>
      </c>
      <c r="AL1993" s="53">
        <v>1249999.99999999</v>
      </c>
      <c r="AM1993" s="53">
        <v>1249999.99999999</v>
      </c>
      <c r="AN1993" s="53">
        <v>14999999.999999899</v>
      </c>
      <c r="AO1993" s="53">
        <v>1249999.99999999</v>
      </c>
      <c r="AP1993" s="53">
        <v>1249999.99999999</v>
      </c>
      <c r="AQ1993" s="53">
        <v>1249999.99999999</v>
      </c>
      <c r="AR1993" s="53">
        <v>1249999.99999999</v>
      </c>
      <c r="AS1993" s="53">
        <v>1249999.99999999</v>
      </c>
      <c r="AT1993" s="53">
        <v>1249999.99999999</v>
      </c>
      <c r="AU1993" s="53">
        <v>1249999.99999999</v>
      </c>
      <c r="AV1993" s="53">
        <v>1249999.99999999</v>
      </c>
      <c r="AW1993" s="53">
        <v>1249999.99999999</v>
      </c>
      <c r="AX1993" s="53">
        <v>1249999.99999999</v>
      </c>
      <c r="AY1993" s="53">
        <v>1249999.99999999</v>
      </c>
      <c r="AZ1993" s="53">
        <v>1249999.99999999</v>
      </c>
      <c r="BA1993" s="53">
        <v>14999999.999999899</v>
      </c>
      <c r="BB1993" s="53">
        <v>1249999.99999999</v>
      </c>
      <c r="BC1993" s="53">
        <v>1249999.99999999</v>
      </c>
      <c r="BD1993" s="53">
        <v>1249999.99999999</v>
      </c>
      <c r="BE1993" s="53">
        <v>1249999.99999999</v>
      </c>
      <c r="BF1993" s="53">
        <v>1249999.99999999</v>
      </c>
      <c r="BG1993" s="53">
        <v>1249999.99999999</v>
      </c>
      <c r="BH1993" s="53">
        <v>1249999.99999999</v>
      </c>
      <c r="BI1993" s="53">
        <v>1249999.99999999</v>
      </c>
      <c r="BJ1993" s="53">
        <v>1249999.99999999</v>
      </c>
      <c r="BK1993" s="53">
        <v>1249999.99999999</v>
      </c>
      <c r="BL1993" s="53">
        <v>1249999.99999999</v>
      </c>
      <c r="BM1993" s="53">
        <v>1249999.99999999</v>
      </c>
      <c r="BN1993" s="53">
        <v>14999999.999999899</v>
      </c>
      <c r="BO1993" s="53">
        <v>1249999.99999999</v>
      </c>
      <c r="BP1993" s="53">
        <v>1249999.99999999</v>
      </c>
      <c r="BQ1993" s="53">
        <v>1249999.99999999</v>
      </c>
      <c r="BR1993" s="53">
        <v>1249999.99999999</v>
      </c>
      <c r="BS1993" s="53">
        <v>1249999.99999999</v>
      </c>
      <c r="BT1993" s="53">
        <v>1249999.99999999</v>
      </c>
      <c r="BU1993" s="53">
        <v>1249999.99999999</v>
      </c>
      <c r="BV1993" s="53">
        <v>1249999.99999999</v>
      </c>
      <c r="BW1993" s="53">
        <v>1249999.99999999</v>
      </c>
      <c r="BX1993" s="53">
        <v>1249999.99999999</v>
      </c>
      <c r="BY1993" s="53">
        <v>1249999.99999999</v>
      </c>
      <c r="BZ1993" s="53">
        <v>1249999.99999999</v>
      </c>
      <c r="CA1993" s="53">
        <v>14999999.999999899</v>
      </c>
      <c r="CB1993" s="53"/>
      <c r="CC1993" s="53"/>
      <c r="CD1993" s="53"/>
      <c r="CE1993" s="53"/>
      <c r="CF1993" s="53"/>
      <c r="CG1993" s="53"/>
      <c r="CH1993" s="53"/>
      <c r="CI1993" s="53"/>
      <c r="CJ1993" s="53"/>
      <c r="CK1993" s="53"/>
      <c r="CL1993" s="53"/>
      <c r="CM1993" s="53"/>
      <c r="CN1993" s="53"/>
    </row>
    <row r="1994" spans="1:92" outlineLevel="1">
      <c r="A1994" s="52" t="s">
        <v>1564</v>
      </c>
      <c r="B1994" s="53"/>
      <c r="C1994" s="53"/>
      <c r="D1994" s="53"/>
      <c r="E1994" s="53"/>
      <c r="F1994" s="53"/>
      <c r="G1994" s="53"/>
      <c r="H1994" s="53"/>
      <c r="I1994" s="53"/>
      <c r="J1994" s="53"/>
      <c r="K1994" s="53">
        <v>1718279.56989247</v>
      </c>
      <c r="L1994" s="53">
        <v>3133333.3333333302</v>
      </c>
      <c r="M1994" s="53">
        <v>3133333.3333333302</v>
      </c>
      <c r="N1994" s="53">
        <v>7984946.2365591303</v>
      </c>
      <c r="O1994" s="53">
        <v>3433333.3333333302</v>
      </c>
      <c r="P1994" s="53">
        <v>3433333.3333333302</v>
      </c>
      <c r="Q1994" s="53">
        <v>3433333.3333333302</v>
      </c>
      <c r="R1994" s="53">
        <v>3433333.3333333302</v>
      </c>
      <c r="S1994" s="53">
        <v>3433333.3333333302</v>
      </c>
      <c r="T1994" s="53">
        <v>3433333.3333333302</v>
      </c>
      <c r="U1994" s="53">
        <v>3300000</v>
      </c>
      <c r="V1994" s="53">
        <v>3300000</v>
      </c>
      <c r="W1994" s="53">
        <v>3300000</v>
      </c>
      <c r="X1994" s="53">
        <v>3300000</v>
      </c>
      <c r="Y1994" s="53">
        <v>3300000</v>
      </c>
      <c r="Z1994" s="53">
        <v>3300000</v>
      </c>
      <c r="AA1994" s="53">
        <v>40400000</v>
      </c>
      <c r="AB1994" s="53">
        <v>2933333.3333333302</v>
      </c>
      <c r="AC1994" s="53">
        <v>2933333.3333333302</v>
      </c>
      <c r="AD1994" s="53">
        <v>2933333.3333333302</v>
      </c>
      <c r="AE1994" s="53">
        <v>1368888.8888888799</v>
      </c>
      <c r="AF1994" s="53"/>
      <c r="AG1994" s="53"/>
      <c r="AH1994" s="53"/>
      <c r="AI1994" s="53"/>
      <c r="AJ1994" s="53"/>
      <c r="AK1994" s="53"/>
      <c r="AL1994" s="53"/>
      <c r="AM1994" s="53"/>
      <c r="AN1994" s="53">
        <v>10168888.888888801</v>
      </c>
      <c r="AO1994" s="53"/>
      <c r="AP1994" s="53"/>
      <c r="AQ1994" s="53"/>
      <c r="AR1994" s="53"/>
      <c r="AS1994" s="53"/>
      <c r="AT1994" s="53"/>
      <c r="AU1994" s="53"/>
      <c r="AV1994" s="53"/>
      <c r="AW1994" s="53"/>
      <c r="AX1994" s="53"/>
      <c r="AY1994" s="53"/>
      <c r="AZ1994" s="53"/>
      <c r="BA1994" s="53"/>
      <c r="BB1994" s="53"/>
      <c r="BC1994" s="53"/>
      <c r="BD1994" s="53"/>
      <c r="BE1994" s="53"/>
      <c r="BF1994" s="53"/>
      <c r="BG1994" s="53"/>
      <c r="BH1994" s="53"/>
      <c r="BI1994" s="53"/>
      <c r="BJ1994" s="53"/>
      <c r="BK1994" s="53"/>
      <c r="BL1994" s="53"/>
      <c r="BM1994" s="53"/>
      <c r="BN1994" s="53"/>
      <c r="BO1994" s="53"/>
      <c r="BP1994" s="53"/>
      <c r="BQ1994" s="53"/>
      <c r="BR1994" s="53"/>
      <c r="BS1994" s="53"/>
      <c r="BT1994" s="53"/>
      <c r="BU1994" s="53"/>
      <c r="BV1994" s="53"/>
      <c r="BW1994" s="53"/>
      <c r="BX1994" s="53"/>
      <c r="BY1994" s="53"/>
      <c r="BZ1994" s="53"/>
      <c r="CA1994" s="53"/>
      <c r="CB1994" s="53"/>
      <c r="CC1994" s="53"/>
      <c r="CD1994" s="53"/>
      <c r="CE1994" s="53"/>
      <c r="CF1994" s="53"/>
      <c r="CG1994" s="53"/>
      <c r="CH1994" s="53"/>
      <c r="CI1994" s="53"/>
      <c r="CJ1994" s="53"/>
      <c r="CK1994" s="53"/>
      <c r="CL1994" s="53"/>
      <c r="CM1994" s="53"/>
      <c r="CN1994" s="53"/>
    </row>
    <row r="1995" spans="1:92" outlineLevel="1">
      <c r="A1995" s="52" t="s">
        <v>1565</v>
      </c>
      <c r="B1995" s="53"/>
      <c r="C1995" s="53"/>
      <c r="D1995" s="53"/>
      <c r="E1995" s="53"/>
      <c r="F1995" s="53"/>
      <c r="G1995" s="53"/>
      <c r="H1995" s="53"/>
      <c r="I1995" s="53"/>
      <c r="J1995" s="53"/>
      <c r="K1995" s="53"/>
      <c r="L1995" s="53">
        <v>1652777.7777777701</v>
      </c>
      <c r="M1995" s="53">
        <v>2479166.66666666</v>
      </c>
      <c r="N1995" s="53">
        <v>4131944.4444444398</v>
      </c>
      <c r="O1995" s="53">
        <v>2479166.66666666</v>
      </c>
      <c r="P1995" s="53">
        <v>2479166.66666666</v>
      </c>
      <c r="Q1995" s="53">
        <v>2479166.66666666</v>
      </c>
      <c r="R1995" s="53">
        <v>2479166.66666666</v>
      </c>
      <c r="S1995" s="53">
        <v>2479166.66666666</v>
      </c>
      <c r="T1995" s="53">
        <v>2479166.66666666</v>
      </c>
      <c r="U1995" s="53">
        <v>2479166.66666666</v>
      </c>
      <c r="V1995" s="53">
        <v>2479166.66666666</v>
      </c>
      <c r="W1995" s="53">
        <v>2479166.66666666</v>
      </c>
      <c r="X1995" s="53">
        <v>2479166.66666666</v>
      </c>
      <c r="Y1995" s="53">
        <v>2479166.66666666</v>
      </c>
      <c r="Z1995" s="53">
        <v>2479166.66666666</v>
      </c>
      <c r="AA1995" s="53">
        <v>29750000</v>
      </c>
      <c r="AB1995" s="53">
        <v>2479166.66666666</v>
      </c>
      <c r="AC1995" s="53">
        <v>2479166.66666666</v>
      </c>
      <c r="AD1995" s="53">
        <v>2479166.66666666</v>
      </c>
      <c r="AE1995" s="53">
        <v>2479166.66666666</v>
      </c>
      <c r="AF1995" s="53">
        <v>2479166.66666666</v>
      </c>
      <c r="AG1995" s="53">
        <v>2479166.66666666</v>
      </c>
      <c r="AH1995" s="53">
        <v>2479166.66666666</v>
      </c>
      <c r="AI1995" s="53">
        <v>2479166.66666666</v>
      </c>
      <c r="AJ1995" s="53">
        <v>2479166.66666666</v>
      </c>
      <c r="AK1995" s="53">
        <v>2479166.66666666</v>
      </c>
      <c r="AL1995" s="53">
        <v>2479166.66666666</v>
      </c>
      <c r="AM1995" s="53">
        <v>2479166.66666666</v>
      </c>
      <c r="AN1995" s="53">
        <v>29750000</v>
      </c>
      <c r="AO1995" s="53">
        <v>2479166.66666666</v>
      </c>
      <c r="AP1995" s="53">
        <v>2479166.66666666</v>
      </c>
      <c r="AQ1995" s="53">
        <v>2479166.66666666</v>
      </c>
      <c r="AR1995" s="53">
        <v>2479166.66666666</v>
      </c>
      <c r="AS1995" s="53">
        <v>2479166.66666666</v>
      </c>
      <c r="AT1995" s="53">
        <v>2479166.66666666</v>
      </c>
      <c r="AU1995" s="53">
        <v>2479166.66666666</v>
      </c>
      <c r="AV1995" s="53">
        <v>2479166.66666666</v>
      </c>
      <c r="AW1995" s="53">
        <v>2479166.66666666</v>
      </c>
      <c r="AX1995" s="53">
        <v>2479166.66666666</v>
      </c>
      <c r="AY1995" s="53">
        <v>2479166.66666666</v>
      </c>
      <c r="AZ1995" s="53">
        <v>2479166.66666666</v>
      </c>
      <c r="BA1995" s="53">
        <v>29750000</v>
      </c>
      <c r="BB1995" s="53">
        <v>2479166.66666666</v>
      </c>
      <c r="BC1995" s="53">
        <v>2479166.66666666</v>
      </c>
      <c r="BD1995" s="53">
        <v>2479166.66666666</v>
      </c>
      <c r="BE1995" s="53">
        <v>2479166.66666666</v>
      </c>
      <c r="BF1995" s="53">
        <v>2479166.66666666</v>
      </c>
      <c r="BG1995" s="53">
        <v>2479166.66666666</v>
      </c>
      <c r="BH1995" s="53">
        <v>2479166.66666666</v>
      </c>
      <c r="BI1995" s="53">
        <v>2479166.66666666</v>
      </c>
      <c r="BJ1995" s="53">
        <v>2479166.66666666</v>
      </c>
      <c r="BK1995" s="53">
        <v>2479166.66666666</v>
      </c>
      <c r="BL1995" s="53">
        <v>2479166.66666666</v>
      </c>
      <c r="BM1995" s="53">
        <v>2479166.66666666</v>
      </c>
      <c r="BN1995" s="53">
        <v>29750000</v>
      </c>
      <c r="BO1995" s="53">
        <v>2479166.66666666</v>
      </c>
      <c r="BP1995" s="53">
        <v>2479166.66666666</v>
      </c>
      <c r="BQ1995" s="53">
        <v>2479166.66666666</v>
      </c>
      <c r="BR1995" s="53">
        <v>2479166.66666666</v>
      </c>
      <c r="BS1995" s="53">
        <v>2479166.66666666</v>
      </c>
      <c r="BT1995" s="53">
        <v>2479166.66666666</v>
      </c>
      <c r="BU1995" s="53">
        <v>2479166.66666666</v>
      </c>
      <c r="BV1995" s="53">
        <v>2479166.66666666</v>
      </c>
      <c r="BW1995" s="53">
        <v>2479166.66666666</v>
      </c>
      <c r="BX1995" s="53">
        <v>2479166.66666666</v>
      </c>
      <c r="BY1995" s="53">
        <v>2479166.66666666</v>
      </c>
      <c r="BZ1995" s="53">
        <v>2479166.66666666</v>
      </c>
      <c r="CA1995" s="53">
        <v>29750000</v>
      </c>
      <c r="CB1995" s="53"/>
      <c r="CC1995" s="53"/>
      <c r="CD1995" s="53"/>
      <c r="CE1995" s="53"/>
      <c r="CF1995" s="53"/>
      <c r="CG1995" s="53"/>
      <c r="CH1995" s="53"/>
      <c r="CI1995" s="53"/>
      <c r="CJ1995" s="53"/>
      <c r="CK1995" s="53"/>
      <c r="CL1995" s="53">
        <v>-224995855.50060099</v>
      </c>
      <c r="CM1995" s="53"/>
      <c r="CN1995" s="53">
        <v>-224995855.50060099</v>
      </c>
    </row>
    <row r="1996" spans="1:92" outlineLevel="1">
      <c r="A1996" s="59" t="s">
        <v>1568</v>
      </c>
      <c r="B1996" s="53">
        <v>62602418.390000001</v>
      </c>
      <c r="C1996" s="53">
        <v>82199344.060000002</v>
      </c>
      <c r="D1996" s="53">
        <v>84475123.200000003</v>
      </c>
      <c r="E1996" s="53">
        <v>89148466.079999998</v>
      </c>
      <c r="F1996" s="53">
        <v>106234598.06999999</v>
      </c>
      <c r="G1996" s="53">
        <v>71941910.75</v>
      </c>
      <c r="H1996" s="53">
        <v>65862830.409999996</v>
      </c>
      <c r="I1996" s="53">
        <v>81919879.209999993</v>
      </c>
      <c r="J1996" s="53">
        <v>82102487.890000001</v>
      </c>
      <c r="K1996" s="53">
        <v>87634530.019999996</v>
      </c>
      <c r="L1996" s="53">
        <v>110054888.89</v>
      </c>
      <c r="M1996" s="53">
        <v>80333846.090000004</v>
      </c>
      <c r="N1996" s="53">
        <v>80333846.090000004</v>
      </c>
      <c r="O1996" s="53">
        <v>77628097.645555496</v>
      </c>
      <c r="P1996" s="53">
        <v>99376014.312222198</v>
      </c>
      <c r="Q1996" s="53">
        <v>103673930.645555</v>
      </c>
      <c r="R1996" s="53">
        <v>110396848.09</v>
      </c>
      <c r="S1996" s="53">
        <v>114219070.756666</v>
      </c>
      <c r="T1996" s="53">
        <v>80604487.645555496</v>
      </c>
      <c r="U1996" s="53">
        <v>77080807.090000004</v>
      </c>
      <c r="V1996" s="53">
        <v>98828723.756666705</v>
      </c>
      <c r="W1996" s="53">
        <v>103126640.423333</v>
      </c>
      <c r="X1996" s="53">
        <v>109849557.09</v>
      </c>
      <c r="Y1996" s="53">
        <v>114084973.756666</v>
      </c>
      <c r="Z1996" s="53">
        <v>80470390.423333302</v>
      </c>
      <c r="AA1996" s="53">
        <v>80470390.423333302</v>
      </c>
      <c r="AB1996" s="53">
        <v>76674279.312222198</v>
      </c>
      <c r="AC1996" s="53">
        <v>98422195.978888899</v>
      </c>
      <c r="AD1996" s="53">
        <v>102720112.645555</v>
      </c>
      <c r="AE1996" s="53">
        <v>106607473.756666</v>
      </c>
      <c r="AF1996" s="53">
        <v>110842890.423333</v>
      </c>
      <c r="AG1996" s="53">
        <v>77228307.090000004</v>
      </c>
      <c r="AH1996" s="53">
        <v>73838723.756666705</v>
      </c>
      <c r="AI1996" s="53">
        <v>95586640.423333406</v>
      </c>
      <c r="AJ1996" s="53">
        <v>99884557.090000004</v>
      </c>
      <c r="AK1996" s="53">
        <v>106607473.756666</v>
      </c>
      <c r="AL1996" s="53">
        <v>110842890.423333</v>
      </c>
      <c r="AM1996" s="53">
        <v>77228307.090000093</v>
      </c>
      <c r="AN1996" s="53">
        <v>77228307.090000093</v>
      </c>
      <c r="AO1996" s="53">
        <v>73760598.756666705</v>
      </c>
      <c r="AP1996" s="53">
        <v>95508515.423333406</v>
      </c>
      <c r="AQ1996" s="53">
        <v>99806432.090000093</v>
      </c>
      <c r="AR1996" s="53">
        <v>106529348.756666</v>
      </c>
      <c r="AS1996" s="53">
        <v>110764765.423333</v>
      </c>
      <c r="AT1996" s="53">
        <v>77150182.090000093</v>
      </c>
      <c r="AU1996" s="53">
        <v>73760598.756666794</v>
      </c>
      <c r="AV1996" s="53">
        <v>95508515.423333406</v>
      </c>
      <c r="AW1996" s="53">
        <v>99806432.090000093</v>
      </c>
      <c r="AX1996" s="53">
        <v>106529348.756666</v>
      </c>
      <c r="AY1996" s="53">
        <v>110764765.423333</v>
      </c>
      <c r="AZ1996" s="53">
        <v>77150182.090000093</v>
      </c>
      <c r="BA1996" s="53">
        <v>77150182.090000093</v>
      </c>
      <c r="BB1996" s="53">
        <v>73750182.090000093</v>
      </c>
      <c r="BC1996" s="53">
        <v>95498098.756666794</v>
      </c>
      <c r="BD1996" s="53">
        <v>99796015.423333496</v>
      </c>
      <c r="BE1996" s="53">
        <v>106518932.09</v>
      </c>
      <c r="BF1996" s="53">
        <v>110754348.756666</v>
      </c>
      <c r="BG1996" s="53">
        <v>77139765.423333496</v>
      </c>
      <c r="BH1996" s="53">
        <v>73750182.090000197</v>
      </c>
      <c r="BI1996" s="53">
        <v>95498098.756666794</v>
      </c>
      <c r="BJ1996" s="53">
        <v>99796015.423333496</v>
      </c>
      <c r="BK1996" s="53">
        <v>106518932.09</v>
      </c>
      <c r="BL1996" s="53">
        <v>110754348.756666</v>
      </c>
      <c r="BM1996" s="53">
        <v>77139765.423333496</v>
      </c>
      <c r="BN1996" s="53">
        <v>77139765.423333496</v>
      </c>
      <c r="BO1996" s="53">
        <v>72888723.756666794</v>
      </c>
      <c r="BP1996" s="53">
        <v>92903307.090000197</v>
      </c>
      <c r="BQ1996" s="53">
        <v>95467890.423333496</v>
      </c>
      <c r="BR1996" s="53">
        <v>100457473.756666</v>
      </c>
      <c r="BS1996" s="53">
        <v>102959557.09</v>
      </c>
      <c r="BT1996" s="53">
        <v>67611640.423333496</v>
      </c>
      <c r="BU1996" s="53">
        <v>72888723.756666899</v>
      </c>
      <c r="BV1996" s="53">
        <v>92903307.090000197</v>
      </c>
      <c r="BW1996" s="53">
        <v>95467890.423333496</v>
      </c>
      <c r="BX1996" s="53">
        <v>100457473.756666</v>
      </c>
      <c r="BY1996" s="53">
        <v>102959557.09</v>
      </c>
      <c r="BZ1996" s="53">
        <v>67611640.423333496</v>
      </c>
      <c r="CA1996" s="53">
        <v>67611640.423333496</v>
      </c>
      <c r="CB1996" s="53"/>
      <c r="CC1996" s="53"/>
      <c r="CD1996" s="53"/>
      <c r="CE1996" s="53"/>
      <c r="CF1996" s="53"/>
      <c r="CG1996" s="53"/>
      <c r="CH1996" s="53"/>
      <c r="CI1996" s="53"/>
      <c r="CJ1996" s="53"/>
      <c r="CK1996" s="53"/>
      <c r="CL1996" s="53"/>
      <c r="CM1996" s="53"/>
      <c r="CN1996" s="53"/>
    </row>
    <row r="1997" spans="1:92" outlineLevel="1">
      <c r="A1997" s="52" t="s">
        <v>1569</v>
      </c>
      <c r="B1997" s="53"/>
      <c r="C1997" s="53"/>
      <c r="D1997" s="53"/>
      <c r="E1997" s="53"/>
      <c r="F1997" s="53"/>
      <c r="G1997" s="53"/>
      <c r="H1997" s="53"/>
      <c r="I1997" s="53"/>
      <c r="J1997" s="53"/>
      <c r="K1997" s="53"/>
      <c r="L1997" s="53"/>
      <c r="M1997" s="53"/>
      <c r="N1997" s="53"/>
      <c r="O1997" s="53"/>
      <c r="P1997" s="53"/>
      <c r="Q1997" s="53"/>
      <c r="R1997" s="53"/>
      <c r="S1997" s="53"/>
      <c r="T1997" s="53"/>
      <c r="U1997" s="53"/>
      <c r="V1997" s="53"/>
      <c r="W1997" s="53"/>
      <c r="X1997" s="53"/>
      <c r="Y1997" s="53"/>
      <c r="Z1997" s="53"/>
      <c r="AA1997" s="53"/>
      <c r="AB1997" s="53"/>
      <c r="AC1997" s="53"/>
      <c r="AD1997" s="53"/>
      <c r="AE1997" s="53"/>
      <c r="AF1997" s="53"/>
      <c r="AG1997" s="53"/>
      <c r="AH1997" s="53"/>
      <c r="AI1997" s="53"/>
      <c r="AJ1997" s="53"/>
      <c r="AK1997" s="53"/>
      <c r="AL1997" s="53"/>
      <c r="AM1997" s="53"/>
      <c r="AN1997" s="53"/>
      <c r="AO1997" s="53"/>
      <c r="AP1997" s="53"/>
      <c r="AQ1997" s="53"/>
      <c r="AR1997" s="53"/>
      <c r="AS1997" s="53"/>
      <c r="AT1997" s="53"/>
      <c r="AU1997" s="53"/>
      <c r="AV1997" s="53"/>
      <c r="AW1997" s="53"/>
      <c r="AX1997" s="53"/>
      <c r="AY1997" s="53"/>
      <c r="AZ1997" s="53"/>
      <c r="BA1997" s="53"/>
      <c r="BB1997" s="53"/>
      <c r="BC1997" s="53"/>
      <c r="BD1997" s="53"/>
      <c r="BE1997" s="53"/>
      <c r="BF1997" s="53"/>
      <c r="BG1997" s="53"/>
      <c r="BH1997" s="53"/>
      <c r="BI1997" s="53"/>
      <c r="BJ1997" s="53"/>
      <c r="BK1997" s="53"/>
      <c r="BL1997" s="53"/>
      <c r="BM1997" s="53"/>
      <c r="BN1997" s="53"/>
      <c r="BO1997" s="53"/>
      <c r="BP1997" s="53"/>
      <c r="BQ1997" s="53"/>
      <c r="BR1997" s="53"/>
      <c r="BS1997" s="53"/>
      <c r="BT1997" s="53"/>
      <c r="BU1997" s="53"/>
      <c r="BV1997" s="53"/>
      <c r="BW1997" s="53"/>
      <c r="BX1997" s="53"/>
      <c r="BY1997" s="53"/>
      <c r="BZ1997" s="53"/>
      <c r="CA1997" s="53"/>
      <c r="CB1997" s="53"/>
      <c r="CC1997" s="53"/>
      <c r="CD1997" s="53"/>
      <c r="CE1997" s="53"/>
      <c r="CF1997" s="53"/>
      <c r="CG1997" s="53"/>
      <c r="CH1997" s="53"/>
      <c r="CI1997" s="53"/>
      <c r="CJ1997" s="53"/>
      <c r="CK1997" s="53"/>
      <c r="CL1997" s="53"/>
      <c r="CM1997" s="53"/>
      <c r="CN1997" s="53"/>
    </row>
    <row r="1998" spans="1:92" outlineLevel="1">
      <c r="A1998" s="52" t="s">
        <v>1570</v>
      </c>
      <c r="B1998" s="53">
        <v>0</v>
      </c>
      <c r="C1998" s="53">
        <v>0</v>
      </c>
      <c r="D1998" s="53">
        <v>0</v>
      </c>
      <c r="E1998" s="53">
        <v>0</v>
      </c>
      <c r="F1998" s="53">
        <v>0</v>
      </c>
      <c r="G1998" s="53">
        <v>0</v>
      </c>
      <c r="H1998" s="53">
        <v>0</v>
      </c>
      <c r="I1998" s="53">
        <v>0</v>
      </c>
      <c r="J1998" s="53">
        <v>0</v>
      </c>
      <c r="K1998" s="53">
        <v>0</v>
      </c>
      <c r="L1998" s="53">
        <v>0</v>
      </c>
      <c r="M1998" s="53">
        <v>0</v>
      </c>
      <c r="N1998" s="53">
        <v>0</v>
      </c>
      <c r="O1998" s="53">
        <v>0</v>
      </c>
      <c r="P1998" s="53">
        <v>0</v>
      </c>
      <c r="Q1998" s="53">
        <v>0</v>
      </c>
      <c r="R1998" s="53">
        <v>0</v>
      </c>
      <c r="S1998" s="53">
        <v>0</v>
      </c>
      <c r="T1998" s="53">
        <v>0</v>
      </c>
      <c r="U1998" s="53">
        <v>0</v>
      </c>
      <c r="V1998" s="53">
        <v>0</v>
      </c>
      <c r="W1998" s="53">
        <v>0</v>
      </c>
      <c r="X1998" s="53">
        <v>0</v>
      </c>
      <c r="Y1998" s="53">
        <v>0</v>
      </c>
      <c r="Z1998" s="53">
        <v>0</v>
      </c>
      <c r="AA1998" s="53">
        <v>0</v>
      </c>
      <c r="AB1998" s="53">
        <v>0</v>
      </c>
      <c r="AC1998" s="53">
        <v>0</v>
      </c>
      <c r="AD1998" s="53">
        <v>0</v>
      </c>
      <c r="AE1998" s="53">
        <v>0</v>
      </c>
      <c r="AF1998" s="53">
        <v>0</v>
      </c>
      <c r="AG1998" s="53">
        <v>0</v>
      </c>
      <c r="AH1998" s="53">
        <v>0</v>
      </c>
      <c r="AI1998" s="53">
        <v>0</v>
      </c>
      <c r="AJ1998" s="53">
        <v>0</v>
      </c>
      <c r="AK1998" s="53">
        <v>0</v>
      </c>
      <c r="AL1998" s="53">
        <v>0</v>
      </c>
      <c r="AM1998" s="53">
        <v>0</v>
      </c>
      <c r="AN1998" s="53">
        <v>0</v>
      </c>
      <c r="AO1998" s="53">
        <v>0</v>
      </c>
      <c r="AP1998" s="53">
        <v>0</v>
      </c>
      <c r="AQ1998" s="53">
        <v>0</v>
      </c>
      <c r="AR1998" s="53">
        <v>0</v>
      </c>
      <c r="AS1998" s="53">
        <v>0</v>
      </c>
      <c r="AT1998" s="53">
        <v>0</v>
      </c>
      <c r="AU1998" s="53">
        <v>0</v>
      </c>
      <c r="AV1998" s="53">
        <v>0</v>
      </c>
      <c r="AW1998" s="53">
        <v>0</v>
      </c>
      <c r="AX1998" s="53">
        <v>0</v>
      </c>
      <c r="AY1998" s="53">
        <v>0</v>
      </c>
      <c r="AZ1998" s="53">
        <v>0</v>
      </c>
      <c r="BA1998" s="53">
        <v>0</v>
      </c>
      <c r="BB1998" s="53">
        <v>0</v>
      </c>
      <c r="BC1998" s="53">
        <v>0</v>
      </c>
      <c r="BD1998" s="53">
        <v>0</v>
      </c>
      <c r="BE1998" s="53">
        <v>0</v>
      </c>
      <c r="BF1998" s="53">
        <v>0</v>
      </c>
      <c r="BG1998" s="53">
        <v>0</v>
      </c>
      <c r="BH1998" s="53">
        <v>0</v>
      </c>
      <c r="BI1998" s="53">
        <v>0</v>
      </c>
      <c r="BJ1998" s="53">
        <v>0</v>
      </c>
      <c r="BK1998" s="53">
        <v>0</v>
      </c>
      <c r="BL1998" s="53">
        <v>0</v>
      </c>
      <c r="BM1998" s="53">
        <v>0</v>
      </c>
      <c r="BN1998" s="53">
        <v>0</v>
      </c>
      <c r="BO1998" s="53">
        <v>0</v>
      </c>
      <c r="BP1998" s="53">
        <v>0</v>
      </c>
      <c r="BQ1998" s="53">
        <v>0</v>
      </c>
      <c r="BR1998" s="53">
        <v>0</v>
      </c>
      <c r="BS1998" s="53">
        <v>0</v>
      </c>
      <c r="BT1998" s="53">
        <v>0</v>
      </c>
      <c r="BU1998" s="53">
        <v>0</v>
      </c>
      <c r="BV1998" s="53">
        <v>0</v>
      </c>
      <c r="BW1998" s="53">
        <v>0</v>
      </c>
      <c r="BX1998" s="53">
        <v>0</v>
      </c>
      <c r="BY1998" s="53">
        <v>0</v>
      </c>
      <c r="BZ1998" s="53">
        <v>0</v>
      </c>
      <c r="CA1998" s="53">
        <v>0</v>
      </c>
      <c r="CB1998" s="53"/>
      <c r="CC1998" s="53"/>
      <c r="CD1998" s="53">
        <v>-9665239.1953504495</v>
      </c>
      <c r="CE1998" s="53"/>
      <c r="CF1998" s="53"/>
      <c r="CG1998" s="53">
        <v>-18796138.1368342</v>
      </c>
      <c r="CH1998" s="53"/>
      <c r="CI1998" s="53"/>
      <c r="CJ1998" s="53">
        <v>-52534028.561362997</v>
      </c>
      <c r="CK1998" s="53"/>
      <c r="CL1998" s="53"/>
      <c r="CM1998" s="53">
        <v>-98432353.592288703</v>
      </c>
      <c r="CN1998" s="53">
        <v>-179427759.485836</v>
      </c>
    </row>
    <row r="1999" spans="1:92" outlineLevel="1">
      <c r="A1999" s="52" t="s">
        <v>1571</v>
      </c>
      <c r="B1999" s="53">
        <v>0</v>
      </c>
      <c r="C1999" s="53">
        <v>0</v>
      </c>
      <c r="D1999" s="53">
        <v>0</v>
      </c>
      <c r="E1999" s="53">
        <v>0</v>
      </c>
      <c r="F1999" s="53">
        <v>0</v>
      </c>
      <c r="G1999" s="53">
        <v>0</v>
      </c>
      <c r="H1999" s="53">
        <v>0</v>
      </c>
      <c r="I1999" s="53">
        <v>0</v>
      </c>
      <c r="J1999" s="53">
        <v>0</v>
      </c>
      <c r="K1999" s="53">
        <v>0</v>
      </c>
      <c r="L1999" s="53">
        <v>0</v>
      </c>
      <c r="M1999" s="53">
        <v>0</v>
      </c>
      <c r="N1999" s="53">
        <v>0</v>
      </c>
      <c r="O1999" s="53">
        <v>0</v>
      </c>
      <c r="P1999" s="53">
        <v>0</v>
      </c>
      <c r="Q1999" s="53">
        <v>0</v>
      </c>
      <c r="R1999" s="53">
        <v>0</v>
      </c>
      <c r="S1999" s="53">
        <v>0</v>
      </c>
      <c r="T1999" s="53">
        <v>0</v>
      </c>
      <c r="U1999" s="53">
        <v>0</v>
      </c>
      <c r="V1999" s="53">
        <v>0</v>
      </c>
      <c r="W1999" s="53">
        <v>0</v>
      </c>
      <c r="X1999" s="53">
        <v>0</v>
      </c>
      <c r="Y1999" s="53">
        <v>0</v>
      </c>
      <c r="Z1999" s="53">
        <v>0</v>
      </c>
      <c r="AA1999" s="53">
        <v>0</v>
      </c>
      <c r="AB1999" s="53">
        <v>0</v>
      </c>
      <c r="AC1999" s="53">
        <v>0</v>
      </c>
      <c r="AD1999" s="53">
        <v>0</v>
      </c>
      <c r="AE1999" s="53">
        <v>0</v>
      </c>
      <c r="AF1999" s="53">
        <v>0</v>
      </c>
      <c r="AG1999" s="53">
        <v>0</v>
      </c>
      <c r="AH1999" s="53">
        <v>0</v>
      </c>
      <c r="AI1999" s="53">
        <v>0</v>
      </c>
      <c r="AJ1999" s="53">
        <v>0</v>
      </c>
      <c r="AK1999" s="53">
        <v>0</v>
      </c>
      <c r="AL1999" s="53">
        <v>0</v>
      </c>
      <c r="AM1999" s="53">
        <v>0</v>
      </c>
      <c r="AN1999" s="53">
        <v>0</v>
      </c>
      <c r="AO1999" s="53">
        <v>0</v>
      </c>
      <c r="AP1999" s="53">
        <v>0</v>
      </c>
      <c r="AQ1999" s="53">
        <v>0</v>
      </c>
      <c r="AR1999" s="53">
        <v>0</v>
      </c>
      <c r="AS1999" s="53">
        <v>0</v>
      </c>
      <c r="AT1999" s="53">
        <v>0</v>
      </c>
      <c r="AU1999" s="53">
        <v>0</v>
      </c>
      <c r="AV1999" s="53">
        <v>0</v>
      </c>
      <c r="AW1999" s="53">
        <v>0</v>
      </c>
      <c r="AX1999" s="53">
        <v>0</v>
      </c>
      <c r="AY1999" s="53">
        <v>0</v>
      </c>
      <c r="AZ1999" s="53">
        <v>0</v>
      </c>
      <c r="BA1999" s="53">
        <v>0</v>
      </c>
      <c r="BB1999" s="53">
        <v>0</v>
      </c>
      <c r="BC1999" s="53">
        <v>0</v>
      </c>
      <c r="BD1999" s="53">
        <v>0</v>
      </c>
      <c r="BE1999" s="53">
        <v>0</v>
      </c>
      <c r="BF1999" s="53">
        <v>0</v>
      </c>
      <c r="BG1999" s="53">
        <v>0</v>
      </c>
      <c r="BH1999" s="53">
        <v>0</v>
      </c>
      <c r="BI1999" s="53">
        <v>0</v>
      </c>
      <c r="BJ1999" s="53">
        <v>0</v>
      </c>
      <c r="BK1999" s="53">
        <v>0</v>
      </c>
      <c r="BL1999" s="53">
        <v>0</v>
      </c>
      <c r="BM1999" s="53">
        <v>0</v>
      </c>
      <c r="BN1999" s="53">
        <v>0</v>
      </c>
      <c r="BO1999" s="53">
        <v>0</v>
      </c>
      <c r="BP1999" s="53">
        <v>0</v>
      </c>
      <c r="BQ1999" s="53">
        <v>0</v>
      </c>
      <c r="BR1999" s="53">
        <v>0</v>
      </c>
      <c r="BS1999" s="53">
        <v>0</v>
      </c>
      <c r="BT1999" s="53">
        <v>0</v>
      </c>
      <c r="BU1999" s="53">
        <v>0</v>
      </c>
      <c r="BV1999" s="53">
        <v>0</v>
      </c>
      <c r="BW1999" s="53">
        <v>0</v>
      </c>
      <c r="BX1999" s="53">
        <v>0</v>
      </c>
      <c r="BY1999" s="53">
        <v>0</v>
      </c>
      <c r="BZ1999" s="53">
        <v>0</v>
      </c>
      <c r="CA1999" s="53">
        <v>0</v>
      </c>
      <c r="CB1999" s="53"/>
      <c r="CC1999" s="53"/>
      <c r="CD1999" s="53"/>
      <c r="CE1999" s="53"/>
      <c r="CF1999" s="53"/>
      <c r="CG1999" s="53"/>
      <c r="CH1999" s="53"/>
      <c r="CI1999" s="53"/>
      <c r="CJ1999" s="53"/>
      <c r="CK1999" s="53"/>
      <c r="CL1999" s="53"/>
      <c r="CM1999" s="53"/>
      <c r="CN1999" s="53"/>
    </row>
    <row r="2000" spans="1:92" outlineLevel="1">
      <c r="A2000" s="52" t="s">
        <v>1572</v>
      </c>
      <c r="B2000" s="53">
        <v>0</v>
      </c>
      <c r="C2000" s="53">
        <v>0</v>
      </c>
      <c r="D2000" s="53">
        <v>0</v>
      </c>
      <c r="E2000" s="53">
        <v>0</v>
      </c>
      <c r="F2000" s="53">
        <v>0</v>
      </c>
      <c r="G2000" s="53">
        <v>0</v>
      </c>
      <c r="H2000" s="53">
        <v>0</v>
      </c>
      <c r="I2000" s="53">
        <v>0</v>
      </c>
      <c r="J2000" s="53">
        <v>0</v>
      </c>
      <c r="K2000" s="53">
        <v>0</v>
      </c>
      <c r="L2000" s="53">
        <v>0</v>
      </c>
      <c r="M2000" s="53">
        <v>0</v>
      </c>
      <c r="N2000" s="53">
        <v>0</v>
      </c>
      <c r="O2000" s="53">
        <v>0</v>
      </c>
      <c r="P2000" s="53">
        <v>0</v>
      </c>
      <c r="Q2000" s="53">
        <v>0</v>
      </c>
      <c r="R2000" s="53">
        <v>0</v>
      </c>
      <c r="S2000" s="53">
        <v>0</v>
      </c>
      <c r="T2000" s="53">
        <v>0</v>
      </c>
      <c r="U2000" s="53">
        <v>0</v>
      </c>
      <c r="V2000" s="53">
        <v>0</v>
      </c>
      <c r="W2000" s="53">
        <v>0</v>
      </c>
      <c r="X2000" s="53">
        <v>0</v>
      </c>
      <c r="Y2000" s="53">
        <v>0</v>
      </c>
      <c r="Z2000" s="53">
        <v>0</v>
      </c>
      <c r="AA2000" s="53">
        <v>0</v>
      </c>
      <c r="AB2000" s="53">
        <v>0</v>
      </c>
      <c r="AC2000" s="53">
        <v>0</v>
      </c>
      <c r="AD2000" s="53">
        <v>0</v>
      </c>
      <c r="AE2000" s="53">
        <v>0</v>
      </c>
      <c r="AF2000" s="53">
        <v>0</v>
      </c>
      <c r="AG2000" s="53">
        <v>0</v>
      </c>
      <c r="AH2000" s="53">
        <v>0</v>
      </c>
      <c r="AI2000" s="53">
        <v>0</v>
      </c>
      <c r="AJ2000" s="53">
        <v>0</v>
      </c>
      <c r="AK2000" s="53">
        <v>0</v>
      </c>
      <c r="AL2000" s="53">
        <v>0</v>
      </c>
      <c r="AM2000" s="53">
        <v>0</v>
      </c>
      <c r="AN2000" s="53">
        <v>0</v>
      </c>
      <c r="AO2000" s="53">
        <v>0</v>
      </c>
      <c r="AP2000" s="53">
        <v>0</v>
      </c>
      <c r="AQ2000" s="53">
        <v>0</v>
      </c>
      <c r="AR2000" s="53">
        <v>0</v>
      </c>
      <c r="AS2000" s="53">
        <v>0</v>
      </c>
      <c r="AT2000" s="53">
        <v>0</v>
      </c>
      <c r="AU2000" s="53">
        <v>0</v>
      </c>
      <c r="AV2000" s="53">
        <v>0</v>
      </c>
      <c r="AW2000" s="53">
        <v>0</v>
      </c>
      <c r="AX2000" s="53">
        <v>0</v>
      </c>
      <c r="AY2000" s="53">
        <v>0</v>
      </c>
      <c r="AZ2000" s="53">
        <v>0</v>
      </c>
      <c r="BA2000" s="53">
        <v>0</v>
      </c>
      <c r="BB2000" s="53">
        <v>0</v>
      </c>
      <c r="BC2000" s="53">
        <v>0</v>
      </c>
      <c r="BD2000" s="53">
        <v>0</v>
      </c>
      <c r="BE2000" s="53">
        <v>0</v>
      </c>
      <c r="BF2000" s="53">
        <v>0</v>
      </c>
      <c r="BG2000" s="53">
        <v>0</v>
      </c>
      <c r="BH2000" s="53">
        <v>0</v>
      </c>
      <c r="BI2000" s="53">
        <v>0</v>
      </c>
      <c r="BJ2000" s="53">
        <v>0</v>
      </c>
      <c r="BK2000" s="53">
        <v>0</v>
      </c>
      <c r="BL2000" s="53">
        <v>0</v>
      </c>
      <c r="BM2000" s="53">
        <v>0</v>
      </c>
      <c r="BN2000" s="53">
        <v>0</v>
      </c>
      <c r="BO2000" s="53">
        <v>0</v>
      </c>
      <c r="BP2000" s="53">
        <v>0</v>
      </c>
      <c r="BQ2000" s="53">
        <v>0</v>
      </c>
      <c r="BR2000" s="53">
        <v>0</v>
      </c>
      <c r="BS2000" s="53">
        <v>0</v>
      </c>
      <c r="BT2000" s="53">
        <v>0</v>
      </c>
      <c r="BU2000" s="53">
        <v>0</v>
      </c>
      <c r="BV2000" s="53">
        <v>0</v>
      </c>
      <c r="BW2000" s="53">
        <v>0</v>
      </c>
      <c r="BX2000" s="53">
        <v>0</v>
      </c>
      <c r="BY2000" s="53">
        <v>0</v>
      </c>
      <c r="BZ2000" s="53">
        <v>0</v>
      </c>
      <c r="CA2000" s="53">
        <v>0</v>
      </c>
      <c r="CB2000" s="53"/>
      <c r="CC2000" s="53"/>
      <c r="CD2000" s="53"/>
      <c r="CE2000" s="53"/>
      <c r="CF2000" s="53"/>
      <c r="CG2000" s="53"/>
      <c r="CH2000" s="53"/>
      <c r="CI2000" s="53"/>
      <c r="CJ2000" s="53"/>
      <c r="CK2000" s="53"/>
      <c r="CL2000" s="53"/>
      <c r="CM2000" s="53"/>
      <c r="CN2000" s="53"/>
    </row>
    <row r="2001" spans="1:92" outlineLevel="1">
      <c r="A2001" s="52" t="s">
        <v>1573</v>
      </c>
      <c r="B2001" s="53">
        <v>0</v>
      </c>
      <c r="C2001" s="53">
        <v>0</v>
      </c>
      <c r="D2001" s="53">
        <v>0</v>
      </c>
      <c r="E2001" s="53">
        <v>0</v>
      </c>
      <c r="F2001" s="53">
        <v>0</v>
      </c>
      <c r="G2001" s="53">
        <v>0</v>
      </c>
      <c r="H2001" s="53">
        <v>0</v>
      </c>
      <c r="I2001" s="53">
        <v>0</v>
      </c>
      <c r="J2001" s="53">
        <v>0</v>
      </c>
      <c r="K2001" s="53">
        <v>0</v>
      </c>
      <c r="L2001" s="53">
        <v>0</v>
      </c>
      <c r="M2001" s="53">
        <v>0</v>
      </c>
      <c r="N2001" s="53">
        <v>0</v>
      </c>
      <c r="O2001" s="53">
        <v>0</v>
      </c>
      <c r="P2001" s="53">
        <v>0</v>
      </c>
      <c r="Q2001" s="53">
        <v>0</v>
      </c>
      <c r="R2001" s="53">
        <v>0</v>
      </c>
      <c r="S2001" s="53">
        <v>0</v>
      </c>
      <c r="T2001" s="53">
        <v>0</v>
      </c>
      <c r="U2001" s="53">
        <v>0</v>
      </c>
      <c r="V2001" s="53">
        <v>0</v>
      </c>
      <c r="W2001" s="53">
        <v>0</v>
      </c>
      <c r="X2001" s="53">
        <v>0</v>
      </c>
      <c r="Y2001" s="53">
        <v>0</v>
      </c>
      <c r="Z2001" s="53">
        <v>0</v>
      </c>
      <c r="AA2001" s="53">
        <v>0</v>
      </c>
      <c r="AB2001" s="53">
        <v>0</v>
      </c>
      <c r="AC2001" s="53">
        <v>0</v>
      </c>
      <c r="AD2001" s="53">
        <v>0</v>
      </c>
      <c r="AE2001" s="53">
        <v>0</v>
      </c>
      <c r="AF2001" s="53">
        <v>0</v>
      </c>
      <c r="AG2001" s="53">
        <v>0</v>
      </c>
      <c r="AH2001" s="53">
        <v>0</v>
      </c>
      <c r="AI2001" s="53">
        <v>0</v>
      </c>
      <c r="AJ2001" s="53">
        <v>0</v>
      </c>
      <c r="AK2001" s="53">
        <v>0</v>
      </c>
      <c r="AL2001" s="53">
        <v>0</v>
      </c>
      <c r="AM2001" s="53">
        <v>0</v>
      </c>
      <c r="AN2001" s="53">
        <v>0</v>
      </c>
      <c r="AO2001" s="53">
        <v>0</v>
      </c>
      <c r="AP2001" s="53">
        <v>0</v>
      </c>
      <c r="AQ2001" s="53">
        <v>0</v>
      </c>
      <c r="AR2001" s="53">
        <v>0</v>
      </c>
      <c r="AS2001" s="53">
        <v>0</v>
      </c>
      <c r="AT2001" s="53">
        <v>0</v>
      </c>
      <c r="AU2001" s="53">
        <v>0</v>
      </c>
      <c r="AV2001" s="53">
        <v>0</v>
      </c>
      <c r="AW2001" s="53">
        <v>0</v>
      </c>
      <c r="AX2001" s="53">
        <v>0</v>
      </c>
      <c r="AY2001" s="53">
        <v>0</v>
      </c>
      <c r="AZ2001" s="53">
        <v>0</v>
      </c>
      <c r="BA2001" s="53">
        <v>0</v>
      </c>
      <c r="BB2001" s="53">
        <v>0</v>
      </c>
      <c r="BC2001" s="53">
        <v>0</v>
      </c>
      <c r="BD2001" s="53">
        <v>0</v>
      </c>
      <c r="BE2001" s="53">
        <v>0</v>
      </c>
      <c r="BF2001" s="53">
        <v>0</v>
      </c>
      <c r="BG2001" s="53">
        <v>0</v>
      </c>
      <c r="BH2001" s="53">
        <v>0</v>
      </c>
      <c r="BI2001" s="53">
        <v>0</v>
      </c>
      <c r="BJ2001" s="53">
        <v>0</v>
      </c>
      <c r="BK2001" s="53">
        <v>0</v>
      </c>
      <c r="BL2001" s="53">
        <v>0</v>
      </c>
      <c r="BM2001" s="53">
        <v>0</v>
      </c>
      <c r="BN2001" s="53">
        <v>0</v>
      </c>
      <c r="BO2001" s="53">
        <v>0</v>
      </c>
      <c r="BP2001" s="53">
        <v>0</v>
      </c>
      <c r="BQ2001" s="53">
        <v>0</v>
      </c>
      <c r="BR2001" s="53">
        <v>0</v>
      </c>
      <c r="BS2001" s="53">
        <v>0</v>
      </c>
      <c r="BT2001" s="53">
        <v>0</v>
      </c>
      <c r="BU2001" s="53">
        <v>0</v>
      </c>
      <c r="BV2001" s="53">
        <v>0</v>
      </c>
      <c r="BW2001" s="53">
        <v>0</v>
      </c>
      <c r="BX2001" s="53">
        <v>0</v>
      </c>
      <c r="BY2001" s="53">
        <v>0</v>
      </c>
      <c r="BZ2001" s="53">
        <v>0</v>
      </c>
      <c r="CA2001" s="53">
        <v>0</v>
      </c>
      <c r="CB2001" s="53"/>
      <c r="CC2001" s="53"/>
      <c r="CD2001" s="53"/>
      <c r="CE2001" s="53">
        <v>-12410706.1507174</v>
      </c>
      <c r="CF2001" s="53"/>
      <c r="CG2001" s="53">
        <v>-12410706.1507174</v>
      </c>
      <c r="CH2001" s="53"/>
      <c r="CI2001" s="53"/>
      <c r="CJ2001" s="53">
        <v>-12410706.1507174</v>
      </c>
      <c r="CK2001" s="53"/>
      <c r="CL2001" s="53"/>
      <c r="CM2001" s="53">
        <v>-12410706.14869</v>
      </c>
      <c r="CN2001" s="53">
        <v>-49642824.600842401</v>
      </c>
    </row>
    <row r="2002" spans="1:92" outlineLevel="1">
      <c r="A2002" s="52" t="s">
        <v>1574</v>
      </c>
      <c r="B2002" s="53">
        <v>0</v>
      </c>
      <c r="C2002" s="53">
        <v>0</v>
      </c>
      <c r="D2002" s="53">
        <v>0</v>
      </c>
      <c r="E2002" s="53">
        <v>0</v>
      </c>
      <c r="F2002" s="53">
        <v>0</v>
      </c>
      <c r="G2002" s="53">
        <v>0</v>
      </c>
      <c r="H2002" s="53">
        <v>0</v>
      </c>
      <c r="I2002" s="53">
        <v>0</v>
      </c>
      <c r="J2002" s="53">
        <v>0</v>
      </c>
      <c r="K2002" s="53">
        <v>0</v>
      </c>
      <c r="L2002" s="53">
        <v>0</v>
      </c>
      <c r="M2002" s="53">
        <v>0</v>
      </c>
      <c r="N2002" s="53">
        <v>0</v>
      </c>
      <c r="O2002" s="53">
        <v>0</v>
      </c>
      <c r="P2002" s="53">
        <v>0</v>
      </c>
      <c r="Q2002" s="53">
        <v>0</v>
      </c>
      <c r="R2002" s="53">
        <v>0</v>
      </c>
      <c r="S2002" s="53">
        <v>0</v>
      </c>
      <c r="T2002" s="53">
        <v>0</v>
      </c>
      <c r="U2002" s="53">
        <v>0</v>
      </c>
      <c r="V2002" s="53">
        <v>0</v>
      </c>
      <c r="W2002" s="53">
        <v>0</v>
      </c>
      <c r="X2002" s="53">
        <v>0</v>
      </c>
      <c r="Y2002" s="53">
        <v>0</v>
      </c>
      <c r="Z2002" s="53">
        <v>0</v>
      </c>
      <c r="AA2002" s="53">
        <v>0</v>
      </c>
      <c r="AB2002" s="53">
        <v>0</v>
      </c>
      <c r="AC2002" s="53">
        <v>0</v>
      </c>
      <c r="AD2002" s="53">
        <v>0</v>
      </c>
      <c r="AE2002" s="53">
        <v>0</v>
      </c>
      <c r="AF2002" s="53">
        <v>0</v>
      </c>
      <c r="AG2002" s="53">
        <v>0</v>
      </c>
      <c r="AH2002" s="53">
        <v>0</v>
      </c>
      <c r="AI2002" s="53">
        <v>0</v>
      </c>
      <c r="AJ2002" s="53">
        <v>0</v>
      </c>
      <c r="AK2002" s="53">
        <v>0</v>
      </c>
      <c r="AL2002" s="53">
        <v>0</v>
      </c>
      <c r="AM2002" s="53">
        <v>0</v>
      </c>
      <c r="AN2002" s="53">
        <v>0</v>
      </c>
      <c r="AO2002" s="53">
        <v>0</v>
      </c>
      <c r="AP2002" s="53">
        <v>0</v>
      </c>
      <c r="AQ2002" s="53">
        <v>0</v>
      </c>
      <c r="AR2002" s="53">
        <v>0</v>
      </c>
      <c r="AS2002" s="53">
        <v>0</v>
      </c>
      <c r="AT2002" s="53">
        <v>0</v>
      </c>
      <c r="AU2002" s="53">
        <v>0</v>
      </c>
      <c r="AV2002" s="53">
        <v>0</v>
      </c>
      <c r="AW2002" s="53">
        <v>0</v>
      </c>
      <c r="AX2002" s="53">
        <v>0</v>
      </c>
      <c r="AY2002" s="53">
        <v>0</v>
      </c>
      <c r="AZ2002" s="53">
        <v>0</v>
      </c>
      <c r="BA2002" s="53">
        <v>0</v>
      </c>
      <c r="BB2002" s="53">
        <v>0</v>
      </c>
      <c r="BC2002" s="53">
        <v>0</v>
      </c>
      <c r="BD2002" s="53">
        <v>0</v>
      </c>
      <c r="BE2002" s="53">
        <v>0</v>
      </c>
      <c r="BF2002" s="53">
        <v>0</v>
      </c>
      <c r="BG2002" s="53">
        <v>0</v>
      </c>
      <c r="BH2002" s="53">
        <v>0</v>
      </c>
      <c r="BI2002" s="53">
        <v>0</v>
      </c>
      <c r="BJ2002" s="53">
        <v>0</v>
      </c>
      <c r="BK2002" s="53">
        <v>0</v>
      </c>
      <c r="BL2002" s="53">
        <v>0</v>
      </c>
      <c r="BM2002" s="53">
        <v>0</v>
      </c>
      <c r="BN2002" s="53">
        <v>0</v>
      </c>
      <c r="BO2002" s="53">
        <v>0</v>
      </c>
      <c r="BP2002" s="53">
        <v>0</v>
      </c>
      <c r="BQ2002" s="53">
        <v>0</v>
      </c>
      <c r="BR2002" s="53">
        <v>0</v>
      </c>
      <c r="BS2002" s="53">
        <v>0</v>
      </c>
      <c r="BT2002" s="53">
        <v>0</v>
      </c>
      <c r="BU2002" s="53">
        <v>0</v>
      </c>
      <c r="BV2002" s="53">
        <v>0</v>
      </c>
      <c r="BW2002" s="53">
        <v>0</v>
      </c>
      <c r="BX2002" s="53">
        <v>0</v>
      </c>
      <c r="BY2002" s="53">
        <v>0</v>
      </c>
      <c r="BZ2002" s="53">
        <v>0</v>
      </c>
      <c r="CA2002" s="53">
        <v>0</v>
      </c>
      <c r="CB2002" s="53"/>
      <c r="CC2002" s="53"/>
      <c r="CD2002" s="53"/>
      <c r="CE2002" s="53"/>
      <c r="CF2002" s="53"/>
      <c r="CG2002" s="53"/>
      <c r="CH2002" s="53"/>
      <c r="CI2002" s="53"/>
      <c r="CJ2002" s="53"/>
      <c r="CK2002" s="53"/>
      <c r="CL2002" s="53"/>
      <c r="CM2002" s="53"/>
      <c r="CN2002" s="53"/>
    </row>
    <row r="2003" spans="1:92" outlineLevel="1">
      <c r="A2003" s="52" t="s">
        <v>1575</v>
      </c>
      <c r="B2003" s="53">
        <v>0</v>
      </c>
      <c r="C2003" s="53">
        <v>0</v>
      </c>
      <c r="D2003" s="53">
        <v>0</v>
      </c>
      <c r="E2003" s="53">
        <v>0</v>
      </c>
      <c r="F2003" s="53">
        <v>0</v>
      </c>
      <c r="G2003" s="53">
        <v>0</v>
      </c>
      <c r="H2003" s="53">
        <v>0</v>
      </c>
      <c r="I2003" s="53">
        <v>0</v>
      </c>
      <c r="J2003" s="53">
        <v>0</v>
      </c>
      <c r="K2003" s="53">
        <v>0</v>
      </c>
      <c r="L2003" s="53">
        <v>0</v>
      </c>
      <c r="M2003" s="53">
        <v>0</v>
      </c>
      <c r="N2003" s="53">
        <v>0</v>
      </c>
      <c r="O2003" s="53">
        <v>0</v>
      </c>
      <c r="P2003" s="53">
        <v>0</v>
      </c>
      <c r="Q2003" s="53">
        <v>0</v>
      </c>
      <c r="R2003" s="53">
        <v>0</v>
      </c>
      <c r="S2003" s="53">
        <v>0</v>
      </c>
      <c r="T2003" s="53">
        <v>0</v>
      </c>
      <c r="U2003" s="53">
        <v>0</v>
      </c>
      <c r="V2003" s="53">
        <v>0</v>
      </c>
      <c r="W2003" s="53">
        <v>0</v>
      </c>
      <c r="X2003" s="53">
        <v>0</v>
      </c>
      <c r="Y2003" s="53">
        <v>0</v>
      </c>
      <c r="Z2003" s="53">
        <v>0</v>
      </c>
      <c r="AA2003" s="53">
        <v>0</v>
      </c>
      <c r="AB2003" s="53">
        <v>0</v>
      </c>
      <c r="AC2003" s="53">
        <v>0</v>
      </c>
      <c r="AD2003" s="53">
        <v>0</v>
      </c>
      <c r="AE2003" s="53">
        <v>0</v>
      </c>
      <c r="AF2003" s="53">
        <v>0</v>
      </c>
      <c r="AG2003" s="53">
        <v>0</v>
      </c>
      <c r="AH2003" s="53">
        <v>0</v>
      </c>
      <c r="AI2003" s="53">
        <v>0</v>
      </c>
      <c r="AJ2003" s="53">
        <v>0</v>
      </c>
      <c r="AK2003" s="53">
        <v>0</v>
      </c>
      <c r="AL2003" s="53">
        <v>0</v>
      </c>
      <c r="AM2003" s="53">
        <v>0</v>
      </c>
      <c r="AN2003" s="53">
        <v>0</v>
      </c>
      <c r="AO2003" s="53">
        <v>0</v>
      </c>
      <c r="AP2003" s="53">
        <v>0</v>
      </c>
      <c r="AQ2003" s="53">
        <v>0</v>
      </c>
      <c r="AR2003" s="53">
        <v>0</v>
      </c>
      <c r="AS2003" s="53">
        <v>0</v>
      </c>
      <c r="AT2003" s="53">
        <v>0</v>
      </c>
      <c r="AU2003" s="53">
        <v>0</v>
      </c>
      <c r="AV2003" s="53">
        <v>0</v>
      </c>
      <c r="AW2003" s="53">
        <v>0</v>
      </c>
      <c r="AX2003" s="53">
        <v>0</v>
      </c>
      <c r="AY2003" s="53">
        <v>0</v>
      </c>
      <c r="AZ2003" s="53">
        <v>0</v>
      </c>
      <c r="BA2003" s="53">
        <v>0</v>
      </c>
      <c r="BB2003" s="53">
        <v>0</v>
      </c>
      <c r="BC2003" s="53">
        <v>0</v>
      </c>
      <c r="BD2003" s="53">
        <v>0</v>
      </c>
      <c r="BE2003" s="53">
        <v>0</v>
      </c>
      <c r="BF2003" s="53">
        <v>0</v>
      </c>
      <c r="BG2003" s="53">
        <v>0</v>
      </c>
      <c r="BH2003" s="53">
        <v>0</v>
      </c>
      <c r="BI2003" s="53">
        <v>0</v>
      </c>
      <c r="BJ2003" s="53">
        <v>0</v>
      </c>
      <c r="BK2003" s="53">
        <v>0</v>
      </c>
      <c r="BL2003" s="53">
        <v>0</v>
      </c>
      <c r="BM2003" s="53">
        <v>0</v>
      </c>
      <c r="BN2003" s="53">
        <v>0</v>
      </c>
      <c r="BO2003" s="53">
        <v>0</v>
      </c>
      <c r="BP2003" s="53">
        <v>0</v>
      </c>
      <c r="BQ2003" s="53">
        <v>0</v>
      </c>
      <c r="BR2003" s="53">
        <v>0</v>
      </c>
      <c r="BS2003" s="53">
        <v>0</v>
      </c>
      <c r="BT2003" s="53">
        <v>0</v>
      </c>
      <c r="BU2003" s="53">
        <v>0</v>
      </c>
      <c r="BV2003" s="53">
        <v>0</v>
      </c>
      <c r="BW2003" s="53">
        <v>0</v>
      </c>
      <c r="BX2003" s="53">
        <v>0</v>
      </c>
      <c r="BY2003" s="53">
        <v>0</v>
      </c>
      <c r="BZ2003" s="53">
        <v>0</v>
      </c>
      <c r="CA2003" s="53">
        <v>0</v>
      </c>
      <c r="CB2003" s="53"/>
      <c r="CC2003" s="53"/>
      <c r="CD2003" s="53"/>
      <c r="CE2003" s="53"/>
      <c r="CF2003" s="53"/>
      <c r="CG2003" s="53"/>
      <c r="CH2003" s="53"/>
      <c r="CI2003" s="53"/>
      <c r="CJ2003" s="53"/>
      <c r="CK2003" s="53"/>
      <c r="CL2003" s="53"/>
      <c r="CM2003" s="53"/>
      <c r="CN2003" s="53"/>
    </row>
    <row r="2004" spans="1:92">
      <c r="A2004" s="52" t="s">
        <v>1576</v>
      </c>
      <c r="B2004" s="53">
        <v>0</v>
      </c>
      <c r="C2004" s="53">
        <v>0</v>
      </c>
      <c r="D2004" s="53">
        <v>0</v>
      </c>
      <c r="E2004" s="53">
        <v>0</v>
      </c>
      <c r="F2004" s="53">
        <v>0</v>
      </c>
      <c r="G2004" s="53">
        <v>0</v>
      </c>
      <c r="H2004" s="53">
        <v>0</v>
      </c>
      <c r="I2004" s="53">
        <v>0</v>
      </c>
      <c r="J2004" s="53">
        <v>0</v>
      </c>
      <c r="K2004" s="53">
        <v>0</v>
      </c>
      <c r="L2004" s="53">
        <v>0</v>
      </c>
      <c r="M2004" s="53">
        <v>0</v>
      </c>
      <c r="N2004" s="53">
        <v>0</v>
      </c>
      <c r="O2004" s="53">
        <v>0</v>
      </c>
      <c r="P2004" s="53">
        <v>0</v>
      </c>
      <c r="Q2004" s="53">
        <v>0</v>
      </c>
      <c r="R2004" s="53">
        <v>0</v>
      </c>
      <c r="S2004" s="53">
        <v>0</v>
      </c>
      <c r="T2004" s="53">
        <v>0</v>
      </c>
      <c r="U2004" s="53">
        <v>0</v>
      </c>
      <c r="V2004" s="53">
        <v>0</v>
      </c>
      <c r="W2004" s="53">
        <v>0</v>
      </c>
      <c r="X2004" s="53">
        <v>0</v>
      </c>
      <c r="Y2004" s="53">
        <v>0</v>
      </c>
      <c r="Z2004" s="53">
        <v>0</v>
      </c>
      <c r="AA2004" s="53">
        <v>0</v>
      </c>
      <c r="AB2004" s="53">
        <v>0</v>
      </c>
      <c r="AC2004" s="53">
        <v>0</v>
      </c>
      <c r="AD2004" s="53">
        <v>0</v>
      </c>
      <c r="AE2004" s="53">
        <v>0</v>
      </c>
      <c r="AF2004" s="53">
        <v>0</v>
      </c>
      <c r="AG2004" s="53">
        <v>0</v>
      </c>
      <c r="AH2004" s="53">
        <v>0</v>
      </c>
      <c r="AI2004" s="53">
        <v>0</v>
      </c>
      <c r="AJ2004" s="53">
        <v>0</v>
      </c>
      <c r="AK2004" s="53">
        <v>0</v>
      </c>
      <c r="AL2004" s="53">
        <v>0</v>
      </c>
      <c r="AM2004" s="53">
        <v>0</v>
      </c>
      <c r="AN2004" s="53">
        <v>0</v>
      </c>
      <c r="AO2004" s="53">
        <v>0</v>
      </c>
      <c r="AP2004" s="53">
        <v>0</v>
      </c>
      <c r="AQ2004" s="53">
        <v>0</v>
      </c>
      <c r="AR2004" s="53">
        <v>0</v>
      </c>
      <c r="AS2004" s="53">
        <v>0</v>
      </c>
      <c r="AT2004" s="53">
        <v>0</v>
      </c>
      <c r="AU2004" s="53">
        <v>0</v>
      </c>
      <c r="AV2004" s="53">
        <v>0</v>
      </c>
      <c r="AW2004" s="53">
        <v>0</v>
      </c>
      <c r="AX2004" s="53">
        <v>0</v>
      </c>
      <c r="AY2004" s="53">
        <v>0</v>
      </c>
      <c r="AZ2004" s="53">
        <v>0</v>
      </c>
      <c r="BA2004" s="53">
        <v>0</v>
      </c>
      <c r="BB2004" s="53">
        <v>0</v>
      </c>
      <c r="BC2004" s="53">
        <v>0</v>
      </c>
      <c r="BD2004" s="53">
        <v>0</v>
      </c>
      <c r="BE2004" s="53">
        <v>0</v>
      </c>
      <c r="BF2004" s="53">
        <v>0</v>
      </c>
      <c r="BG2004" s="53">
        <v>0</v>
      </c>
      <c r="BH2004" s="53">
        <v>0</v>
      </c>
      <c r="BI2004" s="53">
        <v>0</v>
      </c>
      <c r="BJ2004" s="53">
        <v>0</v>
      </c>
      <c r="BK2004" s="53">
        <v>0</v>
      </c>
      <c r="BL2004" s="53">
        <v>0</v>
      </c>
      <c r="BM2004" s="53">
        <v>0</v>
      </c>
      <c r="BN2004" s="53">
        <v>0</v>
      </c>
      <c r="BO2004" s="53">
        <v>0</v>
      </c>
      <c r="BP2004" s="53">
        <v>0</v>
      </c>
      <c r="BQ2004" s="53">
        <v>0</v>
      </c>
      <c r="BR2004" s="53">
        <v>0</v>
      </c>
      <c r="BS2004" s="53">
        <v>0</v>
      </c>
      <c r="BT2004" s="53">
        <v>0</v>
      </c>
      <c r="BU2004" s="53">
        <v>0</v>
      </c>
      <c r="BV2004" s="53">
        <v>0</v>
      </c>
      <c r="BW2004" s="53">
        <v>0</v>
      </c>
      <c r="BX2004" s="53">
        <v>0</v>
      </c>
      <c r="BY2004" s="53">
        <v>0</v>
      </c>
      <c r="BZ2004" s="53">
        <v>0</v>
      </c>
      <c r="CA2004" s="53">
        <v>0</v>
      </c>
      <c r="CB2004" s="53"/>
      <c r="CC2004" s="53"/>
      <c r="CD2004" s="53"/>
      <c r="CE2004" s="53"/>
      <c r="CF2004" s="53"/>
      <c r="CG2004" s="53"/>
      <c r="CH2004" s="53"/>
      <c r="CI2004" s="53"/>
      <c r="CJ2004" s="53"/>
      <c r="CK2004" s="53"/>
      <c r="CL2004" s="53">
        <v>-1000000</v>
      </c>
      <c r="CM2004" s="53"/>
      <c r="CN2004" s="53">
        <v>-1000000</v>
      </c>
    </row>
    <row r="2005" spans="1:92">
      <c r="A2005" s="59" t="s">
        <v>1577</v>
      </c>
      <c r="B2005" s="53">
        <v>0</v>
      </c>
      <c r="C2005" s="53">
        <v>0</v>
      </c>
      <c r="D2005" s="53">
        <v>0</v>
      </c>
      <c r="E2005" s="53">
        <v>0</v>
      </c>
      <c r="F2005" s="53">
        <v>0</v>
      </c>
      <c r="G2005" s="53">
        <v>0</v>
      </c>
      <c r="H2005" s="53">
        <v>0</v>
      </c>
      <c r="I2005" s="53">
        <v>0</v>
      </c>
      <c r="J2005" s="53">
        <v>0</v>
      </c>
      <c r="K2005" s="53">
        <v>0</v>
      </c>
      <c r="L2005" s="53">
        <v>0</v>
      </c>
      <c r="M2005" s="53">
        <v>0</v>
      </c>
      <c r="N2005" s="53">
        <v>0</v>
      </c>
      <c r="O2005" s="53">
        <v>0</v>
      </c>
      <c r="P2005" s="53">
        <v>0</v>
      </c>
      <c r="Q2005" s="53">
        <v>0</v>
      </c>
      <c r="R2005" s="53">
        <v>0</v>
      </c>
      <c r="S2005" s="53">
        <v>0</v>
      </c>
      <c r="T2005" s="53">
        <v>0</v>
      </c>
      <c r="U2005" s="53">
        <v>0</v>
      </c>
      <c r="V2005" s="53">
        <v>0</v>
      </c>
      <c r="W2005" s="53">
        <v>0</v>
      </c>
      <c r="X2005" s="53">
        <v>0</v>
      </c>
      <c r="Y2005" s="53">
        <v>0</v>
      </c>
      <c r="Z2005" s="53">
        <v>0</v>
      </c>
      <c r="AA2005" s="53">
        <v>0</v>
      </c>
      <c r="AB2005" s="53">
        <v>0</v>
      </c>
      <c r="AC2005" s="53">
        <v>0</v>
      </c>
      <c r="AD2005" s="53">
        <v>0</v>
      </c>
      <c r="AE2005" s="53">
        <v>0</v>
      </c>
      <c r="AF2005" s="53">
        <v>0</v>
      </c>
      <c r="AG2005" s="53">
        <v>0</v>
      </c>
      <c r="AH2005" s="53">
        <v>0</v>
      </c>
      <c r="AI2005" s="53">
        <v>0</v>
      </c>
      <c r="AJ2005" s="53">
        <v>0</v>
      </c>
      <c r="AK2005" s="53">
        <v>0</v>
      </c>
      <c r="AL2005" s="53">
        <v>0</v>
      </c>
      <c r="AM2005" s="53">
        <v>0</v>
      </c>
      <c r="AN2005" s="53">
        <v>0</v>
      </c>
      <c r="AO2005" s="53">
        <v>0</v>
      </c>
      <c r="AP2005" s="53">
        <v>0</v>
      </c>
      <c r="AQ2005" s="53">
        <v>0</v>
      </c>
      <c r="AR2005" s="53">
        <v>0</v>
      </c>
      <c r="AS2005" s="53">
        <v>0</v>
      </c>
      <c r="AT2005" s="53">
        <v>0</v>
      </c>
      <c r="AU2005" s="53">
        <v>0</v>
      </c>
      <c r="AV2005" s="53">
        <v>0</v>
      </c>
      <c r="AW2005" s="53">
        <v>0</v>
      </c>
      <c r="AX2005" s="53">
        <v>0</v>
      </c>
      <c r="AY2005" s="53">
        <v>0</v>
      </c>
      <c r="AZ2005" s="53">
        <v>0</v>
      </c>
      <c r="BA2005" s="53">
        <v>0</v>
      </c>
      <c r="BB2005" s="53">
        <v>0</v>
      </c>
      <c r="BC2005" s="53">
        <v>0</v>
      </c>
      <c r="BD2005" s="53">
        <v>0</v>
      </c>
      <c r="BE2005" s="53">
        <v>0</v>
      </c>
      <c r="BF2005" s="53">
        <v>0</v>
      </c>
      <c r="BG2005" s="53">
        <v>0</v>
      </c>
      <c r="BH2005" s="53">
        <v>0</v>
      </c>
      <c r="BI2005" s="53">
        <v>0</v>
      </c>
      <c r="BJ2005" s="53">
        <v>0</v>
      </c>
      <c r="BK2005" s="53">
        <v>0</v>
      </c>
      <c r="BL2005" s="53">
        <v>0</v>
      </c>
      <c r="BM2005" s="53">
        <v>0</v>
      </c>
      <c r="BN2005" s="53">
        <v>0</v>
      </c>
      <c r="BO2005" s="53">
        <v>0</v>
      </c>
      <c r="BP2005" s="53">
        <v>0</v>
      </c>
      <c r="BQ2005" s="53">
        <v>0</v>
      </c>
      <c r="BR2005" s="53">
        <v>0</v>
      </c>
      <c r="BS2005" s="53">
        <v>0</v>
      </c>
      <c r="BT2005" s="53">
        <v>0</v>
      </c>
      <c r="BU2005" s="53">
        <v>0</v>
      </c>
      <c r="BV2005" s="53">
        <v>0</v>
      </c>
      <c r="BW2005" s="53">
        <v>0</v>
      </c>
      <c r="BX2005" s="53">
        <v>0</v>
      </c>
      <c r="BY2005" s="53">
        <v>0</v>
      </c>
      <c r="BZ2005" s="53">
        <v>0</v>
      </c>
      <c r="CA2005" s="53">
        <v>0</v>
      </c>
      <c r="CB2005" s="53"/>
      <c r="CC2005" s="53"/>
      <c r="CD2005" s="53"/>
      <c r="CE2005" s="53"/>
      <c r="CF2005" s="53"/>
      <c r="CG2005" s="53"/>
      <c r="CH2005" s="53"/>
      <c r="CI2005" s="53"/>
      <c r="CJ2005" s="53"/>
      <c r="CK2005" s="53"/>
      <c r="CL2005" s="53"/>
      <c r="CM2005" s="53"/>
      <c r="CN2005" s="53"/>
    </row>
    <row r="2006" spans="1:92" outlineLevel="1">
      <c r="A2006" s="52" t="s">
        <v>1578</v>
      </c>
      <c r="B2006" s="53"/>
      <c r="C2006" s="53"/>
      <c r="D2006" s="53"/>
      <c r="E2006" s="53"/>
      <c r="F2006" s="53"/>
      <c r="G2006" s="53"/>
      <c r="H2006" s="53"/>
      <c r="I2006" s="53"/>
      <c r="J2006" s="53"/>
      <c r="K2006" s="53"/>
      <c r="L2006" s="53"/>
      <c r="M2006" s="53"/>
      <c r="N2006" s="53"/>
      <c r="O2006" s="53"/>
      <c r="P2006" s="53"/>
      <c r="Q2006" s="53"/>
      <c r="R2006" s="53"/>
      <c r="S2006" s="53"/>
      <c r="T2006" s="53"/>
      <c r="U2006" s="53"/>
      <c r="V2006" s="53"/>
      <c r="W2006" s="53"/>
      <c r="X2006" s="53"/>
      <c r="Y2006" s="53"/>
      <c r="Z2006" s="53"/>
      <c r="AA2006" s="53"/>
      <c r="AB2006" s="53"/>
      <c r="AC2006" s="53"/>
      <c r="AD2006" s="53"/>
      <c r="AE2006" s="53"/>
      <c r="AF2006" s="53"/>
      <c r="AG2006" s="53"/>
      <c r="AH2006" s="53"/>
      <c r="AI2006" s="53"/>
      <c r="AJ2006" s="53"/>
      <c r="AK2006" s="53"/>
      <c r="AL2006" s="53"/>
      <c r="AM2006" s="53"/>
      <c r="AN2006" s="53"/>
      <c r="AO2006" s="53"/>
      <c r="AP2006" s="53"/>
      <c r="AQ2006" s="53"/>
      <c r="AR2006" s="53"/>
      <c r="AS2006" s="53"/>
      <c r="AT2006" s="53"/>
      <c r="AU2006" s="53"/>
      <c r="AV2006" s="53"/>
      <c r="AW2006" s="53"/>
      <c r="AX2006" s="53"/>
      <c r="AY2006" s="53"/>
      <c r="AZ2006" s="53"/>
      <c r="BA2006" s="53"/>
      <c r="BB2006" s="53"/>
      <c r="BC2006" s="53"/>
      <c r="BD2006" s="53"/>
      <c r="BE2006" s="53"/>
      <c r="BF2006" s="53"/>
      <c r="BG2006" s="53"/>
      <c r="BH2006" s="53"/>
      <c r="BI2006" s="53"/>
      <c r="BJ2006" s="53"/>
      <c r="BK2006" s="53"/>
      <c r="BL2006" s="53"/>
      <c r="BM2006" s="53"/>
      <c r="BN2006" s="53"/>
      <c r="BO2006" s="53"/>
      <c r="BP2006" s="53"/>
      <c r="BQ2006" s="53"/>
      <c r="BR2006" s="53"/>
      <c r="BS2006" s="53"/>
      <c r="BT2006" s="53"/>
      <c r="BU2006" s="53"/>
      <c r="BV2006" s="53"/>
      <c r="BW2006" s="53"/>
      <c r="BX2006" s="53"/>
      <c r="BY2006" s="53"/>
      <c r="BZ2006" s="53"/>
      <c r="CA2006" s="53"/>
      <c r="CB2006" s="53"/>
      <c r="CC2006" s="53"/>
      <c r="CD2006" s="53"/>
      <c r="CE2006" s="53"/>
      <c r="CF2006" s="53"/>
      <c r="CG2006" s="53"/>
      <c r="CH2006" s="53"/>
      <c r="CI2006" s="53"/>
      <c r="CJ2006" s="53"/>
      <c r="CK2006" s="53"/>
      <c r="CL2006" s="53"/>
      <c r="CM2006" s="53"/>
      <c r="CN2006" s="53"/>
    </row>
    <row r="2007" spans="1:92" outlineLevel="1">
      <c r="A2007" s="52" t="s">
        <v>1218</v>
      </c>
      <c r="B2007" s="53"/>
      <c r="C2007" s="53"/>
      <c r="D2007" s="53"/>
      <c r="E2007" s="53"/>
      <c r="F2007" s="53"/>
      <c r="G2007" s="53"/>
      <c r="H2007" s="53"/>
      <c r="I2007" s="53"/>
      <c r="J2007" s="53"/>
      <c r="K2007" s="53"/>
      <c r="L2007" s="53"/>
      <c r="M2007" s="53"/>
      <c r="N2007" s="53"/>
      <c r="O2007" s="53"/>
      <c r="P2007" s="53"/>
      <c r="Q2007" s="53"/>
      <c r="R2007" s="53"/>
      <c r="S2007" s="53">
        <v>800000000</v>
      </c>
      <c r="T2007" s="53">
        <v>800000000</v>
      </c>
      <c r="U2007" s="53">
        <v>800000000</v>
      </c>
      <c r="V2007" s="53">
        <v>800000000</v>
      </c>
      <c r="W2007" s="53">
        <v>800000000</v>
      </c>
      <c r="X2007" s="53">
        <v>800000000</v>
      </c>
      <c r="Y2007" s="53">
        <v>800000000</v>
      </c>
      <c r="Z2007" s="53">
        <v>800000000</v>
      </c>
      <c r="AA2007" s="53"/>
      <c r="AB2007" s="53">
        <v>800000000</v>
      </c>
      <c r="AC2007" s="53">
        <v>800000000</v>
      </c>
      <c r="AD2007" s="53">
        <v>800000000</v>
      </c>
      <c r="AE2007" s="53">
        <v>800000000</v>
      </c>
      <c r="AF2007" s="53"/>
      <c r="AG2007" s="53"/>
      <c r="AH2007" s="53"/>
      <c r="AI2007" s="53"/>
      <c r="AJ2007" s="53"/>
      <c r="AK2007" s="53"/>
      <c r="AL2007" s="53"/>
      <c r="AM2007" s="53"/>
      <c r="AN2007" s="53">
        <v>800000000</v>
      </c>
      <c r="AO2007" s="53"/>
      <c r="AP2007" s="53"/>
      <c r="AQ2007" s="53"/>
      <c r="AR2007" s="53"/>
      <c r="AS2007" s="53"/>
      <c r="AT2007" s="53"/>
      <c r="AU2007" s="53"/>
      <c r="AV2007" s="53"/>
      <c r="AW2007" s="53"/>
      <c r="AX2007" s="53"/>
      <c r="AY2007" s="53"/>
      <c r="AZ2007" s="53"/>
      <c r="BA2007" s="53"/>
      <c r="BB2007" s="53"/>
      <c r="BC2007" s="53">
        <v>650000000</v>
      </c>
      <c r="BD2007" s="53">
        <v>650000000</v>
      </c>
      <c r="BE2007" s="53">
        <v>650000000</v>
      </c>
      <c r="BF2007" s="53">
        <v>650000000</v>
      </c>
      <c r="BG2007" s="53">
        <v>650000000</v>
      </c>
      <c r="BH2007" s="53">
        <v>650000000</v>
      </c>
      <c r="BI2007" s="53">
        <v>650000000</v>
      </c>
      <c r="BJ2007" s="53">
        <v>650000000</v>
      </c>
      <c r="BK2007" s="53">
        <v>650000000</v>
      </c>
      <c r="BL2007" s="53">
        <v>650000000</v>
      </c>
      <c r="BM2007" s="53">
        <v>650000000</v>
      </c>
      <c r="BN2007" s="53"/>
      <c r="BO2007" s="53">
        <v>650000000</v>
      </c>
      <c r="BP2007" s="53"/>
      <c r="BQ2007" s="53">
        <v>150000000</v>
      </c>
      <c r="BR2007" s="53">
        <v>150000000</v>
      </c>
      <c r="BS2007" s="53">
        <v>150000000</v>
      </c>
      <c r="BT2007" s="53">
        <v>150000000</v>
      </c>
      <c r="BU2007" s="53">
        <v>150000000</v>
      </c>
      <c r="BV2007" s="53">
        <v>750000000</v>
      </c>
      <c r="BW2007" s="53">
        <v>750000000</v>
      </c>
      <c r="BX2007" s="53">
        <v>750000000</v>
      </c>
      <c r="BY2007" s="53">
        <v>750000000</v>
      </c>
      <c r="BZ2007" s="53">
        <v>750000000</v>
      </c>
      <c r="CA2007" s="53">
        <v>650000000</v>
      </c>
      <c r="CB2007" s="53">
        <v>-1427936.33333333</v>
      </c>
      <c r="CC2007" s="53">
        <v>-1427936.33333333</v>
      </c>
      <c r="CD2007" s="53">
        <v>-1427936.33333333</v>
      </c>
      <c r="CE2007" s="53">
        <v>-1427936.33333333</v>
      </c>
      <c r="CF2007" s="53">
        <v>-1427936.33333333</v>
      </c>
      <c r="CG2007" s="53">
        <v>-1427936.33333333</v>
      </c>
      <c r="CH2007" s="53">
        <v>-1427936.33333333</v>
      </c>
      <c r="CI2007" s="53">
        <v>-1427936.33333333</v>
      </c>
      <c r="CJ2007" s="53">
        <v>-1427936.33333333</v>
      </c>
      <c r="CK2007" s="53">
        <v>-1427936.33333333</v>
      </c>
      <c r="CL2007" s="53">
        <v>-1427936.33333333</v>
      </c>
      <c r="CM2007" s="53">
        <v>-1427936.33333333</v>
      </c>
      <c r="CN2007" s="53">
        <v>-17135236</v>
      </c>
    </row>
    <row r="2008" spans="1:92" outlineLevel="1">
      <c r="A2008" s="52" t="s">
        <v>699</v>
      </c>
      <c r="B2008" s="53"/>
      <c r="C2008" s="53"/>
      <c r="D2008" s="53"/>
      <c r="E2008" s="53"/>
      <c r="F2008" s="53"/>
      <c r="G2008" s="53"/>
      <c r="H2008" s="53"/>
      <c r="I2008" s="53"/>
      <c r="J2008" s="53"/>
      <c r="K2008" s="53"/>
      <c r="L2008" s="53"/>
      <c r="M2008" s="53"/>
      <c r="N2008" s="53"/>
      <c r="O2008" s="53"/>
      <c r="P2008" s="53"/>
      <c r="Q2008" s="53"/>
      <c r="R2008" s="53"/>
      <c r="S2008" s="53"/>
      <c r="T2008" s="53"/>
      <c r="U2008" s="53"/>
      <c r="V2008" s="53"/>
      <c r="W2008" s="53"/>
      <c r="X2008" s="53"/>
      <c r="Y2008" s="53"/>
      <c r="Z2008" s="53"/>
      <c r="AA2008" s="53"/>
      <c r="AB2008" s="53"/>
      <c r="AC2008" s="53"/>
      <c r="AD2008" s="53"/>
      <c r="AE2008" s="53"/>
      <c r="AF2008" s="53"/>
      <c r="AG2008" s="53"/>
      <c r="AH2008" s="53"/>
      <c r="AI2008" s="53"/>
      <c r="AJ2008" s="53"/>
      <c r="AK2008" s="53"/>
      <c r="AL2008" s="53"/>
      <c r="AM2008" s="53"/>
      <c r="AN2008" s="53"/>
      <c r="AO2008" s="53"/>
      <c r="AP2008" s="53"/>
      <c r="AQ2008" s="53"/>
      <c r="AR2008" s="53"/>
      <c r="AS2008" s="53"/>
      <c r="AT2008" s="53"/>
      <c r="AU2008" s="53"/>
      <c r="AV2008" s="53"/>
      <c r="AW2008" s="53"/>
      <c r="AX2008" s="53"/>
      <c r="AY2008" s="53"/>
      <c r="AZ2008" s="53"/>
      <c r="BA2008" s="53"/>
      <c r="BB2008" s="53"/>
      <c r="BC2008" s="53"/>
      <c r="BD2008" s="53"/>
      <c r="BE2008" s="53"/>
      <c r="BF2008" s="53"/>
      <c r="BG2008" s="53"/>
      <c r="BH2008" s="53"/>
      <c r="BI2008" s="53"/>
      <c r="BJ2008" s="53"/>
      <c r="BK2008" s="53"/>
      <c r="BL2008" s="53"/>
      <c r="BM2008" s="53"/>
      <c r="BN2008" s="53"/>
      <c r="BO2008" s="53"/>
      <c r="BP2008" s="53"/>
      <c r="BQ2008" s="53"/>
      <c r="BR2008" s="53"/>
      <c r="BS2008" s="53"/>
      <c r="BT2008" s="53"/>
      <c r="BU2008" s="53"/>
      <c r="BV2008" s="53"/>
      <c r="BW2008" s="53"/>
      <c r="BX2008" s="53"/>
      <c r="BY2008" s="53"/>
      <c r="BZ2008" s="53"/>
      <c r="CA2008" s="53"/>
      <c r="CB2008" s="53"/>
      <c r="CC2008" s="53"/>
      <c r="CD2008" s="53"/>
      <c r="CE2008" s="53"/>
      <c r="CF2008" s="53"/>
      <c r="CG2008" s="53"/>
      <c r="CH2008" s="53"/>
      <c r="CI2008" s="53"/>
      <c r="CJ2008" s="53"/>
      <c r="CK2008" s="53"/>
      <c r="CL2008" s="53"/>
      <c r="CM2008" s="53"/>
      <c r="CN2008" s="53"/>
    </row>
    <row r="2009" spans="1:92" outlineLevel="1">
      <c r="A2009" s="52" t="s">
        <v>709</v>
      </c>
      <c r="B2009" s="53"/>
      <c r="C2009" s="53"/>
      <c r="D2009" s="53"/>
      <c r="E2009" s="53"/>
      <c r="F2009" s="53"/>
      <c r="G2009" s="53"/>
      <c r="H2009" s="53"/>
      <c r="I2009" s="53"/>
      <c r="J2009" s="53"/>
      <c r="K2009" s="53"/>
      <c r="L2009" s="53"/>
      <c r="M2009" s="53"/>
      <c r="N2009" s="53"/>
      <c r="O2009" s="53"/>
      <c r="P2009" s="53"/>
      <c r="Q2009" s="53"/>
      <c r="R2009" s="53"/>
      <c r="S2009" s="53"/>
      <c r="T2009" s="53"/>
      <c r="U2009" s="53"/>
      <c r="V2009" s="53"/>
      <c r="W2009" s="53"/>
      <c r="X2009" s="53"/>
      <c r="Y2009" s="53"/>
      <c r="Z2009" s="53"/>
      <c r="AA2009" s="53"/>
      <c r="AB2009" s="53"/>
      <c r="AC2009" s="53"/>
      <c r="AD2009" s="53"/>
      <c r="AE2009" s="53"/>
      <c r="AF2009" s="53"/>
      <c r="AG2009" s="53"/>
      <c r="AH2009" s="53"/>
      <c r="AI2009" s="53"/>
      <c r="AJ2009" s="53"/>
      <c r="AK2009" s="53"/>
      <c r="AL2009" s="53"/>
      <c r="AM2009" s="53"/>
      <c r="AN2009" s="53"/>
      <c r="AO2009" s="53"/>
      <c r="AP2009" s="53"/>
      <c r="AQ2009" s="53"/>
      <c r="AR2009" s="53"/>
      <c r="AS2009" s="53"/>
      <c r="AT2009" s="53"/>
      <c r="AU2009" s="53"/>
      <c r="AV2009" s="53"/>
      <c r="AW2009" s="53"/>
      <c r="AX2009" s="53"/>
      <c r="AY2009" s="53"/>
      <c r="AZ2009" s="53"/>
      <c r="BA2009" s="53"/>
      <c r="BB2009" s="53"/>
      <c r="BC2009" s="53"/>
      <c r="BD2009" s="53"/>
      <c r="BE2009" s="53"/>
      <c r="BF2009" s="53"/>
      <c r="BG2009" s="53"/>
      <c r="BH2009" s="53"/>
      <c r="BI2009" s="53"/>
      <c r="BJ2009" s="53"/>
      <c r="BK2009" s="53"/>
      <c r="BL2009" s="53"/>
      <c r="BM2009" s="53"/>
      <c r="BN2009" s="53"/>
      <c r="BO2009" s="53"/>
      <c r="BP2009" s="53"/>
      <c r="BQ2009" s="53"/>
      <c r="BR2009" s="53"/>
      <c r="BS2009" s="53"/>
      <c r="BT2009" s="53"/>
      <c r="BU2009" s="53"/>
      <c r="BV2009" s="53"/>
      <c r="BW2009" s="53"/>
      <c r="BX2009" s="53"/>
      <c r="BY2009" s="53"/>
      <c r="BZ2009" s="53"/>
      <c r="CA2009" s="53"/>
      <c r="CB2009" s="53"/>
      <c r="CC2009" s="53"/>
      <c r="CD2009" s="53"/>
      <c r="CE2009" s="53"/>
      <c r="CF2009" s="53"/>
      <c r="CG2009" s="53"/>
      <c r="CH2009" s="53"/>
      <c r="CI2009" s="53"/>
      <c r="CJ2009" s="53"/>
      <c r="CK2009" s="53"/>
      <c r="CL2009" s="53"/>
      <c r="CM2009" s="53"/>
      <c r="CN2009" s="53"/>
    </row>
    <row r="2010" spans="1:92" outlineLevel="1">
      <c r="A2010" s="52" t="s">
        <v>1579</v>
      </c>
      <c r="B2010" s="53"/>
      <c r="C2010" s="53"/>
      <c r="D2010" s="53"/>
      <c r="E2010" s="53"/>
      <c r="F2010" s="53"/>
      <c r="G2010" s="53"/>
      <c r="H2010" s="53"/>
      <c r="I2010" s="53"/>
      <c r="J2010" s="53"/>
      <c r="K2010" s="53"/>
      <c r="L2010" s="53"/>
      <c r="M2010" s="53"/>
      <c r="N2010" s="53"/>
      <c r="O2010" s="53"/>
      <c r="P2010" s="53"/>
      <c r="Q2010" s="53"/>
      <c r="R2010" s="53"/>
      <c r="S2010" s="53"/>
      <c r="T2010" s="53"/>
      <c r="U2010" s="53"/>
      <c r="V2010" s="53"/>
      <c r="W2010" s="53"/>
      <c r="X2010" s="53"/>
      <c r="Y2010" s="53"/>
      <c r="Z2010" s="53"/>
      <c r="AA2010" s="53"/>
      <c r="AB2010" s="53"/>
      <c r="AC2010" s="53"/>
      <c r="AD2010" s="53"/>
      <c r="AE2010" s="53"/>
      <c r="AF2010" s="53"/>
      <c r="AG2010" s="53"/>
      <c r="AH2010" s="53"/>
      <c r="AI2010" s="53"/>
      <c r="AJ2010" s="53"/>
      <c r="AK2010" s="53"/>
      <c r="AL2010" s="53"/>
      <c r="AM2010" s="53"/>
      <c r="AN2010" s="53"/>
      <c r="AO2010" s="53"/>
      <c r="AP2010" s="53"/>
      <c r="AQ2010" s="53"/>
      <c r="AR2010" s="53"/>
      <c r="AS2010" s="53"/>
      <c r="AT2010" s="53"/>
      <c r="AU2010" s="53"/>
      <c r="AV2010" s="53"/>
      <c r="AW2010" s="53"/>
      <c r="AX2010" s="53"/>
      <c r="AY2010" s="53"/>
      <c r="AZ2010" s="53"/>
      <c r="BA2010" s="53"/>
      <c r="BB2010" s="53"/>
      <c r="BC2010" s="53"/>
      <c r="BD2010" s="53"/>
      <c r="BE2010" s="53"/>
      <c r="BF2010" s="53"/>
      <c r="BG2010" s="53"/>
      <c r="BH2010" s="53"/>
      <c r="BI2010" s="53"/>
      <c r="BJ2010" s="53"/>
      <c r="BK2010" s="53"/>
      <c r="BL2010" s="53"/>
      <c r="BM2010" s="53"/>
      <c r="BN2010" s="53"/>
      <c r="BO2010" s="53"/>
      <c r="BP2010" s="53"/>
      <c r="BQ2010" s="53"/>
      <c r="BR2010" s="53"/>
      <c r="BS2010" s="53"/>
      <c r="BT2010" s="53"/>
      <c r="BU2010" s="53"/>
      <c r="BV2010" s="53"/>
      <c r="BW2010" s="53"/>
      <c r="BX2010" s="53"/>
      <c r="BY2010" s="53"/>
      <c r="BZ2010" s="53"/>
      <c r="CA2010" s="53"/>
      <c r="CB2010" s="53"/>
      <c r="CC2010" s="53"/>
      <c r="CD2010" s="53"/>
      <c r="CE2010" s="53"/>
      <c r="CF2010" s="53"/>
      <c r="CG2010" s="53"/>
      <c r="CH2010" s="53"/>
      <c r="CI2010" s="53"/>
      <c r="CJ2010" s="53"/>
      <c r="CK2010" s="53"/>
      <c r="CL2010" s="53"/>
      <c r="CM2010" s="53"/>
      <c r="CN2010" s="53"/>
    </row>
    <row r="2011" spans="1:92" outlineLevel="1">
      <c r="A2011" s="52" t="s">
        <v>711</v>
      </c>
      <c r="B2011" s="53"/>
      <c r="C2011" s="53"/>
      <c r="D2011" s="53"/>
      <c r="E2011" s="53"/>
      <c r="F2011" s="53"/>
      <c r="G2011" s="53"/>
      <c r="H2011" s="53"/>
      <c r="I2011" s="53"/>
      <c r="J2011" s="53"/>
      <c r="K2011" s="53"/>
      <c r="L2011" s="53"/>
      <c r="M2011" s="53"/>
      <c r="N2011" s="53"/>
      <c r="O2011" s="53"/>
      <c r="P2011" s="53"/>
      <c r="Q2011" s="53"/>
      <c r="R2011" s="53"/>
      <c r="S2011" s="53"/>
      <c r="T2011" s="53"/>
      <c r="U2011" s="53"/>
      <c r="V2011" s="53"/>
      <c r="W2011" s="53"/>
      <c r="X2011" s="53"/>
      <c r="Y2011" s="53"/>
      <c r="Z2011" s="53"/>
      <c r="AA2011" s="53"/>
      <c r="AB2011" s="53"/>
      <c r="AC2011" s="53"/>
      <c r="AD2011" s="53"/>
      <c r="AE2011" s="53"/>
      <c r="AF2011" s="53"/>
      <c r="AG2011" s="53"/>
      <c r="AH2011" s="53"/>
      <c r="AI2011" s="53"/>
      <c r="AJ2011" s="53"/>
      <c r="AK2011" s="53"/>
      <c r="AL2011" s="53"/>
      <c r="AM2011" s="53"/>
      <c r="AN2011" s="53"/>
      <c r="AO2011" s="53"/>
      <c r="AP2011" s="53"/>
      <c r="AQ2011" s="53"/>
      <c r="AR2011" s="53"/>
      <c r="AS2011" s="53"/>
      <c r="AT2011" s="53"/>
      <c r="AU2011" s="53"/>
      <c r="AV2011" s="53"/>
      <c r="AW2011" s="53"/>
      <c r="AX2011" s="53"/>
      <c r="AY2011" s="53"/>
      <c r="AZ2011" s="53"/>
      <c r="BA2011" s="53"/>
      <c r="BB2011" s="53"/>
      <c r="BC2011" s="53"/>
      <c r="BD2011" s="53"/>
      <c r="BE2011" s="53"/>
      <c r="BF2011" s="53"/>
      <c r="BG2011" s="53"/>
      <c r="BH2011" s="53"/>
      <c r="BI2011" s="53"/>
      <c r="BJ2011" s="53"/>
      <c r="BK2011" s="53"/>
      <c r="BL2011" s="53"/>
      <c r="BM2011" s="53"/>
      <c r="BN2011" s="53"/>
      <c r="BO2011" s="53"/>
      <c r="BP2011" s="53"/>
      <c r="BQ2011" s="53"/>
      <c r="BR2011" s="53"/>
      <c r="BS2011" s="53"/>
      <c r="BT2011" s="53"/>
      <c r="BU2011" s="53"/>
      <c r="BV2011" s="53"/>
      <c r="BW2011" s="53"/>
      <c r="BX2011" s="53"/>
      <c r="BY2011" s="53"/>
      <c r="BZ2011" s="53"/>
      <c r="CA2011" s="53"/>
      <c r="CB2011" s="53"/>
      <c r="CC2011" s="53"/>
      <c r="CD2011" s="53"/>
      <c r="CE2011" s="53"/>
      <c r="CF2011" s="53"/>
      <c r="CG2011" s="53"/>
      <c r="CH2011" s="53"/>
      <c r="CI2011" s="53"/>
      <c r="CJ2011" s="53"/>
      <c r="CK2011" s="53"/>
      <c r="CL2011" s="53"/>
      <c r="CM2011" s="53"/>
      <c r="CN2011" s="53"/>
    </row>
    <row r="2012" spans="1:92" outlineLevel="1">
      <c r="A2012" s="52" t="s">
        <v>723</v>
      </c>
      <c r="B2012" s="53"/>
      <c r="C2012" s="53"/>
      <c r="D2012" s="53"/>
      <c r="E2012" s="53"/>
      <c r="F2012" s="53"/>
      <c r="G2012" s="53"/>
      <c r="H2012" s="53"/>
      <c r="I2012" s="53"/>
      <c r="J2012" s="53"/>
      <c r="K2012" s="53"/>
      <c r="L2012" s="53"/>
      <c r="M2012" s="53"/>
      <c r="N2012" s="53"/>
      <c r="O2012" s="53"/>
      <c r="P2012" s="53"/>
      <c r="Q2012" s="53"/>
      <c r="R2012" s="53"/>
      <c r="S2012" s="53"/>
      <c r="T2012" s="53"/>
      <c r="U2012" s="53"/>
      <c r="V2012" s="53"/>
      <c r="W2012" s="53"/>
      <c r="X2012" s="53"/>
      <c r="Y2012" s="53"/>
      <c r="Z2012" s="53"/>
      <c r="AA2012" s="53"/>
      <c r="AB2012" s="53"/>
      <c r="AC2012" s="53"/>
      <c r="AD2012" s="53"/>
      <c r="AE2012" s="53"/>
      <c r="AF2012" s="53"/>
      <c r="AG2012" s="53"/>
      <c r="AH2012" s="53"/>
      <c r="AI2012" s="53"/>
      <c r="AJ2012" s="53"/>
      <c r="AK2012" s="53"/>
      <c r="AL2012" s="53"/>
      <c r="AM2012" s="53"/>
      <c r="AN2012" s="53"/>
      <c r="AO2012" s="53"/>
      <c r="AP2012" s="53"/>
      <c r="AQ2012" s="53"/>
      <c r="AR2012" s="53"/>
      <c r="AS2012" s="53"/>
      <c r="AT2012" s="53"/>
      <c r="AU2012" s="53"/>
      <c r="AV2012" s="53"/>
      <c r="AW2012" s="53"/>
      <c r="AX2012" s="53"/>
      <c r="AY2012" s="53"/>
      <c r="AZ2012" s="53"/>
      <c r="BA2012" s="53"/>
      <c r="BB2012" s="53"/>
      <c r="BC2012" s="53"/>
      <c r="BD2012" s="53"/>
      <c r="BE2012" s="53"/>
      <c r="BF2012" s="53"/>
      <c r="BG2012" s="53"/>
      <c r="BH2012" s="53"/>
      <c r="BI2012" s="53"/>
      <c r="BJ2012" s="53"/>
      <c r="BK2012" s="53"/>
      <c r="BL2012" s="53"/>
      <c r="BM2012" s="53"/>
      <c r="BN2012" s="53"/>
      <c r="BO2012" s="53">
        <v>-650000000</v>
      </c>
      <c r="BP2012" s="53"/>
      <c r="BQ2012" s="53"/>
      <c r="BR2012" s="53"/>
      <c r="BS2012" s="53"/>
      <c r="BT2012" s="53"/>
      <c r="BU2012" s="53"/>
      <c r="BV2012" s="53"/>
      <c r="BW2012" s="53"/>
      <c r="BX2012" s="53"/>
      <c r="BY2012" s="53"/>
      <c r="BZ2012" s="53"/>
      <c r="CA2012" s="53">
        <v>-650000000</v>
      </c>
      <c r="CB2012" s="53"/>
      <c r="CC2012" s="53"/>
      <c r="CD2012" s="53"/>
      <c r="CE2012" s="53"/>
      <c r="CF2012" s="53"/>
      <c r="CG2012" s="53"/>
      <c r="CH2012" s="53"/>
      <c r="CI2012" s="53"/>
      <c r="CJ2012" s="53"/>
      <c r="CK2012" s="53"/>
      <c r="CL2012" s="53"/>
      <c r="CM2012" s="53"/>
      <c r="CN2012" s="53"/>
    </row>
    <row r="2013" spans="1:92" outlineLevel="1">
      <c r="A2013" s="52" t="s">
        <v>725</v>
      </c>
      <c r="B2013" s="53"/>
      <c r="C2013" s="53"/>
      <c r="D2013" s="53"/>
      <c r="E2013" s="53"/>
      <c r="F2013" s="53"/>
      <c r="G2013" s="53"/>
      <c r="H2013" s="53"/>
      <c r="I2013" s="53"/>
      <c r="J2013" s="53"/>
      <c r="K2013" s="53"/>
      <c r="L2013" s="53"/>
      <c r="M2013" s="53"/>
      <c r="N2013" s="53"/>
      <c r="O2013" s="53"/>
      <c r="P2013" s="53"/>
      <c r="Q2013" s="53"/>
      <c r="R2013" s="53"/>
      <c r="S2013" s="53"/>
      <c r="T2013" s="53"/>
      <c r="U2013" s="53"/>
      <c r="V2013" s="53"/>
      <c r="W2013" s="53"/>
      <c r="X2013" s="53"/>
      <c r="Y2013" s="53"/>
      <c r="Z2013" s="53"/>
      <c r="AA2013" s="53"/>
      <c r="AB2013" s="53"/>
      <c r="AC2013" s="53"/>
      <c r="AD2013" s="53"/>
      <c r="AE2013" s="53"/>
      <c r="AF2013" s="53"/>
      <c r="AG2013" s="53"/>
      <c r="AH2013" s="53"/>
      <c r="AI2013" s="53"/>
      <c r="AJ2013" s="53"/>
      <c r="AK2013" s="53"/>
      <c r="AL2013" s="53"/>
      <c r="AM2013" s="53"/>
      <c r="AN2013" s="53"/>
      <c r="AO2013" s="53"/>
      <c r="AP2013" s="53"/>
      <c r="AQ2013" s="53"/>
      <c r="AR2013" s="53"/>
      <c r="AS2013" s="53"/>
      <c r="AT2013" s="53"/>
      <c r="AU2013" s="53"/>
      <c r="AV2013" s="53"/>
      <c r="AW2013" s="53"/>
      <c r="AX2013" s="53"/>
      <c r="AY2013" s="53"/>
      <c r="AZ2013" s="53"/>
      <c r="BA2013" s="53"/>
      <c r="BB2013" s="53"/>
      <c r="BC2013" s="53"/>
      <c r="BD2013" s="53"/>
      <c r="BE2013" s="53"/>
      <c r="BF2013" s="53"/>
      <c r="BG2013" s="53"/>
      <c r="BH2013" s="53"/>
      <c r="BI2013" s="53"/>
      <c r="BJ2013" s="53"/>
      <c r="BK2013" s="53"/>
      <c r="BL2013" s="53"/>
      <c r="BM2013" s="53"/>
      <c r="BN2013" s="53"/>
      <c r="BO2013" s="53"/>
      <c r="BP2013" s="53"/>
      <c r="BQ2013" s="53"/>
      <c r="BR2013" s="53"/>
      <c r="BS2013" s="53"/>
      <c r="BT2013" s="53"/>
      <c r="BU2013" s="53"/>
      <c r="BV2013" s="53"/>
      <c r="BW2013" s="53"/>
      <c r="BX2013" s="53"/>
      <c r="BY2013" s="53"/>
      <c r="BZ2013" s="53"/>
      <c r="CA2013" s="53"/>
      <c r="CB2013" s="53"/>
      <c r="CC2013" s="53"/>
      <c r="CD2013" s="53"/>
      <c r="CE2013" s="53"/>
      <c r="CF2013" s="53"/>
      <c r="CG2013" s="53"/>
      <c r="CH2013" s="53"/>
      <c r="CI2013" s="53"/>
      <c r="CJ2013" s="53"/>
      <c r="CK2013" s="53"/>
      <c r="CL2013" s="53"/>
      <c r="CM2013" s="53"/>
      <c r="CN2013" s="53"/>
    </row>
    <row r="2014" spans="1:92" outlineLevel="1">
      <c r="A2014" s="52" t="s">
        <v>1564</v>
      </c>
      <c r="B2014" s="53"/>
      <c r="C2014" s="53"/>
      <c r="D2014" s="53"/>
      <c r="E2014" s="53"/>
      <c r="F2014" s="53"/>
      <c r="G2014" s="53"/>
      <c r="H2014" s="53"/>
      <c r="I2014" s="53"/>
      <c r="J2014" s="53"/>
      <c r="K2014" s="53"/>
      <c r="L2014" s="53"/>
      <c r="M2014" s="53"/>
      <c r="N2014" s="53"/>
      <c r="O2014" s="53"/>
      <c r="P2014" s="53"/>
      <c r="Q2014" s="53"/>
      <c r="R2014" s="53"/>
      <c r="S2014" s="53"/>
      <c r="T2014" s="53"/>
      <c r="U2014" s="53"/>
      <c r="V2014" s="53"/>
      <c r="W2014" s="53"/>
      <c r="X2014" s="53"/>
      <c r="Y2014" s="53"/>
      <c r="Z2014" s="53"/>
      <c r="AA2014" s="53"/>
      <c r="AB2014" s="53"/>
      <c r="AC2014" s="53"/>
      <c r="AD2014" s="53"/>
      <c r="AE2014" s="53">
        <v>-800000000</v>
      </c>
      <c r="AF2014" s="53"/>
      <c r="AG2014" s="53"/>
      <c r="AH2014" s="53"/>
      <c r="AI2014" s="53"/>
      <c r="AJ2014" s="53"/>
      <c r="AK2014" s="53"/>
      <c r="AL2014" s="53"/>
      <c r="AM2014" s="53"/>
      <c r="AN2014" s="53">
        <v>-800000000</v>
      </c>
      <c r="AO2014" s="53"/>
      <c r="AP2014" s="53"/>
      <c r="AQ2014" s="53"/>
      <c r="AR2014" s="53"/>
      <c r="AS2014" s="53"/>
      <c r="AT2014" s="53"/>
      <c r="AU2014" s="53"/>
      <c r="AV2014" s="53"/>
      <c r="AW2014" s="53"/>
      <c r="AX2014" s="53"/>
      <c r="AY2014" s="53"/>
      <c r="AZ2014" s="53"/>
      <c r="BA2014" s="53"/>
      <c r="BB2014" s="53"/>
      <c r="BC2014" s="53"/>
      <c r="BD2014" s="53"/>
      <c r="BE2014" s="53"/>
      <c r="BF2014" s="53"/>
      <c r="BG2014" s="53"/>
      <c r="BH2014" s="53"/>
      <c r="BI2014" s="53"/>
      <c r="BJ2014" s="53"/>
      <c r="BK2014" s="53"/>
      <c r="BL2014" s="53"/>
      <c r="BM2014" s="53"/>
      <c r="BN2014" s="53"/>
      <c r="BO2014" s="53"/>
      <c r="BP2014" s="53"/>
      <c r="BQ2014" s="53"/>
      <c r="BR2014" s="53"/>
      <c r="BS2014" s="53"/>
      <c r="BT2014" s="53"/>
      <c r="BU2014" s="53"/>
      <c r="BV2014" s="53"/>
      <c r="BW2014" s="53"/>
      <c r="BX2014" s="53"/>
      <c r="BY2014" s="53"/>
      <c r="BZ2014" s="53"/>
      <c r="CA2014" s="53"/>
      <c r="CB2014" s="53">
        <v>18749654.625050101</v>
      </c>
      <c r="CC2014" s="53">
        <v>18749654.625050101</v>
      </c>
      <c r="CD2014" s="53">
        <v>18749654.625050101</v>
      </c>
      <c r="CE2014" s="53">
        <v>18749654.625050101</v>
      </c>
      <c r="CF2014" s="53">
        <v>18749654.625050101</v>
      </c>
      <c r="CG2014" s="53">
        <v>18749654.625050101</v>
      </c>
      <c r="CH2014" s="53">
        <v>18749654.625050101</v>
      </c>
      <c r="CI2014" s="53">
        <v>18749654.625050101</v>
      </c>
      <c r="CJ2014" s="53">
        <v>18749654.625050101</v>
      </c>
      <c r="CK2014" s="53">
        <v>18749654.625050101</v>
      </c>
      <c r="CL2014" s="53">
        <v>18749654.625050101</v>
      </c>
      <c r="CM2014" s="53">
        <v>18749654.625050101</v>
      </c>
      <c r="CN2014" s="53">
        <v>224995855.50060201</v>
      </c>
    </row>
    <row r="2015" spans="1:92" outlineLevel="1">
      <c r="A2015" s="52" t="s">
        <v>672</v>
      </c>
      <c r="B2015" s="53"/>
      <c r="C2015" s="53"/>
      <c r="D2015" s="53"/>
      <c r="E2015" s="53"/>
      <c r="F2015" s="53"/>
      <c r="G2015" s="53"/>
      <c r="H2015" s="53"/>
      <c r="I2015" s="53"/>
      <c r="J2015" s="53"/>
      <c r="K2015" s="53"/>
      <c r="L2015" s="53"/>
      <c r="M2015" s="53"/>
      <c r="N2015" s="53"/>
      <c r="O2015" s="53"/>
      <c r="P2015" s="53"/>
      <c r="Q2015" s="53"/>
      <c r="R2015" s="53"/>
      <c r="S2015" s="53"/>
      <c r="T2015" s="53"/>
      <c r="U2015" s="53"/>
      <c r="V2015" s="53"/>
      <c r="W2015" s="53"/>
      <c r="X2015" s="53"/>
      <c r="Y2015" s="53"/>
      <c r="Z2015" s="53"/>
      <c r="AA2015" s="53"/>
      <c r="AB2015" s="53"/>
      <c r="AC2015" s="53"/>
      <c r="AD2015" s="53"/>
      <c r="AE2015" s="53"/>
      <c r="AF2015" s="53"/>
      <c r="AG2015" s="53"/>
      <c r="AH2015" s="53"/>
      <c r="AI2015" s="53"/>
      <c r="AJ2015" s="53"/>
      <c r="AK2015" s="53"/>
      <c r="AL2015" s="53"/>
      <c r="AM2015" s="53"/>
      <c r="AN2015" s="53"/>
      <c r="AO2015" s="53"/>
      <c r="AP2015" s="53"/>
      <c r="AQ2015" s="53"/>
      <c r="AR2015" s="53"/>
      <c r="AS2015" s="53"/>
      <c r="AT2015" s="53"/>
      <c r="AU2015" s="53"/>
      <c r="AV2015" s="53"/>
      <c r="AW2015" s="53"/>
      <c r="AX2015" s="53"/>
      <c r="AY2015" s="53"/>
      <c r="AZ2015" s="53"/>
      <c r="BA2015" s="53"/>
      <c r="BB2015" s="53"/>
      <c r="BC2015" s="53"/>
      <c r="BD2015" s="53"/>
      <c r="BE2015" s="53"/>
      <c r="BF2015" s="53"/>
      <c r="BG2015" s="53"/>
      <c r="BH2015" s="53"/>
      <c r="BI2015" s="53"/>
      <c r="BJ2015" s="53"/>
      <c r="BK2015" s="53"/>
      <c r="BL2015" s="53"/>
      <c r="BM2015" s="53"/>
      <c r="BN2015" s="53"/>
      <c r="BO2015" s="53"/>
      <c r="BP2015" s="53"/>
      <c r="BQ2015" s="53"/>
      <c r="BR2015" s="53"/>
      <c r="BS2015" s="53"/>
      <c r="BT2015" s="53"/>
      <c r="BU2015" s="53"/>
      <c r="BV2015" s="53"/>
      <c r="BW2015" s="53"/>
      <c r="BX2015" s="53"/>
      <c r="BY2015" s="53"/>
      <c r="BZ2015" s="53"/>
      <c r="CA2015" s="53"/>
      <c r="CB2015" s="53"/>
      <c r="CC2015" s="53"/>
      <c r="CD2015" s="53"/>
      <c r="CE2015" s="53"/>
      <c r="CF2015" s="53"/>
      <c r="CG2015" s="53"/>
      <c r="CH2015" s="53"/>
      <c r="CI2015" s="53"/>
      <c r="CJ2015" s="53"/>
      <c r="CK2015" s="53"/>
      <c r="CL2015" s="53"/>
      <c r="CM2015" s="53"/>
      <c r="CN2015" s="53"/>
    </row>
    <row r="2016" spans="1:92" outlineLevel="1">
      <c r="A2016" s="52" t="s">
        <v>709</v>
      </c>
      <c r="B2016" s="53"/>
      <c r="C2016" s="53"/>
      <c r="D2016" s="53"/>
      <c r="E2016" s="53"/>
      <c r="F2016" s="53"/>
      <c r="G2016" s="53"/>
      <c r="H2016" s="53"/>
      <c r="I2016" s="53"/>
      <c r="J2016" s="53"/>
      <c r="K2016" s="53"/>
      <c r="L2016" s="53"/>
      <c r="M2016" s="53"/>
      <c r="N2016" s="53"/>
      <c r="O2016" s="53"/>
      <c r="P2016" s="53"/>
      <c r="Q2016" s="53"/>
      <c r="R2016" s="53"/>
      <c r="S2016" s="53"/>
      <c r="T2016" s="53"/>
      <c r="U2016" s="53"/>
      <c r="V2016" s="53"/>
      <c r="W2016" s="53"/>
      <c r="X2016" s="53"/>
      <c r="Y2016" s="53"/>
      <c r="Z2016" s="53"/>
      <c r="AA2016" s="53"/>
      <c r="AB2016" s="53"/>
      <c r="AC2016" s="53"/>
      <c r="AD2016" s="53"/>
      <c r="AE2016" s="53"/>
      <c r="AF2016" s="53"/>
      <c r="AG2016" s="53"/>
      <c r="AH2016" s="53"/>
      <c r="AI2016" s="53"/>
      <c r="AJ2016" s="53"/>
      <c r="AK2016" s="53"/>
      <c r="AL2016" s="53"/>
      <c r="AM2016" s="53"/>
      <c r="AN2016" s="53"/>
      <c r="AO2016" s="53"/>
      <c r="AP2016" s="53"/>
      <c r="AQ2016" s="53"/>
      <c r="AR2016" s="53"/>
      <c r="AS2016" s="53"/>
      <c r="AT2016" s="53"/>
      <c r="AU2016" s="53"/>
      <c r="AV2016" s="53"/>
      <c r="AW2016" s="53"/>
      <c r="AX2016" s="53"/>
      <c r="AY2016" s="53"/>
      <c r="AZ2016" s="53"/>
      <c r="BA2016" s="53"/>
      <c r="BB2016" s="53"/>
      <c r="BC2016" s="53"/>
      <c r="BD2016" s="53"/>
      <c r="BE2016" s="53"/>
      <c r="BF2016" s="53"/>
      <c r="BG2016" s="53"/>
      <c r="BH2016" s="53"/>
      <c r="BI2016" s="53"/>
      <c r="BJ2016" s="53"/>
      <c r="BK2016" s="53"/>
      <c r="BL2016" s="53"/>
      <c r="BM2016" s="53"/>
      <c r="BN2016" s="53"/>
      <c r="BO2016" s="53"/>
      <c r="BP2016" s="53"/>
      <c r="BQ2016" s="53"/>
      <c r="BR2016" s="53"/>
      <c r="BS2016" s="53"/>
      <c r="BT2016" s="53"/>
      <c r="BU2016" s="53"/>
      <c r="BV2016" s="53"/>
      <c r="BW2016" s="53"/>
      <c r="BX2016" s="53"/>
      <c r="BY2016" s="53"/>
      <c r="BZ2016" s="53"/>
      <c r="CA2016" s="53"/>
      <c r="CB2016" s="53"/>
      <c r="CC2016" s="53"/>
      <c r="CD2016" s="53"/>
      <c r="CE2016" s="53"/>
      <c r="CF2016" s="53"/>
      <c r="CG2016" s="53"/>
      <c r="CH2016" s="53"/>
      <c r="CI2016" s="53"/>
      <c r="CJ2016" s="53"/>
      <c r="CK2016" s="53"/>
      <c r="CL2016" s="53"/>
      <c r="CM2016" s="53"/>
      <c r="CN2016" s="53"/>
    </row>
    <row r="2017" spans="1:92" outlineLevel="1">
      <c r="A2017" s="52" t="s">
        <v>1580</v>
      </c>
      <c r="B2017" s="53"/>
      <c r="C2017" s="53"/>
      <c r="D2017" s="53"/>
      <c r="E2017" s="53"/>
      <c r="F2017" s="53"/>
      <c r="G2017" s="53"/>
      <c r="H2017" s="53"/>
      <c r="I2017" s="53"/>
      <c r="J2017" s="53"/>
      <c r="K2017" s="53"/>
      <c r="L2017" s="53"/>
      <c r="M2017" s="53"/>
      <c r="N2017" s="53"/>
      <c r="O2017" s="53"/>
      <c r="P2017" s="53"/>
      <c r="Q2017" s="53"/>
      <c r="R2017" s="53"/>
      <c r="S2017" s="53"/>
      <c r="T2017" s="53"/>
      <c r="U2017" s="53"/>
      <c r="V2017" s="53"/>
      <c r="W2017" s="53"/>
      <c r="X2017" s="53"/>
      <c r="Y2017" s="53"/>
      <c r="Z2017" s="53"/>
      <c r="AA2017" s="53"/>
      <c r="AB2017" s="53"/>
      <c r="AC2017" s="53"/>
      <c r="AD2017" s="53"/>
      <c r="AE2017" s="53"/>
      <c r="AF2017" s="53"/>
      <c r="AG2017" s="53"/>
      <c r="AH2017" s="53"/>
      <c r="AI2017" s="53"/>
      <c r="AJ2017" s="53"/>
      <c r="AK2017" s="53"/>
      <c r="AL2017" s="53"/>
      <c r="AM2017" s="53"/>
      <c r="AN2017" s="53"/>
      <c r="AO2017" s="53"/>
      <c r="AP2017" s="53"/>
      <c r="AQ2017" s="53"/>
      <c r="AR2017" s="53"/>
      <c r="AS2017" s="53"/>
      <c r="AT2017" s="53"/>
      <c r="AU2017" s="53"/>
      <c r="AV2017" s="53"/>
      <c r="AW2017" s="53"/>
      <c r="AX2017" s="53"/>
      <c r="AY2017" s="53"/>
      <c r="AZ2017" s="53"/>
      <c r="BA2017" s="53"/>
      <c r="BB2017" s="53"/>
      <c r="BC2017" s="53"/>
      <c r="BD2017" s="53"/>
      <c r="BE2017" s="53"/>
      <c r="BF2017" s="53"/>
      <c r="BG2017" s="53"/>
      <c r="BH2017" s="53"/>
      <c r="BI2017" s="53"/>
      <c r="BJ2017" s="53"/>
      <c r="BK2017" s="53"/>
      <c r="BL2017" s="53"/>
      <c r="BM2017" s="53"/>
      <c r="BN2017" s="53"/>
      <c r="BO2017" s="53"/>
      <c r="BP2017" s="53"/>
      <c r="BQ2017" s="53"/>
      <c r="BR2017" s="53"/>
      <c r="BS2017" s="53"/>
      <c r="BT2017" s="53"/>
      <c r="BU2017" s="53"/>
      <c r="BV2017" s="53"/>
      <c r="BW2017" s="53"/>
      <c r="BX2017" s="53"/>
      <c r="BY2017" s="53"/>
      <c r="BZ2017" s="53"/>
      <c r="CA2017" s="53"/>
      <c r="CB2017" s="53">
        <v>9966657.5352246799</v>
      </c>
      <c r="CC2017" s="53">
        <v>4649169.1058668504</v>
      </c>
      <c r="CD2017" s="53">
        <v>4180311.4957047999</v>
      </c>
      <c r="CE2017" s="53">
        <v>8515473.5558954906</v>
      </c>
      <c r="CF2017" s="53">
        <v>19756860.9266943</v>
      </c>
      <c r="CG2017" s="53">
        <v>24261694.077486001</v>
      </c>
      <c r="CH2017" s="53">
        <v>29436058.5516885</v>
      </c>
      <c r="CI2017" s="53">
        <v>29677056.700727601</v>
      </c>
      <c r="CJ2017" s="53">
        <v>24727090.512954202</v>
      </c>
      <c r="CK2017" s="53">
        <v>14592147.8233594</v>
      </c>
      <c r="CL2017" s="53">
        <v>4828308.1482623396</v>
      </c>
      <c r="CM2017" s="53">
        <v>6254011.0540844398</v>
      </c>
      <c r="CN2017" s="53">
        <v>180844839.487948</v>
      </c>
    </row>
    <row r="2018" spans="1:92" outlineLevel="1">
      <c r="A2018" s="52" t="s">
        <v>711</v>
      </c>
      <c r="B2018" s="53"/>
      <c r="C2018" s="53"/>
      <c r="D2018" s="53"/>
      <c r="E2018" s="53"/>
      <c r="F2018" s="53"/>
      <c r="G2018" s="53"/>
      <c r="H2018" s="53"/>
      <c r="I2018" s="53"/>
      <c r="J2018" s="53"/>
      <c r="K2018" s="53"/>
      <c r="L2018" s="53"/>
      <c r="M2018" s="53"/>
      <c r="N2018" s="53"/>
      <c r="O2018" s="53"/>
      <c r="P2018" s="53"/>
      <c r="Q2018" s="53"/>
      <c r="R2018" s="53"/>
      <c r="S2018" s="53"/>
      <c r="T2018" s="53"/>
      <c r="U2018" s="53"/>
      <c r="V2018" s="53"/>
      <c r="W2018" s="53"/>
      <c r="X2018" s="53"/>
      <c r="Y2018" s="53"/>
      <c r="Z2018" s="53"/>
      <c r="AA2018" s="53"/>
      <c r="AB2018" s="53"/>
      <c r="AC2018" s="53"/>
      <c r="AD2018" s="53"/>
      <c r="AE2018" s="53"/>
      <c r="AF2018" s="53"/>
      <c r="AG2018" s="53"/>
      <c r="AH2018" s="53"/>
      <c r="AI2018" s="53"/>
      <c r="AJ2018" s="53"/>
      <c r="AK2018" s="53"/>
      <c r="AL2018" s="53"/>
      <c r="AM2018" s="53"/>
      <c r="AN2018" s="53"/>
      <c r="AO2018" s="53"/>
      <c r="AP2018" s="53"/>
      <c r="AQ2018" s="53"/>
      <c r="AR2018" s="53"/>
      <c r="AS2018" s="53"/>
      <c r="AT2018" s="53"/>
      <c r="AU2018" s="53"/>
      <c r="AV2018" s="53"/>
      <c r="AW2018" s="53"/>
      <c r="AX2018" s="53"/>
      <c r="AY2018" s="53"/>
      <c r="AZ2018" s="53"/>
      <c r="BA2018" s="53"/>
      <c r="BB2018" s="53"/>
      <c r="BC2018" s="53"/>
      <c r="BD2018" s="53"/>
      <c r="BE2018" s="53"/>
      <c r="BF2018" s="53"/>
      <c r="BG2018" s="53"/>
      <c r="BH2018" s="53"/>
      <c r="BI2018" s="53"/>
      <c r="BJ2018" s="53"/>
      <c r="BK2018" s="53"/>
      <c r="BL2018" s="53"/>
      <c r="BM2018" s="53"/>
      <c r="BN2018" s="53"/>
      <c r="BO2018" s="53"/>
      <c r="BP2018" s="53">
        <v>150000000</v>
      </c>
      <c r="BQ2018" s="53"/>
      <c r="BR2018" s="53"/>
      <c r="BS2018" s="53"/>
      <c r="BT2018" s="53"/>
      <c r="BU2018" s="53"/>
      <c r="BV2018" s="53"/>
      <c r="BW2018" s="53"/>
      <c r="BX2018" s="53"/>
      <c r="BY2018" s="53"/>
      <c r="BZ2018" s="53"/>
      <c r="CA2018" s="53">
        <v>150000000</v>
      </c>
      <c r="CB2018" s="53"/>
      <c r="CC2018" s="53"/>
      <c r="CD2018" s="53"/>
      <c r="CE2018" s="53"/>
      <c r="CF2018" s="53"/>
      <c r="CG2018" s="53"/>
      <c r="CH2018" s="53"/>
      <c r="CI2018" s="53"/>
      <c r="CJ2018" s="53"/>
      <c r="CK2018" s="53"/>
      <c r="CL2018" s="53"/>
      <c r="CM2018" s="53"/>
      <c r="CN2018" s="53"/>
    </row>
    <row r="2019" spans="1:92" outlineLevel="1">
      <c r="A2019" s="52" t="s">
        <v>723</v>
      </c>
      <c r="B2019" s="53"/>
      <c r="C2019" s="53"/>
      <c r="D2019" s="53"/>
      <c r="E2019" s="53"/>
      <c r="F2019" s="53"/>
      <c r="G2019" s="53"/>
      <c r="H2019" s="53"/>
      <c r="I2019" s="53"/>
      <c r="J2019" s="53"/>
      <c r="K2019" s="53"/>
      <c r="L2019" s="53"/>
      <c r="M2019" s="53"/>
      <c r="N2019" s="53"/>
      <c r="O2019" s="53"/>
      <c r="P2019" s="53"/>
      <c r="Q2019" s="53"/>
      <c r="R2019" s="53"/>
      <c r="S2019" s="53"/>
      <c r="T2019" s="53"/>
      <c r="U2019" s="53"/>
      <c r="V2019" s="53"/>
      <c r="W2019" s="53"/>
      <c r="X2019" s="53"/>
      <c r="Y2019" s="53"/>
      <c r="Z2019" s="53"/>
      <c r="AA2019" s="53"/>
      <c r="AB2019" s="53"/>
      <c r="AC2019" s="53"/>
      <c r="AD2019" s="53"/>
      <c r="AE2019" s="53"/>
      <c r="AF2019" s="53"/>
      <c r="AG2019" s="53"/>
      <c r="AH2019" s="53"/>
      <c r="AI2019" s="53"/>
      <c r="AJ2019" s="53"/>
      <c r="AK2019" s="53"/>
      <c r="AL2019" s="53"/>
      <c r="AM2019" s="53"/>
      <c r="AN2019" s="53"/>
      <c r="AO2019" s="53"/>
      <c r="AP2019" s="53"/>
      <c r="AQ2019" s="53"/>
      <c r="AR2019" s="53"/>
      <c r="AS2019" s="53"/>
      <c r="AT2019" s="53"/>
      <c r="AU2019" s="53"/>
      <c r="AV2019" s="53"/>
      <c r="AW2019" s="53"/>
      <c r="AX2019" s="53"/>
      <c r="AY2019" s="53"/>
      <c r="AZ2019" s="53"/>
      <c r="BA2019" s="53"/>
      <c r="BB2019" s="53">
        <v>650000000</v>
      </c>
      <c r="BC2019" s="53"/>
      <c r="BD2019" s="53"/>
      <c r="BE2019" s="53"/>
      <c r="BF2019" s="53"/>
      <c r="BG2019" s="53"/>
      <c r="BH2019" s="53"/>
      <c r="BI2019" s="53"/>
      <c r="BJ2019" s="53"/>
      <c r="BK2019" s="53"/>
      <c r="BL2019" s="53"/>
      <c r="BM2019" s="53"/>
      <c r="BN2019" s="53">
        <v>650000000</v>
      </c>
      <c r="BO2019" s="53"/>
      <c r="BP2019" s="53"/>
      <c r="BQ2019" s="53"/>
      <c r="BR2019" s="53"/>
      <c r="BS2019" s="53"/>
      <c r="BT2019" s="53"/>
      <c r="BU2019" s="53"/>
      <c r="BV2019" s="53"/>
      <c r="BW2019" s="53"/>
      <c r="BX2019" s="53"/>
      <c r="BY2019" s="53"/>
      <c r="BZ2019" s="53"/>
      <c r="CA2019" s="53"/>
      <c r="CB2019" s="53"/>
      <c r="CC2019" s="53"/>
      <c r="CD2019" s="53"/>
      <c r="CE2019" s="53"/>
      <c r="CF2019" s="53"/>
      <c r="CG2019" s="53"/>
      <c r="CH2019" s="53"/>
      <c r="CI2019" s="53"/>
      <c r="CJ2019" s="53"/>
      <c r="CK2019" s="53"/>
      <c r="CL2019" s="53"/>
      <c r="CM2019" s="53"/>
      <c r="CN2019" s="53"/>
    </row>
    <row r="2020" spans="1:92" outlineLevel="1">
      <c r="A2020" s="52" t="s">
        <v>725</v>
      </c>
      <c r="B2020" s="53"/>
      <c r="C2020" s="53"/>
      <c r="D2020" s="53"/>
      <c r="E2020" s="53"/>
      <c r="F2020" s="53"/>
      <c r="G2020" s="53"/>
      <c r="H2020" s="53"/>
      <c r="I2020" s="53"/>
      <c r="J2020" s="53"/>
      <c r="K2020" s="53"/>
      <c r="L2020" s="53"/>
      <c r="M2020" s="53"/>
      <c r="N2020" s="53"/>
      <c r="O2020" s="53"/>
      <c r="P2020" s="53"/>
      <c r="Q2020" s="53"/>
      <c r="R2020" s="53"/>
      <c r="S2020" s="53"/>
      <c r="T2020" s="53"/>
      <c r="U2020" s="53"/>
      <c r="V2020" s="53"/>
      <c r="W2020" s="53"/>
      <c r="X2020" s="53"/>
      <c r="Y2020" s="53"/>
      <c r="Z2020" s="53"/>
      <c r="AA2020" s="53"/>
      <c r="AB2020" s="53"/>
      <c r="AC2020" s="53"/>
      <c r="AD2020" s="53"/>
      <c r="AE2020" s="53"/>
      <c r="AF2020" s="53"/>
      <c r="AG2020" s="53"/>
      <c r="AH2020" s="53"/>
      <c r="AI2020" s="53"/>
      <c r="AJ2020" s="53"/>
      <c r="AK2020" s="53"/>
      <c r="AL2020" s="53"/>
      <c r="AM2020" s="53"/>
      <c r="AN2020" s="53"/>
      <c r="AO2020" s="53"/>
      <c r="AP2020" s="53"/>
      <c r="AQ2020" s="53"/>
      <c r="AR2020" s="53"/>
      <c r="AS2020" s="53"/>
      <c r="AT2020" s="53"/>
      <c r="AU2020" s="53"/>
      <c r="AV2020" s="53"/>
      <c r="AW2020" s="53"/>
      <c r="AX2020" s="53"/>
      <c r="AY2020" s="53"/>
      <c r="AZ2020" s="53"/>
      <c r="BA2020" s="53"/>
      <c r="BB2020" s="53"/>
      <c r="BC2020" s="53"/>
      <c r="BD2020" s="53"/>
      <c r="BE2020" s="53"/>
      <c r="BF2020" s="53"/>
      <c r="BG2020" s="53"/>
      <c r="BH2020" s="53"/>
      <c r="BI2020" s="53"/>
      <c r="BJ2020" s="53"/>
      <c r="BK2020" s="53"/>
      <c r="BL2020" s="53"/>
      <c r="BM2020" s="53"/>
      <c r="BN2020" s="53"/>
      <c r="BO2020" s="53"/>
      <c r="BP2020" s="53"/>
      <c r="BQ2020" s="53"/>
      <c r="BR2020" s="53"/>
      <c r="BS2020" s="53"/>
      <c r="BT2020" s="53"/>
      <c r="BU2020" s="53">
        <v>600000000</v>
      </c>
      <c r="BV2020" s="53"/>
      <c r="BW2020" s="53"/>
      <c r="BX2020" s="53"/>
      <c r="BY2020" s="53"/>
      <c r="BZ2020" s="53"/>
      <c r="CA2020" s="53">
        <v>600000000</v>
      </c>
      <c r="CB2020" s="53">
        <v>2722409.65123385</v>
      </c>
      <c r="CC2020" s="53">
        <v>1248678.91999333</v>
      </c>
      <c r="CD2020" s="53">
        <v>1118736.0197216601</v>
      </c>
      <c r="CE2020" s="53">
        <v>2320217.0643701302</v>
      </c>
      <c r="CF2020" s="53">
        <v>5435743.9245058596</v>
      </c>
      <c r="CG2020" s="53">
        <v>6684248.9549595797</v>
      </c>
      <c r="CH2020" s="53">
        <v>8118313.1831336301</v>
      </c>
      <c r="CI2020" s="53">
        <v>8185105.3131268397</v>
      </c>
      <c r="CJ2020" s="53">
        <v>6813232.5979465004</v>
      </c>
      <c r="CK2020" s="53">
        <v>4004354.5534631899</v>
      </c>
      <c r="CL2020" s="53">
        <v>1298326.9287197101</v>
      </c>
      <c r="CM2020" s="53">
        <v>1693457.48966815</v>
      </c>
      <c r="CN2020" s="53">
        <v>49642824.600842401</v>
      </c>
    </row>
    <row r="2021" spans="1:92" outlineLevel="1">
      <c r="A2021" s="52" t="s">
        <v>726</v>
      </c>
      <c r="B2021" s="53"/>
      <c r="C2021" s="53"/>
      <c r="D2021" s="53"/>
      <c r="E2021" s="53"/>
      <c r="F2021" s="53"/>
      <c r="G2021" s="53"/>
      <c r="H2021" s="53"/>
      <c r="I2021" s="53"/>
      <c r="J2021" s="53"/>
      <c r="K2021" s="53"/>
      <c r="L2021" s="53"/>
      <c r="M2021" s="53"/>
      <c r="N2021" s="53"/>
      <c r="O2021" s="53"/>
      <c r="P2021" s="53"/>
      <c r="Q2021" s="53"/>
      <c r="R2021" s="53"/>
      <c r="S2021" s="53"/>
      <c r="T2021" s="53"/>
      <c r="U2021" s="53"/>
      <c r="V2021" s="53"/>
      <c r="W2021" s="53"/>
      <c r="X2021" s="53"/>
      <c r="Y2021" s="53"/>
      <c r="Z2021" s="53"/>
      <c r="AA2021" s="53"/>
      <c r="AB2021" s="53"/>
      <c r="AC2021" s="53"/>
      <c r="AD2021" s="53"/>
      <c r="AE2021" s="53"/>
      <c r="AF2021" s="53"/>
      <c r="AG2021" s="53"/>
      <c r="AH2021" s="53"/>
      <c r="AI2021" s="53"/>
      <c r="AJ2021" s="53"/>
      <c r="AK2021" s="53"/>
      <c r="AL2021" s="53"/>
      <c r="AM2021" s="53"/>
      <c r="AN2021" s="53"/>
      <c r="AO2021" s="53"/>
      <c r="AP2021" s="53"/>
      <c r="AQ2021" s="53"/>
      <c r="AR2021" s="53"/>
      <c r="AS2021" s="53"/>
      <c r="AT2021" s="53"/>
      <c r="AU2021" s="53"/>
      <c r="AV2021" s="53"/>
      <c r="AW2021" s="53"/>
      <c r="AX2021" s="53"/>
      <c r="AY2021" s="53"/>
      <c r="AZ2021" s="53"/>
      <c r="BA2021" s="53"/>
      <c r="BB2021" s="53"/>
      <c r="BC2021" s="53"/>
      <c r="BD2021" s="53"/>
      <c r="BE2021" s="53"/>
      <c r="BF2021" s="53"/>
      <c r="BG2021" s="53"/>
      <c r="BH2021" s="53"/>
      <c r="BI2021" s="53"/>
      <c r="BJ2021" s="53"/>
      <c r="BK2021" s="53"/>
      <c r="BL2021" s="53"/>
      <c r="BM2021" s="53"/>
      <c r="BN2021" s="53"/>
      <c r="BO2021" s="53"/>
      <c r="BP2021" s="53"/>
      <c r="BQ2021" s="53"/>
      <c r="BR2021" s="53"/>
      <c r="BS2021" s="53"/>
      <c r="BT2021" s="53"/>
      <c r="BU2021" s="53"/>
      <c r="BV2021" s="53"/>
      <c r="BW2021" s="53"/>
      <c r="BX2021" s="53"/>
      <c r="BY2021" s="53"/>
      <c r="BZ2021" s="53"/>
      <c r="CA2021" s="53"/>
      <c r="CB2021" s="53"/>
      <c r="CC2021" s="53"/>
      <c r="CD2021" s="53"/>
      <c r="CE2021" s="53"/>
      <c r="CF2021" s="53"/>
      <c r="CG2021" s="53"/>
      <c r="CH2021" s="53"/>
      <c r="CI2021" s="53"/>
      <c r="CJ2021" s="53"/>
      <c r="CK2021" s="53"/>
      <c r="CL2021" s="53"/>
      <c r="CM2021" s="53"/>
      <c r="CN2021" s="53"/>
    </row>
    <row r="2022" spans="1:92" outlineLevel="1">
      <c r="A2022" s="52" t="s">
        <v>1564</v>
      </c>
      <c r="B2022" s="53"/>
      <c r="C2022" s="53"/>
      <c r="D2022" s="53"/>
      <c r="E2022" s="53"/>
      <c r="F2022" s="53"/>
      <c r="G2022" s="53"/>
      <c r="H2022" s="53"/>
      <c r="I2022" s="53"/>
      <c r="J2022" s="53"/>
      <c r="K2022" s="53"/>
      <c r="L2022" s="53"/>
      <c r="M2022" s="53"/>
      <c r="N2022" s="53"/>
      <c r="O2022" s="53"/>
      <c r="P2022" s="53"/>
      <c r="Q2022" s="53"/>
      <c r="R2022" s="53">
        <v>800000000</v>
      </c>
      <c r="S2022" s="53"/>
      <c r="T2022" s="53"/>
      <c r="U2022" s="53"/>
      <c r="V2022" s="53"/>
      <c r="W2022" s="53"/>
      <c r="X2022" s="53"/>
      <c r="Y2022" s="53"/>
      <c r="Z2022" s="53"/>
      <c r="AA2022" s="53">
        <v>800000000</v>
      </c>
      <c r="AB2022" s="53"/>
      <c r="AC2022" s="53"/>
      <c r="AD2022" s="53"/>
      <c r="AE2022" s="53"/>
      <c r="AF2022" s="53"/>
      <c r="AG2022" s="53"/>
      <c r="AH2022" s="53"/>
      <c r="AI2022" s="53"/>
      <c r="AJ2022" s="53"/>
      <c r="AK2022" s="53"/>
      <c r="AL2022" s="53"/>
      <c r="AM2022" s="53"/>
      <c r="AN2022" s="53"/>
      <c r="AO2022" s="53"/>
      <c r="AP2022" s="53"/>
      <c r="AQ2022" s="53"/>
      <c r="AR2022" s="53"/>
      <c r="AS2022" s="53"/>
      <c r="AT2022" s="53"/>
      <c r="AU2022" s="53"/>
      <c r="AV2022" s="53"/>
      <c r="AW2022" s="53"/>
      <c r="AX2022" s="53"/>
      <c r="AY2022" s="53"/>
      <c r="AZ2022" s="53"/>
      <c r="BA2022" s="53"/>
      <c r="BB2022" s="53"/>
      <c r="BC2022" s="53"/>
      <c r="BD2022" s="53"/>
      <c r="BE2022" s="53"/>
      <c r="BF2022" s="53"/>
      <c r="BG2022" s="53"/>
      <c r="BH2022" s="53"/>
      <c r="BI2022" s="53"/>
      <c r="BJ2022" s="53"/>
      <c r="BK2022" s="53"/>
      <c r="BL2022" s="53"/>
      <c r="BM2022" s="53"/>
      <c r="BN2022" s="53"/>
      <c r="BO2022" s="53"/>
      <c r="BP2022" s="53"/>
      <c r="BQ2022" s="53"/>
      <c r="BR2022" s="53"/>
      <c r="BS2022" s="53"/>
      <c r="BT2022" s="53"/>
      <c r="BU2022" s="53"/>
      <c r="BV2022" s="53"/>
      <c r="BW2022" s="53"/>
      <c r="BX2022" s="53"/>
      <c r="BY2022" s="53"/>
      <c r="BZ2022" s="53"/>
      <c r="CA2022" s="53"/>
      <c r="CB2022" s="53"/>
      <c r="CC2022" s="53"/>
      <c r="CD2022" s="53"/>
      <c r="CE2022" s="53"/>
      <c r="CF2022" s="53"/>
      <c r="CG2022" s="53"/>
      <c r="CH2022" s="53"/>
      <c r="CI2022" s="53"/>
      <c r="CJ2022" s="53"/>
      <c r="CK2022" s="53"/>
      <c r="CL2022" s="53"/>
      <c r="CM2022" s="53"/>
      <c r="CN2022" s="53"/>
    </row>
    <row r="2023" spans="1:92" outlineLevel="1">
      <c r="A2023" s="52" t="s">
        <v>1581</v>
      </c>
      <c r="B2023" s="53">
        <v>0</v>
      </c>
      <c r="C2023" s="53">
        <v>0</v>
      </c>
      <c r="D2023" s="53">
        <v>0</v>
      </c>
      <c r="E2023" s="53">
        <v>0</v>
      </c>
      <c r="F2023" s="53">
        <v>0</v>
      </c>
      <c r="G2023" s="53">
        <v>0</v>
      </c>
      <c r="H2023" s="53">
        <v>0</v>
      </c>
      <c r="I2023" s="53">
        <v>0</v>
      </c>
      <c r="J2023" s="53">
        <v>0</v>
      </c>
      <c r="K2023" s="53">
        <v>0</v>
      </c>
      <c r="L2023" s="53">
        <v>0</v>
      </c>
      <c r="M2023" s="53">
        <v>0</v>
      </c>
      <c r="N2023" s="53">
        <v>0</v>
      </c>
      <c r="O2023" s="53">
        <v>0</v>
      </c>
      <c r="P2023" s="53">
        <v>0</v>
      </c>
      <c r="Q2023" s="53">
        <v>0</v>
      </c>
      <c r="R2023" s="53">
        <v>800000000</v>
      </c>
      <c r="S2023" s="53">
        <v>800000000</v>
      </c>
      <c r="T2023" s="53">
        <v>800000000</v>
      </c>
      <c r="U2023" s="53">
        <v>800000000</v>
      </c>
      <c r="V2023" s="53">
        <v>800000000</v>
      </c>
      <c r="W2023" s="53">
        <v>800000000</v>
      </c>
      <c r="X2023" s="53">
        <v>800000000</v>
      </c>
      <c r="Y2023" s="53">
        <v>800000000</v>
      </c>
      <c r="Z2023" s="53">
        <v>800000000</v>
      </c>
      <c r="AA2023" s="53">
        <v>800000000</v>
      </c>
      <c r="AB2023" s="53">
        <v>800000000</v>
      </c>
      <c r="AC2023" s="53">
        <v>800000000</v>
      </c>
      <c r="AD2023" s="53">
        <v>800000000</v>
      </c>
      <c r="AE2023" s="53">
        <v>0</v>
      </c>
      <c r="AF2023" s="53">
        <v>0</v>
      </c>
      <c r="AG2023" s="53">
        <v>0</v>
      </c>
      <c r="AH2023" s="53">
        <v>0</v>
      </c>
      <c r="AI2023" s="53">
        <v>0</v>
      </c>
      <c r="AJ2023" s="53">
        <v>0</v>
      </c>
      <c r="AK2023" s="53">
        <v>0</v>
      </c>
      <c r="AL2023" s="53">
        <v>0</v>
      </c>
      <c r="AM2023" s="53">
        <v>0</v>
      </c>
      <c r="AN2023" s="53">
        <v>0</v>
      </c>
      <c r="AO2023" s="53">
        <v>0</v>
      </c>
      <c r="AP2023" s="53">
        <v>0</v>
      </c>
      <c r="AQ2023" s="53">
        <v>0</v>
      </c>
      <c r="AR2023" s="53">
        <v>0</v>
      </c>
      <c r="AS2023" s="53">
        <v>0</v>
      </c>
      <c r="AT2023" s="53">
        <v>0</v>
      </c>
      <c r="AU2023" s="53">
        <v>0</v>
      </c>
      <c r="AV2023" s="53">
        <v>0</v>
      </c>
      <c r="AW2023" s="53">
        <v>0</v>
      </c>
      <c r="AX2023" s="53">
        <v>0</v>
      </c>
      <c r="AY2023" s="53">
        <v>0</v>
      </c>
      <c r="AZ2023" s="53">
        <v>0</v>
      </c>
      <c r="BA2023" s="53">
        <v>0</v>
      </c>
      <c r="BB2023" s="53">
        <v>650000000</v>
      </c>
      <c r="BC2023" s="53">
        <v>650000000</v>
      </c>
      <c r="BD2023" s="53">
        <v>650000000</v>
      </c>
      <c r="BE2023" s="53">
        <v>650000000</v>
      </c>
      <c r="BF2023" s="53">
        <v>650000000</v>
      </c>
      <c r="BG2023" s="53">
        <v>650000000</v>
      </c>
      <c r="BH2023" s="53">
        <v>650000000</v>
      </c>
      <c r="BI2023" s="53">
        <v>650000000</v>
      </c>
      <c r="BJ2023" s="53">
        <v>650000000</v>
      </c>
      <c r="BK2023" s="53">
        <v>650000000</v>
      </c>
      <c r="BL2023" s="53">
        <v>650000000</v>
      </c>
      <c r="BM2023" s="53">
        <v>650000000</v>
      </c>
      <c r="BN2023" s="53">
        <v>650000000</v>
      </c>
      <c r="BO2023" s="53">
        <v>0</v>
      </c>
      <c r="BP2023" s="53">
        <v>150000000</v>
      </c>
      <c r="BQ2023" s="53">
        <v>150000000</v>
      </c>
      <c r="BR2023" s="53">
        <v>150000000</v>
      </c>
      <c r="BS2023" s="53">
        <v>150000000</v>
      </c>
      <c r="BT2023" s="53">
        <v>150000000</v>
      </c>
      <c r="BU2023" s="53">
        <v>750000000</v>
      </c>
      <c r="BV2023" s="53">
        <v>750000000</v>
      </c>
      <c r="BW2023" s="53">
        <v>750000000</v>
      </c>
      <c r="BX2023" s="53">
        <v>750000000</v>
      </c>
      <c r="BY2023" s="53">
        <v>750000000</v>
      </c>
      <c r="BZ2023" s="53">
        <v>750000000</v>
      </c>
      <c r="CA2023" s="53">
        <v>750000000</v>
      </c>
      <c r="CB2023" s="53">
        <v>1427936.33333333</v>
      </c>
      <c r="CC2023" s="53">
        <v>1427936.33333333</v>
      </c>
      <c r="CD2023" s="53">
        <v>1427936.33333333</v>
      </c>
      <c r="CE2023" s="53">
        <v>1427936.33333333</v>
      </c>
      <c r="CF2023" s="53">
        <v>1427936.33333333</v>
      </c>
      <c r="CG2023" s="53">
        <v>1427936.33333333</v>
      </c>
      <c r="CH2023" s="53">
        <v>1427936.33333333</v>
      </c>
      <c r="CI2023" s="53">
        <v>1427936.33333333</v>
      </c>
      <c r="CJ2023" s="53">
        <v>1427936.33333333</v>
      </c>
      <c r="CK2023" s="53">
        <v>1427936.33333333</v>
      </c>
      <c r="CL2023" s="53">
        <v>1427936.33333333</v>
      </c>
      <c r="CM2023" s="53">
        <v>1427936.33333333</v>
      </c>
      <c r="CN2023" s="53">
        <v>17135236</v>
      </c>
    </row>
    <row r="2024" spans="1:92" outlineLevel="1">
      <c r="A2024" s="52" t="s">
        <v>1582</v>
      </c>
      <c r="B2024" s="53">
        <v>0</v>
      </c>
      <c r="C2024" s="53">
        <v>0</v>
      </c>
      <c r="D2024" s="53">
        <v>0</v>
      </c>
      <c r="E2024" s="53">
        <v>0</v>
      </c>
      <c r="F2024" s="53">
        <v>0</v>
      </c>
      <c r="G2024" s="53">
        <v>0</v>
      </c>
      <c r="H2024" s="53">
        <v>0</v>
      </c>
      <c r="I2024" s="53">
        <v>0</v>
      </c>
      <c r="J2024" s="53">
        <v>0</v>
      </c>
      <c r="K2024" s="53">
        <v>0</v>
      </c>
      <c r="L2024" s="53">
        <v>0</v>
      </c>
      <c r="M2024" s="53">
        <v>0</v>
      </c>
      <c r="N2024" s="53">
        <v>0</v>
      </c>
      <c r="O2024" s="53">
        <v>0</v>
      </c>
      <c r="P2024" s="53">
        <v>0</v>
      </c>
      <c r="Q2024" s="53">
        <v>0</v>
      </c>
      <c r="R2024" s="53">
        <v>0</v>
      </c>
      <c r="S2024" s="53">
        <v>0</v>
      </c>
      <c r="T2024" s="53">
        <v>0</v>
      </c>
      <c r="U2024" s="53">
        <v>0</v>
      </c>
      <c r="V2024" s="53">
        <v>0</v>
      </c>
      <c r="W2024" s="53">
        <v>0</v>
      </c>
      <c r="X2024" s="53">
        <v>0</v>
      </c>
      <c r="Y2024" s="53">
        <v>0</v>
      </c>
      <c r="Z2024" s="53">
        <v>0</v>
      </c>
      <c r="AA2024" s="53">
        <v>0</v>
      </c>
      <c r="AB2024" s="53">
        <v>0</v>
      </c>
      <c r="AC2024" s="53">
        <v>0</v>
      </c>
      <c r="AD2024" s="53">
        <v>0</v>
      </c>
      <c r="AE2024" s="53">
        <v>0</v>
      </c>
      <c r="AF2024" s="53">
        <v>0</v>
      </c>
      <c r="AG2024" s="53">
        <v>0</v>
      </c>
      <c r="AH2024" s="53">
        <v>0</v>
      </c>
      <c r="AI2024" s="53">
        <v>0</v>
      </c>
      <c r="AJ2024" s="53">
        <v>0</v>
      </c>
      <c r="AK2024" s="53">
        <v>0</v>
      </c>
      <c r="AL2024" s="53">
        <v>0</v>
      </c>
      <c r="AM2024" s="53">
        <v>0</v>
      </c>
      <c r="AN2024" s="53">
        <v>0</v>
      </c>
      <c r="AO2024" s="53">
        <v>0</v>
      </c>
      <c r="AP2024" s="53">
        <v>0</v>
      </c>
      <c r="AQ2024" s="53">
        <v>0</v>
      </c>
      <c r="AR2024" s="53">
        <v>0</v>
      </c>
      <c r="AS2024" s="53">
        <v>0</v>
      </c>
      <c r="AT2024" s="53">
        <v>0</v>
      </c>
      <c r="AU2024" s="53">
        <v>0</v>
      </c>
      <c r="AV2024" s="53">
        <v>0</v>
      </c>
      <c r="AW2024" s="53">
        <v>0</v>
      </c>
      <c r="AX2024" s="53">
        <v>0</v>
      </c>
      <c r="AY2024" s="53">
        <v>0</v>
      </c>
      <c r="AZ2024" s="53">
        <v>0</v>
      </c>
      <c r="BA2024" s="53">
        <v>0</v>
      </c>
      <c r="BB2024" s="53">
        <v>0</v>
      </c>
      <c r="BC2024" s="53">
        <v>0</v>
      </c>
      <c r="BD2024" s="53">
        <v>0</v>
      </c>
      <c r="BE2024" s="53">
        <v>0</v>
      </c>
      <c r="BF2024" s="53">
        <v>0</v>
      </c>
      <c r="BG2024" s="53">
        <v>0</v>
      </c>
      <c r="BH2024" s="53">
        <v>0</v>
      </c>
      <c r="BI2024" s="53">
        <v>0</v>
      </c>
      <c r="BJ2024" s="53">
        <v>0</v>
      </c>
      <c r="BK2024" s="53">
        <v>0</v>
      </c>
      <c r="BL2024" s="53">
        <v>0</v>
      </c>
      <c r="BM2024" s="53">
        <v>0</v>
      </c>
      <c r="BN2024" s="53">
        <v>0</v>
      </c>
      <c r="BO2024" s="53">
        <v>0</v>
      </c>
      <c r="BP2024" s="53">
        <v>0</v>
      </c>
      <c r="BQ2024" s="53">
        <v>0</v>
      </c>
      <c r="BR2024" s="53">
        <v>0</v>
      </c>
      <c r="BS2024" s="53">
        <v>0</v>
      </c>
      <c r="BT2024" s="53">
        <v>0</v>
      </c>
      <c r="BU2024" s="53">
        <v>0</v>
      </c>
      <c r="BV2024" s="53">
        <v>0</v>
      </c>
      <c r="BW2024" s="53">
        <v>0</v>
      </c>
      <c r="BX2024" s="53">
        <v>0</v>
      </c>
      <c r="BY2024" s="53">
        <v>0</v>
      </c>
      <c r="BZ2024" s="53">
        <v>0</v>
      </c>
      <c r="CA2024" s="53">
        <v>0</v>
      </c>
      <c r="CB2024" s="53">
        <v>137502944.28917</v>
      </c>
      <c r="CC2024" s="53">
        <v>162150446.94007999</v>
      </c>
      <c r="CD2024" s="53">
        <v>176533909.88520601</v>
      </c>
      <c r="CE2024" s="53">
        <v>193708548.97980401</v>
      </c>
      <c r="CF2024" s="53">
        <v>237650808.45605499</v>
      </c>
      <c r="CG2024" s="53">
        <v>256139561.82599899</v>
      </c>
      <c r="CH2024" s="53">
        <v>312443588.18587101</v>
      </c>
      <c r="CI2024" s="53">
        <v>369055404.82477599</v>
      </c>
      <c r="CJ2024" s="53">
        <v>354400647.84864599</v>
      </c>
      <c r="CK2024" s="53">
        <v>391746804.850519</v>
      </c>
      <c r="CL2024" s="53">
        <v>190627239.05194899</v>
      </c>
      <c r="CM2024" s="53">
        <v>106481302.479773</v>
      </c>
      <c r="CN2024" s="53">
        <v>106481302.479773</v>
      </c>
    </row>
    <row r="2025" spans="1:92" outlineLevel="1">
      <c r="A2025" s="52" t="s">
        <v>1583</v>
      </c>
      <c r="B2025" s="53">
        <v>0</v>
      </c>
      <c r="C2025" s="53">
        <v>0</v>
      </c>
      <c r="D2025" s="53">
        <v>0</v>
      </c>
      <c r="E2025" s="53">
        <v>0</v>
      </c>
      <c r="F2025" s="53">
        <v>0</v>
      </c>
      <c r="G2025" s="53">
        <v>0</v>
      </c>
      <c r="H2025" s="53">
        <v>0</v>
      </c>
      <c r="I2025" s="53">
        <v>0</v>
      </c>
      <c r="J2025" s="53">
        <v>0</v>
      </c>
      <c r="K2025" s="53">
        <v>0</v>
      </c>
      <c r="L2025" s="53">
        <v>0</v>
      </c>
      <c r="M2025" s="53">
        <v>0</v>
      </c>
      <c r="N2025" s="53">
        <v>0</v>
      </c>
      <c r="O2025" s="53">
        <v>0</v>
      </c>
      <c r="P2025" s="53">
        <v>0</v>
      </c>
      <c r="Q2025" s="53">
        <v>0</v>
      </c>
      <c r="R2025" s="53">
        <v>0</v>
      </c>
      <c r="S2025" s="53">
        <v>0</v>
      </c>
      <c r="T2025" s="53">
        <v>0</v>
      </c>
      <c r="U2025" s="53">
        <v>0</v>
      </c>
      <c r="V2025" s="53">
        <v>0</v>
      </c>
      <c r="W2025" s="53">
        <v>0</v>
      </c>
      <c r="X2025" s="53">
        <v>0</v>
      </c>
      <c r="Y2025" s="53">
        <v>0</v>
      </c>
      <c r="Z2025" s="53">
        <v>0</v>
      </c>
      <c r="AA2025" s="53">
        <v>0</v>
      </c>
      <c r="AB2025" s="53">
        <v>0</v>
      </c>
      <c r="AC2025" s="53">
        <v>0</v>
      </c>
      <c r="AD2025" s="53">
        <v>0</v>
      </c>
      <c r="AE2025" s="53">
        <v>0</v>
      </c>
      <c r="AF2025" s="53">
        <v>0</v>
      </c>
      <c r="AG2025" s="53">
        <v>0</v>
      </c>
      <c r="AH2025" s="53">
        <v>0</v>
      </c>
      <c r="AI2025" s="53">
        <v>0</v>
      </c>
      <c r="AJ2025" s="53">
        <v>0</v>
      </c>
      <c r="AK2025" s="53">
        <v>0</v>
      </c>
      <c r="AL2025" s="53">
        <v>0</v>
      </c>
      <c r="AM2025" s="53">
        <v>0</v>
      </c>
      <c r="AN2025" s="53">
        <v>0</v>
      </c>
      <c r="AO2025" s="53">
        <v>0</v>
      </c>
      <c r="AP2025" s="53">
        <v>0</v>
      </c>
      <c r="AQ2025" s="53">
        <v>0</v>
      </c>
      <c r="AR2025" s="53">
        <v>0</v>
      </c>
      <c r="AS2025" s="53">
        <v>0</v>
      </c>
      <c r="AT2025" s="53">
        <v>0</v>
      </c>
      <c r="AU2025" s="53">
        <v>0</v>
      </c>
      <c r="AV2025" s="53">
        <v>0</v>
      </c>
      <c r="AW2025" s="53">
        <v>0</v>
      </c>
      <c r="AX2025" s="53">
        <v>0</v>
      </c>
      <c r="AY2025" s="53">
        <v>0</v>
      </c>
      <c r="AZ2025" s="53">
        <v>0</v>
      </c>
      <c r="BA2025" s="53">
        <v>0</v>
      </c>
      <c r="BB2025" s="53">
        <v>0</v>
      </c>
      <c r="BC2025" s="53">
        <v>0</v>
      </c>
      <c r="BD2025" s="53">
        <v>0</v>
      </c>
      <c r="BE2025" s="53">
        <v>0</v>
      </c>
      <c r="BF2025" s="53">
        <v>0</v>
      </c>
      <c r="BG2025" s="53">
        <v>0</v>
      </c>
      <c r="BH2025" s="53">
        <v>0</v>
      </c>
      <c r="BI2025" s="53">
        <v>0</v>
      </c>
      <c r="BJ2025" s="53">
        <v>0</v>
      </c>
      <c r="BK2025" s="53">
        <v>0</v>
      </c>
      <c r="BL2025" s="53">
        <v>0</v>
      </c>
      <c r="BM2025" s="53">
        <v>0</v>
      </c>
      <c r="BN2025" s="53">
        <v>0</v>
      </c>
      <c r="BO2025" s="53">
        <v>0</v>
      </c>
      <c r="BP2025" s="53">
        <v>0</v>
      </c>
      <c r="BQ2025" s="53">
        <v>0</v>
      </c>
      <c r="BR2025" s="53">
        <v>0</v>
      </c>
      <c r="BS2025" s="53">
        <v>0</v>
      </c>
      <c r="BT2025" s="53">
        <v>0</v>
      </c>
      <c r="BU2025" s="53">
        <v>0</v>
      </c>
      <c r="BV2025" s="53">
        <v>0</v>
      </c>
      <c r="BW2025" s="53">
        <v>0</v>
      </c>
      <c r="BX2025" s="53">
        <v>0</v>
      </c>
      <c r="BY2025" s="53">
        <v>0</v>
      </c>
      <c r="BZ2025" s="53">
        <v>0</v>
      </c>
      <c r="CA2025" s="53">
        <v>0</v>
      </c>
      <c r="CB2025" s="53"/>
      <c r="CC2025" s="53"/>
      <c r="CD2025" s="53"/>
      <c r="CE2025" s="53"/>
      <c r="CF2025" s="53"/>
      <c r="CG2025" s="53"/>
      <c r="CH2025" s="53"/>
      <c r="CI2025" s="53"/>
      <c r="CJ2025" s="53"/>
      <c r="CK2025" s="53"/>
      <c r="CL2025" s="53"/>
      <c r="CM2025" s="53"/>
      <c r="CN2025" s="53"/>
    </row>
    <row r="2026" spans="1:92" outlineLevel="1">
      <c r="A2026" s="52" t="s">
        <v>1584</v>
      </c>
      <c r="B2026" s="53">
        <v>0</v>
      </c>
      <c r="C2026" s="53">
        <v>0</v>
      </c>
      <c r="D2026" s="53">
        <v>0</v>
      </c>
      <c r="E2026" s="53">
        <v>0</v>
      </c>
      <c r="F2026" s="53">
        <v>0</v>
      </c>
      <c r="G2026" s="53">
        <v>0</v>
      </c>
      <c r="H2026" s="53">
        <v>0</v>
      </c>
      <c r="I2026" s="53">
        <v>0</v>
      </c>
      <c r="J2026" s="53">
        <v>0</v>
      </c>
      <c r="K2026" s="53">
        <v>0</v>
      </c>
      <c r="L2026" s="53">
        <v>0</v>
      </c>
      <c r="M2026" s="53">
        <v>0</v>
      </c>
      <c r="N2026" s="53">
        <v>0</v>
      </c>
      <c r="O2026" s="53">
        <v>0</v>
      </c>
      <c r="P2026" s="53">
        <v>0</v>
      </c>
      <c r="Q2026" s="53">
        <v>0</v>
      </c>
      <c r="R2026" s="53">
        <v>0</v>
      </c>
      <c r="S2026" s="53">
        <v>0</v>
      </c>
      <c r="T2026" s="53">
        <v>0</v>
      </c>
      <c r="U2026" s="53">
        <v>0</v>
      </c>
      <c r="V2026" s="53">
        <v>0</v>
      </c>
      <c r="W2026" s="53">
        <v>0</v>
      </c>
      <c r="X2026" s="53">
        <v>0</v>
      </c>
      <c r="Y2026" s="53">
        <v>0</v>
      </c>
      <c r="Z2026" s="53">
        <v>0</v>
      </c>
      <c r="AA2026" s="53">
        <v>0</v>
      </c>
      <c r="AB2026" s="53">
        <v>0</v>
      </c>
      <c r="AC2026" s="53">
        <v>0</v>
      </c>
      <c r="AD2026" s="53">
        <v>0</v>
      </c>
      <c r="AE2026" s="53">
        <v>0</v>
      </c>
      <c r="AF2026" s="53">
        <v>0</v>
      </c>
      <c r="AG2026" s="53">
        <v>0</v>
      </c>
      <c r="AH2026" s="53">
        <v>0</v>
      </c>
      <c r="AI2026" s="53">
        <v>0</v>
      </c>
      <c r="AJ2026" s="53">
        <v>0</v>
      </c>
      <c r="AK2026" s="53">
        <v>0</v>
      </c>
      <c r="AL2026" s="53">
        <v>0</v>
      </c>
      <c r="AM2026" s="53">
        <v>0</v>
      </c>
      <c r="AN2026" s="53">
        <v>0</v>
      </c>
      <c r="AO2026" s="53">
        <v>0</v>
      </c>
      <c r="AP2026" s="53">
        <v>0</v>
      </c>
      <c r="AQ2026" s="53">
        <v>0</v>
      </c>
      <c r="AR2026" s="53">
        <v>0</v>
      </c>
      <c r="AS2026" s="53">
        <v>0</v>
      </c>
      <c r="AT2026" s="53">
        <v>0</v>
      </c>
      <c r="AU2026" s="53">
        <v>0</v>
      </c>
      <c r="AV2026" s="53">
        <v>0</v>
      </c>
      <c r="AW2026" s="53">
        <v>0</v>
      </c>
      <c r="AX2026" s="53">
        <v>0</v>
      </c>
      <c r="AY2026" s="53">
        <v>0</v>
      </c>
      <c r="AZ2026" s="53">
        <v>0</v>
      </c>
      <c r="BA2026" s="53">
        <v>0</v>
      </c>
      <c r="BB2026" s="53">
        <v>0</v>
      </c>
      <c r="BC2026" s="53">
        <v>0</v>
      </c>
      <c r="BD2026" s="53">
        <v>0</v>
      </c>
      <c r="BE2026" s="53">
        <v>0</v>
      </c>
      <c r="BF2026" s="53">
        <v>0</v>
      </c>
      <c r="BG2026" s="53">
        <v>0</v>
      </c>
      <c r="BH2026" s="53">
        <v>0</v>
      </c>
      <c r="BI2026" s="53">
        <v>0</v>
      </c>
      <c r="BJ2026" s="53">
        <v>0</v>
      </c>
      <c r="BK2026" s="53">
        <v>0</v>
      </c>
      <c r="BL2026" s="53">
        <v>0</v>
      </c>
      <c r="BM2026" s="53">
        <v>0</v>
      </c>
      <c r="BN2026" s="53">
        <v>0</v>
      </c>
      <c r="BO2026" s="53">
        <v>0</v>
      </c>
      <c r="BP2026" s="53">
        <v>0</v>
      </c>
      <c r="BQ2026" s="53">
        <v>0</v>
      </c>
      <c r="BR2026" s="53">
        <v>0</v>
      </c>
      <c r="BS2026" s="53">
        <v>0</v>
      </c>
      <c r="BT2026" s="53">
        <v>0</v>
      </c>
      <c r="BU2026" s="53">
        <v>0</v>
      </c>
      <c r="BV2026" s="53">
        <v>0</v>
      </c>
      <c r="BW2026" s="53">
        <v>0</v>
      </c>
      <c r="BX2026" s="53">
        <v>0</v>
      </c>
      <c r="BY2026" s="53">
        <v>0</v>
      </c>
      <c r="BZ2026" s="53">
        <v>0</v>
      </c>
      <c r="CA2026" s="53">
        <v>0</v>
      </c>
      <c r="CB2026" s="53">
        <v>67194527.053333402</v>
      </c>
      <c r="CC2026" s="53">
        <v>61346610.3866667</v>
      </c>
      <c r="CD2026" s="53">
        <v>80615360.3866667</v>
      </c>
      <c r="CE2026" s="53">
        <v>82434110.3866667</v>
      </c>
      <c r="CF2026" s="53">
        <v>86677860.3866667</v>
      </c>
      <c r="CG2026" s="53">
        <v>103309110.386666</v>
      </c>
      <c r="CH2026" s="53">
        <v>67215360.3866667</v>
      </c>
      <c r="CI2026" s="53">
        <v>61346610.3866667</v>
      </c>
      <c r="CJ2026" s="53">
        <v>80615360.3866667</v>
      </c>
      <c r="CK2026" s="53">
        <v>82434110.3866667</v>
      </c>
      <c r="CL2026" s="53">
        <v>86677860.3866667</v>
      </c>
      <c r="CM2026" s="53">
        <v>103309110.386666</v>
      </c>
      <c r="CN2026" s="53">
        <v>67194527.053333402</v>
      </c>
    </row>
    <row r="2027" spans="1:92" outlineLevel="1">
      <c r="A2027" s="52" t="s">
        <v>1585</v>
      </c>
      <c r="B2027" s="53">
        <v>0</v>
      </c>
      <c r="C2027" s="53">
        <v>0</v>
      </c>
      <c r="D2027" s="53">
        <v>0</v>
      </c>
      <c r="E2027" s="53">
        <v>0</v>
      </c>
      <c r="F2027" s="53">
        <v>0</v>
      </c>
      <c r="G2027" s="53">
        <v>0</v>
      </c>
      <c r="H2027" s="53">
        <v>0</v>
      </c>
      <c r="I2027" s="53">
        <v>0</v>
      </c>
      <c r="J2027" s="53">
        <v>0</v>
      </c>
      <c r="K2027" s="53">
        <v>0</v>
      </c>
      <c r="L2027" s="53">
        <v>0</v>
      </c>
      <c r="M2027" s="53">
        <v>0</v>
      </c>
      <c r="N2027" s="53">
        <v>0</v>
      </c>
      <c r="O2027" s="53">
        <v>0</v>
      </c>
      <c r="P2027" s="53">
        <v>0</v>
      </c>
      <c r="Q2027" s="53">
        <v>0</v>
      </c>
      <c r="R2027" s="53">
        <v>0</v>
      </c>
      <c r="S2027" s="53">
        <v>0</v>
      </c>
      <c r="T2027" s="53">
        <v>0</v>
      </c>
      <c r="U2027" s="53">
        <v>0</v>
      </c>
      <c r="V2027" s="53">
        <v>0</v>
      </c>
      <c r="W2027" s="53">
        <v>0</v>
      </c>
      <c r="X2027" s="53">
        <v>0</v>
      </c>
      <c r="Y2027" s="53">
        <v>0</v>
      </c>
      <c r="Z2027" s="53">
        <v>0</v>
      </c>
      <c r="AA2027" s="53">
        <v>0</v>
      </c>
      <c r="AB2027" s="53">
        <v>0</v>
      </c>
      <c r="AC2027" s="53">
        <v>0</v>
      </c>
      <c r="AD2027" s="53">
        <v>0</v>
      </c>
      <c r="AE2027" s="53">
        <v>0</v>
      </c>
      <c r="AF2027" s="53">
        <v>0</v>
      </c>
      <c r="AG2027" s="53">
        <v>0</v>
      </c>
      <c r="AH2027" s="53">
        <v>0</v>
      </c>
      <c r="AI2027" s="53">
        <v>0</v>
      </c>
      <c r="AJ2027" s="53">
        <v>0</v>
      </c>
      <c r="AK2027" s="53">
        <v>0</v>
      </c>
      <c r="AL2027" s="53">
        <v>0</v>
      </c>
      <c r="AM2027" s="53">
        <v>0</v>
      </c>
      <c r="AN2027" s="53">
        <v>0</v>
      </c>
      <c r="AO2027" s="53">
        <v>0</v>
      </c>
      <c r="AP2027" s="53">
        <v>0</v>
      </c>
      <c r="AQ2027" s="53">
        <v>0</v>
      </c>
      <c r="AR2027" s="53">
        <v>0</v>
      </c>
      <c r="AS2027" s="53">
        <v>0</v>
      </c>
      <c r="AT2027" s="53">
        <v>0</v>
      </c>
      <c r="AU2027" s="53">
        <v>0</v>
      </c>
      <c r="AV2027" s="53">
        <v>0</v>
      </c>
      <c r="AW2027" s="53">
        <v>0</v>
      </c>
      <c r="AX2027" s="53">
        <v>0</v>
      </c>
      <c r="AY2027" s="53">
        <v>0</v>
      </c>
      <c r="AZ2027" s="53">
        <v>0</v>
      </c>
      <c r="BA2027" s="53">
        <v>0</v>
      </c>
      <c r="BB2027" s="53">
        <v>0</v>
      </c>
      <c r="BC2027" s="53">
        <v>0</v>
      </c>
      <c r="BD2027" s="53">
        <v>0</v>
      </c>
      <c r="BE2027" s="53">
        <v>0</v>
      </c>
      <c r="BF2027" s="53">
        <v>0</v>
      </c>
      <c r="BG2027" s="53">
        <v>0</v>
      </c>
      <c r="BH2027" s="53">
        <v>0</v>
      </c>
      <c r="BI2027" s="53">
        <v>0</v>
      </c>
      <c r="BJ2027" s="53">
        <v>0</v>
      </c>
      <c r="BK2027" s="53">
        <v>0</v>
      </c>
      <c r="BL2027" s="53">
        <v>0</v>
      </c>
      <c r="BM2027" s="53">
        <v>0</v>
      </c>
      <c r="BN2027" s="53">
        <v>0</v>
      </c>
      <c r="BO2027" s="53">
        <v>0</v>
      </c>
      <c r="BP2027" s="53">
        <v>0</v>
      </c>
      <c r="BQ2027" s="53">
        <v>0</v>
      </c>
      <c r="BR2027" s="53">
        <v>0</v>
      </c>
      <c r="BS2027" s="53">
        <v>0</v>
      </c>
      <c r="BT2027" s="53">
        <v>0</v>
      </c>
      <c r="BU2027" s="53">
        <v>0</v>
      </c>
      <c r="BV2027" s="53">
        <v>0</v>
      </c>
      <c r="BW2027" s="53">
        <v>0</v>
      </c>
      <c r="BX2027" s="53">
        <v>0</v>
      </c>
      <c r="BY2027" s="53">
        <v>0</v>
      </c>
      <c r="BZ2027" s="53">
        <v>0</v>
      </c>
      <c r="CA2027" s="53">
        <v>0</v>
      </c>
      <c r="CB2027" s="53"/>
      <c r="CC2027" s="53"/>
      <c r="CD2027" s="53"/>
      <c r="CE2027" s="53"/>
      <c r="CF2027" s="53"/>
      <c r="CG2027" s="53"/>
      <c r="CH2027" s="53"/>
      <c r="CI2027" s="53"/>
      <c r="CJ2027" s="53"/>
      <c r="CK2027" s="53"/>
      <c r="CL2027" s="53"/>
      <c r="CM2027" s="53"/>
      <c r="CN2027" s="53"/>
    </row>
    <row r="2028" spans="1:92" outlineLevel="1">
      <c r="A2028" s="52" t="s">
        <v>1586</v>
      </c>
      <c r="B2028" s="53">
        <v>0</v>
      </c>
      <c r="C2028" s="53">
        <v>0</v>
      </c>
      <c r="D2028" s="53">
        <v>0</v>
      </c>
      <c r="E2028" s="53">
        <v>0</v>
      </c>
      <c r="F2028" s="53">
        <v>0</v>
      </c>
      <c r="G2028" s="53">
        <v>0</v>
      </c>
      <c r="H2028" s="53">
        <v>0</v>
      </c>
      <c r="I2028" s="53">
        <v>0</v>
      </c>
      <c r="J2028" s="53">
        <v>0</v>
      </c>
      <c r="K2028" s="53">
        <v>0</v>
      </c>
      <c r="L2028" s="53">
        <v>0</v>
      </c>
      <c r="M2028" s="53">
        <v>0</v>
      </c>
      <c r="N2028" s="53">
        <v>0</v>
      </c>
      <c r="O2028" s="53">
        <v>0</v>
      </c>
      <c r="P2028" s="53">
        <v>0</v>
      </c>
      <c r="Q2028" s="53">
        <v>0</v>
      </c>
      <c r="R2028" s="53">
        <v>0</v>
      </c>
      <c r="S2028" s="53">
        <v>0</v>
      </c>
      <c r="T2028" s="53">
        <v>0</v>
      </c>
      <c r="U2028" s="53">
        <v>0</v>
      </c>
      <c r="V2028" s="53">
        <v>0</v>
      </c>
      <c r="W2028" s="53">
        <v>0</v>
      </c>
      <c r="X2028" s="53">
        <v>0</v>
      </c>
      <c r="Y2028" s="53">
        <v>0</v>
      </c>
      <c r="Z2028" s="53">
        <v>0</v>
      </c>
      <c r="AA2028" s="53">
        <v>0</v>
      </c>
      <c r="AB2028" s="53">
        <v>0</v>
      </c>
      <c r="AC2028" s="53">
        <v>0</v>
      </c>
      <c r="AD2028" s="53">
        <v>0</v>
      </c>
      <c r="AE2028" s="53">
        <v>0</v>
      </c>
      <c r="AF2028" s="53">
        <v>0</v>
      </c>
      <c r="AG2028" s="53">
        <v>0</v>
      </c>
      <c r="AH2028" s="53">
        <v>0</v>
      </c>
      <c r="AI2028" s="53">
        <v>0</v>
      </c>
      <c r="AJ2028" s="53">
        <v>0</v>
      </c>
      <c r="AK2028" s="53">
        <v>0</v>
      </c>
      <c r="AL2028" s="53">
        <v>0</v>
      </c>
      <c r="AM2028" s="53">
        <v>0</v>
      </c>
      <c r="AN2028" s="53">
        <v>0</v>
      </c>
      <c r="AO2028" s="53">
        <v>0</v>
      </c>
      <c r="AP2028" s="53">
        <v>0</v>
      </c>
      <c r="AQ2028" s="53">
        <v>0</v>
      </c>
      <c r="AR2028" s="53">
        <v>0</v>
      </c>
      <c r="AS2028" s="53">
        <v>0</v>
      </c>
      <c r="AT2028" s="53">
        <v>0</v>
      </c>
      <c r="AU2028" s="53">
        <v>0</v>
      </c>
      <c r="AV2028" s="53">
        <v>0</v>
      </c>
      <c r="AW2028" s="53">
        <v>0</v>
      </c>
      <c r="AX2028" s="53">
        <v>0</v>
      </c>
      <c r="AY2028" s="53">
        <v>0</v>
      </c>
      <c r="AZ2028" s="53">
        <v>0</v>
      </c>
      <c r="BA2028" s="53">
        <v>0</v>
      </c>
      <c r="BB2028" s="53">
        <v>0</v>
      </c>
      <c r="BC2028" s="53">
        <v>0</v>
      </c>
      <c r="BD2028" s="53">
        <v>0</v>
      </c>
      <c r="BE2028" s="53">
        <v>0</v>
      </c>
      <c r="BF2028" s="53">
        <v>0</v>
      </c>
      <c r="BG2028" s="53">
        <v>0</v>
      </c>
      <c r="BH2028" s="53">
        <v>0</v>
      </c>
      <c r="BI2028" s="53">
        <v>0</v>
      </c>
      <c r="BJ2028" s="53">
        <v>0</v>
      </c>
      <c r="BK2028" s="53">
        <v>0</v>
      </c>
      <c r="BL2028" s="53">
        <v>0</v>
      </c>
      <c r="BM2028" s="53">
        <v>0</v>
      </c>
      <c r="BN2028" s="53">
        <v>0</v>
      </c>
      <c r="BO2028" s="53">
        <v>0</v>
      </c>
      <c r="BP2028" s="53">
        <v>0</v>
      </c>
      <c r="BQ2028" s="53">
        <v>0</v>
      </c>
      <c r="BR2028" s="53">
        <v>0</v>
      </c>
      <c r="BS2028" s="53">
        <v>0</v>
      </c>
      <c r="BT2028" s="53">
        <v>0</v>
      </c>
      <c r="BU2028" s="53">
        <v>0</v>
      </c>
      <c r="BV2028" s="53">
        <v>0</v>
      </c>
      <c r="BW2028" s="53">
        <v>0</v>
      </c>
      <c r="BX2028" s="53">
        <v>0</v>
      </c>
      <c r="BY2028" s="53">
        <v>0</v>
      </c>
      <c r="BZ2028" s="53">
        <v>0</v>
      </c>
      <c r="CA2028" s="53">
        <v>0</v>
      </c>
      <c r="CB2028" s="53"/>
      <c r="CC2028" s="53"/>
      <c r="CD2028" s="53"/>
      <c r="CE2028" s="53"/>
      <c r="CF2028" s="53"/>
      <c r="CG2028" s="53"/>
      <c r="CH2028" s="53"/>
      <c r="CI2028" s="53"/>
      <c r="CJ2028" s="53"/>
      <c r="CK2028" s="53"/>
      <c r="CL2028" s="53"/>
      <c r="CM2028" s="53"/>
      <c r="CN2028" s="53"/>
    </row>
    <row r="2029" spans="1:92" outlineLevel="1">
      <c r="A2029" s="52" t="s">
        <v>1218</v>
      </c>
      <c r="B2029" s="53">
        <v>20499453.34</v>
      </c>
      <c r="C2029" s="53">
        <v>20633322.699999999</v>
      </c>
      <c r="D2029" s="53">
        <v>20768137.960000001</v>
      </c>
      <c r="E2029" s="53">
        <v>20903905.859999999</v>
      </c>
      <c r="F2029" s="53">
        <v>21040633.09</v>
      </c>
      <c r="G2029" s="53">
        <v>21178326.510000002</v>
      </c>
      <c r="H2029" s="53">
        <v>21316992.960000001</v>
      </c>
      <c r="I2029" s="53">
        <v>21456639.329999998</v>
      </c>
      <c r="J2029" s="53">
        <v>21597272.59</v>
      </c>
      <c r="K2029" s="53">
        <v>21738899.699999999</v>
      </c>
      <c r="L2029" s="53">
        <v>21881527.75</v>
      </c>
      <c r="M2029" s="53">
        <v>22025163.829999998</v>
      </c>
      <c r="N2029" s="53">
        <v>20499453.34</v>
      </c>
      <c r="O2029" s="53">
        <v>22169815.09</v>
      </c>
      <c r="P2029" s="53">
        <v>22315192.702013701</v>
      </c>
      <c r="Q2029" s="53">
        <v>22461597.783352301</v>
      </c>
      <c r="R2029" s="53">
        <v>22609037.6224548</v>
      </c>
      <c r="S2029" s="53">
        <v>22757519.559628699</v>
      </c>
      <c r="T2029" s="53">
        <v>21608482.027960598</v>
      </c>
      <c r="U2029" s="53">
        <v>18482860.232124802</v>
      </c>
      <c r="V2029" s="53">
        <v>15334531.235324699</v>
      </c>
      <c r="W2029" s="53">
        <v>12163330.106047999</v>
      </c>
      <c r="X2029" s="53">
        <v>11035022.7150198</v>
      </c>
      <c r="Y2029" s="53">
        <v>10345187.784775499</v>
      </c>
      <c r="Z2029" s="53">
        <v>9650318.6234054305</v>
      </c>
      <c r="AA2029" s="53">
        <v>22169815.09</v>
      </c>
      <c r="AB2029" s="53">
        <v>8347349.7272949303</v>
      </c>
      <c r="AC2029" s="53">
        <v>7045888.1189735401</v>
      </c>
      <c r="AD2029" s="53">
        <v>5734953.8868459798</v>
      </c>
      <c r="AE2029" s="53">
        <v>4975629.9198227199</v>
      </c>
      <c r="AF2029" s="53">
        <v>4252643.6296500703</v>
      </c>
      <c r="AG2029" s="53">
        <v>4278549.4544128198</v>
      </c>
      <c r="AH2029" s="53">
        <v>4304613.0884156898</v>
      </c>
      <c r="AI2029" s="53">
        <v>4330835.4929770101</v>
      </c>
      <c r="AJ2029" s="53">
        <v>4357217.6352711096</v>
      </c>
      <c r="AK2029" s="53">
        <v>4383760.4883639999</v>
      </c>
      <c r="AL2029" s="53">
        <v>4410465.0312492698</v>
      </c>
      <c r="AM2029" s="53">
        <v>4437332.2488841601</v>
      </c>
      <c r="AN2029" s="53">
        <v>8347349.7272949303</v>
      </c>
      <c r="AO2029" s="53">
        <v>4464363.1322259698</v>
      </c>
      <c r="AP2029" s="53">
        <v>4491558.6782685202</v>
      </c>
      <c r="AQ2029" s="53">
        <v>4518919.8900789702</v>
      </c>
      <c r="AR2029" s="53">
        <v>4546447.7768348102</v>
      </c>
      <c r="AS2029" s="53">
        <v>4574143.3538610898</v>
      </c>
      <c r="AT2029" s="53">
        <v>4602007.6426678495</v>
      </c>
      <c r="AU2029" s="53">
        <v>4630041.6709877905</v>
      </c>
      <c r="AV2029" s="53">
        <v>4658246.4728142302</v>
      </c>
      <c r="AW2029" s="53">
        <v>4686623.0884391703</v>
      </c>
      <c r="AX2029" s="53">
        <v>4715172.5644917199</v>
      </c>
      <c r="AY2029" s="53">
        <v>4743895.9539766898</v>
      </c>
      <c r="AZ2029" s="53">
        <v>4772794.3163133804</v>
      </c>
      <c r="BA2029" s="53">
        <v>4464363.1322259698</v>
      </c>
      <c r="BB2029" s="53">
        <v>4801868.7173747402</v>
      </c>
      <c r="BC2029" s="53">
        <v>4831120.2295266204</v>
      </c>
      <c r="BD2029" s="53">
        <v>4860549.93166734</v>
      </c>
      <c r="BE2029" s="53">
        <v>4890158.9092674796</v>
      </c>
      <c r="BF2029" s="53">
        <v>4496111.8303153804</v>
      </c>
      <c r="BG2029" s="53">
        <v>4099669.3768833298</v>
      </c>
      <c r="BH2029" s="53">
        <v>3700811.9335410199</v>
      </c>
      <c r="BI2029" s="53">
        <v>3299524.7890138901</v>
      </c>
      <c r="BJ2029" s="53">
        <v>2895793.1424114299</v>
      </c>
      <c r="BK2029" s="53">
        <v>2489602.1026813802</v>
      </c>
      <c r="BL2029" s="53">
        <v>2080936.6880604001</v>
      </c>
      <c r="BM2029" s="53">
        <v>1669781.8255215399</v>
      </c>
      <c r="BN2029" s="53">
        <v>4801868.7173747402</v>
      </c>
      <c r="BO2029" s="53">
        <v>1256122.3502183</v>
      </c>
      <c r="BP2029" s="53">
        <v>839943.00492525601</v>
      </c>
      <c r="BQ2029" s="53">
        <v>421228.43947536498</v>
      </c>
      <c r="BR2029" s="53">
        <v>-36.789806210720101</v>
      </c>
      <c r="BS2029" s="53">
        <v>-31.796577208656</v>
      </c>
      <c r="BT2029" s="53">
        <v>-31.796577208656</v>
      </c>
      <c r="BU2029" s="53">
        <v>-31.796577208656</v>
      </c>
      <c r="BV2029" s="53">
        <v>-31.796577208656</v>
      </c>
      <c r="BW2029" s="53">
        <v>-31.796577208656</v>
      </c>
      <c r="BX2029" s="53">
        <v>-31.796577208656</v>
      </c>
      <c r="BY2029" s="53">
        <v>-31.796577208656</v>
      </c>
      <c r="BZ2029" s="53">
        <v>-31.796577208656</v>
      </c>
      <c r="CA2029" s="53">
        <v>1256122.3502183</v>
      </c>
      <c r="CB2029" s="53"/>
      <c r="CC2029" s="53"/>
      <c r="CD2029" s="53"/>
      <c r="CE2029" s="53"/>
      <c r="CF2029" s="53"/>
      <c r="CG2029" s="53"/>
      <c r="CH2029" s="53"/>
      <c r="CI2029" s="53"/>
      <c r="CJ2029" s="53"/>
      <c r="CK2029" s="53"/>
      <c r="CL2029" s="53"/>
      <c r="CM2029" s="53"/>
      <c r="CN2029" s="53"/>
    </row>
    <row r="2030" spans="1:92" outlineLevel="1">
      <c r="A2030" s="52" t="s">
        <v>699</v>
      </c>
      <c r="B2030" s="53"/>
      <c r="C2030" s="53"/>
      <c r="D2030" s="53"/>
      <c r="E2030" s="53"/>
      <c r="F2030" s="53"/>
      <c r="G2030" s="53"/>
      <c r="H2030" s="53"/>
      <c r="I2030" s="53"/>
      <c r="J2030" s="53"/>
      <c r="K2030" s="53"/>
      <c r="L2030" s="53"/>
      <c r="M2030" s="53"/>
      <c r="N2030" s="53"/>
      <c r="O2030" s="53"/>
      <c r="P2030" s="53"/>
      <c r="Q2030" s="53"/>
      <c r="R2030" s="53"/>
      <c r="S2030" s="53"/>
      <c r="T2030" s="53"/>
      <c r="U2030" s="53"/>
      <c r="V2030" s="53"/>
      <c r="W2030" s="53"/>
      <c r="X2030" s="53"/>
      <c r="Y2030" s="53"/>
      <c r="Z2030" s="53"/>
      <c r="AA2030" s="53"/>
      <c r="AB2030" s="53"/>
      <c r="AC2030" s="53"/>
      <c r="AD2030" s="53"/>
      <c r="AE2030" s="53"/>
      <c r="AF2030" s="53"/>
      <c r="AG2030" s="53"/>
      <c r="AH2030" s="53"/>
      <c r="AI2030" s="53"/>
      <c r="AJ2030" s="53"/>
      <c r="AK2030" s="53"/>
      <c r="AL2030" s="53"/>
      <c r="AM2030" s="53"/>
      <c r="AN2030" s="53"/>
      <c r="AO2030" s="53"/>
      <c r="AP2030" s="53"/>
      <c r="AQ2030" s="53"/>
      <c r="AR2030" s="53"/>
      <c r="AS2030" s="53"/>
      <c r="AT2030" s="53"/>
      <c r="AU2030" s="53"/>
      <c r="AV2030" s="53"/>
      <c r="AW2030" s="53"/>
      <c r="AX2030" s="53"/>
      <c r="AY2030" s="53"/>
      <c r="AZ2030" s="53"/>
      <c r="BA2030" s="53"/>
      <c r="BB2030" s="53"/>
      <c r="BC2030" s="53"/>
      <c r="BD2030" s="53"/>
      <c r="BE2030" s="53"/>
      <c r="BF2030" s="53"/>
      <c r="BG2030" s="53"/>
      <c r="BH2030" s="53"/>
      <c r="BI2030" s="53"/>
      <c r="BJ2030" s="53"/>
      <c r="BK2030" s="53"/>
      <c r="BL2030" s="53"/>
      <c r="BM2030" s="53"/>
      <c r="BN2030" s="53"/>
      <c r="BO2030" s="53"/>
      <c r="BP2030" s="53"/>
      <c r="BQ2030" s="53"/>
      <c r="BR2030" s="53"/>
      <c r="BS2030" s="53"/>
      <c r="BT2030" s="53"/>
      <c r="BU2030" s="53"/>
      <c r="BV2030" s="53"/>
      <c r="BW2030" s="53"/>
      <c r="BX2030" s="53"/>
      <c r="BY2030" s="53"/>
      <c r="BZ2030" s="53"/>
      <c r="CA2030" s="53"/>
      <c r="CB2030" s="53"/>
      <c r="CC2030" s="53">
        <v>-5062500</v>
      </c>
      <c r="CD2030" s="53"/>
      <c r="CE2030" s="53"/>
      <c r="CF2030" s="53"/>
      <c r="CG2030" s="53"/>
      <c r="CH2030" s="53"/>
      <c r="CI2030" s="53">
        <v>-5062500</v>
      </c>
      <c r="CJ2030" s="53"/>
      <c r="CK2030" s="53"/>
      <c r="CL2030" s="53"/>
      <c r="CM2030" s="53"/>
      <c r="CN2030" s="53">
        <v>-10125000</v>
      </c>
    </row>
    <row r="2031" spans="1:92" outlineLevel="1">
      <c r="A2031" s="52" t="s">
        <v>1376</v>
      </c>
      <c r="B2031" s="53"/>
      <c r="C2031" s="53"/>
      <c r="D2031" s="53"/>
      <c r="E2031" s="53"/>
      <c r="F2031" s="53"/>
      <c r="G2031" s="53"/>
      <c r="H2031" s="53"/>
      <c r="I2031" s="53"/>
      <c r="J2031" s="53"/>
      <c r="K2031" s="53"/>
      <c r="L2031" s="53"/>
      <c r="M2031" s="53"/>
      <c r="N2031" s="53"/>
      <c r="O2031" s="53"/>
      <c r="P2031" s="53"/>
      <c r="Q2031" s="53"/>
      <c r="R2031" s="53"/>
      <c r="S2031" s="53"/>
      <c r="T2031" s="53"/>
      <c r="U2031" s="53"/>
      <c r="V2031" s="53"/>
      <c r="W2031" s="53"/>
      <c r="X2031" s="53"/>
      <c r="Y2031" s="53"/>
      <c r="Z2031" s="53"/>
      <c r="AA2031" s="53"/>
      <c r="AB2031" s="53"/>
      <c r="AC2031" s="53"/>
      <c r="AD2031" s="53"/>
      <c r="AE2031" s="53"/>
      <c r="AF2031" s="53"/>
      <c r="AG2031" s="53"/>
      <c r="AH2031" s="53"/>
      <c r="AI2031" s="53"/>
      <c r="AJ2031" s="53"/>
      <c r="AK2031" s="53"/>
      <c r="AL2031" s="53"/>
      <c r="AM2031" s="53"/>
      <c r="AN2031" s="53"/>
      <c r="AO2031" s="53"/>
      <c r="AP2031" s="53"/>
      <c r="AQ2031" s="53"/>
      <c r="AR2031" s="53"/>
      <c r="AS2031" s="53"/>
      <c r="AT2031" s="53"/>
      <c r="AU2031" s="53"/>
      <c r="AV2031" s="53"/>
      <c r="AW2031" s="53"/>
      <c r="AX2031" s="53"/>
      <c r="AY2031" s="53"/>
      <c r="AZ2031" s="53"/>
      <c r="BA2031" s="53"/>
      <c r="BB2031" s="53"/>
      <c r="BC2031" s="53"/>
      <c r="BD2031" s="53"/>
      <c r="BE2031" s="53"/>
      <c r="BF2031" s="53"/>
      <c r="BG2031" s="53"/>
      <c r="BH2031" s="53"/>
      <c r="BI2031" s="53"/>
      <c r="BJ2031" s="53"/>
      <c r="BK2031" s="53"/>
      <c r="BL2031" s="53"/>
      <c r="BM2031" s="53"/>
      <c r="BN2031" s="53"/>
      <c r="BO2031" s="53"/>
      <c r="BP2031" s="53"/>
      <c r="BQ2031" s="53"/>
      <c r="BR2031" s="53"/>
      <c r="BS2031" s="53"/>
      <c r="BT2031" s="53"/>
      <c r="BU2031" s="53"/>
      <c r="BV2031" s="53"/>
      <c r="BW2031" s="53"/>
      <c r="BX2031" s="53"/>
      <c r="BY2031" s="53"/>
      <c r="BZ2031" s="53"/>
      <c r="CA2031" s="53"/>
      <c r="CB2031" s="53"/>
      <c r="CC2031" s="53"/>
      <c r="CD2031" s="53">
        <v>-6637500</v>
      </c>
      <c r="CE2031" s="53"/>
      <c r="CF2031" s="53"/>
      <c r="CG2031" s="53"/>
      <c r="CH2031" s="53"/>
      <c r="CI2031" s="53"/>
      <c r="CJ2031" s="53">
        <v>-6637500</v>
      </c>
      <c r="CK2031" s="53"/>
      <c r="CL2031" s="53"/>
      <c r="CM2031" s="53"/>
      <c r="CN2031" s="53">
        <v>-13275000</v>
      </c>
    </row>
    <row r="2032" spans="1:92" outlineLevel="1">
      <c r="A2032" s="52" t="s">
        <v>1377</v>
      </c>
      <c r="B2032" s="53"/>
      <c r="C2032" s="53"/>
      <c r="D2032" s="53"/>
      <c r="E2032" s="53"/>
      <c r="F2032" s="53"/>
      <c r="G2032" s="53"/>
      <c r="H2032" s="53"/>
      <c r="I2032" s="53"/>
      <c r="J2032" s="53"/>
      <c r="K2032" s="53"/>
      <c r="L2032" s="53"/>
      <c r="M2032" s="53"/>
      <c r="N2032" s="53"/>
      <c r="O2032" s="53"/>
      <c r="P2032" s="53"/>
      <c r="Q2032" s="53"/>
      <c r="R2032" s="53"/>
      <c r="S2032" s="53"/>
      <c r="T2032" s="53"/>
      <c r="U2032" s="53"/>
      <c r="V2032" s="53"/>
      <c r="W2032" s="53"/>
      <c r="X2032" s="53"/>
      <c r="Y2032" s="53"/>
      <c r="Z2032" s="53"/>
      <c r="AA2032" s="53"/>
      <c r="AB2032" s="53"/>
      <c r="AC2032" s="53"/>
      <c r="AD2032" s="53"/>
      <c r="AE2032" s="53"/>
      <c r="AF2032" s="53"/>
      <c r="AG2032" s="53"/>
      <c r="AH2032" s="53"/>
      <c r="AI2032" s="53"/>
      <c r="AJ2032" s="53"/>
      <c r="AK2032" s="53"/>
      <c r="AL2032" s="53"/>
      <c r="AM2032" s="53"/>
      <c r="AN2032" s="53"/>
      <c r="AO2032" s="53"/>
      <c r="AP2032" s="53"/>
      <c r="AQ2032" s="53"/>
      <c r="AR2032" s="53"/>
      <c r="AS2032" s="53"/>
      <c r="AT2032" s="53"/>
      <c r="AU2032" s="53"/>
      <c r="AV2032" s="53"/>
      <c r="AW2032" s="53"/>
      <c r="AX2032" s="53"/>
      <c r="AY2032" s="53"/>
      <c r="AZ2032" s="53"/>
      <c r="BA2032" s="53"/>
      <c r="BB2032" s="53"/>
      <c r="BC2032" s="53"/>
      <c r="BD2032" s="53"/>
      <c r="BE2032" s="53"/>
      <c r="BF2032" s="53"/>
      <c r="BG2032" s="53"/>
      <c r="BH2032" s="53"/>
      <c r="BI2032" s="53"/>
      <c r="BJ2032" s="53"/>
      <c r="BK2032" s="53"/>
      <c r="BL2032" s="53"/>
      <c r="BM2032" s="53"/>
      <c r="BN2032" s="53"/>
      <c r="BO2032" s="53"/>
      <c r="BP2032" s="53"/>
      <c r="BQ2032" s="53"/>
      <c r="BR2032" s="53"/>
      <c r="BS2032" s="53"/>
      <c r="BT2032" s="53"/>
      <c r="BU2032" s="53"/>
      <c r="BV2032" s="53"/>
      <c r="BW2032" s="53"/>
      <c r="BX2032" s="53"/>
      <c r="BY2032" s="53"/>
      <c r="BZ2032" s="53"/>
      <c r="CA2032" s="53"/>
      <c r="CB2032" s="53"/>
      <c r="CC2032" s="53"/>
      <c r="CD2032" s="53">
        <v>-15875000</v>
      </c>
      <c r="CE2032" s="53"/>
      <c r="CF2032" s="53"/>
      <c r="CG2032" s="53"/>
      <c r="CH2032" s="53"/>
      <c r="CI2032" s="53"/>
      <c r="CJ2032" s="53">
        <v>-15875000</v>
      </c>
      <c r="CK2032" s="53"/>
      <c r="CL2032" s="53"/>
      <c r="CM2032" s="53"/>
      <c r="CN2032" s="53">
        <v>-31750000</v>
      </c>
    </row>
    <row r="2033" spans="1:92" outlineLevel="1">
      <c r="A2033" s="52" t="s">
        <v>1378</v>
      </c>
      <c r="B2033" s="53">
        <v>-1092858.8531758301</v>
      </c>
      <c r="C2033" s="53">
        <v>-1100788.4559366601</v>
      </c>
      <c r="D2033" s="53">
        <v>-547623.79020000005</v>
      </c>
      <c r="E2033" s="53">
        <v>-509720.25867333298</v>
      </c>
      <c r="F2033" s="53">
        <v>-1057819.7020399999</v>
      </c>
      <c r="G2033" s="53">
        <v>-3033714.06765666</v>
      </c>
      <c r="H2033" s="53">
        <v>-3055726.1908216602</v>
      </c>
      <c r="I2033" s="53">
        <v>-3077898.0293899998</v>
      </c>
      <c r="J2033" s="53">
        <v>-1034298.744295</v>
      </c>
      <c r="K2033" s="53">
        <v>-595115.44545583299</v>
      </c>
      <c r="L2033" s="53">
        <v>-599433.50796583295</v>
      </c>
      <c r="M2033" s="53">
        <v>-1206811.6939083301</v>
      </c>
      <c r="N2033" s="53">
        <v>-16911808.739519101</v>
      </c>
      <c r="O2033" s="53">
        <v>-1204871.6006449901</v>
      </c>
      <c r="P2033" s="53">
        <v>-1213613.9481673399</v>
      </c>
      <c r="Q2033" s="53">
        <v>-661267.92870625702</v>
      </c>
      <c r="R2033" s="53">
        <v>-624188.97858562798</v>
      </c>
      <c r="S2033" s="53">
        <v>-1173118.9897827399</v>
      </c>
      <c r="T2033" s="53">
        <v>-3149849.9456527801</v>
      </c>
      <c r="U2033" s="53">
        <v>-3172704.7318834402</v>
      </c>
      <c r="V2033" s="53">
        <v>-3195725.34863387</v>
      </c>
      <c r="W2033" s="53">
        <v>-1152980.9991426601</v>
      </c>
      <c r="X2033" s="53">
        <v>-714658.83710894606</v>
      </c>
      <c r="Y2033" s="53">
        <v>-719844.28252120304</v>
      </c>
      <c r="Z2033" s="53">
        <v>-1328096.1526611301</v>
      </c>
      <c r="AA2033" s="53">
        <v>-18310921.743491001</v>
      </c>
      <c r="AB2033" s="53">
        <v>-1326741.92699548</v>
      </c>
      <c r="AC2033" s="53">
        <v>-1336368.5452941</v>
      </c>
      <c r="AD2033" s="53">
        <v>-784913.21273066802</v>
      </c>
      <c r="AE2033" s="53">
        <v>-748731.412183373</v>
      </c>
      <c r="AF2033" s="53">
        <v>3.8769374325073702</v>
      </c>
      <c r="AG2033" s="53">
        <v>3.9050678443614002</v>
      </c>
      <c r="AH2033" s="53">
        <v>3.93340236579545</v>
      </c>
      <c r="AI2033" s="53">
        <v>3.9619424777946</v>
      </c>
      <c r="AJ2033" s="53">
        <v>3.9906896720897298</v>
      </c>
      <c r="AK2033" s="53">
        <v>4.0196454512354602</v>
      </c>
      <c r="AL2033" s="53">
        <v>4.0488113286887204</v>
      </c>
      <c r="AM2033" s="53">
        <v>4.0781888288877903</v>
      </c>
      <c r="AN2033" s="53">
        <v>-4196723.2825182201</v>
      </c>
      <c r="AO2033" s="53">
        <v>4.1077794873320599</v>
      </c>
      <c r="AP2033" s="53">
        <v>4.1375848506622299</v>
      </c>
      <c r="AQ2033" s="53">
        <v>4.1676064767411498</v>
      </c>
      <c r="AR2033" s="53">
        <v>4.1978459347353096</v>
      </c>
      <c r="AS2033" s="53">
        <v>4.2283048051967498</v>
      </c>
      <c r="AT2033" s="53">
        <v>4.2589846801457902</v>
      </c>
      <c r="AU2033" s="53">
        <v>4.28988716315415</v>
      </c>
      <c r="AV2033" s="53">
        <v>4.3210138694287998</v>
      </c>
      <c r="AW2033" s="53">
        <v>4.3523664258963901</v>
      </c>
      <c r="AX2033" s="53">
        <v>4.3839464712882901</v>
      </c>
      <c r="AY2033" s="53">
        <v>4.4157556562262101</v>
      </c>
      <c r="AZ2033" s="53">
        <v>4.4477956433085</v>
      </c>
      <c r="BA2033" s="53">
        <v>51.308871464115597</v>
      </c>
      <c r="BB2033" s="53">
        <v>4.48006810719707</v>
      </c>
      <c r="BC2033" s="53">
        <v>4.5125747347048701</v>
      </c>
      <c r="BD2033" s="53">
        <v>4.5453172248840996</v>
      </c>
      <c r="BE2033" s="53">
        <v>4.57829728911498</v>
      </c>
      <c r="BF2033" s="53">
        <v>4.6115166511952497</v>
      </c>
      <c r="BG2033" s="53">
        <v>4.6449770474302099</v>
      </c>
      <c r="BH2033" s="53">
        <v>4.6786802267235101</v>
      </c>
      <c r="BI2033" s="53">
        <v>4.71262795066857</v>
      </c>
      <c r="BJ2033" s="53">
        <v>4.7468219936406202</v>
      </c>
      <c r="BK2033" s="53">
        <v>4.7812641428894702</v>
      </c>
      <c r="BL2033" s="53">
        <v>4.81595619863291</v>
      </c>
      <c r="BM2033" s="53">
        <v>4.8508999741508196</v>
      </c>
      <c r="BN2033" s="53">
        <v>55.959001541232396</v>
      </c>
      <c r="BO2033" s="53">
        <v>4.8860972958799103</v>
      </c>
      <c r="BP2033" s="53">
        <v>4.9215500035092301</v>
      </c>
      <c r="BQ2033" s="53">
        <v>4.9572599500763399</v>
      </c>
      <c r="BR2033" s="53">
        <v>4.9932290020640604</v>
      </c>
      <c r="BS2033" s="53"/>
      <c r="BT2033" s="53"/>
      <c r="BU2033" s="53"/>
      <c r="BV2033" s="53"/>
      <c r="BW2033" s="53"/>
      <c r="BX2033" s="53"/>
      <c r="BY2033" s="53"/>
      <c r="BZ2033" s="53"/>
      <c r="CA2033" s="53">
        <v>19.7581362515295</v>
      </c>
      <c r="CB2033" s="53"/>
      <c r="CC2033" s="53"/>
      <c r="CD2033" s="53"/>
      <c r="CE2033" s="53"/>
      <c r="CF2033" s="53"/>
      <c r="CG2033" s="53"/>
      <c r="CH2033" s="53"/>
      <c r="CI2033" s="53"/>
      <c r="CJ2033" s="53"/>
      <c r="CK2033" s="53"/>
      <c r="CL2033" s="53"/>
      <c r="CM2033" s="53"/>
      <c r="CN2033" s="53"/>
    </row>
    <row r="2034" spans="1:92" outlineLevel="1">
      <c r="A2034" s="52" t="s">
        <v>1379</v>
      </c>
      <c r="B2034" s="53">
        <v>-289089.632509007</v>
      </c>
      <c r="C2034" s="53">
        <v>-290850.66529097001</v>
      </c>
      <c r="D2034" s="53">
        <v>-292622.43963176099</v>
      </c>
      <c r="E2034" s="53">
        <v>-294404.99022865598</v>
      </c>
      <c r="F2034" s="53">
        <v>-296198.40715600102</v>
      </c>
      <c r="G2034" s="53">
        <v>-298002.75499340898</v>
      </c>
      <c r="H2034" s="53">
        <v>-299818.08483441698</v>
      </c>
      <c r="I2034" s="53">
        <v>-301644.47794360301</v>
      </c>
      <c r="J2034" s="53">
        <v>-303482.00289655698</v>
      </c>
      <c r="K2034" s="53">
        <v>-305330.71414299699</v>
      </c>
      <c r="L2034" s="53">
        <v>-307190.68249075598</v>
      </c>
      <c r="M2034" s="53">
        <v>-309061.98052333301</v>
      </c>
      <c r="N2034" s="53">
        <v>-3587696.8326414698</v>
      </c>
      <c r="O2034" s="53">
        <v>-310944.68276122899</v>
      </c>
      <c r="P2034" s="53">
        <v>-312838.85412038199</v>
      </c>
      <c r="Q2034" s="53">
        <v>-314744.56414006598</v>
      </c>
      <c r="R2034" s="53">
        <v>-316661.88310995197</v>
      </c>
      <c r="S2034" s="53">
        <v>-318590.88174789702</v>
      </c>
      <c r="T2034" s="53">
        <v>-320531.63120254403</v>
      </c>
      <c r="U2034" s="53">
        <v>-322484.20305595302</v>
      </c>
      <c r="V2034" s="53">
        <v>-324448.66932623601</v>
      </c>
      <c r="W2034" s="53">
        <v>-326425.10247021401</v>
      </c>
      <c r="X2034" s="53">
        <v>-328413.57538609498</v>
      </c>
      <c r="Y2034" s="53">
        <v>-330414.16141615598</v>
      </c>
      <c r="Z2034" s="53">
        <v>-332426.934349449</v>
      </c>
      <c r="AA2034" s="53">
        <v>-3858925.1430861698</v>
      </c>
      <c r="AB2034" s="53">
        <v>-334451.96842452802</v>
      </c>
      <c r="AC2034" s="53">
        <v>-336489.33833217999</v>
      </c>
      <c r="AD2034" s="53">
        <v>-338539.119218187</v>
      </c>
      <c r="AE2034" s="53">
        <v>-340601.38668609102</v>
      </c>
      <c r="AF2034" s="53">
        <v>-342676.21679998701</v>
      </c>
      <c r="AG2034" s="53">
        <v>-344763.68608732702</v>
      </c>
      <c r="AH2034" s="53">
        <v>-346863.871541742</v>
      </c>
      <c r="AI2034" s="53">
        <v>-348976.85062588402</v>
      </c>
      <c r="AJ2034" s="53">
        <v>-351102.70127428003</v>
      </c>
      <c r="AK2034" s="53">
        <v>-353241.50189620903</v>
      </c>
      <c r="AL2034" s="53">
        <v>-355393.33137859299</v>
      </c>
      <c r="AM2034" s="53">
        <v>-357558.26908890699</v>
      </c>
      <c r="AN2034" s="53">
        <v>-4150658.24135391</v>
      </c>
      <c r="AO2034" s="53">
        <v>-359736.39487810701</v>
      </c>
      <c r="AP2034" s="53">
        <v>-361927.78908357298</v>
      </c>
      <c r="AQ2034" s="53">
        <v>-364132.53253207402</v>
      </c>
      <c r="AR2034" s="53">
        <v>-366350.70654274803</v>
      </c>
      <c r="AS2034" s="53">
        <v>-368582.39293010399</v>
      </c>
      <c r="AT2034" s="53">
        <v>-370827.67400703701</v>
      </c>
      <c r="AU2034" s="53">
        <v>-373086.63258786203</v>
      </c>
      <c r="AV2034" s="53">
        <v>-375359.35199137701</v>
      </c>
      <c r="AW2034" s="53">
        <v>-377645.91604392399</v>
      </c>
      <c r="AX2034" s="53">
        <v>-379946.40908249101</v>
      </c>
      <c r="AY2034" s="53">
        <v>-382260.91595781897</v>
      </c>
      <c r="AZ2034" s="53">
        <v>-384589.52203752799</v>
      </c>
      <c r="BA2034" s="53">
        <v>-4464446.2376746396</v>
      </c>
      <c r="BB2034" s="53">
        <v>-386932.31320927298</v>
      </c>
      <c r="BC2034" s="53">
        <v>-389289.37588390597</v>
      </c>
      <c r="BD2034" s="53">
        <v>-391660.79699866503</v>
      </c>
      <c r="BE2034" s="53">
        <v>-394046.66402038198</v>
      </c>
      <c r="BF2034" s="53">
        <v>-396447.06494870601</v>
      </c>
      <c r="BG2034" s="53">
        <v>-398862.08831935102</v>
      </c>
      <c r="BH2034" s="53">
        <v>-401291.82320736302</v>
      </c>
      <c r="BI2034" s="53">
        <v>-403736.3592304</v>
      </c>
      <c r="BJ2034" s="53">
        <v>-406195.78655204503</v>
      </c>
      <c r="BK2034" s="53">
        <v>-408670.19588512398</v>
      </c>
      <c r="BL2034" s="53">
        <v>-411159.67849505699</v>
      </c>
      <c r="BM2034" s="53">
        <v>-413664.32620322099</v>
      </c>
      <c r="BN2034" s="53">
        <v>-4801956.47295349</v>
      </c>
      <c r="BO2034" s="53">
        <v>-416184.23139034002</v>
      </c>
      <c r="BP2034" s="53">
        <v>-418719.48699989298</v>
      </c>
      <c r="BQ2034" s="53">
        <v>-421270.186541526</v>
      </c>
      <c r="BR2034" s="53"/>
      <c r="BS2034" s="53"/>
      <c r="BT2034" s="53"/>
      <c r="BU2034" s="53"/>
      <c r="BV2034" s="53"/>
      <c r="BW2034" s="53"/>
      <c r="BX2034" s="53"/>
      <c r="BY2034" s="53"/>
      <c r="BZ2034" s="53"/>
      <c r="CA2034" s="53">
        <v>-1256173.9049317599</v>
      </c>
      <c r="CB2034" s="53"/>
      <c r="CC2034" s="53"/>
      <c r="CD2034" s="53"/>
      <c r="CE2034" s="53"/>
      <c r="CF2034" s="53"/>
      <c r="CG2034" s="53"/>
      <c r="CH2034" s="53"/>
      <c r="CI2034" s="53"/>
      <c r="CJ2034" s="53"/>
      <c r="CK2034" s="53"/>
      <c r="CL2034" s="53"/>
      <c r="CM2034" s="53"/>
      <c r="CN2034" s="53"/>
    </row>
    <row r="2035" spans="1:92" outlineLevel="1">
      <c r="A2035" s="52" t="s">
        <v>672</v>
      </c>
      <c r="B2035" s="53"/>
      <c r="C2035" s="53"/>
      <c r="D2035" s="53"/>
      <c r="E2035" s="53"/>
      <c r="F2035" s="53"/>
      <c r="G2035" s="53"/>
      <c r="H2035" s="53"/>
      <c r="I2035" s="53"/>
      <c r="J2035" s="53"/>
      <c r="K2035" s="53"/>
      <c r="L2035" s="53"/>
      <c r="M2035" s="53"/>
      <c r="N2035" s="53"/>
      <c r="O2035" s="53"/>
      <c r="P2035" s="53"/>
      <c r="Q2035" s="53"/>
      <c r="R2035" s="53"/>
      <c r="S2035" s="53"/>
      <c r="T2035" s="53"/>
      <c r="U2035" s="53"/>
      <c r="V2035" s="53"/>
      <c r="W2035" s="53"/>
      <c r="X2035" s="53"/>
      <c r="Y2035" s="53"/>
      <c r="Z2035" s="53"/>
      <c r="AA2035" s="53"/>
      <c r="AB2035" s="53"/>
      <c r="AC2035" s="53"/>
      <c r="AD2035" s="53"/>
      <c r="AE2035" s="53"/>
      <c r="AF2035" s="53"/>
      <c r="AG2035" s="53"/>
      <c r="AH2035" s="53"/>
      <c r="AI2035" s="53"/>
      <c r="AJ2035" s="53"/>
      <c r="AK2035" s="53"/>
      <c r="AL2035" s="53"/>
      <c r="AM2035" s="53"/>
      <c r="AN2035" s="53"/>
      <c r="AO2035" s="53"/>
      <c r="AP2035" s="53"/>
      <c r="AQ2035" s="53"/>
      <c r="AR2035" s="53"/>
      <c r="AS2035" s="53"/>
      <c r="AT2035" s="53"/>
      <c r="AU2035" s="53"/>
      <c r="AV2035" s="53"/>
      <c r="AW2035" s="53"/>
      <c r="AX2035" s="53"/>
      <c r="AY2035" s="53"/>
      <c r="AZ2035" s="53"/>
      <c r="BA2035" s="53"/>
      <c r="BB2035" s="53"/>
      <c r="BC2035" s="53"/>
      <c r="BD2035" s="53"/>
      <c r="BE2035" s="53"/>
      <c r="BF2035" s="53"/>
      <c r="BG2035" s="53"/>
      <c r="BH2035" s="53"/>
      <c r="BI2035" s="53"/>
      <c r="BJ2035" s="53"/>
      <c r="BK2035" s="53"/>
      <c r="BL2035" s="53"/>
      <c r="BM2035" s="53"/>
      <c r="BN2035" s="53"/>
      <c r="BO2035" s="53"/>
      <c r="BP2035" s="53"/>
      <c r="BQ2035" s="53"/>
      <c r="BR2035" s="53"/>
      <c r="BS2035" s="53"/>
      <c r="BT2035" s="53"/>
      <c r="BU2035" s="53"/>
      <c r="BV2035" s="53"/>
      <c r="BW2035" s="53"/>
      <c r="BX2035" s="53"/>
      <c r="BY2035" s="53"/>
      <c r="BZ2035" s="53"/>
      <c r="CA2035" s="53"/>
      <c r="CB2035" s="53"/>
      <c r="CC2035" s="53"/>
      <c r="CD2035" s="53"/>
      <c r="CE2035" s="53"/>
      <c r="CF2035" s="53"/>
      <c r="CG2035" s="53">
        <v>-32000000</v>
      </c>
      <c r="CH2035" s="53"/>
      <c r="CI2035" s="53"/>
      <c r="CJ2035" s="53"/>
      <c r="CK2035" s="53"/>
      <c r="CL2035" s="53"/>
      <c r="CM2035" s="53">
        <v>-31999999.999999899</v>
      </c>
      <c r="CN2035" s="53">
        <v>-64000000</v>
      </c>
    </row>
    <row r="2036" spans="1:92" outlineLevel="1">
      <c r="A2036" s="52" t="s">
        <v>1376</v>
      </c>
      <c r="B2036" s="53"/>
      <c r="C2036" s="53"/>
      <c r="D2036" s="53"/>
      <c r="E2036" s="53"/>
      <c r="F2036" s="53"/>
      <c r="G2036" s="53"/>
      <c r="H2036" s="53"/>
      <c r="I2036" s="53"/>
      <c r="J2036" s="53"/>
      <c r="K2036" s="53"/>
      <c r="L2036" s="53"/>
      <c r="M2036" s="53"/>
      <c r="N2036" s="53"/>
      <c r="O2036" s="53"/>
      <c r="P2036" s="53"/>
      <c r="Q2036" s="53"/>
      <c r="R2036" s="53"/>
      <c r="S2036" s="53"/>
      <c r="T2036" s="53"/>
      <c r="U2036" s="53"/>
      <c r="V2036" s="53"/>
      <c r="W2036" s="53"/>
      <c r="X2036" s="53"/>
      <c r="Y2036" s="53"/>
      <c r="Z2036" s="53"/>
      <c r="AA2036" s="53"/>
      <c r="AB2036" s="53"/>
      <c r="AC2036" s="53"/>
      <c r="AD2036" s="53"/>
      <c r="AE2036" s="53"/>
      <c r="AF2036" s="53"/>
      <c r="AG2036" s="53"/>
      <c r="AH2036" s="53"/>
      <c r="AI2036" s="53"/>
      <c r="AJ2036" s="53"/>
      <c r="AK2036" s="53"/>
      <c r="AL2036" s="53"/>
      <c r="AM2036" s="53"/>
      <c r="AN2036" s="53"/>
      <c r="AO2036" s="53"/>
      <c r="AP2036" s="53"/>
      <c r="AQ2036" s="53"/>
      <c r="AR2036" s="53"/>
      <c r="AS2036" s="53"/>
      <c r="AT2036" s="53"/>
      <c r="AU2036" s="53"/>
      <c r="AV2036" s="53"/>
      <c r="AW2036" s="53"/>
      <c r="AX2036" s="53"/>
      <c r="AY2036" s="53"/>
      <c r="AZ2036" s="53"/>
      <c r="BA2036" s="53"/>
      <c r="BB2036" s="53"/>
      <c r="BC2036" s="53"/>
      <c r="BD2036" s="53"/>
      <c r="BE2036" s="53"/>
      <c r="BF2036" s="53"/>
      <c r="BG2036" s="53"/>
      <c r="BH2036" s="53"/>
      <c r="BI2036" s="53"/>
      <c r="BJ2036" s="53"/>
      <c r="BK2036" s="53"/>
      <c r="BL2036" s="53"/>
      <c r="BM2036" s="53"/>
      <c r="BN2036" s="53"/>
      <c r="BO2036" s="53"/>
      <c r="BP2036" s="53"/>
      <c r="BQ2036" s="53"/>
      <c r="BR2036" s="53"/>
      <c r="BS2036" s="53"/>
      <c r="BT2036" s="53"/>
      <c r="BU2036" s="53"/>
      <c r="BV2036" s="53"/>
      <c r="BW2036" s="53"/>
      <c r="BX2036" s="53"/>
      <c r="BY2036" s="53"/>
      <c r="BZ2036" s="53"/>
      <c r="CA2036" s="53"/>
      <c r="CB2036" s="53"/>
      <c r="CC2036" s="53"/>
      <c r="CD2036" s="53"/>
      <c r="CE2036" s="53">
        <v>-9887500</v>
      </c>
      <c r="CF2036" s="53"/>
      <c r="CG2036" s="53"/>
      <c r="CH2036" s="53"/>
      <c r="CI2036" s="53"/>
      <c r="CJ2036" s="53"/>
      <c r="CK2036" s="53">
        <v>-9887500</v>
      </c>
      <c r="CL2036" s="53"/>
      <c r="CM2036" s="53"/>
      <c r="CN2036" s="53">
        <v>-19775000</v>
      </c>
    </row>
    <row r="2037" spans="1:92" outlineLevel="1">
      <c r="A2037" s="52" t="s">
        <v>1587</v>
      </c>
      <c r="B2037" s="53"/>
      <c r="C2037" s="53"/>
      <c r="D2037" s="53"/>
      <c r="E2037" s="53"/>
      <c r="F2037" s="53"/>
      <c r="G2037" s="53"/>
      <c r="H2037" s="53"/>
      <c r="I2037" s="53"/>
      <c r="J2037" s="53"/>
      <c r="K2037" s="53"/>
      <c r="L2037" s="53"/>
      <c r="M2037" s="53"/>
      <c r="N2037" s="53"/>
      <c r="O2037" s="53"/>
      <c r="P2037" s="53"/>
      <c r="Q2037" s="53"/>
      <c r="R2037" s="53"/>
      <c r="S2037" s="53"/>
      <c r="T2037" s="53"/>
      <c r="U2037" s="53"/>
      <c r="V2037" s="53"/>
      <c r="W2037" s="53"/>
      <c r="X2037" s="53"/>
      <c r="Y2037" s="53"/>
      <c r="Z2037" s="53"/>
      <c r="AA2037" s="53"/>
      <c r="AB2037" s="53"/>
      <c r="AC2037" s="53"/>
      <c r="AD2037" s="53"/>
      <c r="AE2037" s="53"/>
      <c r="AF2037" s="53"/>
      <c r="AG2037" s="53"/>
      <c r="AH2037" s="53"/>
      <c r="AI2037" s="53"/>
      <c r="AJ2037" s="53"/>
      <c r="AK2037" s="53"/>
      <c r="AL2037" s="53"/>
      <c r="AM2037" s="53"/>
      <c r="AN2037" s="53"/>
      <c r="AO2037" s="53"/>
      <c r="AP2037" s="53"/>
      <c r="AQ2037" s="53"/>
      <c r="AR2037" s="53"/>
      <c r="AS2037" s="53"/>
      <c r="AT2037" s="53"/>
      <c r="AU2037" s="53"/>
      <c r="AV2037" s="53"/>
      <c r="AW2037" s="53"/>
      <c r="AX2037" s="53"/>
      <c r="AY2037" s="53"/>
      <c r="AZ2037" s="53"/>
      <c r="BA2037" s="53"/>
      <c r="BB2037" s="53"/>
      <c r="BC2037" s="53"/>
      <c r="BD2037" s="53"/>
      <c r="BE2037" s="53"/>
      <c r="BF2037" s="53"/>
      <c r="BG2037" s="53"/>
      <c r="BH2037" s="53"/>
      <c r="BI2037" s="53"/>
      <c r="BJ2037" s="53"/>
      <c r="BK2037" s="53"/>
      <c r="BL2037" s="53"/>
      <c r="BM2037" s="53"/>
      <c r="BN2037" s="53"/>
      <c r="BO2037" s="53"/>
      <c r="BP2037" s="53"/>
      <c r="BQ2037" s="53"/>
      <c r="BR2037" s="53"/>
      <c r="BS2037" s="53"/>
      <c r="BT2037" s="53"/>
      <c r="BU2037" s="53"/>
      <c r="BV2037" s="53"/>
      <c r="BW2037" s="53"/>
      <c r="BX2037" s="53"/>
      <c r="BY2037" s="53"/>
      <c r="BZ2037" s="53"/>
      <c r="CA2037" s="53"/>
      <c r="CB2037" s="53"/>
      <c r="CC2037" s="53"/>
      <c r="CD2037" s="53"/>
      <c r="CE2037" s="53"/>
      <c r="CF2037" s="53">
        <v>-7699999.9999999898</v>
      </c>
      <c r="CG2037" s="53"/>
      <c r="CH2037" s="53"/>
      <c r="CI2037" s="53"/>
      <c r="CJ2037" s="53"/>
      <c r="CK2037" s="53"/>
      <c r="CL2037" s="53">
        <v>-7700000</v>
      </c>
      <c r="CM2037" s="53"/>
      <c r="CN2037" s="53">
        <v>-15400000</v>
      </c>
    </row>
    <row r="2038" spans="1:92" outlineLevel="1">
      <c r="A2038" s="52" t="s">
        <v>1378</v>
      </c>
      <c r="B2038" s="53">
        <v>1204871.6006449901</v>
      </c>
      <c r="C2038" s="53">
        <v>1213613.9481673399</v>
      </c>
      <c r="D2038" s="53">
        <v>661267.92870625702</v>
      </c>
      <c r="E2038" s="53">
        <v>624188.97858562798</v>
      </c>
      <c r="F2038" s="53">
        <v>1173118.9897827399</v>
      </c>
      <c r="G2038" s="53">
        <v>3149849.9456527801</v>
      </c>
      <c r="H2038" s="53">
        <v>3172704.7318834402</v>
      </c>
      <c r="I2038" s="53">
        <v>3195725.34863387</v>
      </c>
      <c r="J2038" s="53">
        <v>1152980.9991426601</v>
      </c>
      <c r="K2038" s="53">
        <v>714658.83710894606</v>
      </c>
      <c r="L2038" s="53">
        <v>719844.28252120304</v>
      </c>
      <c r="M2038" s="53">
        <v>1328096.1526611301</v>
      </c>
      <c r="N2038" s="53">
        <v>18310921.743491001</v>
      </c>
      <c r="O2038" s="53">
        <v>1326741.92699548</v>
      </c>
      <c r="P2038" s="53">
        <v>1336368.5452941</v>
      </c>
      <c r="Q2038" s="53">
        <v>784913.21273066802</v>
      </c>
      <c r="R2038" s="53">
        <v>748731.412183373</v>
      </c>
      <c r="S2038" s="53">
        <v>-3.8769374325073702</v>
      </c>
      <c r="T2038" s="53">
        <v>-3.9050678443614002</v>
      </c>
      <c r="U2038" s="53">
        <v>-3.93340236579545</v>
      </c>
      <c r="V2038" s="53">
        <v>-3.9619424777946</v>
      </c>
      <c r="W2038" s="53">
        <v>-3.9906896720897298</v>
      </c>
      <c r="X2038" s="53">
        <v>-4.0196454512354602</v>
      </c>
      <c r="Y2038" s="53">
        <v>-4.0488113286887204</v>
      </c>
      <c r="Z2038" s="53">
        <v>-4.0781888288877903</v>
      </c>
      <c r="AA2038" s="53">
        <v>4196723.2825182201</v>
      </c>
      <c r="AB2038" s="53">
        <v>-4.1077794873320599</v>
      </c>
      <c r="AC2038" s="53">
        <v>-4.1375848506622299</v>
      </c>
      <c r="AD2038" s="53">
        <v>-4.1676064767411498</v>
      </c>
      <c r="AE2038" s="53">
        <v>-4.1978459347353096</v>
      </c>
      <c r="AF2038" s="53">
        <v>-4.2283048051967498</v>
      </c>
      <c r="AG2038" s="53">
        <v>-4.2589846801457902</v>
      </c>
      <c r="AH2038" s="53">
        <v>-4.28988716315415</v>
      </c>
      <c r="AI2038" s="53">
        <v>-4.3210138694287998</v>
      </c>
      <c r="AJ2038" s="53">
        <v>-4.3523664258963901</v>
      </c>
      <c r="AK2038" s="53">
        <v>-4.3839464712882901</v>
      </c>
      <c r="AL2038" s="53">
        <v>-4.4157556562262101</v>
      </c>
      <c r="AM2038" s="53">
        <v>-4.4477956433085</v>
      </c>
      <c r="AN2038" s="53">
        <v>-51.308871464115597</v>
      </c>
      <c r="AO2038" s="53">
        <v>-4.48006810719707</v>
      </c>
      <c r="AP2038" s="53">
        <v>-4.5125747347048701</v>
      </c>
      <c r="AQ2038" s="53">
        <v>-4.5453172248840996</v>
      </c>
      <c r="AR2038" s="53">
        <v>-4.57829728911498</v>
      </c>
      <c r="AS2038" s="53">
        <v>-4.6115166511952497</v>
      </c>
      <c r="AT2038" s="53">
        <v>-4.6449770474302099</v>
      </c>
      <c r="AU2038" s="53">
        <v>-4.6786802267235101</v>
      </c>
      <c r="AV2038" s="53">
        <v>-4.71262795066857</v>
      </c>
      <c r="AW2038" s="53">
        <v>-4.7468219936406202</v>
      </c>
      <c r="AX2038" s="53">
        <v>-4.7812641428894702</v>
      </c>
      <c r="AY2038" s="53">
        <v>-4.81595619863291</v>
      </c>
      <c r="AZ2038" s="53">
        <v>-4.8508999741508196</v>
      </c>
      <c r="BA2038" s="53">
        <v>-55.959001541232396</v>
      </c>
      <c r="BB2038" s="53">
        <v>-4.8860972958799103</v>
      </c>
      <c r="BC2038" s="53">
        <v>-4.9215500035092301</v>
      </c>
      <c r="BD2038" s="53">
        <v>-4.9572599500763399</v>
      </c>
      <c r="BE2038" s="53">
        <v>-4.9932290020640604</v>
      </c>
      <c r="BF2038" s="53"/>
      <c r="BG2038" s="53"/>
      <c r="BH2038" s="53"/>
      <c r="BI2038" s="53"/>
      <c r="BJ2038" s="53"/>
      <c r="BK2038" s="53"/>
      <c r="BL2038" s="53"/>
      <c r="BM2038" s="53"/>
      <c r="BN2038" s="53">
        <v>-19.7581362515295</v>
      </c>
      <c r="BO2038" s="53"/>
      <c r="BP2038" s="53"/>
      <c r="BQ2038" s="53"/>
      <c r="BR2038" s="53"/>
      <c r="BS2038" s="53"/>
      <c r="BT2038" s="53"/>
      <c r="BU2038" s="53"/>
      <c r="BV2038" s="53"/>
      <c r="BW2038" s="53"/>
      <c r="BX2038" s="53"/>
      <c r="BY2038" s="53"/>
      <c r="BZ2038" s="53"/>
      <c r="CA2038" s="53"/>
      <c r="CB2038" s="53">
        <v>-468750</v>
      </c>
      <c r="CC2038" s="53">
        <v>-489583.33333333302</v>
      </c>
      <c r="CD2038" s="53">
        <v>-489583.33333333302</v>
      </c>
      <c r="CE2038" s="53">
        <v>-489583.33333333302</v>
      </c>
      <c r="CF2038" s="53">
        <v>-489583.33333333302</v>
      </c>
      <c r="CG2038" s="53">
        <v>-489583.33333333302</v>
      </c>
      <c r="CH2038" s="53">
        <v>-489583.33333333302</v>
      </c>
      <c r="CI2038" s="53">
        <v>-489583.33333333302</v>
      </c>
      <c r="CJ2038" s="53">
        <v>-489583.33333333302</v>
      </c>
      <c r="CK2038" s="53">
        <v>-489583.33333333302</v>
      </c>
      <c r="CL2038" s="53">
        <v>-489583.33333333302</v>
      </c>
      <c r="CM2038" s="53">
        <v>-489583.33333333302</v>
      </c>
      <c r="CN2038" s="53">
        <v>-5854166.6666666605</v>
      </c>
    </row>
    <row r="2039" spans="1:92" outlineLevel="1">
      <c r="A2039" s="52" t="s">
        <v>1379</v>
      </c>
      <c r="B2039" s="53">
        <v>310944.68276122899</v>
      </c>
      <c r="C2039" s="53">
        <v>312838.85412038199</v>
      </c>
      <c r="D2039" s="53">
        <v>314744.56414006598</v>
      </c>
      <c r="E2039" s="53">
        <v>316661.88310995197</v>
      </c>
      <c r="F2039" s="53">
        <v>318590.88174789702</v>
      </c>
      <c r="G2039" s="53">
        <v>320531.63120254403</v>
      </c>
      <c r="H2039" s="53">
        <v>322484.20305595302</v>
      </c>
      <c r="I2039" s="53">
        <v>324448.66932623601</v>
      </c>
      <c r="J2039" s="53">
        <v>326425.10247021401</v>
      </c>
      <c r="K2039" s="53">
        <v>328413.57538609498</v>
      </c>
      <c r="L2039" s="53">
        <v>330414.16141615598</v>
      </c>
      <c r="M2039" s="53">
        <v>332426.934349449</v>
      </c>
      <c r="N2039" s="53">
        <v>3858925.1430861698</v>
      </c>
      <c r="O2039" s="53">
        <v>334451.96842452802</v>
      </c>
      <c r="P2039" s="53">
        <v>336489.33833217999</v>
      </c>
      <c r="Q2039" s="53">
        <v>338539.119218187</v>
      </c>
      <c r="R2039" s="53">
        <v>340601.38668609102</v>
      </c>
      <c r="S2039" s="53">
        <v>342676.21679998701</v>
      </c>
      <c r="T2039" s="53">
        <v>344763.68608732702</v>
      </c>
      <c r="U2039" s="53">
        <v>346863.871541742</v>
      </c>
      <c r="V2039" s="53">
        <v>348976.85062588402</v>
      </c>
      <c r="W2039" s="53">
        <v>351102.70127428003</v>
      </c>
      <c r="X2039" s="53">
        <v>353241.50189620903</v>
      </c>
      <c r="Y2039" s="53">
        <v>355393.33137859299</v>
      </c>
      <c r="Z2039" s="53">
        <v>357558.26908890699</v>
      </c>
      <c r="AA2039" s="53">
        <v>4150658.24135391</v>
      </c>
      <c r="AB2039" s="53">
        <v>359736.39487810701</v>
      </c>
      <c r="AC2039" s="53">
        <v>361927.78908357298</v>
      </c>
      <c r="AD2039" s="53">
        <v>364132.53253207402</v>
      </c>
      <c r="AE2039" s="53">
        <v>366350.70654274803</v>
      </c>
      <c r="AF2039" s="53">
        <v>368582.39293010399</v>
      </c>
      <c r="AG2039" s="53">
        <v>370827.67400703701</v>
      </c>
      <c r="AH2039" s="53">
        <v>373086.63258786203</v>
      </c>
      <c r="AI2039" s="53">
        <v>375359.35199137701</v>
      </c>
      <c r="AJ2039" s="53">
        <v>377645.91604392399</v>
      </c>
      <c r="AK2039" s="53">
        <v>379946.40908249101</v>
      </c>
      <c r="AL2039" s="53">
        <v>382260.91595781897</v>
      </c>
      <c r="AM2039" s="53">
        <v>384589.52203752799</v>
      </c>
      <c r="AN2039" s="53">
        <v>4464446.2376746396</v>
      </c>
      <c r="AO2039" s="53">
        <v>386932.31320927298</v>
      </c>
      <c r="AP2039" s="53">
        <v>389289.37588390597</v>
      </c>
      <c r="AQ2039" s="53">
        <v>391660.79699866503</v>
      </c>
      <c r="AR2039" s="53">
        <v>394046.66402038198</v>
      </c>
      <c r="AS2039" s="53">
        <v>396447.06494870601</v>
      </c>
      <c r="AT2039" s="53">
        <v>398862.08831935102</v>
      </c>
      <c r="AU2039" s="53">
        <v>401291.82320736302</v>
      </c>
      <c r="AV2039" s="53">
        <v>403736.3592304</v>
      </c>
      <c r="AW2039" s="53">
        <v>406195.78655204503</v>
      </c>
      <c r="AX2039" s="53">
        <v>408670.19588512398</v>
      </c>
      <c r="AY2039" s="53">
        <v>411159.67849505699</v>
      </c>
      <c r="AZ2039" s="53">
        <v>413664.32620322099</v>
      </c>
      <c r="BA2039" s="53">
        <v>4801956.47295349</v>
      </c>
      <c r="BB2039" s="53">
        <v>416184.23139034002</v>
      </c>
      <c r="BC2039" s="53">
        <v>418719.48699989298</v>
      </c>
      <c r="BD2039" s="53">
        <v>421270.186541526</v>
      </c>
      <c r="BE2039" s="53"/>
      <c r="BF2039" s="53"/>
      <c r="BG2039" s="53"/>
      <c r="BH2039" s="53"/>
      <c r="BI2039" s="53"/>
      <c r="BJ2039" s="53"/>
      <c r="BK2039" s="53"/>
      <c r="BL2039" s="53"/>
      <c r="BM2039" s="53"/>
      <c r="BN2039" s="53">
        <v>1256173.9049317599</v>
      </c>
      <c r="BO2039" s="53"/>
      <c r="BP2039" s="53"/>
      <c r="BQ2039" s="53"/>
      <c r="BR2039" s="53"/>
      <c r="BS2039" s="53"/>
      <c r="BT2039" s="53"/>
      <c r="BU2039" s="53"/>
      <c r="BV2039" s="53"/>
      <c r="BW2039" s="53"/>
      <c r="BX2039" s="53"/>
      <c r="BY2039" s="53"/>
      <c r="BZ2039" s="53"/>
      <c r="CA2039" s="53"/>
      <c r="CB2039" s="53"/>
      <c r="CC2039" s="53"/>
      <c r="CD2039" s="53"/>
      <c r="CE2039" s="53"/>
      <c r="CF2039" s="53"/>
      <c r="CG2039" s="53"/>
      <c r="CH2039" s="53"/>
      <c r="CI2039" s="53"/>
      <c r="CJ2039" s="53"/>
      <c r="CK2039" s="53"/>
      <c r="CL2039" s="53"/>
      <c r="CM2039" s="53"/>
      <c r="CN2039" s="53"/>
    </row>
    <row r="2040" spans="1:92" outlineLevel="1">
      <c r="A2040" s="52" t="s">
        <v>1588</v>
      </c>
      <c r="B2040" s="53">
        <v>20633322.699999999</v>
      </c>
      <c r="C2040" s="53">
        <v>20768137.960000001</v>
      </c>
      <c r="D2040" s="53">
        <v>20903905.859999999</v>
      </c>
      <c r="E2040" s="53">
        <v>21040633.09</v>
      </c>
      <c r="F2040" s="53">
        <v>21178326.510000002</v>
      </c>
      <c r="G2040" s="53">
        <v>21316992.960000001</v>
      </c>
      <c r="H2040" s="53">
        <v>21456639.329999998</v>
      </c>
      <c r="I2040" s="53">
        <v>21597272.59</v>
      </c>
      <c r="J2040" s="53">
        <v>21738899.699999999</v>
      </c>
      <c r="K2040" s="53">
        <v>21881527.75</v>
      </c>
      <c r="L2040" s="53">
        <v>22025163.829999998</v>
      </c>
      <c r="M2040" s="53">
        <v>22169815.09</v>
      </c>
      <c r="N2040" s="53">
        <v>22169815.09</v>
      </c>
      <c r="O2040" s="53">
        <v>22315192.702013701</v>
      </c>
      <c r="P2040" s="53">
        <v>22461597.783352301</v>
      </c>
      <c r="Q2040" s="53">
        <v>22609037.6224548</v>
      </c>
      <c r="R2040" s="53">
        <v>22757519.559628699</v>
      </c>
      <c r="S2040" s="53">
        <v>21608482.027960598</v>
      </c>
      <c r="T2040" s="53">
        <v>18482860.232124802</v>
      </c>
      <c r="U2040" s="53">
        <v>15334531.235324699</v>
      </c>
      <c r="V2040" s="53">
        <v>12163330.106047999</v>
      </c>
      <c r="W2040" s="53">
        <v>11035022.7150198</v>
      </c>
      <c r="X2040" s="53">
        <v>10345187.784775499</v>
      </c>
      <c r="Y2040" s="53">
        <v>9650318.6234054305</v>
      </c>
      <c r="Z2040" s="53">
        <v>8347349.7272949303</v>
      </c>
      <c r="AA2040" s="53">
        <v>8347349.7272949303</v>
      </c>
      <c r="AB2040" s="53">
        <v>7045888.1189735401</v>
      </c>
      <c r="AC2040" s="53">
        <v>5734953.8868459798</v>
      </c>
      <c r="AD2040" s="53">
        <v>4975629.9198227199</v>
      </c>
      <c r="AE2040" s="53">
        <v>4252643.6296500703</v>
      </c>
      <c r="AF2040" s="53">
        <v>4278549.4544128198</v>
      </c>
      <c r="AG2040" s="53">
        <v>4304613.0884156898</v>
      </c>
      <c r="AH2040" s="53">
        <v>4330835.4929770101</v>
      </c>
      <c r="AI2040" s="53">
        <v>4357217.6352711096</v>
      </c>
      <c r="AJ2040" s="53">
        <v>4383760.4883639999</v>
      </c>
      <c r="AK2040" s="53">
        <v>4410465.0312492698</v>
      </c>
      <c r="AL2040" s="53">
        <v>4437332.2488841601</v>
      </c>
      <c r="AM2040" s="53">
        <v>4464363.1322259698</v>
      </c>
      <c r="AN2040" s="53">
        <v>4464363.1322259698</v>
      </c>
      <c r="AO2040" s="53">
        <v>4491558.6782685202</v>
      </c>
      <c r="AP2040" s="53">
        <v>4518919.8900789702</v>
      </c>
      <c r="AQ2040" s="53">
        <v>4546447.7768348102</v>
      </c>
      <c r="AR2040" s="53">
        <v>4574143.3538610898</v>
      </c>
      <c r="AS2040" s="53">
        <v>4602007.6426678495</v>
      </c>
      <c r="AT2040" s="53">
        <v>4630041.6709877905</v>
      </c>
      <c r="AU2040" s="53">
        <v>4658246.4728142302</v>
      </c>
      <c r="AV2040" s="53">
        <v>4686623.0884391703</v>
      </c>
      <c r="AW2040" s="53">
        <v>4715172.5644917199</v>
      </c>
      <c r="AX2040" s="53">
        <v>4743895.9539766898</v>
      </c>
      <c r="AY2040" s="53">
        <v>4772794.3163133804</v>
      </c>
      <c r="AZ2040" s="53">
        <v>4801868.7173747402</v>
      </c>
      <c r="BA2040" s="53">
        <v>4801868.7173747402</v>
      </c>
      <c r="BB2040" s="53">
        <v>4831120.2295266204</v>
      </c>
      <c r="BC2040" s="53">
        <v>4860549.93166734</v>
      </c>
      <c r="BD2040" s="53">
        <v>4890158.9092674796</v>
      </c>
      <c r="BE2040" s="53">
        <v>4496111.8303153804</v>
      </c>
      <c r="BF2040" s="53">
        <v>4099669.3768833298</v>
      </c>
      <c r="BG2040" s="53">
        <v>3700811.9335410199</v>
      </c>
      <c r="BH2040" s="53">
        <v>3299524.7890138901</v>
      </c>
      <c r="BI2040" s="53">
        <v>2895793.1424114299</v>
      </c>
      <c r="BJ2040" s="53">
        <v>2489602.1026813802</v>
      </c>
      <c r="BK2040" s="53">
        <v>2080936.6880604001</v>
      </c>
      <c r="BL2040" s="53">
        <v>1669781.8255215399</v>
      </c>
      <c r="BM2040" s="53">
        <v>1256122.3502183</v>
      </c>
      <c r="BN2040" s="53">
        <v>1256122.3502183</v>
      </c>
      <c r="BO2040" s="53">
        <v>839943.00492525601</v>
      </c>
      <c r="BP2040" s="53">
        <v>421228.43947536498</v>
      </c>
      <c r="BQ2040" s="53">
        <v>-36.789806210720101</v>
      </c>
      <c r="BR2040" s="53">
        <v>-31.796577208656</v>
      </c>
      <c r="BS2040" s="53">
        <v>-31.796577208656</v>
      </c>
      <c r="BT2040" s="53">
        <v>-31.796577208656</v>
      </c>
      <c r="BU2040" s="53">
        <v>-31.796577208656</v>
      </c>
      <c r="BV2040" s="53">
        <v>-31.796577208656</v>
      </c>
      <c r="BW2040" s="53">
        <v>-31.796577208656</v>
      </c>
      <c r="BX2040" s="53">
        <v>-31.796577208656</v>
      </c>
      <c r="BY2040" s="53">
        <v>-31.796577208656</v>
      </c>
      <c r="BZ2040" s="53">
        <v>-31.796577208656</v>
      </c>
      <c r="CA2040" s="53">
        <v>-31.796577208656</v>
      </c>
      <c r="CB2040" s="53"/>
      <c r="CC2040" s="53"/>
      <c r="CD2040" s="53"/>
      <c r="CE2040" s="53">
        <v>-10200000</v>
      </c>
      <c r="CF2040" s="53"/>
      <c r="CG2040" s="53"/>
      <c r="CH2040" s="53"/>
      <c r="CI2040" s="53"/>
      <c r="CJ2040" s="53"/>
      <c r="CK2040" s="53">
        <v>-10200000</v>
      </c>
      <c r="CL2040" s="53"/>
      <c r="CM2040" s="53"/>
      <c r="CN2040" s="53">
        <v>-20400000</v>
      </c>
    </row>
    <row r="2041" spans="1:92" outlineLevel="1">
      <c r="A2041" s="52" t="s">
        <v>1589</v>
      </c>
      <c r="B2041" s="53">
        <v>0</v>
      </c>
      <c r="C2041" s="53">
        <v>0</v>
      </c>
      <c r="D2041" s="53">
        <v>0</v>
      </c>
      <c r="E2041" s="53">
        <v>0</v>
      </c>
      <c r="F2041" s="53">
        <v>0</v>
      </c>
      <c r="G2041" s="53">
        <v>0</v>
      </c>
      <c r="H2041" s="53">
        <v>0</v>
      </c>
      <c r="I2041" s="53">
        <v>0</v>
      </c>
      <c r="J2041" s="53">
        <v>0</v>
      </c>
      <c r="K2041" s="53">
        <v>0</v>
      </c>
      <c r="L2041" s="53">
        <v>0</v>
      </c>
      <c r="M2041" s="53">
        <v>0</v>
      </c>
      <c r="N2041" s="53">
        <v>0</v>
      </c>
      <c r="O2041" s="53">
        <v>0</v>
      </c>
      <c r="P2041" s="53">
        <v>0</v>
      </c>
      <c r="Q2041" s="53">
        <v>0</v>
      </c>
      <c r="R2041" s="53">
        <v>0</v>
      </c>
      <c r="S2041" s="53">
        <v>0</v>
      </c>
      <c r="T2041" s="53">
        <v>0</v>
      </c>
      <c r="U2041" s="53">
        <v>0</v>
      </c>
      <c r="V2041" s="53">
        <v>0</v>
      </c>
      <c r="W2041" s="53">
        <v>0</v>
      </c>
      <c r="X2041" s="53">
        <v>0</v>
      </c>
      <c r="Y2041" s="53">
        <v>0</v>
      </c>
      <c r="Z2041" s="53">
        <v>0</v>
      </c>
      <c r="AA2041" s="53">
        <v>0</v>
      </c>
      <c r="AB2041" s="53">
        <v>0</v>
      </c>
      <c r="AC2041" s="53">
        <v>0</v>
      </c>
      <c r="AD2041" s="53">
        <v>0</v>
      </c>
      <c r="AE2041" s="53">
        <v>0</v>
      </c>
      <c r="AF2041" s="53">
        <v>0</v>
      </c>
      <c r="AG2041" s="53">
        <v>0</v>
      </c>
      <c r="AH2041" s="53">
        <v>0</v>
      </c>
      <c r="AI2041" s="53">
        <v>0</v>
      </c>
      <c r="AJ2041" s="53">
        <v>0</v>
      </c>
      <c r="AK2041" s="53">
        <v>0</v>
      </c>
      <c r="AL2041" s="53">
        <v>0</v>
      </c>
      <c r="AM2041" s="53">
        <v>0</v>
      </c>
      <c r="AN2041" s="53">
        <v>0</v>
      </c>
      <c r="AO2041" s="53">
        <v>0</v>
      </c>
      <c r="AP2041" s="53">
        <v>0</v>
      </c>
      <c r="AQ2041" s="53">
        <v>0</v>
      </c>
      <c r="AR2041" s="53">
        <v>0</v>
      </c>
      <c r="AS2041" s="53">
        <v>0</v>
      </c>
      <c r="AT2041" s="53">
        <v>0</v>
      </c>
      <c r="AU2041" s="53">
        <v>0</v>
      </c>
      <c r="AV2041" s="53">
        <v>0</v>
      </c>
      <c r="AW2041" s="53">
        <v>0</v>
      </c>
      <c r="AX2041" s="53">
        <v>0</v>
      </c>
      <c r="AY2041" s="53">
        <v>0</v>
      </c>
      <c r="AZ2041" s="53">
        <v>0</v>
      </c>
      <c r="BA2041" s="53">
        <v>0</v>
      </c>
      <c r="BB2041" s="53">
        <v>0</v>
      </c>
      <c r="BC2041" s="53">
        <v>0</v>
      </c>
      <c r="BD2041" s="53">
        <v>0</v>
      </c>
      <c r="BE2041" s="53">
        <v>0</v>
      </c>
      <c r="BF2041" s="53">
        <v>0</v>
      </c>
      <c r="BG2041" s="53">
        <v>0</v>
      </c>
      <c r="BH2041" s="53">
        <v>0</v>
      </c>
      <c r="BI2041" s="53">
        <v>0</v>
      </c>
      <c r="BJ2041" s="53">
        <v>0</v>
      </c>
      <c r="BK2041" s="53">
        <v>0</v>
      </c>
      <c r="BL2041" s="53">
        <v>0</v>
      </c>
      <c r="BM2041" s="53">
        <v>0</v>
      </c>
      <c r="BN2041" s="53">
        <v>0</v>
      </c>
      <c r="BO2041" s="53">
        <v>0</v>
      </c>
      <c r="BP2041" s="53">
        <v>0</v>
      </c>
      <c r="BQ2041" s="53">
        <v>0</v>
      </c>
      <c r="BR2041" s="53">
        <v>0</v>
      </c>
      <c r="BS2041" s="53">
        <v>0</v>
      </c>
      <c r="BT2041" s="53">
        <v>0</v>
      </c>
      <c r="BU2041" s="53">
        <v>0</v>
      </c>
      <c r="BV2041" s="53">
        <v>0</v>
      </c>
      <c r="BW2041" s="53">
        <v>0</v>
      </c>
      <c r="BX2041" s="53">
        <v>0</v>
      </c>
      <c r="BY2041" s="53">
        <v>0</v>
      </c>
      <c r="BZ2041" s="53">
        <v>0</v>
      </c>
      <c r="CA2041" s="53">
        <v>0</v>
      </c>
      <c r="CB2041" s="53"/>
      <c r="CC2041" s="53"/>
      <c r="CD2041" s="53"/>
      <c r="CE2041" s="53"/>
      <c r="CF2041" s="53"/>
      <c r="CG2041" s="53"/>
      <c r="CH2041" s="53"/>
      <c r="CI2041" s="53"/>
      <c r="CJ2041" s="53"/>
      <c r="CK2041" s="53"/>
      <c r="CL2041" s="53"/>
      <c r="CM2041" s="53"/>
      <c r="CN2041" s="53"/>
    </row>
    <row r="2042" spans="1:92" outlineLevel="1">
      <c r="A2042" s="52" t="s">
        <v>1590</v>
      </c>
      <c r="B2042" s="53">
        <v>0</v>
      </c>
      <c r="C2042" s="53">
        <v>0</v>
      </c>
      <c r="D2042" s="53">
        <v>0</v>
      </c>
      <c r="E2042" s="53">
        <v>0</v>
      </c>
      <c r="F2042" s="53">
        <v>0</v>
      </c>
      <c r="G2042" s="53">
        <v>0</v>
      </c>
      <c r="H2042" s="53">
        <v>0</v>
      </c>
      <c r="I2042" s="53">
        <v>0</v>
      </c>
      <c r="J2042" s="53">
        <v>0</v>
      </c>
      <c r="K2042" s="53">
        <v>0</v>
      </c>
      <c r="L2042" s="53">
        <v>0</v>
      </c>
      <c r="M2042" s="53">
        <v>0</v>
      </c>
      <c r="N2042" s="53">
        <v>0</v>
      </c>
      <c r="O2042" s="53">
        <v>0</v>
      </c>
      <c r="P2042" s="53">
        <v>0</v>
      </c>
      <c r="Q2042" s="53">
        <v>0</v>
      </c>
      <c r="R2042" s="53">
        <v>0</v>
      </c>
      <c r="S2042" s="53">
        <v>0</v>
      </c>
      <c r="T2042" s="53">
        <v>0</v>
      </c>
      <c r="U2042" s="53">
        <v>0</v>
      </c>
      <c r="V2042" s="53">
        <v>0</v>
      </c>
      <c r="W2042" s="53">
        <v>0</v>
      </c>
      <c r="X2042" s="53">
        <v>0</v>
      </c>
      <c r="Y2042" s="53">
        <v>0</v>
      </c>
      <c r="Z2042" s="53">
        <v>0</v>
      </c>
      <c r="AA2042" s="53">
        <v>0</v>
      </c>
      <c r="AB2042" s="53">
        <v>0</v>
      </c>
      <c r="AC2042" s="53">
        <v>0</v>
      </c>
      <c r="AD2042" s="53">
        <v>0</v>
      </c>
      <c r="AE2042" s="53">
        <v>0</v>
      </c>
      <c r="AF2042" s="53">
        <v>0</v>
      </c>
      <c r="AG2042" s="53">
        <v>0</v>
      </c>
      <c r="AH2042" s="53">
        <v>0</v>
      </c>
      <c r="AI2042" s="53">
        <v>0</v>
      </c>
      <c r="AJ2042" s="53">
        <v>0</v>
      </c>
      <c r="AK2042" s="53">
        <v>0</v>
      </c>
      <c r="AL2042" s="53">
        <v>0</v>
      </c>
      <c r="AM2042" s="53">
        <v>0</v>
      </c>
      <c r="AN2042" s="53">
        <v>0</v>
      </c>
      <c r="AO2042" s="53">
        <v>0</v>
      </c>
      <c r="AP2042" s="53">
        <v>0</v>
      </c>
      <c r="AQ2042" s="53">
        <v>0</v>
      </c>
      <c r="AR2042" s="53">
        <v>0</v>
      </c>
      <c r="AS2042" s="53">
        <v>0</v>
      </c>
      <c r="AT2042" s="53">
        <v>0</v>
      </c>
      <c r="AU2042" s="53">
        <v>0</v>
      </c>
      <c r="AV2042" s="53">
        <v>0</v>
      </c>
      <c r="AW2042" s="53">
        <v>0</v>
      </c>
      <c r="AX2042" s="53">
        <v>0</v>
      </c>
      <c r="AY2042" s="53">
        <v>0</v>
      </c>
      <c r="AZ2042" s="53">
        <v>0</v>
      </c>
      <c r="BA2042" s="53">
        <v>0</v>
      </c>
      <c r="BB2042" s="53">
        <v>0</v>
      </c>
      <c r="BC2042" s="53">
        <v>0</v>
      </c>
      <c r="BD2042" s="53">
        <v>0</v>
      </c>
      <c r="BE2042" s="53">
        <v>0</v>
      </c>
      <c r="BF2042" s="53">
        <v>0</v>
      </c>
      <c r="BG2042" s="53">
        <v>0</v>
      </c>
      <c r="BH2042" s="53">
        <v>0</v>
      </c>
      <c r="BI2042" s="53">
        <v>0</v>
      </c>
      <c r="BJ2042" s="53">
        <v>0</v>
      </c>
      <c r="BK2042" s="53">
        <v>0</v>
      </c>
      <c r="BL2042" s="53">
        <v>0</v>
      </c>
      <c r="BM2042" s="53">
        <v>0</v>
      </c>
      <c r="BN2042" s="53">
        <v>0</v>
      </c>
      <c r="BO2042" s="53">
        <v>0</v>
      </c>
      <c r="BP2042" s="53">
        <v>0</v>
      </c>
      <c r="BQ2042" s="53">
        <v>0</v>
      </c>
      <c r="BR2042" s="53">
        <v>0</v>
      </c>
      <c r="BS2042" s="53">
        <v>0</v>
      </c>
      <c r="BT2042" s="53">
        <v>0</v>
      </c>
      <c r="BU2042" s="53">
        <v>0</v>
      </c>
      <c r="BV2042" s="53">
        <v>0</v>
      </c>
      <c r="BW2042" s="53">
        <v>0</v>
      </c>
      <c r="BX2042" s="53">
        <v>0</v>
      </c>
      <c r="BY2042" s="53">
        <v>0</v>
      </c>
      <c r="BZ2042" s="53">
        <v>0</v>
      </c>
      <c r="CA2042" s="53">
        <v>0</v>
      </c>
      <c r="CB2042" s="53">
        <v>-10400000</v>
      </c>
      <c r="CC2042" s="53"/>
      <c r="CD2042" s="53"/>
      <c r="CE2042" s="53"/>
      <c r="CF2042" s="53"/>
      <c r="CG2042" s="53"/>
      <c r="CH2042" s="53">
        <v>-10400000</v>
      </c>
      <c r="CI2042" s="53"/>
      <c r="CJ2042" s="53"/>
      <c r="CK2042" s="53"/>
      <c r="CL2042" s="53"/>
      <c r="CM2042" s="53"/>
      <c r="CN2042" s="53">
        <v>-20800000</v>
      </c>
    </row>
    <row r="2043" spans="1:92" outlineLevel="1">
      <c r="A2043" s="52" t="s">
        <v>1218</v>
      </c>
      <c r="B2043" s="53"/>
      <c r="C2043" s="53"/>
      <c r="D2043" s="53"/>
      <c r="E2043" s="53"/>
      <c r="F2043" s="53"/>
      <c r="G2043" s="53"/>
      <c r="H2043" s="53"/>
      <c r="I2043" s="53"/>
      <c r="J2043" s="53"/>
      <c r="K2043" s="53"/>
      <c r="L2043" s="53"/>
      <c r="M2043" s="53"/>
      <c r="N2043" s="53"/>
      <c r="O2043" s="53"/>
      <c r="P2043" s="53">
        <v>-1.4210854715202E-11</v>
      </c>
      <c r="Q2043" s="53">
        <v>-2.8421709430404001E-11</v>
      </c>
      <c r="R2043" s="53">
        <v>-4.2632564145605998E-11</v>
      </c>
      <c r="S2043" s="53">
        <v>-4.2632564145605998E-11</v>
      </c>
      <c r="T2043" s="53">
        <v>-4.2632564145605998E-11</v>
      </c>
      <c r="U2043" s="53">
        <v>-4.2632564145605998E-11</v>
      </c>
      <c r="V2043" s="53">
        <v>-5.6843418860808002E-11</v>
      </c>
      <c r="W2043" s="53">
        <v>-7.1054273576010006E-11</v>
      </c>
      <c r="X2043" s="53">
        <v>-8.5265128291211996E-11</v>
      </c>
      <c r="Y2043" s="53">
        <v>-9.9475983006414E-11</v>
      </c>
      <c r="Z2043" s="53">
        <v>-1.13686837721616E-10</v>
      </c>
      <c r="AA2043" s="53"/>
      <c r="AB2043" s="53">
        <v>-1.2789769243681801E-10</v>
      </c>
      <c r="AC2043" s="53">
        <v>-1.4210854715202001E-10</v>
      </c>
      <c r="AD2043" s="53">
        <v>-1.5631940186722199E-10</v>
      </c>
      <c r="AE2043" s="53">
        <v>-1.7053025658242399E-10</v>
      </c>
      <c r="AF2043" s="53">
        <v>-1.84741111297626E-10</v>
      </c>
      <c r="AG2043" s="53">
        <v>-1.98951966012828E-10</v>
      </c>
      <c r="AH2043" s="53">
        <v>-2.1316282072803E-10</v>
      </c>
      <c r="AI2043" s="53">
        <v>-1.98951966012828E-10</v>
      </c>
      <c r="AJ2043" s="53">
        <v>-1.98951966012828E-10</v>
      </c>
      <c r="AK2043" s="53">
        <v>-1.98951966012828E-10</v>
      </c>
      <c r="AL2043" s="53">
        <v>-1.98951966012828E-10</v>
      </c>
      <c r="AM2043" s="53">
        <v>-1.98951966012828E-10</v>
      </c>
      <c r="AN2043" s="53">
        <v>-1.2789769243681801E-10</v>
      </c>
      <c r="AO2043" s="53">
        <v>-1.98951966012828E-10</v>
      </c>
      <c r="AP2043" s="53">
        <v>-1.98951966012828E-10</v>
      </c>
      <c r="AQ2043" s="53">
        <v>-1.98951966012828E-10</v>
      </c>
      <c r="AR2043" s="53">
        <v>-1.98951966012828E-10</v>
      </c>
      <c r="AS2043" s="53">
        <v>-1.98951966012828E-10</v>
      </c>
      <c r="AT2043" s="53">
        <v>-1.98951966012828E-10</v>
      </c>
      <c r="AU2043" s="53">
        <v>-1.98951966012828E-10</v>
      </c>
      <c r="AV2043" s="53">
        <v>-2.1316282072803E-10</v>
      </c>
      <c r="AW2043" s="53">
        <v>-2.1316282072803E-10</v>
      </c>
      <c r="AX2043" s="53">
        <v>-2.1316282072803E-10</v>
      </c>
      <c r="AY2043" s="53">
        <v>-2.1316282072803E-10</v>
      </c>
      <c r="AZ2043" s="53">
        <v>-2.1316282072803E-10</v>
      </c>
      <c r="BA2043" s="53">
        <v>-1.98951966012828E-10</v>
      </c>
      <c r="BB2043" s="53">
        <v>-2.1316282072803E-10</v>
      </c>
      <c r="BC2043" s="53">
        <v>1620.1958762884401</v>
      </c>
      <c r="BD2043" s="53">
        <v>4860.5876288657701</v>
      </c>
      <c r="BE2043" s="53">
        <v>8100.9793814430795</v>
      </c>
      <c r="BF2043" s="53">
        <v>11341.371134020401</v>
      </c>
      <c r="BG2043" s="53">
        <v>14581.7628865977</v>
      </c>
      <c r="BH2043" s="53">
        <v>17822.154639175002</v>
      </c>
      <c r="BI2043" s="53">
        <v>21062.546391752301</v>
      </c>
      <c r="BJ2043" s="53">
        <v>24302.938144329601</v>
      </c>
      <c r="BK2043" s="53">
        <v>27543.3298969069</v>
      </c>
      <c r="BL2043" s="53">
        <v>30783.7216494842</v>
      </c>
      <c r="BM2043" s="53">
        <v>34024.113402061499</v>
      </c>
      <c r="BN2043" s="53">
        <v>-2.1316282072803E-10</v>
      </c>
      <c r="BO2043" s="53">
        <v>37264.505154638799</v>
      </c>
      <c r="BP2043" s="53">
        <v>38884.701030927397</v>
      </c>
      <c r="BQ2043" s="53">
        <v>40098.635457156903</v>
      </c>
      <c r="BR2043" s="53">
        <v>41312.569883386401</v>
      </c>
      <c r="BS2043" s="53">
        <v>42526.504309615899</v>
      </c>
      <c r="BT2043" s="53">
        <v>43740.438735845302</v>
      </c>
      <c r="BU2043" s="53">
        <v>44954.3731620748</v>
      </c>
      <c r="BV2043" s="53">
        <v>50760.954204845701</v>
      </c>
      <c r="BW2043" s="53">
        <v>61160.181864157799</v>
      </c>
      <c r="BX2043" s="53">
        <v>71559.409523470007</v>
      </c>
      <c r="BY2043" s="53">
        <v>81958.6371827822</v>
      </c>
      <c r="BZ2043" s="53">
        <v>92357.864842094394</v>
      </c>
      <c r="CA2043" s="53">
        <v>37264.505154638799</v>
      </c>
      <c r="CB2043" s="53">
        <v>-8400000</v>
      </c>
      <c r="CC2043" s="53"/>
      <c r="CD2043" s="53"/>
      <c r="CE2043" s="53"/>
      <c r="CF2043" s="53"/>
      <c r="CG2043" s="53"/>
      <c r="CH2043" s="53">
        <v>-8400000</v>
      </c>
      <c r="CI2043" s="53"/>
      <c r="CJ2043" s="53"/>
      <c r="CK2043" s="53"/>
      <c r="CL2043" s="53"/>
      <c r="CM2043" s="53"/>
      <c r="CN2043" s="53">
        <v>-16800000</v>
      </c>
    </row>
    <row r="2044" spans="1:92" outlineLevel="1">
      <c r="A2044" s="52" t="s">
        <v>699</v>
      </c>
      <c r="B2044" s="53"/>
      <c r="C2044" s="53"/>
      <c r="D2044" s="53"/>
      <c r="E2044" s="53"/>
      <c r="F2044" s="53"/>
      <c r="G2044" s="53"/>
      <c r="H2044" s="53"/>
      <c r="I2044" s="53"/>
      <c r="J2044" s="53"/>
      <c r="K2044" s="53"/>
      <c r="L2044" s="53"/>
      <c r="M2044" s="53"/>
      <c r="N2044" s="53"/>
      <c r="O2044" s="53"/>
      <c r="P2044" s="53"/>
      <c r="Q2044" s="53"/>
      <c r="R2044" s="53"/>
      <c r="S2044" s="53"/>
      <c r="T2044" s="53"/>
      <c r="U2044" s="53"/>
      <c r="V2044" s="53"/>
      <c r="W2044" s="53"/>
      <c r="X2044" s="53"/>
      <c r="Y2044" s="53"/>
      <c r="Z2044" s="53"/>
      <c r="AA2044" s="53"/>
      <c r="AB2044" s="53"/>
      <c r="AC2044" s="53"/>
      <c r="AD2044" s="53"/>
      <c r="AE2044" s="53"/>
      <c r="AF2044" s="53"/>
      <c r="AG2044" s="53"/>
      <c r="AH2044" s="53"/>
      <c r="AI2044" s="53"/>
      <c r="AJ2044" s="53"/>
      <c r="AK2044" s="53"/>
      <c r="AL2044" s="53"/>
      <c r="AM2044" s="53"/>
      <c r="AN2044" s="53"/>
      <c r="AO2044" s="53"/>
      <c r="AP2044" s="53"/>
      <c r="AQ2044" s="53"/>
      <c r="AR2044" s="53"/>
      <c r="AS2044" s="53"/>
      <c r="AT2044" s="53"/>
      <c r="AU2044" s="53"/>
      <c r="AV2044" s="53"/>
      <c r="AW2044" s="53"/>
      <c r="AX2044" s="53"/>
      <c r="AY2044" s="53"/>
      <c r="AZ2044" s="53"/>
      <c r="BA2044" s="53"/>
      <c r="BB2044" s="53"/>
      <c r="BC2044" s="53"/>
      <c r="BD2044" s="53"/>
      <c r="BE2044" s="53"/>
      <c r="BF2044" s="53"/>
      <c r="BG2044" s="53"/>
      <c r="BH2044" s="53"/>
      <c r="BI2044" s="53"/>
      <c r="BJ2044" s="53"/>
      <c r="BK2044" s="53"/>
      <c r="BL2044" s="53"/>
      <c r="BM2044" s="53"/>
      <c r="BN2044" s="53"/>
      <c r="BO2044" s="53"/>
      <c r="BP2044" s="53"/>
      <c r="BQ2044" s="53"/>
      <c r="BR2044" s="53"/>
      <c r="BS2044" s="53"/>
      <c r="BT2044" s="53"/>
      <c r="BU2044" s="53"/>
      <c r="BV2044" s="53"/>
      <c r="BW2044" s="53"/>
      <c r="BX2044" s="53"/>
      <c r="BY2044" s="53"/>
      <c r="BZ2044" s="53"/>
      <c r="CA2044" s="53"/>
      <c r="CB2044" s="53">
        <v>-11400000</v>
      </c>
      <c r="CC2044" s="53"/>
      <c r="CD2044" s="53"/>
      <c r="CE2044" s="53"/>
      <c r="CF2044" s="53"/>
      <c r="CG2044" s="53"/>
      <c r="CH2044" s="53">
        <v>-11400000</v>
      </c>
      <c r="CI2044" s="53"/>
      <c r="CJ2044" s="53"/>
      <c r="CK2044" s="53"/>
      <c r="CL2044" s="53"/>
      <c r="CM2044" s="53"/>
      <c r="CN2044" s="53">
        <v>-22800000</v>
      </c>
    </row>
    <row r="2045" spans="1:92" outlineLevel="1">
      <c r="A2045" s="52" t="s">
        <v>709</v>
      </c>
      <c r="B2045" s="53"/>
      <c r="C2045" s="53"/>
      <c r="D2045" s="53"/>
      <c r="E2045" s="53"/>
      <c r="F2045" s="53"/>
      <c r="G2045" s="53"/>
      <c r="H2045" s="53"/>
      <c r="I2045" s="53"/>
      <c r="J2045" s="53"/>
      <c r="K2045" s="53"/>
      <c r="L2045" s="53"/>
      <c r="M2045" s="53"/>
      <c r="N2045" s="53"/>
      <c r="O2045" s="53"/>
      <c r="P2045" s="53"/>
      <c r="Q2045" s="53"/>
      <c r="R2045" s="53"/>
      <c r="S2045" s="53"/>
      <c r="T2045" s="53"/>
      <c r="U2045" s="53"/>
      <c r="V2045" s="53"/>
      <c r="W2045" s="53"/>
      <c r="X2045" s="53"/>
      <c r="Y2045" s="53"/>
      <c r="Z2045" s="53"/>
      <c r="AA2045" s="53"/>
      <c r="AB2045" s="53"/>
      <c r="AC2045" s="53"/>
      <c r="AD2045" s="53"/>
      <c r="AE2045" s="53"/>
      <c r="AF2045" s="53"/>
      <c r="AG2045" s="53"/>
      <c r="AH2045" s="53"/>
      <c r="AI2045" s="53"/>
      <c r="AJ2045" s="53"/>
      <c r="AK2045" s="53"/>
      <c r="AL2045" s="53"/>
      <c r="AM2045" s="53"/>
      <c r="AN2045" s="53"/>
      <c r="AO2045" s="53"/>
      <c r="AP2045" s="53"/>
      <c r="AQ2045" s="53"/>
      <c r="AR2045" s="53"/>
      <c r="AS2045" s="53"/>
      <c r="AT2045" s="53"/>
      <c r="AU2045" s="53"/>
      <c r="AV2045" s="53"/>
      <c r="AW2045" s="53"/>
      <c r="AX2045" s="53"/>
      <c r="AY2045" s="53"/>
      <c r="AZ2045" s="53"/>
      <c r="BA2045" s="53"/>
      <c r="BB2045" s="53"/>
      <c r="BC2045" s="53"/>
      <c r="BD2045" s="53"/>
      <c r="BE2045" s="53"/>
      <c r="BF2045" s="53"/>
      <c r="BG2045" s="53"/>
      <c r="BH2045" s="53"/>
      <c r="BI2045" s="53"/>
      <c r="BJ2045" s="53"/>
      <c r="BK2045" s="53"/>
      <c r="BL2045" s="53"/>
      <c r="BM2045" s="53"/>
      <c r="BN2045" s="53"/>
      <c r="BO2045" s="53"/>
      <c r="BP2045" s="53"/>
      <c r="BQ2045" s="53"/>
      <c r="BR2045" s="53"/>
      <c r="BS2045" s="53"/>
      <c r="BT2045" s="53"/>
      <c r="BU2045" s="53"/>
      <c r="BV2045" s="53"/>
      <c r="BW2045" s="53"/>
      <c r="BX2045" s="53"/>
      <c r="BY2045" s="53"/>
      <c r="BZ2045" s="53"/>
      <c r="CA2045" s="53"/>
      <c r="CB2045" s="53"/>
      <c r="CC2045" s="53"/>
      <c r="CD2045" s="53"/>
      <c r="CE2045" s="53"/>
      <c r="CF2045" s="53"/>
      <c r="CG2045" s="53">
        <v>-8750000</v>
      </c>
      <c r="CH2045" s="53"/>
      <c r="CI2045" s="53"/>
      <c r="CJ2045" s="53"/>
      <c r="CK2045" s="53"/>
      <c r="CL2045" s="53"/>
      <c r="CM2045" s="53">
        <v>-8750000</v>
      </c>
      <c r="CN2045" s="53">
        <v>-17500000</v>
      </c>
    </row>
    <row r="2046" spans="1:92" outlineLevel="1">
      <c r="A2046" s="52" t="s">
        <v>1591</v>
      </c>
      <c r="B2046" s="53"/>
      <c r="C2046" s="53"/>
      <c r="D2046" s="53"/>
      <c r="E2046" s="53"/>
      <c r="F2046" s="53"/>
      <c r="G2046" s="53"/>
      <c r="H2046" s="53"/>
      <c r="I2046" s="53"/>
      <c r="J2046" s="53"/>
      <c r="K2046" s="53"/>
      <c r="L2046" s="53"/>
      <c r="M2046" s="53"/>
      <c r="N2046" s="53"/>
      <c r="O2046" s="53"/>
      <c r="P2046" s="53"/>
      <c r="Q2046" s="53"/>
      <c r="R2046" s="53"/>
      <c r="S2046" s="53"/>
      <c r="T2046" s="53"/>
      <c r="U2046" s="53"/>
      <c r="V2046" s="53"/>
      <c r="W2046" s="53"/>
      <c r="X2046" s="53"/>
      <c r="Y2046" s="53"/>
      <c r="Z2046" s="53"/>
      <c r="AA2046" s="53"/>
      <c r="AB2046" s="53"/>
      <c r="AC2046" s="53"/>
      <c r="AD2046" s="53"/>
      <c r="AE2046" s="53"/>
      <c r="AF2046" s="53"/>
      <c r="AG2046" s="53"/>
      <c r="AH2046" s="53"/>
      <c r="AI2046" s="53"/>
      <c r="AJ2046" s="53"/>
      <c r="AK2046" s="53"/>
      <c r="AL2046" s="53"/>
      <c r="AM2046" s="53"/>
      <c r="AN2046" s="53"/>
      <c r="AO2046" s="53"/>
      <c r="AP2046" s="53"/>
      <c r="AQ2046" s="53"/>
      <c r="AR2046" s="53"/>
      <c r="AS2046" s="53"/>
      <c r="AT2046" s="53"/>
      <c r="AU2046" s="53"/>
      <c r="AV2046" s="53"/>
      <c r="AW2046" s="53"/>
      <c r="AX2046" s="53"/>
      <c r="AY2046" s="53"/>
      <c r="AZ2046" s="53"/>
      <c r="BA2046" s="53"/>
      <c r="BB2046" s="53"/>
      <c r="BC2046" s="53"/>
      <c r="BD2046" s="53"/>
      <c r="BE2046" s="53"/>
      <c r="BF2046" s="53"/>
      <c r="BG2046" s="53"/>
      <c r="BH2046" s="53"/>
      <c r="BI2046" s="53"/>
      <c r="BJ2046" s="53"/>
      <c r="BK2046" s="53"/>
      <c r="BL2046" s="53"/>
      <c r="BM2046" s="53"/>
      <c r="BN2046" s="53"/>
      <c r="BO2046" s="53"/>
      <c r="BP2046" s="53"/>
      <c r="BQ2046" s="53"/>
      <c r="BR2046" s="53"/>
      <c r="BS2046" s="53"/>
      <c r="BT2046" s="53"/>
      <c r="BU2046" s="53"/>
      <c r="BV2046" s="53"/>
      <c r="BW2046" s="53"/>
      <c r="BX2046" s="53"/>
      <c r="BY2046" s="53"/>
      <c r="BZ2046" s="53"/>
      <c r="CA2046" s="53"/>
      <c r="CB2046" s="53"/>
      <c r="CC2046" s="53"/>
      <c r="CD2046" s="53"/>
      <c r="CE2046" s="53"/>
      <c r="CF2046" s="53"/>
      <c r="CG2046" s="53"/>
      <c r="CH2046" s="53"/>
      <c r="CI2046" s="53"/>
      <c r="CJ2046" s="53"/>
      <c r="CK2046" s="53"/>
      <c r="CL2046" s="53"/>
      <c r="CM2046" s="53"/>
      <c r="CN2046" s="53"/>
    </row>
    <row r="2047" spans="1:92" outlineLevel="1">
      <c r="A2047" s="52" t="s">
        <v>711</v>
      </c>
      <c r="B2047" s="53">
        <v>-1213.9344262295001</v>
      </c>
      <c r="C2047" s="53">
        <v>-1213.9344262295001</v>
      </c>
      <c r="D2047" s="53">
        <v>-1213.9344262295001</v>
      </c>
      <c r="E2047" s="53">
        <v>-1213.9344262295001</v>
      </c>
      <c r="F2047" s="53">
        <v>-1213.9344262295001</v>
      </c>
      <c r="G2047" s="53">
        <v>-1213.9344262295001</v>
      </c>
      <c r="H2047" s="53">
        <v>-1213.9344262295001</v>
      </c>
      <c r="I2047" s="53">
        <v>-1213.9344262295001</v>
      </c>
      <c r="J2047" s="53">
        <v>-1213.9344262295001</v>
      </c>
      <c r="K2047" s="53">
        <v>-1213.9344262295001</v>
      </c>
      <c r="L2047" s="53">
        <v>-1213.9344262295001</v>
      </c>
      <c r="M2047" s="53">
        <v>-1213.9344262295001</v>
      </c>
      <c r="N2047" s="53">
        <v>-14567.213114754</v>
      </c>
      <c r="O2047" s="53">
        <v>-1213.9344262295001</v>
      </c>
      <c r="P2047" s="53">
        <v>-1213.9344262295001</v>
      </c>
      <c r="Q2047" s="53">
        <v>-1213.9344262295001</v>
      </c>
      <c r="R2047" s="53">
        <v>-1213.9344262295001</v>
      </c>
      <c r="S2047" s="53">
        <v>-1213.9344262295001</v>
      </c>
      <c r="T2047" s="53">
        <v>-1213.9344262295001</v>
      </c>
      <c r="U2047" s="53">
        <v>-1213.9344262295001</v>
      </c>
      <c r="V2047" s="53">
        <v>-1213.9344262295001</v>
      </c>
      <c r="W2047" s="53">
        <v>-1213.9344262295001</v>
      </c>
      <c r="X2047" s="53">
        <v>-1213.9344262295001</v>
      </c>
      <c r="Y2047" s="53">
        <v>-1213.9344262295001</v>
      </c>
      <c r="Z2047" s="53">
        <v>-1213.9344262295001</v>
      </c>
      <c r="AA2047" s="53">
        <v>-14567.213114754</v>
      </c>
      <c r="AB2047" s="53">
        <v>-1213.9344262295001</v>
      </c>
      <c r="AC2047" s="53">
        <v>-1213.9344262295001</v>
      </c>
      <c r="AD2047" s="53">
        <v>-1213.9344262295001</v>
      </c>
      <c r="AE2047" s="53">
        <v>-1213.9344262295001</v>
      </c>
      <c r="AF2047" s="53">
        <v>-1213.9344262295001</v>
      </c>
      <c r="AG2047" s="53">
        <v>-1213.9344262295001</v>
      </c>
      <c r="AH2047" s="53">
        <v>-1213.9344262295001</v>
      </c>
      <c r="AI2047" s="53">
        <v>-1213.9344262295001</v>
      </c>
      <c r="AJ2047" s="53">
        <v>-1213.9344262295001</v>
      </c>
      <c r="AK2047" s="53">
        <v>-1213.9344262295001</v>
      </c>
      <c r="AL2047" s="53">
        <v>-1213.9344262295001</v>
      </c>
      <c r="AM2047" s="53">
        <v>-1213.9344262295001</v>
      </c>
      <c r="AN2047" s="53">
        <v>-14567.213114754</v>
      </c>
      <c r="AO2047" s="53">
        <v>-1213.9344262295001</v>
      </c>
      <c r="AP2047" s="53">
        <v>-1213.9344262295001</v>
      </c>
      <c r="AQ2047" s="53">
        <v>-1213.9344262295001</v>
      </c>
      <c r="AR2047" s="53">
        <v>-1213.9344262295001</v>
      </c>
      <c r="AS2047" s="53">
        <v>-1213.9344262295001</v>
      </c>
      <c r="AT2047" s="53">
        <v>-1213.9344262295001</v>
      </c>
      <c r="AU2047" s="53">
        <v>-1213.9344262295001</v>
      </c>
      <c r="AV2047" s="53">
        <v>-1213.9344262295001</v>
      </c>
      <c r="AW2047" s="53">
        <v>-1213.9344262295001</v>
      </c>
      <c r="AX2047" s="53">
        <v>-1213.9344262295001</v>
      </c>
      <c r="AY2047" s="53">
        <v>-1213.9344262295001</v>
      </c>
      <c r="AZ2047" s="53">
        <v>-1213.9344262295001</v>
      </c>
      <c r="BA2047" s="53">
        <v>-14567.213114754</v>
      </c>
      <c r="BB2047" s="53">
        <v>-1213.9344262295001</v>
      </c>
      <c r="BC2047" s="53">
        <v>-1213.9344262295001</v>
      </c>
      <c r="BD2047" s="53">
        <v>-1213.9344262295001</v>
      </c>
      <c r="BE2047" s="53">
        <v>-1213.9344262295001</v>
      </c>
      <c r="BF2047" s="53">
        <v>-1213.9344262295001</v>
      </c>
      <c r="BG2047" s="53">
        <v>-1213.9344262295001</v>
      </c>
      <c r="BH2047" s="53">
        <v>-1213.9344262295001</v>
      </c>
      <c r="BI2047" s="53">
        <v>-1213.9344262295001</v>
      </c>
      <c r="BJ2047" s="53">
        <v>-1213.9344262295001</v>
      </c>
      <c r="BK2047" s="53">
        <v>-1213.9344262295001</v>
      </c>
      <c r="BL2047" s="53">
        <v>-1213.9344262295001</v>
      </c>
      <c r="BM2047" s="53">
        <v>-1213.9344262295001</v>
      </c>
      <c r="BN2047" s="53">
        <v>-14567.2131147541</v>
      </c>
      <c r="BO2047" s="53">
        <v>-1213.9344262295001</v>
      </c>
      <c r="BP2047" s="53"/>
      <c r="BQ2047" s="53"/>
      <c r="BR2047" s="53"/>
      <c r="BS2047" s="53"/>
      <c r="BT2047" s="53"/>
      <c r="BU2047" s="53"/>
      <c r="BV2047" s="53"/>
      <c r="BW2047" s="53"/>
      <c r="BX2047" s="53"/>
      <c r="BY2047" s="53"/>
      <c r="BZ2047" s="53"/>
      <c r="CA2047" s="53">
        <v>-1213.9344262295001</v>
      </c>
      <c r="CB2047" s="53"/>
      <c r="CC2047" s="53"/>
      <c r="CD2047" s="53"/>
      <c r="CE2047" s="53"/>
      <c r="CF2047" s="53"/>
      <c r="CG2047" s="53">
        <v>-4375000</v>
      </c>
      <c r="CH2047" s="53"/>
      <c r="CI2047" s="53"/>
      <c r="CJ2047" s="53"/>
      <c r="CK2047" s="53"/>
      <c r="CL2047" s="53"/>
      <c r="CM2047" s="53">
        <v>-4375000</v>
      </c>
      <c r="CN2047" s="53">
        <v>-8750000</v>
      </c>
    </row>
    <row r="2048" spans="1:92" outlineLevel="1">
      <c r="A2048" s="52" t="s">
        <v>712</v>
      </c>
      <c r="B2048" s="53">
        <v>-1583.1557377049101</v>
      </c>
      <c r="C2048" s="53">
        <v>-1583.1557377049101</v>
      </c>
      <c r="D2048" s="53">
        <v>-1583.1557377049101</v>
      </c>
      <c r="E2048" s="53">
        <v>-1583.1557377049101</v>
      </c>
      <c r="F2048" s="53">
        <v>-1583.1557377049101</v>
      </c>
      <c r="G2048" s="53">
        <v>-1583.1557377049101</v>
      </c>
      <c r="H2048" s="53">
        <v>-1583.1557377049101</v>
      </c>
      <c r="I2048" s="53">
        <v>-1583.1557377049101</v>
      </c>
      <c r="J2048" s="53">
        <v>-1583.1557377049101</v>
      </c>
      <c r="K2048" s="53">
        <v>-1583.1557377049101</v>
      </c>
      <c r="L2048" s="53">
        <v>-1583.1557377049101</v>
      </c>
      <c r="M2048" s="53">
        <v>-1583.1557377049101</v>
      </c>
      <c r="N2048" s="53">
        <v>-18997.868852459</v>
      </c>
      <c r="O2048" s="53">
        <v>-1583.1557377049101</v>
      </c>
      <c r="P2048" s="53">
        <v>-1583.1557377049101</v>
      </c>
      <c r="Q2048" s="53">
        <v>-1583.1557377049101</v>
      </c>
      <c r="R2048" s="53">
        <v>-1583.1557377049101</v>
      </c>
      <c r="S2048" s="53">
        <v>-1583.1557377049101</v>
      </c>
      <c r="T2048" s="53">
        <v>-1583.1557377049101</v>
      </c>
      <c r="U2048" s="53">
        <v>-1583.1557377049101</v>
      </c>
      <c r="V2048" s="53">
        <v>-1583.1557377049101</v>
      </c>
      <c r="W2048" s="53">
        <v>-1583.1557377049101</v>
      </c>
      <c r="X2048" s="53">
        <v>-1583.1557377049101</v>
      </c>
      <c r="Y2048" s="53">
        <v>-1583.1557377049101</v>
      </c>
      <c r="Z2048" s="53">
        <v>-1583.1557377049101</v>
      </c>
      <c r="AA2048" s="53">
        <v>-18997.868852459</v>
      </c>
      <c r="AB2048" s="53">
        <v>-1583.1557377049101</v>
      </c>
      <c r="AC2048" s="53">
        <v>-1583.1557377049101</v>
      </c>
      <c r="AD2048" s="53">
        <v>-1583.1557377049101</v>
      </c>
      <c r="AE2048" s="53">
        <v>-1583.1557377049101</v>
      </c>
      <c r="AF2048" s="53">
        <v>-1583.1557377049101</v>
      </c>
      <c r="AG2048" s="53">
        <v>-1583.1557377049101</v>
      </c>
      <c r="AH2048" s="53">
        <v>-1583.1557377049101</v>
      </c>
      <c r="AI2048" s="53">
        <v>-1583.1557377049101</v>
      </c>
      <c r="AJ2048" s="53">
        <v>-1583.1557377049101</v>
      </c>
      <c r="AK2048" s="53">
        <v>-1583.1557377049101</v>
      </c>
      <c r="AL2048" s="53">
        <v>-1583.1557377049101</v>
      </c>
      <c r="AM2048" s="53">
        <v>-1583.1557377049101</v>
      </c>
      <c r="AN2048" s="53">
        <v>-18997.868852459</v>
      </c>
      <c r="AO2048" s="53">
        <v>-1583.1557377049101</v>
      </c>
      <c r="AP2048" s="53">
        <v>-1583.1557377049201</v>
      </c>
      <c r="AQ2048" s="53">
        <v>-1583.1557377049201</v>
      </c>
      <c r="AR2048" s="53">
        <v>-1583.1557377049201</v>
      </c>
      <c r="AS2048" s="53">
        <v>-1583.1557377049201</v>
      </c>
      <c r="AT2048" s="53">
        <v>-1583.1557377049201</v>
      </c>
      <c r="AU2048" s="53">
        <v>-1583.1557377049201</v>
      </c>
      <c r="AV2048" s="53">
        <v>-1583.1557377049201</v>
      </c>
      <c r="AW2048" s="53">
        <v>-1583.1557377049201</v>
      </c>
      <c r="AX2048" s="53">
        <v>-1583.1557377049201</v>
      </c>
      <c r="AY2048" s="53">
        <v>-1583.1557377049201</v>
      </c>
      <c r="AZ2048" s="53">
        <v>-1583.1557377049201</v>
      </c>
      <c r="BA2048" s="53">
        <v>-18997.868852459</v>
      </c>
      <c r="BB2048" s="53">
        <v>-1583.1557377049201</v>
      </c>
      <c r="BC2048" s="53">
        <v>-1583.1557377049201</v>
      </c>
      <c r="BD2048" s="53">
        <v>-1583.1557377049201</v>
      </c>
      <c r="BE2048" s="53">
        <v>-1583.1557377049201</v>
      </c>
      <c r="BF2048" s="53">
        <v>-1583.1557377049201</v>
      </c>
      <c r="BG2048" s="53">
        <v>-1583.1557377049201</v>
      </c>
      <c r="BH2048" s="53">
        <v>-1583.1557377049201</v>
      </c>
      <c r="BI2048" s="53">
        <v>-1583.1557377049201</v>
      </c>
      <c r="BJ2048" s="53">
        <v>-1583.1557377049201</v>
      </c>
      <c r="BK2048" s="53">
        <v>-1583.1557377049201</v>
      </c>
      <c r="BL2048" s="53">
        <v>-1583.1557377049201</v>
      </c>
      <c r="BM2048" s="53">
        <v>-1583.1557377049201</v>
      </c>
      <c r="BN2048" s="53">
        <v>-18997.868852459</v>
      </c>
      <c r="BO2048" s="53">
        <v>-1583.1557377049201</v>
      </c>
      <c r="BP2048" s="53">
        <v>-1583.1557377049201</v>
      </c>
      <c r="BQ2048" s="53">
        <v>-1583.1557377049201</v>
      </c>
      <c r="BR2048" s="53">
        <v>-1583.1557377049201</v>
      </c>
      <c r="BS2048" s="53">
        <v>-1583.1557377049201</v>
      </c>
      <c r="BT2048" s="53">
        <v>-1583.1557377049201</v>
      </c>
      <c r="BU2048" s="53">
        <v>-1583.1557377049201</v>
      </c>
      <c r="BV2048" s="53">
        <v>-1583.1557377049201</v>
      </c>
      <c r="BW2048" s="53">
        <v>-1583.1557377049201</v>
      </c>
      <c r="BX2048" s="53">
        <v>-1583.1557377049201</v>
      </c>
      <c r="BY2048" s="53">
        <v>-1583.1557377049201</v>
      </c>
      <c r="BZ2048" s="53">
        <v>-1583.1557377049201</v>
      </c>
      <c r="CA2048" s="53">
        <v>-18997.868852459</v>
      </c>
      <c r="CB2048" s="53"/>
      <c r="CC2048" s="53"/>
      <c r="CD2048" s="53"/>
      <c r="CE2048" s="53"/>
      <c r="CF2048" s="53"/>
      <c r="CG2048" s="53">
        <v>-7800000</v>
      </c>
      <c r="CH2048" s="53"/>
      <c r="CI2048" s="53"/>
      <c r="CJ2048" s="53"/>
      <c r="CK2048" s="53"/>
      <c r="CL2048" s="53"/>
      <c r="CM2048" s="53">
        <v>-7800000</v>
      </c>
      <c r="CN2048" s="53">
        <v>-15600000</v>
      </c>
    </row>
    <row r="2049" spans="1:92" outlineLevel="1">
      <c r="A2049" s="52" t="s">
        <v>713</v>
      </c>
      <c r="B2049" s="53">
        <v>-1833.3881019830001</v>
      </c>
      <c r="C2049" s="53">
        <v>-1833.3881019830001</v>
      </c>
      <c r="D2049" s="53">
        <v>-1833.3881019830001</v>
      </c>
      <c r="E2049" s="53">
        <v>-1833.3881019830001</v>
      </c>
      <c r="F2049" s="53">
        <v>-1833.3881019830001</v>
      </c>
      <c r="G2049" s="53">
        <v>-1833.3881019830001</v>
      </c>
      <c r="H2049" s="53">
        <v>-1833.3881019830001</v>
      </c>
      <c r="I2049" s="53">
        <v>-1833.3881019830001</v>
      </c>
      <c r="J2049" s="53">
        <v>-1833.3881019830001</v>
      </c>
      <c r="K2049" s="53">
        <v>-1833.3881019830001</v>
      </c>
      <c r="L2049" s="53">
        <v>-1833.3881019830001</v>
      </c>
      <c r="M2049" s="53">
        <v>-1833.3881019830001</v>
      </c>
      <c r="N2049" s="53">
        <v>-22000.657223795999</v>
      </c>
      <c r="O2049" s="53">
        <v>-1833.3881019830001</v>
      </c>
      <c r="P2049" s="53">
        <v>-1833.3881019830001</v>
      </c>
      <c r="Q2049" s="53">
        <v>-1833.3881019830001</v>
      </c>
      <c r="R2049" s="53">
        <v>-1833.3881019830001</v>
      </c>
      <c r="S2049" s="53">
        <v>-1833.3881019830001</v>
      </c>
      <c r="T2049" s="53">
        <v>-1833.3881019830001</v>
      </c>
      <c r="U2049" s="53">
        <v>-1833.3881019830001</v>
      </c>
      <c r="V2049" s="53">
        <v>-1833.3881019830001</v>
      </c>
      <c r="W2049" s="53">
        <v>-1833.3881019830001</v>
      </c>
      <c r="X2049" s="53">
        <v>-1833.3881019830001</v>
      </c>
      <c r="Y2049" s="53">
        <v>-1833.3881019830001</v>
      </c>
      <c r="Z2049" s="53">
        <v>-1833.3881019830001</v>
      </c>
      <c r="AA2049" s="53">
        <v>-22000.657223795999</v>
      </c>
      <c r="AB2049" s="53">
        <v>-1833.3881019830001</v>
      </c>
      <c r="AC2049" s="53">
        <v>-1833.3881019830001</v>
      </c>
      <c r="AD2049" s="53">
        <v>-1833.3881019830001</v>
      </c>
      <c r="AE2049" s="53">
        <v>-1833.3881019830001</v>
      </c>
      <c r="AF2049" s="53">
        <v>-1833.3881019829901</v>
      </c>
      <c r="AG2049" s="53">
        <v>-1833.3881019829901</v>
      </c>
      <c r="AH2049" s="53">
        <v>-1833.3881019829901</v>
      </c>
      <c r="AI2049" s="53">
        <v>-1833.3881019829901</v>
      </c>
      <c r="AJ2049" s="53">
        <v>-1833.3881019829901</v>
      </c>
      <c r="AK2049" s="53">
        <v>-1833.3881019829901</v>
      </c>
      <c r="AL2049" s="53">
        <v>-1833.3881019829901</v>
      </c>
      <c r="AM2049" s="53">
        <v>-1833.3881019829901</v>
      </c>
      <c r="AN2049" s="53">
        <v>-22000.657223795999</v>
      </c>
      <c r="AO2049" s="53">
        <v>-1833.3881019829901</v>
      </c>
      <c r="AP2049" s="53">
        <v>-1833.3881019829901</v>
      </c>
      <c r="AQ2049" s="53">
        <v>-1833.3881019829901</v>
      </c>
      <c r="AR2049" s="53">
        <v>-1833.3881019829901</v>
      </c>
      <c r="AS2049" s="53">
        <v>-1833.3881019829901</v>
      </c>
      <c r="AT2049" s="53">
        <v>-1833.3881019829901</v>
      </c>
      <c r="AU2049" s="53">
        <v>-1833.3881019829901</v>
      </c>
      <c r="AV2049" s="53">
        <v>-1833.3881019829901</v>
      </c>
      <c r="AW2049" s="53">
        <v>-1833.3881019829901</v>
      </c>
      <c r="AX2049" s="53">
        <v>-1833.3881019829901</v>
      </c>
      <c r="AY2049" s="53">
        <v>-1833.3881019829901</v>
      </c>
      <c r="AZ2049" s="53">
        <v>-1833.3881019829901</v>
      </c>
      <c r="BA2049" s="53">
        <v>-22000.657223795901</v>
      </c>
      <c r="BB2049" s="53">
        <v>-1833.3881019829901</v>
      </c>
      <c r="BC2049" s="53">
        <v>-1833.3881019829901</v>
      </c>
      <c r="BD2049" s="53">
        <v>-1833.3881019829901</v>
      </c>
      <c r="BE2049" s="53">
        <v>-1833.3881019829901</v>
      </c>
      <c r="BF2049" s="53">
        <v>-1833.3881019829901</v>
      </c>
      <c r="BG2049" s="53">
        <v>-1833.3881019830001</v>
      </c>
      <c r="BH2049" s="53">
        <v>-1833.3881019830001</v>
      </c>
      <c r="BI2049" s="53">
        <v>-1833.3881019830001</v>
      </c>
      <c r="BJ2049" s="53">
        <v>-1833.3881019830001</v>
      </c>
      <c r="BK2049" s="53">
        <v>-1833.3881019830001</v>
      </c>
      <c r="BL2049" s="53">
        <v>-1833.3881019830001</v>
      </c>
      <c r="BM2049" s="53">
        <v>-1833.3881019830001</v>
      </c>
      <c r="BN2049" s="53">
        <v>-22000.657223795999</v>
      </c>
      <c r="BO2049" s="53">
        <v>-1833.3881019830001</v>
      </c>
      <c r="BP2049" s="53">
        <v>-1833.3881019830001</v>
      </c>
      <c r="BQ2049" s="53">
        <v>-1833.3881019830001</v>
      </c>
      <c r="BR2049" s="53">
        <v>-1833.3881019830001</v>
      </c>
      <c r="BS2049" s="53">
        <v>-1833.3881019830001</v>
      </c>
      <c r="BT2049" s="53">
        <v>-1833.3881019830001</v>
      </c>
      <c r="BU2049" s="53">
        <v>-1833.3881019830001</v>
      </c>
      <c r="BV2049" s="53">
        <v>-1833.3881019830001</v>
      </c>
      <c r="BW2049" s="53">
        <v>-1833.3881019830001</v>
      </c>
      <c r="BX2049" s="53">
        <v>-1833.3881019830001</v>
      </c>
      <c r="BY2049" s="53">
        <v>-1833.3881019830001</v>
      </c>
      <c r="BZ2049" s="53">
        <v>-1833.3881019830001</v>
      </c>
      <c r="CA2049" s="53">
        <v>-22000.657223795999</v>
      </c>
      <c r="CB2049" s="53"/>
      <c r="CC2049" s="53"/>
      <c r="CD2049" s="53"/>
      <c r="CE2049" s="53"/>
      <c r="CF2049" s="53"/>
      <c r="CG2049" s="53">
        <v>-7499999.9999999898</v>
      </c>
      <c r="CH2049" s="53"/>
      <c r="CI2049" s="53"/>
      <c r="CJ2049" s="53"/>
      <c r="CK2049" s="53"/>
      <c r="CL2049" s="53"/>
      <c r="CM2049" s="53">
        <v>-7499999.9999999898</v>
      </c>
      <c r="CN2049" s="53">
        <v>-14999999.999999899</v>
      </c>
    </row>
    <row r="2050" spans="1:92" outlineLevel="1">
      <c r="A2050" s="52" t="s">
        <v>716</v>
      </c>
      <c r="B2050" s="53">
        <v>-11723.4555256064</v>
      </c>
      <c r="C2050" s="53">
        <v>-11723.4555256064</v>
      </c>
      <c r="D2050" s="53">
        <v>-11723.4555256064</v>
      </c>
      <c r="E2050" s="53">
        <v>-11723.4555256064</v>
      </c>
      <c r="F2050" s="53">
        <v>-11723.4555256064</v>
      </c>
      <c r="G2050" s="53">
        <v>-11723.4555256064</v>
      </c>
      <c r="H2050" s="53">
        <v>-11723.4555256064</v>
      </c>
      <c r="I2050" s="53">
        <v>-11723.4555256064</v>
      </c>
      <c r="J2050" s="53">
        <v>-11723.4555256064</v>
      </c>
      <c r="K2050" s="53">
        <v>-11723.4555256064</v>
      </c>
      <c r="L2050" s="53">
        <v>-11723.4555256064</v>
      </c>
      <c r="M2050" s="53">
        <v>-11723.4555256064</v>
      </c>
      <c r="N2050" s="53">
        <v>-140681.46630727701</v>
      </c>
      <c r="O2050" s="53">
        <v>-11723.4555256064</v>
      </c>
      <c r="P2050" s="53">
        <v>-11723.4555256064</v>
      </c>
      <c r="Q2050" s="53">
        <v>-11723.4555256064</v>
      </c>
      <c r="R2050" s="53">
        <v>-11723.4555256064</v>
      </c>
      <c r="S2050" s="53">
        <v>-11723.4555256064</v>
      </c>
      <c r="T2050" s="53">
        <v>-11723.4555256064</v>
      </c>
      <c r="U2050" s="53">
        <v>-11723.4555256064</v>
      </c>
      <c r="V2050" s="53">
        <v>-11723.4555256064</v>
      </c>
      <c r="W2050" s="53">
        <v>-11723.4555256064</v>
      </c>
      <c r="X2050" s="53">
        <v>-11723.4555256064</v>
      </c>
      <c r="Y2050" s="53">
        <v>-11723.4555256064</v>
      </c>
      <c r="Z2050" s="53">
        <v>-11723.4555256064</v>
      </c>
      <c r="AA2050" s="53">
        <v>-140681.46630727701</v>
      </c>
      <c r="AB2050" s="53">
        <v>-11723.4555256064</v>
      </c>
      <c r="AC2050" s="53">
        <v>-11723.4555256064</v>
      </c>
      <c r="AD2050" s="53">
        <v>-11723.4555256064</v>
      </c>
      <c r="AE2050" s="53">
        <v>-11723.4555256064</v>
      </c>
      <c r="AF2050" s="53">
        <v>-11723.4555256064</v>
      </c>
      <c r="AG2050" s="53">
        <v>-11723.4555256064</v>
      </c>
      <c r="AH2050" s="53">
        <v>-11723.4555256064</v>
      </c>
      <c r="AI2050" s="53">
        <v>-11723.4555256064</v>
      </c>
      <c r="AJ2050" s="53">
        <v>-11723.4555256064</v>
      </c>
      <c r="AK2050" s="53">
        <v>-11723.4555256064</v>
      </c>
      <c r="AL2050" s="53">
        <v>-11723.4555256064</v>
      </c>
      <c r="AM2050" s="53">
        <v>-11723.4555256064</v>
      </c>
      <c r="AN2050" s="53">
        <v>-140681.46630727701</v>
      </c>
      <c r="AO2050" s="53">
        <v>-11723.4555256064</v>
      </c>
      <c r="AP2050" s="53">
        <v>-11723.4555256064</v>
      </c>
      <c r="AQ2050" s="53">
        <v>-11723.4555256064</v>
      </c>
      <c r="AR2050" s="53">
        <v>-11723.4555256064</v>
      </c>
      <c r="AS2050" s="53">
        <v>-11723.4555256064</v>
      </c>
      <c r="AT2050" s="53">
        <v>-11723.4555256064</v>
      </c>
      <c r="AU2050" s="53">
        <v>-11723.4555256064</v>
      </c>
      <c r="AV2050" s="53">
        <v>-11723.4555256064</v>
      </c>
      <c r="AW2050" s="53">
        <v>-11723.4555256064</v>
      </c>
      <c r="AX2050" s="53">
        <v>-11723.4555256064</v>
      </c>
      <c r="AY2050" s="53">
        <v>-11723.4555256064</v>
      </c>
      <c r="AZ2050" s="53">
        <v>-11723.4555256064</v>
      </c>
      <c r="BA2050" s="53">
        <v>-140681.46630727701</v>
      </c>
      <c r="BB2050" s="53">
        <v>-11723.4555256064</v>
      </c>
      <c r="BC2050" s="53">
        <v>-11723.4555256064</v>
      </c>
      <c r="BD2050" s="53">
        <v>-11723.4555256064</v>
      </c>
      <c r="BE2050" s="53">
        <v>-11723.4555256064</v>
      </c>
      <c r="BF2050" s="53">
        <v>-11723.4555256064</v>
      </c>
      <c r="BG2050" s="53">
        <v>-11723.4555256064</v>
      </c>
      <c r="BH2050" s="53">
        <v>-11723.4555256064</v>
      </c>
      <c r="BI2050" s="53">
        <v>-11723.4555256064</v>
      </c>
      <c r="BJ2050" s="53">
        <v>-11723.4555256064</v>
      </c>
      <c r="BK2050" s="53">
        <v>-11723.4555256064</v>
      </c>
      <c r="BL2050" s="53">
        <v>-11723.4555256064</v>
      </c>
      <c r="BM2050" s="53">
        <v>-11723.4555256064</v>
      </c>
      <c r="BN2050" s="53">
        <v>-140681.46630727701</v>
      </c>
      <c r="BO2050" s="53">
        <v>-11723.4555256064</v>
      </c>
      <c r="BP2050" s="53">
        <v>-11723.4555256064</v>
      </c>
      <c r="BQ2050" s="53">
        <v>-11723.4555256064</v>
      </c>
      <c r="BR2050" s="53">
        <v>-11723.4555256064</v>
      </c>
      <c r="BS2050" s="53">
        <v>-11723.4555256064</v>
      </c>
      <c r="BT2050" s="53">
        <v>-11723.4555256064</v>
      </c>
      <c r="BU2050" s="53">
        <v>-11723.4555256064</v>
      </c>
      <c r="BV2050" s="53">
        <v>-11723.4555256064</v>
      </c>
      <c r="BW2050" s="53">
        <v>-11723.4555256064</v>
      </c>
      <c r="BX2050" s="53">
        <v>-11723.4555256064</v>
      </c>
      <c r="BY2050" s="53">
        <v>-11723.4555256064</v>
      </c>
      <c r="BZ2050" s="53">
        <v>-11723.4555256064</v>
      </c>
      <c r="CA2050" s="53">
        <v>-140681.46630727701</v>
      </c>
      <c r="CB2050" s="53"/>
      <c r="CC2050" s="53"/>
      <c r="CD2050" s="53"/>
      <c r="CE2050" s="53"/>
      <c r="CF2050" s="53"/>
      <c r="CG2050" s="53"/>
      <c r="CH2050" s="53"/>
      <c r="CI2050" s="53"/>
      <c r="CJ2050" s="53"/>
      <c r="CK2050" s="53"/>
      <c r="CL2050" s="53"/>
      <c r="CM2050" s="53"/>
      <c r="CN2050" s="53"/>
    </row>
    <row r="2051" spans="1:92" outlineLevel="1">
      <c r="A2051" s="52" t="s">
        <v>717</v>
      </c>
      <c r="B2051" s="53">
        <v>-4051.8260869565202</v>
      </c>
      <c r="C2051" s="53">
        <v>-4051.8260869565202</v>
      </c>
      <c r="D2051" s="53">
        <v>-4051.8260869565202</v>
      </c>
      <c r="E2051" s="53">
        <v>-4051.8260869565202</v>
      </c>
      <c r="F2051" s="53">
        <v>-4051.8260869565202</v>
      </c>
      <c r="G2051" s="53">
        <v>-4051.8260869565202</v>
      </c>
      <c r="H2051" s="53">
        <v>-4051.8260869565202</v>
      </c>
      <c r="I2051" s="53">
        <v>-4051.8260869565202</v>
      </c>
      <c r="J2051" s="53">
        <v>-4051.8260869565102</v>
      </c>
      <c r="K2051" s="53">
        <v>-4051.8260869565102</v>
      </c>
      <c r="L2051" s="53">
        <v>-4051.8260869565102</v>
      </c>
      <c r="M2051" s="53">
        <v>-4051.8260869565102</v>
      </c>
      <c r="N2051" s="53">
        <v>-48621.913043478198</v>
      </c>
      <c r="O2051" s="53">
        <v>-4051.8260869565102</v>
      </c>
      <c r="P2051" s="53">
        <v>-4051.8260869565102</v>
      </c>
      <c r="Q2051" s="53">
        <v>-4051.8260869565102</v>
      </c>
      <c r="R2051" s="53">
        <v>-4051.8260869565102</v>
      </c>
      <c r="S2051" s="53">
        <v>-4051.8260869565102</v>
      </c>
      <c r="T2051" s="53">
        <v>-4051.8260869565102</v>
      </c>
      <c r="U2051" s="53">
        <v>-4051.8260869565102</v>
      </c>
      <c r="V2051" s="53">
        <v>-4051.8260869565102</v>
      </c>
      <c r="W2051" s="53">
        <v>-4051.8260869565102</v>
      </c>
      <c r="X2051" s="53">
        <v>-4051.8260869565102</v>
      </c>
      <c r="Y2051" s="53">
        <v>-4051.8260869565102</v>
      </c>
      <c r="Z2051" s="53">
        <v>-4051.8260869565102</v>
      </c>
      <c r="AA2051" s="53">
        <v>-48621.913043478198</v>
      </c>
      <c r="AB2051" s="53">
        <v>-4051.8260869565102</v>
      </c>
      <c r="AC2051" s="53">
        <v>-4051.8260869565102</v>
      </c>
      <c r="AD2051" s="53">
        <v>-4051.8260869565102</v>
      </c>
      <c r="AE2051" s="53">
        <v>-4051.8260869565102</v>
      </c>
      <c r="AF2051" s="53">
        <v>-4051.8260869565102</v>
      </c>
      <c r="AG2051" s="53">
        <v>-4051.8260869565102</v>
      </c>
      <c r="AH2051" s="53">
        <v>-4051.8260869565102</v>
      </c>
      <c r="AI2051" s="53">
        <v>-4051.8260869565102</v>
      </c>
      <c r="AJ2051" s="53">
        <v>-4051.8260869565102</v>
      </c>
      <c r="AK2051" s="53">
        <v>-4051.8260869565102</v>
      </c>
      <c r="AL2051" s="53">
        <v>-4051.8260869565102</v>
      </c>
      <c r="AM2051" s="53">
        <v>-4051.8260869565102</v>
      </c>
      <c r="AN2051" s="53">
        <v>-48621.913043478096</v>
      </c>
      <c r="AO2051" s="53">
        <v>-4051.8260869565102</v>
      </c>
      <c r="AP2051" s="53">
        <v>-4051.8260869565102</v>
      </c>
      <c r="AQ2051" s="53">
        <v>-4051.8260869565102</v>
      </c>
      <c r="AR2051" s="53">
        <v>-4051.8260869565102</v>
      </c>
      <c r="AS2051" s="53">
        <v>-4051.8260869565102</v>
      </c>
      <c r="AT2051" s="53">
        <v>-4051.8260869565102</v>
      </c>
      <c r="AU2051" s="53">
        <v>-4051.8260869565001</v>
      </c>
      <c r="AV2051" s="53">
        <v>-4051.8260869565001</v>
      </c>
      <c r="AW2051" s="53">
        <v>-4051.8260869565001</v>
      </c>
      <c r="AX2051" s="53">
        <v>-4051.8260869565102</v>
      </c>
      <c r="AY2051" s="53">
        <v>-4051.8260869565001</v>
      </c>
      <c r="AZ2051" s="53">
        <v>-4051.8260869565001</v>
      </c>
      <c r="BA2051" s="53">
        <v>-48621.913043478096</v>
      </c>
      <c r="BB2051" s="53">
        <v>-4051.8260869565102</v>
      </c>
      <c r="BC2051" s="53">
        <v>-4051.8260869565001</v>
      </c>
      <c r="BD2051" s="53">
        <v>-4051.8260869565001</v>
      </c>
      <c r="BE2051" s="53">
        <v>-4051.8260869565001</v>
      </c>
      <c r="BF2051" s="53">
        <v>-4051.8260869565001</v>
      </c>
      <c r="BG2051" s="53">
        <v>-4051.8260869565102</v>
      </c>
      <c r="BH2051" s="53">
        <v>-4051.8260869565102</v>
      </c>
      <c r="BI2051" s="53">
        <v>-4051.8260869565001</v>
      </c>
      <c r="BJ2051" s="53">
        <v>-4051.8260869565001</v>
      </c>
      <c r="BK2051" s="53">
        <v>-4051.8260869565102</v>
      </c>
      <c r="BL2051" s="53">
        <v>-4051.8260869565001</v>
      </c>
      <c r="BM2051" s="53">
        <v>-4051.8260869565001</v>
      </c>
      <c r="BN2051" s="53">
        <v>-48621.913043478096</v>
      </c>
      <c r="BO2051" s="53">
        <v>-4051.8260869565001</v>
      </c>
      <c r="BP2051" s="53">
        <v>-4051.8260869565102</v>
      </c>
      <c r="BQ2051" s="53">
        <v>-4051.8260869565001</v>
      </c>
      <c r="BR2051" s="53">
        <v>-4051.8260869565001</v>
      </c>
      <c r="BS2051" s="53">
        <v>-4051.8260869565001</v>
      </c>
      <c r="BT2051" s="53">
        <v>-4051.8260869565102</v>
      </c>
      <c r="BU2051" s="53">
        <v>-4051.8260869565001</v>
      </c>
      <c r="BV2051" s="53">
        <v>-4051.8260869565001</v>
      </c>
      <c r="BW2051" s="53">
        <v>-4051.8260869565102</v>
      </c>
      <c r="BX2051" s="53">
        <v>-4051.8260869565001</v>
      </c>
      <c r="BY2051" s="53">
        <v>-4051.8260869565001</v>
      </c>
      <c r="BZ2051" s="53">
        <v>-4051.8260869565001</v>
      </c>
      <c r="CA2051" s="53">
        <v>-48621.913043478096</v>
      </c>
      <c r="CB2051" s="53"/>
      <c r="CC2051" s="53"/>
      <c r="CD2051" s="53"/>
      <c r="CE2051" s="53"/>
      <c r="CF2051" s="53"/>
      <c r="CG2051" s="53"/>
      <c r="CH2051" s="53"/>
      <c r="CI2051" s="53"/>
      <c r="CJ2051" s="53"/>
      <c r="CK2051" s="53"/>
      <c r="CL2051" s="53"/>
      <c r="CM2051" s="53"/>
      <c r="CN2051" s="53"/>
    </row>
    <row r="2052" spans="1:92" outlineLevel="1">
      <c r="A2052" s="52" t="s">
        <v>718</v>
      </c>
      <c r="B2052" s="53">
        <v>-3523.4088050314399</v>
      </c>
      <c r="C2052" s="53">
        <v>-3523.4088050314399</v>
      </c>
      <c r="D2052" s="53">
        <v>-3523.4088050314399</v>
      </c>
      <c r="E2052" s="53">
        <v>-3523.4088050314399</v>
      </c>
      <c r="F2052" s="53">
        <v>-3523.4088050314399</v>
      </c>
      <c r="G2052" s="53">
        <v>-3523.4088050314399</v>
      </c>
      <c r="H2052" s="53">
        <v>-3523.4088050314399</v>
      </c>
      <c r="I2052" s="53">
        <v>-3523.4088050314399</v>
      </c>
      <c r="J2052" s="53">
        <v>-3523.4088050314399</v>
      </c>
      <c r="K2052" s="53">
        <v>-3523.4088050314399</v>
      </c>
      <c r="L2052" s="53">
        <v>-3523.4088050314399</v>
      </c>
      <c r="M2052" s="53">
        <v>-3523.4088050314399</v>
      </c>
      <c r="N2052" s="53">
        <v>-42280.905660377299</v>
      </c>
      <c r="O2052" s="53">
        <v>-3523.4088050314399</v>
      </c>
      <c r="P2052" s="53">
        <v>-3523.4088050314399</v>
      </c>
      <c r="Q2052" s="53">
        <v>-3523.4088050314399</v>
      </c>
      <c r="R2052" s="53">
        <v>-3523.4088050314399</v>
      </c>
      <c r="S2052" s="53">
        <v>-3523.4088050314399</v>
      </c>
      <c r="T2052" s="53">
        <v>-3523.4088050314399</v>
      </c>
      <c r="U2052" s="53">
        <v>-3523.4088050314499</v>
      </c>
      <c r="V2052" s="53">
        <v>-3523.4088050314399</v>
      </c>
      <c r="W2052" s="53">
        <v>-3523.4088050314499</v>
      </c>
      <c r="X2052" s="53">
        <v>-3523.4088050314499</v>
      </c>
      <c r="Y2052" s="53">
        <v>-3523.4088050314499</v>
      </c>
      <c r="Z2052" s="53">
        <v>-3523.4088050314499</v>
      </c>
      <c r="AA2052" s="53">
        <v>-42280.905660377401</v>
      </c>
      <c r="AB2052" s="53">
        <v>-3523.4088050314499</v>
      </c>
      <c r="AC2052" s="53">
        <v>-3523.4088050314499</v>
      </c>
      <c r="AD2052" s="53">
        <v>-3523.4088050314499</v>
      </c>
      <c r="AE2052" s="53">
        <v>-3523.4088050314499</v>
      </c>
      <c r="AF2052" s="53">
        <v>-3523.4088050314499</v>
      </c>
      <c r="AG2052" s="53">
        <v>-3523.4088050314499</v>
      </c>
      <c r="AH2052" s="53">
        <v>-3523.4088050314499</v>
      </c>
      <c r="AI2052" s="53">
        <v>-3523.4088050314499</v>
      </c>
      <c r="AJ2052" s="53">
        <v>-3523.4088050314499</v>
      </c>
      <c r="AK2052" s="53">
        <v>-3523.4088050314499</v>
      </c>
      <c r="AL2052" s="53">
        <v>-3523.4088050314499</v>
      </c>
      <c r="AM2052" s="53">
        <v>-3523.4088050314499</v>
      </c>
      <c r="AN2052" s="53">
        <v>-42280.905660377401</v>
      </c>
      <c r="AO2052" s="53">
        <v>-3523.4088050314499</v>
      </c>
      <c r="AP2052" s="53">
        <v>-3523.4088050314499</v>
      </c>
      <c r="AQ2052" s="53">
        <v>-3523.4088050314499</v>
      </c>
      <c r="AR2052" s="53">
        <v>-3523.4088050314499</v>
      </c>
      <c r="AS2052" s="53">
        <v>-3523.4088050314499</v>
      </c>
      <c r="AT2052" s="53">
        <v>-3523.4088050314499</v>
      </c>
      <c r="AU2052" s="53">
        <v>-3523.4088050314499</v>
      </c>
      <c r="AV2052" s="53">
        <v>-3523.4088050314499</v>
      </c>
      <c r="AW2052" s="53">
        <v>-3523.4088050314499</v>
      </c>
      <c r="AX2052" s="53">
        <v>-3523.4088050314499</v>
      </c>
      <c r="AY2052" s="53">
        <v>-3523.4088050314499</v>
      </c>
      <c r="AZ2052" s="53">
        <v>-3523.4088050314499</v>
      </c>
      <c r="BA2052" s="53">
        <v>-42280.905660377401</v>
      </c>
      <c r="BB2052" s="53">
        <v>-3523.4088050314499</v>
      </c>
      <c r="BC2052" s="53">
        <v>-3523.4088050314499</v>
      </c>
      <c r="BD2052" s="53">
        <v>-3523.4088050314499</v>
      </c>
      <c r="BE2052" s="53">
        <v>-3523.4088050314499</v>
      </c>
      <c r="BF2052" s="53">
        <v>-3523.4088050314499</v>
      </c>
      <c r="BG2052" s="53">
        <v>-3523.4088050314499</v>
      </c>
      <c r="BH2052" s="53">
        <v>-3523.4088050314499</v>
      </c>
      <c r="BI2052" s="53">
        <v>-3523.4088050314499</v>
      </c>
      <c r="BJ2052" s="53">
        <v>-3523.4088050314499</v>
      </c>
      <c r="BK2052" s="53">
        <v>-3523.4088050314499</v>
      </c>
      <c r="BL2052" s="53">
        <v>-3523.4088050314499</v>
      </c>
      <c r="BM2052" s="53">
        <v>-3523.4088050314499</v>
      </c>
      <c r="BN2052" s="53">
        <v>-42280.905660377401</v>
      </c>
      <c r="BO2052" s="53">
        <v>-3523.4088050314499</v>
      </c>
      <c r="BP2052" s="53">
        <v>-3523.4088050314499</v>
      </c>
      <c r="BQ2052" s="53">
        <v>-3523.4088050314599</v>
      </c>
      <c r="BR2052" s="53">
        <v>-3523.4088050314599</v>
      </c>
      <c r="BS2052" s="53">
        <v>-3523.4088050314599</v>
      </c>
      <c r="BT2052" s="53">
        <v>-3523.4088050314599</v>
      </c>
      <c r="BU2052" s="53">
        <v>-3523.4088050314599</v>
      </c>
      <c r="BV2052" s="53">
        <v>-3523.4088050314599</v>
      </c>
      <c r="BW2052" s="53">
        <v>-3523.4088050314599</v>
      </c>
      <c r="BX2052" s="53">
        <v>-3523.4088050314599</v>
      </c>
      <c r="BY2052" s="53">
        <v>-3523.4088050314599</v>
      </c>
      <c r="BZ2052" s="53">
        <v>-3523.4088050314599</v>
      </c>
      <c r="CA2052" s="53">
        <v>-42280.905660377502</v>
      </c>
      <c r="CB2052" s="53"/>
      <c r="CC2052" s="53"/>
      <c r="CD2052" s="53"/>
      <c r="CE2052" s="53"/>
      <c r="CF2052" s="53"/>
      <c r="CG2052" s="53"/>
      <c r="CH2052" s="53"/>
      <c r="CI2052" s="53"/>
      <c r="CJ2052" s="53"/>
      <c r="CK2052" s="53"/>
      <c r="CL2052" s="53"/>
      <c r="CM2052" s="53"/>
      <c r="CN2052" s="53"/>
    </row>
    <row r="2053" spans="1:92">
      <c r="A2053" s="52" t="s">
        <v>721</v>
      </c>
      <c r="B2053" s="53">
        <v>-9347.6245614034997</v>
      </c>
      <c r="C2053" s="53">
        <v>-9347.6245614034997</v>
      </c>
      <c r="D2053" s="53">
        <v>-9347.6245614035106</v>
      </c>
      <c r="E2053" s="53">
        <v>-9347.6245614035106</v>
      </c>
      <c r="F2053" s="53">
        <v>-9347.6245614035106</v>
      </c>
      <c r="G2053" s="53">
        <v>-9347.6245614035106</v>
      </c>
      <c r="H2053" s="53">
        <v>-9347.6245614035106</v>
      </c>
      <c r="I2053" s="53">
        <v>-9347.6245614035106</v>
      </c>
      <c r="J2053" s="53">
        <v>-9347.6245614035106</v>
      </c>
      <c r="K2053" s="53">
        <v>-9347.6245614035106</v>
      </c>
      <c r="L2053" s="53">
        <v>-9347.6245614035106</v>
      </c>
      <c r="M2053" s="53">
        <v>-9347.6245614035106</v>
      </c>
      <c r="N2053" s="53">
        <v>-112171.494736842</v>
      </c>
      <c r="O2053" s="53">
        <v>-9347.6245614035106</v>
      </c>
      <c r="P2053" s="53">
        <v>-9347.6245614035106</v>
      </c>
      <c r="Q2053" s="53">
        <v>-9347.6245614035106</v>
      </c>
      <c r="R2053" s="53">
        <v>-9347.6245614035197</v>
      </c>
      <c r="S2053" s="53">
        <v>-9347.6245614035197</v>
      </c>
      <c r="T2053" s="53">
        <v>-9347.6245614035197</v>
      </c>
      <c r="U2053" s="53">
        <v>-9347.6245614035197</v>
      </c>
      <c r="V2053" s="53">
        <v>-9347.6245614035197</v>
      </c>
      <c r="W2053" s="53">
        <v>-9347.6245614035197</v>
      </c>
      <c r="X2053" s="53">
        <v>-9347.6245614035197</v>
      </c>
      <c r="Y2053" s="53">
        <v>-9347.6245614035197</v>
      </c>
      <c r="Z2053" s="53">
        <v>-9347.6245614035197</v>
      </c>
      <c r="AA2053" s="53">
        <v>-112171.494736842</v>
      </c>
      <c r="AB2053" s="53">
        <v>-9347.6245614035197</v>
      </c>
      <c r="AC2053" s="53">
        <v>-9347.6245614035197</v>
      </c>
      <c r="AD2053" s="53">
        <v>-9347.6245614035197</v>
      </c>
      <c r="AE2053" s="53">
        <v>-9347.6245614035197</v>
      </c>
      <c r="AF2053" s="53">
        <v>-9347.6245614035197</v>
      </c>
      <c r="AG2053" s="53">
        <v>-9347.6245614035197</v>
      </c>
      <c r="AH2053" s="53">
        <v>-9347.6245614035197</v>
      </c>
      <c r="AI2053" s="53">
        <v>-9347.6245614035197</v>
      </c>
      <c r="AJ2053" s="53">
        <v>-9347.6245614035197</v>
      </c>
      <c r="AK2053" s="53">
        <v>-9347.6245614035197</v>
      </c>
      <c r="AL2053" s="53">
        <v>-9347.6245614035306</v>
      </c>
      <c r="AM2053" s="53">
        <v>-9347.6245614035306</v>
      </c>
      <c r="AN2053" s="53">
        <v>-112171.494736842</v>
      </c>
      <c r="AO2053" s="53">
        <v>-9347.6245614035306</v>
      </c>
      <c r="AP2053" s="53">
        <v>-9347.6245614035306</v>
      </c>
      <c r="AQ2053" s="53">
        <v>-9347.6245614035306</v>
      </c>
      <c r="AR2053" s="53">
        <v>-9347.6245614035306</v>
      </c>
      <c r="AS2053" s="53">
        <v>-9347.6245614035306</v>
      </c>
      <c r="AT2053" s="53">
        <v>-9347.6245614035306</v>
      </c>
      <c r="AU2053" s="53">
        <v>-9347.6245614035306</v>
      </c>
      <c r="AV2053" s="53">
        <v>-9347.6245614035306</v>
      </c>
      <c r="AW2053" s="53">
        <v>-9347.6245614035397</v>
      </c>
      <c r="AX2053" s="53">
        <v>-9347.6245614035397</v>
      </c>
      <c r="AY2053" s="53">
        <v>-9347.6245614035397</v>
      </c>
      <c r="AZ2053" s="53">
        <v>-9347.6245614035397</v>
      </c>
      <c r="BA2053" s="53">
        <v>-112171.494736842</v>
      </c>
      <c r="BB2053" s="53">
        <v>-9347.6245614035397</v>
      </c>
      <c r="BC2053" s="53">
        <v>-9347.6245614035397</v>
      </c>
      <c r="BD2053" s="53">
        <v>-9347.6245614035397</v>
      </c>
      <c r="BE2053" s="53">
        <v>-9347.6245614035397</v>
      </c>
      <c r="BF2053" s="53">
        <v>-9347.6245614035397</v>
      </c>
      <c r="BG2053" s="53">
        <v>-9347.6245614035397</v>
      </c>
      <c r="BH2053" s="53">
        <v>-9347.6245614035397</v>
      </c>
      <c r="BI2053" s="53">
        <v>-9347.6245614035397</v>
      </c>
      <c r="BJ2053" s="53">
        <v>-9347.6245614035397</v>
      </c>
      <c r="BK2053" s="53">
        <v>-9347.6245614035506</v>
      </c>
      <c r="BL2053" s="53">
        <v>-9347.6245614035506</v>
      </c>
      <c r="BM2053" s="53">
        <v>-9347.6245614035506</v>
      </c>
      <c r="BN2053" s="53">
        <v>-112171.494736842</v>
      </c>
      <c r="BO2053" s="53">
        <v>-9347.6245614035506</v>
      </c>
      <c r="BP2053" s="53">
        <v>-9347.6245614035506</v>
      </c>
      <c r="BQ2053" s="53">
        <v>-9347.6245614035506</v>
      </c>
      <c r="BR2053" s="53">
        <v>-9347.6245614035506</v>
      </c>
      <c r="BS2053" s="53">
        <v>-9347.6245614035597</v>
      </c>
      <c r="BT2053" s="53">
        <v>-9347.6245614035506</v>
      </c>
      <c r="BU2053" s="53">
        <v>-9347.6245614035506</v>
      </c>
      <c r="BV2053" s="53">
        <v>-9347.6245614035597</v>
      </c>
      <c r="BW2053" s="53">
        <v>-9347.6245614035597</v>
      </c>
      <c r="BX2053" s="53">
        <v>-9347.6245614035506</v>
      </c>
      <c r="BY2053" s="53">
        <v>-9347.6245614035597</v>
      </c>
      <c r="BZ2053" s="53">
        <v>-9347.6245614035506</v>
      </c>
      <c r="CA2053" s="53">
        <v>-112171.494736842</v>
      </c>
      <c r="CB2053" s="53">
        <v>843750</v>
      </c>
      <c r="CC2053" s="53">
        <v>843750</v>
      </c>
      <c r="CD2053" s="53">
        <v>843750</v>
      </c>
      <c r="CE2053" s="53">
        <v>843750</v>
      </c>
      <c r="CF2053" s="53">
        <v>843750</v>
      </c>
      <c r="CG2053" s="53">
        <v>843750</v>
      </c>
      <c r="CH2053" s="53">
        <v>843750</v>
      </c>
      <c r="CI2053" s="53">
        <v>843750</v>
      </c>
      <c r="CJ2053" s="53">
        <v>843750</v>
      </c>
      <c r="CK2053" s="53">
        <v>843750</v>
      </c>
      <c r="CL2053" s="53">
        <v>843750</v>
      </c>
      <c r="CM2053" s="53">
        <v>843750</v>
      </c>
      <c r="CN2053" s="53">
        <v>10125000</v>
      </c>
    </row>
    <row r="2054" spans="1:92">
      <c r="A2054" s="52" t="s">
        <v>723</v>
      </c>
      <c r="B2054" s="53">
        <v>-3240.3917525773099</v>
      </c>
      <c r="C2054" s="53">
        <v>-3240.3917525773099</v>
      </c>
      <c r="D2054" s="53">
        <v>-3240.3917525773099</v>
      </c>
      <c r="E2054" s="53">
        <v>-3240.3917525773099</v>
      </c>
      <c r="F2054" s="53">
        <v>-3240.3917525773099</v>
      </c>
      <c r="G2054" s="53">
        <v>-3240.3917525773099</v>
      </c>
      <c r="H2054" s="53">
        <v>-3240.3917525773099</v>
      </c>
      <c r="I2054" s="53">
        <v>-3240.3917525773099</v>
      </c>
      <c r="J2054" s="53">
        <v>-3240.3917525773099</v>
      </c>
      <c r="K2054" s="53">
        <v>-3240.3917525773099</v>
      </c>
      <c r="L2054" s="53">
        <v>-3240.3917525773099</v>
      </c>
      <c r="M2054" s="53">
        <v>-3240.3917525773099</v>
      </c>
      <c r="N2054" s="53">
        <v>-38884.701030927798</v>
      </c>
      <c r="O2054" s="53">
        <v>-3240.3917525773099</v>
      </c>
      <c r="P2054" s="53">
        <v>-3240.3917525773099</v>
      </c>
      <c r="Q2054" s="53">
        <v>-3240.3917525773099</v>
      </c>
      <c r="R2054" s="53">
        <v>-3240.3917525773099</v>
      </c>
      <c r="S2054" s="53">
        <v>-3240.3917525773099</v>
      </c>
      <c r="T2054" s="53">
        <v>-3240.3917525773099</v>
      </c>
      <c r="U2054" s="53">
        <v>-3240.3917525773099</v>
      </c>
      <c r="V2054" s="53">
        <v>-3240.3917525773099</v>
      </c>
      <c r="W2054" s="53">
        <v>-3240.3917525773099</v>
      </c>
      <c r="X2054" s="53">
        <v>-3240.3917525773099</v>
      </c>
      <c r="Y2054" s="53">
        <v>-3240.3917525773099</v>
      </c>
      <c r="Z2054" s="53">
        <v>-3240.3917525773099</v>
      </c>
      <c r="AA2054" s="53">
        <v>-38884.701030927798</v>
      </c>
      <c r="AB2054" s="53">
        <v>-3240.3917525773099</v>
      </c>
      <c r="AC2054" s="53">
        <v>-3240.3917525773099</v>
      </c>
      <c r="AD2054" s="53">
        <v>-3240.3917525773099</v>
      </c>
      <c r="AE2054" s="53">
        <v>-3240.3917525773099</v>
      </c>
      <c r="AF2054" s="53">
        <v>-3240.3917525773099</v>
      </c>
      <c r="AG2054" s="53">
        <v>-3240.3917525773099</v>
      </c>
      <c r="AH2054" s="53">
        <v>-3240.3917525773099</v>
      </c>
      <c r="AI2054" s="53">
        <v>-3240.3917525773099</v>
      </c>
      <c r="AJ2054" s="53">
        <v>-3240.3917525773099</v>
      </c>
      <c r="AK2054" s="53">
        <v>-3240.3917525773099</v>
      </c>
      <c r="AL2054" s="53">
        <v>-3240.3917525773099</v>
      </c>
      <c r="AM2054" s="53">
        <v>-3240.3917525773099</v>
      </c>
      <c r="AN2054" s="53">
        <v>-38884.701030927703</v>
      </c>
      <c r="AO2054" s="53">
        <v>-3240.3917525773099</v>
      </c>
      <c r="AP2054" s="53">
        <v>-3240.3917525773099</v>
      </c>
      <c r="AQ2054" s="53">
        <v>-3240.3917525773099</v>
      </c>
      <c r="AR2054" s="53">
        <v>-3240.3917525773099</v>
      </c>
      <c r="AS2054" s="53">
        <v>-3240.3917525773099</v>
      </c>
      <c r="AT2054" s="53">
        <v>-3240.3917525773099</v>
      </c>
      <c r="AU2054" s="53">
        <v>-3240.3917525773099</v>
      </c>
      <c r="AV2054" s="53">
        <v>-3240.3917525773099</v>
      </c>
      <c r="AW2054" s="53">
        <v>-3240.3917525773099</v>
      </c>
      <c r="AX2054" s="53">
        <v>-3240.3917525773099</v>
      </c>
      <c r="AY2054" s="53">
        <v>-3240.3917525773099</v>
      </c>
      <c r="AZ2054" s="53">
        <v>-3240.3917525773099</v>
      </c>
      <c r="BA2054" s="53">
        <v>-38884.701030927703</v>
      </c>
      <c r="BB2054" s="53">
        <v>-1620.19587628865</v>
      </c>
      <c r="BC2054" s="53"/>
      <c r="BD2054" s="53"/>
      <c r="BE2054" s="53"/>
      <c r="BF2054" s="53"/>
      <c r="BG2054" s="53"/>
      <c r="BH2054" s="53"/>
      <c r="BI2054" s="53"/>
      <c r="BJ2054" s="53"/>
      <c r="BK2054" s="53"/>
      <c r="BL2054" s="53"/>
      <c r="BM2054" s="53"/>
      <c r="BN2054" s="53">
        <v>-1620.19587628865</v>
      </c>
      <c r="BO2054" s="53"/>
      <c r="BP2054" s="53"/>
      <c r="BQ2054" s="53"/>
      <c r="BR2054" s="53"/>
      <c r="BS2054" s="53"/>
      <c r="BT2054" s="53"/>
      <c r="BU2054" s="53"/>
      <c r="BV2054" s="53"/>
      <c r="BW2054" s="53"/>
      <c r="BX2054" s="53"/>
      <c r="BY2054" s="53"/>
      <c r="BZ2054" s="53"/>
      <c r="CA2054" s="53"/>
      <c r="CB2054" s="53">
        <v>1106250</v>
      </c>
      <c r="CC2054" s="53">
        <v>1106250</v>
      </c>
      <c r="CD2054" s="53">
        <v>1106250</v>
      </c>
      <c r="CE2054" s="53">
        <v>1106250</v>
      </c>
      <c r="CF2054" s="53">
        <v>1106250</v>
      </c>
      <c r="CG2054" s="53">
        <v>1106250</v>
      </c>
      <c r="CH2054" s="53">
        <v>1106250</v>
      </c>
      <c r="CI2054" s="53">
        <v>1106250</v>
      </c>
      <c r="CJ2054" s="53">
        <v>1106250</v>
      </c>
      <c r="CK2054" s="53">
        <v>1106250</v>
      </c>
      <c r="CL2054" s="53">
        <v>1106250</v>
      </c>
      <c r="CM2054" s="53">
        <v>1106250</v>
      </c>
      <c r="CN2054" s="53">
        <v>13275000</v>
      </c>
    </row>
    <row r="2055" spans="1:92">
      <c r="A2055" s="52" t="s">
        <v>724</v>
      </c>
      <c r="B2055" s="53">
        <v>-1540.86460032626</v>
      </c>
      <c r="C2055" s="53">
        <v>-1540.86460032626</v>
      </c>
      <c r="D2055" s="53">
        <v>-1540.86460032626</v>
      </c>
      <c r="E2055" s="53">
        <v>-1540.86460032626</v>
      </c>
      <c r="F2055" s="53">
        <v>-1540.86460032626</v>
      </c>
      <c r="G2055" s="53">
        <v>-1540.86460032626</v>
      </c>
      <c r="H2055" s="53">
        <v>-1540.86460032626</v>
      </c>
      <c r="I2055" s="53">
        <v>-1540.86460032626</v>
      </c>
      <c r="J2055" s="53">
        <v>-1540.86460032626</v>
      </c>
      <c r="K2055" s="53">
        <v>-1540.86460032626</v>
      </c>
      <c r="L2055" s="53">
        <v>-1540.86460032626</v>
      </c>
      <c r="M2055" s="53">
        <v>-1540.86460032626</v>
      </c>
      <c r="N2055" s="53">
        <v>-18490.3752039151</v>
      </c>
      <c r="O2055" s="53">
        <v>-1540.86460032626</v>
      </c>
      <c r="P2055" s="53">
        <v>-1540.86460032626</v>
      </c>
      <c r="Q2055" s="53">
        <v>-1540.86460032626</v>
      </c>
      <c r="R2055" s="53">
        <v>-1540.86460032626</v>
      </c>
      <c r="S2055" s="53">
        <v>-1540.86460032626</v>
      </c>
      <c r="T2055" s="53">
        <v>-1540.86460032626</v>
      </c>
      <c r="U2055" s="53">
        <v>-1540.86460032626</v>
      </c>
      <c r="V2055" s="53">
        <v>-1540.86460032626</v>
      </c>
      <c r="W2055" s="53">
        <v>-1540.86460032626</v>
      </c>
      <c r="X2055" s="53">
        <v>-1540.86460032626</v>
      </c>
      <c r="Y2055" s="53">
        <v>-1540.86460032626</v>
      </c>
      <c r="Z2055" s="53">
        <v>-1540.86460032626</v>
      </c>
      <c r="AA2055" s="53">
        <v>-18490.3752039151</v>
      </c>
      <c r="AB2055" s="53">
        <v>-1540.86460032626</v>
      </c>
      <c r="AC2055" s="53">
        <v>-1540.86460032626</v>
      </c>
      <c r="AD2055" s="53">
        <v>-1540.86460032626</v>
      </c>
      <c r="AE2055" s="53">
        <v>-1540.86460032626</v>
      </c>
      <c r="AF2055" s="53">
        <v>-1540.86460032626</v>
      </c>
      <c r="AG2055" s="53">
        <v>-1540.86460032626</v>
      </c>
      <c r="AH2055" s="53">
        <v>-1540.86460032626</v>
      </c>
      <c r="AI2055" s="53">
        <v>-1540.86460032626</v>
      </c>
      <c r="AJ2055" s="53">
        <v>-1540.86460032626</v>
      </c>
      <c r="AK2055" s="53">
        <v>-1540.86460032626</v>
      </c>
      <c r="AL2055" s="53">
        <v>-1540.86460032626</v>
      </c>
      <c r="AM2055" s="53">
        <v>-1540.86460032626</v>
      </c>
      <c r="AN2055" s="53">
        <v>-18490.3752039151</v>
      </c>
      <c r="AO2055" s="53">
        <v>-1540.86460032626</v>
      </c>
      <c r="AP2055" s="53">
        <v>-1540.86460032626</v>
      </c>
      <c r="AQ2055" s="53">
        <v>-1540.86460032626</v>
      </c>
      <c r="AR2055" s="53">
        <v>-1540.86460032626</v>
      </c>
      <c r="AS2055" s="53">
        <v>-1540.86460032626</v>
      </c>
      <c r="AT2055" s="53">
        <v>-1540.86460032626</v>
      </c>
      <c r="AU2055" s="53">
        <v>-1540.86460032626</v>
      </c>
      <c r="AV2055" s="53">
        <v>-1540.86460032626</v>
      </c>
      <c r="AW2055" s="53">
        <v>-1540.86460032626</v>
      </c>
      <c r="AX2055" s="53">
        <v>-1540.86460032626</v>
      </c>
      <c r="AY2055" s="53">
        <v>-1540.86460032626</v>
      </c>
      <c r="AZ2055" s="53">
        <v>-1540.86460032626</v>
      </c>
      <c r="BA2055" s="53">
        <v>-18490.375203915199</v>
      </c>
      <c r="BB2055" s="53">
        <v>-1540.86460032626</v>
      </c>
      <c r="BC2055" s="53">
        <v>-1540.86460032626</v>
      </c>
      <c r="BD2055" s="53">
        <v>-1540.86460032626</v>
      </c>
      <c r="BE2055" s="53">
        <v>-1540.86460032626</v>
      </c>
      <c r="BF2055" s="53">
        <v>-1540.86460032626</v>
      </c>
      <c r="BG2055" s="53">
        <v>-1540.86460032626</v>
      </c>
      <c r="BH2055" s="53">
        <v>-1540.86460032626</v>
      </c>
      <c r="BI2055" s="53">
        <v>-1540.86460032626</v>
      </c>
      <c r="BJ2055" s="53">
        <v>-1540.86460032626</v>
      </c>
      <c r="BK2055" s="53">
        <v>-1540.86460032626</v>
      </c>
      <c r="BL2055" s="53">
        <v>-1540.86460032626</v>
      </c>
      <c r="BM2055" s="53">
        <v>-1540.86460032626</v>
      </c>
      <c r="BN2055" s="53">
        <v>-18490.375203915199</v>
      </c>
      <c r="BO2055" s="53">
        <v>-1540.86460032626</v>
      </c>
      <c r="BP2055" s="53">
        <v>-1540.86460032626</v>
      </c>
      <c r="BQ2055" s="53">
        <v>-1540.86460032626</v>
      </c>
      <c r="BR2055" s="53">
        <v>-1540.86460032626</v>
      </c>
      <c r="BS2055" s="53">
        <v>-1540.86460032626</v>
      </c>
      <c r="BT2055" s="53">
        <v>-1540.86460032626</v>
      </c>
      <c r="BU2055" s="53">
        <v>-1540.86460032626</v>
      </c>
      <c r="BV2055" s="53">
        <v>-1540.86460032626</v>
      </c>
      <c r="BW2055" s="53">
        <v>-1540.86460032626</v>
      </c>
      <c r="BX2055" s="53">
        <v>-1540.86460032626</v>
      </c>
      <c r="BY2055" s="53">
        <v>-1540.86460032627</v>
      </c>
      <c r="BZ2055" s="53">
        <v>-1540.86460032627</v>
      </c>
      <c r="CA2055" s="53">
        <v>-18490.375203915199</v>
      </c>
      <c r="CB2055" s="53">
        <v>2645833.3333333302</v>
      </c>
      <c r="CC2055" s="53">
        <v>2645833.3333333302</v>
      </c>
      <c r="CD2055" s="53">
        <v>2645833.3333333302</v>
      </c>
      <c r="CE2055" s="53">
        <v>2645833.3333333302</v>
      </c>
      <c r="CF2055" s="53">
        <v>2645833.3333333302</v>
      </c>
      <c r="CG2055" s="53">
        <v>2645833.3333333302</v>
      </c>
      <c r="CH2055" s="53">
        <v>2645833.3333333302</v>
      </c>
      <c r="CI2055" s="53">
        <v>2645833.3333333302</v>
      </c>
      <c r="CJ2055" s="53">
        <v>2645833.3333333302</v>
      </c>
      <c r="CK2055" s="53">
        <v>2645833.3333333302</v>
      </c>
      <c r="CL2055" s="53">
        <v>2645833.3333333302</v>
      </c>
      <c r="CM2055" s="53">
        <v>2645833.3333333302</v>
      </c>
      <c r="CN2055" s="53">
        <v>31749999.999999899</v>
      </c>
    </row>
    <row r="2056" spans="1:92">
      <c r="A2056" s="52" t="s">
        <v>725</v>
      </c>
      <c r="B2056" s="53">
        <v>-9185.2932330827007</v>
      </c>
      <c r="C2056" s="53">
        <v>-9185.2932330827007</v>
      </c>
      <c r="D2056" s="53">
        <v>-9185.2932330827007</v>
      </c>
      <c r="E2056" s="53">
        <v>-9185.2932330827007</v>
      </c>
      <c r="F2056" s="53">
        <v>-9185.2932330827007</v>
      </c>
      <c r="G2056" s="53">
        <v>-9185.2932330827007</v>
      </c>
      <c r="H2056" s="53">
        <v>-9185.2932330827007</v>
      </c>
      <c r="I2056" s="53">
        <v>-9185.2932330827007</v>
      </c>
      <c r="J2056" s="53">
        <v>-9185.2932330827098</v>
      </c>
      <c r="K2056" s="53">
        <v>-9185.2932330827098</v>
      </c>
      <c r="L2056" s="53">
        <v>-9185.2932330827098</v>
      </c>
      <c r="M2056" s="53">
        <v>-9185.2932330827098</v>
      </c>
      <c r="N2056" s="53">
        <v>-110223.51879699199</v>
      </c>
      <c r="O2056" s="53">
        <v>-9185.2932330827098</v>
      </c>
      <c r="P2056" s="53">
        <v>-9185.2932330827098</v>
      </c>
      <c r="Q2056" s="53">
        <v>-9185.2932330827098</v>
      </c>
      <c r="R2056" s="53">
        <v>-9185.2932330827098</v>
      </c>
      <c r="S2056" s="53">
        <v>-9185.2932330827098</v>
      </c>
      <c r="T2056" s="53">
        <v>-9185.2932330827098</v>
      </c>
      <c r="U2056" s="53">
        <v>-9185.2932330827098</v>
      </c>
      <c r="V2056" s="53">
        <v>-9185.2932330827098</v>
      </c>
      <c r="W2056" s="53">
        <v>-9185.2932330827098</v>
      </c>
      <c r="X2056" s="53">
        <v>-9185.2932330827098</v>
      </c>
      <c r="Y2056" s="53">
        <v>-9185.2932330827098</v>
      </c>
      <c r="Z2056" s="53">
        <v>-9185.2932330827098</v>
      </c>
      <c r="AA2056" s="53">
        <v>-110223.51879699199</v>
      </c>
      <c r="AB2056" s="53">
        <v>-9185.2932330827098</v>
      </c>
      <c r="AC2056" s="53">
        <v>-9185.2932330827098</v>
      </c>
      <c r="AD2056" s="53">
        <v>-9185.2932330827098</v>
      </c>
      <c r="AE2056" s="53">
        <v>-9185.2932330827098</v>
      </c>
      <c r="AF2056" s="53">
        <v>-9185.2932330827098</v>
      </c>
      <c r="AG2056" s="53">
        <v>-9185.2932330827098</v>
      </c>
      <c r="AH2056" s="53">
        <v>-9185.2932330827098</v>
      </c>
      <c r="AI2056" s="53">
        <v>-9185.2932330827098</v>
      </c>
      <c r="AJ2056" s="53">
        <v>-9185.2932330827098</v>
      </c>
      <c r="AK2056" s="53">
        <v>-9185.2932330827098</v>
      </c>
      <c r="AL2056" s="53">
        <v>-9185.2932330827098</v>
      </c>
      <c r="AM2056" s="53">
        <v>-9185.2932330827098</v>
      </c>
      <c r="AN2056" s="53">
        <v>-110223.51879699199</v>
      </c>
      <c r="AO2056" s="53">
        <v>-9185.2932330827098</v>
      </c>
      <c r="AP2056" s="53">
        <v>-9185.2932330827098</v>
      </c>
      <c r="AQ2056" s="53">
        <v>-9185.2932330827098</v>
      </c>
      <c r="AR2056" s="53">
        <v>-9185.2932330827098</v>
      </c>
      <c r="AS2056" s="53">
        <v>-9185.2932330827098</v>
      </c>
      <c r="AT2056" s="53">
        <v>-9185.2932330827098</v>
      </c>
      <c r="AU2056" s="53">
        <v>-9185.2932330827098</v>
      </c>
      <c r="AV2056" s="53">
        <v>-9185.2932330827098</v>
      </c>
      <c r="AW2056" s="53">
        <v>-9185.2932330827098</v>
      </c>
      <c r="AX2056" s="53">
        <v>-9185.2932330827098</v>
      </c>
      <c r="AY2056" s="53">
        <v>-9185.2932330827098</v>
      </c>
      <c r="AZ2056" s="53">
        <v>-9185.2932330827098</v>
      </c>
      <c r="BA2056" s="53">
        <v>-110223.51879699199</v>
      </c>
      <c r="BB2056" s="53">
        <v>-9185.2932330827207</v>
      </c>
      <c r="BC2056" s="53">
        <v>-9185.2932330827098</v>
      </c>
      <c r="BD2056" s="53">
        <v>-9185.2932330827207</v>
      </c>
      <c r="BE2056" s="53">
        <v>-9185.2932330827098</v>
      </c>
      <c r="BF2056" s="53">
        <v>-9185.2932330827207</v>
      </c>
      <c r="BG2056" s="53">
        <v>-9185.2932330827098</v>
      </c>
      <c r="BH2056" s="53">
        <v>-9185.2932330827207</v>
      </c>
      <c r="BI2056" s="53">
        <v>-9185.2932330827207</v>
      </c>
      <c r="BJ2056" s="53">
        <v>-9185.2932330827207</v>
      </c>
      <c r="BK2056" s="53">
        <v>-9185.2932330827207</v>
      </c>
      <c r="BL2056" s="53">
        <v>-9185.2932330827207</v>
      </c>
      <c r="BM2056" s="53">
        <v>-9185.2932330827207</v>
      </c>
      <c r="BN2056" s="53">
        <v>-110223.51879699199</v>
      </c>
      <c r="BO2056" s="53">
        <v>-9185.2932330827207</v>
      </c>
      <c r="BP2056" s="53">
        <v>-9185.2932330827207</v>
      </c>
      <c r="BQ2056" s="53">
        <v>-9185.2932330827207</v>
      </c>
      <c r="BR2056" s="53">
        <v>-9185.2932330827207</v>
      </c>
      <c r="BS2056" s="53">
        <v>-9185.2932330827207</v>
      </c>
      <c r="BT2056" s="53">
        <v>-9185.2932330827207</v>
      </c>
      <c r="BU2056" s="53">
        <v>-4592.6466165413603</v>
      </c>
      <c r="BV2056" s="53"/>
      <c r="BW2056" s="53"/>
      <c r="BX2056" s="53"/>
      <c r="BY2056" s="53"/>
      <c r="BZ2056" s="53"/>
      <c r="CA2056" s="53">
        <v>-59704.406015037603</v>
      </c>
      <c r="CB2056" s="53"/>
      <c r="CC2056" s="53"/>
      <c r="CD2056" s="53"/>
      <c r="CE2056" s="53"/>
      <c r="CF2056" s="53"/>
      <c r="CG2056" s="53"/>
      <c r="CH2056" s="53"/>
      <c r="CI2056" s="53"/>
      <c r="CJ2056" s="53"/>
      <c r="CK2056" s="53"/>
      <c r="CL2056" s="53"/>
      <c r="CM2056" s="53"/>
      <c r="CN2056" s="53"/>
    </row>
    <row r="2057" spans="1:92">
      <c r="A2057" s="52" t="s">
        <v>726</v>
      </c>
      <c r="B2057" s="53">
        <v>-3087.3734939759001</v>
      </c>
      <c r="C2057" s="53">
        <v>-3087.3734939759001</v>
      </c>
      <c r="D2057" s="53">
        <v>-3087.3734939759001</v>
      </c>
      <c r="E2057" s="53">
        <v>-3087.3734939759001</v>
      </c>
      <c r="F2057" s="53">
        <v>-3087.3734939759001</v>
      </c>
      <c r="G2057" s="53">
        <v>-3087.3734939759001</v>
      </c>
      <c r="H2057" s="53">
        <v>-3087.3734939759001</v>
      </c>
      <c r="I2057" s="53">
        <v>-3087.3734939759001</v>
      </c>
      <c r="J2057" s="53">
        <v>-3087.3734939759001</v>
      </c>
      <c r="K2057" s="53">
        <v>-3087.3734939759001</v>
      </c>
      <c r="L2057" s="53">
        <v>-3087.3734939759001</v>
      </c>
      <c r="M2057" s="53">
        <v>-3087.3734939759001</v>
      </c>
      <c r="N2057" s="53">
        <v>-37048.481927710804</v>
      </c>
      <c r="O2057" s="53">
        <v>-3087.3734939759001</v>
      </c>
      <c r="P2057" s="53">
        <v>-3087.3734939759001</v>
      </c>
      <c r="Q2057" s="53">
        <v>-3087.3734939759001</v>
      </c>
      <c r="R2057" s="53">
        <v>-3087.3734939759001</v>
      </c>
      <c r="S2057" s="53">
        <v>-3087.3734939759001</v>
      </c>
      <c r="T2057" s="53">
        <v>-3087.3734939759001</v>
      </c>
      <c r="U2057" s="53">
        <v>-3087.3734939759001</v>
      </c>
      <c r="V2057" s="53">
        <v>-3087.3734939759001</v>
      </c>
      <c r="W2057" s="53">
        <v>-3087.3734939759001</v>
      </c>
      <c r="X2057" s="53">
        <v>-3087.3734939759001</v>
      </c>
      <c r="Y2057" s="53">
        <v>-3087.3734939759001</v>
      </c>
      <c r="Z2057" s="53">
        <v>-3087.3734939759001</v>
      </c>
      <c r="AA2057" s="53">
        <v>-37048.481927710804</v>
      </c>
      <c r="AB2057" s="53">
        <v>-3087.3734939759001</v>
      </c>
      <c r="AC2057" s="53">
        <v>-3087.3734939759001</v>
      </c>
      <c r="AD2057" s="53">
        <v>-3087.3734939759001</v>
      </c>
      <c r="AE2057" s="53">
        <v>-3087.3734939759001</v>
      </c>
      <c r="AF2057" s="53">
        <v>-3087.3734939759001</v>
      </c>
      <c r="AG2057" s="53">
        <v>-3087.3734939759001</v>
      </c>
      <c r="AH2057" s="53">
        <v>-3087.3734939759001</v>
      </c>
      <c r="AI2057" s="53">
        <v>-3087.3734939759001</v>
      </c>
      <c r="AJ2057" s="53">
        <v>-3087.3734939759001</v>
      </c>
      <c r="AK2057" s="53">
        <v>-3087.3734939759001</v>
      </c>
      <c r="AL2057" s="53">
        <v>-3087.3734939759001</v>
      </c>
      <c r="AM2057" s="53">
        <v>-3087.3734939759001</v>
      </c>
      <c r="AN2057" s="53">
        <v>-37048.481927710804</v>
      </c>
      <c r="AO2057" s="53">
        <v>-3087.3734939759001</v>
      </c>
      <c r="AP2057" s="53">
        <v>-3087.3734939759001</v>
      </c>
      <c r="AQ2057" s="53">
        <v>-3087.3734939759001</v>
      </c>
      <c r="AR2057" s="53">
        <v>-3087.3734939759001</v>
      </c>
      <c r="AS2057" s="53">
        <v>-3087.3734939759001</v>
      </c>
      <c r="AT2057" s="53">
        <v>-3087.3734939759001</v>
      </c>
      <c r="AU2057" s="53">
        <v>-3087.3734939759001</v>
      </c>
      <c r="AV2057" s="53">
        <v>-3087.3734939759001</v>
      </c>
      <c r="AW2057" s="53">
        <v>-3087.3734939759001</v>
      </c>
      <c r="AX2057" s="53">
        <v>-3087.3734939759001</v>
      </c>
      <c r="AY2057" s="53">
        <v>-3087.3734939759001</v>
      </c>
      <c r="AZ2057" s="53">
        <v>-3087.3734939759001</v>
      </c>
      <c r="BA2057" s="53">
        <v>-37048.481927710804</v>
      </c>
      <c r="BB2057" s="53">
        <v>-3087.3734939759001</v>
      </c>
      <c r="BC2057" s="53">
        <v>-3087.3734939759001</v>
      </c>
      <c r="BD2057" s="53">
        <v>-3087.3734939759001</v>
      </c>
      <c r="BE2057" s="53">
        <v>-3087.3734939759001</v>
      </c>
      <c r="BF2057" s="53">
        <v>-3087.3734939759001</v>
      </c>
      <c r="BG2057" s="53">
        <v>-3087.3734939759001</v>
      </c>
      <c r="BH2057" s="53">
        <v>-3087.3734939759001</v>
      </c>
      <c r="BI2057" s="53">
        <v>-3087.3734939759001</v>
      </c>
      <c r="BJ2057" s="53">
        <v>-3087.3734939759001</v>
      </c>
      <c r="BK2057" s="53">
        <v>-3087.3734939759001</v>
      </c>
      <c r="BL2057" s="53">
        <v>-3087.3734939759001</v>
      </c>
      <c r="BM2057" s="53">
        <v>-3087.3734939759001</v>
      </c>
      <c r="BN2057" s="53">
        <v>-37048.481927710804</v>
      </c>
      <c r="BO2057" s="53">
        <v>-3087.3734939759001</v>
      </c>
      <c r="BP2057" s="53">
        <v>-3087.3734939759001</v>
      </c>
      <c r="BQ2057" s="53">
        <v>-3087.3734939759001</v>
      </c>
      <c r="BR2057" s="53">
        <v>-3087.3734939759001</v>
      </c>
      <c r="BS2057" s="53">
        <v>-3087.3734939759001</v>
      </c>
      <c r="BT2057" s="53">
        <v>-3087.3734939759001</v>
      </c>
      <c r="BU2057" s="53">
        <v>-3087.3734939759001</v>
      </c>
      <c r="BV2057" s="53">
        <v>-3087.3734939759001</v>
      </c>
      <c r="BW2057" s="53">
        <v>-3087.3734939759001</v>
      </c>
      <c r="BX2057" s="53">
        <v>-3087.3734939759001</v>
      </c>
      <c r="BY2057" s="53">
        <v>-3087.3734939759001</v>
      </c>
      <c r="BZ2057" s="53">
        <v>-3087.3734939759001</v>
      </c>
      <c r="CA2057" s="53">
        <v>-37048.481927710804</v>
      </c>
      <c r="CB2057" s="53"/>
      <c r="CC2057" s="53"/>
      <c r="CD2057" s="53"/>
      <c r="CE2057" s="53"/>
      <c r="CF2057" s="53"/>
      <c r="CG2057" s="53"/>
      <c r="CH2057" s="53"/>
      <c r="CI2057" s="53"/>
      <c r="CJ2057" s="53"/>
      <c r="CK2057" s="53"/>
      <c r="CL2057" s="53"/>
      <c r="CM2057" s="53"/>
      <c r="CN2057" s="53"/>
    </row>
    <row r="2058" spans="1:92">
      <c r="A2058" s="52" t="s">
        <v>728</v>
      </c>
      <c r="B2058" s="53">
        <v>-5700.3240223463599</v>
      </c>
      <c r="C2058" s="53">
        <v>-5700.3240223463599</v>
      </c>
      <c r="D2058" s="53">
        <v>-5700.3240223463599</v>
      </c>
      <c r="E2058" s="53">
        <v>-5700.3240223463599</v>
      </c>
      <c r="F2058" s="53">
        <v>-5700.3240223463599</v>
      </c>
      <c r="G2058" s="53">
        <v>-5700.3240223463599</v>
      </c>
      <c r="H2058" s="53">
        <v>-5700.3240223463599</v>
      </c>
      <c r="I2058" s="53">
        <v>-5700.3240223463599</v>
      </c>
      <c r="J2058" s="53">
        <v>-5700.3240223463599</v>
      </c>
      <c r="K2058" s="53">
        <v>-5700.3240223463599</v>
      </c>
      <c r="L2058" s="53">
        <v>-5700.3240223463599</v>
      </c>
      <c r="M2058" s="53">
        <v>-5700.3240223463599</v>
      </c>
      <c r="N2058" s="53">
        <v>-68403.888268156399</v>
      </c>
      <c r="O2058" s="53">
        <v>-5700.3240223463599</v>
      </c>
      <c r="P2058" s="53">
        <v>-5700.3240223463599</v>
      </c>
      <c r="Q2058" s="53">
        <v>-5700.3240223463599</v>
      </c>
      <c r="R2058" s="53">
        <v>-5700.3240223463599</v>
      </c>
      <c r="S2058" s="53">
        <v>-5700.3240223463599</v>
      </c>
      <c r="T2058" s="53">
        <v>-5700.3240223463599</v>
      </c>
      <c r="U2058" s="53">
        <v>-5700.3240223463599</v>
      </c>
      <c r="V2058" s="53">
        <v>-5700.3240223463599</v>
      </c>
      <c r="W2058" s="53">
        <v>-5700.3240223463599</v>
      </c>
      <c r="X2058" s="53">
        <v>-5700.3240223463599</v>
      </c>
      <c r="Y2058" s="53">
        <v>-5700.3240223463599</v>
      </c>
      <c r="Z2058" s="53">
        <v>-5700.3240223463599</v>
      </c>
      <c r="AA2058" s="53">
        <v>-68403.888268156399</v>
      </c>
      <c r="AB2058" s="53">
        <v>-5700.3240223463599</v>
      </c>
      <c r="AC2058" s="53">
        <v>-5700.3240223463599</v>
      </c>
      <c r="AD2058" s="53">
        <v>-5700.3240223463599</v>
      </c>
      <c r="AE2058" s="53">
        <v>-5700.3240223463699</v>
      </c>
      <c r="AF2058" s="53">
        <v>-5700.3240223463699</v>
      </c>
      <c r="AG2058" s="53">
        <v>-5700.3240223463699</v>
      </c>
      <c r="AH2058" s="53">
        <v>-5700.3240223463699</v>
      </c>
      <c r="AI2058" s="53">
        <v>-5700.3240223463699</v>
      </c>
      <c r="AJ2058" s="53">
        <v>-5700.3240223463699</v>
      </c>
      <c r="AK2058" s="53">
        <v>-5700.3240223463699</v>
      </c>
      <c r="AL2058" s="53">
        <v>-5700.3240223463699</v>
      </c>
      <c r="AM2058" s="53">
        <v>-5700.3240223463699</v>
      </c>
      <c r="AN2058" s="53">
        <v>-68403.888268156399</v>
      </c>
      <c r="AO2058" s="53">
        <v>-5700.3240223463699</v>
      </c>
      <c r="AP2058" s="53">
        <v>-5700.3240223463699</v>
      </c>
      <c r="AQ2058" s="53">
        <v>-5700.3240223463699</v>
      </c>
      <c r="AR2058" s="53">
        <v>-5700.3240223463699</v>
      </c>
      <c r="AS2058" s="53">
        <v>-5700.3240223463699</v>
      </c>
      <c r="AT2058" s="53">
        <v>-5700.3240223463699</v>
      </c>
      <c r="AU2058" s="53">
        <v>-5700.3240223463699</v>
      </c>
      <c r="AV2058" s="53">
        <v>-5700.3240223463699</v>
      </c>
      <c r="AW2058" s="53">
        <v>-5700.3240223463699</v>
      </c>
      <c r="AX2058" s="53">
        <v>-5700.3240223463699</v>
      </c>
      <c r="AY2058" s="53">
        <v>-5700.3240223463699</v>
      </c>
      <c r="AZ2058" s="53">
        <v>-5700.3240223463699</v>
      </c>
      <c r="BA2058" s="53">
        <v>-68403.888268156399</v>
      </c>
      <c r="BB2058" s="53">
        <v>-5700.3240223463699</v>
      </c>
      <c r="BC2058" s="53">
        <v>-5700.3240223463699</v>
      </c>
      <c r="BD2058" s="53">
        <v>-5700.3240223463699</v>
      </c>
      <c r="BE2058" s="53">
        <v>-5700.3240223463699</v>
      </c>
      <c r="BF2058" s="53">
        <v>-5700.3240223463699</v>
      </c>
      <c r="BG2058" s="53">
        <v>-5700.3240223463699</v>
      </c>
      <c r="BH2058" s="53">
        <v>-5700.3240223463699</v>
      </c>
      <c r="BI2058" s="53">
        <v>-5700.3240223463699</v>
      </c>
      <c r="BJ2058" s="53">
        <v>-5700.3240223463699</v>
      </c>
      <c r="BK2058" s="53">
        <v>-5700.3240223463699</v>
      </c>
      <c r="BL2058" s="53">
        <v>-5700.3240223463699</v>
      </c>
      <c r="BM2058" s="53">
        <v>-5700.3240223463699</v>
      </c>
      <c r="BN2058" s="53">
        <v>-68403.888268156399</v>
      </c>
      <c r="BO2058" s="53">
        <v>-5700.3240223463699</v>
      </c>
      <c r="BP2058" s="53">
        <v>-5700.3240223463699</v>
      </c>
      <c r="BQ2058" s="53">
        <v>-5700.3240223463699</v>
      </c>
      <c r="BR2058" s="53">
        <v>-5700.3240223463699</v>
      </c>
      <c r="BS2058" s="53">
        <v>-5700.3240223463699</v>
      </c>
      <c r="BT2058" s="53">
        <v>-5700.3240223463699</v>
      </c>
      <c r="BU2058" s="53">
        <v>-5700.3240223463699</v>
      </c>
      <c r="BV2058" s="53">
        <v>-5700.3240223463699</v>
      </c>
      <c r="BW2058" s="53">
        <v>-5700.3240223463699</v>
      </c>
      <c r="BX2058" s="53">
        <v>-5700.3240223463699</v>
      </c>
      <c r="BY2058" s="53">
        <v>-5700.3240223463699</v>
      </c>
      <c r="BZ2058" s="53">
        <v>-5700.3240223463699</v>
      </c>
      <c r="CA2058" s="53">
        <v>-68403.888268156501</v>
      </c>
      <c r="CB2058" s="53">
        <v>5333333.3333333302</v>
      </c>
      <c r="CC2058" s="53">
        <v>5333333.3333333302</v>
      </c>
      <c r="CD2058" s="53">
        <v>5333333.3333333302</v>
      </c>
      <c r="CE2058" s="53">
        <v>5333333.3333333302</v>
      </c>
      <c r="CF2058" s="53">
        <v>5333333.3333333302</v>
      </c>
      <c r="CG2058" s="53">
        <v>5333333.3333333302</v>
      </c>
      <c r="CH2058" s="53">
        <v>5333333.3333333302</v>
      </c>
      <c r="CI2058" s="53">
        <v>5333333.3333333302</v>
      </c>
      <c r="CJ2058" s="53">
        <v>5333333.3333333302</v>
      </c>
      <c r="CK2058" s="53">
        <v>5333333.3333333302</v>
      </c>
      <c r="CL2058" s="53">
        <v>5333333.3333333302</v>
      </c>
      <c r="CM2058" s="53">
        <v>5333333.3333333302</v>
      </c>
      <c r="CN2058" s="53">
        <v>64000000</v>
      </c>
    </row>
    <row r="2059" spans="1:92">
      <c r="A2059" s="52" t="s">
        <v>729</v>
      </c>
      <c r="B2059" s="53">
        <v>-8149.6279069767397</v>
      </c>
      <c r="C2059" s="53">
        <v>-8149.6279069767397</v>
      </c>
      <c r="D2059" s="53">
        <v>-8149.6279069767397</v>
      </c>
      <c r="E2059" s="53">
        <v>-8149.6279069767397</v>
      </c>
      <c r="F2059" s="53">
        <v>-8149.6279069767397</v>
      </c>
      <c r="G2059" s="53">
        <v>-8149.6279069767397</v>
      </c>
      <c r="H2059" s="53">
        <v>-8149.6279069767397</v>
      </c>
      <c r="I2059" s="53">
        <v>-8149.6279069767397</v>
      </c>
      <c r="J2059" s="53">
        <v>-8149.6279069767397</v>
      </c>
      <c r="K2059" s="53">
        <v>-8149.6279069767397</v>
      </c>
      <c r="L2059" s="53">
        <v>-8149.6279069767397</v>
      </c>
      <c r="M2059" s="53">
        <v>-8149.6279069767397</v>
      </c>
      <c r="N2059" s="53">
        <v>-97795.534883720902</v>
      </c>
      <c r="O2059" s="53">
        <v>-8149.6279069767397</v>
      </c>
      <c r="P2059" s="53">
        <v>-8149.6279069767397</v>
      </c>
      <c r="Q2059" s="53">
        <v>-8149.6279069767397</v>
      </c>
      <c r="R2059" s="53">
        <v>-8149.6279069767397</v>
      </c>
      <c r="S2059" s="53">
        <v>-8149.6279069767397</v>
      </c>
      <c r="T2059" s="53">
        <v>-8149.6279069767297</v>
      </c>
      <c r="U2059" s="53">
        <v>-8149.6279069767297</v>
      </c>
      <c r="V2059" s="53">
        <v>-8149.6279069767297</v>
      </c>
      <c r="W2059" s="53">
        <v>-8149.6279069767297</v>
      </c>
      <c r="X2059" s="53">
        <v>-8149.6279069767297</v>
      </c>
      <c r="Y2059" s="53">
        <v>-8149.6279069767297</v>
      </c>
      <c r="Z2059" s="53">
        <v>-8149.6279069767297</v>
      </c>
      <c r="AA2059" s="53">
        <v>-97795.5348837208</v>
      </c>
      <c r="AB2059" s="53">
        <v>-8149.6279069767297</v>
      </c>
      <c r="AC2059" s="53">
        <v>-8149.6279069767297</v>
      </c>
      <c r="AD2059" s="53">
        <v>-8149.6279069767297</v>
      </c>
      <c r="AE2059" s="53">
        <v>-8149.6279069767297</v>
      </c>
      <c r="AF2059" s="53">
        <v>-8149.6279069767297</v>
      </c>
      <c r="AG2059" s="53">
        <v>-8149.6279069767297</v>
      </c>
      <c r="AH2059" s="53">
        <v>-8149.6279069767297</v>
      </c>
      <c r="AI2059" s="53">
        <v>-8149.6279069767297</v>
      </c>
      <c r="AJ2059" s="53">
        <v>-8149.6279069767297</v>
      </c>
      <c r="AK2059" s="53">
        <v>-8149.6279069767297</v>
      </c>
      <c r="AL2059" s="53">
        <v>-8149.6279069767297</v>
      </c>
      <c r="AM2059" s="53">
        <v>-8149.6279069767197</v>
      </c>
      <c r="AN2059" s="53">
        <v>-97795.534883720698</v>
      </c>
      <c r="AO2059" s="53">
        <v>-8149.6279069767197</v>
      </c>
      <c r="AP2059" s="53">
        <v>-8149.6279069767197</v>
      </c>
      <c r="AQ2059" s="53">
        <v>-8149.6279069767197</v>
      </c>
      <c r="AR2059" s="53">
        <v>-8149.6279069767197</v>
      </c>
      <c r="AS2059" s="53">
        <v>-8149.6279069767197</v>
      </c>
      <c r="AT2059" s="53">
        <v>-8149.6279069767197</v>
      </c>
      <c r="AU2059" s="53">
        <v>-8149.6279069767197</v>
      </c>
      <c r="AV2059" s="53">
        <v>-8149.6279069767197</v>
      </c>
      <c r="AW2059" s="53">
        <v>-8149.6279069767197</v>
      </c>
      <c r="AX2059" s="53">
        <v>-8149.6279069767197</v>
      </c>
      <c r="AY2059" s="53">
        <v>-8149.6279069767197</v>
      </c>
      <c r="AZ2059" s="53">
        <v>-8149.6279069767197</v>
      </c>
      <c r="BA2059" s="53">
        <v>-97795.534883720698</v>
      </c>
      <c r="BB2059" s="53">
        <v>-8149.6279069767197</v>
      </c>
      <c r="BC2059" s="53">
        <v>-8149.6279069767197</v>
      </c>
      <c r="BD2059" s="53">
        <v>-8149.6279069767197</v>
      </c>
      <c r="BE2059" s="53">
        <v>-8149.6279069767197</v>
      </c>
      <c r="BF2059" s="53">
        <v>-8149.6279069767197</v>
      </c>
      <c r="BG2059" s="53">
        <v>-8149.6279069767197</v>
      </c>
      <c r="BH2059" s="53">
        <v>-8149.6279069767197</v>
      </c>
      <c r="BI2059" s="53">
        <v>-8149.6279069767197</v>
      </c>
      <c r="BJ2059" s="53">
        <v>-8149.6279069767197</v>
      </c>
      <c r="BK2059" s="53">
        <v>-8149.6279069767197</v>
      </c>
      <c r="BL2059" s="53">
        <v>-8149.6279069767197</v>
      </c>
      <c r="BM2059" s="53">
        <v>-8149.6279069767197</v>
      </c>
      <c r="BN2059" s="53">
        <v>-97795.534883720597</v>
      </c>
      <c r="BO2059" s="53">
        <v>-8149.6279069767197</v>
      </c>
      <c r="BP2059" s="53">
        <v>-8149.6279069767197</v>
      </c>
      <c r="BQ2059" s="53">
        <v>-8149.6279069767197</v>
      </c>
      <c r="BR2059" s="53">
        <v>-8149.6279069767197</v>
      </c>
      <c r="BS2059" s="53">
        <v>-8149.6279069767197</v>
      </c>
      <c r="BT2059" s="53">
        <v>-8149.6279069767197</v>
      </c>
      <c r="BU2059" s="53">
        <v>-8149.6279069767197</v>
      </c>
      <c r="BV2059" s="53">
        <v>-8149.6279069767197</v>
      </c>
      <c r="BW2059" s="53">
        <v>-8149.6279069767197</v>
      </c>
      <c r="BX2059" s="53">
        <v>-8149.6279069767197</v>
      </c>
      <c r="BY2059" s="53">
        <v>-8149.6279069767197</v>
      </c>
      <c r="BZ2059" s="53">
        <v>-8149.6279069767197</v>
      </c>
      <c r="CA2059" s="53">
        <v>-97795.534883720698</v>
      </c>
      <c r="CB2059" s="53">
        <v>1647916.66666666</v>
      </c>
      <c r="CC2059" s="53">
        <v>1647916.66666666</v>
      </c>
      <c r="CD2059" s="53">
        <v>1647916.66666666</v>
      </c>
      <c r="CE2059" s="53">
        <v>1647916.66666666</v>
      </c>
      <c r="CF2059" s="53">
        <v>1647916.66666666</v>
      </c>
      <c r="CG2059" s="53">
        <v>1647916.66666666</v>
      </c>
      <c r="CH2059" s="53">
        <v>1647916.66666666</v>
      </c>
      <c r="CI2059" s="53">
        <v>1647916.66666666</v>
      </c>
      <c r="CJ2059" s="53">
        <v>1647916.66666666</v>
      </c>
      <c r="CK2059" s="53">
        <v>1647916.66666666</v>
      </c>
      <c r="CL2059" s="53">
        <v>1647916.66666666</v>
      </c>
      <c r="CM2059" s="53">
        <v>1647916.66666666</v>
      </c>
      <c r="CN2059" s="53">
        <v>19775000</v>
      </c>
    </row>
    <row r="2060" spans="1:92">
      <c r="A2060" s="52" t="s">
        <v>730</v>
      </c>
      <c r="B2060" s="53">
        <v>-7907.1050359712199</v>
      </c>
      <c r="C2060" s="53">
        <v>-7907.1050359712199</v>
      </c>
      <c r="D2060" s="53">
        <v>-7907.1050359712199</v>
      </c>
      <c r="E2060" s="53">
        <v>-7907.1050359712199</v>
      </c>
      <c r="F2060" s="53">
        <v>-7907.1050359712199</v>
      </c>
      <c r="G2060" s="53">
        <v>-7907.1050359712199</v>
      </c>
      <c r="H2060" s="53">
        <v>-7907.1050359712199</v>
      </c>
      <c r="I2060" s="53">
        <v>-7907.1050359712199</v>
      </c>
      <c r="J2060" s="53">
        <v>-7907.1050359712199</v>
      </c>
      <c r="K2060" s="53">
        <v>-7907.1050359712199</v>
      </c>
      <c r="L2060" s="53">
        <v>-7907.1050359712199</v>
      </c>
      <c r="M2060" s="53">
        <v>-7907.1050359712199</v>
      </c>
      <c r="N2060" s="53">
        <v>-94885.260431654693</v>
      </c>
      <c r="O2060" s="53">
        <v>-7907.1050359712199</v>
      </c>
      <c r="P2060" s="53">
        <v>-7907.1050359712199</v>
      </c>
      <c r="Q2060" s="53">
        <v>-7907.1050359712199</v>
      </c>
      <c r="R2060" s="53">
        <v>-7907.1050359712199</v>
      </c>
      <c r="S2060" s="53">
        <v>-7907.1050359712199</v>
      </c>
      <c r="T2060" s="53">
        <v>-7907.1050359712199</v>
      </c>
      <c r="U2060" s="53">
        <v>-7907.1050359712199</v>
      </c>
      <c r="V2060" s="53">
        <v>-7907.1050359712199</v>
      </c>
      <c r="W2060" s="53">
        <v>-7907.1050359712199</v>
      </c>
      <c r="X2060" s="53">
        <v>-7907.1050359712199</v>
      </c>
      <c r="Y2060" s="53">
        <v>-7907.1050359712199</v>
      </c>
      <c r="Z2060" s="53">
        <v>-7907.1050359712199</v>
      </c>
      <c r="AA2060" s="53">
        <v>-94885.260431654693</v>
      </c>
      <c r="AB2060" s="53">
        <v>-7907.1050359712199</v>
      </c>
      <c r="AC2060" s="53">
        <v>-7907.1050359712199</v>
      </c>
      <c r="AD2060" s="53">
        <v>-7907.1050359712199</v>
      </c>
      <c r="AE2060" s="53">
        <v>-7907.1050359712199</v>
      </c>
      <c r="AF2060" s="53">
        <v>-7907.1050359712199</v>
      </c>
      <c r="AG2060" s="53">
        <v>-7907.1050359712199</v>
      </c>
      <c r="AH2060" s="53">
        <v>-7907.1050359712199</v>
      </c>
      <c r="AI2060" s="53">
        <v>-7907.1050359712199</v>
      </c>
      <c r="AJ2060" s="53">
        <v>-7907.1050359712199</v>
      </c>
      <c r="AK2060" s="53">
        <v>-7907.1050359712199</v>
      </c>
      <c r="AL2060" s="53">
        <v>-7907.1050359712199</v>
      </c>
      <c r="AM2060" s="53">
        <v>-7907.1050359712199</v>
      </c>
      <c r="AN2060" s="53">
        <v>-94885.260431654693</v>
      </c>
      <c r="AO2060" s="53">
        <v>-7907.1050359712199</v>
      </c>
      <c r="AP2060" s="53">
        <v>-7907.1050359712199</v>
      </c>
      <c r="AQ2060" s="53">
        <v>-7907.1050359712199</v>
      </c>
      <c r="AR2060" s="53">
        <v>-7907.1050359712199</v>
      </c>
      <c r="AS2060" s="53">
        <v>-7907.1050359712199</v>
      </c>
      <c r="AT2060" s="53">
        <v>-7907.1050359712199</v>
      </c>
      <c r="AU2060" s="53">
        <v>-7907.1050359712199</v>
      </c>
      <c r="AV2060" s="53">
        <v>-7907.1050359712199</v>
      </c>
      <c r="AW2060" s="53">
        <v>-7907.1050359712199</v>
      </c>
      <c r="AX2060" s="53">
        <v>-7907.1050359712199</v>
      </c>
      <c r="AY2060" s="53">
        <v>-7907.1050359712199</v>
      </c>
      <c r="AZ2060" s="53">
        <v>-7907.1050359712199</v>
      </c>
      <c r="BA2060" s="53">
        <v>-94885.260431654693</v>
      </c>
      <c r="BB2060" s="53">
        <v>-7907.1050359712199</v>
      </c>
      <c r="BC2060" s="53">
        <v>-7907.1050359712199</v>
      </c>
      <c r="BD2060" s="53">
        <v>-7907.1050359712199</v>
      </c>
      <c r="BE2060" s="53">
        <v>-7907.1050359712199</v>
      </c>
      <c r="BF2060" s="53">
        <v>-7907.1050359712199</v>
      </c>
      <c r="BG2060" s="53">
        <v>-7907.1050359712199</v>
      </c>
      <c r="BH2060" s="53">
        <v>-7907.1050359712199</v>
      </c>
      <c r="BI2060" s="53">
        <v>-7907.1050359712199</v>
      </c>
      <c r="BJ2060" s="53">
        <v>-7907.1050359712199</v>
      </c>
      <c r="BK2060" s="53">
        <v>-7907.1050359712199</v>
      </c>
      <c r="BL2060" s="53">
        <v>-7907.1050359712199</v>
      </c>
      <c r="BM2060" s="53">
        <v>-7907.1050359712199</v>
      </c>
      <c r="BN2060" s="53">
        <v>-94885.260431654693</v>
      </c>
      <c r="BO2060" s="53">
        <v>-7907.1050359712199</v>
      </c>
      <c r="BP2060" s="53">
        <v>-7907.1050359712199</v>
      </c>
      <c r="BQ2060" s="53">
        <v>-7907.1050359712199</v>
      </c>
      <c r="BR2060" s="53">
        <v>-7907.1050359712199</v>
      </c>
      <c r="BS2060" s="53">
        <v>-7907.1050359712199</v>
      </c>
      <c r="BT2060" s="53">
        <v>-7907.1050359712199</v>
      </c>
      <c r="BU2060" s="53">
        <v>-7907.1050359712199</v>
      </c>
      <c r="BV2060" s="53">
        <v>-7907.1050359712199</v>
      </c>
      <c r="BW2060" s="53">
        <v>-7907.1050359712199</v>
      </c>
      <c r="BX2060" s="53">
        <v>-7907.1050359712199</v>
      </c>
      <c r="BY2060" s="53">
        <v>-7907.1050359712199</v>
      </c>
      <c r="BZ2060" s="53">
        <v>-7907.1050359712199</v>
      </c>
      <c r="CA2060" s="53">
        <v>-94885.260431654693</v>
      </c>
      <c r="CB2060" s="53">
        <v>1283333.33333333</v>
      </c>
      <c r="CC2060" s="53">
        <v>1283333.33333333</v>
      </c>
      <c r="CD2060" s="53">
        <v>1283333.33333333</v>
      </c>
      <c r="CE2060" s="53">
        <v>1283333.33333333</v>
      </c>
      <c r="CF2060" s="53">
        <v>1283333.33333333</v>
      </c>
      <c r="CG2060" s="53">
        <v>1283333.33333333</v>
      </c>
      <c r="CH2060" s="53">
        <v>1283333.33333333</v>
      </c>
      <c r="CI2060" s="53">
        <v>1283333.33333333</v>
      </c>
      <c r="CJ2060" s="53">
        <v>1283333.33333333</v>
      </c>
      <c r="CK2060" s="53">
        <v>1283333.33333333</v>
      </c>
      <c r="CL2060" s="53">
        <v>1283333.33333333</v>
      </c>
      <c r="CM2060" s="53">
        <v>1283333.33333333</v>
      </c>
      <c r="CN2060" s="53">
        <v>15400000</v>
      </c>
    </row>
    <row r="2061" spans="1:92">
      <c r="A2061" s="52" t="s">
        <v>1565</v>
      </c>
      <c r="B2061" s="53">
        <v>-8857.0264993026503</v>
      </c>
      <c r="C2061" s="53">
        <v>-8857.0264993026503</v>
      </c>
      <c r="D2061" s="53">
        <v>-8857.0264993026503</v>
      </c>
      <c r="E2061" s="53">
        <v>-8857.0264993026503</v>
      </c>
      <c r="F2061" s="53">
        <v>-8857.0264993026503</v>
      </c>
      <c r="G2061" s="53">
        <v>-8857.0264993026503</v>
      </c>
      <c r="H2061" s="53">
        <v>-8857.0264993026503</v>
      </c>
      <c r="I2061" s="53">
        <v>-8857.0264993026503</v>
      </c>
      <c r="J2061" s="53">
        <v>-8857.0264993026394</v>
      </c>
      <c r="K2061" s="53">
        <v>-8857.0264993026394</v>
      </c>
      <c r="L2061" s="53">
        <v>-8857.0264993026394</v>
      </c>
      <c r="M2061" s="53">
        <v>-8857.0264993026394</v>
      </c>
      <c r="N2061" s="53">
        <v>-106284.317991631</v>
      </c>
      <c r="O2061" s="53">
        <v>-8857.0264993026394</v>
      </c>
      <c r="P2061" s="53">
        <v>-8857.0264993026394</v>
      </c>
      <c r="Q2061" s="53">
        <v>-8857.0264993026394</v>
      </c>
      <c r="R2061" s="53">
        <v>-8857.0264993026394</v>
      </c>
      <c r="S2061" s="53">
        <v>-8857.0264993026394</v>
      </c>
      <c r="T2061" s="53">
        <v>-8857.0264993026394</v>
      </c>
      <c r="U2061" s="53">
        <v>-8857.0264993026394</v>
      </c>
      <c r="V2061" s="53">
        <v>-8857.0264993026394</v>
      </c>
      <c r="W2061" s="53">
        <v>-8857.0264993026394</v>
      </c>
      <c r="X2061" s="53">
        <v>-8857.0264993026394</v>
      </c>
      <c r="Y2061" s="53">
        <v>-8857.0264993026394</v>
      </c>
      <c r="Z2061" s="53">
        <v>-8857.0264993026394</v>
      </c>
      <c r="AA2061" s="53">
        <v>-106284.317991631</v>
      </c>
      <c r="AB2061" s="53">
        <v>-8857.0264993026394</v>
      </c>
      <c r="AC2061" s="53">
        <v>-8857.0264993026394</v>
      </c>
      <c r="AD2061" s="53">
        <v>-8857.0264993026394</v>
      </c>
      <c r="AE2061" s="53">
        <v>-8857.0264993026394</v>
      </c>
      <c r="AF2061" s="53">
        <v>-8857.0264993026394</v>
      </c>
      <c r="AG2061" s="53">
        <v>-8857.0264993026394</v>
      </c>
      <c r="AH2061" s="53">
        <v>-8857.0264993026394</v>
      </c>
      <c r="AI2061" s="53">
        <v>-8857.0264993026394</v>
      </c>
      <c r="AJ2061" s="53">
        <v>-8857.0264993026394</v>
      </c>
      <c r="AK2061" s="53">
        <v>-8857.0264993026394</v>
      </c>
      <c r="AL2061" s="53">
        <v>-8857.0264993026394</v>
      </c>
      <c r="AM2061" s="53">
        <v>-8857.0264993026394</v>
      </c>
      <c r="AN2061" s="53">
        <v>-106284.317991631</v>
      </c>
      <c r="AO2061" s="53">
        <v>-8857.0264993026394</v>
      </c>
      <c r="AP2061" s="53">
        <v>-8857.0264993026394</v>
      </c>
      <c r="AQ2061" s="53">
        <v>-8857.0264993026394</v>
      </c>
      <c r="AR2061" s="53">
        <v>-8857.0264993026394</v>
      </c>
      <c r="AS2061" s="53">
        <v>-8857.0264993026394</v>
      </c>
      <c r="AT2061" s="53">
        <v>-8857.0264993026394</v>
      </c>
      <c r="AU2061" s="53">
        <v>-8857.0264993026394</v>
      </c>
      <c r="AV2061" s="53">
        <v>-8857.0264993026394</v>
      </c>
      <c r="AW2061" s="53">
        <v>-8857.0264993026394</v>
      </c>
      <c r="AX2061" s="53">
        <v>-8857.0264993026394</v>
      </c>
      <c r="AY2061" s="53">
        <v>-8857.0264993026394</v>
      </c>
      <c r="AZ2061" s="53">
        <v>-8857.0264993026394</v>
      </c>
      <c r="BA2061" s="53">
        <v>-106284.317991631</v>
      </c>
      <c r="BB2061" s="53">
        <v>-8857.0264993026394</v>
      </c>
      <c r="BC2061" s="53">
        <v>-8857.0264993026394</v>
      </c>
      <c r="BD2061" s="53">
        <v>-8857.0264993026394</v>
      </c>
      <c r="BE2061" s="53">
        <v>-8857.0264993026394</v>
      </c>
      <c r="BF2061" s="53">
        <v>-8857.0264993026394</v>
      </c>
      <c r="BG2061" s="53">
        <v>-8857.0264993026394</v>
      </c>
      <c r="BH2061" s="53">
        <v>-8857.0264993026303</v>
      </c>
      <c r="BI2061" s="53">
        <v>-8857.0264993026303</v>
      </c>
      <c r="BJ2061" s="53">
        <v>-8857.0264993026303</v>
      </c>
      <c r="BK2061" s="53">
        <v>-8857.0264993026303</v>
      </c>
      <c r="BL2061" s="53">
        <v>-8857.0264993026303</v>
      </c>
      <c r="BM2061" s="53">
        <v>-8857.0264993026303</v>
      </c>
      <c r="BN2061" s="53">
        <v>-106284.317991631</v>
      </c>
      <c r="BO2061" s="53">
        <v>-8857.0264993026303</v>
      </c>
      <c r="BP2061" s="53">
        <v>-8857.0264993026303</v>
      </c>
      <c r="BQ2061" s="53">
        <v>-8857.0264993026303</v>
      </c>
      <c r="BR2061" s="53">
        <v>-8857.0264993026303</v>
      </c>
      <c r="BS2061" s="53">
        <v>-8857.0264993026303</v>
      </c>
      <c r="BT2061" s="53">
        <v>-8857.0264993026303</v>
      </c>
      <c r="BU2061" s="53">
        <v>-8857.0264993026303</v>
      </c>
      <c r="BV2061" s="53">
        <v>-8857.0264993026303</v>
      </c>
      <c r="BW2061" s="53">
        <v>-8857.0264993026303</v>
      </c>
      <c r="BX2061" s="53">
        <v>-8857.0264993026303</v>
      </c>
      <c r="BY2061" s="53">
        <v>-8857.0264993026303</v>
      </c>
      <c r="BZ2061" s="53">
        <v>-8857.0264993026303</v>
      </c>
      <c r="CA2061" s="53">
        <v>-106284.317991631</v>
      </c>
      <c r="CB2061" s="53">
        <v>489583.33333333302</v>
      </c>
      <c r="CC2061" s="53">
        <v>489583.33333333302</v>
      </c>
      <c r="CD2061" s="53">
        <v>489583.33333333302</v>
      </c>
      <c r="CE2061" s="53">
        <v>489583.33333333302</v>
      </c>
      <c r="CF2061" s="53">
        <v>489583.33333333302</v>
      </c>
      <c r="CG2061" s="53">
        <v>489583.33333333302</v>
      </c>
      <c r="CH2061" s="53">
        <v>489583.33333333302</v>
      </c>
      <c r="CI2061" s="53">
        <v>489583.33333333302</v>
      </c>
      <c r="CJ2061" s="53">
        <v>489583.33333333302</v>
      </c>
      <c r="CK2061" s="53">
        <v>489583.33333333302</v>
      </c>
      <c r="CL2061" s="53">
        <v>489583.33333333302</v>
      </c>
      <c r="CM2061" s="53">
        <v>489583.33333333302</v>
      </c>
      <c r="CN2061" s="53">
        <v>5874999.9999999898</v>
      </c>
    </row>
    <row r="2062" spans="1:92">
      <c r="A2062" s="52" t="s">
        <v>672</v>
      </c>
      <c r="B2062" s="53"/>
      <c r="C2062" s="53"/>
      <c r="D2062" s="53"/>
      <c r="E2062" s="53"/>
      <c r="F2062" s="53"/>
      <c r="G2062" s="53"/>
      <c r="H2062" s="53"/>
      <c r="I2062" s="53"/>
      <c r="J2062" s="53"/>
      <c r="K2062" s="53"/>
      <c r="L2062" s="53"/>
      <c r="M2062" s="53"/>
      <c r="N2062" s="53"/>
      <c r="O2062" s="53"/>
      <c r="P2062" s="53"/>
      <c r="Q2062" s="53"/>
      <c r="R2062" s="53"/>
      <c r="S2062" s="53"/>
      <c r="T2062" s="53"/>
      <c r="U2062" s="53"/>
      <c r="V2062" s="53"/>
      <c r="W2062" s="53"/>
      <c r="X2062" s="53"/>
      <c r="Y2062" s="53"/>
      <c r="Z2062" s="53"/>
      <c r="AA2062" s="53"/>
      <c r="AB2062" s="53"/>
      <c r="AC2062" s="53"/>
      <c r="AD2062" s="53"/>
      <c r="AE2062" s="53"/>
      <c r="AF2062" s="53"/>
      <c r="AG2062" s="53"/>
      <c r="AH2062" s="53"/>
      <c r="AI2062" s="53"/>
      <c r="AJ2062" s="53"/>
      <c r="AK2062" s="53"/>
      <c r="AL2062" s="53"/>
      <c r="AM2062" s="53"/>
      <c r="AN2062" s="53"/>
      <c r="AO2062" s="53"/>
      <c r="AP2062" s="53"/>
      <c r="AQ2062" s="53"/>
      <c r="AR2062" s="53"/>
      <c r="AS2062" s="53"/>
      <c r="AT2062" s="53"/>
      <c r="AU2062" s="53"/>
      <c r="AV2062" s="53"/>
      <c r="AW2062" s="53"/>
      <c r="AX2062" s="53"/>
      <c r="AY2062" s="53"/>
      <c r="AZ2062" s="53"/>
      <c r="BA2062" s="53"/>
      <c r="BB2062" s="53"/>
      <c r="BC2062" s="53"/>
      <c r="BD2062" s="53"/>
      <c r="BE2062" s="53"/>
      <c r="BF2062" s="53"/>
      <c r="BG2062" s="53"/>
      <c r="BH2062" s="53"/>
      <c r="BI2062" s="53"/>
      <c r="BJ2062" s="53"/>
      <c r="BK2062" s="53"/>
      <c r="BL2062" s="53"/>
      <c r="BM2062" s="53"/>
      <c r="BN2062" s="53"/>
      <c r="BO2062" s="53"/>
      <c r="BP2062" s="53"/>
      <c r="BQ2062" s="53"/>
      <c r="BR2062" s="53"/>
      <c r="BS2062" s="53"/>
      <c r="BT2062" s="53"/>
      <c r="BU2062" s="53"/>
      <c r="BV2062" s="53"/>
      <c r="BW2062" s="53"/>
      <c r="BX2062" s="53"/>
      <c r="BY2062" s="53"/>
      <c r="BZ2062" s="53"/>
      <c r="CA2062" s="53"/>
      <c r="CB2062" s="53"/>
      <c r="CC2062" s="53"/>
      <c r="CD2062" s="53"/>
      <c r="CE2062" s="53"/>
      <c r="CF2062" s="53"/>
      <c r="CG2062" s="53"/>
      <c r="CH2062" s="53"/>
      <c r="CI2062" s="53"/>
      <c r="CJ2062" s="53"/>
      <c r="CK2062" s="53"/>
      <c r="CL2062" s="53"/>
      <c r="CM2062" s="53"/>
      <c r="CN2062" s="53"/>
    </row>
    <row r="2063" spans="1:92">
      <c r="A2063" s="52" t="s">
        <v>709</v>
      </c>
      <c r="B2063" s="53"/>
      <c r="C2063" s="53"/>
      <c r="D2063" s="53"/>
      <c r="E2063" s="53"/>
      <c r="F2063" s="53"/>
      <c r="G2063" s="53"/>
      <c r="H2063" s="53"/>
      <c r="I2063" s="53"/>
      <c r="J2063" s="53"/>
      <c r="K2063" s="53"/>
      <c r="L2063" s="53"/>
      <c r="M2063" s="53"/>
      <c r="N2063" s="53"/>
      <c r="O2063" s="53"/>
      <c r="P2063" s="53"/>
      <c r="Q2063" s="53"/>
      <c r="R2063" s="53"/>
      <c r="S2063" s="53"/>
      <c r="T2063" s="53"/>
      <c r="U2063" s="53"/>
      <c r="V2063" s="53"/>
      <c r="W2063" s="53"/>
      <c r="X2063" s="53"/>
      <c r="Y2063" s="53"/>
      <c r="Z2063" s="53"/>
      <c r="AA2063" s="53"/>
      <c r="AB2063" s="53"/>
      <c r="AC2063" s="53"/>
      <c r="AD2063" s="53"/>
      <c r="AE2063" s="53"/>
      <c r="AF2063" s="53"/>
      <c r="AG2063" s="53"/>
      <c r="AH2063" s="53"/>
      <c r="AI2063" s="53"/>
      <c r="AJ2063" s="53"/>
      <c r="AK2063" s="53"/>
      <c r="AL2063" s="53"/>
      <c r="AM2063" s="53"/>
      <c r="AN2063" s="53"/>
      <c r="AO2063" s="53"/>
      <c r="AP2063" s="53"/>
      <c r="AQ2063" s="53"/>
      <c r="AR2063" s="53"/>
      <c r="AS2063" s="53"/>
      <c r="AT2063" s="53"/>
      <c r="AU2063" s="53"/>
      <c r="AV2063" s="53"/>
      <c r="AW2063" s="53"/>
      <c r="AX2063" s="53"/>
      <c r="AY2063" s="53"/>
      <c r="AZ2063" s="53"/>
      <c r="BA2063" s="53"/>
      <c r="BB2063" s="53"/>
      <c r="BC2063" s="53"/>
      <c r="BD2063" s="53"/>
      <c r="BE2063" s="53"/>
      <c r="BF2063" s="53"/>
      <c r="BG2063" s="53"/>
      <c r="BH2063" s="53"/>
      <c r="BI2063" s="53"/>
      <c r="BJ2063" s="53"/>
      <c r="BK2063" s="53"/>
      <c r="BL2063" s="53"/>
      <c r="BM2063" s="53"/>
      <c r="BN2063" s="53"/>
      <c r="BO2063" s="53"/>
      <c r="BP2063" s="53"/>
      <c r="BQ2063" s="53"/>
      <c r="BR2063" s="53"/>
      <c r="BS2063" s="53"/>
      <c r="BT2063" s="53"/>
      <c r="BU2063" s="53"/>
      <c r="BV2063" s="53"/>
      <c r="BW2063" s="53"/>
      <c r="BX2063" s="53"/>
      <c r="BY2063" s="53"/>
      <c r="BZ2063" s="53"/>
      <c r="CA2063" s="53"/>
      <c r="CB2063" s="53">
        <v>1700000</v>
      </c>
      <c r="CC2063" s="53">
        <v>1700000</v>
      </c>
      <c r="CD2063" s="53">
        <v>1700000</v>
      </c>
      <c r="CE2063" s="53">
        <v>1700000</v>
      </c>
      <c r="CF2063" s="53">
        <v>1700000</v>
      </c>
      <c r="CG2063" s="53">
        <v>1700000</v>
      </c>
      <c r="CH2063" s="53">
        <v>1700000</v>
      </c>
      <c r="CI2063" s="53">
        <v>1700000</v>
      </c>
      <c r="CJ2063" s="53">
        <v>1700000</v>
      </c>
      <c r="CK2063" s="53">
        <v>1700000</v>
      </c>
      <c r="CL2063" s="53">
        <v>1700000</v>
      </c>
      <c r="CM2063" s="53">
        <v>1700000</v>
      </c>
      <c r="CN2063" s="53">
        <v>20400000</v>
      </c>
    </row>
    <row r="2064" spans="1:92" outlineLevel="1">
      <c r="A2064" s="52" t="s">
        <v>732</v>
      </c>
      <c r="B2064" s="53"/>
      <c r="C2064" s="53"/>
      <c r="D2064" s="53"/>
      <c r="E2064" s="53"/>
      <c r="F2064" s="53"/>
      <c r="G2064" s="53"/>
      <c r="H2064" s="53"/>
      <c r="I2064" s="53"/>
      <c r="J2064" s="53"/>
      <c r="K2064" s="53"/>
      <c r="L2064" s="53"/>
      <c r="M2064" s="53"/>
      <c r="N2064" s="53"/>
      <c r="O2064" s="53"/>
      <c r="P2064" s="53"/>
      <c r="Q2064" s="53"/>
      <c r="R2064" s="53"/>
      <c r="S2064" s="53"/>
      <c r="T2064" s="53"/>
      <c r="U2064" s="53"/>
      <c r="V2064" s="53"/>
      <c r="W2064" s="53"/>
      <c r="X2064" s="53"/>
      <c r="Y2064" s="53"/>
      <c r="Z2064" s="53"/>
      <c r="AA2064" s="53"/>
      <c r="AB2064" s="53"/>
      <c r="AC2064" s="53"/>
      <c r="AD2064" s="53"/>
      <c r="AE2064" s="53"/>
      <c r="AF2064" s="53"/>
      <c r="AG2064" s="53"/>
      <c r="AH2064" s="53"/>
      <c r="AI2064" s="53"/>
      <c r="AJ2064" s="53"/>
      <c r="AK2064" s="53"/>
      <c r="AL2064" s="53"/>
      <c r="AM2064" s="53"/>
      <c r="AN2064" s="53"/>
      <c r="AO2064" s="53"/>
      <c r="AP2064" s="53"/>
      <c r="AQ2064" s="53"/>
      <c r="AR2064" s="53"/>
      <c r="AS2064" s="53"/>
      <c r="AT2064" s="53"/>
      <c r="AU2064" s="53"/>
      <c r="AV2064" s="53"/>
      <c r="AW2064" s="53"/>
      <c r="AX2064" s="53"/>
      <c r="AY2064" s="53"/>
      <c r="AZ2064" s="53"/>
      <c r="BA2064" s="53"/>
      <c r="BB2064" s="53"/>
      <c r="BC2064" s="53"/>
      <c r="BD2064" s="53"/>
      <c r="BE2064" s="53"/>
      <c r="BF2064" s="53"/>
      <c r="BG2064" s="53"/>
      <c r="BH2064" s="53"/>
      <c r="BI2064" s="53"/>
      <c r="BJ2064" s="53"/>
      <c r="BK2064" s="53"/>
      <c r="BL2064" s="53"/>
      <c r="BM2064" s="53"/>
      <c r="BN2064" s="53"/>
      <c r="BO2064" s="53"/>
      <c r="BP2064" s="53"/>
      <c r="BQ2064" s="53"/>
      <c r="BR2064" s="53"/>
      <c r="BS2064" s="53"/>
      <c r="BT2064" s="53"/>
      <c r="BU2064" s="53"/>
      <c r="BV2064" s="53"/>
      <c r="BW2064" s="53"/>
      <c r="BX2064" s="53"/>
      <c r="BY2064" s="53"/>
      <c r="BZ2064" s="53"/>
      <c r="CA2064" s="53"/>
      <c r="CB2064" s="53"/>
      <c r="CC2064" s="53"/>
      <c r="CD2064" s="53"/>
      <c r="CE2064" s="53"/>
      <c r="CF2064" s="53"/>
      <c r="CG2064" s="53"/>
      <c r="CH2064" s="53"/>
      <c r="CI2064" s="53"/>
      <c r="CJ2064" s="53"/>
      <c r="CK2064" s="53"/>
      <c r="CL2064" s="53"/>
      <c r="CM2064" s="53"/>
      <c r="CN2064" s="53"/>
    </row>
    <row r="2065" spans="1:92" outlineLevel="1">
      <c r="A2065" s="52" t="s">
        <v>711</v>
      </c>
      <c r="B2065" s="53">
        <v>1213.9315068493099</v>
      </c>
      <c r="C2065" s="53">
        <v>1213.93055555555</v>
      </c>
      <c r="D2065" s="53">
        <v>1213.9295774647801</v>
      </c>
      <c r="E2065" s="53">
        <v>1213.92857142857</v>
      </c>
      <c r="F2065" s="53">
        <v>1213.9275362318799</v>
      </c>
      <c r="G2065" s="53">
        <v>1213.9264705882299</v>
      </c>
      <c r="H2065" s="53">
        <v>1213.9253731343199</v>
      </c>
      <c r="I2065" s="53">
        <v>1213.92424242424</v>
      </c>
      <c r="J2065" s="53">
        <v>1213.9384615384599</v>
      </c>
      <c r="K2065" s="53">
        <v>1213.9375</v>
      </c>
      <c r="L2065" s="53">
        <v>1213.9365079365</v>
      </c>
      <c r="M2065" s="53">
        <v>1213.9354838709601</v>
      </c>
      <c r="N2065" s="53">
        <v>14567.1717870228</v>
      </c>
      <c r="O2065" s="53">
        <v>1213.9344262295001</v>
      </c>
      <c r="P2065" s="53">
        <v>1213.9344262295001</v>
      </c>
      <c r="Q2065" s="53">
        <v>1213.9344262295001</v>
      </c>
      <c r="R2065" s="53">
        <v>1213.9344262295001</v>
      </c>
      <c r="S2065" s="53">
        <v>1213.9344262295001</v>
      </c>
      <c r="T2065" s="53">
        <v>1213.9344262295001</v>
      </c>
      <c r="U2065" s="53">
        <v>1213.9344262295001</v>
      </c>
      <c r="V2065" s="53">
        <v>1213.9344262295001</v>
      </c>
      <c r="W2065" s="53">
        <v>1213.9344262295001</v>
      </c>
      <c r="X2065" s="53">
        <v>1213.9344262295001</v>
      </c>
      <c r="Y2065" s="53">
        <v>1213.9344262295001</v>
      </c>
      <c r="Z2065" s="53">
        <v>1213.9344262295001</v>
      </c>
      <c r="AA2065" s="53">
        <v>14567.213114754</v>
      </c>
      <c r="AB2065" s="53">
        <v>1213.9344262295001</v>
      </c>
      <c r="AC2065" s="53">
        <v>1213.9344262295001</v>
      </c>
      <c r="AD2065" s="53">
        <v>1213.9344262295001</v>
      </c>
      <c r="AE2065" s="53">
        <v>1213.9344262295001</v>
      </c>
      <c r="AF2065" s="53">
        <v>1213.9344262295001</v>
      </c>
      <c r="AG2065" s="53">
        <v>1213.9344262295001</v>
      </c>
      <c r="AH2065" s="53">
        <v>1213.9344262295001</v>
      </c>
      <c r="AI2065" s="53">
        <v>1213.9344262295001</v>
      </c>
      <c r="AJ2065" s="53">
        <v>1213.9344262295001</v>
      </c>
      <c r="AK2065" s="53">
        <v>1213.9344262295001</v>
      </c>
      <c r="AL2065" s="53">
        <v>1213.9344262295001</v>
      </c>
      <c r="AM2065" s="53">
        <v>1213.9344262295001</v>
      </c>
      <c r="AN2065" s="53">
        <v>14567.213114754</v>
      </c>
      <c r="AO2065" s="53">
        <v>1213.9344262295001</v>
      </c>
      <c r="AP2065" s="53">
        <v>1213.9344262295001</v>
      </c>
      <c r="AQ2065" s="53">
        <v>1213.9344262295001</v>
      </c>
      <c r="AR2065" s="53">
        <v>1213.9344262295001</v>
      </c>
      <c r="AS2065" s="53">
        <v>1213.9344262295001</v>
      </c>
      <c r="AT2065" s="53">
        <v>1213.9344262295001</v>
      </c>
      <c r="AU2065" s="53">
        <v>1213.9344262295001</v>
      </c>
      <c r="AV2065" s="53">
        <v>1213.9344262295001</v>
      </c>
      <c r="AW2065" s="53">
        <v>1213.9344262295001</v>
      </c>
      <c r="AX2065" s="53">
        <v>1213.9344262295001</v>
      </c>
      <c r="AY2065" s="53">
        <v>1213.9344262295001</v>
      </c>
      <c r="AZ2065" s="53">
        <v>1213.9344262295001</v>
      </c>
      <c r="BA2065" s="53">
        <v>14567.213114754</v>
      </c>
      <c r="BB2065" s="53">
        <v>1213.9344262295001</v>
      </c>
      <c r="BC2065" s="53">
        <v>1213.9344262295001</v>
      </c>
      <c r="BD2065" s="53">
        <v>1213.9344262295001</v>
      </c>
      <c r="BE2065" s="53">
        <v>1213.9344262295001</v>
      </c>
      <c r="BF2065" s="53">
        <v>1213.9344262295001</v>
      </c>
      <c r="BG2065" s="53">
        <v>1213.9344262295001</v>
      </c>
      <c r="BH2065" s="53">
        <v>1213.9344262295001</v>
      </c>
      <c r="BI2065" s="53">
        <v>1213.9344262295001</v>
      </c>
      <c r="BJ2065" s="53">
        <v>1213.9344262295001</v>
      </c>
      <c r="BK2065" s="53">
        <v>1213.9344262295001</v>
      </c>
      <c r="BL2065" s="53">
        <v>1213.9344262295001</v>
      </c>
      <c r="BM2065" s="53">
        <v>1213.9344262295001</v>
      </c>
      <c r="BN2065" s="53">
        <v>14567.213114754</v>
      </c>
      <c r="BO2065" s="53">
        <v>1213.9344262295001</v>
      </c>
      <c r="BP2065" s="53">
        <v>1213.9344262295001</v>
      </c>
      <c r="BQ2065" s="53">
        <v>1213.9344262295001</v>
      </c>
      <c r="BR2065" s="53">
        <v>1213.9344262295001</v>
      </c>
      <c r="BS2065" s="53">
        <v>1213.9344262295001</v>
      </c>
      <c r="BT2065" s="53">
        <v>1213.9344262295001</v>
      </c>
      <c r="BU2065" s="53">
        <v>1213.9344262295001</v>
      </c>
      <c r="BV2065" s="53">
        <v>1213.9344262295001</v>
      </c>
      <c r="BW2065" s="53">
        <v>1213.9344262295001</v>
      </c>
      <c r="BX2065" s="53">
        <v>1213.9344262295001</v>
      </c>
      <c r="BY2065" s="53">
        <v>1213.9344262295001</v>
      </c>
      <c r="BZ2065" s="53">
        <v>1213.9344262295001</v>
      </c>
      <c r="CA2065" s="53">
        <v>14567.2131147541</v>
      </c>
      <c r="CB2065" s="53">
        <v>1733333.33333333</v>
      </c>
      <c r="CC2065" s="53">
        <v>1733333.33333333</v>
      </c>
      <c r="CD2065" s="53">
        <v>1733333.33333333</v>
      </c>
      <c r="CE2065" s="53">
        <v>1733333.33333333</v>
      </c>
      <c r="CF2065" s="53">
        <v>1733333.33333333</v>
      </c>
      <c r="CG2065" s="53">
        <v>1733333.33333333</v>
      </c>
      <c r="CH2065" s="53">
        <v>1733333.33333333</v>
      </c>
      <c r="CI2065" s="53">
        <v>1733333.33333333</v>
      </c>
      <c r="CJ2065" s="53">
        <v>1733333.33333333</v>
      </c>
      <c r="CK2065" s="53">
        <v>1733333.33333333</v>
      </c>
      <c r="CL2065" s="53">
        <v>1733333.33333333</v>
      </c>
      <c r="CM2065" s="53">
        <v>1733333.33333333</v>
      </c>
      <c r="CN2065" s="53">
        <v>20800000</v>
      </c>
    </row>
    <row r="2066" spans="1:92" outlineLevel="1">
      <c r="A2066" s="52" t="s">
        <v>712</v>
      </c>
      <c r="B2066" s="53">
        <v>1583.15671641791</v>
      </c>
      <c r="C2066" s="53">
        <v>1583.15789473684</v>
      </c>
      <c r="D2066" s="53">
        <v>1583.1590909090901</v>
      </c>
      <c r="E2066" s="53">
        <v>1583.1603053435099</v>
      </c>
      <c r="F2066" s="53">
        <v>1583.15384615384</v>
      </c>
      <c r="G2066" s="53">
        <v>1583.1550387596899</v>
      </c>
      <c r="H2066" s="53">
        <v>1583.15625</v>
      </c>
      <c r="I2066" s="53">
        <v>1583.1574803149599</v>
      </c>
      <c r="J2066" s="53">
        <v>1583.1587301587299</v>
      </c>
      <c r="K2066" s="53">
        <v>1583.16</v>
      </c>
      <c r="L2066" s="53">
        <v>1583.1532258064501</v>
      </c>
      <c r="M2066" s="53">
        <v>1583.1544715447101</v>
      </c>
      <c r="N2066" s="53">
        <v>18997.883050145701</v>
      </c>
      <c r="O2066" s="53">
        <v>1583.1557377049101</v>
      </c>
      <c r="P2066" s="53">
        <v>1583.1557377049101</v>
      </c>
      <c r="Q2066" s="53">
        <v>1583.1557377049101</v>
      </c>
      <c r="R2066" s="53">
        <v>1583.1557377049101</v>
      </c>
      <c r="S2066" s="53">
        <v>1583.1557377049101</v>
      </c>
      <c r="T2066" s="53">
        <v>1583.1557377049101</v>
      </c>
      <c r="U2066" s="53">
        <v>1583.1557377049101</v>
      </c>
      <c r="V2066" s="53">
        <v>1583.1557377049101</v>
      </c>
      <c r="W2066" s="53">
        <v>1583.1557377049101</v>
      </c>
      <c r="X2066" s="53">
        <v>1583.1557377049101</v>
      </c>
      <c r="Y2066" s="53">
        <v>1583.1557377049101</v>
      </c>
      <c r="Z2066" s="53">
        <v>1583.1557377049101</v>
      </c>
      <c r="AA2066" s="53">
        <v>18997.868852459</v>
      </c>
      <c r="AB2066" s="53">
        <v>1583.1557377049101</v>
      </c>
      <c r="AC2066" s="53">
        <v>1583.1557377049101</v>
      </c>
      <c r="AD2066" s="53">
        <v>1583.1557377049101</v>
      </c>
      <c r="AE2066" s="53">
        <v>1583.1557377049101</v>
      </c>
      <c r="AF2066" s="53">
        <v>1583.1557377049101</v>
      </c>
      <c r="AG2066" s="53">
        <v>1583.1557377049101</v>
      </c>
      <c r="AH2066" s="53">
        <v>1583.1557377049101</v>
      </c>
      <c r="AI2066" s="53">
        <v>1583.1557377049101</v>
      </c>
      <c r="AJ2066" s="53">
        <v>1583.1557377049101</v>
      </c>
      <c r="AK2066" s="53">
        <v>1583.1557377049101</v>
      </c>
      <c r="AL2066" s="53">
        <v>1583.1557377049101</v>
      </c>
      <c r="AM2066" s="53">
        <v>1583.1557377049101</v>
      </c>
      <c r="AN2066" s="53">
        <v>18997.868852459</v>
      </c>
      <c r="AO2066" s="53">
        <v>1583.1557377049101</v>
      </c>
      <c r="AP2066" s="53">
        <v>1583.1557377049101</v>
      </c>
      <c r="AQ2066" s="53">
        <v>1583.1557377049101</v>
      </c>
      <c r="AR2066" s="53">
        <v>1583.1557377049101</v>
      </c>
      <c r="AS2066" s="53">
        <v>1583.1557377049101</v>
      </c>
      <c r="AT2066" s="53">
        <v>1583.1557377049101</v>
      </c>
      <c r="AU2066" s="53">
        <v>1583.1557377049101</v>
      </c>
      <c r="AV2066" s="53">
        <v>1583.1557377049101</v>
      </c>
      <c r="AW2066" s="53">
        <v>1583.1557377049101</v>
      </c>
      <c r="AX2066" s="53">
        <v>1583.1557377049101</v>
      </c>
      <c r="AY2066" s="53">
        <v>1583.1557377049101</v>
      </c>
      <c r="AZ2066" s="53">
        <v>1583.1557377049101</v>
      </c>
      <c r="BA2066" s="53">
        <v>18997.868852459</v>
      </c>
      <c r="BB2066" s="53">
        <v>1583.1557377049101</v>
      </c>
      <c r="BC2066" s="53">
        <v>1583.1557377049201</v>
      </c>
      <c r="BD2066" s="53">
        <v>1583.1557377049201</v>
      </c>
      <c r="BE2066" s="53">
        <v>1583.1557377049201</v>
      </c>
      <c r="BF2066" s="53">
        <v>1583.1557377049201</v>
      </c>
      <c r="BG2066" s="53">
        <v>1583.1557377049201</v>
      </c>
      <c r="BH2066" s="53">
        <v>1583.1557377049201</v>
      </c>
      <c r="BI2066" s="53">
        <v>1583.1557377049201</v>
      </c>
      <c r="BJ2066" s="53">
        <v>1583.1557377049201</v>
      </c>
      <c r="BK2066" s="53">
        <v>1583.1557377049201</v>
      </c>
      <c r="BL2066" s="53">
        <v>1583.1557377049201</v>
      </c>
      <c r="BM2066" s="53">
        <v>1583.1557377049201</v>
      </c>
      <c r="BN2066" s="53">
        <v>18997.868852459</v>
      </c>
      <c r="BO2066" s="53">
        <v>1583.1557377049201</v>
      </c>
      <c r="BP2066" s="53">
        <v>1583.1557377049201</v>
      </c>
      <c r="BQ2066" s="53">
        <v>1583.1557377049201</v>
      </c>
      <c r="BR2066" s="53">
        <v>1583.1557377049201</v>
      </c>
      <c r="BS2066" s="53">
        <v>1583.1557377049201</v>
      </c>
      <c r="BT2066" s="53">
        <v>1583.1557377049201</v>
      </c>
      <c r="BU2066" s="53">
        <v>1583.1557377049201</v>
      </c>
      <c r="BV2066" s="53">
        <v>1583.1557377049201</v>
      </c>
      <c r="BW2066" s="53">
        <v>1583.1557377049201</v>
      </c>
      <c r="BX2066" s="53">
        <v>1583.1557377049201</v>
      </c>
      <c r="BY2066" s="53">
        <v>1583.1557377049201</v>
      </c>
      <c r="BZ2066" s="53">
        <v>1583.1557377049201</v>
      </c>
      <c r="CA2066" s="53">
        <v>18997.868852459</v>
      </c>
      <c r="CB2066" s="53">
        <v>1400000</v>
      </c>
      <c r="CC2066" s="53">
        <v>1400000</v>
      </c>
      <c r="CD2066" s="53">
        <v>1400000</v>
      </c>
      <c r="CE2066" s="53">
        <v>1400000</v>
      </c>
      <c r="CF2066" s="53">
        <v>1400000</v>
      </c>
      <c r="CG2066" s="53">
        <v>1400000</v>
      </c>
      <c r="CH2066" s="53">
        <v>1400000</v>
      </c>
      <c r="CI2066" s="53">
        <v>1400000</v>
      </c>
      <c r="CJ2066" s="53">
        <v>1400000</v>
      </c>
      <c r="CK2066" s="53">
        <v>1400000</v>
      </c>
      <c r="CL2066" s="53">
        <v>1400000</v>
      </c>
      <c r="CM2066" s="53">
        <v>1400000</v>
      </c>
      <c r="CN2066" s="53">
        <v>16800000</v>
      </c>
    </row>
    <row r="2067" spans="1:92" outlineLevel="1">
      <c r="A2067" s="52" t="s">
        <v>713</v>
      </c>
      <c r="B2067" s="53">
        <v>1833.3899204244001</v>
      </c>
      <c r="C2067" s="53">
        <v>1833.3920000000001</v>
      </c>
      <c r="D2067" s="53">
        <v>1833.3887399463799</v>
      </c>
      <c r="E2067" s="53">
        <v>1833.3908355795099</v>
      </c>
      <c r="F2067" s="53">
        <v>1833.3875338753301</v>
      </c>
      <c r="G2067" s="53">
        <v>1833.38964577656</v>
      </c>
      <c r="H2067" s="53">
        <v>1833.3917808219101</v>
      </c>
      <c r="I2067" s="53">
        <v>1833.3884297520599</v>
      </c>
      <c r="J2067" s="53">
        <v>1833.39058171745</v>
      </c>
      <c r="K2067" s="53">
        <v>1833.3871866295201</v>
      </c>
      <c r="L2067" s="53">
        <v>1833.38935574229</v>
      </c>
      <c r="M2067" s="53">
        <v>1833.3915492957699</v>
      </c>
      <c r="N2067" s="53">
        <v>22000.677559561202</v>
      </c>
      <c r="O2067" s="53">
        <v>1833.3881019830001</v>
      </c>
      <c r="P2067" s="53">
        <v>1833.3881019830001</v>
      </c>
      <c r="Q2067" s="53">
        <v>1833.3881019830001</v>
      </c>
      <c r="R2067" s="53">
        <v>1833.3881019830001</v>
      </c>
      <c r="S2067" s="53">
        <v>1833.3881019830001</v>
      </c>
      <c r="T2067" s="53">
        <v>1833.3881019830001</v>
      </c>
      <c r="U2067" s="53">
        <v>1833.3881019830001</v>
      </c>
      <c r="V2067" s="53">
        <v>1833.3881019830001</v>
      </c>
      <c r="W2067" s="53">
        <v>1833.3881019830001</v>
      </c>
      <c r="X2067" s="53">
        <v>1833.3881019830001</v>
      </c>
      <c r="Y2067" s="53">
        <v>1833.3881019830001</v>
      </c>
      <c r="Z2067" s="53">
        <v>1833.3881019830001</v>
      </c>
      <c r="AA2067" s="53">
        <v>22000.657223795999</v>
      </c>
      <c r="AB2067" s="53">
        <v>1833.3881019830001</v>
      </c>
      <c r="AC2067" s="53">
        <v>1833.3881019830001</v>
      </c>
      <c r="AD2067" s="53">
        <v>1833.3881019830001</v>
      </c>
      <c r="AE2067" s="53">
        <v>1833.3881019830001</v>
      </c>
      <c r="AF2067" s="53">
        <v>1833.3881019830001</v>
      </c>
      <c r="AG2067" s="53">
        <v>1833.3881019830001</v>
      </c>
      <c r="AH2067" s="53">
        <v>1833.3881019830001</v>
      </c>
      <c r="AI2067" s="53">
        <v>1833.3881019830001</v>
      </c>
      <c r="AJ2067" s="53">
        <v>1833.3881019830001</v>
      </c>
      <c r="AK2067" s="53">
        <v>1833.3881019830001</v>
      </c>
      <c r="AL2067" s="53">
        <v>1833.3881019830001</v>
      </c>
      <c r="AM2067" s="53">
        <v>1833.3881019830001</v>
      </c>
      <c r="AN2067" s="53">
        <v>22000.657223795999</v>
      </c>
      <c r="AO2067" s="53">
        <v>1833.3881019830001</v>
      </c>
      <c r="AP2067" s="53">
        <v>1833.3881019830001</v>
      </c>
      <c r="AQ2067" s="53">
        <v>1833.3881019830001</v>
      </c>
      <c r="AR2067" s="53">
        <v>1833.3881019830001</v>
      </c>
      <c r="AS2067" s="53">
        <v>1833.3881019829901</v>
      </c>
      <c r="AT2067" s="53">
        <v>1833.3881019829901</v>
      </c>
      <c r="AU2067" s="53">
        <v>1833.3881019829901</v>
      </c>
      <c r="AV2067" s="53">
        <v>1833.3881019829901</v>
      </c>
      <c r="AW2067" s="53">
        <v>1833.3881019829901</v>
      </c>
      <c r="AX2067" s="53">
        <v>1833.3881019829901</v>
      </c>
      <c r="AY2067" s="53">
        <v>1833.3881019829901</v>
      </c>
      <c r="AZ2067" s="53">
        <v>1833.3881019829901</v>
      </c>
      <c r="BA2067" s="53">
        <v>22000.657223795999</v>
      </c>
      <c r="BB2067" s="53">
        <v>1833.3881019829901</v>
      </c>
      <c r="BC2067" s="53">
        <v>1833.3881019829901</v>
      </c>
      <c r="BD2067" s="53">
        <v>1833.3881019829901</v>
      </c>
      <c r="BE2067" s="53">
        <v>1833.3881019829901</v>
      </c>
      <c r="BF2067" s="53">
        <v>1833.3881019829901</v>
      </c>
      <c r="BG2067" s="53">
        <v>1833.3881019829901</v>
      </c>
      <c r="BH2067" s="53">
        <v>1833.3881019829901</v>
      </c>
      <c r="BI2067" s="53">
        <v>1833.3881019829901</v>
      </c>
      <c r="BJ2067" s="53">
        <v>1833.3881019829901</v>
      </c>
      <c r="BK2067" s="53">
        <v>1833.3881019829901</v>
      </c>
      <c r="BL2067" s="53">
        <v>1833.3881019829901</v>
      </c>
      <c r="BM2067" s="53">
        <v>1833.3881019829901</v>
      </c>
      <c r="BN2067" s="53">
        <v>22000.657223795901</v>
      </c>
      <c r="BO2067" s="53">
        <v>1833.3881019829901</v>
      </c>
      <c r="BP2067" s="53">
        <v>1833.3881019829901</v>
      </c>
      <c r="BQ2067" s="53">
        <v>1833.3881019829901</v>
      </c>
      <c r="BR2067" s="53">
        <v>1833.3881019829901</v>
      </c>
      <c r="BS2067" s="53">
        <v>1833.3881019829901</v>
      </c>
      <c r="BT2067" s="53">
        <v>1833.3881019830001</v>
      </c>
      <c r="BU2067" s="53">
        <v>1833.3881019830001</v>
      </c>
      <c r="BV2067" s="53">
        <v>1833.3881019830001</v>
      </c>
      <c r="BW2067" s="53">
        <v>1833.3881019830001</v>
      </c>
      <c r="BX2067" s="53">
        <v>1833.3881019830001</v>
      </c>
      <c r="BY2067" s="53">
        <v>1833.3881019830001</v>
      </c>
      <c r="BZ2067" s="53">
        <v>1833.3881019830001</v>
      </c>
      <c r="CA2067" s="53">
        <v>22000.657223795999</v>
      </c>
      <c r="CB2067" s="53">
        <v>1900000</v>
      </c>
      <c r="CC2067" s="53">
        <v>1900000</v>
      </c>
      <c r="CD2067" s="53">
        <v>1900000</v>
      </c>
      <c r="CE2067" s="53">
        <v>1900000</v>
      </c>
      <c r="CF2067" s="53">
        <v>1900000</v>
      </c>
      <c r="CG2067" s="53">
        <v>1900000</v>
      </c>
      <c r="CH2067" s="53">
        <v>1900000</v>
      </c>
      <c r="CI2067" s="53">
        <v>1900000</v>
      </c>
      <c r="CJ2067" s="53">
        <v>1900000</v>
      </c>
      <c r="CK2067" s="53">
        <v>1900000</v>
      </c>
      <c r="CL2067" s="53">
        <v>1900000</v>
      </c>
      <c r="CM2067" s="53">
        <v>1900000</v>
      </c>
      <c r="CN2067" s="53">
        <v>22800000</v>
      </c>
    </row>
    <row r="2068" spans="1:92" outlineLevel="1">
      <c r="A2068" s="52" t="s">
        <v>716</v>
      </c>
      <c r="B2068" s="53">
        <v>11723.4531645569</v>
      </c>
      <c r="C2068" s="53">
        <v>11723.455470737899</v>
      </c>
      <c r="D2068" s="53">
        <v>11723.4526854219</v>
      </c>
      <c r="E2068" s="53">
        <v>11723.455012853399</v>
      </c>
      <c r="F2068" s="53">
        <v>11723.452196382401</v>
      </c>
      <c r="G2068" s="53">
        <v>11723.4545454545</v>
      </c>
      <c r="H2068" s="53">
        <v>11723.451697127901</v>
      </c>
      <c r="I2068" s="53">
        <v>11723.454068241401</v>
      </c>
      <c r="J2068" s="53">
        <v>11723.451187335</v>
      </c>
      <c r="K2068" s="53">
        <v>11723.4535809018</v>
      </c>
      <c r="L2068" s="53">
        <v>11723.4506666666</v>
      </c>
      <c r="M2068" s="53">
        <v>11723.4530831099</v>
      </c>
      <c r="N2068" s="53">
        <v>140681.43735878999</v>
      </c>
      <c r="O2068" s="53">
        <v>11723.4555256064</v>
      </c>
      <c r="P2068" s="53">
        <v>11723.4555256064</v>
      </c>
      <c r="Q2068" s="53">
        <v>11723.4555256064</v>
      </c>
      <c r="R2068" s="53">
        <v>11723.4555256064</v>
      </c>
      <c r="S2068" s="53">
        <v>11723.4555256064</v>
      </c>
      <c r="T2068" s="53">
        <v>11723.4555256064</v>
      </c>
      <c r="U2068" s="53">
        <v>11723.4555256064</v>
      </c>
      <c r="V2068" s="53">
        <v>11723.4555256064</v>
      </c>
      <c r="W2068" s="53">
        <v>11723.4555256064</v>
      </c>
      <c r="X2068" s="53">
        <v>11723.4555256064</v>
      </c>
      <c r="Y2068" s="53">
        <v>11723.4555256064</v>
      </c>
      <c r="Z2068" s="53">
        <v>11723.4555256064</v>
      </c>
      <c r="AA2068" s="53">
        <v>140681.46630727701</v>
      </c>
      <c r="AB2068" s="53">
        <v>11723.4555256064</v>
      </c>
      <c r="AC2068" s="53">
        <v>11723.4555256064</v>
      </c>
      <c r="AD2068" s="53">
        <v>11723.4555256064</v>
      </c>
      <c r="AE2068" s="53">
        <v>11723.4555256064</v>
      </c>
      <c r="AF2068" s="53">
        <v>11723.4555256064</v>
      </c>
      <c r="AG2068" s="53">
        <v>11723.4555256064</v>
      </c>
      <c r="AH2068" s="53">
        <v>11723.4555256064</v>
      </c>
      <c r="AI2068" s="53">
        <v>11723.4555256064</v>
      </c>
      <c r="AJ2068" s="53">
        <v>11723.4555256064</v>
      </c>
      <c r="AK2068" s="53">
        <v>11723.4555256064</v>
      </c>
      <c r="AL2068" s="53">
        <v>11723.4555256064</v>
      </c>
      <c r="AM2068" s="53">
        <v>11723.4555256064</v>
      </c>
      <c r="AN2068" s="53">
        <v>140681.46630727701</v>
      </c>
      <c r="AO2068" s="53">
        <v>11723.4555256064</v>
      </c>
      <c r="AP2068" s="53">
        <v>11723.4555256064</v>
      </c>
      <c r="AQ2068" s="53">
        <v>11723.4555256064</v>
      </c>
      <c r="AR2068" s="53">
        <v>11723.4555256064</v>
      </c>
      <c r="AS2068" s="53">
        <v>11723.4555256064</v>
      </c>
      <c r="AT2068" s="53">
        <v>11723.4555256064</v>
      </c>
      <c r="AU2068" s="53">
        <v>11723.4555256064</v>
      </c>
      <c r="AV2068" s="53">
        <v>11723.4555256064</v>
      </c>
      <c r="AW2068" s="53">
        <v>11723.4555256064</v>
      </c>
      <c r="AX2068" s="53">
        <v>11723.4555256064</v>
      </c>
      <c r="AY2068" s="53">
        <v>11723.4555256064</v>
      </c>
      <c r="AZ2068" s="53">
        <v>11723.4555256064</v>
      </c>
      <c r="BA2068" s="53">
        <v>140681.46630727701</v>
      </c>
      <c r="BB2068" s="53">
        <v>11723.4555256064</v>
      </c>
      <c r="BC2068" s="53">
        <v>11723.4555256064</v>
      </c>
      <c r="BD2068" s="53">
        <v>11723.4555256064</v>
      </c>
      <c r="BE2068" s="53">
        <v>11723.4555256064</v>
      </c>
      <c r="BF2068" s="53">
        <v>11723.4555256064</v>
      </c>
      <c r="BG2068" s="53">
        <v>11723.4555256064</v>
      </c>
      <c r="BH2068" s="53">
        <v>11723.4555256064</v>
      </c>
      <c r="BI2068" s="53">
        <v>11723.4555256064</v>
      </c>
      <c r="BJ2068" s="53">
        <v>11723.4555256064</v>
      </c>
      <c r="BK2068" s="53">
        <v>11723.4555256064</v>
      </c>
      <c r="BL2068" s="53">
        <v>11723.4555256064</v>
      </c>
      <c r="BM2068" s="53">
        <v>11723.4555256064</v>
      </c>
      <c r="BN2068" s="53">
        <v>140681.46630727701</v>
      </c>
      <c r="BO2068" s="53">
        <v>11723.4555256064</v>
      </c>
      <c r="BP2068" s="53">
        <v>11723.4555256064</v>
      </c>
      <c r="BQ2068" s="53">
        <v>11723.4555256064</v>
      </c>
      <c r="BR2068" s="53">
        <v>11723.4555256064</v>
      </c>
      <c r="BS2068" s="53">
        <v>11723.4555256064</v>
      </c>
      <c r="BT2068" s="53">
        <v>11723.4555256064</v>
      </c>
      <c r="BU2068" s="53">
        <v>11723.4555256064</v>
      </c>
      <c r="BV2068" s="53">
        <v>11723.4555256064</v>
      </c>
      <c r="BW2068" s="53">
        <v>11723.4555256064</v>
      </c>
      <c r="BX2068" s="53">
        <v>11723.4555256064</v>
      </c>
      <c r="BY2068" s="53">
        <v>11723.4555256064</v>
      </c>
      <c r="BZ2068" s="53">
        <v>11723.4555256064</v>
      </c>
      <c r="CA2068" s="53">
        <v>140681.46630727701</v>
      </c>
      <c r="CB2068" s="53">
        <v>1458333.33333333</v>
      </c>
      <c r="CC2068" s="53">
        <v>1458333.33333333</v>
      </c>
      <c r="CD2068" s="53">
        <v>1458333.33333333</v>
      </c>
      <c r="CE2068" s="53">
        <v>1458333.33333333</v>
      </c>
      <c r="CF2068" s="53">
        <v>1458333.33333333</v>
      </c>
      <c r="CG2068" s="53">
        <v>1458333.33333333</v>
      </c>
      <c r="CH2068" s="53">
        <v>1458333.33333333</v>
      </c>
      <c r="CI2068" s="53">
        <v>1458333.33333333</v>
      </c>
      <c r="CJ2068" s="53">
        <v>1458333.33333333</v>
      </c>
      <c r="CK2068" s="53">
        <v>1458333.33333333</v>
      </c>
      <c r="CL2068" s="53">
        <v>1458333.33333333</v>
      </c>
      <c r="CM2068" s="53">
        <v>1458333.33333333</v>
      </c>
      <c r="CN2068" s="53">
        <v>17500000</v>
      </c>
    </row>
    <row r="2069" spans="1:92" outlineLevel="1">
      <c r="A2069" s="52" t="s">
        <v>717</v>
      </c>
      <c r="B2069" s="53">
        <v>4051.8264840182601</v>
      </c>
      <c r="C2069" s="53">
        <v>4051.8256880733902</v>
      </c>
      <c r="D2069" s="53">
        <v>4051.8248847926202</v>
      </c>
      <c r="E2069" s="53">
        <v>4051.8287037036998</v>
      </c>
      <c r="F2069" s="53">
        <v>4051.82790697674</v>
      </c>
      <c r="G2069" s="53">
        <v>4051.8271028037302</v>
      </c>
      <c r="H2069" s="53">
        <v>4051.8262910798098</v>
      </c>
      <c r="I2069" s="53">
        <v>4051.8254716981101</v>
      </c>
      <c r="J2069" s="53">
        <v>4051.8246445497598</v>
      </c>
      <c r="K2069" s="53">
        <v>4051.8285714285698</v>
      </c>
      <c r="L2069" s="53">
        <v>4051.8277511961701</v>
      </c>
      <c r="M2069" s="53">
        <v>4051.8269230769201</v>
      </c>
      <c r="N2069" s="53">
        <v>48621.920423397802</v>
      </c>
      <c r="O2069" s="53">
        <v>4051.8260869565202</v>
      </c>
      <c r="P2069" s="53">
        <v>4051.8260869565202</v>
      </c>
      <c r="Q2069" s="53">
        <v>4051.8260869565202</v>
      </c>
      <c r="R2069" s="53">
        <v>4051.8260869565202</v>
      </c>
      <c r="S2069" s="53">
        <v>4051.8260869565202</v>
      </c>
      <c r="T2069" s="53">
        <v>4051.8260869565202</v>
      </c>
      <c r="U2069" s="53">
        <v>4051.8260869565202</v>
      </c>
      <c r="V2069" s="53">
        <v>4051.8260869565202</v>
      </c>
      <c r="W2069" s="53">
        <v>4051.8260869565102</v>
      </c>
      <c r="X2069" s="53">
        <v>4051.8260869565102</v>
      </c>
      <c r="Y2069" s="53">
        <v>4051.8260869565102</v>
      </c>
      <c r="Z2069" s="53">
        <v>4051.8260869565102</v>
      </c>
      <c r="AA2069" s="53">
        <v>48621.913043478198</v>
      </c>
      <c r="AB2069" s="53">
        <v>4051.8260869565102</v>
      </c>
      <c r="AC2069" s="53">
        <v>4051.8260869565102</v>
      </c>
      <c r="AD2069" s="53">
        <v>4051.8260869565102</v>
      </c>
      <c r="AE2069" s="53">
        <v>4051.8260869565102</v>
      </c>
      <c r="AF2069" s="53">
        <v>4051.8260869565102</v>
      </c>
      <c r="AG2069" s="53">
        <v>4051.8260869565102</v>
      </c>
      <c r="AH2069" s="53">
        <v>4051.8260869565102</v>
      </c>
      <c r="AI2069" s="53">
        <v>4051.8260869565102</v>
      </c>
      <c r="AJ2069" s="53">
        <v>4051.8260869565102</v>
      </c>
      <c r="AK2069" s="53">
        <v>4051.8260869565102</v>
      </c>
      <c r="AL2069" s="53">
        <v>4051.8260869565102</v>
      </c>
      <c r="AM2069" s="53">
        <v>4051.8260869565102</v>
      </c>
      <c r="AN2069" s="53">
        <v>48621.913043478198</v>
      </c>
      <c r="AO2069" s="53">
        <v>4051.8260869565102</v>
      </c>
      <c r="AP2069" s="53">
        <v>4051.8260869565102</v>
      </c>
      <c r="AQ2069" s="53">
        <v>4051.8260869565102</v>
      </c>
      <c r="AR2069" s="53">
        <v>4051.8260869565102</v>
      </c>
      <c r="AS2069" s="53">
        <v>4051.8260869565102</v>
      </c>
      <c r="AT2069" s="53">
        <v>4051.8260869565102</v>
      </c>
      <c r="AU2069" s="53">
        <v>4051.8260869565102</v>
      </c>
      <c r="AV2069" s="53">
        <v>4051.8260869565102</v>
      </c>
      <c r="AW2069" s="53">
        <v>4051.8260869565102</v>
      </c>
      <c r="AX2069" s="53">
        <v>4051.8260869565102</v>
      </c>
      <c r="AY2069" s="53">
        <v>4051.8260869565102</v>
      </c>
      <c r="AZ2069" s="53">
        <v>4051.8260869565102</v>
      </c>
      <c r="BA2069" s="53">
        <v>48621.913043478096</v>
      </c>
      <c r="BB2069" s="53">
        <v>4051.8260869565102</v>
      </c>
      <c r="BC2069" s="53">
        <v>4051.8260869565102</v>
      </c>
      <c r="BD2069" s="53">
        <v>4051.8260869565102</v>
      </c>
      <c r="BE2069" s="53">
        <v>4051.8260869565102</v>
      </c>
      <c r="BF2069" s="53">
        <v>4051.8260869565102</v>
      </c>
      <c r="BG2069" s="53">
        <v>4051.8260869565102</v>
      </c>
      <c r="BH2069" s="53">
        <v>4051.8260869565001</v>
      </c>
      <c r="BI2069" s="53">
        <v>4051.8260869565001</v>
      </c>
      <c r="BJ2069" s="53">
        <v>4051.8260869565001</v>
      </c>
      <c r="BK2069" s="53">
        <v>4051.8260869565102</v>
      </c>
      <c r="BL2069" s="53">
        <v>4051.8260869565001</v>
      </c>
      <c r="BM2069" s="53">
        <v>4051.8260869565001</v>
      </c>
      <c r="BN2069" s="53">
        <v>48621.913043478096</v>
      </c>
      <c r="BO2069" s="53">
        <v>4051.8260869565102</v>
      </c>
      <c r="BP2069" s="53">
        <v>4051.8260869565001</v>
      </c>
      <c r="BQ2069" s="53">
        <v>4051.8260869565001</v>
      </c>
      <c r="BR2069" s="53">
        <v>4051.8260869565001</v>
      </c>
      <c r="BS2069" s="53">
        <v>4051.8260869565001</v>
      </c>
      <c r="BT2069" s="53">
        <v>4051.8260869565102</v>
      </c>
      <c r="BU2069" s="53">
        <v>4051.8260869565102</v>
      </c>
      <c r="BV2069" s="53">
        <v>4051.8260869565001</v>
      </c>
      <c r="BW2069" s="53">
        <v>4051.8260869565001</v>
      </c>
      <c r="BX2069" s="53">
        <v>4051.8260869565102</v>
      </c>
      <c r="BY2069" s="53">
        <v>4051.8260869565001</v>
      </c>
      <c r="BZ2069" s="53">
        <v>4051.8260869565001</v>
      </c>
      <c r="CA2069" s="53">
        <v>48621.913043478096</v>
      </c>
      <c r="CB2069" s="53"/>
      <c r="CC2069" s="53"/>
      <c r="CD2069" s="53"/>
      <c r="CE2069" s="53"/>
      <c r="CF2069" s="53"/>
      <c r="CG2069" s="53"/>
      <c r="CH2069" s="53"/>
      <c r="CI2069" s="53"/>
      <c r="CJ2069" s="53"/>
      <c r="CK2069" s="53"/>
      <c r="CL2069" s="53"/>
      <c r="CM2069" s="53"/>
      <c r="CN2069" s="53"/>
    </row>
    <row r="2070" spans="1:92" outlineLevel="1">
      <c r="A2070" s="52" t="s">
        <v>718</v>
      </c>
      <c r="B2070" s="53">
        <v>3523.4091816367199</v>
      </c>
      <c r="C2070" s="53">
        <v>3523.4108216432801</v>
      </c>
      <c r="D2070" s="53">
        <v>3523.4084507042198</v>
      </c>
      <c r="E2070" s="53">
        <v>3523.4101010100999</v>
      </c>
      <c r="F2070" s="53">
        <v>3523.4077079107501</v>
      </c>
      <c r="G2070" s="53">
        <v>3523.4093686354299</v>
      </c>
      <c r="H2070" s="53">
        <v>3523.4110429447801</v>
      </c>
      <c r="I2070" s="53">
        <v>3523.40862422997</v>
      </c>
      <c r="J2070" s="53">
        <v>3523.4103092783498</v>
      </c>
      <c r="K2070" s="53">
        <v>3523.40786749482</v>
      </c>
      <c r="L2070" s="53">
        <v>3523.4095634095602</v>
      </c>
      <c r="M2070" s="53">
        <v>3523.4070981210798</v>
      </c>
      <c r="N2070" s="53">
        <v>42280.910137019098</v>
      </c>
      <c r="O2070" s="53">
        <v>3523.4088050314399</v>
      </c>
      <c r="P2070" s="53">
        <v>3523.4088050314399</v>
      </c>
      <c r="Q2070" s="53">
        <v>3523.4088050314399</v>
      </c>
      <c r="R2070" s="53">
        <v>3523.4088050314399</v>
      </c>
      <c r="S2070" s="53">
        <v>3523.4088050314399</v>
      </c>
      <c r="T2070" s="53">
        <v>3523.4088050314399</v>
      </c>
      <c r="U2070" s="53">
        <v>3523.4088050314399</v>
      </c>
      <c r="V2070" s="53">
        <v>3523.4088050314399</v>
      </c>
      <c r="W2070" s="53">
        <v>3523.4088050314399</v>
      </c>
      <c r="X2070" s="53">
        <v>3523.4088050314399</v>
      </c>
      <c r="Y2070" s="53">
        <v>3523.4088050314399</v>
      </c>
      <c r="Z2070" s="53">
        <v>3523.4088050314399</v>
      </c>
      <c r="AA2070" s="53">
        <v>42280.905660377299</v>
      </c>
      <c r="AB2070" s="53">
        <v>3523.4088050314399</v>
      </c>
      <c r="AC2070" s="53">
        <v>3523.4088050314399</v>
      </c>
      <c r="AD2070" s="53">
        <v>3523.4088050314399</v>
      </c>
      <c r="AE2070" s="53">
        <v>3523.4088050314399</v>
      </c>
      <c r="AF2070" s="53">
        <v>3523.4088050314399</v>
      </c>
      <c r="AG2070" s="53">
        <v>3523.4088050314399</v>
      </c>
      <c r="AH2070" s="53">
        <v>3523.4088050314499</v>
      </c>
      <c r="AI2070" s="53">
        <v>3523.4088050314399</v>
      </c>
      <c r="AJ2070" s="53">
        <v>3523.4088050314499</v>
      </c>
      <c r="AK2070" s="53">
        <v>3523.4088050314499</v>
      </c>
      <c r="AL2070" s="53">
        <v>3523.4088050314499</v>
      </c>
      <c r="AM2070" s="53">
        <v>3523.4088050314499</v>
      </c>
      <c r="AN2070" s="53">
        <v>42280.905660377401</v>
      </c>
      <c r="AO2070" s="53">
        <v>3523.4088050314499</v>
      </c>
      <c r="AP2070" s="53">
        <v>3523.4088050314499</v>
      </c>
      <c r="AQ2070" s="53">
        <v>3523.4088050314499</v>
      </c>
      <c r="AR2070" s="53">
        <v>3523.4088050314499</v>
      </c>
      <c r="AS2070" s="53">
        <v>3523.4088050314499</v>
      </c>
      <c r="AT2070" s="53">
        <v>3523.4088050314499</v>
      </c>
      <c r="AU2070" s="53">
        <v>3523.4088050314499</v>
      </c>
      <c r="AV2070" s="53">
        <v>3523.4088050314499</v>
      </c>
      <c r="AW2070" s="53">
        <v>3523.4088050314499</v>
      </c>
      <c r="AX2070" s="53">
        <v>3523.4088050314499</v>
      </c>
      <c r="AY2070" s="53">
        <v>3523.4088050314499</v>
      </c>
      <c r="AZ2070" s="53">
        <v>3523.4088050314499</v>
      </c>
      <c r="BA2070" s="53">
        <v>42280.905660377401</v>
      </c>
      <c r="BB2070" s="53">
        <v>3523.4088050314499</v>
      </c>
      <c r="BC2070" s="53">
        <v>3523.4088050314499</v>
      </c>
      <c r="BD2070" s="53">
        <v>3523.4088050314499</v>
      </c>
      <c r="BE2070" s="53">
        <v>3523.4088050314499</v>
      </c>
      <c r="BF2070" s="53">
        <v>3523.4088050314499</v>
      </c>
      <c r="BG2070" s="53">
        <v>3523.4088050314499</v>
      </c>
      <c r="BH2070" s="53">
        <v>3523.4088050314499</v>
      </c>
      <c r="BI2070" s="53">
        <v>3523.4088050314499</v>
      </c>
      <c r="BJ2070" s="53">
        <v>3523.4088050314499</v>
      </c>
      <c r="BK2070" s="53">
        <v>3523.4088050314499</v>
      </c>
      <c r="BL2070" s="53">
        <v>3523.4088050314499</v>
      </c>
      <c r="BM2070" s="53">
        <v>3523.4088050314499</v>
      </c>
      <c r="BN2070" s="53">
        <v>42280.905660377401</v>
      </c>
      <c r="BO2070" s="53">
        <v>3523.4088050314499</v>
      </c>
      <c r="BP2070" s="53">
        <v>3523.4088050314499</v>
      </c>
      <c r="BQ2070" s="53">
        <v>3523.4088050314499</v>
      </c>
      <c r="BR2070" s="53">
        <v>3523.4088050314499</v>
      </c>
      <c r="BS2070" s="53">
        <v>3523.4088050314499</v>
      </c>
      <c r="BT2070" s="53">
        <v>3523.4088050314499</v>
      </c>
      <c r="BU2070" s="53">
        <v>3523.4088050314499</v>
      </c>
      <c r="BV2070" s="53">
        <v>3523.4088050314499</v>
      </c>
      <c r="BW2070" s="53">
        <v>3523.4088050314499</v>
      </c>
      <c r="BX2070" s="53">
        <v>3523.4088050314499</v>
      </c>
      <c r="BY2070" s="53">
        <v>3523.4088050314499</v>
      </c>
      <c r="BZ2070" s="53">
        <v>3523.4088050314499</v>
      </c>
      <c r="CA2070" s="53">
        <v>42280.905660377401</v>
      </c>
      <c r="CB2070" s="53">
        <v>729166.66666666605</v>
      </c>
      <c r="CC2070" s="53">
        <v>729166.66666666605</v>
      </c>
      <c r="CD2070" s="53">
        <v>729166.66666666605</v>
      </c>
      <c r="CE2070" s="53">
        <v>729166.66666666605</v>
      </c>
      <c r="CF2070" s="53">
        <v>729166.66666666605</v>
      </c>
      <c r="CG2070" s="53">
        <v>729166.66666666605</v>
      </c>
      <c r="CH2070" s="53">
        <v>729166.66666666605</v>
      </c>
      <c r="CI2070" s="53">
        <v>729166.66666666605</v>
      </c>
      <c r="CJ2070" s="53">
        <v>729166.66666666605</v>
      </c>
      <c r="CK2070" s="53">
        <v>729166.66666666605</v>
      </c>
      <c r="CL2070" s="53">
        <v>729166.66666666605</v>
      </c>
      <c r="CM2070" s="53">
        <v>729166.66666666605</v>
      </c>
      <c r="CN2070" s="53">
        <v>8750000</v>
      </c>
    </row>
    <row r="2071" spans="1:92" outlineLevel="1">
      <c r="A2071" s="52" t="s">
        <v>721</v>
      </c>
      <c r="B2071" s="53">
        <v>9347.6262626262596</v>
      </c>
      <c r="C2071" s="53">
        <v>9347.625</v>
      </c>
      <c r="D2071" s="53">
        <v>9347.6271186440608</v>
      </c>
      <c r="E2071" s="53">
        <v>9347.6258503401295</v>
      </c>
      <c r="F2071" s="53">
        <v>9347.6245733788401</v>
      </c>
      <c r="G2071" s="53">
        <v>9347.6267123287598</v>
      </c>
      <c r="H2071" s="53">
        <v>9347.6254295532599</v>
      </c>
      <c r="I2071" s="53">
        <v>9347.6275862068906</v>
      </c>
      <c r="J2071" s="53">
        <v>9347.62629757785</v>
      </c>
      <c r="K2071" s="53">
        <v>9347.6249999999909</v>
      </c>
      <c r="L2071" s="53">
        <v>9347.6271777003403</v>
      </c>
      <c r="M2071" s="53">
        <v>9347.6258741258698</v>
      </c>
      <c r="N2071" s="53">
        <v>112171.512882482</v>
      </c>
      <c r="O2071" s="53">
        <v>9347.6245614034997</v>
      </c>
      <c r="P2071" s="53">
        <v>9347.6245614034997</v>
      </c>
      <c r="Q2071" s="53">
        <v>9347.6245614035106</v>
      </c>
      <c r="R2071" s="53">
        <v>9347.6245614035106</v>
      </c>
      <c r="S2071" s="53">
        <v>9347.6245614035106</v>
      </c>
      <c r="T2071" s="53">
        <v>9347.6245614035106</v>
      </c>
      <c r="U2071" s="53">
        <v>9347.6245614035106</v>
      </c>
      <c r="V2071" s="53">
        <v>9347.6245614035106</v>
      </c>
      <c r="W2071" s="53">
        <v>9347.6245614035106</v>
      </c>
      <c r="X2071" s="53">
        <v>9347.6245614035106</v>
      </c>
      <c r="Y2071" s="53">
        <v>9347.6245614035106</v>
      </c>
      <c r="Z2071" s="53">
        <v>9347.6245614035106</v>
      </c>
      <c r="AA2071" s="53">
        <v>112171.494736842</v>
      </c>
      <c r="AB2071" s="53">
        <v>9347.6245614035106</v>
      </c>
      <c r="AC2071" s="53">
        <v>9347.6245614035106</v>
      </c>
      <c r="AD2071" s="53">
        <v>9347.6245614035106</v>
      </c>
      <c r="AE2071" s="53">
        <v>9347.6245614035197</v>
      </c>
      <c r="AF2071" s="53">
        <v>9347.6245614035197</v>
      </c>
      <c r="AG2071" s="53">
        <v>9347.6245614035197</v>
      </c>
      <c r="AH2071" s="53">
        <v>9347.6245614035197</v>
      </c>
      <c r="AI2071" s="53">
        <v>9347.6245614035197</v>
      </c>
      <c r="AJ2071" s="53">
        <v>9347.6245614035197</v>
      </c>
      <c r="AK2071" s="53">
        <v>9347.6245614035197</v>
      </c>
      <c r="AL2071" s="53">
        <v>9347.6245614035197</v>
      </c>
      <c r="AM2071" s="53">
        <v>9347.6245614035197</v>
      </c>
      <c r="AN2071" s="53">
        <v>112171.494736842</v>
      </c>
      <c r="AO2071" s="53">
        <v>9347.6245614035197</v>
      </c>
      <c r="AP2071" s="53">
        <v>9347.6245614035197</v>
      </c>
      <c r="AQ2071" s="53">
        <v>9347.6245614035197</v>
      </c>
      <c r="AR2071" s="53">
        <v>9347.6245614035197</v>
      </c>
      <c r="AS2071" s="53">
        <v>9347.6245614035197</v>
      </c>
      <c r="AT2071" s="53">
        <v>9347.6245614035197</v>
      </c>
      <c r="AU2071" s="53">
        <v>9347.6245614035197</v>
      </c>
      <c r="AV2071" s="53">
        <v>9347.6245614035197</v>
      </c>
      <c r="AW2071" s="53">
        <v>9347.6245614035197</v>
      </c>
      <c r="AX2071" s="53">
        <v>9347.6245614035197</v>
      </c>
      <c r="AY2071" s="53">
        <v>9347.6245614035306</v>
      </c>
      <c r="AZ2071" s="53">
        <v>9347.6245614035306</v>
      </c>
      <c r="BA2071" s="53">
        <v>112171.494736842</v>
      </c>
      <c r="BB2071" s="53">
        <v>9347.6245614035306</v>
      </c>
      <c r="BC2071" s="53">
        <v>9347.6245614035306</v>
      </c>
      <c r="BD2071" s="53">
        <v>9347.6245614035306</v>
      </c>
      <c r="BE2071" s="53">
        <v>9347.6245614035306</v>
      </c>
      <c r="BF2071" s="53">
        <v>9347.6245614035306</v>
      </c>
      <c r="BG2071" s="53">
        <v>9347.6245614035306</v>
      </c>
      <c r="BH2071" s="53">
        <v>9347.6245614035306</v>
      </c>
      <c r="BI2071" s="53">
        <v>9347.6245614035306</v>
      </c>
      <c r="BJ2071" s="53">
        <v>9347.6245614035397</v>
      </c>
      <c r="BK2071" s="53">
        <v>9347.6245614035397</v>
      </c>
      <c r="BL2071" s="53">
        <v>9347.6245614035397</v>
      </c>
      <c r="BM2071" s="53">
        <v>9347.6245614035397</v>
      </c>
      <c r="BN2071" s="53">
        <v>112171.494736842</v>
      </c>
      <c r="BO2071" s="53">
        <v>9347.6245614035397</v>
      </c>
      <c r="BP2071" s="53">
        <v>9347.6245614035397</v>
      </c>
      <c r="BQ2071" s="53">
        <v>9347.6245614035397</v>
      </c>
      <c r="BR2071" s="53">
        <v>9347.6245614035397</v>
      </c>
      <c r="BS2071" s="53">
        <v>9347.6245614035397</v>
      </c>
      <c r="BT2071" s="53">
        <v>9347.6245614035397</v>
      </c>
      <c r="BU2071" s="53">
        <v>9347.6245614035397</v>
      </c>
      <c r="BV2071" s="53">
        <v>9347.6245614035397</v>
      </c>
      <c r="BW2071" s="53">
        <v>9347.6245614035397</v>
      </c>
      <c r="BX2071" s="53">
        <v>9347.6245614035506</v>
      </c>
      <c r="BY2071" s="53">
        <v>9347.6245614035506</v>
      </c>
      <c r="BZ2071" s="53">
        <v>9347.6245614035506</v>
      </c>
      <c r="CA2071" s="53">
        <v>112171.494736842</v>
      </c>
      <c r="CB2071" s="53">
        <v>1300000</v>
      </c>
      <c r="CC2071" s="53">
        <v>1300000</v>
      </c>
      <c r="CD2071" s="53">
        <v>1300000</v>
      </c>
      <c r="CE2071" s="53">
        <v>1300000</v>
      </c>
      <c r="CF2071" s="53">
        <v>1300000</v>
      </c>
      <c r="CG2071" s="53">
        <v>1300000</v>
      </c>
      <c r="CH2071" s="53">
        <v>1300000</v>
      </c>
      <c r="CI2071" s="53">
        <v>1300000</v>
      </c>
      <c r="CJ2071" s="53">
        <v>1300000</v>
      </c>
      <c r="CK2071" s="53">
        <v>1300000</v>
      </c>
      <c r="CL2071" s="53">
        <v>1300000</v>
      </c>
      <c r="CM2071" s="53">
        <v>1300000</v>
      </c>
      <c r="CN2071" s="53">
        <v>15600000</v>
      </c>
    </row>
    <row r="2072" spans="1:92" outlineLevel="1">
      <c r="A2072" s="52" t="s">
        <v>723</v>
      </c>
      <c r="B2072" s="53">
        <v>3240.39669421487</v>
      </c>
      <c r="C2072" s="53">
        <v>3240.4033613445299</v>
      </c>
      <c r="D2072" s="53">
        <v>3240.3931623931599</v>
      </c>
      <c r="E2072" s="53">
        <v>3240.4</v>
      </c>
      <c r="F2072" s="53">
        <v>3240.3893805309699</v>
      </c>
      <c r="G2072" s="53">
        <v>3240.3963963963902</v>
      </c>
      <c r="H2072" s="53">
        <v>3240.4036697247702</v>
      </c>
      <c r="I2072" s="53">
        <v>3240.39252336448</v>
      </c>
      <c r="J2072" s="53">
        <v>3240.4</v>
      </c>
      <c r="K2072" s="53">
        <v>3240.3883495145601</v>
      </c>
      <c r="L2072" s="53">
        <v>3240.3960396039602</v>
      </c>
      <c r="M2072" s="53">
        <v>3240.4040404040402</v>
      </c>
      <c r="N2072" s="53">
        <v>38884.763617491699</v>
      </c>
      <c r="O2072" s="53">
        <v>3240.3917525773099</v>
      </c>
      <c r="P2072" s="53">
        <v>3240.3917525773099</v>
      </c>
      <c r="Q2072" s="53">
        <v>3240.3917525773099</v>
      </c>
      <c r="R2072" s="53">
        <v>3240.3917525773099</v>
      </c>
      <c r="S2072" s="53">
        <v>3240.3917525773099</v>
      </c>
      <c r="T2072" s="53">
        <v>3240.3917525773099</v>
      </c>
      <c r="U2072" s="53">
        <v>3240.3917525773099</v>
      </c>
      <c r="V2072" s="53">
        <v>3240.3917525773099</v>
      </c>
      <c r="W2072" s="53">
        <v>3240.3917525773099</v>
      </c>
      <c r="X2072" s="53">
        <v>3240.3917525773099</v>
      </c>
      <c r="Y2072" s="53">
        <v>3240.3917525773099</v>
      </c>
      <c r="Z2072" s="53">
        <v>3240.3917525773099</v>
      </c>
      <c r="AA2072" s="53">
        <v>38884.701030927798</v>
      </c>
      <c r="AB2072" s="53">
        <v>3240.3917525773099</v>
      </c>
      <c r="AC2072" s="53">
        <v>3240.3917525773099</v>
      </c>
      <c r="AD2072" s="53">
        <v>3240.3917525773099</v>
      </c>
      <c r="AE2072" s="53">
        <v>3240.3917525773099</v>
      </c>
      <c r="AF2072" s="53">
        <v>3240.3917525773099</v>
      </c>
      <c r="AG2072" s="53">
        <v>3240.3917525773099</v>
      </c>
      <c r="AH2072" s="53">
        <v>3240.3917525773099</v>
      </c>
      <c r="AI2072" s="53">
        <v>3240.3917525773099</v>
      </c>
      <c r="AJ2072" s="53">
        <v>3240.3917525773099</v>
      </c>
      <c r="AK2072" s="53">
        <v>3240.3917525773099</v>
      </c>
      <c r="AL2072" s="53">
        <v>3240.3917525773099</v>
      </c>
      <c r="AM2072" s="53">
        <v>3240.3917525773099</v>
      </c>
      <c r="AN2072" s="53">
        <v>38884.701030927798</v>
      </c>
      <c r="AO2072" s="53">
        <v>3240.3917525773099</v>
      </c>
      <c r="AP2072" s="53">
        <v>3240.3917525773099</v>
      </c>
      <c r="AQ2072" s="53">
        <v>3240.3917525773099</v>
      </c>
      <c r="AR2072" s="53">
        <v>3240.3917525773099</v>
      </c>
      <c r="AS2072" s="53">
        <v>3240.3917525773099</v>
      </c>
      <c r="AT2072" s="53">
        <v>3240.3917525773099</v>
      </c>
      <c r="AU2072" s="53">
        <v>3240.3917525773099</v>
      </c>
      <c r="AV2072" s="53">
        <v>3240.3917525773099</v>
      </c>
      <c r="AW2072" s="53">
        <v>3240.3917525773099</v>
      </c>
      <c r="AX2072" s="53">
        <v>3240.3917525773099</v>
      </c>
      <c r="AY2072" s="53">
        <v>3240.3917525773099</v>
      </c>
      <c r="AZ2072" s="53">
        <v>3240.3917525773099</v>
      </c>
      <c r="BA2072" s="53">
        <v>38884.701030927703</v>
      </c>
      <c r="BB2072" s="53">
        <v>3240.3917525773099</v>
      </c>
      <c r="BC2072" s="53">
        <v>3240.3917525773099</v>
      </c>
      <c r="BD2072" s="53">
        <v>3240.3917525773099</v>
      </c>
      <c r="BE2072" s="53">
        <v>3240.3917525773099</v>
      </c>
      <c r="BF2072" s="53">
        <v>3240.3917525773099</v>
      </c>
      <c r="BG2072" s="53">
        <v>3240.3917525773099</v>
      </c>
      <c r="BH2072" s="53">
        <v>3240.3917525773099</v>
      </c>
      <c r="BI2072" s="53">
        <v>3240.3917525773099</v>
      </c>
      <c r="BJ2072" s="53">
        <v>3240.3917525773099</v>
      </c>
      <c r="BK2072" s="53">
        <v>3240.3917525773099</v>
      </c>
      <c r="BL2072" s="53">
        <v>3240.3917525773099</v>
      </c>
      <c r="BM2072" s="53">
        <v>3240.3917525773099</v>
      </c>
      <c r="BN2072" s="53">
        <v>38884.701030927703</v>
      </c>
      <c r="BO2072" s="53">
        <v>1620.19587628865</v>
      </c>
      <c r="BP2072" s="53"/>
      <c r="BQ2072" s="53"/>
      <c r="BR2072" s="53"/>
      <c r="BS2072" s="53"/>
      <c r="BT2072" s="53"/>
      <c r="BU2072" s="53"/>
      <c r="BV2072" s="53"/>
      <c r="BW2072" s="53"/>
      <c r="BX2072" s="53"/>
      <c r="BY2072" s="53"/>
      <c r="BZ2072" s="53"/>
      <c r="CA2072" s="53">
        <v>1620.19587628865</v>
      </c>
      <c r="CB2072" s="53">
        <v>1249999.99999999</v>
      </c>
      <c r="CC2072" s="53">
        <v>1249999.99999999</v>
      </c>
      <c r="CD2072" s="53">
        <v>1249999.99999999</v>
      </c>
      <c r="CE2072" s="53">
        <v>1249999.99999999</v>
      </c>
      <c r="CF2072" s="53">
        <v>1249999.99999999</v>
      </c>
      <c r="CG2072" s="53">
        <v>1249999.99999999</v>
      </c>
      <c r="CH2072" s="53">
        <v>1249999.99999999</v>
      </c>
      <c r="CI2072" s="53">
        <v>1249999.99999999</v>
      </c>
      <c r="CJ2072" s="53">
        <v>1249999.99999999</v>
      </c>
      <c r="CK2072" s="53">
        <v>1249999.99999999</v>
      </c>
      <c r="CL2072" s="53">
        <v>1249999.99999999</v>
      </c>
      <c r="CM2072" s="53">
        <v>1249999.99999999</v>
      </c>
      <c r="CN2072" s="53">
        <v>14999999.999999899</v>
      </c>
    </row>
    <row r="2073" spans="1:92" outlineLevel="1">
      <c r="A2073" s="52" t="s">
        <v>724</v>
      </c>
      <c r="B2073" s="53">
        <v>1540.86342229199</v>
      </c>
      <c r="C2073" s="53">
        <v>1540.8629921259801</v>
      </c>
      <c r="D2073" s="53">
        <v>1540.8625592417</v>
      </c>
      <c r="E2073" s="53">
        <v>1540.8621236133099</v>
      </c>
      <c r="F2073" s="53">
        <v>1540.86486486486</v>
      </c>
      <c r="G2073" s="53">
        <v>1540.8644338117999</v>
      </c>
      <c r="H2073" s="53">
        <v>1540.864</v>
      </c>
      <c r="I2073" s="53">
        <v>1540.8635634028799</v>
      </c>
      <c r="J2073" s="53">
        <v>1540.8631239935501</v>
      </c>
      <c r="K2073" s="53">
        <v>1540.86268174474</v>
      </c>
      <c r="L2073" s="53">
        <v>1540.86223662884</v>
      </c>
      <c r="M2073" s="53">
        <v>1540.8650406504</v>
      </c>
      <c r="N2073" s="53">
        <v>18490.361042370099</v>
      </c>
      <c r="O2073" s="53">
        <v>1540.86460032626</v>
      </c>
      <c r="P2073" s="53">
        <v>1540.86460032626</v>
      </c>
      <c r="Q2073" s="53">
        <v>1540.86460032626</v>
      </c>
      <c r="R2073" s="53">
        <v>1540.86460032626</v>
      </c>
      <c r="S2073" s="53">
        <v>1540.86460032626</v>
      </c>
      <c r="T2073" s="53">
        <v>1540.86460032626</v>
      </c>
      <c r="U2073" s="53">
        <v>1540.86460032626</v>
      </c>
      <c r="V2073" s="53">
        <v>1540.86460032626</v>
      </c>
      <c r="W2073" s="53">
        <v>1540.86460032626</v>
      </c>
      <c r="X2073" s="53">
        <v>1540.86460032626</v>
      </c>
      <c r="Y2073" s="53">
        <v>1540.86460032626</v>
      </c>
      <c r="Z2073" s="53">
        <v>1540.86460032626</v>
      </c>
      <c r="AA2073" s="53">
        <v>18490.3752039151</v>
      </c>
      <c r="AB2073" s="53">
        <v>1540.86460032626</v>
      </c>
      <c r="AC2073" s="53">
        <v>1540.86460032626</v>
      </c>
      <c r="AD2073" s="53">
        <v>1540.86460032626</v>
      </c>
      <c r="AE2073" s="53">
        <v>1540.86460032626</v>
      </c>
      <c r="AF2073" s="53">
        <v>1540.86460032626</v>
      </c>
      <c r="AG2073" s="53">
        <v>1540.86460032626</v>
      </c>
      <c r="AH2073" s="53">
        <v>1540.86460032626</v>
      </c>
      <c r="AI2073" s="53">
        <v>1540.86460032626</v>
      </c>
      <c r="AJ2073" s="53">
        <v>1540.86460032626</v>
      </c>
      <c r="AK2073" s="53">
        <v>1540.86460032626</v>
      </c>
      <c r="AL2073" s="53">
        <v>1540.86460032626</v>
      </c>
      <c r="AM2073" s="53">
        <v>1540.86460032626</v>
      </c>
      <c r="AN2073" s="53">
        <v>18490.3752039151</v>
      </c>
      <c r="AO2073" s="53">
        <v>1540.86460032626</v>
      </c>
      <c r="AP2073" s="53">
        <v>1540.86460032626</v>
      </c>
      <c r="AQ2073" s="53">
        <v>1540.86460032626</v>
      </c>
      <c r="AR2073" s="53">
        <v>1540.86460032626</v>
      </c>
      <c r="AS2073" s="53">
        <v>1540.86460032626</v>
      </c>
      <c r="AT2073" s="53">
        <v>1540.86460032626</v>
      </c>
      <c r="AU2073" s="53">
        <v>1540.86460032626</v>
      </c>
      <c r="AV2073" s="53">
        <v>1540.86460032626</v>
      </c>
      <c r="AW2073" s="53">
        <v>1540.86460032626</v>
      </c>
      <c r="AX2073" s="53">
        <v>1540.86460032626</v>
      </c>
      <c r="AY2073" s="53">
        <v>1540.86460032626</v>
      </c>
      <c r="AZ2073" s="53">
        <v>1540.86460032626</v>
      </c>
      <c r="BA2073" s="53">
        <v>18490.3752039151</v>
      </c>
      <c r="BB2073" s="53">
        <v>1540.86460032626</v>
      </c>
      <c r="BC2073" s="53">
        <v>1540.86460032626</v>
      </c>
      <c r="BD2073" s="53">
        <v>1540.86460032626</v>
      </c>
      <c r="BE2073" s="53">
        <v>1540.86460032626</v>
      </c>
      <c r="BF2073" s="53">
        <v>1540.86460032626</v>
      </c>
      <c r="BG2073" s="53">
        <v>1540.86460032626</v>
      </c>
      <c r="BH2073" s="53">
        <v>1540.86460032626</v>
      </c>
      <c r="BI2073" s="53">
        <v>1540.86460032626</v>
      </c>
      <c r="BJ2073" s="53">
        <v>1540.86460032626</v>
      </c>
      <c r="BK2073" s="53">
        <v>1540.86460032626</v>
      </c>
      <c r="BL2073" s="53">
        <v>1540.86460032626</v>
      </c>
      <c r="BM2073" s="53">
        <v>1540.86460032626</v>
      </c>
      <c r="BN2073" s="53">
        <v>18490.375203915199</v>
      </c>
      <c r="BO2073" s="53">
        <v>1540.86460032626</v>
      </c>
      <c r="BP2073" s="53">
        <v>1540.86460032626</v>
      </c>
      <c r="BQ2073" s="53">
        <v>1540.86460032626</v>
      </c>
      <c r="BR2073" s="53">
        <v>1540.86460032626</v>
      </c>
      <c r="BS2073" s="53">
        <v>1540.86460032626</v>
      </c>
      <c r="BT2073" s="53">
        <v>1540.86460032626</v>
      </c>
      <c r="BU2073" s="53">
        <v>1540.86460032626</v>
      </c>
      <c r="BV2073" s="53">
        <v>1540.86460032626</v>
      </c>
      <c r="BW2073" s="53">
        <v>1540.86460032626</v>
      </c>
      <c r="BX2073" s="53">
        <v>1540.86460032626</v>
      </c>
      <c r="BY2073" s="53">
        <v>1540.86460032626</v>
      </c>
      <c r="BZ2073" s="53">
        <v>1540.86460032626</v>
      </c>
      <c r="CA2073" s="53">
        <v>18490.375203915199</v>
      </c>
      <c r="CB2073" s="53">
        <v>61346610.3866667</v>
      </c>
      <c r="CC2073" s="53">
        <v>80615360.3866667</v>
      </c>
      <c r="CD2073" s="53">
        <v>82434110.3866667</v>
      </c>
      <c r="CE2073" s="53">
        <v>86677860.3866667</v>
      </c>
      <c r="CF2073" s="53">
        <v>103309110.386666</v>
      </c>
      <c r="CG2073" s="53">
        <v>67215360.3866667</v>
      </c>
      <c r="CH2073" s="53">
        <v>61346610.3866667</v>
      </c>
      <c r="CI2073" s="53">
        <v>80615360.3866667</v>
      </c>
      <c r="CJ2073" s="53">
        <v>82434110.3866667</v>
      </c>
      <c r="CK2073" s="53">
        <v>86677860.3866667</v>
      </c>
      <c r="CL2073" s="53">
        <v>103309110.386666</v>
      </c>
      <c r="CM2073" s="53">
        <v>67215360.3866667</v>
      </c>
      <c r="CN2073" s="53">
        <v>67215360.3866667</v>
      </c>
    </row>
    <row r="2074" spans="1:92" outlineLevel="1">
      <c r="A2074" s="52" t="s">
        <v>725</v>
      </c>
      <c r="B2074" s="53">
        <v>9185.2866242038199</v>
      </c>
      <c r="C2074" s="53">
        <v>9185.2903225806403</v>
      </c>
      <c r="D2074" s="53">
        <v>9185.2810457516298</v>
      </c>
      <c r="E2074" s="53">
        <v>9185.2847682119209</v>
      </c>
      <c r="F2074" s="53">
        <v>9185.2885906040192</v>
      </c>
      <c r="G2074" s="53">
        <v>9185.2925170067992</v>
      </c>
      <c r="H2074" s="53">
        <v>9185.2827586206895</v>
      </c>
      <c r="I2074" s="53">
        <v>9185.2867132867104</v>
      </c>
      <c r="J2074" s="53">
        <v>9185.2907801418405</v>
      </c>
      <c r="K2074" s="53">
        <v>9185.2805755395693</v>
      </c>
      <c r="L2074" s="53">
        <v>9185.2846715328396</v>
      </c>
      <c r="M2074" s="53">
        <v>9185.2888888888792</v>
      </c>
      <c r="N2074" s="53">
        <v>110223.438256369</v>
      </c>
      <c r="O2074" s="53">
        <v>9185.2932330827007</v>
      </c>
      <c r="P2074" s="53">
        <v>9185.2932330827007</v>
      </c>
      <c r="Q2074" s="53">
        <v>9185.2932330827007</v>
      </c>
      <c r="R2074" s="53">
        <v>9185.2932330827007</v>
      </c>
      <c r="S2074" s="53">
        <v>9185.2932330827007</v>
      </c>
      <c r="T2074" s="53">
        <v>9185.2932330827007</v>
      </c>
      <c r="U2074" s="53">
        <v>9185.2932330827007</v>
      </c>
      <c r="V2074" s="53">
        <v>9185.2932330827007</v>
      </c>
      <c r="W2074" s="53">
        <v>9185.2932330827098</v>
      </c>
      <c r="X2074" s="53">
        <v>9185.2932330827098</v>
      </c>
      <c r="Y2074" s="53">
        <v>9185.2932330827098</v>
      </c>
      <c r="Z2074" s="53">
        <v>9185.2932330827098</v>
      </c>
      <c r="AA2074" s="53">
        <v>110223.51879699199</v>
      </c>
      <c r="AB2074" s="53">
        <v>9185.2932330827098</v>
      </c>
      <c r="AC2074" s="53">
        <v>9185.2932330827098</v>
      </c>
      <c r="AD2074" s="53">
        <v>9185.2932330827098</v>
      </c>
      <c r="AE2074" s="53">
        <v>9185.2932330827098</v>
      </c>
      <c r="AF2074" s="53">
        <v>9185.2932330827098</v>
      </c>
      <c r="AG2074" s="53">
        <v>9185.2932330827098</v>
      </c>
      <c r="AH2074" s="53">
        <v>9185.2932330827098</v>
      </c>
      <c r="AI2074" s="53">
        <v>9185.2932330827098</v>
      </c>
      <c r="AJ2074" s="53">
        <v>9185.2932330827098</v>
      </c>
      <c r="AK2074" s="53">
        <v>9185.2932330827098</v>
      </c>
      <c r="AL2074" s="53">
        <v>9185.2932330827098</v>
      </c>
      <c r="AM2074" s="53">
        <v>9185.2932330827098</v>
      </c>
      <c r="AN2074" s="53">
        <v>110223.51879699199</v>
      </c>
      <c r="AO2074" s="53">
        <v>9185.2932330827098</v>
      </c>
      <c r="AP2074" s="53">
        <v>9185.2932330827098</v>
      </c>
      <c r="AQ2074" s="53">
        <v>9185.2932330827098</v>
      </c>
      <c r="AR2074" s="53">
        <v>9185.2932330827098</v>
      </c>
      <c r="AS2074" s="53">
        <v>9185.2932330827098</v>
      </c>
      <c r="AT2074" s="53">
        <v>9185.2932330827098</v>
      </c>
      <c r="AU2074" s="53">
        <v>9185.2932330827098</v>
      </c>
      <c r="AV2074" s="53">
        <v>9185.2932330827098</v>
      </c>
      <c r="AW2074" s="53">
        <v>9185.2932330827098</v>
      </c>
      <c r="AX2074" s="53">
        <v>9185.2932330827098</v>
      </c>
      <c r="AY2074" s="53">
        <v>9185.2932330827098</v>
      </c>
      <c r="AZ2074" s="53">
        <v>9185.2932330827098</v>
      </c>
      <c r="BA2074" s="53">
        <v>110223.51879699199</v>
      </c>
      <c r="BB2074" s="53">
        <v>9185.2932330827098</v>
      </c>
      <c r="BC2074" s="53">
        <v>9185.2932330827098</v>
      </c>
      <c r="BD2074" s="53">
        <v>9185.2932330827098</v>
      </c>
      <c r="BE2074" s="53">
        <v>9185.2932330827098</v>
      </c>
      <c r="BF2074" s="53">
        <v>9185.2932330827098</v>
      </c>
      <c r="BG2074" s="53">
        <v>9185.2932330827098</v>
      </c>
      <c r="BH2074" s="53">
        <v>9185.2932330827098</v>
      </c>
      <c r="BI2074" s="53">
        <v>9185.2932330827098</v>
      </c>
      <c r="BJ2074" s="53">
        <v>9185.2932330827098</v>
      </c>
      <c r="BK2074" s="53">
        <v>9185.2932330827098</v>
      </c>
      <c r="BL2074" s="53">
        <v>9185.2932330827098</v>
      </c>
      <c r="BM2074" s="53">
        <v>9185.2932330827098</v>
      </c>
      <c r="BN2074" s="53">
        <v>110223.51879699199</v>
      </c>
      <c r="BO2074" s="53">
        <v>9185.2932330827207</v>
      </c>
      <c r="BP2074" s="53">
        <v>9185.2932330827098</v>
      </c>
      <c r="BQ2074" s="53">
        <v>9185.2932330827207</v>
      </c>
      <c r="BR2074" s="53">
        <v>9185.2932330827098</v>
      </c>
      <c r="BS2074" s="53">
        <v>9185.2932330827207</v>
      </c>
      <c r="BT2074" s="53">
        <v>9185.2932330827098</v>
      </c>
      <c r="BU2074" s="53">
        <v>9185.2932330827207</v>
      </c>
      <c r="BV2074" s="53">
        <v>9185.2932330827207</v>
      </c>
      <c r="BW2074" s="53">
        <v>9185.2932330827207</v>
      </c>
      <c r="BX2074" s="53">
        <v>9185.2932330827207</v>
      </c>
      <c r="BY2074" s="53">
        <v>9185.2932330827207</v>
      </c>
      <c r="BZ2074" s="53">
        <v>9185.2932330827207</v>
      </c>
      <c r="CA2074" s="53">
        <v>110223.51879699199</v>
      </c>
      <c r="CB2074" s="53">
        <v>1206.83000000281</v>
      </c>
      <c r="CC2074" s="53">
        <v>1206.83000000281</v>
      </c>
      <c r="CD2074" s="53">
        <v>1206.83000000281</v>
      </c>
      <c r="CE2074" s="53">
        <v>1206.83000000281</v>
      </c>
      <c r="CF2074" s="53">
        <v>1206.83000000281</v>
      </c>
      <c r="CG2074" s="53">
        <v>1206.83000000281</v>
      </c>
      <c r="CH2074" s="53">
        <v>1206.83000000281</v>
      </c>
      <c r="CI2074" s="53">
        <v>1206.83000000281</v>
      </c>
      <c r="CJ2074" s="53">
        <v>1206.83000000281</v>
      </c>
      <c r="CK2074" s="53">
        <v>1206.83000000281</v>
      </c>
      <c r="CL2074" s="53">
        <v>1206.83000000281</v>
      </c>
      <c r="CM2074" s="53">
        <v>1206.83000000281</v>
      </c>
      <c r="CN2074" s="53">
        <v>1206.83000000281</v>
      </c>
    </row>
    <row r="2075" spans="1:92" outlineLevel="1">
      <c r="A2075" s="52" t="s">
        <v>726</v>
      </c>
      <c r="B2075" s="53">
        <v>3087.3789473684201</v>
      </c>
      <c r="C2075" s="53">
        <v>3087.3829787233999</v>
      </c>
      <c r="D2075" s="53">
        <v>3087.3763440860198</v>
      </c>
      <c r="E2075" s="53">
        <v>3087.3804347825999</v>
      </c>
      <c r="F2075" s="53">
        <v>3087.37362637362</v>
      </c>
      <c r="G2075" s="53">
        <v>3087.37777777777</v>
      </c>
      <c r="H2075" s="53">
        <v>3087.3820224719002</v>
      </c>
      <c r="I2075" s="53">
        <v>3087.375</v>
      </c>
      <c r="J2075" s="53">
        <v>3087.3793103448202</v>
      </c>
      <c r="K2075" s="53">
        <v>3087.3837209302301</v>
      </c>
      <c r="L2075" s="53">
        <v>3087.3764705882299</v>
      </c>
      <c r="M2075" s="53">
        <v>3087.38095238095</v>
      </c>
      <c r="N2075" s="53">
        <v>37048.547585827997</v>
      </c>
      <c r="O2075" s="53">
        <v>3087.3734939759001</v>
      </c>
      <c r="P2075" s="53">
        <v>3087.3734939759001</v>
      </c>
      <c r="Q2075" s="53">
        <v>3087.3734939759001</v>
      </c>
      <c r="R2075" s="53">
        <v>3087.3734939759001</v>
      </c>
      <c r="S2075" s="53">
        <v>3087.3734939759001</v>
      </c>
      <c r="T2075" s="53">
        <v>3087.3734939759001</v>
      </c>
      <c r="U2075" s="53">
        <v>3087.3734939759001</v>
      </c>
      <c r="V2075" s="53">
        <v>3087.3734939759001</v>
      </c>
      <c r="W2075" s="53">
        <v>3087.3734939759001</v>
      </c>
      <c r="X2075" s="53">
        <v>3087.3734939759001</v>
      </c>
      <c r="Y2075" s="53">
        <v>3087.3734939759001</v>
      </c>
      <c r="Z2075" s="53">
        <v>3087.3734939759001</v>
      </c>
      <c r="AA2075" s="53">
        <v>37048.481927710804</v>
      </c>
      <c r="AB2075" s="53">
        <v>3087.3734939759001</v>
      </c>
      <c r="AC2075" s="53">
        <v>3087.3734939759001</v>
      </c>
      <c r="AD2075" s="53">
        <v>3087.3734939759001</v>
      </c>
      <c r="AE2075" s="53">
        <v>3087.3734939759001</v>
      </c>
      <c r="AF2075" s="53">
        <v>3087.3734939759001</v>
      </c>
      <c r="AG2075" s="53">
        <v>3087.3734939759001</v>
      </c>
      <c r="AH2075" s="53">
        <v>3087.3734939759001</v>
      </c>
      <c r="AI2075" s="53">
        <v>3087.3734939759001</v>
      </c>
      <c r="AJ2075" s="53">
        <v>3087.3734939759001</v>
      </c>
      <c r="AK2075" s="53">
        <v>3087.3734939759001</v>
      </c>
      <c r="AL2075" s="53">
        <v>3087.3734939759001</v>
      </c>
      <c r="AM2075" s="53">
        <v>3087.3734939759001</v>
      </c>
      <c r="AN2075" s="53">
        <v>37048.481927710804</v>
      </c>
      <c r="AO2075" s="53">
        <v>3087.3734939759001</v>
      </c>
      <c r="AP2075" s="53">
        <v>3087.3734939759001</v>
      </c>
      <c r="AQ2075" s="53">
        <v>3087.3734939759001</v>
      </c>
      <c r="AR2075" s="53">
        <v>3087.3734939759001</v>
      </c>
      <c r="AS2075" s="53">
        <v>3087.3734939759001</v>
      </c>
      <c r="AT2075" s="53">
        <v>3087.3734939759001</v>
      </c>
      <c r="AU2075" s="53">
        <v>3087.3734939759001</v>
      </c>
      <c r="AV2075" s="53">
        <v>3087.3734939759001</v>
      </c>
      <c r="AW2075" s="53">
        <v>3087.3734939759001</v>
      </c>
      <c r="AX2075" s="53">
        <v>3087.3734939759001</v>
      </c>
      <c r="AY2075" s="53">
        <v>3087.3734939759001</v>
      </c>
      <c r="AZ2075" s="53">
        <v>3087.3734939759001</v>
      </c>
      <c r="BA2075" s="53">
        <v>37048.481927710804</v>
      </c>
      <c r="BB2075" s="53">
        <v>3087.3734939759001</v>
      </c>
      <c r="BC2075" s="53">
        <v>3087.3734939759001</v>
      </c>
      <c r="BD2075" s="53">
        <v>3087.3734939759001</v>
      </c>
      <c r="BE2075" s="53">
        <v>3087.3734939759001</v>
      </c>
      <c r="BF2075" s="53">
        <v>3087.3734939759001</v>
      </c>
      <c r="BG2075" s="53">
        <v>3087.3734939759001</v>
      </c>
      <c r="BH2075" s="53">
        <v>3087.3734939759001</v>
      </c>
      <c r="BI2075" s="53">
        <v>3087.3734939759001</v>
      </c>
      <c r="BJ2075" s="53">
        <v>3087.3734939759001</v>
      </c>
      <c r="BK2075" s="53">
        <v>3087.3734939759001</v>
      </c>
      <c r="BL2075" s="53">
        <v>3087.3734939759001</v>
      </c>
      <c r="BM2075" s="53">
        <v>3087.3734939759001</v>
      </c>
      <c r="BN2075" s="53">
        <v>37048.481927710804</v>
      </c>
      <c r="BO2075" s="53">
        <v>3087.3734939759001</v>
      </c>
      <c r="BP2075" s="53">
        <v>3087.3734939759001</v>
      </c>
      <c r="BQ2075" s="53">
        <v>3087.3734939759001</v>
      </c>
      <c r="BR2075" s="53">
        <v>3087.3734939759001</v>
      </c>
      <c r="BS2075" s="53">
        <v>3087.3734939759001</v>
      </c>
      <c r="BT2075" s="53">
        <v>3087.3734939759001</v>
      </c>
      <c r="BU2075" s="53">
        <v>3087.3734939759001</v>
      </c>
      <c r="BV2075" s="53">
        <v>3087.3734939759001</v>
      </c>
      <c r="BW2075" s="53">
        <v>3087.3734939759001</v>
      </c>
      <c r="BX2075" s="53">
        <v>3087.3734939759001</v>
      </c>
      <c r="BY2075" s="53">
        <v>3087.3734939759001</v>
      </c>
      <c r="BZ2075" s="53">
        <v>3087.3734939759001</v>
      </c>
      <c r="CA2075" s="53">
        <v>37048.481927710804</v>
      </c>
      <c r="CB2075" s="53">
        <v>67195733.883333296</v>
      </c>
      <c r="CC2075" s="53">
        <v>61347817.216666698</v>
      </c>
      <c r="CD2075" s="53">
        <v>80616567.216666698</v>
      </c>
      <c r="CE2075" s="53">
        <v>82435317.216666698</v>
      </c>
      <c r="CF2075" s="53">
        <v>86679067.216666698</v>
      </c>
      <c r="CG2075" s="53">
        <v>103310317.216666</v>
      </c>
      <c r="CH2075" s="53">
        <v>67216567.216666698</v>
      </c>
      <c r="CI2075" s="53">
        <v>61347817.216666698</v>
      </c>
      <c r="CJ2075" s="53">
        <v>80616567.216666698</v>
      </c>
      <c r="CK2075" s="53">
        <v>82435317.216666698</v>
      </c>
      <c r="CL2075" s="53">
        <v>86679067.216666698</v>
      </c>
      <c r="CM2075" s="53">
        <v>103310317.216666</v>
      </c>
      <c r="CN2075" s="53">
        <v>67195733.883333296</v>
      </c>
    </row>
    <row r="2076" spans="1:92" outlineLevel="1">
      <c r="A2076" s="52" t="s">
        <v>728</v>
      </c>
      <c r="B2076" s="53">
        <v>5700.3251231527001</v>
      </c>
      <c r="C2076" s="53">
        <v>5700.3283582089498</v>
      </c>
      <c r="D2076" s="53">
        <v>5700.3216080401999</v>
      </c>
      <c r="E2076" s="53">
        <v>5700.3248730964397</v>
      </c>
      <c r="F2076" s="53">
        <v>5700.3282051282004</v>
      </c>
      <c r="G2076" s="53">
        <v>5700.3212435233099</v>
      </c>
      <c r="H2076" s="53">
        <v>5700.3246073298396</v>
      </c>
      <c r="I2076" s="53">
        <v>5700.3280423280403</v>
      </c>
      <c r="J2076" s="53">
        <v>5700.3208556149702</v>
      </c>
      <c r="K2076" s="53">
        <v>5700.3243243243196</v>
      </c>
      <c r="L2076" s="53">
        <v>5700.3278688524597</v>
      </c>
      <c r="M2076" s="53">
        <v>5700.3204419889498</v>
      </c>
      <c r="N2076" s="53">
        <v>68403.895551588401</v>
      </c>
      <c r="O2076" s="53">
        <v>5700.3240223463599</v>
      </c>
      <c r="P2076" s="53">
        <v>5700.3240223463599</v>
      </c>
      <c r="Q2076" s="53">
        <v>5700.3240223463599</v>
      </c>
      <c r="R2076" s="53">
        <v>5700.3240223463599</v>
      </c>
      <c r="S2076" s="53">
        <v>5700.3240223463599</v>
      </c>
      <c r="T2076" s="53">
        <v>5700.3240223463599</v>
      </c>
      <c r="U2076" s="53">
        <v>5700.3240223463599</v>
      </c>
      <c r="V2076" s="53">
        <v>5700.3240223463599</v>
      </c>
      <c r="W2076" s="53">
        <v>5700.3240223463599</v>
      </c>
      <c r="X2076" s="53">
        <v>5700.3240223463599</v>
      </c>
      <c r="Y2076" s="53">
        <v>5700.3240223463599</v>
      </c>
      <c r="Z2076" s="53">
        <v>5700.3240223463599</v>
      </c>
      <c r="AA2076" s="53">
        <v>68403.888268156399</v>
      </c>
      <c r="AB2076" s="53">
        <v>5700.3240223463599</v>
      </c>
      <c r="AC2076" s="53">
        <v>5700.3240223463599</v>
      </c>
      <c r="AD2076" s="53">
        <v>5700.3240223463599</v>
      </c>
      <c r="AE2076" s="53">
        <v>5700.3240223463599</v>
      </c>
      <c r="AF2076" s="53">
        <v>5700.3240223463599</v>
      </c>
      <c r="AG2076" s="53">
        <v>5700.3240223463599</v>
      </c>
      <c r="AH2076" s="53">
        <v>5700.3240223463599</v>
      </c>
      <c r="AI2076" s="53">
        <v>5700.3240223463599</v>
      </c>
      <c r="AJ2076" s="53">
        <v>5700.3240223463599</v>
      </c>
      <c r="AK2076" s="53">
        <v>5700.3240223463599</v>
      </c>
      <c r="AL2076" s="53">
        <v>5700.3240223463599</v>
      </c>
      <c r="AM2076" s="53">
        <v>5700.3240223463599</v>
      </c>
      <c r="AN2076" s="53">
        <v>68403.888268156399</v>
      </c>
      <c r="AO2076" s="53">
        <v>5700.3240223463599</v>
      </c>
      <c r="AP2076" s="53">
        <v>5700.3240223463599</v>
      </c>
      <c r="AQ2076" s="53">
        <v>5700.3240223463599</v>
      </c>
      <c r="AR2076" s="53">
        <v>5700.3240223463699</v>
      </c>
      <c r="AS2076" s="53">
        <v>5700.3240223463699</v>
      </c>
      <c r="AT2076" s="53">
        <v>5700.3240223463699</v>
      </c>
      <c r="AU2076" s="53">
        <v>5700.3240223463699</v>
      </c>
      <c r="AV2076" s="53">
        <v>5700.3240223463699</v>
      </c>
      <c r="AW2076" s="53">
        <v>5700.3240223463699</v>
      </c>
      <c r="AX2076" s="53">
        <v>5700.3240223463699</v>
      </c>
      <c r="AY2076" s="53">
        <v>5700.3240223463699</v>
      </c>
      <c r="AZ2076" s="53">
        <v>5700.3240223463699</v>
      </c>
      <c r="BA2076" s="53">
        <v>68403.888268156399</v>
      </c>
      <c r="BB2076" s="53">
        <v>5700.3240223463699</v>
      </c>
      <c r="BC2076" s="53">
        <v>5700.3240223463699</v>
      </c>
      <c r="BD2076" s="53">
        <v>5700.3240223463699</v>
      </c>
      <c r="BE2076" s="53">
        <v>5700.3240223463699</v>
      </c>
      <c r="BF2076" s="53">
        <v>5700.3240223463699</v>
      </c>
      <c r="BG2076" s="53">
        <v>5700.3240223463699</v>
      </c>
      <c r="BH2076" s="53">
        <v>5700.3240223463699</v>
      </c>
      <c r="BI2076" s="53">
        <v>5700.3240223463699</v>
      </c>
      <c r="BJ2076" s="53">
        <v>5700.3240223463699</v>
      </c>
      <c r="BK2076" s="53">
        <v>5700.3240223463699</v>
      </c>
      <c r="BL2076" s="53">
        <v>5700.3240223463699</v>
      </c>
      <c r="BM2076" s="53">
        <v>5700.3240223463699</v>
      </c>
      <c r="BN2076" s="53">
        <v>68403.888268156399</v>
      </c>
      <c r="BO2076" s="53">
        <v>5700.3240223463699</v>
      </c>
      <c r="BP2076" s="53">
        <v>5700.3240223463699</v>
      </c>
      <c r="BQ2076" s="53">
        <v>5700.3240223463699</v>
      </c>
      <c r="BR2076" s="53">
        <v>5700.3240223463699</v>
      </c>
      <c r="BS2076" s="53">
        <v>5700.3240223463699</v>
      </c>
      <c r="BT2076" s="53">
        <v>5700.3240223463699</v>
      </c>
      <c r="BU2076" s="53">
        <v>5700.3240223463699</v>
      </c>
      <c r="BV2076" s="53">
        <v>5700.3240223463699</v>
      </c>
      <c r="BW2076" s="53">
        <v>5700.3240223463699</v>
      </c>
      <c r="BX2076" s="53">
        <v>5700.3240223463699</v>
      </c>
      <c r="BY2076" s="53">
        <v>5700.3240223463699</v>
      </c>
      <c r="BZ2076" s="53">
        <v>5700.3240223463699</v>
      </c>
      <c r="CA2076" s="53">
        <v>68403.888268156399</v>
      </c>
      <c r="CB2076" s="53"/>
      <c r="CC2076" s="53"/>
      <c r="CD2076" s="53"/>
      <c r="CE2076" s="53"/>
      <c r="CF2076" s="53"/>
      <c r="CG2076" s="53"/>
      <c r="CH2076" s="53"/>
      <c r="CI2076" s="53"/>
      <c r="CJ2076" s="53"/>
      <c r="CK2076" s="53"/>
      <c r="CL2076" s="53"/>
      <c r="CM2076" s="53"/>
      <c r="CN2076" s="53"/>
    </row>
    <row r="2077" spans="1:92" outlineLevel="1">
      <c r="A2077" s="52" t="s">
        <v>729</v>
      </c>
      <c r="B2077" s="53">
        <v>8149.6234309623396</v>
      </c>
      <c r="C2077" s="53">
        <v>8149.6202531645504</v>
      </c>
      <c r="D2077" s="53">
        <v>8149.6255319148904</v>
      </c>
      <c r="E2077" s="53">
        <v>8149.6223175965597</v>
      </c>
      <c r="F2077" s="53">
        <v>8149.6277056277004</v>
      </c>
      <c r="G2077" s="53">
        <v>8149.6244541484702</v>
      </c>
      <c r="H2077" s="53">
        <v>8149.62114537445</v>
      </c>
      <c r="I2077" s="53">
        <v>8149.6266666666597</v>
      </c>
      <c r="J2077" s="53">
        <v>8149.6233183856502</v>
      </c>
      <c r="K2077" s="53">
        <v>8149.6199095022603</v>
      </c>
      <c r="L2077" s="53">
        <v>8149.6255707762502</v>
      </c>
      <c r="M2077" s="53">
        <v>8149.62211981566</v>
      </c>
      <c r="N2077" s="53">
        <v>97795.482423935493</v>
      </c>
      <c r="O2077" s="53">
        <v>8149.6279069767397</v>
      </c>
      <c r="P2077" s="53">
        <v>8149.6279069767397</v>
      </c>
      <c r="Q2077" s="53">
        <v>8149.6279069767397</v>
      </c>
      <c r="R2077" s="53">
        <v>8149.6279069767397</v>
      </c>
      <c r="S2077" s="53">
        <v>8149.6279069767397</v>
      </c>
      <c r="T2077" s="53">
        <v>8149.6279069767397</v>
      </c>
      <c r="U2077" s="53">
        <v>8149.6279069767397</v>
      </c>
      <c r="V2077" s="53">
        <v>8149.6279069767397</v>
      </c>
      <c r="W2077" s="53">
        <v>8149.6279069767397</v>
      </c>
      <c r="X2077" s="53">
        <v>8149.6279069767397</v>
      </c>
      <c r="Y2077" s="53">
        <v>8149.6279069767397</v>
      </c>
      <c r="Z2077" s="53">
        <v>8149.6279069767397</v>
      </c>
      <c r="AA2077" s="53">
        <v>97795.534883720902</v>
      </c>
      <c r="AB2077" s="53">
        <v>8149.6279069767397</v>
      </c>
      <c r="AC2077" s="53">
        <v>8149.6279069767397</v>
      </c>
      <c r="AD2077" s="53">
        <v>8149.6279069767397</v>
      </c>
      <c r="AE2077" s="53">
        <v>8149.6279069767397</v>
      </c>
      <c r="AF2077" s="53">
        <v>8149.6279069767397</v>
      </c>
      <c r="AG2077" s="53">
        <v>8149.6279069767297</v>
      </c>
      <c r="AH2077" s="53">
        <v>8149.6279069767297</v>
      </c>
      <c r="AI2077" s="53">
        <v>8149.6279069767297</v>
      </c>
      <c r="AJ2077" s="53">
        <v>8149.6279069767297</v>
      </c>
      <c r="AK2077" s="53">
        <v>8149.6279069767297</v>
      </c>
      <c r="AL2077" s="53">
        <v>8149.6279069767297</v>
      </c>
      <c r="AM2077" s="53">
        <v>8149.6279069767297</v>
      </c>
      <c r="AN2077" s="53">
        <v>97795.5348837208</v>
      </c>
      <c r="AO2077" s="53">
        <v>8149.6279069767297</v>
      </c>
      <c r="AP2077" s="53">
        <v>8149.6279069767297</v>
      </c>
      <c r="AQ2077" s="53">
        <v>8149.6279069767297</v>
      </c>
      <c r="AR2077" s="53">
        <v>8149.6279069767297</v>
      </c>
      <c r="AS2077" s="53">
        <v>8149.6279069767297</v>
      </c>
      <c r="AT2077" s="53">
        <v>8149.6279069767297</v>
      </c>
      <c r="AU2077" s="53">
        <v>8149.6279069767297</v>
      </c>
      <c r="AV2077" s="53">
        <v>8149.6279069767297</v>
      </c>
      <c r="AW2077" s="53">
        <v>8149.6279069767297</v>
      </c>
      <c r="AX2077" s="53">
        <v>8149.6279069767297</v>
      </c>
      <c r="AY2077" s="53">
        <v>8149.6279069767297</v>
      </c>
      <c r="AZ2077" s="53">
        <v>8149.6279069767197</v>
      </c>
      <c r="BA2077" s="53">
        <v>97795.534883720698</v>
      </c>
      <c r="BB2077" s="53">
        <v>8149.6279069767197</v>
      </c>
      <c r="BC2077" s="53">
        <v>8149.6279069767197</v>
      </c>
      <c r="BD2077" s="53">
        <v>8149.6279069767197</v>
      </c>
      <c r="BE2077" s="53">
        <v>8149.6279069767197</v>
      </c>
      <c r="BF2077" s="53">
        <v>8149.6279069767197</v>
      </c>
      <c r="BG2077" s="53">
        <v>8149.6279069767197</v>
      </c>
      <c r="BH2077" s="53">
        <v>8149.6279069767197</v>
      </c>
      <c r="BI2077" s="53">
        <v>8149.6279069767197</v>
      </c>
      <c r="BJ2077" s="53">
        <v>8149.6279069767197</v>
      </c>
      <c r="BK2077" s="53">
        <v>8149.6279069767197</v>
      </c>
      <c r="BL2077" s="53">
        <v>8149.6279069767197</v>
      </c>
      <c r="BM2077" s="53">
        <v>8149.6279069767197</v>
      </c>
      <c r="BN2077" s="53">
        <v>97795.534883720698</v>
      </c>
      <c r="BO2077" s="53">
        <v>8149.6279069767197</v>
      </c>
      <c r="BP2077" s="53">
        <v>8149.6279069767197</v>
      </c>
      <c r="BQ2077" s="53">
        <v>8149.6279069767197</v>
      </c>
      <c r="BR2077" s="53">
        <v>8149.6279069767197</v>
      </c>
      <c r="BS2077" s="53">
        <v>8149.6279069767197</v>
      </c>
      <c r="BT2077" s="53">
        <v>8149.6279069767197</v>
      </c>
      <c r="BU2077" s="53">
        <v>8149.6279069767197</v>
      </c>
      <c r="BV2077" s="53">
        <v>8149.6279069767197</v>
      </c>
      <c r="BW2077" s="53">
        <v>8149.6279069767197</v>
      </c>
      <c r="BX2077" s="53">
        <v>8149.6279069767197</v>
      </c>
      <c r="BY2077" s="53">
        <v>8149.6279069767197</v>
      </c>
      <c r="BZ2077" s="53">
        <v>8149.6279069767197</v>
      </c>
      <c r="CA2077" s="53">
        <v>97795.534883720597</v>
      </c>
      <c r="CB2077" s="53"/>
      <c r="CC2077" s="53"/>
      <c r="CD2077" s="53"/>
      <c r="CE2077" s="53"/>
      <c r="CF2077" s="53"/>
      <c r="CG2077" s="53"/>
      <c r="CH2077" s="53"/>
      <c r="CI2077" s="53"/>
      <c r="CJ2077" s="53"/>
      <c r="CK2077" s="53"/>
      <c r="CL2077" s="53"/>
      <c r="CM2077" s="53"/>
      <c r="CN2077" s="53"/>
    </row>
    <row r="2078" spans="1:92" outlineLevel="1">
      <c r="A2078" s="52" t="s">
        <v>730</v>
      </c>
      <c r="B2078" s="53">
        <v>7907.1043115438097</v>
      </c>
      <c r="C2078" s="53">
        <v>7907.1046025104597</v>
      </c>
      <c r="D2078" s="53">
        <v>7907.1048951048897</v>
      </c>
      <c r="E2078" s="53">
        <v>7907.1051893408103</v>
      </c>
      <c r="F2078" s="53">
        <v>7907.1054852320603</v>
      </c>
      <c r="G2078" s="53">
        <v>7907.10296191819</v>
      </c>
      <c r="H2078" s="53">
        <v>7907.1032531824603</v>
      </c>
      <c r="I2078" s="53">
        <v>7907.1035460992898</v>
      </c>
      <c r="J2078" s="53">
        <v>7907.1038406827802</v>
      </c>
      <c r="K2078" s="53">
        <v>7907.1041369472096</v>
      </c>
      <c r="L2078" s="53">
        <v>7907.1044349070098</v>
      </c>
      <c r="M2078" s="53">
        <v>7907.1047345767502</v>
      </c>
      <c r="N2078" s="53">
        <v>94885.251392045699</v>
      </c>
      <c r="O2078" s="53">
        <v>7907.1050359712199</v>
      </c>
      <c r="P2078" s="53">
        <v>7907.1050359712199</v>
      </c>
      <c r="Q2078" s="53">
        <v>7907.1050359712199</v>
      </c>
      <c r="R2078" s="53">
        <v>7907.1050359712199</v>
      </c>
      <c r="S2078" s="53">
        <v>7907.1050359712199</v>
      </c>
      <c r="T2078" s="53">
        <v>7907.1050359712199</v>
      </c>
      <c r="U2078" s="53">
        <v>7907.1050359712199</v>
      </c>
      <c r="V2078" s="53">
        <v>7907.1050359712199</v>
      </c>
      <c r="W2078" s="53">
        <v>7907.1050359712199</v>
      </c>
      <c r="X2078" s="53">
        <v>7907.1050359712199</v>
      </c>
      <c r="Y2078" s="53">
        <v>7907.1050359712199</v>
      </c>
      <c r="Z2078" s="53">
        <v>7907.1050359712199</v>
      </c>
      <c r="AA2078" s="53">
        <v>94885.260431654693</v>
      </c>
      <c r="AB2078" s="53">
        <v>7907.1050359712199</v>
      </c>
      <c r="AC2078" s="53">
        <v>7907.1050359712199</v>
      </c>
      <c r="AD2078" s="53">
        <v>7907.1050359712199</v>
      </c>
      <c r="AE2078" s="53">
        <v>7907.1050359712199</v>
      </c>
      <c r="AF2078" s="53">
        <v>7907.1050359712199</v>
      </c>
      <c r="AG2078" s="53">
        <v>7907.1050359712199</v>
      </c>
      <c r="AH2078" s="53">
        <v>7907.1050359712199</v>
      </c>
      <c r="AI2078" s="53">
        <v>7907.1050359712199</v>
      </c>
      <c r="AJ2078" s="53">
        <v>7907.1050359712199</v>
      </c>
      <c r="AK2078" s="53">
        <v>7907.1050359712199</v>
      </c>
      <c r="AL2078" s="53">
        <v>7907.1050359712199</v>
      </c>
      <c r="AM2078" s="53">
        <v>7907.1050359712199</v>
      </c>
      <c r="AN2078" s="53">
        <v>94885.260431654693</v>
      </c>
      <c r="AO2078" s="53">
        <v>7907.1050359712199</v>
      </c>
      <c r="AP2078" s="53">
        <v>7907.1050359712199</v>
      </c>
      <c r="AQ2078" s="53">
        <v>7907.1050359712199</v>
      </c>
      <c r="AR2078" s="53">
        <v>7907.1050359712199</v>
      </c>
      <c r="AS2078" s="53">
        <v>7907.1050359712199</v>
      </c>
      <c r="AT2078" s="53">
        <v>7907.1050359712199</v>
      </c>
      <c r="AU2078" s="53">
        <v>7907.1050359712199</v>
      </c>
      <c r="AV2078" s="53">
        <v>7907.1050359712199</v>
      </c>
      <c r="AW2078" s="53">
        <v>7907.1050359712199</v>
      </c>
      <c r="AX2078" s="53">
        <v>7907.1050359712199</v>
      </c>
      <c r="AY2078" s="53">
        <v>7907.1050359712199</v>
      </c>
      <c r="AZ2078" s="53">
        <v>7907.1050359712199</v>
      </c>
      <c r="BA2078" s="53">
        <v>94885.260431654693</v>
      </c>
      <c r="BB2078" s="53">
        <v>7907.1050359712199</v>
      </c>
      <c r="BC2078" s="53">
        <v>7907.1050359712199</v>
      </c>
      <c r="BD2078" s="53">
        <v>7907.1050359712199</v>
      </c>
      <c r="BE2078" s="53">
        <v>7907.1050359712199</v>
      </c>
      <c r="BF2078" s="53">
        <v>7907.1050359712199</v>
      </c>
      <c r="BG2078" s="53">
        <v>7907.1050359712199</v>
      </c>
      <c r="BH2078" s="53">
        <v>7907.1050359712199</v>
      </c>
      <c r="BI2078" s="53">
        <v>7907.1050359712199</v>
      </c>
      <c r="BJ2078" s="53">
        <v>7907.1050359712199</v>
      </c>
      <c r="BK2078" s="53">
        <v>7907.1050359712199</v>
      </c>
      <c r="BL2078" s="53">
        <v>7907.1050359712199</v>
      </c>
      <c r="BM2078" s="53">
        <v>7907.1050359712199</v>
      </c>
      <c r="BN2078" s="53">
        <v>94885.260431654693</v>
      </c>
      <c r="BO2078" s="53">
        <v>7907.1050359712199</v>
      </c>
      <c r="BP2078" s="53">
        <v>7907.1050359712199</v>
      </c>
      <c r="BQ2078" s="53">
        <v>7907.1050359712199</v>
      </c>
      <c r="BR2078" s="53">
        <v>7907.1050359712199</v>
      </c>
      <c r="BS2078" s="53">
        <v>7907.1050359712199</v>
      </c>
      <c r="BT2078" s="53">
        <v>7907.1050359712199</v>
      </c>
      <c r="BU2078" s="53">
        <v>7907.1050359712199</v>
      </c>
      <c r="BV2078" s="53">
        <v>7907.1050359712199</v>
      </c>
      <c r="BW2078" s="53">
        <v>7907.1050359712199</v>
      </c>
      <c r="BX2078" s="53">
        <v>7907.1050359712199</v>
      </c>
      <c r="BY2078" s="53">
        <v>7907.1050359712199</v>
      </c>
      <c r="BZ2078" s="53">
        <v>7907.1050359712199</v>
      </c>
      <c r="CA2078" s="53">
        <v>94885.260431654693</v>
      </c>
      <c r="CB2078" s="53"/>
      <c r="CC2078" s="53"/>
      <c r="CD2078" s="53"/>
      <c r="CE2078" s="53"/>
      <c r="CF2078" s="53"/>
      <c r="CG2078" s="53"/>
      <c r="CH2078" s="53"/>
      <c r="CI2078" s="53"/>
      <c r="CJ2078" s="53"/>
      <c r="CK2078" s="53"/>
      <c r="CL2078" s="53"/>
      <c r="CM2078" s="53"/>
      <c r="CN2078" s="53"/>
    </row>
    <row r="2079" spans="1:92" outlineLevel="1">
      <c r="A2079" s="52" t="s">
        <v>1565</v>
      </c>
      <c r="B2079" s="53"/>
      <c r="C2079" s="53"/>
      <c r="D2079" s="53"/>
      <c r="E2079" s="53"/>
      <c r="F2079" s="53"/>
      <c r="G2079" s="53"/>
      <c r="H2079" s="53"/>
      <c r="I2079" s="53"/>
      <c r="J2079" s="53"/>
      <c r="K2079" s="53"/>
      <c r="L2079" s="53">
        <v>5899.2140545538596</v>
      </c>
      <c r="M2079" s="53">
        <v>8857.0264255910897</v>
      </c>
      <c r="N2079" s="53">
        <v>14756.240480144899</v>
      </c>
      <c r="O2079" s="53">
        <v>8857.0264993026503</v>
      </c>
      <c r="P2079" s="53">
        <v>8857.0264993026503</v>
      </c>
      <c r="Q2079" s="53">
        <v>8857.0264993026503</v>
      </c>
      <c r="R2079" s="53">
        <v>8857.0264993026503</v>
      </c>
      <c r="S2079" s="53">
        <v>8857.0264993026503</v>
      </c>
      <c r="T2079" s="53">
        <v>8857.0264993026503</v>
      </c>
      <c r="U2079" s="53">
        <v>8857.0264993026503</v>
      </c>
      <c r="V2079" s="53">
        <v>8857.0264993026503</v>
      </c>
      <c r="W2079" s="53">
        <v>8857.0264993026394</v>
      </c>
      <c r="X2079" s="53">
        <v>8857.0264993026394</v>
      </c>
      <c r="Y2079" s="53">
        <v>8857.0264993026394</v>
      </c>
      <c r="Z2079" s="53">
        <v>8857.0264993026394</v>
      </c>
      <c r="AA2079" s="53">
        <v>106284.317991631</v>
      </c>
      <c r="AB2079" s="53">
        <v>8857.0264993026394</v>
      </c>
      <c r="AC2079" s="53">
        <v>8857.0264993026394</v>
      </c>
      <c r="AD2079" s="53">
        <v>8857.0264993026394</v>
      </c>
      <c r="AE2079" s="53">
        <v>8857.0264993026394</v>
      </c>
      <c r="AF2079" s="53">
        <v>8857.0264993026394</v>
      </c>
      <c r="AG2079" s="53">
        <v>8857.0264993026394</v>
      </c>
      <c r="AH2079" s="53">
        <v>8857.0264993026394</v>
      </c>
      <c r="AI2079" s="53">
        <v>8857.0264993026394</v>
      </c>
      <c r="AJ2079" s="53">
        <v>8857.0264993026394</v>
      </c>
      <c r="AK2079" s="53">
        <v>8857.0264993026394</v>
      </c>
      <c r="AL2079" s="53">
        <v>8857.0264993026394</v>
      </c>
      <c r="AM2079" s="53">
        <v>8857.0264993026394</v>
      </c>
      <c r="AN2079" s="53">
        <v>106284.317991631</v>
      </c>
      <c r="AO2079" s="53">
        <v>8857.0264993026394</v>
      </c>
      <c r="AP2079" s="53">
        <v>8857.0264993026394</v>
      </c>
      <c r="AQ2079" s="53">
        <v>8857.0264993026394</v>
      </c>
      <c r="AR2079" s="53">
        <v>8857.0264993026394</v>
      </c>
      <c r="AS2079" s="53">
        <v>8857.0264993026394</v>
      </c>
      <c r="AT2079" s="53">
        <v>8857.0264993026394</v>
      </c>
      <c r="AU2079" s="53">
        <v>8857.0264993026394</v>
      </c>
      <c r="AV2079" s="53">
        <v>8857.0264993026394</v>
      </c>
      <c r="AW2079" s="53">
        <v>8857.0264993026394</v>
      </c>
      <c r="AX2079" s="53">
        <v>8857.0264993026394</v>
      </c>
      <c r="AY2079" s="53">
        <v>8857.0264993026394</v>
      </c>
      <c r="AZ2079" s="53">
        <v>8857.0264993026394</v>
      </c>
      <c r="BA2079" s="53">
        <v>106284.317991631</v>
      </c>
      <c r="BB2079" s="53">
        <v>8857.0264993026394</v>
      </c>
      <c r="BC2079" s="53">
        <v>8857.0264993026394</v>
      </c>
      <c r="BD2079" s="53">
        <v>8857.0264993026394</v>
      </c>
      <c r="BE2079" s="53">
        <v>8857.0264993026394</v>
      </c>
      <c r="BF2079" s="53">
        <v>8857.0264993026394</v>
      </c>
      <c r="BG2079" s="53">
        <v>8857.0264993026394</v>
      </c>
      <c r="BH2079" s="53">
        <v>8857.0264993026394</v>
      </c>
      <c r="BI2079" s="53">
        <v>8857.0264993026394</v>
      </c>
      <c r="BJ2079" s="53">
        <v>8857.0264993026394</v>
      </c>
      <c r="BK2079" s="53">
        <v>8857.0264993026394</v>
      </c>
      <c r="BL2079" s="53">
        <v>8857.0264993026394</v>
      </c>
      <c r="BM2079" s="53">
        <v>8857.0264993026394</v>
      </c>
      <c r="BN2079" s="53">
        <v>106284.317991631</v>
      </c>
      <c r="BO2079" s="53">
        <v>8857.0264993026394</v>
      </c>
      <c r="BP2079" s="53">
        <v>8857.0264993026394</v>
      </c>
      <c r="BQ2079" s="53">
        <v>8857.0264993026394</v>
      </c>
      <c r="BR2079" s="53">
        <v>8857.0264993026394</v>
      </c>
      <c r="BS2079" s="53">
        <v>8857.0264993026394</v>
      </c>
      <c r="BT2079" s="53">
        <v>8857.0264993026394</v>
      </c>
      <c r="BU2079" s="53">
        <v>8857.0264993026303</v>
      </c>
      <c r="BV2079" s="53">
        <v>8857.0264993026303</v>
      </c>
      <c r="BW2079" s="53">
        <v>8857.0264993026303</v>
      </c>
      <c r="BX2079" s="53">
        <v>8857.0264993026303</v>
      </c>
      <c r="BY2079" s="53">
        <v>8857.0264993026303</v>
      </c>
      <c r="BZ2079" s="53">
        <v>8857.0264993026303</v>
      </c>
      <c r="CA2079" s="53">
        <v>106284.317991631</v>
      </c>
      <c r="CB2079" s="53"/>
      <c r="CC2079" s="53">
        <v>-5062500</v>
      </c>
      <c r="CD2079" s="53"/>
      <c r="CE2079" s="53"/>
      <c r="CF2079" s="53"/>
      <c r="CG2079" s="53"/>
      <c r="CH2079" s="53"/>
      <c r="CI2079" s="53">
        <v>-5062500</v>
      </c>
      <c r="CJ2079" s="53"/>
      <c r="CK2079" s="53"/>
      <c r="CL2079" s="53"/>
      <c r="CM2079" s="53"/>
      <c r="CN2079" s="53">
        <v>-10125000</v>
      </c>
    </row>
    <row r="2080" spans="1:92" outlineLevel="1">
      <c r="A2080" s="52" t="s">
        <v>1592</v>
      </c>
      <c r="B2080" s="53">
        <v>0</v>
      </c>
      <c r="C2080" s="53">
        <v>0</v>
      </c>
      <c r="D2080" s="53">
        <v>0</v>
      </c>
      <c r="E2080" s="53">
        <v>0</v>
      </c>
      <c r="F2080" s="53">
        <v>0</v>
      </c>
      <c r="G2080" s="53">
        <v>0</v>
      </c>
      <c r="H2080" s="53">
        <v>0</v>
      </c>
      <c r="I2080" s="53">
        <v>0</v>
      </c>
      <c r="J2080" s="53">
        <v>0</v>
      </c>
      <c r="K2080" s="53">
        <v>0</v>
      </c>
      <c r="L2080" s="53">
        <v>0</v>
      </c>
      <c r="M2080" s="53">
        <v>0</v>
      </c>
      <c r="N2080" s="53">
        <v>0</v>
      </c>
      <c r="O2080" s="53">
        <v>-1.4210854715202E-11</v>
      </c>
      <c r="P2080" s="53">
        <v>-2.8421709430404001E-11</v>
      </c>
      <c r="Q2080" s="53">
        <v>-4.2632564145605998E-11</v>
      </c>
      <c r="R2080" s="53">
        <v>-4.2632564145605998E-11</v>
      </c>
      <c r="S2080" s="53">
        <v>-4.2632564145605998E-11</v>
      </c>
      <c r="T2080" s="53">
        <v>-4.2632564145605998E-11</v>
      </c>
      <c r="U2080" s="53">
        <v>-5.6843418860808002E-11</v>
      </c>
      <c r="V2080" s="53">
        <v>-7.1054273576010006E-11</v>
      </c>
      <c r="W2080" s="53">
        <v>-8.5265128291211996E-11</v>
      </c>
      <c r="X2080" s="53">
        <v>-9.9475983006414E-11</v>
      </c>
      <c r="Y2080" s="53">
        <v>-1.13686837721616E-10</v>
      </c>
      <c r="Z2080" s="53">
        <v>-1.2789769243681801E-10</v>
      </c>
      <c r="AA2080" s="53">
        <v>-1.2789769243681801E-10</v>
      </c>
      <c r="AB2080" s="53">
        <v>-1.4210854715202001E-10</v>
      </c>
      <c r="AC2080" s="53">
        <v>-1.5631940186722199E-10</v>
      </c>
      <c r="AD2080" s="53">
        <v>-1.7053025658242399E-10</v>
      </c>
      <c r="AE2080" s="53">
        <v>-1.84741111297626E-10</v>
      </c>
      <c r="AF2080" s="53">
        <v>-1.98951966012828E-10</v>
      </c>
      <c r="AG2080" s="53">
        <v>-2.1316282072803E-10</v>
      </c>
      <c r="AH2080" s="53">
        <v>-1.98951966012828E-10</v>
      </c>
      <c r="AI2080" s="53">
        <v>-1.98951966012828E-10</v>
      </c>
      <c r="AJ2080" s="53">
        <v>-1.98951966012828E-10</v>
      </c>
      <c r="AK2080" s="53">
        <v>-1.98951966012828E-10</v>
      </c>
      <c r="AL2080" s="53">
        <v>-1.98951966012828E-10</v>
      </c>
      <c r="AM2080" s="53">
        <v>-1.98951966012828E-10</v>
      </c>
      <c r="AN2080" s="53">
        <v>-1.98951966012828E-10</v>
      </c>
      <c r="AO2080" s="53">
        <v>-1.98951966012828E-10</v>
      </c>
      <c r="AP2080" s="53">
        <v>-1.98951966012828E-10</v>
      </c>
      <c r="AQ2080" s="53">
        <v>-1.98951966012828E-10</v>
      </c>
      <c r="AR2080" s="53">
        <v>-1.98951966012828E-10</v>
      </c>
      <c r="AS2080" s="53">
        <v>-1.98951966012828E-10</v>
      </c>
      <c r="AT2080" s="53">
        <v>-1.98951966012828E-10</v>
      </c>
      <c r="AU2080" s="53">
        <v>-2.1316282072803E-10</v>
      </c>
      <c r="AV2080" s="53">
        <v>-2.1316282072803E-10</v>
      </c>
      <c r="AW2080" s="53">
        <v>-2.1316282072803E-10</v>
      </c>
      <c r="AX2080" s="53">
        <v>-2.1316282072803E-10</v>
      </c>
      <c r="AY2080" s="53">
        <v>-2.1316282072803E-10</v>
      </c>
      <c r="AZ2080" s="53">
        <v>-2.1316282072803E-10</v>
      </c>
      <c r="BA2080" s="53">
        <v>-2.1316282072803E-10</v>
      </c>
      <c r="BB2080" s="53">
        <v>1620.1958762884401</v>
      </c>
      <c r="BC2080" s="53">
        <v>4860.5876288657701</v>
      </c>
      <c r="BD2080" s="53">
        <v>8100.9793814430795</v>
      </c>
      <c r="BE2080" s="53">
        <v>11341.371134020401</v>
      </c>
      <c r="BF2080" s="53">
        <v>14581.7628865977</v>
      </c>
      <c r="BG2080" s="53">
        <v>17822.154639175002</v>
      </c>
      <c r="BH2080" s="53">
        <v>21062.546391752301</v>
      </c>
      <c r="BI2080" s="53">
        <v>24302.938144329601</v>
      </c>
      <c r="BJ2080" s="53">
        <v>27543.3298969069</v>
      </c>
      <c r="BK2080" s="53">
        <v>30783.7216494842</v>
      </c>
      <c r="BL2080" s="53">
        <v>34024.113402061499</v>
      </c>
      <c r="BM2080" s="53">
        <v>37264.505154638799</v>
      </c>
      <c r="BN2080" s="53">
        <v>37264.505154638799</v>
      </c>
      <c r="BO2080" s="53">
        <v>38884.701030927397</v>
      </c>
      <c r="BP2080" s="53">
        <v>40098.635457156903</v>
      </c>
      <c r="BQ2080" s="53">
        <v>41312.569883386401</v>
      </c>
      <c r="BR2080" s="53">
        <v>42526.504309615899</v>
      </c>
      <c r="BS2080" s="53">
        <v>43740.438735845302</v>
      </c>
      <c r="BT2080" s="53">
        <v>44954.3731620748</v>
      </c>
      <c r="BU2080" s="53">
        <v>50760.954204845701</v>
      </c>
      <c r="BV2080" s="53">
        <v>61160.181864157799</v>
      </c>
      <c r="BW2080" s="53">
        <v>71559.409523470007</v>
      </c>
      <c r="BX2080" s="53">
        <v>81958.6371827822</v>
      </c>
      <c r="BY2080" s="53">
        <v>92357.864842094394</v>
      </c>
      <c r="BZ2080" s="53">
        <v>102757.092501406</v>
      </c>
      <c r="CA2080" s="53">
        <v>102757.092501406</v>
      </c>
      <c r="CB2080" s="53"/>
      <c r="CC2080" s="53"/>
      <c r="CD2080" s="53">
        <v>-6637500</v>
      </c>
      <c r="CE2080" s="53"/>
      <c r="CF2080" s="53"/>
      <c r="CG2080" s="53"/>
      <c r="CH2080" s="53"/>
      <c r="CI2080" s="53"/>
      <c r="CJ2080" s="53">
        <v>-6637500</v>
      </c>
      <c r="CK2080" s="53"/>
      <c r="CL2080" s="53"/>
      <c r="CM2080" s="53"/>
      <c r="CN2080" s="53">
        <v>-13275000</v>
      </c>
    </row>
    <row r="2081" spans="1:92" outlineLevel="1">
      <c r="A2081" s="52" t="s">
        <v>1218</v>
      </c>
      <c r="B2081" s="53"/>
      <c r="C2081" s="53"/>
      <c r="D2081" s="53"/>
      <c r="E2081" s="53"/>
      <c r="F2081" s="53"/>
      <c r="G2081" s="53"/>
      <c r="H2081" s="53"/>
      <c r="I2081" s="53"/>
      <c r="J2081" s="53"/>
      <c r="K2081" s="53"/>
      <c r="L2081" s="53"/>
      <c r="M2081" s="53"/>
      <c r="N2081" s="53"/>
      <c r="O2081" s="53"/>
      <c r="P2081" s="53"/>
      <c r="Q2081" s="53"/>
      <c r="R2081" s="53"/>
      <c r="S2081" s="53">
        <v>-5.6843418860808002E-11</v>
      </c>
      <c r="T2081" s="53">
        <v>-5.6843418860808002E-11</v>
      </c>
      <c r="U2081" s="53">
        <v>-1.13686837721616E-10</v>
      </c>
      <c r="V2081" s="53">
        <v>-1.7053025658242399E-10</v>
      </c>
      <c r="W2081" s="53">
        <v>-2.2737367544323201E-10</v>
      </c>
      <c r="X2081" s="53">
        <v>-1.13686837721616E-10</v>
      </c>
      <c r="Y2081" s="53"/>
      <c r="Z2081" s="53">
        <v>5.6843418860808002E-11</v>
      </c>
      <c r="AA2081" s="53"/>
      <c r="AB2081" s="53">
        <v>1.13686837721616E-10</v>
      </c>
      <c r="AC2081" s="53">
        <v>1.7053025658242399E-10</v>
      </c>
      <c r="AD2081" s="53">
        <v>2.2737367544323201E-10</v>
      </c>
      <c r="AE2081" s="53">
        <v>3.4106051316484799E-10</v>
      </c>
      <c r="AF2081" s="53">
        <v>4.5474735088646402E-10</v>
      </c>
      <c r="AG2081" s="53">
        <v>5.1159076974727203E-10</v>
      </c>
      <c r="AH2081" s="53">
        <v>6.2527760746888796E-10</v>
      </c>
      <c r="AI2081" s="53">
        <v>6.8212102632969597E-10</v>
      </c>
      <c r="AJ2081" s="53">
        <v>7.3896444519050399E-10</v>
      </c>
      <c r="AK2081" s="53">
        <v>7.3896444519050399E-10</v>
      </c>
      <c r="AL2081" s="53">
        <v>6.2527760746888796E-10</v>
      </c>
      <c r="AM2081" s="53">
        <v>5.1159076974727203E-10</v>
      </c>
      <c r="AN2081" s="53">
        <v>1.13686837721616E-10</v>
      </c>
      <c r="AO2081" s="53">
        <v>3.97903932025656E-10</v>
      </c>
      <c r="AP2081" s="53">
        <v>2.8421709430404002E-10</v>
      </c>
      <c r="AQ2081" s="53">
        <v>1.7053025658242399E-10</v>
      </c>
      <c r="AR2081" s="53">
        <v>5.6843418860808002E-11</v>
      </c>
      <c r="AS2081" s="53">
        <v>-5.6843418860808002E-11</v>
      </c>
      <c r="AT2081" s="53">
        <v>-1.7053025658242399E-10</v>
      </c>
      <c r="AU2081" s="53">
        <v>-2.8421709430404002E-10</v>
      </c>
      <c r="AV2081" s="53">
        <v>-3.4106051316484799E-10</v>
      </c>
      <c r="AW2081" s="53">
        <v>-3.97903932025656E-10</v>
      </c>
      <c r="AX2081" s="53">
        <v>-5.1159076974727203E-10</v>
      </c>
      <c r="AY2081" s="53">
        <v>-5.1159076974727203E-10</v>
      </c>
      <c r="AZ2081" s="53">
        <v>-5.1159076974727203E-10</v>
      </c>
      <c r="BA2081" s="53">
        <v>3.97903932025656E-10</v>
      </c>
      <c r="BB2081" s="53">
        <v>-5.1159076974727203E-10</v>
      </c>
      <c r="BC2081" s="53">
        <v>24699.690721649</v>
      </c>
      <c r="BD2081" s="53">
        <v>74099.072164947895</v>
      </c>
      <c r="BE2081" s="53">
        <v>123498.453608246</v>
      </c>
      <c r="BF2081" s="53">
        <v>172897.835051545</v>
      </c>
      <c r="BG2081" s="53">
        <v>222297.216494844</v>
      </c>
      <c r="BH2081" s="53">
        <v>271696.59793814301</v>
      </c>
      <c r="BI2081" s="53">
        <v>321095.97938144201</v>
      </c>
      <c r="BJ2081" s="53">
        <v>370495.36082474102</v>
      </c>
      <c r="BK2081" s="53">
        <v>419894.74226804002</v>
      </c>
      <c r="BL2081" s="53">
        <v>469294.12371133902</v>
      </c>
      <c r="BM2081" s="53">
        <v>518693.50515463803</v>
      </c>
      <c r="BN2081" s="53">
        <v>-5.1159076974727203E-10</v>
      </c>
      <c r="BO2081" s="53">
        <v>568092.88659793697</v>
      </c>
      <c r="BP2081" s="53">
        <v>592792.57731958595</v>
      </c>
      <c r="BQ2081" s="53">
        <v>608144.10190975002</v>
      </c>
      <c r="BR2081" s="53">
        <v>623495.62649991398</v>
      </c>
      <c r="BS2081" s="53">
        <v>638847.15109007806</v>
      </c>
      <c r="BT2081" s="53">
        <v>654198.67568024201</v>
      </c>
      <c r="BU2081" s="53">
        <v>669550.20027040597</v>
      </c>
      <c r="BV2081" s="53">
        <v>707397.66471019399</v>
      </c>
      <c r="BW2081" s="53">
        <v>767741.06899960595</v>
      </c>
      <c r="BX2081" s="53">
        <v>828084.47328901803</v>
      </c>
      <c r="BY2081" s="53">
        <v>888427.87757842999</v>
      </c>
      <c r="BZ2081" s="53">
        <v>948771.28186784196</v>
      </c>
      <c r="CA2081" s="53">
        <v>568092.88659793697</v>
      </c>
      <c r="CB2081" s="53"/>
      <c r="CC2081" s="53"/>
      <c r="CD2081" s="53">
        <v>-15875000</v>
      </c>
      <c r="CE2081" s="53"/>
      <c r="CF2081" s="53"/>
      <c r="CG2081" s="53"/>
      <c r="CH2081" s="53"/>
      <c r="CI2081" s="53"/>
      <c r="CJ2081" s="53">
        <v>-15875000</v>
      </c>
      <c r="CK2081" s="53"/>
      <c r="CL2081" s="53"/>
      <c r="CM2081" s="53"/>
      <c r="CN2081" s="53">
        <v>-31750000</v>
      </c>
    </row>
    <row r="2082" spans="1:92" outlineLevel="1">
      <c r="A2082" s="52" t="s">
        <v>699</v>
      </c>
      <c r="B2082" s="53"/>
      <c r="C2082" s="53"/>
      <c r="D2082" s="53"/>
      <c r="E2082" s="53"/>
      <c r="F2082" s="53"/>
      <c r="G2082" s="53"/>
      <c r="H2082" s="53"/>
      <c r="I2082" s="53"/>
      <c r="J2082" s="53"/>
      <c r="K2082" s="53"/>
      <c r="L2082" s="53"/>
      <c r="M2082" s="53"/>
      <c r="N2082" s="53"/>
      <c r="O2082" s="53"/>
      <c r="P2082" s="53"/>
      <c r="Q2082" s="53"/>
      <c r="R2082" s="53"/>
      <c r="S2082" s="53"/>
      <c r="T2082" s="53"/>
      <c r="U2082" s="53"/>
      <c r="V2082" s="53"/>
      <c r="W2082" s="53"/>
      <c r="X2082" s="53"/>
      <c r="Y2082" s="53"/>
      <c r="Z2082" s="53"/>
      <c r="AA2082" s="53"/>
      <c r="AB2082" s="53"/>
      <c r="AC2082" s="53"/>
      <c r="AD2082" s="53"/>
      <c r="AE2082" s="53"/>
      <c r="AF2082" s="53"/>
      <c r="AG2082" s="53"/>
      <c r="AH2082" s="53"/>
      <c r="AI2082" s="53"/>
      <c r="AJ2082" s="53"/>
      <c r="AK2082" s="53"/>
      <c r="AL2082" s="53"/>
      <c r="AM2082" s="53"/>
      <c r="AN2082" s="53"/>
      <c r="AO2082" s="53"/>
      <c r="AP2082" s="53"/>
      <c r="AQ2082" s="53"/>
      <c r="AR2082" s="53"/>
      <c r="AS2082" s="53"/>
      <c r="AT2082" s="53"/>
      <c r="AU2082" s="53"/>
      <c r="AV2082" s="53"/>
      <c r="AW2082" s="53"/>
      <c r="AX2082" s="53"/>
      <c r="AY2082" s="53"/>
      <c r="AZ2082" s="53"/>
      <c r="BA2082" s="53"/>
      <c r="BB2082" s="53"/>
      <c r="BC2082" s="53"/>
      <c r="BD2082" s="53"/>
      <c r="BE2082" s="53"/>
      <c r="BF2082" s="53"/>
      <c r="BG2082" s="53"/>
      <c r="BH2082" s="53"/>
      <c r="BI2082" s="53"/>
      <c r="BJ2082" s="53"/>
      <c r="BK2082" s="53"/>
      <c r="BL2082" s="53"/>
      <c r="BM2082" s="53"/>
      <c r="BN2082" s="53"/>
      <c r="BO2082" s="53"/>
      <c r="BP2082" s="53"/>
      <c r="BQ2082" s="53"/>
      <c r="BR2082" s="53"/>
      <c r="BS2082" s="53"/>
      <c r="BT2082" s="53"/>
      <c r="BU2082" s="53"/>
      <c r="BV2082" s="53"/>
      <c r="BW2082" s="53"/>
      <c r="BX2082" s="53"/>
      <c r="BY2082" s="53"/>
      <c r="BZ2082" s="53"/>
      <c r="CA2082" s="53"/>
      <c r="CB2082" s="53"/>
      <c r="CC2082" s="53"/>
      <c r="CD2082" s="53"/>
      <c r="CE2082" s="53"/>
      <c r="CF2082" s="53"/>
      <c r="CG2082" s="53"/>
      <c r="CH2082" s="53"/>
      <c r="CI2082" s="53"/>
      <c r="CJ2082" s="53"/>
      <c r="CK2082" s="53"/>
      <c r="CL2082" s="53"/>
      <c r="CM2082" s="53"/>
      <c r="CN2082" s="53"/>
    </row>
    <row r="2083" spans="1:92" outlineLevel="1">
      <c r="A2083" s="52" t="s">
        <v>709</v>
      </c>
      <c r="B2083" s="53"/>
      <c r="C2083" s="53"/>
      <c r="D2083" s="53"/>
      <c r="E2083" s="53"/>
      <c r="F2083" s="53"/>
      <c r="G2083" s="53"/>
      <c r="H2083" s="53"/>
      <c r="I2083" s="53"/>
      <c r="J2083" s="53"/>
      <c r="K2083" s="53"/>
      <c r="L2083" s="53"/>
      <c r="M2083" s="53"/>
      <c r="N2083" s="53"/>
      <c r="O2083" s="53"/>
      <c r="P2083" s="53"/>
      <c r="Q2083" s="53"/>
      <c r="R2083" s="53"/>
      <c r="S2083" s="53"/>
      <c r="T2083" s="53"/>
      <c r="U2083" s="53"/>
      <c r="V2083" s="53"/>
      <c r="W2083" s="53"/>
      <c r="X2083" s="53"/>
      <c r="Y2083" s="53"/>
      <c r="Z2083" s="53"/>
      <c r="AA2083" s="53"/>
      <c r="AB2083" s="53"/>
      <c r="AC2083" s="53"/>
      <c r="AD2083" s="53"/>
      <c r="AE2083" s="53"/>
      <c r="AF2083" s="53"/>
      <c r="AG2083" s="53"/>
      <c r="AH2083" s="53"/>
      <c r="AI2083" s="53"/>
      <c r="AJ2083" s="53"/>
      <c r="AK2083" s="53"/>
      <c r="AL2083" s="53"/>
      <c r="AM2083" s="53"/>
      <c r="AN2083" s="53"/>
      <c r="AO2083" s="53"/>
      <c r="AP2083" s="53"/>
      <c r="AQ2083" s="53"/>
      <c r="AR2083" s="53"/>
      <c r="AS2083" s="53"/>
      <c r="AT2083" s="53"/>
      <c r="AU2083" s="53"/>
      <c r="AV2083" s="53"/>
      <c r="AW2083" s="53"/>
      <c r="AX2083" s="53"/>
      <c r="AY2083" s="53"/>
      <c r="AZ2083" s="53"/>
      <c r="BA2083" s="53"/>
      <c r="BB2083" s="53"/>
      <c r="BC2083" s="53"/>
      <c r="BD2083" s="53"/>
      <c r="BE2083" s="53"/>
      <c r="BF2083" s="53"/>
      <c r="BG2083" s="53"/>
      <c r="BH2083" s="53"/>
      <c r="BI2083" s="53"/>
      <c r="BJ2083" s="53"/>
      <c r="BK2083" s="53"/>
      <c r="BL2083" s="53"/>
      <c r="BM2083" s="53"/>
      <c r="BN2083" s="53"/>
      <c r="BO2083" s="53"/>
      <c r="BP2083" s="53"/>
      <c r="BQ2083" s="53"/>
      <c r="BR2083" s="53"/>
      <c r="BS2083" s="53"/>
      <c r="BT2083" s="53"/>
      <c r="BU2083" s="53"/>
      <c r="BV2083" s="53"/>
      <c r="BW2083" s="53"/>
      <c r="BX2083" s="53"/>
      <c r="BY2083" s="53"/>
      <c r="BZ2083" s="53"/>
      <c r="CA2083" s="53"/>
      <c r="CB2083" s="53"/>
      <c r="CC2083" s="53"/>
      <c r="CD2083" s="53"/>
      <c r="CE2083" s="53"/>
      <c r="CF2083" s="53"/>
      <c r="CG2083" s="53"/>
      <c r="CH2083" s="53"/>
      <c r="CI2083" s="53"/>
      <c r="CJ2083" s="53"/>
      <c r="CK2083" s="53"/>
      <c r="CL2083" s="53"/>
      <c r="CM2083" s="53"/>
      <c r="CN2083" s="53"/>
    </row>
    <row r="2084" spans="1:92">
      <c r="A2084" s="52" t="s">
        <v>1593</v>
      </c>
      <c r="B2084" s="53"/>
      <c r="C2084" s="53"/>
      <c r="D2084" s="53"/>
      <c r="E2084" s="53"/>
      <c r="F2084" s="53"/>
      <c r="G2084" s="53"/>
      <c r="H2084" s="53"/>
      <c r="I2084" s="53"/>
      <c r="J2084" s="53"/>
      <c r="K2084" s="53"/>
      <c r="L2084" s="53"/>
      <c r="M2084" s="53"/>
      <c r="N2084" s="53"/>
      <c r="O2084" s="53"/>
      <c r="P2084" s="53"/>
      <c r="Q2084" s="53"/>
      <c r="R2084" s="53"/>
      <c r="S2084" s="53"/>
      <c r="T2084" s="53"/>
      <c r="U2084" s="53"/>
      <c r="V2084" s="53"/>
      <c r="W2084" s="53"/>
      <c r="X2084" s="53"/>
      <c r="Y2084" s="53"/>
      <c r="Z2084" s="53"/>
      <c r="AA2084" s="53"/>
      <c r="AB2084" s="53"/>
      <c r="AC2084" s="53"/>
      <c r="AD2084" s="53"/>
      <c r="AE2084" s="53"/>
      <c r="AF2084" s="53"/>
      <c r="AG2084" s="53"/>
      <c r="AH2084" s="53"/>
      <c r="AI2084" s="53"/>
      <c r="AJ2084" s="53"/>
      <c r="AK2084" s="53"/>
      <c r="AL2084" s="53"/>
      <c r="AM2084" s="53"/>
      <c r="AN2084" s="53"/>
      <c r="AO2084" s="53"/>
      <c r="AP2084" s="53"/>
      <c r="AQ2084" s="53"/>
      <c r="AR2084" s="53"/>
      <c r="AS2084" s="53"/>
      <c r="AT2084" s="53"/>
      <c r="AU2084" s="53"/>
      <c r="AV2084" s="53"/>
      <c r="AW2084" s="53"/>
      <c r="AX2084" s="53"/>
      <c r="AY2084" s="53"/>
      <c r="AZ2084" s="53"/>
      <c r="BA2084" s="53"/>
      <c r="BB2084" s="53"/>
      <c r="BC2084" s="53"/>
      <c r="BD2084" s="53"/>
      <c r="BE2084" s="53"/>
      <c r="BF2084" s="53"/>
      <c r="BG2084" s="53"/>
      <c r="BH2084" s="53"/>
      <c r="BI2084" s="53"/>
      <c r="BJ2084" s="53"/>
      <c r="BK2084" s="53"/>
      <c r="BL2084" s="53"/>
      <c r="BM2084" s="53"/>
      <c r="BN2084" s="53"/>
      <c r="BO2084" s="53"/>
      <c r="BP2084" s="53"/>
      <c r="BQ2084" s="53"/>
      <c r="BR2084" s="53"/>
      <c r="BS2084" s="53"/>
      <c r="BT2084" s="53"/>
      <c r="BU2084" s="53"/>
      <c r="BV2084" s="53"/>
      <c r="BW2084" s="53"/>
      <c r="BX2084" s="53"/>
      <c r="BY2084" s="53"/>
      <c r="BZ2084" s="53"/>
      <c r="CA2084" s="53"/>
      <c r="CB2084" s="53"/>
      <c r="CC2084" s="53"/>
      <c r="CD2084" s="53"/>
      <c r="CE2084" s="53"/>
      <c r="CF2084" s="53"/>
      <c r="CG2084" s="53">
        <v>-32000000</v>
      </c>
      <c r="CH2084" s="53"/>
      <c r="CI2084" s="53"/>
      <c r="CJ2084" s="53"/>
      <c r="CK2084" s="53"/>
      <c r="CL2084" s="53"/>
      <c r="CM2084" s="53">
        <v>-31999999.999999899</v>
      </c>
      <c r="CN2084" s="53">
        <v>-64000000</v>
      </c>
    </row>
    <row r="2085" spans="1:92">
      <c r="A2085" s="52" t="s">
        <v>711</v>
      </c>
      <c r="B2085" s="53">
        <v>-15351.524590163899</v>
      </c>
      <c r="C2085" s="53">
        <v>-15351.524590163899</v>
      </c>
      <c r="D2085" s="53">
        <v>-15351.524590163899</v>
      </c>
      <c r="E2085" s="53">
        <v>-15351.524590163899</v>
      </c>
      <c r="F2085" s="53">
        <v>-15351.524590163899</v>
      </c>
      <c r="G2085" s="53">
        <v>-15351.524590163899</v>
      </c>
      <c r="H2085" s="53">
        <v>-15351.524590163899</v>
      </c>
      <c r="I2085" s="53">
        <v>-15351.524590163899</v>
      </c>
      <c r="J2085" s="53">
        <v>-15351.524590163899</v>
      </c>
      <c r="K2085" s="53">
        <v>-15351.524590163899</v>
      </c>
      <c r="L2085" s="53">
        <v>-15351.524590163899</v>
      </c>
      <c r="M2085" s="53">
        <v>-15351.524590163899</v>
      </c>
      <c r="N2085" s="53">
        <v>-184218.29508196699</v>
      </c>
      <c r="O2085" s="53">
        <v>-15351.524590163899</v>
      </c>
      <c r="P2085" s="53">
        <v>-15351.524590163899</v>
      </c>
      <c r="Q2085" s="53">
        <v>-15351.524590163899</v>
      </c>
      <c r="R2085" s="53">
        <v>-15351.524590163899</v>
      </c>
      <c r="S2085" s="53">
        <v>-15351.524590163899</v>
      </c>
      <c r="T2085" s="53">
        <v>-15351.524590163899</v>
      </c>
      <c r="U2085" s="53">
        <v>-15351.524590163899</v>
      </c>
      <c r="V2085" s="53">
        <v>-15351.524590163899</v>
      </c>
      <c r="W2085" s="53">
        <v>-15351.524590163899</v>
      </c>
      <c r="X2085" s="53">
        <v>-15351.524590163899</v>
      </c>
      <c r="Y2085" s="53">
        <v>-15351.524590163899</v>
      </c>
      <c r="Z2085" s="53">
        <v>-15351.524590163899</v>
      </c>
      <c r="AA2085" s="53">
        <v>-184218.29508196699</v>
      </c>
      <c r="AB2085" s="53">
        <v>-15351.524590163899</v>
      </c>
      <c r="AC2085" s="53">
        <v>-15351.524590163899</v>
      </c>
      <c r="AD2085" s="53">
        <v>-15351.524590163899</v>
      </c>
      <c r="AE2085" s="53">
        <v>-15351.524590163899</v>
      </c>
      <c r="AF2085" s="53">
        <v>-15351.524590163899</v>
      </c>
      <c r="AG2085" s="53">
        <v>-15351.524590163899</v>
      </c>
      <c r="AH2085" s="53">
        <v>-15351.524590163899</v>
      </c>
      <c r="AI2085" s="53">
        <v>-15351.524590163899</v>
      </c>
      <c r="AJ2085" s="53">
        <v>-15351.524590163899</v>
      </c>
      <c r="AK2085" s="53">
        <v>-15351.524590163899</v>
      </c>
      <c r="AL2085" s="53">
        <v>-15351.524590163899</v>
      </c>
      <c r="AM2085" s="53">
        <v>-15351.524590163899</v>
      </c>
      <c r="AN2085" s="53">
        <v>-184218.29508196699</v>
      </c>
      <c r="AO2085" s="53">
        <v>-15351.524590163899</v>
      </c>
      <c r="AP2085" s="53">
        <v>-15351.524590163899</v>
      </c>
      <c r="AQ2085" s="53">
        <v>-15351.524590163899</v>
      </c>
      <c r="AR2085" s="53">
        <v>-15351.524590163899</v>
      </c>
      <c r="AS2085" s="53">
        <v>-15351.524590163899</v>
      </c>
      <c r="AT2085" s="53">
        <v>-15351.524590163899</v>
      </c>
      <c r="AU2085" s="53">
        <v>-15351.524590163899</v>
      </c>
      <c r="AV2085" s="53">
        <v>-15351.524590163899</v>
      </c>
      <c r="AW2085" s="53">
        <v>-15351.524590163899</v>
      </c>
      <c r="AX2085" s="53">
        <v>-15351.524590163899</v>
      </c>
      <c r="AY2085" s="53">
        <v>-15351.524590163899</v>
      </c>
      <c r="AZ2085" s="53">
        <v>-15351.524590163899</v>
      </c>
      <c r="BA2085" s="53">
        <v>-184218.29508196699</v>
      </c>
      <c r="BB2085" s="53">
        <v>-15351.524590163899</v>
      </c>
      <c r="BC2085" s="53">
        <v>-15351.524590163899</v>
      </c>
      <c r="BD2085" s="53">
        <v>-15351.524590163899</v>
      </c>
      <c r="BE2085" s="53">
        <v>-15351.524590163899</v>
      </c>
      <c r="BF2085" s="53">
        <v>-15351.524590163899</v>
      </c>
      <c r="BG2085" s="53">
        <v>-15351.524590163899</v>
      </c>
      <c r="BH2085" s="53">
        <v>-15351.524590163899</v>
      </c>
      <c r="BI2085" s="53">
        <v>-15351.524590163899</v>
      </c>
      <c r="BJ2085" s="53">
        <v>-15351.524590163899</v>
      </c>
      <c r="BK2085" s="53">
        <v>-15351.524590163899</v>
      </c>
      <c r="BL2085" s="53">
        <v>-15351.524590163899</v>
      </c>
      <c r="BM2085" s="53">
        <v>-15351.524590163899</v>
      </c>
      <c r="BN2085" s="53">
        <v>-184218.29508196699</v>
      </c>
      <c r="BO2085" s="53">
        <v>-15351.524590163899</v>
      </c>
      <c r="BP2085" s="53"/>
      <c r="BQ2085" s="53"/>
      <c r="BR2085" s="53"/>
      <c r="BS2085" s="53"/>
      <c r="BT2085" s="53"/>
      <c r="BU2085" s="53"/>
      <c r="BV2085" s="53"/>
      <c r="BW2085" s="53"/>
      <c r="BX2085" s="53"/>
      <c r="BY2085" s="53"/>
      <c r="BZ2085" s="53"/>
      <c r="CA2085" s="53">
        <v>-15351.524590163899</v>
      </c>
      <c r="CB2085" s="53"/>
      <c r="CC2085" s="53"/>
      <c r="CD2085" s="53"/>
      <c r="CE2085" s="53">
        <v>-9887500</v>
      </c>
      <c r="CF2085" s="53"/>
      <c r="CG2085" s="53"/>
      <c r="CH2085" s="53"/>
      <c r="CI2085" s="53"/>
      <c r="CJ2085" s="53"/>
      <c r="CK2085" s="53">
        <v>-9887500</v>
      </c>
      <c r="CL2085" s="53"/>
      <c r="CM2085" s="53"/>
      <c r="CN2085" s="53">
        <v>-19775000</v>
      </c>
    </row>
    <row r="2086" spans="1:92">
      <c r="A2086" s="52" t="s">
        <v>712</v>
      </c>
      <c r="B2086" s="53">
        <v>-8310.1065573770393</v>
      </c>
      <c r="C2086" s="53">
        <v>-8310.1065573770393</v>
      </c>
      <c r="D2086" s="53">
        <v>-8310.1065573770393</v>
      </c>
      <c r="E2086" s="53">
        <v>-8310.1065573770393</v>
      </c>
      <c r="F2086" s="53">
        <v>-8310.1065573770502</v>
      </c>
      <c r="G2086" s="53">
        <v>-8310.1065573770502</v>
      </c>
      <c r="H2086" s="53">
        <v>-8310.1065573770502</v>
      </c>
      <c r="I2086" s="53">
        <v>-8310.1065573770502</v>
      </c>
      <c r="J2086" s="53">
        <v>-8310.1065573770502</v>
      </c>
      <c r="K2086" s="53">
        <v>-8310.1065573770502</v>
      </c>
      <c r="L2086" s="53">
        <v>-8310.1065573770502</v>
      </c>
      <c r="M2086" s="53">
        <v>-8310.1065573770502</v>
      </c>
      <c r="N2086" s="53">
        <v>-99721.278688524602</v>
      </c>
      <c r="O2086" s="53">
        <v>-8310.1065573770502</v>
      </c>
      <c r="P2086" s="53">
        <v>-8310.1065573770502</v>
      </c>
      <c r="Q2086" s="53">
        <v>-8310.1065573770502</v>
      </c>
      <c r="R2086" s="53">
        <v>-8310.1065573770502</v>
      </c>
      <c r="S2086" s="53">
        <v>-8310.1065573770502</v>
      </c>
      <c r="T2086" s="53">
        <v>-8310.1065573770502</v>
      </c>
      <c r="U2086" s="53">
        <v>-8310.1065573770502</v>
      </c>
      <c r="V2086" s="53">
        <v>-8310.1065573770502</v>
      </c>
      <c r="W2086" s="53">
        <v>-8310.1065573770502</v>
      </c>
      <c r="X2086" s="53">
        <v>-8310.1065573770502</v>
      </c>
      <c r="Y2086" s="53">
        <v>-8310.1065573770502</v>
      </c>
      <c r="Z2086" s="53">
        <v>-8310.1065573770502</v>
      </c>
      <c r="AA2086" s="53">
        <v>-99721.278688524602</v>
      </c>
      <c r="AB2086" s="53">
        <v>-8310.1065573770502</v>
      </c>
      <c r="AC2086" s="53">
        <v>-8310.1065573770502</v>
      </c>
      <c r="AD2086" s="53">
        <v>-8310.1065573770502</v>
      </c>
      <c r="AE2086" s="53">
        <v>-8310.1065573770502</v>
      </c>
      <c r="AF2086" s="53">
        <v>-8310.1065573770502</v>
      </c>
      <c r="AG2086" s="53">
        <v>-8310.1065573770502</v>
      </c>
      <c r="AH2086" s="53">
        <v>-8310.1065573770502</v>
      </c>
      <c r="AI2086" s="53">
        <v>-8310.1065573770502</v>
      </c>
      <c r="AJ2086" s="53">
        <v>-8310.1065573770502</v>
      </c>
      <c r="AK2086" s="53">
        <v>-8310.1065573770502</v>
      </c>
      <c r="AL2086" s="53">
        <v>-8310.1065573770502</v>
      </c>
      <c r="AM2086" s="53">
        <v>-8310.1065573770502</v>
      </c>
      <c r="AN2086" s="53">
        <v>-99721.278688524602</v>
      </c>
      <c r="AO2086" s="53">
        <v>-8310.1065573770593</v>
      </c>
      <c r="AP2086" s="53">
        <v>-8310.1065573770593</v>
      </c>
      <c r="AQ2086" s="53">
        <v>-8310.1065573770593</v>
      </c>
      <c r="AR2086" s="53">
        <v>-8310.1065573770593</v>
      </c>
      <c r="AS2086" s="53">
        <v>-8310.1065573770593</v>
      </c>
      <c r="AT2086" s="53">
        <v>-8310.1065573770593</v>
      </c>
      <c r="AU2086" s="53">
        <v>-8310.1065573770593</v>
      </c>
      <c r="AV2086" s="53">
        <v>-8310.1065573770593</v>
      </c>
      <c r="AW2086" s="53">
        <v>-8310.1065573770593</v>
      </c>
      <c r="AX2086" s="53">
        <v>-8310.1065573770593</v>
      </c>
      <c r="AY2086" s="53">
        <v>-8310.1065573770593</v>
      </c>
      <c r="AZ2086" s="53">
        <v>-8310.1065573770593</v>
      </c>
      <c r="BA2086" s="53">
        <v>-99721.278688524704</v>
      </c>
      <c r="BB2086" s="53">
        <v>-8310.1065573770593</v>
      </c>
      <c r="BC2086" s="53">
        <v>-8310.1065573770593</v>
      </c>
      <c r="BD2086" s="53">
        <v>-8310.1065573770593</v>
      </c>
      <c r="BE2086" s="53">
        <v>-8310.1065573770593</v>
      </c>
      <c r="BF2086" s="53">
        <v>-8310.1065573770593</v>
      </c>
      <c r="BG2086" s="53">
        <v>-8310.1065573770593</v>
      </c>
      <c r="BH2086" s="53">
        <v>-8310.1065573770593</v>
      </c>
      <c r="BI2086" s="53">
        <v>-8310.1065573770593</v>
      </c>
      <c r="BJ2086" s="53">
        <v>-8310.1065573770593</v>
      </c>
      <c r="BK2086" s="53">
        <v>-8310.1065573770702</v>
      </c>
      <c r="BL2086" s="53">
        <v>-8310.1065573770702</v>
      </c>
      <c r="BM2086" s="53">
        <v>-8310.1065573770702</v>
      </c>
      <c r="BN2086" s="53">
        <v>-99721.278688524806</v>
      </c>
      <c r="BO2086" s="53">
        <v>-8310.1065573770702</v>
      </c>
      <c r="BP2086" s="53">
        <v>-8310.1065573770702</v>
      </c>
      <c r="BQ2086" s="53">
        <v>-8310.1065573770702</v>
      </c>
      <c r="BR2086" s="53">
        <v>-8310.1065573770702</v>
      </c>
      <c r="BS2086" s="53">
        <v>-8310.1065573770702</v>
      </c>
      <c r="BT2086" s="53">
        <v>-8310.1065573770702</v>
      </c>
      <c r="BU2086" s="53">
        <v>-8310.1065573770702</v>
      </c>
      <c r="BV2086" s="53">
        <v>-8310.1065573770702</v>
      </c>
      <c r="BW2086" s="53">
        <v>-8310.1065573770702</v>
      </c>
      <c r="BX2086" s="53">
        <v>-8310.1065573770702</v>
      </c>
      <c r="BY2086" s="53">
        <v>-8310.1065573770702</v>
      </c>
      <c r="BZ2086" s="53">
        <v>-8310.1065573770593</v>
      </c>
      <c r="CA2086" s="53">
        <v>-99721.278688524806</v>
      </c>
      <c r="CB2086" s="53"/>
      <c r="CC2086" s="53"/>
      <c r="CD2086" s="53"/>
      <c r="CE2086" s="53"/>
      <c r="CF2086" s="53">
        <v>-7699999.9999999898</v>
      </c>
      <c r="CG2086" s="53"/>
      <c r="CH2086" s="53"/>
      <c r="CI2086" s="53"/>
      <c r="CJ2086" s="53"/>
      <c r="CK2086" s="53"/>
      <c r="CL2086" s="53">
        <v>-7700000</v>
      </c>
      <c r="CM2086" s="53"/>
      <c r="CN2086" s="53">
        <v>-15400000</v>
      </c>
    </row>
    <row r="2087" spans="1:92">
      <c r="A2087" s="52" t="s">
        <v>713</v>
      </c>
      <c r="B2087" s="53">
        <v>-18632.7082152974</v>
      </c>
      <c r="C2087" s="53">
        <v>-18632.7082152974</v>
      </c>
      <c r="D2087" s="53">
        <v>-18632.7082152974</v>
      </c>
      <c r="E2087" s="53">
        <v>-18632.7082152974</v>
      </c>
      <c r="F2087" s="53">
        <v>-18632.7082152974</v>
      </c>
      <c r="G2087" s="53">
        <v>-18632.7082152974</v>
      </c>
      <c r="H2087" s="53">
        <v>-18632.7082152974</v>
      </c>
      <c r="I2087" s="53">
        <v>-18632.7082152974</v>
      </c>
      <c r="J2087" s="53">
        <v>-18632.7082152974</v>
      </c>
      <c r="K2087" s="53">
        <v>-18632.7082152974</v>
      </c>
      <c r="L2087" s="53">
        <v>-18632.7082152974</v>
      </c>
      <c r="M2087" s="53">
        <v>-18632.7082152974</v>
      </c>
      <c r="N2087" s="53">
        <v>-223592.49858356899</v>
      </c>
      <c r="O2087" s="53">
        <v>-18632.7082152974</v>
      </c>
      <c r="P2087" s="53">
        <v>-18632.7082152974</v>
      </c>
      <c r="Q2087" s="53">
        <v>-18632.7082152974</v>
      </c>
      <c r="R2087" s="53">
        <v>-18632.7082152974</v>
      </c>
      <c r="S2087" s="53">
        <v>-18632.7082152974</v>
      </c>
      <c r="T2087" s="53">
        <v>-18632.7082152974</v>
      </c>
      <c r="U2087" s="53">
        <v>-18632.7082152974</v>
      </c>
      <c r="V2087" s="53">
        <v>-18632.7082152974</v>
      </c>
      <c r="W2087" s="53">
        <v>-18632.7082152974</v>
      </c>
      <c r="X2087" s="53">
        <v>-18632.7082152974</v>
      </c>
      <c r="Y2087" s="53">
        <v>-18632.7082152974</v>
      </c>
      <c r="Z2087" s="53">
        <v>-18632.7082152974</v>
      </c>
      <c r="AA2087" s="53">
        <v>-223592.49858356899</v>
      </c>
      <c r="AB2087" s="53">
        <v>-18632.7082152974</v>
      </c>
      <c r="AC2087" s="53">
        <v>-18632.7082152974</v>
      </c>
      <c r="AD2087" s="53">
        <v>-18632.7082152974</v>
      </c>
      <c r="AE2087" s="53">
        <v>-18632.7082152974</v>
      </c>
      <c r="AF2087" s="53">
        <v>-18632.7082152974</v>
      </c>
      <c r="AG2087" s="53">
        <v>-18632.7082152974</v>
      </c>
      <c r="AH2087" s="53">
        <v>-18632.7082152974</v>
      </c>
      <c r="AI2087" s="53">
        <v>-18632.7082152974</v>
      </c>
      <c r="AJ2087" s="53">
        <v>-18632.7082152974</v>
      </c>
      <c r="AK2087" s="53">
        <v>-18632.7082152974</v>
      </c>
      <c r="AL2087" s="53">
        <v>-18632.7082152974</v>
      </c>
      <c r="AM2087" s="53">
        <v>-18632.7082152974</v>
      </c>
      <c r="AN2087" s="53">
        <v>-223592.49858356899</v>
      </c>
      <c r="AO2087" s="53">
        <v>-18632.7082152974</v>
      </c>
      <c r="AP2087" s="53">
        <v>-18632.7082152974</v>
      </c>
      <c r="AQ2087" s="53">
        <v>-18632.7082152974</v>
      </c>
      <c r="AR2087" s="53">
        <v>-18632.7082152974</v>
      </c>
      <c r="AS2087" s="53">
        <v>-18632.7082152974</v>
      </c>
      <c r="AT2087" s="53">
        <v>-18632.7082152974</v>
      </c>
      <c r="AU2087" s="53">
        <v>-18632.7082152974</v>
      </c>
      <c r="AV2087" s="53">
        <v>-18632.7082152974</v>
      </c>
      <c r="AW2087" s="53">
        <v>-18632.7082152974</v>
      </c>
      <c r="AX2087" s="53">
        <v>-18632.7082152974</v>
      </c>
      <c r="AY2087" s="53">
        <v>-18632.7082152974</v>
      </c>
      <c r="AZ2087" s="53">
        <v>-18632.7082152974</v>
      </c>
      <c r="BA2087" s="53">
        <v>-223592.49858356899</v>
      </c>
      <c r="BB2087" s="53">
        <v>-18632.7082152974</v>
      </c>
      <c r="BC2087" s="53">
        <v>-18632.7082152974</v>
      </c>
      <c r="BD2087" s="53">
        <v>-18632.7082152974</v>
      </c>
      <c r="BE2087" s="53">
        <v>-18632.7082152974</v>
      </c>
      <c r="BF2087" s="53">
        <v>-18632.7082152974</v>
      </c>
      <c r="BG2087" s="53">
        <v>-18632.7082152974</v>
      </c>
      <c r="BH2087" s="53">
        <v>-18632.7082152974</v>
      </c>
      <c r="BI2087" s="53">
        <v>-18632.7082152974</v>
      </c>
      <c r="BJ2087" s="53">
        <v>-18632.7082152974</v>
      </c>
      <c r="BK2087" s="53">
        <v>-18632.7082152974</v>
      </c>
      <c r="BL2087" s="53">
        <v>-18632.7082152974</v>
      </c>
      <c r="BM2087" s="53">
        <v>-18632.7082152974</v>
      </c>
      <c r="BN2087" s="53">
        <v>-223592.49858356899</v>
      </c>
      <c r="BO2087" s="53">
        <v>-18632.7082152974</v>
      </c>
      <c r="BP2087" s="53">
        <v>-18632.7082152974</v>
      </c>
      <c r="BQ2087" s="53">
        <v>-18632.7082152974</v>
      </c>
      <c r="BR2087" s="53">
        <v>-18632.7082152974</v>
      </c>
      <c r="BS2087" s="53">
        <v>-18632.7082152974</v>
      </c>
      <c r="BT2087" s="53">
        <v>-18632.7082152974</v>
      </c>
      <c r="BU2087" s="53">
        <v>-18632.7082152974</v>
      </c>
      <c r="BV2087" s="53">
        <v>-18632.7082152974</v>
      </c>
      <c r="BW2087" s="53">
        <v>-18632.7082152974</v>
      </c>
      <c r="BX2087" s="53">
        <v>-18632.7082152974</v>
      </c>
      <c r="BY2087" s="53">
        <v>-18632.7082152974</v>
      </c>
      <c r="BZ2087" s="53">
        <v>-18632.7082152974</v>
      </c>
      <c r="CA2087" s="53">
        <v>-223592.49858356899</v>
      </c>
      <c r="CB2087" s="53">
        <v>-468750</v>
      </c>
      <c r="CC2087" s="53">
        <v>-489583.33333333302</v>
      </c>
      <c r="CD2087" s="53">
        <v>-489583.33333333302</v>
      </c>
      <c r="CE2087" s="53">
        <v>-489583.33333333302</v>
      </c>
      <c r="CF2087" s="53">
        <v>-489583.33333333302</v>
      </c>
      <c r="CG2087" s="53">
        <v>-489583.33333333302</v>
      </c>
      <c r="CH2087" s="53">
        <v>-489583.33333333302</v>
      </c>
      <c r="CI2087" s="53">
        <v>-489583.33333333302</v>
      </c>
      <c r="CJ2087" s="53">
        <v>-489583.33333333302</v>
      </c>
      <c r="CK2087" s="53">
        <v>-489583.33333333302</v>
      </c>
      <c r="CL2087" s="53">
        <v>-489583.33333333302</v>
      </c>
      <c r="CM2087" s="53">
        <v>-489583.33333333302</v>
      </c>
      <c r="CN2087" s="53">
        <v>-5854166.6666666605</v>
      </c>
    </row>
    <row r="2088" spans="1:92">
      <c r="A2088" s="52" t="s">
        <v>716</v>
      </c>
      <c r="B2088" s="53">
        <v>-36488.3342318059</v>
      </c>
      <c r="C2088" s="53">
        <v>-36488.3342318059</v>
      </c>
      <c r="D2088" s="53">
        <v>-36488.3342318059</v>
      </c>
      <c r="E2088" s="53">
        <v>-36488.3342318059</v>
      </c>
      <c r="F2088" s="53">
        <v>-36488.3342318059</v>
      </c>
      <c r="G2088" s="53">
        <v>-36488.3342318059</v>
      </c>
      <c r="H2088" s="53">
        <v>-36488.3342318059</v>
      </c>
      <c r="I2088" s="53">
        <v>-36488.3342318059</v>
      </c>
      <c r="J2088" s="53">
        <v>-36488.3342318059</v>
      </c>
      <c r="K2088" s="53">
        <v>-36488.3342318059</v>
      </c>
      <c r="L2088" s="53">
        <v>-36488.3342318059</v>
      </c>
      <c r="M2088" s="53">
        <v>-36488.3342318059</v>
      </c>
      <c r="N2088" s="53">
        <v>-437860.01078167098</v>
      </c>
      <c r="O2088" s="53">
        <v>-36488.3342318059</v>
      </c>
      <c r="P2088" s="53">
        <v>-36488.3342318059</v>
      </c>
      <c r="Q2088" s="53">
        <v>-36488.3342318059</v>
      </c>
      <c r="R2088" s="53">
        <v>-36488.3342318059</v>
      </c>
      <c r="S2088" s="53">
        <v>-36488.3342318059</v>
      </c>
      <c r="T2088" s="53">
        <v>-36488.3342318059</v>
      </c>
      <c r="U2088" s="53">
        <v>-36488.3342318059</v>
      </c>
      <c r="V2088" s="53">
        <v>-36488.3342318059</v>
      </c>
      <c r="W2088" s="53">
        <v>-36488.334231805798</v>
      </c>
      <c r="X2088" s="53">
        <v>-36488.334231805798</v>
      </c>
      <c r="Y2088" s="53">
        <v>-36488.334231805798</v>
      </c>
      <c r="Z2088" s="53">
        <v>-36488.334231805798</v>
      </c>
      <c r="AA2088" s="53">
        <v>-437860.01078166999</v>
      </c>
      <c r="AB2088" s="53">
        <v>-36488.334231805798</v>
      </c>
      <c r="AC2088" s="53">
        <v>-36488.334231805798</v>
      </c>
      <c r="AD2088" s="53">
        <v>-36488.334231805798</v>
      </c>
      <c r="AE2088" s="53">
        <v>-36488.334231805798</v>
      </c>
      <c r="AF2088" s="53">
        <v>-36488.334231805798</v>
      </c>
      <c r="AG2088" s="53">
        <v>-36488.334231805798</v>
      </c>
      <c r="AH2088" s="53">
        <v>-36488.334231805798</v>
      </c>
      <c r="AI2088" s="53">
        <v>-36488.334231805798</v>
      </c>
      <c r="AJ2088" s="53">
        <v>-36488.334231805798</v>
      </c>
      <c r="AK2088" s="53">
        <v>-36488.334231805798</v>
      </c>
      <c r="AL2088" s="53">
        <v>-36488.334231805798</v>
      </c>
      <c r="AM2088" s="53">
        <v>-36488.334231805798</v>
      </c>
      <c r="AN2088" s="53">
        <v>-437860.01078166999</v>
      </c>
      <c r="AO2088" s="53">
        <v>-36488.334231805798</v>
      </c>
      <c r="AP2088" s="53">
        <v>-36488.334231805798</v>
      </c>
      <c r="AQ2088" s="53">
        <v>-36488.334231805798</v>
      </c>
      <c r="AR2088" s="53">
        <v>-36488.334231805798</v>
      </c>
      <c r="AS2088" s="53">
        <v>-36488.334231805798</v>
      </c>
      <c r="AT2088" s="53">
        <v>-36488.334231805798</v>
      </c>
      <c r="AU2088" s="53">
        <v>-36488.334231805798</v>
      </c>
      <c r="AV2088" s="53">
        <v>-36488.334231805798</v>
      </c>
      <c r="AW2088" s="53">
        <v>-36488.334231805798</v>
      </c>
      <c r="AX2088" s="53">
        <v>-36488.334231805798</v>
      </c>
      <c r="AY2088" s="53">
        <v>-36488.334231805798</v>
      </c>
      <c r="AZ2088" s="53">
        <v>-36488.334231805798</v>
      </c>
      <c r="BA2088" s="53">
        <v>-437860.01078166999</v>
      </c>
      <c r="BB2088" s="53">
        <v>-36488.334231805798</v>
      </c>
      <c r="BC2088" s="53">
        <v>-36488.334231805798</v>
      </c>
      <c r="BD2088" s="53">
        <v>-36488.334231805798</v>
      </c>
      <c r="BE2088" s="53">
        <v>-36488.334231805798</v>
      </c>
      <c r="BF2088" s="53">
        <v>-36488.334231805798</v>
      </c>
      <c r="BG2088" s="53">
        <v>-36488.334231805798</v>
      </c>
      <c r="BH2088" s="53">
        <v>-36488.334231805798</v>
      </c>
      <c r="BI2088" s="53">
        <v>-36488.334231805798</v>
      </c>
      <c r="BJ2088" s="53">
        <v>-36488.334231805798</v>
      </c>
      <c r="BK2088" s="53">
        <v>-36488.334231805798</v>
      </c>
      <c r="BL2088" s="53">
        <v>-36488.334231805798</v>
      </c>
      <c r="BM2088" s="53">
        <v>-36488.334231805697</v>
      </c>
      <c r="BN2088" s="53">
        <v>-437860.010781669</v>
      </c>
      <c r="BO2088" s="53">
        <v>-36488.334231805697</v>
      </c>
      <c r="BP2088" s="53">
        <v>-36488.334231805697</v>
      </c>
      <c r="BQ2088" s="53">
        <v>-36488.334231805697</v>
      </c>
      <c r="BR2088" s="53">
        <v>-36488.334231805697</v>
      </c>
      <c r="BS2088" s="53">
        <v>-36488.334231805697</v>
      </c>
      <c r="BT2088" s="53">
        <v>-36488.334231805697</v>
      </c>
      <c r="BU2088" s="53">
        <v>-36488.334231805697</v>
      </c>
      <c r="BV2088" s="53">
        <v>-36488.334231805697</v>
      </c>
      <c r="BW2088" s="53">
        <v>-36488.334231805697</v>
      </c>
      <c r="BX2088" s="53">
        <v>-36488.334231805697</v>
      </c>
      <c r="BY2088" s="53">
        <v>-36488.334231805697</v>
      </c>
      <c r="BZ2088" s="53">
        <v>-36488.334231805697</v>
      </c>
      <c r="CA2088" s="53">
        <v>-437860.010781669</v>
      </c>
      <c r="CB2088" s="53"/>
      <c r="CC2088" s="53"/>
      <c r="CD2088" s="53"/>
      <c r="CE2088" s="53"/>
      <c r="CF2088" s="53"/>
      <c r="CG2088" s="53"/>
      <c r="CH2088" s="53"/>
      <c r="CI2088" s="53"/>
      <c r="CJ2088" s="53"/>
      <c r="CK2088" s="53"/>
      <c r="CL2088" s="53"/>
      <c r="CM2088" s="53"/>
      <c r="CN2088" s="53"/>
    </row>
    <row r="2089" spans="1:92">
      <c r="A2089" s="52" t="s">
        <v>717</v>
      </c>
      <c r="B2089" s="53">
        <v>-13019.144927536199</v>
      </c>
      <c r="C2089" s="53">
        <v>-13019.144927536199</v>
      </c>
      <c r="D2089" s="53">
        <v>-13019.144927536199</v>
      </c>
      <c r="E2089" s="53">
        <v>-13019.144927536199</v>
      </c>
      <c r="F2089" s="53">
        <v>-13019.144927536199</v>
      </c>
      <c r="G2089" s="53">
        <v>-13019.144927536199</v>
      </c>
      <c r="H2089" s="53">
        <v>-13019.144927536199</v>
      </c>
      <c r="I2089" s="53">
        <v>-13019.144927536199</v>
      </c>
      <c r="J2089" s="53">
        <v>-13019.144927536199</v>
      </c>
      <c r="K2089" s="53">
        <v>-13019.144927536199</v>
      </c>
      <c r="L2089" s="53">
        <v>-13019.144927536199</v>
      </c>
      <c r="M2089" s="53">
        <v>-13019.144927536199</v>
      </c>
      <c r="N2089" s="53">
        <v>-156229.739130434</v>
      </c>
      <c r="O2089" s="53">
        <v>-13019.144927536199</v>
      </c>
      <c r="P2089" s="53">
        <v>-13019.144927536199</v>
      </c>
      <c r="Q2089" s="53">
        <v>-13019.144927536199</v>
      </c>
      <c r="R2089" s="53">
        <v>-13019.144927536199</v>
      </c>
      <c r="S2089" s="53">
        <v>-13019.144927536199</v>
      </c>
      <c r="T2089" s="53">
        <v>-13019.144927536199</v>
      </c>
      <c r="U2089" s="53">
        <v>-13019.144927536199</v>
      </c>
      <c r="V2089" s="53">
        <v>-13019.144927536199</v>
      </c>
      <c r="W2089" s="53">
        <v>-13019.144927536199</v>
      </c>
      <c r="X2089" s="53">
        <v>-13019.144927536199</v>
      </c>
      <c r="Y2089" s="53">
        <v>-13019.144927536199</v>
      </c>
      <c r="Z2089" s="53">
        <v>-13019.144927536199</v>
      </c>
      <c r="AA2089" s="53">
        <v>-156229.739130434</v>
      </c>
      <c r="AB2089" s="53">
        <v>-13019.144927536199</v>
      </c>
      <c r="AC2089" s="53">
        <v>-13019.144927536199</v>
      </c>
      <c r="AD2089" s="53">
        <v>-13019.144927536199</v>
      </c>
      <c r="AE2089" s="53">
        <v>-13019.144927536199</v>
      </c>
      <c r="AF2089" s="53">
        <v>-13019.144927536199</v>
      </c>
      <c r="AG2089" s="53">
        <v>-13019.144927536199</v>
      </c>
      <c r="AH2089" s="53">
        <v>-13019.144927536199</v>
      </c>
      <c r="AI2089" s="53">
        <v>-13019.144927536199</v>
      </c>
      <c r="AJ2089" s="53">
        <v>-13019.144927536199</v>
      </c>
      <c r="AK2089" s="53">
        <v>-13019.144927536199</v>
      </c>
      <c r="AL2089" s="53">
        <v>-13019.144927536199</v>
      </c>
      <c r="AM2089" s="53">
        <v>-13019.144927536199</v>
      </c>
      <c r="AN2089" s="53">
        <v>-156229.739130434</v>
      </c>
      <c r="AO2089" s="53">
        <v>-13019.144927536199</v>
      </c>
      <c r="AP2089" s="53">
        <v>-13019.144927536199</v>
      </c>
      <c r="AQ2089" s="53">
        <v>-13019.144927536199</v>
      </c>
      <c r="AR2089" s="53">
        <v>-13019.144927536199</v>
      </c>
      <c r="AS2089" s="53">
        <v>-13019.144927536199</v>
      </c>
      <c r="AT2089" s="53">
        <v>-13019.144927536199</v>
      </c>
      <c r="AU2089" s="53">
        <v>-13019.144927536199</v>
      </c>
      <c r="AV2089" s="53">
        <v>-13019.144927536199</v>
      </c>
      <c r="AW2089" s="53">
        <v>-13019.144927536199</v>
      </c>
      <c r="AX2089" s="53">
        <v>-13019.144927536199</v>
      </c>
      <c r="AY2089" s="53">
        <v>-13019.144927536199</v>
      </c>
      <c r="AZ2089" s="53">
        <v>-13019.144927536199</v>
      </c>
      <c r="BA2089" s="53">
        <v>-156229.739130434</v>
      </c>
      <c r="BB2089" s="53">
        <v>-13019.144927536199</v>
      </c>
      <c r="BC2089" s="53">
        <v>-13019.144927536199</v>
      </c>
      <c r="BD2089" s="53">
        <v>-13019.144927536199</v>
      </c>
      <c r="BE2089" s="53">
        <v>-13019.144927536199</v>
      </c>
      <c r="BF2089" s="53">
        <v>-13019.144927536199</v>
      </c>
      <c r="BG2089" s="53">
        <v>-13019.144927536199</v>
      </c>
      <c r="BH2089" s="53">
        <v>-13019.144927536199</v>
      </c>
      <c r="BI2089" s="53">
        <v>-13019.144927536199</v>
      </c>
      <c r="BJ2089" s="53">
        <v>-13019.144927536199</v>
      </c>
      <c r="BK2089" s="53">
        <v>-13019.144927536199</v>
      </c>
      <c r="BL2089" s="53">
        <v>-13019.144927536199</v>
      </c>
      <c r="BM2089" s="53">
        <v>-13019.144927536199</v>
      </c>
      <c r="BN2089" s="53">
        <v>-156229.739130434</v>
      </c>
      <c r="BO2089" s="53">
        <v>-13019.144927536199</v>
      </c>
      <c r="BP2089" s="53">
        <v>-13019.144927536199</v>
      </c>
      <c r="BQ2089" s="53">
        <v>-13019.144927536199</v>
      </c>
      <c r="BR2089" s="53">
        <v>-13019.144927536199</v>
      </c>
      <c r="BS2089" s="53">
        <v>-13019.144927536199</v>
      </c>
      <c r="BT2089" s="53">
        <v>-13019.144927536199</v>
      </c>
      <c r="BU2089" s="53">
        <v>-13019.144927536199</v>
      </c>
      <c r="BV2089" s="53">
        <v>-13019.144927536199</v>
      </c>
      <c r="BW2089" s="53">
        <v>-13019.144927536199</v>
      </c>
      <c r="BX2089" s="53">
        <v>-13019.144927536199</v>
      </c>
      <c r="BY2089" s="53">
        <v>-13019.144927536199</v>
      </c>
      <c r="BZ2089" s="53">
        <v>-13019.144927536199</v>
      </c>
      <c r="CA2089" s="53">
        <v>-156229.739130434</v>
      </c>
      <c r="CB2089" s="53"/>
      <c r="CC2089" s="53"/>
      <c r="CD2089" s="53"/>
      <c r="CE2089" s="53">
        <v>-10200000</v>
      </c>
      <c r="CF2089" s="53"/>
      <c r="CG2089" s="53"/>
      <c r="CH2089" s="53"/>
      <c r="CI2089" s="53"/>
      <c r="CJ2089" s="53"/>
      <c r="CK2089" s="53">
        <v>-10200000</v>
      </c>
      <c r="CL2089" s="53"/>
      <c r="CM2089" s="53"/>
      <c r="CN2089" s="53">
        <v>-20400000</v>
      </c>
    </row>
    <row r="2090" spans="1:92" outlineLevel="1">
      <c r="A2090" s="52" t="s">
        <v>718</v>
      </c>
      <c r="B2090" s="53">
        <v>-13527.685534591101</v>
      </c>
      <c r="C2090" s="53">
        <v>-13527.685534591101</v>
      </c>
      <c r="D2090" s="53">
        <v>-13527.685534591101</v>
      </c>
      <c r="E2090" s="53">
        <v>-13527.685534591101</v>
      </c>
      <c r="F2090" s="53">
        <v>-13527.685534591101</v>
      </c>
      <c r="G2090" s="53">
        <v>-13527.685534591101</v>
      </c>
      <c r="H2090" s="53">
        <v>-13527.685534591101</v>
      </c>
      <c r="I2090" s="53">
        <v>-13527.685534591201</v>
      </c>
      <c r="J2090" s="53">
        <v>-13527.685534591201</v>
      </c>
      <c r="K2090" s="53">
        <v>-13527.685534591201</v>
      </c>
      <c r="L2090" s="53">
        <v>-13527.685534591201</v>
      </c>
      <c r="M2090" s="53">
        <v>-13527.685534591201</v>
      </c>
      <c r="N2090" s="53">
        <v>-162332.22641509399</v>
      </c>
      <c r="O2090" s="53">
        <v>-13527.685534591201</v>
      </c>
      <c r="P2090" s="53">
        <v>-13527.685534591201</v>
      </c>
      <c r="Q2090" s="53">
        <v>-13527.685534591201</v>
      </c>
      <c r="R2090" s="53">
        <v>-13527.685534591201</v>
      </c>
      <c r="S2090" s="53">
        <v>-13527.685534591201</v>
      </c>
      <c r="T2090" s="53">
        <v>-13527.685534591201</v>
      </c>
      <c r="U2090" s="53">
        <v>-13527.685534591201</v>
      </c>
      <c r="V2090" s="53">
        <v>-13527.685534591201</v>
      </c>
      <c r="W2090" s="53">
        <v>-13527.685534591201</v>
      </c>
      <c r="X2090" s="53">
        <v>-13527.685534591201</v>
      </c>
      <c r="Y2090" s="53">
        <v>-13527.685534591201</v>
      </c>
      <c r="Z2090" s="53">
        <v>-13527.685534591201</v>
      </c>
      <c r="AA2090" s="53">
        <v>-162332.22641509399</v>
      </c>
      <c r="AB2090" s="53">
        <v>-13527.685534591201</v>
      </c>
      <c r="AC2090" s="53">
        <v>-13527.685534591201</v>
      </c>
      <c r="AD2090" s="53">
        <v>-13527.685534591201</v>
      </c>
      <c r="AE2090" s="53">
        <v>-13527.685534591201</v>
      </c>
      <c r="AF2090" s="53">
        <v>-13527.685534591201</v>
      </c>
      <c r="AG2090" s="53">
        <v>-13527.685534591201</v>
      </c>
      <c r="AH2090" s="53">
        <v>-13527.685534591201</v>
      </c>
      <c r="AI2090" s="53">
        <v>-13527.685534591201</v>
      </c>
      <c r="AJ2090" s="53">
        <v>-13527.685534591201</v>
      </c>
      <c r="AK2090" s="53">
        <v>-13527.685534591201</v>
      </c>
      <c r="AL2090" s="53">
        <v>-13527.685534591201</v>
      </c>
      <c r="AM2090" s="53">
        <v>-13527.685534591201</v>
      </c>
      <c r="AN2090" s="53">
        <v>-162332.22641509399</v>
      </c>
      <c r="AO2090" s="53">
        <v>-13527.685534591201</v>
      </c>
      <c r="AP2090" s="53">
        <v>-13527.685534591201</v>
      </c>
      <c r="AQ2090" s="53">
        <v>-13527.685534591201</v>
      </c>
      <c r="AR2090" s="53">
        <v>-13527.685534591201</v>
      </c>
      <c r="AS2090" s="53">
        <v>-13527.685534591201</v>
      </c>
      <c r="AT2090" s="53">
        <v>-13527.685534591201</v>
      </c>
      <c r="AU2090" s="53">
        <v>-13527.685534591201</v>
      </c>
      <c r="AV2090" s="53">
        <v>-13527.685534591201</v>
      </c>
      <c r="AW2090" s="53">
        <v>-13527.685534591201</v>
      </c>
      <c r="AX2090" s="53">
        <v>-13527.685534591201</v>
      </c>
      <c r="AY2090" s="53">
        <v>-13527.685534591201</v>
      </c>
      <c r="AZ2090" s="53">
        <v>-13527.685534591201</v>
      </c>
      <c r="BA2090" s="53">
        <v>-162332.22641509399</v>
      </c>
      <c r="BB2090" s="53">
        <v>-13527.685534591201</v>
      </c>
      <c r="BC2090" s="53">
        <v>-13527.685534591201</v>
      </c>
      <c r="BD2090" s="53">
        <v>-13527.685534591201</v>
      </c>
      <c r="BE2090" s="53">
        <v>-13527.685534591201</v>
      </c>
      <c r="BF2090" s="53">
        <v>-13527.685534591201</v>
      </c>
      <c r="BG2090" s="53">
        <v>-13527.685534591201</v>
      </c>
      <c r="BH2090" s="53">
        <v>-13527.685534591201</v>
      </c>
      <c r="BI2090" s="53">
        <v>-13527.685534591201</v>
      </c>
      <c r="BJ2090" s="53">
        <v>-13527.685534591201</v>
      </c>
      <c r="BK2090" s="53">
        <v>-13527.685534591201</v>
      </c>
      <c r="BL2090" s="53">
        <v>-13527.685534591201</v>
      </c>
      <c r="BM2090" s="53">
        <v>-13527.685534591201</v>
      </c>
      <c r="BN2090" s="53">
        <v>-162332.22641509399</v>
      </c>
      <c r="BO2090" s="53">
        <v>-13527.685534591201</v>
      </c>
      <c r="BP2090" s="53">
        <v>-13527.685534591201</v>
      </c>
      <c r="BQ2090" s="53">
        <v>-13527.685534591201</v>
      </c>
      <c r="BR2090" s="53">
        <v>-13527.685534591201</v>
      </c>
      <c r="BS2090" s="53">
        <v>-13527.685534591201</v>
      </c>
      <c r="BT2090" s="53">
        <v>-13527.685534591201</v>
      </c>
      <c r="BU2090" s="53">
        <v>-13527.685534591201</v>
      </c>
      <c r="BV2090" s="53">
        <v>-13527.685534591201</v>
      </c>
      <c r="BW2090" s="53">
        <v>-13527.685534591201</v>
      </c>
      <c r="BX2090" s="53">
        <v>-13527.685534591201</v>
      </c>
      <c r="BY2090" s="53">
        <v>-13527.685534591201</v>
      </c>
      <c r="BZ2090" s="53">
        <v>-13527.685534591201</v>
      </c>
      <c r="CA2090" s="53">
        <v>-162332.22641509399</v>
      </c>
      <c r="CB2090" s="53"/>
      <c r="CC2090" s="53"/>
      <c r="CD2090" s="53"/>
      <c r="CE2090" s="53"/>
      <c r="CF2090" s="53"/>
      <c r="CG2090" s="53"/>
      <c r="CH2090" s="53"/>
      <c r="CI2090" s="53"/>
      <c r="CJ2090" s="53"/>
      <c r="CK2090" s="53"/>
      <c r="CL2090" s="53"/>
      <c r="CM2090" s="53"/>
      <c r="CN2090" s="53"/>
    </row>
    <row r="2091" spans="1:92" outlineLevel="1">
      <c r="A2091" s="52" t="s">
        <v>721</v>
      </c>
      <c r="B2091" s="53">
        <v>-20148.9789473684</v>
      </c>
      <c r="C2091" s="53">
        <v>-20148.9789473684</v>
      </c>
      <c r="D2091" s="53">
        <v>-20148.9789473684</v>
      </c>
      <c r="E2091" s="53">
        <v>-20148.9789473684</v>
      </c>
      <c r="F2091" s="53">
        <v>-20148.9789473684</v>
      </c>
      <c r="G2091" s="53">
        <v>-20148.9789473684</v>
      </c>
      <c r="H2091" s="53">
        <v>-20148.9789473684</v>
      </c>
      <c r="I2091" s="53">
        <v>-20148.9789473684</v>
      </c>
      <c r="J2091" s="53">
        <v>-20148.9789473684</v>
      </c>
      <c r="K2091" s="53">
        <v>-20148.9789473684</v>
      </c>
      <c r="L2091" s="53">
        <v>-20148.9789473684</v>
      </c>
      <c r="M2091" s="53">
        <v>-20148.9789473684</v>
      </c>
      <c r="N2091" s="53">
        <v>-241787.747368421</v>
      </c>
      <c r="O2091" s="53">
        <v>-20148.9789473684</v>
      </c>
      <c r="P2091" s="53">
        <v>-20148.9789473684</v>
      </c>
      <c r="Q2091" s="53">
        <v>-20148.9789473684</v>
      </c>
      <c r="R2091" s="53">
        <v>-20148.9789473684</v>
      </c>
      <c r="S2091" s="53">
        <v>-20148.9789473684</v>
      </c>
      <c r="T2091" s="53">
        <v>-20148.9789473684</v>
      </c>
      <c r="U2091" s="53">
        <v>-20148.9789473684</v>
      </c>
      <c r="V2091" s="53">
        <v>-20148.9789473684</v>
      </c>
      <c r="W2091" s="53">
        <v>-20148.9789473684</v>
      </c>
      <c r="X2091" s="53">
        <v>-20148.9789473684</v>
      </c>
      <c r="Y2091" s="53">
        <v>-20148.9789473684</v>
      </c>
      <c r="Z2091" s="53">
        <v>-20148.9789473684</v>
      </c>
      <c r="AA2091" s="53">
        <v>-241787.747368421</v>
      </c>
      <c r="AB2091" s="53">
        <v>-20148.9789473684</v>
      </c>
      <c r="AC2091" s="53">
        <v>-20148.9789473684</v>
      </c>
      <c r="AD2091" s="53">
        <v>-20148.9789473684</v>
      </c>
      <c r="AE2091" s="53">
        <v>-20148.9789473684</v>
      </c>
      <c r="AF2091" s="53">
        <v>-20148.9789473684</v>
      </c>
      <c r="AG2091" s="53">
        <v>-20148.9789473684</v>
      </c>
      <c r="AH2091" s="53">
        <v>-20148.9789473684</v>
      </c>
      <c r="AI2091" s="53">
        <v>-20148.9789473684</v>
      </c>
      <c r="AJ2091" s="53">
        <v>-20148.9789473684</v>
      </c>
      <c r="AK2091" s="53">
        <v>-20148.9789473684</v>
      </c>
      <c r="AL2091" s="53">
        <v>-20148.9789473684</v>
      </c>
      <c r="AM2091" s="53">
        <v>-20148.9789473684</v>
      </c>
      <c r="AN2091" s="53">
        <v>-241787.747368421</v>
      </c>
      <c r="AO2091" s="53">
        <v>-20148.9789473684</v>
      </c>
      <c r="AP2091" s="53">
        <v>-20148.9789473684</v>
      </c>
      <c r="AQ2091" s="53">
        <v>-20148.9789473684</v>
      </c>
      <c r="AR2091" s="53">
        <v>-20148.9789473684</v>
      </c>
      <c r="AS2091" s="53">
        <v>-20148.9789473684</v>
      </c>
      <c r="AT2091" s="53">
        <v>-20148.9789473684</v>
      </c>
      <c r="AU2091" s="53">
        <v>-20148.9789473684</v>
      </c>
      <c r="AV2091" s="53">
        <v>-20148.9789473684</v>
      </c>
      <c r="AW2091" s="53">
        <v>-20148.9789473684</v>
      </c>
      <c r="AX2091" s="53">
        <v>-20148.9789473684</v>
      </c>
      <c r="AY2091" s="53">
        <v>-20148.9789473684</v>
      </c>
      <c r="AZ2091" s="53">
        <v>-20148.9789473684</v>
      </c>
      <c r="BA2091" s="53">
        <v>-241787.747368421</v>
      </c>
      <c r="BB2091" s="53">
        <v>-20148.9789473684</v>
      </c>
      <c r="BC2091" s="53">
        <v>-20148.9789473684</v>
      </c>
      <c r="BD2091" s="53">
        <v>-20148.9789473684</v>
      </c>
      <c r="BE2091" s="53">
        <v>-20148.978947368501</v>
      </c>
      <c r="BF2091" s="53">
        <v>-20148.978947368501</v>
      </c>
      <c r="BG2091" s="53">
        <v>-20148.978947368501</v>
      </c>
      <c r="BH2091" s="53">
        <v>-20148.978947368501</v>
      </c>
      <c r="BI2091" s="53">
        <v>-20148.978947368501</v>
      </c>
      <c r="BJ2091" s="53">
        <v>-20148.978947368501</v>
      </c>
      <c r="BK2091" s="53">
        <v>-20148.978947368501</v>
      </c>
      <c r="BL2091" s="53">
        <v>-20148.978947368501</v>
      </c>
      <c r="BM2091" s="53">
        <v>-20148.978947368501</v>
      </c>
      <c r="BN2091" s="53">
        <v>-241787.74736842199</v>
      </c>
      <c r="BO2091" s="53">
        <v>-20148.978947368501</v>
      </c>
      <c r="BP2091" s="53">
        <v>-20148.978947368501</v>
      </c>
      <c r="BQ2091" s="53">
        <v>-20148.978947368501</v>
      </c>
      <c r="BR2091" s="53">
        <v>-20148.978947368501</v>
      </c>
      <c r="BS2091" s="53">
        <v>-20148.978947368501</v>
      </c>
      <c r="BT2091" s="53">
        <v>-20148.978947368501</v>
      </c>
      <c r="BU2091" s="53">
        <v>-20148.978947368501</v>
      </c>
      <c r="BV2091" s="53">
        <v>-20148.978947368501</v>
      </c>
      <c r="BW2091" s="53">
        <v>-20148.978947368501</v>
      </c>
      <c r="BX2091" s="53">
        <v>-20148.978947368501</v>
      </c>
      <c r="BY2091" s="53">
        <v>-20148.978947368501</v>
      </c>
      <c r="BZ2091" s="53">
        <v>-20148.978947368501</v>
      </c>
      <c r="CA2091" s="53">
        <v>-241787.74736842199</v>
      </c>
      <c r="CB2091" s="53">
        <v>-10400000</v>
      </c>
      <c r="CC2091" s="53"/>
      <c r="CD2091" s="53"/>
      <c r="CE2091" s="53"/>
      <c r="CF2091" s="53"/>
      <c r="CG2091" s="53"/>
      <c r="CH2091" s="53">
        <v>-10400000</v>
      </c>
      <c r="CI2091" s="53"/>
      <c r="CJ2091" s="53"/>
      <c r="CK2091" s="53"/>
      <c r="CL2091" s="53"/>
      <c r="CM2091" s="53"/>
      <c r="CN2091" s="53">
        <v>-20800000</v>
      </c>
    </row>
    <row r="2092" spans="1:92" outlineLevel="1">
      <c r="A2092" s="52" t="s">
        <v>723</v>
      </c>
      <c r="B2092" s="53">
        <v>-49399.381443298902</v>
      </c>
      <c r="C2092" s="53">
        <v>-49399.381443298902</v>
      </c>
      <c r="D2092" s="53">
        <v>-49399.381443298902</v>
      </c>
      <c r="E2092" s="53">
        <v>-49399.381443298902</v>
      </c>
      <c r="F2092" s="53">
        <v>-49399.381443298902</v>
      </c>
      <c r="G2092" s="53">
        <v>-49399.381443298902</v>
      </c>
      <c r="H2092" s="53">
        <v>-49399.381443298902</v>
      </c>
      <c r="I2092" s="53">
        <v>-49399.381443298997</v>
      </c>
      <c r="J2092" s="53">
        <v>-49399.381443298902</v>
      </c>
      <c r="K2092" s="53">
        <v>-49399.381443298902</v>
      </c>
      <c r="L2092" s="53">
        <v>-49399.381443298902</v>
      </c>
      <c r="M2092" s="53">
        <v>-49399.381443298902</v>
      </c>
      <c r="N2092" s="53">
        <v>-592792.577319587</v>
      </c>
      <c r="O2092" s="53">
        <v>-49399.381443298902</v>
      </c>
      <c r="P2092" s="53">
        <v>-49399.381443298902</v>
      </c>
      <c r="Q2092" s="53">
        <v>-49399.381443298902</v>
      </c>
      <c r="R2092" s="53">
        <v>-49399.381443298902</v>
      </c>
      <c r="S2092" s="53">
        <v>-49399.381443298902</v>
      </c>
      <c r="T2092" s="53">
        <v>-49399.381443298902</v>
      </c>
      <c r="U2092" s="53">
        <v>-49399.381443298902</v>
      </c>
      <c r="V2092" s="53">
        <v>-49399.381443298902</v>
      </c>
      <c r="W2092" s="53">
        <v>-49399.381443298902</v>
      </c>
      <c r="X2092" s="53">
        <v>-49399.381443298902</v>
      </c>
      <c r="Y2092" s="53">
        <v>-49399.381443298902</v>
      </c>
      <c r="Z2092" s="53">
        <v>-49399.381443298902</v>
      </c>
      <c r="AA2092" s="53">
        <v>-592792.577319587</v>
      </c>
      <c r="AB2092" s="53">
        <v>-49399.381443298902</v>
      </c>
      <c r="AC2092" s="53">
        <v>-49399.381443298902</v>
      </c>
      <c r="AD2092" s="53">
        <v>-49399.381443298902</v>
      </c>
      <c r="AE2092" s="53">
        <v>-49399.381443298902</v>
      </c>
      <c r="AF2092" s="53">
        <v>-49399.381443298902</v>
      </c>
      <c r="AG2092" s="53">
        <v>-49399.381443298902</v>
      </c>
      <c r="AH2092" s="53">
        <v>-49399.381443298902</v>
      </c>
      <c r="AI2092" s="53">
        <v>-49399.381443298902</v>
      </c>
      <c r="AJ2092" s="53">
        <v>-49399.381443298902</v>
      </c>
      <c r="AK2092" s="53">
        <v>-49399.381443298902</v>
      </c>
      <c r="AL2092" s="53">
        <v>-49399.381443298902</v>
      </c>
      <c r="AM2092" s="53">
        <v>-49399.381443298902</v>
      </c>
      <c r="AN2092" s="53">
        <v>-592792.577319587</v>
      </c>
      <c r="AO2092" s="53">
        <v>-49399.381443298902</v>
      </c>
      <c r="AP2092" s="53">
        <v>-49399.381443298902</v>
      </c>
      <c r="AQ2092" s="53">
        <v>-49399.381443298902</v>
      </c>
      <c r="AR2092" s="53">
        <v>-49399.381443298902</v>
      </c>
      <c r="AS2092" s="53">
        <v>-49399.381443298902</v>
      </c>
      <c r="AT2092" s="53">
        <v>-49399.381443298902</v>
      </c>
      <c r="AU2092" s="53">
        <v>-49399.381443298902</v>
      </c>
      <c r="AV2092" s="53">
        <v>-49399.381443298902</v>
      </c>
      <c r="AW2092" s="53">
        <v>-49399.381443298902</v>
      </c>
      <c r="AX2092" s="53">
        <v>-49399.381443298902</v>
      </c>
      <c r="AY2092" s="53">
        <v>-49399.381443298902</v>
      </c>
      <c r="AZ2092" s="53">
        <v>-49399.381443298902</v>
      </c>
      <c r="BA2092" s="53">
        <v>-592792.577319587</v>
      </c>
      <c r="BB2092" s="53">
        <v>-24699.6907216494</v>
      </c>
      <c r="BC2092" s="53"/>
      <c r="BD2092" s="53"/>
      <c r="BE2092" s="53"/>
      <c r="BF2092" s="53"/>
      <c r="BG2092" s="53"/>
      <c r="BH2092" s="53"/>
      <c r="BI2092" s="53"/>
      <c r="BJ2092" s="53"/>
      <c r="BK2092" s="53"/>
      <c r="BL2092" s="53"/>
      <c r="BM2092" s="53"/>
      <c r="BN2092" s="53">
        <v>-24699.6907216494</v>
      </c>
      <c r="BO2092" s="53"/>
      <c r="BP2092" s="53"/>
      <c r="BQ2092" s="53"/>
      <c r="BR2092" s="53"/>
      <c r="BS2092" s="53"/>
      <c r="BT2092" s="53"/>
      <c r="BU2092" s="53"/>
      <c r="BV2092" s="53"/>
      <c r="BW2092" s="53"/>
      <c r="BX2092" s="53"/>
      <c r="BY2092" s="53"/>
      <c r="BZ2092" s="53"/>
      <c r="CA2092" s="53"/>
      <c r="CB2092" s="53">
        <v>-8400000</v>
      </c>
      <c r="CC2092" s="53"/>
      <c r="CD2092" s="53"/>
      <c r="CE2092" s="53"/>
      <c r="CF2092" s="53"/>
      <c r="CG2092" s="53"/>
      <c r="CH2092" s="53">
        <v>-8400000</v>
      </c>
      <c r="CI2092" s="53"/>
      <c r="CJ2092" s="53"/>
      <c r="CK2092" s="53"/>
      <c r="CL2092" s="53"/>
      <c r="CM2092" s="53"/>
      <c r="CN2092" s="53">
        <v>-16800000</v>
      </c>
    </row>
    <row r="2093" spans="1:92" outlineLevel="1">
      <c r="A2093" s="52" t="s">
        <v>724</v>
      </c>
      <c r="B2093" s="53">
        <v>-13370.822185970599</v>
      </c>
      <c r="C2093" s="53">
        <v>-13370.822185970599</v>
      </c>
      <c r="D2093" s="53">
        <v>-13370.822185970599</v>
      </c>
      <c r="E2093" s="53">
        <v>-13370.822185970599</v>
      </c>
      <c r="F2093" s="53">
        <v>-13370.822185970599</v>
      </c>
      <c r="G2093" s="53">
        <v>-13370.822185970599</v>
      </c>
      <c r="H2093" s="53">
        <v>-13370.822185970599</v>
      </c>
      <c r="I2093" s="53">
        <v>-13370.822185970599</v>
      </c>
      <c r="J2093" s="53">
        <v>-13370.822185970599</v>
      </c>
      <c r="K2093" s="53">
        <v>-13370.822185970599</v>
      </c>
      <c r="L2093" s="53">
        <v>-13370.822185970599</v>
      </c>
      <c r="M2093" s="53">
        <v>-13370.822185970599</v>
      </c>
      <c r="N2093" s="53">
        <v>-160449.866231647</v>
      </c>
      <c r="O2093" s="53">
        <v>-13370.822185970599</v>
      </c>
      <c r="P2093" s="53">
        <v>-13370.822185970599</v>
      </c>
      <c r="Q2093" s="53">
        <v>-13370.822185970599</v>
      </c>
      <c r="R2093" s="53">
        <v>-13370.822185970599</v>
      </c>
      <c r="S2093" s="53">
        <v>-13370.822185970599</v>
      </c>
      <c r="T2093" s="53">
        <v>-13370.822185970599</v>
      </c>
      <c r="U2093" s="53">
        <v>-13370.822185970599</v>
      </c>
      <c r="V2093" s="53">
        <v>-13370.822185970599</v>
      </c>
      <c r="W2093" s="53">
        <v>-13370.822185970599</v>
      </c>
      <c r="X2093" s="53">
        <v>-13370.822185970599</v>
      </c>
      <c r="Y2093" s="53">
        <v>-13370.822185970599</v>
      </c>
      <c r="Z2093" s="53">
        <v>-13370.822185970599</v>
      </c>
      <c r="AA2093" s="53">
        <v>-160449.866231647</v>
      </c>
      <c r="AB2093" s="53">
        <v>-13370.822185970599</v>
      </c>
      <c r="AC2093" s="53">
        <v>-13370.822185970599</v>
      </c>
      <c r="AD2093" s="53">
        <v>-13370.822185970599</v>
      </c>
      <c r="AE2093" s="53">
        <v>-13370.822185970599</v>
      </c>
      <c r="AF2093" s="53">
        <v>-13370.822185970599</v>
      </c>
      <c r="AG2093" s="53">
        <v>-13370.822185970599</v>
      </c>
      <c r="AH2093" s="53">
        <v>-13370.822185970599</v>
      </c>
      <c r="AI2093" s="53">
        <v>-13370.822185970599</v>
      </c>
      <c r="AJ2093" s="53">
        <v>-13370.822185970599</v>
      </c>
      <c r="AK2093" s="53">
        <v>-13370.822185970599</v>
      </c>
      <c r="AL2093" s="53">
        <v>-13370.822185970599</v>
      </c>
      <c r="AM2093" s="53">
        <v>-13370.822185970599</v>
      </c>
      <c r="AN2093" s="53">
        <v>-160449.866231647</v>
      </c>
      <c r="AO2093" s="53">
        <v>-13370.822185970599</v>
      </c>
      <c r="AP2093" s="53">
        <v>-13370.822185970599</v>
      </c>
      <c r="AQ2093" s="53">
        <v>-13370.822185970599</v>
      </c>
      <c r="AR2093" s="53">
        <v>-13370.822185970599</v>
      </c>
      <c r="AS2093" s="53">
        <v>-13370.822185970599</v>
      </c>
      <c r="AT2093" s="53">
        <v>-13370.822185970599</v>
      </c>
      <c r="AU2093" s="53">
        <v>-13370.822185970599</v>
      </c>
      <c r="AV2093" s="53">
        <v>-13370.822185970599</v>
      </c>
      <c r="AW2093" s="53">
        <v>-13370.822185970599</v>
      </c>
      <c r="AX2093" s="53">
        <v>-13370.822185970599</v>
      </c>
      <c r="AY2093" s="53">
        <v>-13370.822185970599</v>
      </c>
      <c r="AZ2093" s="53">
        <v>-13370.822185970599</v>
      </c>
      <c r="BA2093" s="53">
        <v>-160449.866231647</v>
      </c>
      <c r="BB2093" s="53">
        <v>-13370.822185970599</v>
      </c>
      <c r="BC2093" s="53">
        <v>-13370.822185970599</v>
      </c>
      <c r="BD2093" s="53">
        <v>-13370.822185970599</v>
      </c>
      <c r="BE2093" s="53">
        <v>-13370.822185970599</v>
      </c>
      <c r="BF2093" s="53">
        <v>-13370.822185970599</v>
      </c>
      <c r="BG2093" s="53">
        <v>-13370.822185970599</v>
      </c>
      <c r="BH2093" s="53">
        <v>-13370.822185970599</v>
      </c>
      <c r="BI2093" s="53">
        <v>-13370.822185970599</v>
      </c>
      <c r="BJ2093" s="53">
        <v>-13370.822185970599</v>
      </c>
      <c r="BK2093" s="53">
        <v>-13370.822185970599</v>
      </c>
      <c r="BL2093" s="53">
        <v>-13370.822185970599</v>
      </c>
      <c r="BM2093" s="53">
        <v>-13370.822185970599</v>
      </c>
      <c r="BN2093" s="53">
        <v>-160449.866231647</v>
      </c>
      <c r="BO2093" s="53">
        <v>-13370.822185970599</v>
      </c>
      <c r="BP2093" s="53">
        <v>-13370.822185970599</v>
      </c>
      <c r="BQ2093" s="53">
        <v>-13370.822185970599</v>
      </c>
      <c r="BR2093" s="53">
        <v>-13370.822185970599</v>
      </c>
      <c r="BS2093" s="53">
        <v>-13370.822185970599</v>
      </c>
      <c r="BT2093" s="53">
        <v>-13370.822185970599</v>
      </c>
      <c r="BU2093" s="53">
        <v>-13370.822185970599</v>
      </c>
      <c r="BV2093" s="53">
        <v>-13370.822185970599</v>
      </c>
      <c r="BW2093" s="53">
        <v>-13370.822185970599</v>
      </c>
      <c r="BX2093" s="53">
        <v>-13370.822185970599</v>
      </c>
      <c r="BY2093" s="53">
        <v>-13370.822185970599</v>
      </c>
      <c r="BZ2093" s="53">
        <v>-13370.822185970599</v>
      </c>
      <c r="CA2093" s="53">
        <v>-160449.866231647</v>
      </c>
      <c r="CB2093" s="53">
        <v>-11400000</v>
      </c>
      <c r="CC2093" s="53"/>
      <c r="CD2093" s="53"/>
      <c r="CE2093" s="53"/>
      <c r="CF2093" s="53"/>
      <c r="CG2093" s="53"/>
      <c r="CH2093" s="53">
        <v>-11400000</v>
      </c>
      <c r="CI2093" s="53"/>
      <c r="CJ2093" s="53"/>
      <c r="CK2093" s="53"/>
      <c r="CL2093" s="53"/>
      <c r="CM2093" s="53"/>
      <c r="CN2093" s="53">
        <v>-22800000</v>
      </c>
    </row>
    <row r="2094" spans="1:92" outlineLevel="1">
      <c r="A2094" s="52" t="s">
        <v>725</v>
      </c>
      <c r="B2094" s="53">
        <v>-44991.8796992481</v>
      </c>
      <c r="C2094" s="53">
        <v>-44991.8796992481</v>
      </c>
      <c r="D2094" s="53">
        <v>-44991.8796992481</v>
      </c>
      <c r="E2094" s="53">
        <v>-44991.8796992481</v>
      </c>
      <c r="F2094" s="53">
        <v>-44991.8796992481</v>
      </c>
      <c r="G2094" s="53">
        <v>-44991.8796992481</v>
      </c>
      <c r="H2094" s="53">
        <v>-44991.8796992481</v>
      </c>
      <c r="I2094" s="53">
        <v>-44991.8796992481</v>
      </c>
      <c r="J2094" s="53">
        <v>-44991.8796992481</v>
      </c>
      <c r="K2094" s="53">
        <v>-44991.8796992481</v>
      </c>
      <c r="L2094" s="53">
        <v>-44991.8796992481</v>
      </c>
      <c r="M2094" s="53">
        <v>-44991.8796992481</v>
      </c>
      <c r="N2094" s="53">
        <v>-539902.556390977</v>
      </c>
      <c r="O2094" s="53">
        <v>-44991.8796992481</v>
      </c>
      <c r="P2094" s="53">
        <v>-44991.8796992481</v>
      </c>
      <c r="Q2094" s="53">
        <v>-44991.8796992481</v>
      </c>
      <c r="R2094" s="53">
        <v>-44991.8796992481</v>
      </c>
      <c r="S2094" s="53">
        <v>-44991.8796992481</v>
      </c>
      <c r="T2094" s="53">
        <v>-44991.8796992481</v>
      </c>
      <c r="U2094" s="53">
        <v>-44991.8796992481</v>
      </c>
      <c r="V2094" s="53">
        <v>-44991.8796992481</v>
      </c>
      <c r="W2094" s="53">
        <v>-44991.8796992481</v>
      </c>
      <c r="X2094" s="53">
        <v>-44991.8796992481</v>
      </c>
      <c r="Y2094" s="53">
        <v>-44991.8796992481</v>
      </c>
      <c r="Z2094" s="53">
        <v>-44991.8796992481</v>
      </c>
      <c r="AA2094" s="53">
        <v>-539902.556390977</v>
      </c>
      <c r="AB2094" s="53">
        <v>-44991.8796992481</v>
      </c>
      <c r="AC2094" s="53">
        <v>-44991.8796992481</v>
      </c>
      <c r="AD2094" s="53">
        <v>-44991.8796992481</v>
      </c>
      <c r="AE2094" s="53">
        <v>-44991.8796992481</v>
      </c>
      <c r="AF2094" s="53">
        <v>-44991.8796992481</v>
      </c>
      <c r="AG2094" s="53">
        <v>-44991.8796992481</v>
      </c>
      <c r="AH2094" s="53">
        <v>-44991.8796992481</v>
      </c>
      <c r="AI2094" s="53">
        <v>-44991.8796992481</v>
      </c>
      <c r="AJ2094" s="53">
        <v>-44991.8796992481</v>
      </c>
      <c r="AK2094" s="53">
        <v>-44991.8796992481</v>
      </c>
      <c r="AL2094" s="53">
        <v>-44991.8796992481</v>
      </c>
      <c r="AM2094" s="53">
        <v>-44991.8796992481</v>
      </c>
      <c r="AN2094" s="53">
        <v>-539902.556390977</v>
      </c>
      <c r="AO2094" s="53">
        <v>-44991.8796992481</v>
      </c>
      <c r="AP2094" s="53">
        <v>-44991.8796992481</v>
      </c>
      <c r="AQ2094" s="53">
        <v>-44991.8796992481</v>
      </c>
      <c r="AR2094" s="53">
        <v>-44991.8796992481</v>
      </c>
      <c r="AS2094" s="53">
        <v>-44991.8796992481</v>
      </c>
      <c r="AT2094" s="53">
        <v>-44991.8796992481</v>
      </c>
      <c r="AU2094" s="53">
        <v>-44991.8796992481</v>
      </c>
      <c r="AV2094" s="53">
        <v>-44991.8796992481</v>
      </c>
      <c r="AW2094" s="53">
        <v>-44991.8796992481</v>
      </c>
      <c r="AX2094" s="53">
        <v>-44991.8796992481</v>
      </c>
      <c r="AY2094" s="53">
        <v>-44991.8796992481</v>
      </c>
      <c r="AZ2094" s="53">
        <v>-44991.8796992481</v>
      </c>
      <c r="BA2094" s="53">
        <v>-539902.556390977</v>
      </c>
      <c r="BB2094" s="53">
        <v>-44991.8796992481</v>
      </c>
      <c r="BC2094" s="53">
        <v>-44991.8796992481</v>
      </c>
      <c r="BD2094" s="53">
        <v>-44991.8796992481</v>
      </c>
      <c r="BE2094" s="53">
        <v>-44991.8796992481</v>
      </c>
      <c r="BF2094" s="53">
        <v>-44991.8796992481</v>
      </c>
      <c r="BG2094" s="53">
        <v>-44991.8796992481</v>
      </c>
      <c r="BH2094" s="53">
        <v>-44991.8796992481</v>
      </c>
      <c r="BI2094" s="53">
        <v>-44991.8796992481</v>
      </c>
      <c r="BJ2094" s="53">
        <v>-44991.8796992481</v>
      </c>
      <c r="BK2094" s="53">
        <v>-44991.8796992481</v>
      </c>
      <c r="BL2094" s="53">
        <v>-44991.8796992481</v>
      </c>
      <c r="BM2094" s="53">
        <v>-44991.8796992481</v>
      </c>
      <c r="BN2094" s="53">
        <v>-539902.556390977</v>
      </c>
      <c r="BO2094" s="53">
        <v>-44991.8796992481</v>
      </c>
      <c r="BP2094" s="53">
        <v>-44991.8796992481</v>
      </c>
      <c r="BQ2094" s="53">
        <v>-44991.8796992481</v>
      </c>
      <c r="BR2094" s="53">
        <v>-44991.8796992481</v>
      </c>
      <c r="BS2094" s="53">
        <v>-44991.8796992481</v>
      </c>
      <c r="BT2094" s="53">
        <v>-44991.8796992481</v>
      </c>
      <c r="BU2094" s="53">
        <v>-22495.939849623999</v>
      </c>
      <c r="BV2094" s="53"/>
      <c r="BW2094" s="53"/>
      <c r="BX2094" s="53"/>
      <c r="BY2094" s="53"/>
      <c r="BZ2094" s="53"/>
      <c r="CA2094" s="53">
        <v>-292447.21804511198</v>
      </c>
      <c r="CB2094" s="53"/>
      <c r="CC2094" s="53"/>
      <c r="CD2094" s="53"/>
      <c r="CE2094" s="53"/>
      <c r="CF2094" s="53"/>
      <c r="CG2094" s="53">
        <v>-8750000</v>
      </c>
      <c r="CH2094" s="53"/>
      <c r="CI2094" s="53"/>
      <c r="CJ2094" s="53"/>
      <c r="CK2094" s="53"/>
      <c r="CL2094" s="53"/>
      <c r="CM2094" s="53">
        <v>-8750000</v>
      </c>
      <c r="CN2094" s="53">
        <v>-17500000</v>
      </c>
    </row>
    <row r="2095" spans="1:92" outlineLevel="1">
      <c r="A2095" s="52" t="s">
        <v>726</v>
      </c>
      <c r="B2095" s="53">
        <v>-52157.240963855402</v>
      </c>
      <c r="C2095" s="53">
        <v>-52157.240963855402</v>
      </c>
      <c r="D2095" s="53">
        <v>-52157.240963855402</v>
      </c>
      <c r="E2095" s="53">
        <v>-52157.240963855402</v>
      </c>
      <c r="F2095" s="53">
        <v>-52157.240963855402</v>
      </c>
      <c r="G2095" s="53">
        <v>-52157.240963855402</v>
      </c>
      <c r="H2095" s="53">
        <v>-52157.240963855402</v>
      </c>
      <c r="I2095" s="53">
        <v>-52157.240963855402</v>
      </c>
      <c r="J2095" s="53">
        <v>-52157.240963855402</v>
      </c>
      <c r="K2095" s="53">
        <v>-52157.240963855402</v>
      </c>
      <c r="L2095" s="53">
        <v>-52157.240963855402</v>
      </c>
      <c r="M2095" s="53">
        <v>-52157.240963855402</v>
      </c>
      <c r="N2095" s="53">
        <v>-625886.89156626503</v>
      </c>
      <c r="O2095" s="53">
        <v>-52157.240963855402</v>
      </c>
      <c r="P2095" s="53">
        <v>-52157.240963855402</v>
      </c>
      <c r="Q2095" s="53">
        <v>-52157.240963855402</v>
      </c>
      <c r="R2095" s="53">
        <v>-52157.240963855402</v>
      </c>
      <c r="S2095" s="53">
        <v>-52157.240963855402</v>
      </c>
      <c r="T2095" s="53">
        <v>-52157.240963855402</v>
      </c>
      <c r="U2095" s="53">
        <v>-52157.240963855402</v>
      </c>
      <c r="V2095" s="53">
        <v>-52157.240963855402</v>
      </c>
      <c r="W2095" s="53">
        <v>-52157.240963855402</v>
      </c>
      <c r="X2095" s="53">
        <v>-52157.240963855402</v>
      </c>
      <c r="Y2095" s="53">
        <v>-52157.240963855402</v>
      </c>
      <c r="Z2095" s="53">
        <v>-52157.240963855402</v>
      </c>
      <c r="AA2095" s="53">
        <v>-625886.89156626503</v>
      </c>
      <c r="AB2095" s="53">
        <v>-52157.240963855402</v>
      </c>
      <c r="AC2095" s="53">
        <v>-52157.240963855402</v>
      </c>
      <c r="AD2095" s="53">
        <v>-52157.240963855402</v>
      </c>
      <c r="AE2095" s="53">
        <v>-52157.240963855402</v>
      </c>
      <c r="AF2095" s="53">
        <v>-52157.240963855402</v>
      </c>
      <c r="AG2095" s="53">
        <v>-52157.240963855402</v>
      </c>
      <c r="AH2095" s="53">
        <v>-52157.240963855402</v>
      </c>
      <c r="AI2095" s="53">
        <v>-52157.240963855402</v>
      </c>
      <c r="AJ2095" s="53">
        <v>-52157.240963855402</v>
      </c>
      <c r="AK2095" s="53">
        <v>-52157.240963855402</v>
      </c>
      <c r="AL2095" s="53">
        <v>-52157.240963855402</v>
      </c>
      <c r="AM2095" s="53">
        <v>-52157.240963855402</v>
      </c>
      <c r="AN2095" s="53">
        <v>-625886.89156626503</v>
      </c>
      <c r="AO2095" s="53">
        <v>-52157.240963855402</v>
      </c>
      <c r="AP2095" s="53">
        <v>-52157.240963855402</v>
      </c>
      <c r="AQ2095" s="53">
        <v>-52157.240963855402</v>
      </c>
      <c r="AR2095" s="53">
        <v>-52157.240963855402</v>
      </c>
      <c r="AS2095" s="53">
        <v>-52157.240963855402</v>
      </c>
      <c r="AT2095" s="53">
        <v>-52157.240963855402</v>
      </c>
      <c r="AU2095" s="53">
        <v>-52157.240963855402</v>
      </c>
      <c r="AV2095" s="53">
        <v>-52157.240963855402</v>
      </c>
      <c r="AW2095" s="53">
        <v>-52157.240963855402</v>
      </c>
      <c r="AX2095" s="53">
        <v>-52157.240963855402</v>
      </c>
      <c r="AY2095" s="53">
        <v>-52157.240963855402</v>
      </c>
      <c r="AZ2095" s="53">
        <v>-52157.240963855402</v>
      </c>
      <c r="BA2095" s="53">
        <v>-625886.89156626503</v>
      </c>
      <c r="BB2095" s="53">
        <v>-52157.240963855402</v>
      </c>
      <c r="BC2095" s="53">
        <v>-52157.240963855402</v>
      </c>
      <c r="BD2095" s="53">
        <v>-52157.240963855402</v>
      </c>
      <c r="BE2095" s="53">
        <v>-52157.240963855402</v>
      </c>
      <c r="BF2095" s="53">
        <v>-52157.240963855402</v>
      </c>
      <c r="BG2095" s="53">
        <v>-52157.240963855402</v>
      </c>
      <c r="BH2095" s="53">
        <v>-52157.240963855402</v>
      </c>
      <c r="BI2095" s="53">
        <v>-52157.240963855402</v>
      </c>
      <c r="BJ2095" s="53">
        <v>-52157.240963855402</v>
      </c>
      <c r="BK2095" s="53">
        <v>-52157.240963855402</v>
      </c>
      <c r="BL2095" s="53">
        <v>-52157.240963855402</v>
      </c>
      <c r="BM2095" s="53">
        <v>-52157.240963855402</v>
      </c>
      <c r="BN2095" s="53">
        <v>-625886.89156626503</v>
      </c>
      <c r="BO2095" s="53">
        <v>-52157.240963855402</v>
      </c>
      <c r="BP2095" s="53">
        <v>-52157.240963855402</v>
      </c>
      <c r="BQ2095" s="53">
        <v>-52157.240963855402</v>
      </c>
      <c r="BR2095" s="53">
        <v>-52157.240963855402</v>
      </c>
      <c r="BS2095" s="53">
        <v>-52157.240963855402</v>
      </c>
      <c r="BT2095" s="53">
        <v>-52157.240963855402</v>
      </c>
      <c r="BU2095" s="53">
        <v>-52157.240963855402</v>
      </c>
      <c r="BV2095" s="53">
        <v>-52157.240963855402</v>
      </c>
      <c r="BW2095" s="53">
        <v>-52157.240963855402</v>
      </c>
      <c r="BX2095" s="53">
        <v>-52157.240963855402</v>
      </c>
      <c r="BY2095" s="53">
        <v>-52157.240963855402</v>
      </c>
      <c r="BZ2095" s="53">
        <v>-52157.240963855402</v>
      </c>
      <c r="CA2095" s="53">
        <v>-625886.89156626503</v>
      </c>
      <c r="CB2095" s="53"/>
      <c r="CC2095" s="53"/>
      <c r="CD2095" s="53"/>
      <c r="CE2095" s="53"/>
      <c r="CF2095" s="53"/>
      <c r="CG2095" s="53"/>
      <c r="CH2095" s="53"/>
      <c r="CI2095" s="53"/>
      <c r="CJ2095" s="53"/>
      <c r="CK2095" s="53"/>
      <c r="CL2095" s="53"/>
      <c r="CM2095" s="53"/>
      <c r="CN2095" s="53"/>
    </row>
    <row r="2096" spans="1:92" outlineLevel="1">
      <c r="A2096" s="52" t="s">
        <v>728</v>
      </c>
      <c r="B2096" s="53">
        <v>-38996.0446927374</v>
      </c>
      <c r="C2096" s="53">
        <v>-38996.0446927374</v>
      </c>
      <c r="D2096" s="53">
        <v>-38996.0446927374</v>
      </c>
      <c r="E2096" s="53">
        <v>-38996.0446927374</v>
      </c>
      <c r="F2096" s="53">
        <v>-38996.0446927374</v>
      </c>
      <c r="G2096" s="53">
        <v>-38996.0446927374</v>
      </c>
      <c r="H2096" s="53">
        <v>-38996.0446927374</v>
      </c>
      <c r="I2096" s="53">
        <v>-38996.0446927374</v>
      </c>
      <c r="J2096" s="53">
        <v>-38996.0446927374</v>
      </c>
      <c r="K2096" s="53">
        <v>-38996.0446927374</v>
      </c>
      <c r="L2096" s="53">
        <v>-38996.0446927374</v>
      </c>
      <c r="M2096" s="53">
        <v>-38996.0446927374</v>
      </c>
      <c r="N2096" s="53">
        <v>-467952.53631284903</v>
      </c>
      <c r="O2096" s="53">
        <v>-38996.0446927374</v>
      </c>
      <c r="P2096" s="53">
        <v>-38996.0446927374</v>
      </c>
      <c r="Q2096" s="53">
        <v>-38996.0446927374</v>
      </c>
      <c r="R2096" s="53">
        <v>-38996.0446927374</v>
      </c>
      <c r="S2096" s="53">
        <v>-38996.0446927374</v>
      </c>
      <c r="T2096" s="53">
        <v>-38996.0446927374</v>
      </c>
      <c r="U2096" s="53">
        <v>-38996.0446927374</v>
      </c>
      <c r="V2096" s="53">
        <v>-38996.0446927374</v>
      </c>
      <c r="W2096" s="53">
        <v>-38996.0446927374</v>
      </c>
      <c r="X2096" s="53">
        <v>-38996.0446927374</v>
      </c>
      <c r="Y2096" s="53">
        <v>-38996.0446927374</v>
      </c>
      <c r="Z2096" s="53">
        <v>-38996.044692737298</v>
      </c>
      <c r="AA2096" s="53">
        <v>-467952.53631284798</v>
      </c>
      <c r="AB2096" s="53">
        <v>-38996.044692737298</v>
      </c>
      <c r="AC2096" s="53">
        <v>-38996.044692737298</v>
      </c>
      <c r="AD2096" s="53">
        <v>-38996.044692737298</v>
      </c>
      <c r="AE2096" s="53">
        <v>-38996.044692737298</v>
      </c>
      <c r="AF2096" s="53">
        <v>-38996.044692737298</v>
      </c>
      <c r="AG2096" s="53">
        <v>-38996.044692737298</v>
      </c>
      <c r="AH2096" s="53">
        <v>-38996.044692737298</v>
      </c>
      <c r="AI2096" s="53">
        <v>-38996.044692737298</v>
      </c>
      <c r="AJ2096" s="53">
        <v>-38996.044692737298</v>
      </c>
      <c r="AK2096" s="53">
        <v>-38996.044692737298</v>
      </c>
      <c r="AL2096" s="53">
        <v>-38996.044692737298</v>
      </c>
      <c r="AM2096" s="53">
        <v>-38996.044692737298</v>
      </c>
      <c r="AN2096" s="53">
        <v>-467952.53631284798</v>
      </c>
      <c r="AO2096" s="53">
        <v>-38996.044692737298</v>
      </c>
      <c r="AP2096" s="53">
        <v>-38996.044692737298</v>
      </c>
      <c r="AQ2096" s="53">
        <v>-38996.044692737298</v>
      </c>
      <c r="AR2096" s="53">
        <v>-38996.044692737298</v>
      </c>
      <c r="AS2096" s="53">
        <v>-38996.044692737298</v>
      </c>
      <c r="AT2096" s="53">
        <v>-38996.044692737298</v>
      </c>
      <c r="AU2096" s="53">
        <v>-38996.044692737298</v>
      </c>
      <c r="AV2096" s="53">
        <v>-38996.044692737298</v>
      </c>
      <c r="AW2096" s="53">
        <v>-38996.044692737298</v>
      </c>
      <c r="AX2096" s="53">
        <v>-38996.044692737298</v>
      </c>
      <c r="AY2096" s="53">
        <v>-38996.044692737298</v>
      </c>
      <c r="AZ2096" s="53">
        <v>-38996.044692737298</v>
      </c>
      <c r="BA2096" s="53">
        <v>-467952.53631284798</v>
      </c>
      <c r="BB2096" s="53">
        <v>-38996.044692737298</v>
      </c>
      <c r="BC2096" s="53">
        <v>-38996.044692737298</v>
      </c>
      <c r="BD2096" s="53">
        <v>-38996.044692737298</v>
      </c>
      <c r="BE2096" s="53">
        <v>-38996.044692737298</v>
      </c>
      <c r="BF2096" s="53">
        <v>-38996.044692737298</v>
      </c>
      <c r="BG2096" s="53">
        <v>-38996.044692737298</v>
      </c>
      <c r="BH2096" s="53">
        <v>-38996.044692737298</v>
      </c>
      <c r="BI2096" s="53">
        <v>-38996.044692737298</v>
      </c>
      <c r="BJ2096" s="53">
        <v>-38996.044692737298</v>
      </c>
      <c r="BK2096" s="53">
        <v>-38996.044692737298</v>
      </c>
      <c r="BL2096" s="53">
        <v>-38996.044692737298</v>
      </c>
      <c r="BM2096" s="53">
        <v>-38996.044692737298</v>
      </c>
      <c r="BN2096" s="53">
        <v>-467952.53631284798</v>
      </c>
      <c r="BO2096" s="53">
        <v>-38996.044692737298</v>
      </c>
      <c r="BP2096" s="53">
        <v>-38996.044692737298</v>
      </c>
      <c r="BQ2096" s="53">
        <v>-38996.0446927374</v>
      </c>
      <c r="BR2096" s="53">
        <v>-38996.0446927374</v>
      </c>
      <c r="BS2096" s="53">
        <v>-38996.0446927374</v>
      </c>
      <c r="BT2096" s="53">
        <v>-38996.0446927374</v>
      </c>
      <c r="BU2096" s="53">
        <v>-38996.0446927374</v>
      </c>
      <c r="BV2096" s="53">
        <v>-38996.0446927374</v>
      </c>
      <c r="BW2096" s="53">
        <v>-38996.0446927374</v>
      </c>
      <c r="BX2096" s="53">
        <v>-38996.0446927374</v>
      </c>
      <c r="BY2096" s="53">
        <v>-38996.044692737298</v>
      </c>
      <c r="BZ2096" s="53">
        <v>-38996.0446927374</v>
      </c>
      <c r="CA2096" s="53">
        <v>-467952.53631284798</v>
      </c>
      <c r="CB2096" s="53"/>
      <c r="CC2096" s="53"/>
      <c r="CD2096" s="53"/>
      <c r="CE2096" s="53"/>
      <c r="CF2096" s="53"/>
      <c r="CG2096" s="53">
        <v>-4375000</v>
      </c>
      <c r="CH2096" s="53"/>
      <c r="CI2096" s="53"/>
      <c r="CJ2096" s="53"/>
      <c r="CK2096" s="53"/>
      <c r="CL2096" s="53"/>
      <c r="CM2096" s="53">
        <v>-4375000</v>
      </c>
      <c r="CN2096" s="53">
        <v>-8750000</v>
      </c>
    </row>
    <row r="2097" spans="1:92" outlineLevel="1">
      <c r="A2097" s="52" t="s">
        <v>729</v>
      </c>
      <c r="B2097" s="53">
        <v>-48595.5162790697</v>
      </c>
      <c r="C2097" s="53">
        <v>-48595.5162790697</v>
      </c>
      <c r="D2097" s="53">
        <v>-48595.5162790697</v>
      </c>
      <c r="E2097" s="53">
        <v>-48595.5162790697</v>
      </c>
      <c r="F2097" s="53">
        <v>-48595.5162790697</v>
      </c>
      <c r="G2097" s="53">
        <v>-48595.5162790697</v>
      </c>
      <c r="H2097" s="53">
        <v>-48595.5162790697</v>
      </c>
      <c r="I2097" s="53">
        <v>-48595.5162790697</v>
      </c>
      <c r="J2097" s="53">
        <v>-48595.5162790697</v>
      </c>
      <c r="K2097" s="53">
        <v>-48595.5162790697</v>
      </c>
      <c r="L2097" s="53">
        <v>-48595.5162790697</v>
      </c>
      <c r="M2097" s="53">
        <v>-48595.5162790697</v>
      </c>
      <c r="N2097" s="53">
        <v>-583146.19534883695</v>
      </c>
      <c r="O2097" s="53">
        <v>-48595.5162790697</v>
      </c>
      <c r="P2097" s="53">
        <v>-48595.5162790697</v>
      </c>
      <c r="Q2097" s="53">
        <v>-48595.5162790697</v>
      </c>
      <c r="R2097" s="53">
        <v>-48595.5162790697</v>
      </c>
      <c r="S2097" s="53">
        <v>-48595.5162790697</v>
      </c>
      <c r="T2097" s="53">
        <v>-48595.5162790697</v>
      </c>
      <c r="U2097" s="53">
        <v>-48595.5162790697</v>
      </c>
      <c r="V2097" s="53">
        <v>-48595.5162790697</v>
      </c>
      <c r="W2097" s="53">
        <v>-48595.5162790697</v>
      </c>
      <c r="X2097" s="53">
        <v>-48595.5162790697</v>
      </c>
      <c r="Y2097" s="53">
        <v>-48595.5162790697</v>
      </c>
      <c r="Z2097" s="53">
        <v>-48595.5162790697</v>
      </c>
      <c r="AA2097" s="53">
        <v>-583146.19534883695</v>
      </c>
      <c r="AB2097" s="53">
        <v>-48595.516279069801</v>
      </c>
      <c r="AC2097" s="53">
        <v>-48595.516279069801</v>
      </c>
      <c r="AD2097" s="53">
        <v>-48595.516279069801</v>
      </c>
      <c r="AE2097" s="53">
        <v>-48595.516279069801</v>
      </c>
      <c r="AF2097" s="53">
        <v>-48595.516279069801</v>
      </c>
      <c r="AG2097" s="53">
        <v>-48595.516279069801</v>
      </c>
      <c r="AH2097" s="53">
        <v>-48595.516279069801</v>
      </c>
      <c r="AI2097" s="53">
        <v>-48595.516279069801</v>
      </c>
      <c r="AJ2097" s="53">
        <v>-48595.516279069801</v>
      </c>
      <c r="AK2097" s="53">
        <v>-48595.516279069801</v>
      </c>
      <c r="AL2097" s="53">
        <v>-48595.516279069801</v>
      </c>
      <c r="AM2097" s="53">
        <v>-48595.516279069801</v>
      </c>
      <c r="AN2097" s="53">
        <v>-583146.19534883695</v>
      </c>
      <c r="AO2097" s="53">
        <v>-48595.516279069801</v>
      </c>
      <c r="AP2097" s="53">
        <v>-48595.516279069801</v>
      </c>
      <c r="AQ2097" s="53">
        <v>-48595.516279069801</v>
      </c>
      <c r="AR2097" s="53">
        <v>-48595.516279069801</v>
      </c>
      <c r="AS2097" s="53">
        <v>-48595.516279069801</v>
      </c>
      <c r="AT2097" s="53">
        <v>-48595.516279069801</v>
      </c>
      <c r="AU2097" s="53">
        <v>-48595.516279069801</v>
      </c>
      <c r="AV2097" s="53">
        <v>-48595.516279069801</v>
      </c>
      <c r="AW2097" s="53">
        <v>-48595.516279069801</v>
      </c>
      <c r="AX2097" s="53">
        <v>-48595.516279069801</v>
      </c>
      <c r="AY2097" s="53">
        <v>-48595.516279069801</v>
      </c>
      <c r="AZ2097" s="53">
        <v>-48595.516279069801</v>
      </c>
      <c r="BA2097" s="53">
        <v>-583146.19534883799</v>
      </c>
      <c r="BB2097" s="53">
        <v>-48595.516279069801</v>
      </c>
      <c r="BC2097" s="53">
        <v>-48595.516279069801</v>
      </c>
      <c r="BD2097" s="53">
        <v>-48595.516279069801</v>
      </c>
      <c r="BE2097" s="53">
        <v>-48595.516279069801</v>
      </c>
      <c r="BF2097" s="53">
        <v>-48595.516279069801</v>
      </c>
      <c r="BG2097" s="53">
        <v>-48595.516279069801</v>
      </c>
      <c r="BH2097" s="53">
        <v>-48595.516279069801</v>
      </c>
      <c r="BI2097" s="53">
        <v>-48595.516279069801</v>
      </c>
      <c r="BJ2097" s="53">
        <v>-48595.516279069801</v>
      </c>
      <c r="BK2097" s="53">
        <v>-48595.516279069801</v>
      </c>
      <c r="BL2097" s="53">
        <v>-48595.516279069801</v>
      </c>
      <c r="BM2097" s="53">
        <v>-48595.516279069801</v>
      </c>
      <c r="BN2097" s="53">
        <v>-583146.19534883799</v>
      </c>
      <c r="BO2097" s="53">
        <v>-48595.516279069801</v>
      </c>
      <c r="BP2097" s="53">
        <v>-48595.516279069801</v>
      </c>
      <c r="BQ2097" s="53">
        <v>-48595.516279069903</v>
      </c>
      <c r="BR2097" s="53">
        <v>-48595.516279069801</v>
      </c>
      <c r="BS2097" s="53">
        <v>-48595.516279069801</v>
      </c>
      <c r="BT2097" s="53">
        <v>-48595.516279069801</v>
      </c>
      <c r="BU2097" s="53">
        <v>-48595.516279069801</v>
      </c>
      <c r="BV2097" s="53">
        <v>-48595.516279069801</v>
      </c>
      <c r="BW2097" s="53">
        <v>-48595.516279069801</v>
      </c>
      <c r="BX2097" s="53">
        <v>-48595.516279069801</v>
      </c>
      <c r="BY2097" s="53">
        <v>-48595.516279069801</v>
      </c>
      <c r="BZ2097" s="53">
        <v>-48595.516279069801</v>
      </c>
      <c r="CA2097" s="53">
        <v>-583146.19534883799</v>
      </c>
      <c r="CB2097" s="53"/>
      <c r="CC2097" s="53"/>
      <c r="CD2097" s="53"/>
      <c r="CE2097" s="53"/>
      <c r="CF2097" s="53"/>
      <c r="CG2097" s="53">
        <v>-7800000</v>
      </c>
      <c r="CH2097" s="53"/>
      <c r="CI2097" s="53"/>
      <c r="CJ2097" s="53"/>
      <c r="CK2097" s="53"/>
      <c r="CL2097" s="53"/>
      <c r="CM2097" s="53">
        <v>-7800000</v>
      </c>
      <c r="CN2097" s="53">
        <v>-15600000</v>
      </c>
    </row>
    <row r="2098" spans="1:92" outlineLevel="1">
      <c r="A2098" s="52" t="s">
        <v>730</v>
      </c>
      <c r="B2098" s="53">
        <v>-16652.086330935199</v>
      </c>
      <c r="C2098" s="53">
        <v>-16652.086330935199</v>
      </c>
      <c r="D2098" s="53">
        <v>-16652.086330935199</v>
      </c>
      <c r="E2098" s="53">
        <v>-16652.086330935199</v>
      </c>
      <c r="F2098" s="53">
        <v>-16652.086330935199</v>
      </c>
      <c r="G2098" s="53">
        <v>-16652.086330935199</v>
      </c>
      <c r="H2098" s="53">
        <v>-16652.086330935199</v>
      </c>
      <c r="I2098" s="53">
        <v>-16652.086330935199</v>
      </c>
      <c r="J2098" s="53">
        <v>-16652.086330935199</v>
      </c>
      <c r="K2098" s="53">
        <v>-16652.086330935199</v>
      </c>
      <c r="L2098" s="53">
        <v>-16652.086330935199</v>
      </c>
      <c r="M2098" s="53">
        <v>-16652.086330935199</v>
      </c>
      <c r="N2098" s="53">
        <v>-199825.035971223</v>
      </c>
      <c r="O2098" s="53">
        <v>-16652.086330935199</v>
      </c>
      <c r="P2098" s="53">
        <v>-16652.086330935199</v>
      </c>
      <c r="Q2098" s="53">
        <v>-16652.086330935199</v>
      </c>
      <c r="R2098" s="53">
        <v>-16652.086330935199</v>
      </c>
      <c r="S2098" s="53">
        <v>-16652.086330935199</v>
      </c>
      <c r="T2098" s="53">
        <v>-16652.086330935199</v>
      </c>
      <c r="U2098" s="53">
        <v>-16652.086330935199</v>
      </c>
      <c r="V2098" s="53">
        <v>-16652.086330935199</v>
      </c>
      <c r="W2098" s="53">
        <v>-16652.086330935199</v>
      </c>
      <c r="X2098" s="53">
        <v>-16652.086330935199</v>
      </c>
      <c r="Y2098" s="53">
        <v>-16652.086330935199</v>
      </c>
      <c r="Z2098" s="53">
        <v>-16652.086330935199</v>
      </c>
      <c r="AA2098" s="53">
        <v>-199825.035971223</v>
      </c>
      <c r="AB2098" s="53">
        <v>-16652.086330935199</v>
      </c>
      <c r="AC2098" s="53">
        <v>-16652.086330935199</v>
      </c>
      <c r="AD2098" s="53">
        <v>-16652.086330935199</v>
      </c>
      <c r="AE2098" s="53">
        <v>-16652.086330935199</v>
      </c>
      <c r="AF2098" s="53">
        <v>-16652.086330935199</v>
      </c>
      <c r="AG2098" s="53">
        <v>-16652.086330935199</v>
      </c>
      <c r="AH2098" s="53">
        <v>-16652.086330935199</v>
      </c>
      <c r="AI2098" s="53">
        <v>-16652.086330935199</v>
      </c>
      <c r="AJ2098" s="53">
        <v>-16652.086330935199</v>
      </c>
      <c r="AK2098" s="53">
        <v>-16652.086330935199</v>
      </c>
      <c r="AL2098" s="53">
        <v>-16652.086330935199</v>
      </c>
      <c r="AM2098" s="53">
        <v>-16652.086330935199</v>
      </c>
      <c r="AN2098" s="53">
        <v>-199825.035971223</v>
      </c>
      <c r="AO2098" s="53">
        <v>-16652.086330935199</v>
      </c>
      <c r="AP2098" s="53">
        <v>-16652.086330935199</v>
      </c>
      <c r="AQ2098" s="53">
        <v>-16652.086330935199</v>
      </c>
      <c r="AR2098" s="53">
        <v>-16652.086330935199</v>
      </c>
      <c r="AS2098" s="53">
        <v>-16652.086330935199</v>
      </c>
      <c r="AT2098" s="53">
        <v>-16652.086330935199</v>
      </c>
      <c r="AU2098" s="53">
        <v>-16652.086330935199</v>
      </c>
      <c r="AV2098" s="53">
        <v>-16652.086330935199</v>
      </c>
      <c r="AW2098" s="53">
        <v>-16652.086330935199</v>
      </c>
      <c r="AX2098" s="53">
        <v>-16652.086330935199</v>
      </c>
      <c r="AY2098" s="53">
        <v>-16652.086330935199</v>
      </c>
      <c r="AZ2098" s="53">
        <v>-16652.086330935199</v>
      </c>
      <c r="BA2098" s="53">
        <v>-199825.035971223</v>
      </c>
      <c r="BB2098" s="53">
        <v>-16652.086330935199</v>
      </c>
      <c r="BC2098" s="53">
        <v>-16652.086330935199</v>
      </c>
      <c r="BD2098" s="53">
        <v>-16652.086330935199</v>
      </c>
      <c r="BE2098" s="53">
        <v>-16652.086330935199</v>
      </c>
      <c r="BF2098" s="53">
        <v>-16652.086330935199</v>
      </c>
      <c r="BG2098" s="53">
        <v>-16652.086330935199</v>
      </c>
      <c r="BH2098" s="53">
        <v>-16652.086330935199</v>
      </c>
      <c r="BI2098" s="53">
        <v>-16652.086330935199</v>
      </c>
      <c r="BJ2098" s="53">
        <v>-16652.086330935199</v>
      </c>
      <c r="BK2098" s="53">
        <v>-16652.086330935199</v>
      </c>
      <c r="BL2098" s="53">
        <v>-16652.086330935199</v>
      </c>
      <c r="BM2098" s="53">
        <v>-16652.086330935199</v>
      </c>
      <c r="BN2098" s="53">
        <v>-199825.035971223</v>
      </c>
      <c r="BO2098" s="53">
        <v>-16652.086330935199</v>
      </c>
      <c r="BP2098" s="53">
        <v>-16652.086330935199</v>
      </c>
      <c r="BQ2098" s="53">
        <v>-16652.086330935199</v>
      </c>
      <c r="BR2098" s="53">
        <v>-16652.086330935199</v>
      </c>
      <c r="BS2098" s="53">
        <v>-16652.086330935199</v>
      </c>
      <c r="BT2098" s="53">
        <v>-16652.086330935199</v>
      </c>
      <c r="BU2098" s="53">
        <v>-16652.086330935199</v>
      </c>
      <c r="BV2098" s="53">
        <v>-16652.086330935199</v>
      </c>
      <c r="BW2098" s="53">
        <v>-16652.086330935199</v>
      </c>
      <c r="BX2098" s="53">
        <v>-16652.086330935199</v>
      </c>
      <c r="BY2098" s="53">
        <v>-16652.086330935199</v>
      </c>
      <c r="BZ2098" s="53">
        <v>-16652.086330935199</v>
      </c>
      <c r="CA2098" s="53">
        <v>-199825.035971223</v>
      </c>
      <c r="CB2098" s="53"/>
      <c r="CC2098" s="53"/>
      <c r="CD2098" s="53"/>
      <c r="CE2098" s="53"/>
      <c r="CF2098" s="53"/>
      <c r="CG2098" s="53">
        <v>-7499999.9999999898</v>
      </c>
      <c r="CH2098" s="53"/>
      <c r="CI2098" s="53"/>
      <c r="CJ2098" s="53"/>
      <c r="CK2098" s="53"/>
      <c r="CL2098" s="53"/>
      <c r="CM2098" s="53">
        <v>-7499999.9999999898</v>
      </c>
      <c r="CN2098" s="53">
        <v>-14999999.999999899</v>
      </c>
    </row>
    <row r="2099" spans="1:92" outlineLevel="1">
      <c r="A2099" s="52" t="s">
        <v>1565</v>
      </c>
      <c r="B2099" s="53">
        <v>-11698.0753138075</v>
      </c>
      <c r="C2099" s="53">
        <v>-11698.0753138075</v>
      </c>
      <c r="D2099" s="53">
        <v>-11698.0753138075</v>
      </c>
      <c r="E2099" s="53">
        <v>-11698.0753138075</v>
      </c>
      <c r="F2099" s="53">
        <v>-11698.0753138075</v>
      </c>
      <c r="G2099" s="53">
        <v>-11698.0753138075</v>
      </c>
      <c r="H2099" s="53">
        <v>-11698.0753138075</v>
      </c>
      <c r="I2099" s="53">
        <v>-11698.0753138075</v>
      </c>
      <c r="J2099" s="53">
        <v>-11698.0753138075</v>
      </c>
      <c r="K2099" s="53">
        <v>-11698.0753138075</v>
      </c>
      <c r="L2099" s="53">
        <v>-11698.0753138075</v>
      </c>
      <c r="M2099" s="53">
        <v>-11698.0753138075</v>
      </c>
      <c r="N2099" s="53">
        <v>-140376.90376568999</v>
      </c>
      <c r="O2099" s="53">
        <v>-11698.0753138075</v>
      </c>
      <c r="P2099" s="53">
        <v>-11698.0753138075</v>
      </c>
      <c r="Q2099" s="53">
        <v>-11698.0753138075</v>
      </c>
      <c r="R2099" s="53">
        <v>-11698.0753138075</v>
      </c>
      <c r="S2099" s="53">
        <v>-11698.0753138075</v>
      </c>
      <c r="T2099" s="53">
        <v>-11698.0753138075</v>
      </c>
      <c r="U2099" s="53">
        <v>-11698.0753138075</v>
      </c>
      <c r="V2099" s="53">
        <v>-11698.0753138075</v>
      </c>
      <c r="W2099" s="53">
        <v>-11698.0753138075</v>
      </c>
      <c r="X2099" s="53">
        <v>-11698.0753138075</v>
      </c>
      <c r="Y2099" s="53">
        <v>-11698.0753138075</v>
      </c>
      <c r="Z2099" s="53">
        <v>-11698.0753138075</v>
      </c>
      <c r="AA2099" s="53">
        <v>-140376.90376568999</v>
      </c>
      <c r="AB2099" s="53">
        <v>-11698.0753138075</v>
      </c>
      <c r="AC2099" s="53">
        <v>-11698.0753138075</v>
      </c>
      <c r="AD2099" s="53">
        <v>-11698.0753138075</v>
      </c>
      <c r="AE2099" s="53">
        <v>-11698.0753138075</v>
      </c>
      <c r="AF2099" s="53">
        <v>-11698.0753138075</v>
      </c>
      <c r="AG2099" s="53">
        <v>-11698.0753138075</v>
      </c>
      <c r="AH2099" s="53">
        <v>-11698.0753138075</v>
      </c>
      <c r="AI2099" s="53">
        <v>-11698.0753138075</v>
      </c>
      <c r="AJ2099" s="53">
        <v>-11698.0753138075</v>
      </c>
      <c r="AK2099" s="53">
        <v>-11698.0753138075</v>
      </c>
      <c r="AL2099" s="53">
        <v>-11698.0753138075</v>
      </c>
      <c r="AM2099" s="53">
        <v>-11698.0753138075</v>
      </c>
      <c r="AN2099" s="53">
        <v>-140376.90376568999</v>
      </c>
      <c r="AO2099" s="53">
        <v>-11698.0753138075</v>
      </c>
      <c r="AP2099" s="53">
        <v>-11698.0753138075</v>
      </c>
      <c r="AQ2099" s="53">
        <v>-11698.0753138075</v>
      </c>
      <c r="AR2099" s="53">
        <v>-11698.0753138075</v>
      </c>
      <c r="AS2099" s="53">
        <v>-11698.0753138075</v>
      </c>
      <c r="AT2099" s="53">
        <v>-11698.0753138075</v>
      </c>
      <c r="AU2099" s="53">
        <v>-11698.0753138075</v>
      </c>
      <c r="AV2099" s="53">
        <v>-11698.0753138075</v>
      </c>
      <c r="AW2099" s="53">
        <v>-11698.0753138075</v>
      </c>
      <c r="AX2099" s="53">
        <v>-11698.0753138075</v>
      </c>
      <c r="AY2099" s="53">
        <v>-11698.0753138075</v>
      </c>
      <c r="AZ2099" s="53">
        <v>-11698.0753138075</v>
      </c>
      <c r="BA2099" s="53">
        <v>-140376.90376568999</v>
      </c>
      <c r="BB2099" s="53">
        <v>-11698.0753138075</v>
      </c>
      <c r="BC2099" s="53">
        <v>-11698.0753138075</v>
      </c>
      <c r="BD2099" s="53">
        <v>-11698.0753138075</v>
      </c>
      <c r="BE2099" s="53">
        <v>-11698.0753138075</v>
      </c>
      <c r="BF2099" s="53">
        <v>-11698.0753138075</v>
      </c>
      <c r="BG2099" s="53">
        <v>-11698.0753138075</v>
      </c>
      <c r="BH2099" s="53">
        <v>-11698.0753138075</v>
      </c>
      <c r="BI2099" s="53">
        <v>-11698.0753138075</v>
      </c>
      <c r="BJ2099" s="53">
        <v>-11698.0753138075</v>
      </c>
      <c r="BK2099" s="53">
        <v>-11698.0753138075</v>
      </c>
      <c r="BL2099" s="53">
        <v>-11698.0753138075</v>
      </c>
      <c r="BM2099" s="53">
        <v>-11698.0753138075</v>
      </c>
      <c r="BN2099" s="53">
        <v>-140376.90376568999</v>
      </c>
      <c r="BO2099" s="53">
        <v>-11698.0753138075</v>
      </c>
      <c r="BP2099" s="53">
        <v>-11698.0753138075</v>
      </c>
      <c r="BQ2099" s="53">
        <v>-11698.0753138075</v>
      </c>
      <c r="BR2099" s="53">
        <v>-11698.0753138075</v>
      </c>
      <c r="BS2099" s="53">
        <v>-11698.0753138075</v>
      </c>
      <c r="BT2099" s="53">
        <v>-11698.0753138075</v>
      </c>
      <c r="BU2099" s="53">
        <v>-11698.0753138075</v>
      </c>
      <c r="BV2099" s="53">
        <v>-11698.0753138075</v>
      </c>
      <c r="BW2099" s="53">
        <v>-11698.0753138075</v>
      </c>
      <c r="BX2099" s="53">
        <v>-11698.0753138075</v>
      </c>
      <c r="BY2099" s="53">
        <v>-11698.0753138075</v>
      </c>
      <c r="BZ2099" s="53">
        <v>-11698.0753138075</v>
      </c>
      <c r="CA2099" s="53">
        <v>-140376.90376568999</v>
      </c>
      <c r="CB2099" s="53"/>
      <c r="CC2099" s="53"/>
      <c r="CD2099" s="53"/>
      <c r="CE2099" s="53"/>
      <c r="CF2099" s="53"/>
      <c r="CG2099" s="53"/>
      <c r="CH2099" s="53"/>
      <c r="CI2099" s="53"/>
      <c r="CJ2099" s="53"/>
      <c r="CK2099" s="53"/>
      <c r="CL2099" s="53"/>
      <c r="CM2099" s="53"/>
      <c r="CN2099" s="53"/>
    </row>
    <row r="2100" spans="1:92" outlineLevel="1">
      <c r="A2100" s="52" t="s">
        <v>672</v>
      </c>
      <c r="B2100" s="53"/>
      <c r="C2100" s="53"/>
      <c r="D2100" s="53"/>
      <c r="E2100" s="53"/>
      <c r="F2100" s="53"/>
      <c r="G2100" s="53"/>
      <c r="H2100" s="53"/>
      <c r="I2100" s="53"/>
      <c r="J2100" s="53"/>
      <c r="K2100" s="53"/>
      <c r="L2100" s="53"/>
      <c r="M2100" s="53"/>
      <c r="N2100" s="53"/>
      <c r="O2100" s="53"/>
      <c r="P2100" s="53"/>
      <c r="Q2100" s="53"/>
      <c r="R2100" s="53"/>
      <c r="S2100" s="53"/>
      <c r="T2100" s="53"/>
      <c r="U2100" s="53"/>
      <c r="V2100" s="53"/>
      <c r="W2100" s="53"/>
      <c r="X2100" s="53"/>
      <c r="Y2100" s="53"/>
      <c r="Z2100" s="53"/>
      <c r="AA2100" s="53"/>
      <c r="AB2100" s="53"/>
      <c r="AC2100" s="53"/>
      <c r="AD2100" s="53"/>
      <c r="AE2100" s="53"/>
      <c r="AF2100" s="53"/>
      <c r="AG2100" s="53"/>
      <c r="AH2100" s="53"/>
      <c r="AI2100" s="53"/>
      <c r="AJ2100" s="53"/>
      <c r="AK2100" s="53"/>
      <c r="AL2100" s="53"/>
      <c r="AM2100" s="53"/>
      <c r="AN2100" s="53"/>
      <c r="AO2100" s="53"/>
      <c r="AP2100" s="53"/>
      <c r="AQ2100" s="53"/>
      <c r="AR2100" s="53"/>
      <c r="AS2100" s="53"/>
      <c r="AT2100" s="53"/>
      <c r="AU2100" s="53"/>
      <c r="AV2100" s="53"/>
      <c r="AW2100" s="53"/>
      <c r="AX2100" s="53"/>
      <c r="AY2100" s="53"/>
      <c r="AZ2100" s="53"/>
      <c r="BA2100" s="53"/>
      <c r="BB2100" s="53"/>
      <c r="BC2100" s="53"/>
      <c r="BD2100" s="53"/>
      <c r="BE2100" s="53"/>
      <c r="BF2100" s="53"/>
      <c r="BG2100" s="53"/>
      <c r="BH2100" s="53"/>
      <c r="BI2100" s="53"/>
      <c r="BJ2100" s="53"/>
      <c r="BK2100" s="53"/>
      <c r="BL2100" s="53"/>
      <c r="BM2100" s="53"/>
      <c r="BN2100" s="53"/>
      <c r="BO2100" s="53"/>
      <c r="BP2100" s="53"/>
      <c r="BQ2100" s="53"/>
      <c r="BR2100" s="53"/>
      <c r="BS2100" s="53"/>
      <c r="BT2100" s="53"/>
      <c r="BU2100" s="53"/>
      <c r="BV2100" s="53"/>
      <c r="BW2100" s="53"/>
      <c r="BX2100" s="53"/>
      <c r="BY2100" s="53"/>
      <c r="BZ2100" s="53"/>
      <c r="CA2100" s="53"/>
      <c r="CB2100" s="53"/>
      <c r="CC2100" s="53"/>
      <c r="CD2100" s="53"/>
      <c r="CE2100" s="53"/>
      <c r="CF2100" s="53"/>
      <c r="CG2100" s="53"/>
      <c r="CH2100" s="53"/>
      <c r="CI2100" s="53"/>
      <c r="CJ2100" s="53"/>
      <c r="CK2100" s="53"/>
      <c r="CL2100" s="53"/>
      <c r="CM2100" s="53"/>
      <c r="CN2100" s="53"/>
    </row>
    <row r="2101" spans="1:92">
      <c r="A2101" s="52" t="s">
        <v>709</v>
      </c>
      <c r="B2101" s="53"/>
      <c r="C2101" s="53"/>
      <c r="D2101" s="53"/>
      <c r="E2101" s="53"/>
      <c r="F2101" s="53"/>
      <c r="G2101" s="53"/>
      <c r="H2101" s="53"/>
      <c r="I2101" s="53"/>
      <c r="J2101" s="53"/>
      <c r="K2101" s="53"/>
      <c r="L2101" s="53"/>
      <c r="M2101" s="53"/>
      <c r="N2101" s="53"/>
      <c r="O2101" s="53"/>
      <c r="P2101" s="53"/>
      <c r="Q2101" s="53"/>
      <c r="R2101" s="53"/>
      <c r="S2101" s="53"/>
      <c r="T2101" s="53"/>
      <c r="U2101" s="53"/>
      <c r="V2101" s="53"/>
      <c r="W2101" s="53"/>
      <c r="X2101" s="53"/>
      <c r="Y2101" s="53"/>
      <c r="Z2101" s="53"/>
      <c r="AA2101" s="53"/>
      <c r="AB2101" s="53"/>
      <c r="AC2101" s="53"/>
      <c r="AD2101" s="53"/>
      <c r="AE2101" s="53"/>
      <c r="AF2101" s="53"/>
      <c r="AG2101" s="53"/>
      <c r="AH2101" s="53"/>
      <c r="AI2101" s="53"/>
      <c r="AJ2101" s="53"/>
      <c r="AK2101" s="53"/>
      <c r="AL2101" s="53"/>
      <c r="AM2101" s="53"/>
      <c r="AN2101" s="53"/>
      <c r="AO2101" s="53"/>
      <c r="AP2101" s="53"/>
      <c r="AQ2101" s="53"/>
      <c r="AR2101" s="53"/>
      <c r="AS2101" s="53"/>
      <c r="AT2101" s="53"/>
      <c r="AU2101" s="53"/>
      <c r="AV2101" s="53"/>
      <c r="AW2101" s="53"/>
      <c r="AX2101" s="53"/>
      <c r="AY2101" s="53"/>
      <c r="AZ2101" s="53"/>
      <c r="BA2101" s="53"/>
      <c r="BB2101" s="53"/>
      <c r="BC2101" s="53"/>
      <c r="BD2101" s="53"/>
      <c r="BE2101" s="53"/>
      <c r="BF2101" s="53"/>
      <c r="BG2101" s="53"/>
      <c r="BH2101" s="53"/>
      <c r="BI2101" s="53"/>
      <c r="BJ2101" s="53"/>
      <c r="BK2101" s="53"/>
      <c r="BL2101" s="53"/>
      <c r="BM2101" s="53"/>
      <c r="BN2101" s="53"/>
      <c r="BO2101" s="53"/>
      <c r="BP2101" s="53"/>
      <c r="BQ2101" s="53"/>
      <c r="BR2101" s="53"/>
      <c r="BS2101" s="53"/>
      <c r="BT2101" s="53"/>
      <c r="BU2101" s="53"/>
      <c r="BV2101" s="53"/>
      <c r="BW2101" s="53"/>
      <c r="BX2101" s="53"/>
      <c r="BY2101" s="53"/>
      <c r="BZ2101" s="53"/>
      <c r="CA2101" s="53"/>
      <c r="CB2101" s="53"/>
      <c r="CC2101" s="53"/>
      <c r="CD2101" s="53"/>
      <c r="CE2101" s="53"/>
      <c r="CF2101" s="53"/>
      <c r="CG2101" s="53"/>
      <c r="CH2101" s="53"/>
      <c r="CI2101" s="53"/>
      <c r="CJ2101" s="53"/>
      <c r="CK2101" s="53"/>
      <c r="CL2101" s="53"/>
      <c r="CM2101" s="53"/>
      <c r="CN2101" s="53"/>
    </row>
    <row r="2102" spans="1:92">
      <c r="A2102" s="52" t="s">
        <v>731</v>
      </c>
      <c r="B2102" s="53"/>
      <c r="C2102" s="53"/>
      <c r="D2102" s="53"/>
      <c r="E2102" s="53"/>
      <c r="F2102" s="53"/>
      <c r="G2102" s="53"/>
      <c r="H2102" s="53"/>
      <c r="I2102" s="53"/>
      <c r="J2102" s="53"/>
      <c r="K2102" s="53"/>
      <c r="L2102" s="53"/>
      <c r="M2102" s="53"/>
      <c r="N2102" s="53"/>
      <c r="O2102" s="53"/>
      <c r="P2102" s="53"/>
      <c r="Q2102" s="53"/>
      <c r="R2102" s="53"/>
      <c r="S2102" s="53"/>
      <c r="T2102" s="53"/>
      <c r="U2102" s="53"/>
      <c r="V2102" s="53"/>
      <c r="W2102" s="53"/>
      <c r="X2102" s="53"/>
      <c r="Y2102" s="53"/>
      <c r="Z2102" s="53"/>
      <c r="AA2102" s="53"/>
      <c r="AB2102" s="53"/>
      <c r="AC2102" s="53"/>
      <c r="AD2102" s="53"/>
      <c r="AE2102" s="53"/>
      <c r="AF2102" s="53"/>
      <c r="AG2102" s="53"/>
      <c r="AH2102" s="53"/>
      <c r="AI2102" s="53"/>
      <c r="AJ2102" s="53"/>
      <c r="AK2102" s="53"/>
      <c r="AL2102" s="53"/>
      <c r="AM2102" s="53"/>
      <c r="AN2102" s="53"/>
      <c r="AO2102" s="53"/>
      <c r="AP2102" s="53"/>
      <c r="AQ2102" s="53"/>
      <c r="AR2102" s="53"/>
      <c r="AS2102" s="53"/>
      <c r="AT2102" s="53"/>
      <c r="AU2102" s="53"/>
      <c r="AV2102" s="53"/>
      <c r="AW2102" s="53"/>
      <c r="AX2102" s="53"/>
      <c r="AY2102" s="53"/>
      <c r="AZ2102" s="53"/>
      <c r="BA2102" s="53"/>
      <c r="BB2102" s="53"/>
      <c r="BC2102" s="53"/>
      <c r="BD2102" s="53"/>
      <c r="BE2102" s="53"/>
      <c r="BF2102" s="53"/>
      <c r="BG2102" s="53"/>
      <c r="BH2102" s="53"/>
      <c r="BI2102" s="53"/>
      <c r="BJ2102" s="53"/>
      <c r="BK2102" s="53"/>
      <c r="BL2102" s="53"/>
      <c r="BM2102" s="53"/>
      <c r="BN2102" s="53"/>
      <c r="BO2102" s="53"/>
      <c r="BP2102" s="53"/>
      <c r="BQ2102" s="53"/>
      <c r="BR2102" s="53"/>
      <c r="BS2102" s="53"/>
      <c r="BT2102" s="53"/>
      <c r="BU2102" s="53"/>
      <c r="BV2102" s="53"/>
      <c r="BW2102" s="53"/>
      <c r="BX2102" s="53"/>
      <c r="BY2102" s="53"/>
      <c r="BZ2102" s="53"/>
      <c r="CA2102" s="53"/>
      <c r="CB2102" s="53">
        <v>843750</v>
      </c>
      <c r="CC2102" s="53">
        <v>843750</v>
      </c>
      <c r="CD2102" s="53">
        <v>843750</v>
      </c>
      <c r="CE2102" s="53">
        <v>843750</v>
      </c>
      <c r="CF2102" s="53">
        <v>843750</v>
      </c>
      <c r="CG2102" s="53">
        <v>843750</v>
      </c>
      <c r="CH2102" s="53">
        <v>843750</v>
      </c>
      <c r="CI2102" s="53">
        <v>843750</v>
      </c>
      <c r="CJ2102" s="53">
        <v>843750</v>
      </c>
      <c r="CK2102" s="53">
        <v>843750</v>
      </c>
      <c r="CL2102" s="53">
        <v>843750</v>
      </c>
      <c r="CM2102" s="53">
        <v>843750</v>
      </c>
      <c r="CN2102" s="53">
        <v>10125000</v>
      </c>
    </row>
    <row r="2103" spans="1:92">
      <c r="A2103" s="52" t="s">
        <v>711</v>
      </c>
      <c r="B2103" s="53">
        <v>15351.5205479452</v>
      </c>
      <c r="C2103" s="53">
        <v>15351.5138888888</v>
      </c>
      <c r="D2103" s="53">
        <v>15351.521126760499</v>
      </c>
      <c r="E2103" s="53">
        <v>15351.5142857142</v>
      </c>
      <c r="F2103" s="53">
        <v>15351.5217391304</v>
      </c>
      <c r="G2103" s="53">
        <v>15351.5147058823</v>
      </c>
      <c r="H2103" s="53">
        <v>15351.5223880596</v>
      </c>
      <c r="I2103" s="53">
        <v>15351.515151515099</v>
      </c>
      <c r="J2103" s="53">
        <v>15351.523076923</v>
      </c>
      <c r="K2103" s="53">
        <v>15351.515625</v>
      </c>
      <c r="L2103" s="53">
        <v>15351.5238095238</v>
      </c>
      <c r="M2103" s="53">
        <v>15351.516129032199</v>
      </c>
      <c r="N2103" s="53">
        <v>184218.22247437501</v>
      </c>
      <c r="O2103" s="53">
        <v>15351.524590163899</v>
      </c>
      <c r="P2103" s="53">
        <v>15351.524590163899</v>
      </c>
      <c r="Q2103" s="53">
        <v>15351.524590163899</v>
      </c>
      <c r="R2103" s="53">
        <v>15351.524590163899</v>
      </c>
      <c r="S2103" s="53">
        <v>15351.524590163899</v>
      </c>
      <c r="T2103" s="53">
        <v>15351.524590163899</v>
      </c>
      <c r="U2103" s="53">
        <v>15351.524590163899</v>
      </c>
      <c r="V2103" s="53">
        <v>15351.524590163899</v>
      </c>
      <c r="W2103" s="53">
        <v>15351.524590163899</v>
      </c>
      <c r="X2103" s="53">
        <v>15351.524590163899</v>
      </c>
      <c r="Y2103" s="53">
        <v>15351.524590163899</v>
      </c>
      <c r="Z2103" s="53">
        <v>15351.524590163899</v>
      </c>
      <c r="AA2103" s="53">
        <v>184218.29508196699</v>
      </c>
      <c r="AB2103" s="53">
        <v>15351.524590163899</v>
      </c>
      <c r="AC2103" s="53">
        <v>15351.524590163899</v>
      </c>
      <c r="AD2103" s="53">
        <v>15351.524590163899</v>
      </c>
      <c r="AE2103" s="53">
        <v>15351.524590163899</v>
      </c>
      <c r="AF2103" s="53">
        <v>15351.524590163899</v>
      </c>
      <c r="AG2103" s="53">
        <v>15351.524590163899</v>
      </c>
      <c r="AH2103" s="53">
        <v>15351.524590163899</v>
      </c>
      <c r="AI2103" s="53">
        <v>15351.524590163899</v>
      </c>
      <c r="AJ2103" s="53">
        <v>15351.524590163899</v>
      </c>
      <c r="AK2103" s="53">
        <v>15351.524590163899</v>
      </c>
      <c r="AL2103" s="53">
        <v>15351.524590163899</v>
      </c>
      <c r="AM2103" s="53">
        <v>15351.524590163899</v>
      </c>
      <c r="AN2103" s="53">
        <v>184218.29508196699</v>
      </c>
      <c r="AO2103" s="53">
        <v>15351.524590163899</v>
      </c>
      <c r="AP2103" s="53">
        <v>15351.524590163899</v>
      </c>
      <c r="AQ2103" s="53">
        <v>15351.524590163899</v>
      </c>
      <c r="AR2103" s="53">
        <v>15351.524590163899</v>
      </c>
      <c r="AS2103" s="53">
        <v>15351.524590163899</v>
      </c>
      <c r="AT2103" s="53">
        <v>15351.524590163899</v>
      </c>
      <c r="AU2103" s="53">
        <v>15351.524590163899</v>
      </c>
      <c r="AV2103" s="53">
        <v>15351.524590163899</v>
      </c>
      <c r="AW2103" s="53">
        <v>15351.524590163899</v>
      </c>
      <c r="AX2103" s="53">
        <v>15351.524590163899</v>
      </c>
      <c r="AY2103" s="53">
        <v>15351.524590163899</v>
      </c>
      <c r="AZ2103" s="53">
        <v>15351.524590163899</v>
      </c>
      <c r="BA2103" s="53">
        <v>184218.29508196699</v>
      </c>
      <c r="BB2103" s="53">
        <v>15351.524590163899</v>
      </c>
      <c r="BC2103" s="53">
        <v>15351.524590163899</v>
      </c>
      <c r="BD2103" s="53">
        <v>15351.524590163899</v>
      </c>
      <c r="BE2103" s="53">
        <v>15351.524590163899</v>
      </c>
      <c r="BF2103" s="53">
        <v>15351.524590163899</v>
      </c>
      <c r="BG2103" s="53">
        <v>15351.524590163899</v>
      </c>
      <c r="BH2103" s="53">
        <v>15351.524590163899</v>
      </c>
      <c r="BI2103" s="53">
        <v>15351.524590163899</v>
      </c>
      <c r="BJ2103" s="53">
        <v>15351.524590163899</v>
      </c>
      <c r="BK2103" s="53">
        <v>15351.524590163899</v>
      </c>
      <c r="BL2103" s="53">
        <v>15351.524590163899</v>
      </c>
      <c r="BM2103" s="53">
        <v>15351.524590163899</v>
      </c>
      <c r="BN2103" s="53">
        <v>184218.29508196699</v>
      </c>
      <c r="BO2103" s="53">
        <v>15351.524590163899</v>
      </c>
      <c r="BP2103" s="53">
        <v>15351.524590163899</v>
      </c>
      <c r="BQ2103" s="53">
        <v>15351.524590163899</v>
      </c>
      <c r="BR2103" s="53">
        <v>15351.524590163899</v>
      </c>
      <c r="BS2103" s="53">
        <v>15351.524590163899</v>
      </c>
      <c r="BT2103" s="53">
        <v>15351.524590163899</v>
      </c>
      <c r="BU2103" s="53">
        <v>15351.524590163899</v>
      </c>
      <c r="BV2103" s="53">
        <v>15351.524590163899</v>
      </c>
      <c r="BW2103" s="53">
        <v>15351.524590163899</v>
      </c>
      <c r="BX2103" s="53">
        <v>15351.524590163899</v>
      </c>
      <c r="BY2103" s="53">
        <v>15351.524590163899</v>
      </c>
      <c r="BZ2103" s="53">
        <v>15351.524590163899</v>
      </c>
      <c r="CA2103" s="53">
        <v>184218.29508196699</v>
      </c>
      <c r="CB2103" s="53">
        <v>1106250</v>
      </c>
      <c r="CC2103" s="53">
        <v>1106250</v>
      </c>
      <c r="CD2103" s="53">
        <v>1106250</v>
      </c>
      <c r="CE2103" s="53">
        <v>1106250</v>
      </c>
      <c r="CF2103" s="53">
        <v>1106250</v>
      </c>
      <c r="CG2103" s="53">
        <v>1106250</v>
      </c>
      <c r="CH2103" s="53">
        <v>1106250</v>
      </c>
      <c r="CI2103" s="53">
        <v>1106250</v>
      </c>
      <c r="CJ2103" s="53">
        <v>1106250</v>
      </c>
      <c r="CK2103" s="53">
        <v>1106250</v>
      </c>
      <c r="CL2103" s="53">
        <v>1106250</v>
      </c>
      <c r="CM2103" s="53">
        <v>1106250</v>
      </c>
      <c r="CN2103" s="53">
        <v>13275000</v>
      </c>
    </row>
    <row r="2104" spans="1:92" outlineLevel="1">
      <c r="A2104" s="52" t="s">
        <v>712</v>
      </c>
      <c r="B2104" s="53">
        <v>8310.1044776119397</v>
      </c>
      <c r="C2104" s="53">
        <v>8310.1052631578896</v>
      </c>
      <c r="D2104" s="53">
        <v>8310.1060606060601</v>
      </c>
      <c r="E2104" s="53">
        <v>8310.1068702289995</v>
      </c>
      <c r="F2104" s="53">
        <v>8310.1076923076907</v>
      </c>
      <c r="G2104" s="53">
        <v>8310.1007751937905</v>
      </c>
      <c r="H2104" s="53">
        <v>8310.1015625</v>
      </c>
      <c r="I2104" s="53">
        <v>8310.1023622047196</v>
      </c>
      <c r="J2104" s="53">
        <v>8310.1031746031695</v>
      </c>
      <c r="K2104" s="53">
        <v>8310.1039999999994</v>
      </c>
      <c r="L2104" s="53">
        <v>8310.1048387096707</v>
      </c>
      <c r="M2104" s="53">
        <v>8310.1056910569096</v>
      </c>
      <c r="N2104" s="53">
        <v>99721.252768180799</v>
      </c>
      <c r="O2104" s="53">
        <v>8310.1065573770393</v>
      </c>
      <c r="P2104" s="53">
        <v>8310.1065573770393</v>
      </c>
      <c r="Q2104" s="53">
        <v>8310.1065573770393</v>
      </c>
      <c r="R2104" s="53">
        <v>8310.1065573770393</v>
      </c>
      <c r="S2104" s="53">
        <v>8310.1065573770502</v>
      </c>
      <c r="T2104" s="53">
        <v>8310.1065573770502</v>
      </c>
      <c r="U2104" s="53">
        <v>8310.1065573770502</v>
      </c>
      <c r="V2104" s="53">
        <v>8310.1065573770502</v>
      </c>
      <c r="W2104" s="53">
        <v>8310.1065573770502</v>
      </c>
      <c r="X2104" s="53">
        <v>8310.1065573770502</v>
      </c>
      <c r="Y2104" s="53">
        <v>8310.1065573770502</v>
      </c>
      <c r="Z2104" s="53">
        <v>8310.1065573770502</v>
      </c>
      <c r="AA2104" s="53">
        <v>99721.278688524602</v>
      </c>
      <c r="AB2104" s="53">
        <v>8310.1065573770502</v>
      </c>
      <c r="AC2104" s="53">
        <v>8310.1065573770502</v>
      </c>
      <c r="AD2104" s="53">
        <v>8310.1065573770502</v>
      </c>
      <c r="AE2104" s="53">
        <v>8310.1065573770502</v>
      </c>
      <c r="AF2104" s="53">
        <v>8310.1065573770502</v>
      </c>
      <c r="AG2104" s="53">
        <v>8310.1065573770502</v>
      </c>
      <c r="AH2104" s="53">
        <v>8310.1065573770502</v>
      </c>
      <c r="AI2104" s="53">
        <v>8310.1065573770502</v>
      </c>
      <c r="AJ2104" s="53">
        <v>8310.1065573770502</v>
      </c>
      <c r="AK2104" s="53">
        <v>8310.1065573770502</v>
      </c>
      <c r="AL2104" s="53">
        <v>8310.1065573770502</v>
      </c>
      <c r="AM2104" s="53">
        <v>8310.1065573770502</v>
      </c>
      <c r="AN2104" s="53">
        <v>99721.278688524602</v>
      </c>
      <c r="AO2104" s="53">
        <v>8310.1065573770502</v>
      </c>
      <c r="AP2104" s="53">
        <v>8310.1065573770502</v>
      </c>
      <c r="AQ2104" s="53">
        <v>8310.1065573770502</v>
      </c>
      <c r="AR2104" s="53">
        <v>8310.1065573770502</v>
      </c>
      <c r="AS2104" s="53">
        <v>8310.1065573770502</v>
      </c>
      <c r="AT2104" s="53">
        <v>8310.1065573770502</v>
      </c>
      <c r="AU2104" s="53">
        <v>8310.1065573770502</v>
      </c>
      <c r="AV2104" s="53">
        <v>8310.1065573770502</v>
      </c>
      <c r="AW2104" s="53">
        <v>8310.1065573770502</v>
      </c>
      <c r="AX2104" s="53">
        <v>8310.1065573770502</v>
      </c>
      <c r="AY2104" s="53">
        <v>8310.1065573770502</v>
      </c>
      <c r="AZ2104" s="53">
        <v>8310.1065573770502</v>
      </c>
      <c r="BA2104" s="53">
        <v>99721.278688524602</v>
      </c>
      <c r="BB2104" s="53">
        <v>8310.1065573770593</v>
      </c>
      <c r="BC2104" s="53">
        <v>8310.1065573770593</v>
      </c>
      <c r="BD2104" s="53">
        <v>8310.1065573770593</v>
      </c>
      <c r="BE2104" s="53">
        <v>8310.1065573770593</v>
      </c>
      <c r="BF2104" s="53">
        <v>8310.1065573770593</v>
      </c>
      <c r="BG2104" s="53">
        <v>8310.1065573770593</v>
      </c>
      <c r="BH2104" s="53">
        <v>8310.1065573770593</v>
      </c>
      <c r="BI2104" s="53">
        <v>8310.1065573770593</v>
      </c>
      <c r="BJ2104" s="53">
        <v>8310.1065573770593</v>
      </c>
      <c r="BK2104" s="53">
        <v>8310.1065573770593</v>
      </c>
      <c r="BL2104" s="53">
        <v>8310.1065573770593</v>
      </c>
      <c r="BM2104" s="53">
        <v>8310.1065573770593</v>
      </c>
      <c r="BN2104" s="53">
        <v>99721.278688524704</v>
      </c>
      <c r="BO2104" s="53">
        <v>8310.1065573770593</v>
      </c>
      <c r="BP2104" s="53">
        <v>8310.1065573770593</v>
      </c>
      <c r="BQ2104" s="53">
        <v>8310.1065573770593</v>
      </c>
      <c r="BR2104" s="53">
        <v>8310.1065573770593</v>
      </c>
      <c r="BS2104" s="53">
        <v>8310.1065573770593</v>
      </c>
      <c r="BT2104" s="53">
        <v>8310.1065573770593</v>
      </c>
      <c r="BU2104" s="53">
        <v>8310.1065573770593</v>
      </c>
      <c r="BV2104" s="53">
        <v>8310.1065573770593</v>
      </c>
      <c r="BW2104" s="53">
        <v>8310.1065573770593</v>
      </c>
      <c r="BX2104" s="53">
        <v>8310.1065573770702</v>
      </c>
      <c r="BY2104" s="53">
        <v>8310.1065573770702</v>
      </c>
      <c r="BZ2104" s="53">
        <v>8310.1065573770702</v>
      </c>
      <c r="CA2104" s="53">
        <v>99721.278688524806</v>
      </c>
      <c r="CB2104" s="53">
        <v>2645833.3333333302</v>
      </c>
      <c r="CC2104" s="53">
        <v>2645833.3333333302</v>
      </c>
      <c r="CD2104" s="53">
        <v>2645833.3333333302</v>
      </c>
      <c r="CE2104" s="53">
        <v>2645833.3333333302</v>
      </c>
      <c r="CF2104" s="53">
        <v>2645833.3333333302</v>
      </c>
      <c r="CG2104" s="53">
        <v>2645833.3333333302</v>
      </c>
      <c r="CH2104" s="53">
        <v>2645833.3333333302</v>
      </c>
      <c r="CI2104" s="53">
        <v>2645833.3333333302</v>
      </c>
      <c r="CJ2104" s="53">
        <v>2645833.3333333302</v>
      </c>
      <c r="CK2104" s="53">
        <v>2645833.3333333302</v>
      </c>
      <c r="CL2104" s="53">
        <v>2645833.3333333302</v>
      </c>
      <c r="CM2104" s="53">
        <v>2645833.3333333302</v>
      </c>
      <c r="CN2104" s="53">
        <v>31749999.999999899</v>
      </c>
    </row>
    <row r="2105" spans="1:92" outlineLevel="1">
      <c r="A2105" s="52" t="s">
        <v>713</v>
      </c>
      <c r="B2105" s="53">
        <v>18632.710875331501</v>
      </c>
      <c r="C2105" s="53">
        <v>18632.7093333333</v>
      </c>
      <c r="D2105" s="53">
        <v>18632.713136729199</v>
      </c>
      <c r="E2105" s="53">
        <v>18632.7115902964</v>
      </c>
      <c r="F2105" s="53">
        <v>18632.710027100198</v>
      </c>
      <c r="G2105" s="53">
        <v>18632.7084468664</v>
      </c>
      <c r="H2105" s="53">
        <v>18632.712328767098</v>
      </c>
      <c r="I2105" s="53">
        <v>18632.710743801599</v>
      </c>
      <c r="J2105" s="53">
        <v>18632.709141274201</v>
      </c>
      <c r="K2105" s="53">
        <v>18632.713091922</v>
      </c>
      <c r="L2105" s="53">
        <v>18632.711484593801</v>
      </c>
      <c r="M2105" s="53">
        <v>18632.7098591549</v>
      </c>
      <c r="N2105" s="53">
        <v>223592.530059171</v>
      </c>
      <c r="O2105" s="53">
        <v>18632.7082152974</v>
      </c>
      <c r="P2105" s="53">
        <v>18632.7082152974</v>
      </c>
      <c r="Q2105" s="53">
        <v>18632.7082152974</v>
      </c>
      <c r="R2105" s="53">
        <v>18632.7082152974</v>
      </c>
      <c r="S2105" s="53">
        <v>18632.7082152974</v>
      </c>
      <c r="T2105" s="53">
        <v>18632.7082152974</v>
      </c>
      <c r="U2105" s="53">
        <v>18632.7082152974</v>
      </c>
      <c r="V2105" s="53">
        <v>18632.7082152974</v>
      </c>
      <c r="W2105" s="53">
        <v>18632.7082152974</v>
      </c>
      <c r="X2105" s="53">
        <v>18632.7082152974</v>
      </c>
      <c r="Y2105" s="53">
        <v>18632.7082152974</v>
      </c>
      <c r="Z2105" s="53">
        <v>18632.7082152974</v>
      </c>
      <c r="AA2105" s="53">
        <v>223592.49858356899</v>
      </c>
      <c r="AB2105" s="53">
        <v>18632.7082152974</v>
      </c>
      <c r="AC2105" s="53">
        <v>18632.7082152974</v>
      </c>
      <c r="AD2105" s="53">
        <v>18632.7082152974</v>
      </c>
      <c r="AE2105" s="53">
        <v>18632.7082152974</v>
      </c>
      <c r="AF2105" s="53">
        <v>18632.7082152974</v>
      </c>
      <c r="AG2105" s="53">
        <v>18632.7082152974</v>
      </c>
      <c r="AH2105" s="53">
        <v>18632.7082152974</v>
      </c>
      <c r="AI2105" s="53">
        <v>18632.7082152974</v>
      </c>
      <c r="AJ2105" s="53">
        <v>18632.7082152974</v>
      </c>
      <c r="AK2105" s="53">
        <v>18632.7082152974</v>
      </c>
      <c r="AL2105" s="53">
        <v>18632.7082152974</v>
      </c>
      <c r="AM2105" s="53">
        <v>18632.7082152974</v>
      </c>
      <c r="AN2105" s="53">
        <v>223592.49858356899</v>
      </c>
      <c r="AO2105" s="53">
        <v>18632.7082152974</v>
      </c>
      <c r="AP2105" s="53">
        <v>18632.7082152974</v>
      </c>
      <c r="AQ2105" s="53">
        <v>18632.7082152974</v>
      </c>
      <c r="AR2105" s="53">
        <v>18632.7082152974</v>
      </c>
      <c r="AS2105" s="53">
        <v>18632.7082152974</v>
      </c>
      <c r="AT2105" s="53">
        <v>18632.7082152974</v>
      </c>
      <c r="AU2105" s="53">
        <v>18632.7082152974</v>
      </c>
      <c r="AV2105" s="53">
        <v>18632.7082152974</v>
      </c>
      <c r="AW2105" s="53">
        <v>18632.7082152974</v>
      </c>
      <c r="AX2105" s="53">
        <v>18632.7082152974</v>
      </c>
      <c r="AY2105" s="53">
        <v>18632.7082152974</v>
      </c>
      <c r="AZ2105" s="53">
        <v>18632.7082152974</v>
      </c>
      <c r="BA2105" s="53">
        <v>223592.49858356899</v>
      </c>
      <c r="BB2105" s="53">
        <v>18632.7082152974</v>
      </c>
      <c r="BC2105" s="53">
        <v>18632.7082152974</v>
      </c>
      <c r="BD2105" s="53">
        <v>18632.7082152974</v>
      </c>
      <c r="BE2105" s="53">
        <v>18632.7082152974</v>
      </c>
      <c r="BF2105" s="53">
        <v>18632.7082152974</v>
      </c>
      <c r="BG2105" s="53">
        <v>18632.7082152974</v>
      </c>
      <c r="BH2105" s="53">
        <v>18632.7082152974</v>
      </c>
      <c r="BI2105" s="53">
        <v>18632.7082152974</v>
      </c>
      <c r="BJ2105" s="53">
        <v>18632.7082152974</v>
      </c>
      <c r="BK2105" s="53">
        <v>18632.7082152974</v>
      </c>
      <c r="BL2105" s="53">
        <v>18632.7082152974</v>
      </c>
      <c r="BM2105" s="53">
        <v>18632.7082152974</v>
      </c>
      <c r="BN2105" s="53">
        <v>223592.49858356899</v>
      </c>
      <c r="BO2105" s="53">
        <v>18632.7082152974</v>
      </c>
      <c r="BP2105" s="53">
        <v>18632.7082152974</v>
      </c>
      <c r="BQ2105" s="53">
        <v>18632.7082152974</v>
      </c>
      <c r="BR2105" s="53">
        <v>18632.7082152974</v>
      </c>
      <c r="BS2105" s="53">
        <v>18632.7082152974</v>
      </c>
      <c r="BT2105" s="53">
        <v>18632.7082152974</v>
      </c>
      <c r="BU2105" s="53">
        <v>18632.7082152974</v>
      </c>
      <c r="BV2105" s="53">
        <v>18632.7082152974</v>
      </c>
      <c r="BW2105" s="53">
        <v>18632.7082152974</v>
      </c>
      <c r="BX2105" s="53">
        <v>18632.7082152974</v>
      </c>
      <c r="BY2105" s="53">
        <v>18632.7082152974</v>
      </c>
      <c r="BZ2105" s="53">
        <v>18632.7082152974</v>
      </c>
      <c r="CA2105" s="53">
        <v>223592.49858356899</v>
      </c>
      <c r="CB2105" s="53"/>
      <c r="CC2105" s="53"/>
      <c r="CD2105" s="53"/>
      <c r="CE2105" s="53"/>
      <c r="CF2105" s="53"/>
      <c r="CG2105" s="53"/>
      <c r="CH2105" s="53"/>
      <c r="CI2105" s="53"/>
      <c r="CJ2105" s="53"/>
      <c r="CK2105" s="53"/>
      <c r="CL2105" s="53"/>
      <c r="CM2105" s="53"/>
      <c r="CN2105" s="53"/>
    </row>
    <row r="2106" spans="1:92" outlineLevel="1">
      <c r="A2106" s="52" t="s">
        <v>716</v>
      </c>
      <c r="B2106" s="53">
        <v>36488.334177215103</v>
      </c>
      <c r="C2106" s="53">
        <v>36488.335877862599</v>
      </c>
      <c r="D2106" s="53">
        <v>36488.332480818397</v>
      </c>
      <c r="E2106" s="53">
        <v>36488.334190231297</v>
      </c>
      <c r="F2106" s="53">
        <v>36488.335917312601</v>
      </c>
      <c r="G2106" s="53">
        <v>36488.332467532397</v>
      </c>
      <c r="H2106" s="53">
        <v>36488.3342036553</v>
      </c>
      <c r="I2106" s="53">
        <v>36488.335958005198</v>
      </c>
      <c r="J2106" s="53">
        <v>36488.332453825802</v>
      </c>
      <c r="K2106" s="53">
        <v>36488.334217506599</v>
      </c>
      <c r="L2106" s="53">
        <v>36488.335999999901</v>
      </c>
      <c r="M2106" s="53">
        <v>36488.332439678197</v>
      </c>
      <c r="N2106" s="53">
        <v>437860.01038364402</v>
      </c>
      <c r="O2106" s="53">
        <v>36488.3342318059</v>
      </c>
      <c r="P2106" s="53">
        <v>36488.3342318059</v>
      </c>
      <c r="Q2106" s="53">
        <v>36488.3342318059</v>
      </c>
      <c r="R2106" s="53">
        <v>36488.3342318059</v>
      </c>
      <c r="S2106" s="53">
        <v>36488.3342318059</v>
      </c>
      <c r="T2106" s="53">
        <v>36488.3342318059</v>
      </c>
      <c r="U2106" s="53">
        <v>36488.3342318059</v>
      </c>
      <c r="V2106" s="53">
        <v>36488.3342318059</v>
      </c>
      <c r="W2106" s="53">
        <v>36488.3342318059</v>
      </c>
      <c r="X2106" s="53">
        <v>36488.3342318059</v>
      </c>
      <c r="Y2106" s="53">
        <v>36488.3342318059</v>
      </c>
      <c r="Z2106" s="53">
        <v>36488.3342318059</v>
      </c>
      <c r="AA2106" s="53">
        <v>437860.01078167098</v>
      </c>
      <c r="AB2106" s="53">
        <v>36488.3342318059</v>
      </c>
      <c r="AC2106" s="53">
        <v>36488.3342318059</v>
      </c>
      <c r="AD2106" s="53">
        <v>36488.3342318059</v>
      </c>
      <c r="AE2106" s="53">
        <v>36488.3342318059</v>
      </c>
      <c r="AF2106" s="53">
        <v>36488.3342318059</v>
      </c>
      <c r="AG2106" s="53">
        <v>36488.3342318059</v>
      </c>
      <c r="AH2106" s="53">
        <v>36488.3342318059</v>
      </c>
      <c r="AI2106" s="53">
        <v>36488.3342318059</v>
      </c>
      <c r="AJ2106" s="53">
        <v>36488.334231805798</v>
      </c>
      <c r="AK2106" s="53">
        <v>36488.334231805798</v>
      </c>
      <c r="AL2106" s="53">
        <v>36488.334231805798</v>
      </c>
      <c r="AM2106" s="53">
        <v>36488.334231805798</v>
      </c>
      <c r="AN2106" s="53">
        <v>437860.01078166999</v>
      </c>
      <c r="AO2106" s="53">
        <v>36488.334231805798</v>
      </c>
      <c r="AP2106" s="53">
        <v>36488.334231805798</v>
      </c>
      <c r="AQ2106" s="53">
        <v>36488.334231805798</v>
      </c>
      <c r="AR2106" s="53">
        <v>36488.334231805798</v>
      </c>
      <c r="AS2106" s="53">
        <v>36488.334231805798</v>
      </c>
      <c r="AT2106" s="53">
        <v>36488.334231805798</v>
      </c>
      <c r="AU2106" s="53">
        <v>36488.334231805798</v>
      </c>
      <c r="AV2106" s="53">
        <v>36488.334231805798</v>
      </c>
      <c r="AW2106" s="53">
        <v>36488.334231805798</v>
      </c>
      <c r="AX2106" s="53">
        <v>36488.334231805798</v>
      </c>
      <c r="AY2106" s="53">
        <v>36488.334231805798</v>
      </c>
      <c r="AZ2106" s="53">
        <v>36488.334231805798</v>
      </c>
      <c r="BA2106" s="53">
        <v>437860.01078166999</v>
      </c>
      <c r="BB2106" s="53">
        <v>36488.334231805798</v>
      </c>
      <c r="BC2106" s="53">
        <v>36488.334231805798</v>
      </c>
      <c r="BD2106" s="53">
        <v>36488.334231805798</v>
      </c>
      <c r="BE2106" s="53">
        <v>36488.334231805798</v>
      </c>
      <c r="BF2106" s="53">
        <v>36488.334231805798</v>
      </c>
      <c r="BG2106" s="53">
        <v>36488.334231805798</v>
      </c>
      <c r="BH2106" s="53">
        <v>36488.334231805798</v>
      </c>
      <c r="BI2106" s="53">
        <v>36488.334231805798</v>
      </c>
      <c r="BJ2106" s="53">
        <v>36488.334231805798</v>
      </c>
      <c r="BK2106" s="53">
        <v>36488.334231805798</v>
      </c>
      <c r="BL2106" s="53">
        <v>36488.334231805798</v>
      </c>
      <c r="BM2106" s="53">
        <v>36488.334231805798</v>
      </c>
      <c r="BN2106" s="53">
        <v>437860.01078166999</v>
      </c>
      <c r="BO2106" s="53">
        <v>36488.334231805798</v>
      </c>
      <c r="BP2106" s="53">
        <v>36488.334231805798</v>
      </c>
      <c r="BQ2106" s="53">
        <v>36488.334231805798</v>
      </c>
      <c r="BR2106" s="53">
        <v>36488.334231805798</v>
      </c>
      <c r="BS2106" s="53">
        <v>36488.334231805798</v>
      </c>
      <c r="BT2106" s="53">
        <v>36488.334231805798</v>
      </c>
      <c r="BU2106" s="53">
        <v>36488.334231805798</v>
      </c>
      <c r="BV2106" s="53">
        <v>36488.334231805798</v>
      </c>
      <c r="BW2106" s="53">
        <v>36488.334231805798</v>
      </c>
      <c r="BX2106" s="53">
        <v>36488.334231805798</v>
      </c>
      <c r="BY2106" s="53">
        <v>36488.334231805798</v>
      </c>
      <c r="BZ2106" s="53">
        <v>36488.334231805697</v>
      </c>
      <c r="CA2106" s="53">
        <v>437860.010781669</v>
      </c>
      <c r="CB2106" s="53"/>
      <c r="CC2106" s="53"/>
      <c r="CD2106" s="53"/>
      <c r="CE2106" s="53"/>
      <c r="CF2106" s="53"/>
      <c r="CG2106" s="53"/>
      <c r="CH2106" s="53"/>
      <c r="CI2106" s="53"/>
      <c r="CJ2106" s="53"/>
      <c r="CK2106" s="53"/>
      <c r="CL2106" s="53"/>
      <c r="CM2106" s="53"/>
      <c r="CN2106" s="53"/>
    </row>
    <row r="2107" spans="1:92" outlineLevel="1">
      <c r="A2107" s="52" t="s">
        <v>717</v>
      </c>
      <c r="B2107" s="53">
        <v>13019.146118721401</v>
      </c>
      <c r="C2107" s="53">
        <v>13019.1467889908</v>
      </c>
      <c r="D2107" s="53">
        <v>13019.1474654377</v>
      </c>
      <c r="E2107" s="53">
        <v>13019.148148148101</v>
      </c>
      <c r="F2107" s="53">
        <v>13019.1441860465</v>
      </c>
      <c r="G2107" s="53">
        <v>13019.144859812999</v>
      </c>
      <c r="H2107" s="53">
        <v>13019.1455399061</v>
      </c>
      <c r="I2107" s="53">
        <v>13019.146226415</v>
      </c>
      <c r="J2107" s="53">
        <v>13019.146919431199</v>
      </c>
      <c r="K2107" s="53">
        <v>13019.147619047601</v>
      </c>
      <c r="L2107" s="53">
        <v>13019.148325358799</v>
      </c>
      <c r="M2107" s="53">
        <v>13019.1442307692</v>
      </c>
      <c r="N2107" s="53">
        <v>156229.756428086</v>
      </c>
      <c r="O2107" s="53">
        <v>13019.144927536199</v>
      </c>
      <c r="P2107" s="53">
        <v>13019.144927536199</v>
      </c>
      <c r="Q2107" s="53">
        <v>13019.144927536199</v>
      </c>
      <c r="R2107" s="53">
        <v>13019.144927536199</v>
      </c>
      <c r="S2107" s="53">
        <v>13019.144927536199</v>
      </c>
      <c r="T2107" s="53">
        <v>13019.144927536199</v>
      </c>
      <c r="U2107" s="53">
        <v>13019.144927536199</v>
      </c>
      <c r="V2107" s="53">
        <v>13019.144927536199</v>
      </c>
      <c r="W2107" s="53">
        <v>13019.144927536199</v>
      </c>
      <c r="X2107" s="53">
        <v>13019.144927536199</v>
      </c>
      <c r="Y2107" s="53">
        <v>13019.144927536199</v>
      </c>
      <c r="Z2107" s="53">
        <v>13019.144927536199</v>
      </c>
      <c r="AA2107" s="53">
        <v>156229.739130434</v>
      </c>
      <c r="AB2107" s="53">
        <v>13019.144927536199</v>
      </c>
      <c r="AC2107" s="53">
        <v>13019.144927536199</v>
      </c>
      <c r="AD2107" s="53">
        <v>13019.144927536199</v>
      </c>
      <c r="AE2107" s="53">
        <v>13019.144927536199</v>
      </c>
      <c r="AF2107" s="53">
        <v>13019.144927536199</v>
      </c>
      <c r="AG2107" s="53">
        <v>13019.144927536199</v>
      </c>
      <c r="AH2107" s="53">
        <v>13019.144927536199</v>
      </c>
      <c r="AI2107" s="53">
        <v>13019.144927536199</v>
      </c>
      <c r="AJ2107" s="53">
        <v>13019.144927536199</v>
      </c>
      <c r="AK2107" s="53">
        <v>13019.144927536199</v>
      </c>
      <c r="AL2107" s="53">
        <v>13019.144927536199</v>
      </c>
      <c r="AM2107" s="53">
        <v>13019.144927536199</v>
      </c>
      <c r="AN2107" s="53">
        <v>156229.739130434</v>
      </c>
      <c r="AO2107" s="53">
        <v>13019.144927536199</v>
      </c>
      <c r="AP2107" s="53">
        <v>13019.144927536199</v>
      </c>
      <c r="AQ2107" s="53">
        <v>13019.144927536199</v>
      </c>
      <c r="AR2107" s="53">
        <v>13019.144927536199</v>
      </c>
      <c r="AS2107" s="53">
        <v>13019.144927536199</v>
      </c>
      <c r="AT2107" s="53">
        <v>13019.144927536199</v>
      </c>
      <c r="AU2107" s="53">
        <v>13019.144927536199</v>
      </c>
      <c r="AV2107" s="53">
        <v>13019.144927536199</v>
      </c>
      <c r="AW2107" s="53">
        <v>13019.144927536199</v>
      </c>
      <c r="AX2107" s="53">
        <v>13019.144927536199</v>
      </c>
      <c r="AY2107" s="53">
        <v>13019.144927536199</v>
      </c>
      <c r="AZ2107" s="53">
        <v>13019.144927536199</v>
      </c>
      <c r="BA2107" s="53">
        <v>156229.739130434</v>
      </c>
      <c r="BB2107" s="53">
        <v>13019.144927536199</v>
      </c>
      <c r="BC2107" s="53">
        <v>13019.144927536199</v>
      </c>
      <c r="BD2107" s="53">
        <v>13019.144927536199</v>
      </c>
      <c r="BE2107" s="53">
        <v>13019.144927536199</v>
      </c>
      <c r="BF2107" s="53">
        <v>13019.144927536199</v>
      </c>
      <c r="BG2107" s="53">
        <v>13019.144927536199</v>
      </c>
      <c r="BH2107" s="53">
        <v>13019.144927536199</v>
      </c>
      <c r="BI2107" s="53">
        <v>13019.144927536199</v>
      </c>
      <c r="BJ2107" s="53">
        <v>13019.144927536199</v>
      </c>
      <c r="BK2107" s="53">
        <v>13019.144927536199</v>
      </c>
      <c r="BL2107" s="53">
        <v>13019.144927536199</v>
      </c>
      <c r="BM2107" s="53">
        <v>13019.144927536199</v>
      </c>
      <c r="BN2107" s="53">
        <v>156229.739130434</v>
      </c>
      <c r="BO2107" s="53">
        <v>13019.144927536199</v>
      </c>
      <c r="BP2107" s="53">
        <v>13019.144927536199</v>
      </c>
      <c r="BQ2107" s="53">
        <v>13019.144927536199</v>
      </c>
      <c r="BR2107" s="53">
        <v>13019.144927536199</v>
      </c>
      <c r="BS2107" s="53">
        <v>13019.144927536199</v>
      </c>
      <c r="BT2107" s="53">
        <v>13019.144927536199</v>
      </c>
      <c r="BU2107" s="53">
        <v>13019.144927536199</v>
      </c>
      <c r="BV2107" s="53">
        <v>13019.144927536199</v>
      </c>
      <c r="BW2107" s="53">
        <v>13019.144927536199</v>
      </c>
      <c r="BX2107" s="53">
        <v>13019.144927536199</v>
      </c>
      <c r="BY2107" s="53">
        <v>13019.144927536199</v>
      </c>
      <c r="BZ2107" s="53">
        <v>13019.144927536199</v>
      </c>
      <c r="CA2107" s="53">
        <v>156229.739130434</v>
      </c>
      <c r="CB2107" s="53">
        <v>5333333.3333333302</v>
      </c>
      <c r="CC2107" s="53">
        <v>5333333.3333333302</v>
      </c>
      <c r="CD2107" s="53">
        <v>5333333.3333333302</v>
      </c>
      <c r="CE2107" s="53">
        <v>5333333.3333333302</v>
      </c>
      <c r="CF2107" s="53">
        <v>5333333.3333333302</v>
      </c>
      <c r="CG2107" s="53">
        <v>5333333.3333333302</v>
      </c>
      <c r="CH2107" s="53">
        <v>5333333.3333333302</v>
      </c>
      <c r="CI2107" s="53">
        <v>5333333.3333333302</v>
      </c>
      <c r="CJ2107" s="53">
        <v>5333333.3333333302</v>
      </c>
      <c r="CK2107" s="53">
        <v>5333333.3333333302</v>
      </c>
      <c r="CL2107" s="53">
        <v>5333333.3333333302</v>
      </c>
      <c r="CM2107" s="53">
        <v>5333333.3333333302</v>
      </c>
      <c r="CN2107" s="53">
        <v>64000000</v>
      </c>
    </row>
    <row r="2108" spans="1:92" outlineLevel="1">
      <c r="A2108" s="52" t="s">
        <v>718</v>
      </c>
      <c r="B2108" s="53">
        <v>13527.6846307385</v>
      </c>
      <c r="C2108" s="53">
        <v>13527.683366733399</v>
      </c>
      <c r="D2108" s="53">
        <v>13527.686116700201</v>
      </c>
      <c r="E2108" s="53">
        <v>13527.6848484848</v>
      </c>
      <c r="F2108" s="53">
        <v>13527.683569979699</v>
      </c>
      <c r="G2108" s="53">
        <v>13527.6863543788</v>
      </c>
      <c r="H2108" s="53">
        <v>13527.6850715746</v>
      </c>
      <c r="I2108" s="53">
        <v>13527.683778234001</v>
      </c>
      <c r="J2108" s="53">
        <v>13527.6865979381</v>
      </c>
      <c r="K2108" s="53">
        <v>13527.685300207</v>
      </c>
      <c r="L2108" s="53">
        <v>13527.6839916839</v>
      </c>
      <c r="M2108" s="53">
        <v>13527.682672233799</v>
      </c>
      <c r="N2108" s="53">
        <v>162332.21629888701</v>
      </c>
      <c r="O2108" s="53">
        <v>13527.685534591101</v>
      </c>
      <c r="P2108" s="53">
        <v>13527.685534591101</v>
      </c>
      <c r="Q2108" s="53">
        <v>13527.685534591101</v>
      </c>
      <c r="R2108" s="53">
        <v>13527.685534591101</v>
      </c>
      <c r="S2108" s="53">
        <v>13527.685534591101</v>
      </c>
      <c r="T2108" s="53">
        <v>13527.685534591101</v>
      </c>
      <c r="U2108" s="53">
        <v>13527.685534591101</v>
      </c>
      <c r="V2108" s="53">
        <v>13527.685534591201</v>
      </c>
      <c r="W2108" s="53">
        <v>13527.685534591201</v>
      </c>
      <c r="X2108" s="53">
        <v>13527.685534591201</v>
      </c>
      <c r="Y2108" s="53">
        <v>13527.685534591201</v>
      </c>
      <c r="Z2108" s="53">
        <v>13527.685534591201</v>
      </c>
      <c r="AA2108" s="53">
        <v>162332.22641509399</v>
      </c>
      <c r="AB2108" s="53">
        <v>13527.685534591201</v>
      </c>
      <c r="AC2108" s="53">
        <v>13527.685534591201</v>
      </c>
      <c r="AD2108" s="53">
        <v>13527.685534591201</v>
      </c>
      <c r="AE2108" s="53">
        <v>13527.685534591201</v>
      </c>
      <c r="AF2108" s="53">
        <v>13527.685534591201</v>
      </c>
      <c r="AG2108" s="53">
        <v>13527.685534591201</v>
      </c>
      <c r="AH2108" s="53">
        <v>13527.685534591201</v>
      </c>
      <c r="AI2108" s="53">
        <v>13527.685534591201</v>
      </c>
      <c r="AJ2108" s="53">
        <v>13527.685534591201</v>
      </c>
      <c r="AK2108" s="53">
        <v>13527.685534591201</v>
      </c>
      <c r="AL2108" s="53">
        <v>13527.685534591201</v>
      </c>
      <c r="AM2108" s="53">
        <v>13527.685534591201</v>
      </c>
      <c r="AN2108" s="53">
        <v>162332.22641509399</v>
      </c>
      <c r="AO2108" s="53">
        <v>13527.685534591201</v>
      </c>
      <c r="AP2108" s="53">
        <v>13527.685534591201</v>
      </c>
      <c r="AQ2108" s="53">
        <v>13527.685534591201</v>
      </c>
      <c r="AR2108" s="53">
        <v>13527.685534591201</v>
      </c>
      <c r="AS2108" s="53">
        <v>13527.685534591201</v>
      </c>
      <c r="AT2108" s="53">
        <v>13527.685534591201</v>
      </c>
      <c r="AU2108" s="53">
        <v>13527.685534591201</v>
      </c>
      <c r="AV2108" s="53">
        <v>13527.685534591201</v>
      </c>
      <c r="AW2108" s="53">
        <v>13527.685534591201</v>
      </c>
      <c r="AX2108" s="53">
        <v>13527.685534591201</v>
      </c>
      <c r="AY2108" s="53">
        <v>13527.685534591201</v>
      </c>
      <c r="AZ2108" s="53">
        <v>13527.685534591201</v>
      </c>
      <c r="BA2108" s="53">
        <v>162332.22641509399</v>
      </c>
      <c r="BB2108" s="53">
        <v>13527.685534591201</v>
      </c>
      <c r="BC2108" s="53">
        <v>13527.685534591201</v>
      </c>
      <c r="BD2108" s="53">
        <v>13527.685534591201</v>
      </c>
      <c r="BE2108" s="53">
        <v>13527.685534591201</v>
      </c>
      <c r="BF2108" s="53">
        <v>13527.685534591201</v>
      </c>
      <c r="BG2108" s="53">
        <v>13527.685534591201</v>
      </c>
      <c r="BH2108" s="53">
        <v>13527.685534591201</v>
      </c>
      <c r="BI2108" s="53">
        <v>13527.685534591201</v>
      </c>
      <c r="BJ2108" s="53">
        <v>13527.685534591201</v>
      </c>
      <c r="BK2108" s="53">
        <v>13527.685534591201</v>
      </c>
      <c r="BL2108" s="53">
        <v>13527.685534591201</v>
      </c>
      <c r="BM2108" s="53">
        <v>13527.685534591201</v>
      </c>
      <c r="BN2108" s="53">
        <v>162332.22641509399</v>
      </c>
      <c r="BO2108" s="53">
        <v>13527.685534591201</v>
      </c>
      <c r="BP2108" s="53">
        <v>13527.685534591201</v>
      </c>
      <c r="BQ2108" s="53">
        <v>13527.685534591201</v>
      </c>
      <c r="BR2108" s="53">
        <v>13527.685534591201</v>
      </c>
      <c r="BS2108" s="53">
        <v>13527.685534591201</v>
      </c>
      <c r="BT2108" s="53">
        <v>13527.685534591201</v>
      </c>
      <c r="BU2108" s="53">
        <v>13527.685534591201</v>
      </c>
      <c r="BV2108" s="53">
        <v>13527.685534591201</v>
      </c>
      <c r="BW2108" s="53">
        <v>13527.685534591201</v>
      </c>
      <c r="BX2108" s="53">
        <v>13527.685534591201</v>
      </c>
      <c r="BY2108" s="53">
        <v>13527.685534591201</v>
      </c>
      <c r="BZ2108" s="53">
        <v>13527.685534591201</v>
      </c>
      <c r="CA2108" s="53">
        <v>162332.22641509399</v>
      </c>
      <c r="CB2108" s="53">
        <v>1647916.66666666</v>
      </c>
      <c r="CC2108" s="53">
        <v>1647916.66666666</v>
      </c>
      <c r="CD2108" s="53">
        <v>1647916.66666666</v>
      </c>
      <c r="CE2108" s="53">
        <v>1647916.66666666</v>
      </c>
      <c r="CF2108" s="53">
        <v>1647916.66666666</v>
      </c>
      <c r="CG2108" s="53">
        <v>1647916.66666666</v>
      </c>
      <c r="CH2108" s="53">
        <v>1647916.66666666</v>
      </c>
      <c r="CI2108" s="53">
        <v>1647916.66666666</v>
      </c>
      <c r="CJ2108" s="53">
        <v>1647916.66666666</v>
      </c>
      <c r="CK2108" s="53">
        <v>1647916.66666666</v>
      </c>
      <c r="CL2108" s="53">
        <v>1647916.66666666</v>
      </c>
      <c r="CM2108" s="53">
        <v>1647916.66666666</v>
      </c>
      <c r="CN2108" s="53">
        <v>19775000</v>
      </c>
    </row>
    <row r="2109" spans="1:92" outlineLevel="1">
      <c r="A2109" s="52" t="s">
        <v>721</v>
      </c>
      <c r="B2109" s="53">
        <v>20148.979797979799</v>
      </c>
      <c r="C2109" s="53">
        <v>20148.979729729701</v>
      </c>
      <c r="D2109" s="53">
        <v>20148.9796610169</v>
      </c>
      <c r="E2109" s="53">
        <v>20148.979591836702</v>
      </c>
      <c r="F2109" s="53">
        <v>20148.979522184301</v>
      </c>
      <c r="G2109" s="53">
        <v>20148.9794520547</v>
      </c>
      <c r="H2109" s="53">
        <v>20148.979381443201</v>
      </c>
      <c r="I2109" s="53">
        <v>20148.979310344799</v>
      </c>
      <c r="J2109" s="53">
        <v>20148.979238754298</v>
      </c>
      <c r="K2109" s="53">
        <v>20148.979166666599</v>
      </c>
      <c r="L2109" s="53">
        <v>20148.9790940766</v>
      </c>
      <c r="M2109" s="53">
        <v>20148.979020979001</v>
      </c>
      <c r="N2109" s="53">
        <v>241787.752967067</v>
      </c>
      <c r="O2109" s="53">
        <v>20148.9789473684</v>
      </c>
      <c r="P2109" s="53">
        <v>20148.9789473684</v>
      </c>
      <c r="Q2109" s="53">
        <v>20148.9789473684</v>
      </c>
      <c r="R2109" s="53">
        <v>20148.9789473684</v>
      </c>
      <c r="S2109" s="53">
        <v>20148.9789473684</v>
      </c>
      <c r="T2109" s="53">
        <v>20148.9789473684</v>
      </c>
      <c r="U2109" s="53">
        <v>20148.9789473684</v>
      </c>
      <c r="V2109" s="53">
        <v>20148.9789473684</v>
      </c>
      <c r="W2109" s="53">
        <v>20148.9789473684</v>
      </c>
      <c r="X2109" s="53">
        <v>20148.9789473684</v>
      </c>
      <c r="Y2109" s="53">
        <v>20148.9789473684</v>
      </c>
      <c r="Z2109" s="53">
        <v>20148.9789473684</v>
      </c>
      <c r="AA2109" s="53">
        <v>241787.747368421</v>
      </c>
      <c r="AB2109" s="53">
        <v>20148.9789473684</v>
      </c>
      <c r="AC2109" s="53">
        <v>20148.9789473684</v>
      </c>
      <c r="AD2109" s="53">
        <v>20148.9789473684</v>
      </c>
      <c r="AE2109" s="53">
        <v>20148.9789473684</v>
      </c>
      <c r="AF2109" s="53">
        <v>20148.9789473684</v>
      </c>
      <c r="AG2109" s="53">
        <v>20148.9789473684</v>
      </c>
      <c r="AH2109" s="53">
        <v>20148.9789473684</v>
      </c>
      <c r="AI2109" s="53">
        <v>20148.9789473684</v>
      </c>
      <c r="AJ2109" s="53">
        <v>20148.9789473684</v>
      </c>
      <c r="AK2109" s="53">
        <v>20148.9789473684</v>
      </c>
      <c r="AL2109" s="53">
        <v>20148.9789473684</v>
      </c>
      <c r="AM2109" s="53">
        <v>20148.9789473684</v>
      </c>
      <c r="AN2109" s="53">
        <v>241787.747368421</v>
      </c>
      <c r="AO2109" s="53">
        <v>20148.9789473684</v>
      </c>
      <c r="AP2109" s="53">
        <v>20148.9789473684</v>
      </c>
      <c r="AQ2109" s="53">
        <v>20148.9789473684</v>
      </c>
      <c r="AR2109" s="53">
        <v>20148.9789473684</v>
      </c>
      <c r="AS2109" s="53">
        <v>20148.9789473684</v>
      </c>
      <c r="AT2109" s="53">
        <v>20148.9789473684</v>
      </c>
      <c r="AU2109" s="53">
        <v>20148.9789473684</v>
      </c>
      <c r="AV2109" s="53">
        <v>20148.9789473684</v>
      </c>
      <c r="AW2109" s="53">
        <v>20148.9789473684</v>
      </c>
      <c r="AX2109" s="53">
        <v>20148.9789473684</v>
      </c>
      <c r="AY2109" s="53">
        <v>20148.9789473684</v>
      </c>
      <c r="AZ2109" s="53">
        <v>20148.9789473684</v>
      </c>
      <c r="BA2109" s="53">
        <v>241787.747368421</v>
      </c>
      <c r="BB2109" s="53">
        <v>20148.9789473684</v>
      </c>
      <c r="BC2109" s="53">
        <v>20148.9789473684</v>
      </c>
      <c r="BD2109" s="53">
        <v>20148.9789473684</v>
      </c>
      <c r="BE2109" s="53">
        <v>20148.9789473684</v>
      </c>
      <c r="BF2109" s="53">
        <v>20148.9789473684</v>
      </c>
      <c r="BG2109" s="53">
        <v>20148.9789473684</v>
      </c>
      <c r="BH2109" s="53">
        <v>20148.9789473684</v>
      </c>
      <c r="BI2109" s="53">
        <v>20148.9789473684</v>
      </c>
      <c r="BJ2109" s="53">
        <v>20148.9789473684</v>
      </c>
      <c r="BK2109" s="53">
        <v>20148.9789473684</v>
      </c>
      <c r="BL2109" s="53">
        <v>20148.9789473684</v>
      </c>
      <c r="BM2109" s="53">
        <v>20148.9789473684</v>
      </c>
      <c r="BN2109" s="53">
        <v>241787.747368421</v>
      </c>
      <c r="BO2109" s="53">
        <v>20148.9789473684</v>
      </c>
      <c r="BP2109" s="53">
        <v>20148.9789473684</v>
      </c>
      <c r="BQ2109" s="53">
        <v>20148.9789473684</v>
      </c>
      <c r="BR2109" s="53">
        <v>20148.978947368501</v>
      </c>
      <c r="BS2109" s="53">
        <v>20148.978947368501</v>
      </c>
      <c r="BT2109" s="53">
        <v>20148.978947368501</v>
      </c>
      <c r="BU2109" s="53">
        <v>20148.978947368501</v>
      </c>
      <c r="BV2109" s="53">
        <v>20148.978947368501</v>
      </c>
      <c r="BW2109" s="53">
        <v>20148.978947368501</v>
      </c>
      <c r="BX2109" s="53">
        <v>20148.978947368501</v>
      </c>
      <c r="BY2109" s="53">
        <v>20148.978947368501</v>
      </c>
      <c r="BZ2109" s="53">
        <v>20148.978947368501</v>
      </c>
      <c r="CA2109" s="53">
        <v>241787.74736842199</v>
      </c>
      <c r="CB2109" s="53">
        <v>1283333.33333333</v>
      </c>
      <c r="CC2109" s="53">
        <v>1283333.33333333</v>
      </c>
      <c r="CD2109" s="53">
        <v>1283333.33333333</v>
      </c>
      <c r="CE2109" s="53">
        <v>1283333.33333333</v>
      </c>
      <c r="CF2109" s="53">
        <v>1283333.33333333</v>
      </c>
      <c r="CG2109" s="53">
        <v>1283333.33333333</v>
      </c>
      <c r="CH2109" s="53">
        <v>1283333.33333333</v>
      </c>
      <c r="CI2109" s="53">
        <v>1283333.33333333</v>
      </c>
      <c r="CJ2109" s="53">
        <v>1283333.33333333</v>
      </c>
      <c r="CK2109" s="53">
        <v>1283333.33333333</v>
      </c>
      <c r="CL2109" s="53">
        <v>1283333.33333333</v>
      </c>
      <c r="CM2109" s="53">
        <v>1283333.33333333</v>
      </c>
      <c r="CN2109" s="53">
        <v>15400000</v>
      </c>
    </row>
    <row r="2110" spans="1:92" outlineLevel="1">
      <c r="A2110" s="52" t="s">
        <v>723</v>
      </c>
      <c r="B2110" s="53">
        <v>49399.371900826402</v>
      </c>
      <c r="C2110" s="53">
        <v>49399.378151260498</v>
      </c>
      <c r="D2110" s="53">
        <v>49399.367521367501</v>
      </c>
      <c r="E2110" s="53">
        <v>49399.373913043397</v>
      </c>
      <c r="F2110" s="53">
        <v>49399.380530973402</v>
      </c>
      <c r="G2110" s="53">
        <v>49399.369369369299</v>
      </c>
      <c r="H2110" s="53">
        <v>49399.376146788898</v>
      </c>
      <c r="I2110" s="53">
        <v>49399.364485981299</v>
      </c>
      <c r="J2110" s="53">
        <v>49399.371428571401</v>
      </c>
      <c r="K2110" s="53">
        <v>49399.378640776697</v>
      </c>
      <c r="L2110" s="53">
        <v>49399.366336633597</v>
      </c>
      <c r="M2110" s="53">
        <v>49399.373737373702</v>
      </c>
      <c r="N2110" s="53">
        <v>592792.47216296603</v>
      </c>
      <c r="O2110" s="53">
        <v>49399.381443298902</v>
      </c>
      <c r="P2110" s="53">
        <v>49399.381443298902</v>
      </c>
      <c r="Q2110" s="53">
        <v>49399.381443298902</v>
      </c>
      <c r="R2110" s="53">
        <v>49399.381443298902</v>
      </c>
      <c r="S2110" s="53">
        <v>49399.381443298902</v>
      </c>
      <c r="T2110" s="53">
        <v>49399.381443298902</v>
      </c>
      <c r="U2110" s="53">
        <v>49399.381443298902</v>
      </c>
      <c r="V2110" s="53">
        <v>49399.381443298997</v>
      </c>
      <c r="W2110" s="53">
        <v>49399.381443298902</v>
      </c>
      <c r="X2110" s="53">
        <v>49399.381443298902</v>
      </c>
      <c r="Y2110" s="53">
        <v>49399.381443298902</v>
      </c>
      <c r="Z2110" s="53">
        <v>49399.381443298902</v>
      </c>
      <c r="AA2110" s="53">
        <v>592792.577319587</v>
      </c>
      <c r="AB2110" s="53">
        <v>49399.381443298902</v>
      </c>
      <c r="AC2110" s="53">
        <v>49399.381443298902</v>
      </c>
      <c r="AD2110" s="53">
        <v>49399.381443298902</v>
      </c>
      <c r="AE2110" s="53">
        <v>49399.381443298902</v>
      </c>
      <c r="AF2110" s="53">
        <v>49399.381443298902</v>
      </c>
      <c r="AG2110" s="53">
        <v>49399.381443298902</v>
      </c>
      <c r="AH2110" s="53">
        <v>49399.381443298902</v>
      </c>
      <c r="AI2110" s="53">
        <v>49399.381443298902</v>
      </c>
      <c r="AJ2110" s="53">
        <v>49399.381443298902</v>
      </c>
      <c r="AK2110" s="53">
        <v>49399.381443298902</v>
      </c>
      <c r="AL2110" s="53">
        <v>49399.381443298902</v>
      </c>
      <c r="AM2110" s="53">
        <v>49399.381443298902</v>
      </c>
      <c r="AN2110" s="53">
        <v>592792.577319587</v>
      </c>
      <c r="AO2110" s="53">
        <v>49399.381443298902</v>
      </c>
      <c r="AP2110" s="53">
        <v>49399.381443298902</v>
      </c>
      <c r="AQ2110" s="53">
        <v>49399.381443298902</v>
      </c>
      <c r="AR2110" s="53">
        <v>49399.381443298902</v>
      </c>
      <c r="AS2110" s="53">
        <v>49399.381443298902</v>
      </c>
      <c r="AT2110" s="53">
        <v>49399.381443298902</v>
      </c>
      <c r="AU2110" s="53">
        <v>49399.381443298902</v>
      </c>
      <c r="AV2110" s="53">
        <v>49399.381443298902</v>
      </c>
      <c r="AW2110" s="53">
        <v>49399.381443298902</v>
      </c>
      <c r="AX2110" s="53">
        <v>49399.381443298902</v>
      </c>
      <c r="AY2110" s="53">
        <v>49399.381443298902</v>
      </c>
      <c r="AZ2110" s="53">
        <v>49399.381443298902</v>
      </c>
      <c r="BA2110" s="53">
        <v>592792.577319587</v>
      </c>
      <c r="BB2110" s="53">
        <v>49399.381443298902</v>
      </c>
      <c r="BC2110" s="53">
        <v>49399.381443298902</v>
      </c>
      <c r="BD2110" s="53">
        <v>49399.381443298902</v>
      </c>
      <c r="BE2110" s="53">
        <v>49399.381443298902</v>
      </c>
      <c r="BF2110" s="53">
        <v>49399.381443298902</v>
      </c>
      <c r="BG2110" s="53">
        <v>49399.381443298902</v>
      </c>
      <c r="BH2110" s="53">
        <v>49399.381443298902</v>
      </c>
      <c r="BI2110" s="53">
        <v>49399.381443298902</v>
      </c>
      <c r="BJ2110" s="53">
        <v>49399.381443298902</v>
      </c>
      <c r="BK2110" s="53">
        <v>49399.381443298902</v>
      </c>
      <c r="BL2110" s="53">
        <v>49399.381443298902</v>
      </c>
      <c r="BM2110" s="53">
        <v>49399.381443298902</v>
      </c>
      <c r="BN2110" s="53">
        <v>592792.577319587</v>
      </c>
      <c r="BO2110" s="53">
        <v>24699.6907216494</v>
      </c>
      <c r="BP2110" s="53"/>
      <c r="BQ2110" s="53"/>
      <c r="BR2110" s="53"/>
      <c r="BS2110" s="53"/>
      <c r="BT2110" s="53"/>
      <c r="BU2110" s="53"/>
      <c r="BV2110" s="53"/>
      <c r="BW2110" s="53"/>
      <c r="BX2110" s="53"/>
      <c r="BY2110" s="53"/>
      <c r="BZ2110" s="53"/>
      <c r="CA2110" s="53">
        <v>24699.6907216494</v>
      </c>
      <c r="CB2110" s="53">
        <v>489583.33333333302</v>
      </c>
      <c r="CC2110" s="53">
        <v>489583.33333333302</v>
      </c>
      <c r="CD2110" s="53">
        <v>489583.33333333302</v>
      </c>
      <c r="CE2110" s="53">
        <v>489583.33333333302</v>
      </c>
      <c r="CF2110" s="53">
        <v>489583.33333333302</v>
      </c>
      <c r="CG2110" s="53">
        <v>489583.33333333302</v>
      </c>
      <c r="CH2110" s="53">
        <v>489583.33333333302</v>
      </c>
      <c r="CI2110" s="53">
        <v>489583.33333333302</v>
      </c>
      <c r="CJ2110" s="53">
        <v>489583.33333333302</v>
      </c>
      <c r="CK2110" s="53">
        <v>489583.33333333302</v>
      </c>
      <c r="CL2110" s="53">
        <v>489583.33333333302</v>
      </c>
      <c r="CM2110" s="53">
        <v>489583.33333333302</v>
      </c>
      <c r="CN2110" s="53">
        <v>5874999.9999999898</v>
      </c>
    </row>
    <row r="2111" spans="1:92" outlineLevel="1">
      <c r="A2111" s="52" t="s">
        <v>724</v>
      </c>
      <c r="B2111" s="53">
        <v>13370.822605965401</v>
      </c>
      <c r="C2111" s="53">
        <v>13370.822047244001</v>
      </c>
      <c r="D2111" s="53">
        <v>13370.821484992101</v>
      </c>
      <c r="E2111" s="53">
        <v>13370.824088748001</v>
      </c>
      <c r="F2111" s="53">
        <v>13370.8235294117</v>
      </c>
      <c r="G2111" s="53">
        <v>13370.822966507099</v>
      </c>
      <c r="H2111" s="53">
        <v>13370.822399999999</v>
      </c>
      <c r="I2111" s="53">
        <v>13370.8218298555</v>
      </c>
      <c r="J2111" s="53">
        <v>13370.8212560386</v>
      </c>
      <c r="K2111" s="53">
        <v>13370.8239095315</v>
      </c>
      <c r="L2111" s="53">
        <v>13370.8233387358</v>
      </c>
      <c r="M2111" s="53">
        <v>13370.8227642276</v>
      </c>
      <c r="N2111" s="53">
        <v>160449.87222125701</v>
      </c>
      <c r="O2111" s="53">
        <v>13370.822185970599</v>
      </c>
      <c r="P2111" s="53">
        <v>13370.822185970599</v>
      </c>
      <c r="Q2111" s="53">
        <v>13370.822185970599</v>
      </c>
      <c r="R2111" s="53">
        <v>13370.822185970599</v>
      </c>
      <c r="S2111" s="53">
        <v>13370.822185970599</v>
      </c>
      <c r="T2111" s="53">
        <v>13370.822185970599</v>
      </c>
      <c r="U2111" s="53">
        <v>13370.822185970599</v>
      </c>
      <c r="V2111" s="53">
        <v>13370.822185970599</v>
      </c>
      <c r="W2111" s="53">
        <v>13370.822185970599</v>
      </c>
      <c r="X2111" s="53">
        <v>13370.822185970599</v>
      </c>
      <c r="Y2111" s="53">
        <v>13370.822185970599</v>
      </c>
      <c r="Z2111" s="53">
        <v>13370.822185970599</v>
      </c>
      <c r="AA2111" s="53">
        <v>160449.866231647</v>
      </c>
      <c r="AB2111" s="53">
        <v>13370.822185970599</v>
      </c>
      <c r="AC2111" s="53">
        <v>13370.822185970599</v>
      </c>
      <c r="AD2111" s="53">
        <v>13370.822185970599</v>
      </c>
      <c r="AE2111" s="53">
        <v>13370.822185970599</v>
      </c>
      <c r="AF2111" s="53">
        <v>13370.822185970599</v>
      </c>
      <c r="AG2111" s="53">
        <v>13370.822185970599</v>
      </c>
      <c r="AH2111" s="53">
        <v>13370.822185970599</v>
      </c>
      <c r="AI2111" s="53">
        <v>13370.822185970599</v>
      </c>
      <c r="AJ2111" s="53">
        <v>13370.822185970599</v>
      </c>
      <c r="AK2111" s="53">
        <v>13370.822185970599</v>
      </c>
      <c r="AL2111" s="53">
        <v>13370.822185970599</v>
      </c>
      <c r="AM2111" s="53">
        <v>13370.822185970599</v>
      </c>
      <c r="AN2111" s="53">
        <v>160449.866231647</v>
      </c>
      <c r="AO2111" s="53">
        <v>13370.822185970599</v>
      </c>
      <c r="AP2111" s="53">
        <v>13370.822185970599</v>
      </c>
      <c r="AQ2111" s="53">
        <v>13370.822185970599</v>
      </c>
      <c r="AR2111" s="53">
        <v>13370.822185970599</v>
      </c>
      <c r="AS2111" s="53">
        <v>13370.822185970599</v>
      </c>
      <c r="AT2111" s="53">
        <v>13370.822185970599</v>
      </c>
      <c r="AU2111" s="53">
        <v>13370.822185970599</v>
      </c>
      <c r="AV2111" s="53">
        <v>13370.822185970599</v>
      </c>
      <c r="AW2111" s="53">
        <v>13370.822185970599</v>
      </c>
      <c r="AX2111" s="53">
        <v>13370.822185970599</v>
      </c>
      <c r="AY2111" s="53">
        <v>13370.822185970599</v>
      </c>
      <c r="AZ2111" s="53">
        <v>13370.822185970599</v>
      </c>
      <c r="BA2111" s="53">
        <v>160449.866231647</v>
      </c>
      <c r="BB2111" s="53">
        <v>13370.822185970599</v>
      </c>
      <c r="BC2111" s="53">
        <v>13370.822185970599</v>
      </c>
      <c r="BD2111" s="53">
        <v>13370.822185970599</v>
      </c>
      <c r="BE2111" s="53">
        <v>13370.822185970599</v>
      </c>
      <c r="BF2111" s="53">
        <v>13370.822185970599</v>
      </c>
      <c r="BG2111" s="53">
        <v>13370.822185970599</v>
      </c>
      <c r="BH2111" s="53">
        <v>13370.822185970599</v>
      </c>
      <c r="BI2111" s="53">
        <v>13370.822185970599</v>
      </c>
      <c r="BJ2111" s="53">
        <v>13370.822185970599</v>
      </c>
      <c r="BK2111" s="53">
        <v>13370.822185970599</v>
      </c>
      <c r="BL2111" s="53">
        <v>13370.822185970599</v>
      </c>
      <c r="BM2111" s="53">
        <v>13370.822185970599</v>
      </c>
      <c r="BN2111" s="53">
        <v>160449.866231647</v>
      </c>
      <c r="BO2111" s="53">
        <v>13370.822185970599</v>
      </c>
      <c r="BP2111" s="53">
        <v>13370.822185970599</v>
      </c>
      <c r="BQ2111" s="53">
        <v>13370.822185970599</v>
      </c>
      <c r="BR2111" s="53">
        <v>13370.822185970599</v>
      </c>
      <c r="BS2111" s="53">
        <v>13370.822185970599</v>
      </c>
      <c r="BT2111" s="53">
        <v>13370.822185970599</v>
      </c>
      <c r="BU2111" s="53">
        <v>13370.822185970599</v>
      </c>
      <c r="BV2111" s="53">
        <v>13370.822185970599</v>
      </c>
      <c r="BW2111" s="53">
        <v>13370.822185970599</v>
      </c>
      <c r="BX2111" s="53">
        <v>13370.822185970599</v>
      </c>
      <c r="BY2111" s="53">
        <v>13370.822185970599</v>
      </c>
      <c r="BZ2111" s="53">
        <v>13370.822185970599</v>
      </c>
      <c r="CA2111" s="53">
        <v>160449.866231647</v>
      </c>
      <c r="CB2111" s="53"/>
      <c r="CC2111" s="53"/>
      <c r="CD2111" s="53"/>
      <c r="CE2111" s="53"/>
      <c r="CF2111" s="53"/>
      <c r="CG2111" s="53"/>
      <c r="CH2111" s="53"/>
      <c r="CI2111" s="53"/>
      <c r="CJ2111" s="53"/>
      <c r="CK2111" s="53"/>
      <c r="CL2111" s="53"/>
      <c r="CM2111" s="53"/>
      <c r="CN2111" s="53"/>
    </row>
    <row r="2112" spans="1:92" outlineLevel="1">
      <c r="A2112" s="52" t="s">
        <v>725</v>
      </c>
      <c r="B2112" s="53">
        <v>44991.872611464903</v>
      </c>
      <c r="C2112" s="53">
        <v>44991.870967741903</v>
      </c>
      <c r="D2112" s="53">
        <v>44991.8692810457</v>
      </c>
      <c r="E2112" s="53">
        <v>44991.867549668801</v>
      </c>
      <c r="F2112" s="53">
        <v>44991.879194630797</v>
      </c>
      <c r="G2112" s="53">
        <v>44991.8775510204</v>
      </c>
      <c r="H2112" s="53">
        <v>44991.875862068897</v>
      </c>
      <c r="I2112" s="53">
        <v>44991.874125874099</v>
      </c>
      <c r="J2112" s="53">
        <v>44991.8723404255</v>
      </c>
      <c r="K2112" s="53">
        <v>44991.8705035971</v>
      </c>
      <c r="L2112" s="53">
        <v>44991.868613138598</v>
      </c>
      <c r="M2112" s="53">
        <v>44991.866666666603</v>
      </c>
      <c r="N2112" s="53">
        <v>539902.46526734298</v>
      </c>
      <c r="O2112" s="53">
        <v>44991.8796992481</v>
      </c>
      <c r="P2112" s="53">
        <v>44991.8796992481</v>
      </c>
      <c r="Q2112" s="53">
        <v>44991.8796992481</v>
      </c>
      <c r="R2112" s="53">
        <v>44991.8796992481</v>
      </c>
      <c r="S2112" s="53">
        <v>44991.8796992481</v>
      </c>
      <c r="T2112" s="53">
        <v>44991.8796992481</v>
      </c>
      <c r="U2112" s="53">
        <v>44991.8796992481</v>
      </c>
      <c r="V2112" s="53">
        <v>44991.8796992481</v>
      </c>
      <c r="W2112" s="53">
        <v>44991.8796992481</v>
      </c>
      <c r="X2112" s="53">
        <v>44991.8796992481</v>
      </c>
      <c r="Y2112" s="53">
        <v>44991.8796992481</v>
      </c>
      <c r="Z2112" s="53">
        <v>44991.8796992481</v>
      </c>
      <c r="AA2112" s="53">
        <v>539902.556390977</v>
      </c>
      <c r="AB2112" s="53">
        <v>44991.8796992481</v>
      </c>
      <c r="AC2112" s="53">
        <v>44991.8796992481</v>
      </c>
      <c r="AD2112" s="53">
        <v>44991.8796992481</v>
      </c>
      <c r="AE2112" s="53">
        <v>44991.8796992481</v>
      </c>
      <c r="AF2112" s="53">
        <v>44991.8796992481</v>
      </c>
      <c r="AG2112" s="53">
        <v>44991.8796992481</v>
      </c>
      <c r="AH2112" s="53">
        <v>44991.8796992481</v>
      </c>
      <c r="AI2112" s="53">
        <v>44991.8796992481</v>
      </c>
      <c r="AJ2112" s="53">
        <v>44991.8796992481</v>
      </c>
      <c r="AK2112" s="53">
        <v>44991.8796992481</v>
      </c>
      <c r="AL2112" s="53">
        <v>44991.8796992481</v>
      </c>
      <c r="AM2112" s="53">
        <v>44991.8796992481</v>
      </c>
      <c r="AN2112" s="53">
        <v>539902.556390977</v>
      </c>
      <c r="AO2112" s="53">
        <v>44991.8796992481</v>
      </c>
      <c r="AP2112" s="53">
        <v>44991.8796992481</v>
      </c>
      <c r="AQ2112" s="53">
        <v>44991.8796992481</v>
      </c>
      <c r="AR2112" s="53">
        <v>44991.8796992481</v>
      </c>
      <c r="AS2112" s="53">
        <v>44991.8796992481</v>
      </c>
      <c r="AT2112" s="53">
        <v>44991.8796992481</v>
      </c>
      <c r="AU2112" s="53">
        <v>44991.8796992481</v>
      </c>
      <c r="AV2112" s="53">
        <v>44991.8796992481</v>
      </c>
      <c r="AW2112" s="53">
        <v>44991.8796992481</v>
      </c>
      <c r="AX2112" s="53">
        <v>44991.8796992481</v>
      </c>
      <c r="AY2112" s="53">
        <v>44991.8796992481</v>
      </c>
      <c r="AZ2112" s="53">
        <v>44991.8796992481</v>
      </c>
      <c r="BA2112" s="53">
        <v>539902.556390977</v>
      </c>
      <c r="BB2112" s="53">
        <v>44991.8796992481</v>
      </c>
      <c r="BC2112" s="53">
        <v>44991.8796992481</v>
      </c>
      <c r="BD2112" s="53">
        <v>44991.8796992481</v>
      </c>
      <c r="BE2112" s="53">
        <v>44991.8796992481</v>
      </c>
      <c r="BF2112" s="53">
        <v>44991.8796992481</v>
      </c>
      <c r="BG2112" s="53">
        <v>44991.8796992481</v>
      </c>
      <c r="BH2112" s="53">
        <v>44991.8796992481</v>
      </c>
      <c r="BI2112" s="53">
        <v>44991.8796992481</v>
      </c>
      <c r="BJ2112" s="53">
        <v>44991.8796992481</v>
      </c>
      <c r="BK2112" s="53">
        <v>44991.8796992481</v>
      </c>
      <c r="BL2112" s="53">
        <v>44991.8796992481</v>
      </c>
      <c r="BM2112" s="53">
        <v>44991.8796992481</v>
      </c>
      <c r="BN2112" s="53">
        <v>539902.556390977</v>
      </c>
      <c r="BO2112" s="53">
        <v>44991.8796992481</v>
      </c>
      <c r="BP2112" s="53">
        <v>44991.8796992481</v>
      </c>
      <c r="BQ2112" s="53">
        <v>44991.8796992481</v>
      </c>
      <c r="BR2112" s="53">
        <v>44991.8796992481</v>
      </c>
      <c r="BS2112" s="53">
        <v>44991.8796992481</v>
      </c>
      <c r="BT2112" s="53">
        <v>44991.8796992481</v>
      </c>
      <c r="BU2112" s="53">
        <v>44991.8796992481</v>
      </c>
      <c r="BV2112" s="53">
        <v>44991.8796992481</v>
      </c>
      <c r="BW2112" s="53">
        <v>44991.8796992481</v>
      </c>
      <c r="BX2112" s="53">
        <v>44991.8796992481</v>
      </c>
      <c r="BY2112" s="53">
        <v>44991.8796992481</v>
      </c>
      <c r="BZ2112" s="53">
        <v>44991.8796992481</v>
      </c>
      <c r="CA2112" s="53">
        <v>539902.556390977</v>
      </c>
      <c r="CB2112" s="53">
        <v>1700000</v>
      </c>
      <c r="CC2112" s="53">
        <v>1700000</v>
      </c>
      <c r="CD2112" s="53">
        <v>1700000</v>
      </c>
      <c r="CE2112" s="53">
        <v>1700000</v>
      </c>
      <c r="CF2112" s="53">
        <v>1700000</v>
      </c>
      <c r="CG2112" s="53">
        <v>1700000</v>
      </c>
      <c r="CH2112" s="53">
        <v>1700000</v>
      </c>
      <c r="CI2112" s="53">
        <v>1700000</v>
      </c>
      <c r="CJ2112" s="53">
        <v>1700000</v>
      </c>
      <c r="CK2112" s="53">
        <v>1700000</v>
      </c>
      <c r="CL2112" s="53">
        <v>1700000</v>
      </c>
      <c r="CM2112" s="53">
        <v>1700000</v>
      </c>
      <c r="CN2112" s="53">
        <v>20400000</v>
      </c>
    </row>
    <row r="2113" spans="1:92" outlineLevel="1">
      <c r="A2113" s="52" t="s">
        <v>726</v>
      </c>
      <c r="B2113" s="53">
        <v>52157.242105263103</v>
      </c>
      <c r="C2113" s="53">
        <v>52157.244680850999</v>
      </c>
      <c r="D2113" s="53">
        <v>52157.247311827901</v>
      </c>
      <c r="E2113" s="53">
        <v>52157.239130434697</v>
      </c>
      <c r="F2113" s="53">
        <v>52157.241758241697</v>
      </c>
      <c r="G2113" s="53">
        <v>52157.244444444397</v>
      </c>
      <c r="H2113" s="53">
        <v>52157.2471910112</v>
      </c>
      <c r="I2113" s="53">
        <v>52157.238636363603</v>
      </c>
      <c r="J2113" s="53">
        <v>52157.241379310297</v>
      </c>
      <c r="K2113" s="53">
        <v>52157.244186046497</v>
      </c>
      <c r="L2113" s="53">
        <v>52157.247058823501</v>
      </c>
      <c r="M2113" s="53">
        <v>52157.238095237997</v>
      </c>
      <c r="N2113" s="53">
        <v>625886.91597785603</v>
      </c>
      <c r="O2113" s="53">
        <v>52157.240963855402</v>
      </c>
      <c r="P2113" s="53">
        <v>52157.240963855402</v>
      </c>
      <c r="Q2113" s="53">
        <v>52157.240963855402</v>
      </c>
      <c r="R2113" s="53">
        <v>52157.240963855402</v>
      </c>
      <c r="S2113" s="53">
        <v>52157.240963855402</v>
      </c>
      <c r="T2113" s="53">
        <v>52157.240963855402</v>
      </c>
      <c r="U2113" s="53">
        <v>52157.240963855402</v>
      </c>
      <c r="V2113" s="53">
        <v>52157.240963855402</v>
      </c>
      <c r="W2113" s="53">
        <v>52157.240963855402</v>
      </c>
      <c r="X2113" s="53">
        <v>52157.240963855402</v>
      </c>
      <c r="Y2113" s="53">
        <v>52157.240963855402</v>
      </c>
      <c r="Z2113" s="53">
        <v>52157.240963855402</v>
      </c>
      <c r="AA2113" s="53">
        <v>625886.89156626503</v>
      </c>
      <c r="AB2113" s="53">
        <v>52157.240963855402</v>
      </c>
      <c r="AC2113" s="53">
        <v>52157.240963855402</v>
      </c>
      <c r="AD2113" s="53">
        <v>52157.240963855402</v>
      </c>
      <c r="AE2113" s="53">
        <v>52157.240963855402</v>
      </c>
      <c r="AF2113" s="53">
        <v>52157.240963855402</v>
      </c>
      <c r="AG2113" s="53">
        <v>52157.240963855402</v>
      </c>
      <c r="AH2113" s="53">
        <v>52157.240963855402</v>
      </c>
      <c r="AI2113" s="53">
        <v>52157.240963855402</v>
      </c>
      <c r="AJ2113" s="53">
        <v>52157.240963855402</v>
      </c>
      <c r="AK2113" s="53">
        <v>52157.240963855402</v>
      </c>
      <c r="AL2113" s="53">
        <v>52157.240963855402</v>
      </c>
      <c r="AM2113" s="53">
        <v>52157.240963855402</v>
      </c>
      <c r="AN2113" s="53">
        <v>625886.89156626503</v>
      </c>
      <c r="AO2113" s="53">
        <v>52157.240963855402</v>
      </c>
      <c r="AP2113" s="53">
        <v>52157.240963855402</v>
      </c>
      <c r="AQ2113" s="53">
        <v>52157.240963855402</v>
      </c>
      <c r="AR2113" s="53">
        <v>52157.240963855402</v>
      </c>
      <c r="AS2113" s="53">
        <v>52157.240963855402</v>
      </c>
      <c r="AT2113" s="53">
        <v>52157.240963855402</v>
      </c>
      <c r="AU2113" s="53">
        <v>52157.240963855402</v>
      </c>
      <c r="AV2113" s="53">
        <v>52157.240963855402</v>
      </c>
      <c r="AW2113" s="53">
        <v>52157.240963855402</v>
      </c>
      <c r="AX2113" s="53">
        <v>52157.240963855402</v>
      </c>
      <c r="AY2113" s="53">
        <v>52157.240963855402</v>
      </c>
      <c r="AZ2113" s="53">
        <v>52157.240963855402</v>
      </c>
      <c r="BA2113" s="53">
        <v>625886.89156626503</v>
      </c>
      <c r="BB2113" s="53">
        <v>52157.240963855402</v>
      </c>
      <c r="BC2113" s="53">
        <v>52157.240963855402</v>
      </c>
      <c r="BD2113" s="53">
        <v>52157.240963855402</v>
      </c>
      <c r="BE2113" s="53">
        <v>52157.240963855402</v>
      </c>
      <c r="BF2113" s="53">
        <v>52157.240963855402</v>
      </c>
      <c r="BG2113" s="53">
        <v>52157.240963855402</v>
      </c>
      <c r="BH2113" s="53">
        <v>52157.240963855402</v>
      </c>
      <c r="BI2113" s="53">
        <v>52157.240963855402</v>
      </c>
      <c r="BJ2113" s="53">
        <v>52157.240963855402</v>
      </c>
      <c r="BK2113" s="53">
        <v>52157.240963855402</v>
      </c>
      <c r="BL2113" s="53">
        <v>52157.240963855402</v>
      </c>
      <c r="BM2113" s="53">
        <v>52157.240963855402</v>
      </c>
      <c r="BN2113" s="53">
        <v>625886.89156626503</v>
      </c>
      <c r="BO2113" s="53">
        <v>52157.240963855402</v>
      </c>
      <c r="BP2113" s="53">
        <v>52157.240963855402</v>
      </c>
      <c r="BQ2113" s="53">
        <v>52157.240963855402</v>
      </c>
      <c r="BR2113" s="53">
        <v>52157.240963855402</v>
      </c>
      <c r="BS2113" s="53">
        <v>52157.240963855402</v>
      </c>
      <c r="BT2113" s="53">
        <v>52157.240963855402</v>
      </c>
      <c r="BU2113" s="53">
        <v>52157.240963855402</v>
      </c>
      <c r="BV2113" s="53">
        <v>52157.240963855402</v>
      </c>
      <c r="BW2113" s="53">
        <v>52157.240963855402</v>
      </c>
      <c r="BX2113" s="53">
        <v>52157.240963855402</v>
      </c>
      <c r="BY2113" s="53">
        <v>52157.240963855402</v>
      </c>
      <c r="BZ2113" s="53">
        <v>52157.240963855402</v>
      </c>
      <c r="CA2113" s="53">
        <v>625886.89156626503</v>
      </c>
      <c r="CB2113" s="53"/>
      <c r="CC2113" s="53"/>
      <c r="CD2113" s="53"/>
      <c r="CE2113" s="53"/>
      <c r="CF2113" s="53"/>
      <c r="CG2113" s="53"/>
      <c r="CH2113" s="53"/>
      <c r="CI2113" s="53"/>
      <c r="CJ2113" s="53"/>
      <c r="CK2113" s="53"/>
      <c r="CL2113" s="53"/>
      <c r="CM2113" s="53"/>
      <c r="CN2113" s="53"/>
    </row>
    <row r="2114" spans="1:92" outlineLevel="1">
      <c r="A2114" s="52" t="s">
        <v>728</v>
      </c>
      <c r="B2114" s="53">
        <v>38996.049261083703</v>
      </c>
      <c r="C2114" s="53">
        <v>38996.0497512437</v>
      </c>
      <c r="D2114" s="53">
        <v>38996.050251256202</v>
      </c>
      <c r="E2114" s="53">
        <v>38996.050761421298</v>
      </c>
      <c r="F2114" s="53">
        <v>38996.051282051201</v>
      </c>
      <c r="G2114" s="53">
        <v>38996.051813471502</v>
      </c>
      <c r="H2114" s="53">
        <v>38996.052356020897</v>
      </c>
      <c r="I2114" s="53">
        <v>38996.052910052902</v>
      </c>
      <c r="J2114" s="53">
        <v>38996.053475935798</v>
      </c>
      <c r="K2114" s="53">
        <v>38996.054054054002</v>
      </c>
      <c r="L2114" s="53">
        <v>38996.054644808697</v>
      </c>
      <c r="M2114" s="53">
        <v>38996.044198894997</v>
      </c>
      <c r="N2114" s="53">
        <v>467952.61476029502</v>
      </c>
      <c r="O2114" s="53">
        <v>38996.0446927374</v>
      </c>
      <c r="P2114" s="53">
        <v>38996.0446927374</v>
      </c>
      <c r="Q2114" s="53">
        <v>38996.0446927374</v>
      </c>
      <c r="R2114" s="53">
        <v>38996.0446927374</v>
      </c>
      <c r="S2114" s="53">
        <v>38996.0446927374</v>
      </c>
      <c r="T2114" s="53">
        <v>38996.0446927374</v>
      </c>
      <c r="U2114" s="53">
        <v>38996.0446927374</v>
      </c>
      <c r="V2114" s="53">
        <v>38996.0446927374</v>
      </c>
      <c r="W2114" s="53">
        <v>38996.0446927374</v>
      </c>
      <c r="X2114" s="53">
        <v>38996.0446927374</v>
      </c>
      <c r="Y2114" s="53">
        <v>38996.0446927374</v>
      </c>
      <c r="Z2114" s="53">
        <v>38996.0446927374</v>
      </c>
      <c r="AA2114" s="53">
        <v>467952.53631284903</v>
      </c>
      <c r="AB2114" s="53">
        <v>38996.0446927374</v>
      </c>
      <c r="AC2114" s="53">
        <v>38996.0446927374</v>
      </c>
      <c r="AD2114" s="53">
        <v>38996.0446927374</v>
      </c>
      <c r="AE2114" s="53">
        <v>38996.0446927374</v>
      </c>
      <c r="AF2114" s="53">
        <v>38996.0446927374</v>
      </c>
      <c r="AG2114" s="53">
        <v>38996.0446927374</v>
      </c>
      <c r="AH2114" s="53">
        <v>38996.0446927374</v>
      </c>
      <c r="AI2114" s="53">
        <v>38996.0446927374</v>
      </c>
      <c r="AJ2114" s="53">
        <v>38996.0446927374</v>
      </c>
      <c r="AK2114" s="53">
        <v>38996.0446927374</v>
      </c>
      <c r="AL2114" s="53">
        <v>38996.0446927374</v>
      </c>
      <c r="AM2114" s="53">
        <v>38996.044692737298</v>
      </c>
      <c r="AN2114" s="53">
        <v>467952.53631284798</v>
      </c>
      <c r="AO2114" s="53">
        <v>38996.044692737298</v>
      </c>
      <c r="AP2114" s="53">
        <v>38996.044692737298</v>
      </c>
      <c r="AQ2114" s="53">
        <v>38996.044692737298</v>
      </c>
      <c r="AR2114" s="53">
        <v>38996.044692737298</v>
      </c>
      <c r="AS2114" s="53">
        <v>38996.044692737298</v>
      </c>
      <c r="AT2114" s="53">
        <v>38996.044692737298</v>
      </c>
      <c r="AU2114" s="53">
        <v>38996.044692737298</v>
      </c>
      <c r="AV2114" s="53">
        <v>38996.044692737298</v>
      </c>
      <c r="AW2114" s="53">
        <v>38996.044692737298</v>
      </c>
      <c r="AX2114" s="53">
        <v>38996.044692737298</v>
      </c>
      <c r="AY2114" s="53">
        <v>38996.044692737298</v>
      </c>
      <c r="AZ2114" s="53">
        <v>38996.044692737298</v>
      </c>
      <c r="BA2114" s="53">
        <v>467952.53631284798</v>
      </c>
      <c r="BB2114" s="53">
        <v>38996.044692737298</v>
      </c>
      <c r="BC2114" s="53">
        <v>38996.044692737298</v>
      </c>
      <c r="BD2114" s="53">
        <v>38996.044692737298</v>
      </c>
      <c r="BE2114" s="53">
        <v>38996.044692737298</v>
      </c>
      <c r="BF2114" s="53">
        <v>38996.044692737298</v>
      </c>
      <c r="BG2114" s="53">
        <v>38996.044692737298</v>
      </c>
      <c r="BH2114" s="53">
        <v>38996.044692737298</v>
      </c>
      <c r="BI2114" s="53">
        <v>38996.044692737298</v>
      </c>
      <c r="BJ2114" s="53">
        <v>38996.044692737298</v>
      </c>
      <c r="BK2114" s="53">
        <v>38996.044692737298</v>
      </c>
      <c r="BL2114" s="53">
        <v>38996.044692737298</v>
      </c>
      <c r="BM2114" s="53">
        <v>38996.044692737298</v>
      </c>
      <c r="BN2114" s="53">
        <v>467952.53631284798</v>
      </c>
      <c r="BO2114" s="53">
        <v>38996.044692737298</v>
      </c>
      <c r="BP2114" s="53">
        <v>38996.044692737298</v>
      </c>
      <c r="BQ2114" s="53">
        <v>38996.044692737298</v>
      </c>
      <c r="BR2114" s="53">
        <v>38996.044692737298</v>
      </c>
      <c r="BS2114" s="53">
        <v>38996.044692737298</v>
      </c>
      <c r="BT2114" s="53">
        <v>38996.044692737298</v>
      </c>
      <c r="BU2114" s="53">
        <v>38996.044692737298</v>
      </c>
      <c r="BV2114" s="53">
        <v>38996.044692737298</v>
      </c>
      <c r="BW2114" s="53">
        <v>38996.044692737298</v>
      </c>
      <c r="BX2114" s="53">
        <v>38996.044692737298</v>
      </c>
      <c r="BY2114" s="53">
        <v>38996.044692737298</v>
      </c>
      <c r="BZ2114" s="53">
        <v>38996.044692737298</v>
      </c>
      <c r="CA2114" s="53">
        <v>467952.53631284798</v>
      </c>
      <c r="CB2114" s="53">
        <v>1733333.33333333</v>
      </c>
      <c r="CC2114" s="53">
        <v>1733333.33333333</v>
      </c>
      <c r="CD2114" s="53">
        <v>1733333.33333333</v>
      </c>
      <c r="CE2114" s="53">
        <v>1733333.33333333</v>
      </c>
      <c r="CF2114" s="53">
        <v>1733333.33333333</v>
      </c>
      <c r="CG2114" s="53">
        <v>1733333.33333333</v>
      </c>
      <c r="CH2114" s="53">
        <v>1733333.33333333</v>
      </c>
      <c r="CI2114" s="53">
        <v>1733333.33333333</v>
      </c>
      <c r="CJ2114" s="53">
        <v>1733333.33333333</v>
      </c>
      <c r="CK2114" s="53">
        <v>1733333.33333333</v>
      </c>
      <c r="CL2114" s="53">
        <v>1733333.33333333</v>
      </c>
      <c r="CM2114" s="53">
        <v>1733333.33333333</v>
      </c>
      <c r="CN2114" s="53">
        <v>20800000</v>
      </c>
    </row>
    <row r="2115" spans="1:92" outlineLevel="1">
      <c r="A2115" s="52" t="s">
        <v>729</v>
      </c>
      <c r="B2115" s="53">
        <v>48595.514644351402</v>
      </c>
      <c r="C2115" s="53">
        <v>48595.510548523198</v>
      </c>
      <c r="D2115" s="53">
        <v>48595.514893617001</v>
      </c>
      <c r="E2115" s="53">
        <v>48595.510729613699</v>
      </c>
      <c r="F2115" s="53">
        <v>48595.515151515101</v>
      </c>
      <c r="G2115" s="53">
        <v>48595.5109170305</v>
      </c>
      <c r="H2115" s="53">
        <v>48595.515418502197</v>
      </c>
      <c r="I2115" s="53">
        <v>48595.511111111096</v>
      </c>
      <c r="J2115" s="53">
        <v>48595.515695067203</v>
      </c>
      <c r="K2115" s="53">
        <v>48595.511312217197</v>
      </c>
      <c r="L2115" s="53">
        <v>48595.515981735101</v>
      </c>
      <c r="M2115" s="53">
        <v>48595.511520737302</v>
      </c>
      <c r="N2115" s="53">
        <v>583146.15792402101</v>
      </c>
      <c r="O2115" s="53">
        <v>48595.5162790697</v>
      </c>
      <c r="P2115" s="53">
        <v>48595.5162790697</v>
      </c>
      <c r="Q2115" s="53">
        <v>48595.5162790697</v>
      </c>
      <c r="R2115" s="53">
        <v>48595.5162790697</v>
      </c>
      <c r="S2115" s="53">
        <v>48595.5162790697</v>
      </c>
      <c r="T2115" s="53">
        <v>48595.5162790697</v>
      </c>
      <c r="U2115" s="53">
        <v>48595.5162790697</v>
      </c>
      <c r="V2115" s="53">
        <v>48595.5162790697</v>
      </c>
      <c r="W2115" s="53">
        <v>48595.5162790697</v>
      </c>
      <c r="X2115" s="53">
        <v>48595.5162790697</v>
      </c>
      <c r="Y2115" s="53">
        <v>48595.5162790697</v>
      </c>
      <c r="Z2115" s="53">
        <v>48595.5162790697</v>
      </c>
      <c r="AA2115" s="53">
        <v>583146.19534883695</v>
      </c>
      <c r="AB2115" s="53">
        <v>48595.5162790697</v>
      </c>
      <c r="AC2115" s="53">
        <v>48595.5162790697</v>
      </c>
      <c r="AD2115" s="53">
        <v>48595.5162790697</v>
      </c>
      <c r="AE2115" s="53">
        <v>48595.5162790697</v>
      </c>
      <c r="AF2115" s="53">
        <v>48595.5162790697</v>
      </c>
      <c r="AG2115" s="53">
        <v>48595.5162790697</v>
      </c>
      <c r="AH2115" s="53">
        <v>48595.5162790697</v>
      </c>
      <c r="AI2115" s="53">
        <v>48595.5162790697</v>
      </c>
      <c r="AJ2115" s="53">
        <v>48595.5162790697</v>
      </c>
      <c r="AK2115" s="53">
        <v>48595.5162790697</v>
      </c>
      <c r="AL2115" s="53">
        <v>48595.5162790697</v>
      </c>
      <c r="AM2115" s="53">
        <v>48595.5162790697</v>
      </c>
      <c r="AN2115" s="53">
        <v>583146.19534883695</v>
      </c>
      <c r="AO2115" s="53">
        <v>48595.516279069801</v>
      </c>
      <c r="AP2115" s="53">
        <v>48595.516279069801</v>
      </c>
      <c r="AQ2115" s="53">
        <v>48595.516279069801</v>
      </c>
      <c r="AR2115" s="53">
        <v>48595.516279069801</v>
      </c>
      <c r="AS2115" s="53">
        <v>48595.516279069801</v>
      </c>
      <c r="AT2115" s="53">
        <v>48595.516279069801</v>
      </c>
      <c r="AU2115" s="53">
        <v>48595.516279069801</v>
      </c>
      <c r="AV2115" s="53">
        <v>48595.516279069801</v>
      </c>
      <c r="AW2115" s="53">
        <v>48595.516279069801</v>
      </c>
      <c r="AX2115" s="53">
        <v>48595.516279069801</v>
      </c>
      <c r="AY2115" s="53">
        <v>48595.516279069801</v>
      </c>
      <c r="AZ2115" s="53">
        <v>48595.516279069801</v>
      </c>
      <c r="BA2115" s="53">
        <v>583146.19534883695</v>
      </c>
      <c r="BB2115" s="53">
        <v>48595.516279069801</v>
      </c>
      <c r="BC2115" s="53">
        <v>48595.516279069801</v>
      </c>
      <c r="BD2115" s="53">
        <v>48595.516279069801</v>
      </c>
      <c r="BE2115" s="53">
        <v>48595.516279069801</v>
      </c>
      <c r="BF2115" s="53">
        <v>48595.516279069801</v>
      </c>
      <c r="BG2115" s="53">
        <v>48595.516279069801</v>
      </c>
      <c r="BH2115" s="53">
        <v>48595.516279069801</v>
      </c>
      <c r="BI2115" s="53">
        <v>48595.516279069801</v>
      </c>
      <c r="BJ2115" s="53">
        <v>48595.516279069801</v>
      </c>
      <c r="BK2115" s="53">
        <v>48595.516279069801</v>
      </c>
      <c r="BL2115" s="53">
        <v>48595.516279069801</v>
      </c>
      <c r="BM2115" s="53">
        <v>48595.516279069801</v>
      </c>
      <c r="BN2115" s="53">
        <v>583146.19534883799</v>
      </c>
      <c r="BO2115" s="53">
        <v>48595.516279069801</v>
      </c>
      <c r="BP2115" s="53">
        <v>48595.516279069801</v>
      </c>
      <c r="BQ2115" s="53">
        <v>48595.516279069801</v>
      </c>
      <c r="BR2115" s="53">
        <v>48595.516279069801</v>
      </c>
      <c r="BS2115" s="53">
        <v>48595.516279069801</v>
      </c>
      <c r="BT2115" s="53">
        <v>48595.516279069801</v>
      </c>
      <c r="BU2115" s="53">
        <v>48595.516279069801</v>
      </c>
      <c r="BV2115" s="53">
        <v>48595.516279069801</v>
      </c>
      <c r="BW2115" s="53">
        <v>48595.516279069801</v>
      </c>
      <c r="BX2115" s="53">
        <v>48595.516279069801</v>
      </c>
      <c r="BY2115" s="53">
        <v>48595.516279069801</v>
      </c>
      <c r="BZ2115" s="53">
        <v>48595.516279069801</v>
      </c>
      <c r="CA2115" s="53">
        <v>583146.19534883799</v>
      </c>
      <c r="CB2115" s="53">
        <v>1400000</v>
      </c>
      <c r="CC2115" s="53">
        <v>1400000</v>
      </c>
      <c r="CD2115" s="53">
        <v>1400000</v>
      </c>
      <c r="CE2115" s="53">
        <v>1400000</v>
      </c>
      <c r="CF2115" s="53">
        <v>1400000</v>
      </c>
      <c r="CG2115" s="53">
        <v>1400000</v>
      </c>
      <c r="CH2115" s="53">
        <v>1400000</v>
      </c>
      <c r="CI2115" s="53">
        <v>1400000</v>
      </c>
      <c r="CJ2115" s="53">
        <v>1400000</v>
      </c>
      <c r="CK2115" s="53">
        <v>1400000</v>
      </c>
      <c r="CL2115" s="53">
        <v>1400000</v>
      </c>
      <c r="CM2115" s="53">
        <v>1400000</v>
      </c>
      <c r="CN2115" s="53">
        <v>16800000</v>
      </c>
    </row>
    <row r="2116" spans="1:92" outlineLevel="1">
      <c r="A2116" s="52" t="s">
        <v>730</v>
      </c>
      <c r="B2116" s="53">
        <v>16652.086230876201</v>
      </c>
      <c r="C2116" s="53">
        <v>16652.086471408598</v>
      </c>
      <c r="D2116" s="53">
        <v>16652.086713286699</v>
      </c>
      <c r="E2116" s="53">
        <v>16652.0869565217</v>
      </c>
      <c r="F2116" s="53">
        <v>16652.087201125101</v>
      </c>
      <c r="G2116" s="53">
        <v>16652.087447108599</v>
      </c>
      <c r="H2116" s="53">
        <v>16652.0848656294</v>
      </c>
      <c r="I2116" s="53">
        <v>16652.0851063829</v>
      </c>
      <c r="J2116" s="53">
        <v>16652.0853485064</v>
      </c>
      <c r="K2116" s="53">
        <v>16652.085592011401</v>
      </c>
      <c r="L2116" s="53">
        <v>16652.085836909799</v>
      </c>
      <c r="M2116" s="53">
        <v>16652.0860832137</v>
      </c>
      <c r="N2116" s="53">
        <v>199825.03385298001</v>
      </c>
      <c r="O2116" s="53">
        <v>16652.086330935199</v>
      </c>
      <c r="P2116" s="53">
        <v>16652.086330935199</v>
      </c>
      <c r="Q2116" s="53">
        <v>16652.086330935199</v>
      </c>
      <c r="R2116" s="53">
        <v>16652.086330935199</v>
      </c>
      <c r="S2116" s="53">
        <v>16652.086330935199</v>
      </c>
      <c r="T2116" s="53">
        <v>16652.086330935199</v>
      </c>
      <c r="U2116" s="53">
        <v>16652.086330935199</v>
      </c>
      <c r="V2116" s="53">
        <v>16652.086330935199</v>
      </c>
      <c r="W2116" s="53">
        <v>16652.086330935199</v>
      </c>
      <c r="X2116" s="53">
        <v>16652.086330935199</v>
      </c>
      <c r="Y2116" s="53">
        <v>16652.086330935199</v>
      </c>
      <c r="Z2116" s="53">
        <v>16652.086330935199</v>
      </c>
      <c r="AA2116" s="53">
        <v>199825.035971223</v>
      </c>
      <c r="AB2116" s="53">
        <v>16652.086330935199</v>
      </c>
      <c r="AC2116" s="53">
        <v>16652.086330935199</v>
      </c>
      <c r="AD2116" s="53">
        <v>16652.086330935199</v>
      </c>
      <c r="AE2116" s="53">
        <v>16652.086330935199</v>
      </c>
      <c r="AF2116" s="53">
        <v>16652.086330935199</v>
      </c>
      <c r="AG2116" s="53">
        <v>16652.086330935199</v>
      </c>
      <c r="AH2116" s="53">
        <v>16652.086330935199</v>
      </c>
      <c r="AI2116" s="53">
        <v>16652.086330935199</v>
      </c>
      <c r="AJ2116" s="53">
        <v>16652.086330935199</v>
      </c>
      <c r="AK2116" s="53">
        <v>16652.086330935199</v>
      </c>
      <c r="AL2116" s="53">
        <v>16652.086330935199</v>
      </c>
      <c r="AM2116" s="53">
        <v>16652.086330935199</v>
      </c>
      <c r="AN2116" s="53">
        <v>199825.035971223</v>
      </c>
      <c r="AO2116" s="53">
        <v>16652.086330935199</v>
      </c>
      <c r="AP2116" s="53">
        <v>16652.086330935199</v>
      </c>
      <c r="AQ2116" s="53">
        <v>16652.086330935199</v>
      </c>
      <c r="AR2116" s="53">
        <v>16652.086330935199</v>
      </c>
      <c r="AS2116" s="53">
        <v>16652.086330935199</v>
      </c>
      <c r="AT2116" s="53">
        <v>16652.086330935199</v>
      </c>
      <c r="AU2116" s="53">
        <v>16652.086330935199</v>
      </c>
      <c r="AV2116" s="53">
        <v>16652.086330935199</v>
      </c>
      <c r="AW2116" s="53">
        <v>16652.086330935199</v>
      </c>
      <c r="AX2116" s="53">
        <v>16652.086330935199</v>
      </c>
      <c r="AY2116" s="53">
        <v>16652.086330935199</v>
      </c>
      <c r="AZ2116" s="53">
        <v>16652.086330935199</v>
      </c>
      <c r="BA2116" s="53">
        <v>199825.035971223</v>
      </c>
      <c r="BB2116" s="53">
        <v>16652.086330935199</v>
      </c>
      <c r="BC2116" s="53">
        <v>16652.086330935199</v>
      </c>
      <c r="BD2116" s="53">
        <v>16652.086330935199</v>
      </c>
      <c r="BE2116" s="53">
        <v>16652.086330935199</v>
      </c>
      <c r="BF2116" s="53">
        <v>16652.086330935199</v>
      </c>
      <c r="BG2116" s="53">
        <v>16652.086330935199</v>
      </c>
      <c r="BH2116" s="53">
        <v>16652.086330935199</v>
      </c>
      <c r="BI2116" s="53">
        <v>16652.086330935199</v>
      </c>
      <c r="BJ2116" s="53">
        <v>16652.086330935199</v>
      </c>
      <c r="BK2116" s="53">
        <v>16652.086330935199</v>
      </c>
      <c r="BL2116" s="53">
        <v>16652.086330935199</v>
      </c>
      <c r="BM2116" s="53">
        <v>16652.086330935199</v>
      </c>
      <c r="BN2116" s="53">
        <v>199825.035971223</v>
      </c>
      <c r="BO2116" s="53">
        <v>16652.086330935199</v>
      </c>
      <c r="BP2116" s="53">
        <v>16652.086330935199</v>
      </c>
      <c r="BQ2116" s="53">
        <v>16652.086330935199</v>
      </c>
      <c r="BR2116" s="53">
        <v>16652.086330935199</v>
      </c>
      <c r="BS2116" s="53">
        <v>16652.086330935199</v>
      </c>
      <c r="BT2116" s="53">
        <v>16652.086330935199</v>
      </c>
      <c r="BU2116" s="53">
        <v>16652.086330935199</v>
      </c>
      <c r="BV2116" s="53">
        <v>16652.086330935199</v>
      </c>
      <c r="BW2116" s="53">
        <v>16652.086330935199</v>
      </c>
      <c r="BX2116" s="53">
        <v>16652.086330935199</v>
      </c>
      <c r="BY2116" s="53">
        <v>16652.086330935199</v>
      </c>
      <c r="BZ2116" s="53">
        <v>16652.086330935199</v>
      </c>
      <c r="CA2116" s="53">
        <v>199825.035971223</v>
      </c>
      <c r="CB2116" s="53">
        <v>1900000</v>
      </c>
      <c r="CC2116" s="53">
        <v>1900000</v>
      </c>
      <c r="CD2116" s="53">
        <v>1900000</v>
      </c>
      <c r="CE2116" s="53">
        <v>1900000</v>
      </c>
      <c r="CF2116" s="53">
        <v>1900000</v>
      </c>
      <c r="CG2116" s="53">
        <v>1900000</v>
      </c>
      <c r="CH2116" s="53">
        <v>1900000</v>
      </c>
      <c r="CI2116" s="53">
        <v>1900000</v>
      </c>
      <c r="CJ2116" s="53">
        <v>1900000</v>
      </c>
      <c r="CK2116" s="53">
        <v>1900000</v>
      </c>
      <c r="CL2116" s="53">
        <v>1900000</v>
      </c>
      <c r="CM2116" s="53">
        <v>1900000</v>
      </c>
      <c r="CN2116" s="53">
        <v>22800000</v>
      </c>
    </row>
    <row r="2117" spans="1:92" outlineLevel="1">
      <c r="A2117" s="52" t="s">
        <v>1565</v>
      </c>
      <c r="B2117" s="53"/>
      <c r="C2117" s="53"/>
      <c r="D2117" s="53"/>
      <c r="E2117" s="53"/>
      <c r="F2117" s="53"/>
      <c r="G2117" s="53"/>
      <c r="H2117" s="53"/>
      <c r="I2117" s="53"/>
      <c r="J2117" s="53"/>
      <c r="K2117" s="53"/>
      <c r="L2117" s="53">
        <v>7791.4932963476604</v>
      </c>
      <c r="M2117" s="53">
        <v>11698.0778859527</v>
      </c>
      <c r="N2117" s="53">
        <v>19489.5711823003</v>
      </c>
      <c r="O2117" s="53">
        <v>11698.0753138075</v>
      </c>
      <c r="P2117" s="53">
        <v>11698.0753138075</v>
      </c>
      <c r="Q2117" s="53">
        <v>11698.0753138075</v>
      </c>
      <c r="R2117" s="53">
        <v>11698.0753138075</v>
      </c>
      <c r="S2117" s="53">
        <v>11698.0753138075</v>
      </c>
      <c r="T2117" s="53">
        <v>11698.0753138075</v>
      </c>
      <c r="U2117" s="53">
        <v>11698.0753138075</v>
      </c>
      <c r="V2117" s="53">
        <v>11698.0753138075</v>
      </c>
      <c r="W2117" s="53">
        <v>11698.0753138075</v>
      </c>
      <c r="X2117" s="53">
        <v>11698.0753138075</v>
      </c>
      <c r="Y2117" s="53">
        <v>11698.0753138075</v>
      </c>
      <c r="Z2117" s="53">
        <v>11698.0753138075</v>
      </c>
      <c r="AA2117" s="53">
        <v>140376.90376568999</v>
      </c>
      <c r="AB2117" s="53">
        <v>11698.0753138075</v>
      </c>
      <c r="AC2117" s="53">
        <v>11698.0753138075</v>
      </c>
      <c r="AD2117" s="53">
        <v>11698.0753138075</v>
      </c>
      <c r="AE2117" s="53">
        <v>11698.0753138075</v>
      </c>
      <c r="AF2117" s="53">
        <v>11698.0753138075</v>
      </c>
      <c r="AG2117" s="53">
        <v>11698.0753138075</v>
      </c>
      <c r="AH2117" s="53">
        <v>11698.0753138075</v>
      </c>
      <c r="AI2117" s="53">
        <v>11698.0753138075</v>
      </c>
      <c r="AJ2117" s="53">
        <v>11698.0753138075</v>
      </c>
      <c r="AK2117" s="53">
        <v>11698.0753138075</v>
      </c>
      <c r="AL2117" s="53">
        <v>11698.0753138075</v>
      </c>
      <c r="AM2117" s="53">
        <v>11698.0753138075</v>
      </c>
      <c r="AN2117" s="53">
        <v>140376.90376568999</v>
      </c>
      <c r="AO2117" s="53">
        <v>11698.0753138075</v>
      </c>
      <c r="AP2117" s="53">
        <v>11698.0753138075</v>
      </c>
      <c r="AQ2117" s="53">
        <v>11698.0753138075</v>
      </c>
      <c r="AR2117" s="53">
        <v>11698.0753138075</v>
      </c>
      <c r="AS2117" s="53">
        <v>11698.0753138075</v>
      </c>
      <c r="AT2117" s="53">
        <v>11698.0753138075</v>
      </c>
      <c r="AU2117" s="53">
        <v>11698.0753138075</v>
      </c>
      <c r="AV2117" s="53">
        <v>11698.0753138075</v>
      </c>
      <c r="AW2117" s="53">
        <v>11698.0753138075</v>
      </c>
      <c r="AX2117" s="53">
        <v>11698.0753138075</v>
      </c>
      <c r="AY2117" s="53">
        <v>11698.0753138075</v>
      </c>
      <c r="AZ2117" s="53">
        <v>11698.0753138075</v>
      </c>
      <c r="BA2117" s="53">
        <v>140376.90376568999</v>
      </c>
      <c r="BB2117" s="53">
        <v>11698.0753138075</v>
      </c>
      <c r="BC2117" s="53">
        <v>11698.0753138075</v>
      </c>
      <c r="BD2117" s="53">
        <v>11698.0753138075</v>
      </c>
      <c r="BE2117" s="53">
        <v>11698.0753138075</v>
      </c>
      <c r="BF2117" s="53">
        <v>11698.0753138075</v>
      </c>
      <c r="BG2117" s="53">
        <v>11698.0753138075</v>
      </c>
      <c r="BH2117" s="53">
        <v>11698.0753138075</v>
      </c>
      <c r="BI2117" s="53">
        <v>11698.0753138075</v>
      </c>
      <c r="BJ2117" s="53">
        <v>11698.0753138075</v>
      </c>
      <c r="BK2117" s="53">
        <v>11698.0753138075</v>
      </c>
      <c r="BL2117" s="53">
        <v>11698.0753138075</v>
      </c>
      <c r="BM2117" s="53">
        <v>11698.0753138075</v>
      </c>
      <c r="BN2117" s="53">
        <v>140376.90376568999</v>
      </c>
      <c r="BO2117" s="53">
        <v>11698.0753138075</v>
      </c>
      <c r="BP2117" s="53">
        <v>11698.0753138075</v>
      </c>
      <c r="BQ2117" s="53">
        <v>11698.0753138075</v>
      </c>
      <c r="BR2117" s="53">
        <v>11698.0753138075</v>
      </c>
      <c r="BS2117" s="53">
        <v>11698.0753138075</v>
      </c>
      <c r="BT2117" s="53">
        <v>11698.0753138075</v>
      </c>
      <c r="BU2117" s="53">
        <v>11698.0753138075</v>
      </c>
      <c r="BV2117" s="53">
        <v>11698.0753138075</v>
      </c>
      <c r="BW2117" s="53">
        <v>11698.0753138075</v>
      </c>
      <c r="BX2117" s="53">
        <v>11698.0753138075</v>
      </c>
      <c r="BY2117" s="53">
        <v>11698.0753138075</v>
      </c>
      <c r="BZ2117" s="53">
        <v>11698.0753138075</v>
      </c>
      <c r="CA2117" s="53">
        <v>140376.90376568999</v>
      </c>
      <c r="CB2117" s="53">
        <v>1458333.33333333</v>
      </c>
      <c r="CC2117" s="53">
        <v>1458333.33333333</v>
      </c>
      <c r="CD2117" s="53">
        <v>1458333.33333333</v>
      </c>
      <c r="CE2117" s="53">
        <v>1458333.33333333</v>
      </c>
      <c r="CF2117" s="53">
        <v>1458333.33333333</v>
      </c>
      <c r="CG2117" s="53">
        <v>1458333.33333333</v>
      </c>
      <c r="CH2117" s="53">
        <v>1458333.33333333</v>
      </c>
      <c r="CI2117" s="53">
        <v>1458333.33333333</v>
      </c>
      <c r="CJ2117" s="53">
        <v>1458333.33333333</v>
      </c>
      <c r="CK2117" s="53">
        <v>1458333.33333333</v>
      </c>
      <c r="CL2117" s="53">
        <v>1458333.33333333</v>
      </c>
      <c r="CM2117" s="53">
        <v>1458333.33333333</v>
      </c>
      <c r="CN2117" s="53">
        <v>17500000</v>
      </c>
    </row>
    <row r="2118" spans="1:92" outlineLevel="1">
      <c r="A2118" s="52" t="s">
        <v>1594</v>
      </c>
      <c r="B2118" s="53">
        <v>0</v>
      </c>
      <c r="C2118" s="53">
        <v>0</v>
      </c>
      <c r="D2118" s="53">
        <v>0</v>
      </c>
      <c r="E2118" s="53">
        <v>0</v>
      </c>
      <c r="F2118" s="53">
        <v>0</v>
      </c>
      <c r="G2118" s="53">
        <v>0</v>
      </c>
      <c r="H2118" s="53">
        <v>0</v>
      </c>
      <c r="I2118" s="53">
        <v>0</v>
      </c>
      <c r="J2118" s="53">
        <v>0</v>
      </c>
      <c r="K2118" s="53">
        <v>0</v>
      </c>
      <c r="L2118" s="53">
        <v>0</v>
      </c>
      <c r="M2118" s="53">
        <v>0</v>
      </c>
      <c r="N2118" s="53">
        <v>0</v>
      </c>
      <c r="O2118" s="53">
        <v>0</v>
      </c>
      <c r="P2118" s="53">
        <v>0</v>
      </c>
      <c r="Q2118" s="53">
        <v>0</v>
      </c>
      <c r="R2118" s="53">
        <v>-5.6843418860808002E-11</v>
      </c>
      <c r="S2118" s="53">
        <v>-5.6843418860808002E-11</v>
      </c>
      <c r="T2118" s="53">
        <v>-1.13686837721616E-10</v>
      </c>
      <c r="U2118" s="53">
        <v>-1.7053025658242399E-10</v>
      </c>
      <c r="V2118" s="53">
        <v>-2.2737367544323201E-10</v>
      </c>
      <c r="W2118" s="53">
        <v>-1.13686837721616E-10</v>
      </c>
      <c r="X2118" s="53">
        <v>0</v>
      </c>
      <c r="Y2118" s="53">
        <v>5.6843418860808002E-11</v>
      </c>
      <c r="Z2118" s="53">
        <v>1.13686837721616E-10</v>
      </c>
      <c r="AA2118" s="53">
        <v>1.13686837721616E-10</v>
      </c>
      <c r="AB2118" s="53">
        <v>1.7053025658242399E-10</v>
      </c>
      <c r="AC2118" s="53">
        <v>2.2737367544323201E-10</v>
      </c>
      <c r="AD2118" s="53">
        <v>3.4106051316484799E-10</v>
      </c>
      <c r="AE2118" s="53">
        <v>4.5474735088646402E-10</v>
      </c>
      <c r="AF2118" s="53">
        <v>5.1159076974727203E-10</v>
      </c>
      <c r="AG2118" s="53">
        <v>6.2527760746888796E-10</v>
      </c>
      <c r="AH2118" s="53">
        <v>6.8212102632969597E-10</v>
      </c>
      <c r="AI2118" s="53">
        <v>7.3896444519050399E-10</v>
      </c>
      <c r="AJ2118" s="53">
        <v>7.3896444519050399E-10</v>
      </c>
      <c r="AK2118" s="53">
        <v>6.2527760746888796E-10</v>
      </c>
      <c r="AL2118" s="53">
        <v>5.1159076974727203E-10</v>
      </c>
      <c r="AM2118" s="53">
        <v>3.97903932025656E-10</v>
      </c>
      <c r="AN2118" s="53">
        <v>3.97903932025656E-10</v>
      </c>
      <c r="AO2118" s="53">
        <v>2.8421709430404002E-10</v>
      </c>
      <c r="AP2118" s="53">
        <v>1.7053025658242399E-10</v>
      </c>
      <c r="AQ2118" s="53">
        <v>5.6843418860808002E-11</v>
      </c>
      <c r="AR2118" s="53">
        <v>-5.6843418860808002E-11</v>
      </c>
      <c r="AS2118" s="53">
        <v>-1.7053025658242399E-10</v>
      </c>
      <c r="AT2118" s="53">
        <v>-2.8421709430404002E-10</v>
      </c>
      <c r="AU2118" s="53">
        <v>-3.4106051316484799E-10</v>
      </c>
      <c r="AV2118" s="53">
        <v>-3.97903932025656E-10</v>
      </c>
      <c r="AW2118" s="53">
        <v>-5.1159076974727203E-10</v>
      </c>
      <c r="AX2118" s="53">
        <v>-5.1159076974727203E-10</v>
      </c>
      <c r="AY2118" s="53">
        <v>-5.1159076974727203E-10</v>
      </c>
      <c r="AZ2118" s="53">
        <v>-5.1159076974727203E-10</v>
      </c>
      <c r="BA2118" s="53">
        <v>-5.1159076974727203E-10</v>
      </c>
      <c r="BB2118" s="53">
        <v>24699.690721649</v>
      </c>
      <c r="BC2118" s="53">
        <v>74099.072164947895</v>
      </c>
      <c r="BD2118" s="53">
        <v>123498.453608246</v>
      </c>
      <c r="BE2118" s="53">
        <v>172897.835051545</v>
      </c>
      <c r="BF2118" s="53">
        <v>222297.216494844</v>
      </c>
      <c r="BG2118" s="53">
        <v>271696.59793814301</v>
      </c>
      <c r="BH2118" s="53">
        <v>321095.97938144201</v>
      </c>
      <c r="BI2118" s="53">
        <v>370495.36082474102</v>
      </c>
      <c r="BJ2118" s="53">
        <v>419894.74226804002</v>
      </c>
      <c r="BK2118" s="53">
        <v>469294.12371133902</v>
      </c>
      <c r="BL2118" s="53">
        <v>518693.50515463803</v>
      </c>
      <c r="BM2118" s="53">
        <v>568092.88659793697</v>
      </c>
      <c r="BN2118" s="53">
        <v>568092.88659793697</v>
      </c>
      <c r="BO2118" s="53">
        <v>592792.57731958595</v>
      </c>
      <c r="BP2118" s="53">
        <v>608144.10190975002</v>
      </c>
      <c r="BQ2118" s="53">
        <v>623495.62649991398</v>
      </c>
      <c r="BR2118" s="53">
        <v>638847.15109007806</v>
      </c>
      <c r="BS2118" s="53">
        <v>654198.67568024201</v>
      </c>
      <c r="BT2118" s="53">
        <v>669550.20027040597</v>
      </c>
      <c r="BU2118" s="53">
        <v>707397.66471019399</v>
      </c>
      <c r="BV2118" s="53">
        <v>767741.06899960595</v>
      </c>
      <c r="BW2118" s="53">
        <v>828084.47328901803</v>
      </c>
      <c r="BX2118" s="53">
        <v>888427.87757842999</v>
      </c>
      <c r="BY2118" s="53">
        <v>948771.28186784196</v>
      </c>
      <c r="BZ2118" s="53">
        <v>1009114.68615725</v>
      </c>
      <c r="CA2118" s="53">
        <v>1009114.68615725</v>
      </c>
      <c r="CB2118" s="53"/>
      <c r="CC2118" s="53"/>
      <c r="CD2118" s="53"/>
      <c r="CE2118" s="53"/>
      <c r="CF2118" s="53"/>
      <c r="CG2118" s="53"/>
      <c r="CH2118" s="53"/>
      <c r="CI2118" s="53"/>
      <c r="CJ2118" s="53"/>
      <c r="CK2118" s="53"/>
      <c r="CL2118" s="53"/>
      <c r="CM2118" s="53"/>
      <c r="CN2118" s="53"/>
    </row>
    <row r="2119" spans="1:92" outlineLevel="1">
      <c r="A2119" s="52" t="s">
        <v>1595</v>
      </c>
      <c r="B2119" s="53">
        <v>0</v>
      </c>
      <c r="C2119" s="53">
        <v>0</v>
      </c>
      <c r="D2119" s="53">
        <v>0</v>
      </c>
      <c r="E2119" s="53">
        <v>0</v>
      </c>
      <c r="F2119" s="53">
        <v>0</v>
      </c>
      <c r="G2119" s="53">
        <v>0</v>
      </c>
      <c r="H2119" s="53">
        <v>0</v>
      </c>
      <c r="I2119" s="53">
        <v>0</v>
      </c>
      <c r="J2119" s="53">
        <v>0</v>
      </c>
      <c r="K2119" s="53">
        <v>0</v>
      </c>
      <c r="L2119" s="53">
        <v>0</v>
      </c>
      <c r="M2119" s="53">
        <v>0</v>
      </c>
      <c r="N2119" s="53">
        <v>0</v>
      </c>
      <c r="O2119" s="53">
        <v>0</v>
      </c>
      <c r="P2119" s="53">
        <v>0</v>
      </c>
      <c r="Q2119" s="53">
        <v>0</v>
      </c>
      <c r="R2119" s="53">
        <v>0</v>
      </c>
      <c r="S2119" s="53">
        <v>0</v>
      </c>
      <c r="T2119" s="53">
        <v>0</v>
      </c>
      <c r="U2119" s="53">
        <v>0</v>
      </c>
      <c r="V2119" s="53">
        <v>0</v>
      </c>
      <c r="W2119" s="53">
        <v>0</v>
      </c>
      <c r="X2119" s="53">
        <v>0</v>
      </c>
      <c r="Y2119" s="53">
        <v>0</v>
      </c>
      <c r="Z2119" s="53">
        <v>0</v>
      </c>
      <c r="AA2119" s="53">
        <v>0</v>
      </c>
      <c r="AB2119" s="53">
        <v>0</v>
      </c>
      <c r="AC2119" s="53">
        <v>0</v>
      </c>
      <c r="AD2119" s="53">
        <v>0</v>
      </c>
      <c r="AE2119" s="53">
        <v>0</v>
      </c>
      <c r="AF2119" s="53">
        <v>0</v>
      </c>
      <c r="AG2119" s="53">
        <v>0</v>
      </c>
      <c r="AH2119" s="53">
        <v>0</v>
      </c>
      <c r="AI2119" s="53">
        <v>0</v>
      </c>
      <c r="AJ2119" s="53">
        <v>0</v>
      </c>
      <c r="AK2119" s="53">
        <v>0</v>
      </c>
      <c r="AL2119" s="53">
        <v>0</v>
      </c>
      <c r="AM2119" s="53">
        <v>0</v>
      </c>
      <c r="AN2119" s="53">
        <v>0</v>
      </c>
      <c r="AO2119" s="53">
        <v>0</v>
      </c>
      <c r="AP2119" s="53">
        <v>0</v>
      </c>
      <c r="AQ2119" s="53">
        <v>0</v>
      </c>
      <c r="AR2119" s="53">
        <v>0</v>
      </c>
      <c r="AS2119" s="53">
        <v>0</v>
      </c>
      <c r="AT2119" s="53">
        <v>0</v>
      </c>
      <c r="AU2119" s="53">
        <v>0</v>
      </c>
      <c r="AV2119" s="53">
        <v>0</v>
      </c>
      <c r="AW2119" s="53">
        <v>0</v>
      </c>
      <c r="AX2119" s="53">
        <v>0</v>
      </c>
      <c r="AY2119" s="53">
        <v>0</v>
      </c>
      <c r="AZ2119" s="53">
        <v>0</v>
      </c>
      <c r="BA2119" s="53">
        <v>0</v>
      </c>
      <c r="BB2119" s="53">
        <v>0</v>
      </c>
      <c r="BC2119" s="53">
        <v>0</v>
      </c>
      <c r="BD2119" s="53">
        <v>0</v>
      </c>
      <c r="BE2119" s="53">
        <v>0</v>
      </c>
      <c r="BF2119" s="53">
        <v>0</v>
      </c>
      <c r="BG2119" s="53">
        <v>0</v>
      </c>
      <c r="BH2119" s="53">
        <v>0</v>
      </c>
      <c r="BI2119" s="53">
        <v>0</v>
      </c>
      <c r="BJ2119" s="53">
        <v>0</v>
      </c>
      <c r="BK2119" s="53">
        <v>0</v>
      </c>
      <c r="BL2119" s="53">
        <v>0</v>
      </c>
      <c r="BM2119" s="53">
        <v>0</v>
      </c>
      <c r="BN2119" s="53">
        <v>0</v>
      </c>
      <c r="BO2119" s="53">
        <v>0</v>
      </c>
      <c r="BP2119" s="53">
        <v>0</v>
      </c>
      <c r="BQ2119" s="53">
        <v>0</v>
      </c>
      <c r="BR2119" s="53">
        <v>0</v>
      </c>
      <c r="BS2119" s="53">
        <v>0</v>
      </c>
      <c r="BT2119" s="53">
        <v>0</v>
      </c>
      <c r="BU2119" s="53">
        <v>0</v>
      </c>
      <c r="BV2119" s="53">
        <v>0</v>
      </c>
      <c r="BW2119" s="53">
        <v>0</v>
      </c>
      <c r="BX2119" s="53">
        <v>0</v>
      </c>
      <c r="BY2119" s="53">
        <v>0</v>
      </c>
      <c r="BZ2119" s="53">
        <v>0</v>
      </c>
      <c r="CA2119" s="53">
        <v>0</v>
      </c>
      <c r="CB2119" s="53">
        <v>729166.66666666605</v>
      </c>
      <c r="CC2119" s="53">
        <v>729166.66666666605</v>
      </c>
      <c r="CD2119" s="53">
        <v>729166.66666666605</v>
      </c>
      <c r="CE2119" s="53">
        <v>729166.66666666605</v>
      </c>
      <c r="CF2119" s="53">
        <v>729166.66666666605</v>
      </c>
      <c r="CG2119" s="53">
        <v>729166.66666666605</v>
      </c>
      <c r="CH2119" s="53">
        <v>729166.66666666605</v>
      </c>
      <c r="CI2119" s="53">
        <v>729166.66666666605</v>
      </c>
      <c r="CJ2119" s="53">
        <v>729166.66666666605</v>
      </c>
      <c r="CK2119" s="53">
        <v>729166.66666666605</v>
      </c>
      <c r="CL2119" s="53">
        <v>729166.66666666605</v>
      </c>
      <c r="CM2119" s="53">
        <v>729166.66666666605</v>
      </c>
      <c r="CN2119" s="53">
        <v>8750000</v>
      </c>
    </row>
    <row r="2120" spans="1:92" outlineLevel="1">
      <c r="A2120" s="52" t="s">
        <v>1596</v>
      </c>
      <c r="B2120" s="53">
        <v>0</v>
      </c>
      <c r="C2120" s="53">
        <v>0</v>
      </c>
      <c r="D2120" s="53">
        <v>0</v>
      </c>
      <c r="E2120" s="53">
        <v>0</v>
      </c>
      <c r="F2120" s="53">
        <v>0</v>
      </c>
      <c r="G2120" s="53">
        <v>0</v>
      </c>
      <c r="H2120" s="53">
        <v>0</v>
      </c>
      <c r="I2120" s="53">
        <v>0</v>
      </c>
      <c r="J2120" s="53">
        <v>0</v>
      </c>
      <c r="K2120" s="53">
        <v>0</v>
      </c>
      <c r="L2120" s="53">
        <v>0</v>
      </c>
      <c r="M2120" s="53">
        <v>0</v>
      </c>
      <c r="N2120" s="53">
        <v>0</v>
      </c>
      <c r="O2120" s="53">
        <v>0</v>
      </c>
      <c r="P2120" s="53">
        <v>0</v>
      </c>
      <c r="Q2120" s="53">
        <v>0</v>
      </c>
      <c r="R2120" s="53">
        <v>0</v>
      </c>
      <c r="S2120" s="53">
        <v>0</v>
      </c>
      <c r="T2120" s="53">
        <v>0</v>
      </c>
      <c r="U2120" s="53">
        <v>0</v>
      </c>
      <c r="V2120" s="53">
        <v>0</v>
      </c>
      <c r="W2120" s="53">
        <v>0</v>
      </c>
      <c r="X2120" s="53">
        <v>0</v>
      </c>
      <c r="Y2120" s="53">
        <v>0</v>
      </c>
      <c r="Z2120" s="53">
        <v>0</v>
      </c>
      <c r="AA2120" s="53">
        <v>0</v>
      </c>
      <c r="AB2120" s="53">
        <v>0</v>
      </c>
      <c r="AC2120" s="53">
        <v>0</v>
      </c>
      <c r="AD2120" s="53">
        <v>0</v>
      </c>
      <c r="AE2120" s="53">
        <v>0</v>
      </c>
      <c r="AF2120" s="53">
        <v>0</v>
      </c>
      <c r="AG2120" s="53">
        <v>0</v>
      </c>
      <c r="AH2120" s="53">
        <v>0</v>
      </c>
      <c r="AI2120" s="53">
        <v>0</v>
      </c>
      <c r="AJ2120" s="53">
        <v>0</v>
      </c>
      <c r="AK2120" s="53">
        <v>0</v>
      </c>
      <c r="AL2120" s="53">
        <v>0</v>
      </c>
      <c r="AM2120" s="53">
        <v>0</v>
      </c>
      <c r="AN2120" s="53">
        <v>0</v>
      </c>
      <c r="AO2120" s="53">
        <v>0</v>
      </c>
      <c r="AP2120" s="53">
        <v>0</v>
      </c>
      <c r="AQ2120" s="53">
        <v>0</v>
      </c>
      <c r="AR2120" s="53">
        <v>0</v>
      </c>
      <c r="AS2120" s="53">
        <v>0</v>
      </c>
      <c r="AT2120" s="53">
        <v>0</v>
      </c>
      <c r="AU2120" s="53">
        <v>0</v>
      </c>
      <c r="AV2120" s="53">
        <v>0</v>
      </c>
      <c r="AW2120" s="53">
        <v>0</v>
      </c>
      <c r="AX2120" s="53">
        <v>0</v>
      </c>
      <c r="AY2120" s="53">
        <v>0</v>
      </c>
      <c r="AZ2120" s="53">
        <v>0</v>
      </c>
      <c r="BA2120" s="53">
        <v>0</v>
      </c>
      <c r="BB2120" s="53">
        <v>0</v>
      </c>
      <c r="BC2120" s="53">
        <v>0</v>
      </c>
      <c r="BD2120" s="53">
        <v>0</v>
      </c>
      <c r="BE2120" s="53">
        <v>0</v>
      </c>
      <c r="BF2120" s="53">
        <v>0</v>
      </c>
      <c r="BG2120" s="53">
        <v>0</v>
      </c>
      <c r="BH2120" s="53">
        <v>0</v>
      </c>
      <c r="BI2120" s="53">
        <v>0</v>
      </c>
      <c r="BJ2120" s="53">
        <v>0</v>
      </c>
      <c r="BK2120" s="53">
        <v>0</v>
      </c>
      <c r="BL2120" s="53">
        <v>0</v>
      </c>
      <c r="BM2120" s="53">
        <v>0</v>
      </c>
      <c r="BN2120" s="53">
        <v>0</v>
      </c>
      <c r="BO2120" s="53">
        <v>0</v>
      </c>
      <c r="BP2120" s="53">
        <v>0</v>
      </c>
      <c r="BQ2120" s="53">
        <v>0</v>
      </c>
      <c r="BR2120" s="53">
        <v>0</v>
      </c>
      <c r="BS2120" s="53">
        <v>0</v>
      </c>
      <c r="BT2120" s="53">
        <v>0</v>
      </c>
      <c r="BU2120" s="53">
        <v>0</v>
      </c>
      <c r="BV2120" s="53">
        <v>0</v>
      </c>
      <c r="BW2120" s="53">
        <v>0</v>
      </c>
      <c r="BX2120" s="53">
        <v>0</v>
      </c>
      <c r="BY2120" s="53">
        <v>0</v>
      </c>
      <c r="BZ2120" s="53">
        <v>0</v>
      </c>
      <c r="CA2120" s="53">
        <v>0</v>
      </c>
      <c r="CB2120" s="53">
        <v>1300000</v>
      </c>
      <c r="CC2120" s="53">
        <v>1300000</v>
      </c>
      <c r="CD2120" s="53">
        <v>1300000</v>
      </c>
      <c r="CE2120" s="53">
        <v>1300000</v>
      </c>
      <c r="CF2120" s="53">
        <v>1300000</v>
      </c>
      <c r="CG2120" s="53">
        <v>1300000</v>
      </c>
      <c r="CH2120" s="53">
        <v>1300000</v>
      </c>
      <c r="CI2120" s="53">
        <v>1300000</v>
      </c>
      <c r="CJ2120" s="53">
        <v>1300000</v>
      </c>
      <c r="CK2120" s="53">
        <v>1300000</v>
      </c>
      <c r="CL2120" s="53">
        <v>1300000</v>
      </c>
      <c r="CM2120" s="53">
        <v>1300000</v>
      </c>
      <c r="CN2120" s="53">
        <v>15600000</v>
      </c>
    </row>
    <row r="2121" spans="1:92" outlineLevel="1">
      <c r="A2121" s="52" t="s">
        <v>1597</v>
      </c>
      <c r="B2121" s="53">
        <v>0</v>
      </c>
      <c r="C2121" s="53">
        <v>0</v>
      </c>
      <c r="D2121" s="53">
        <v>0</v>
      </c>
      <c r="E2121" s="53">
        <v>0</v>
      </c>
      <c r="F2121" s="53">
        <v>0</v>
      </c>
      <c r="G2121" s="53">
        <v>0</v>
      </c>
      <c r="H2121" s="53">
        <v>0</v>
      </c>
      <c r="I2121" s="53">
        <v>0</v>
      </c>
      <c r="J2121" s="53">
        <v>0</v>
      </c>
      <c r="K2121" s="53">
        <v>0</v>
      </c>
      <c r="L2121" s="53">
        <v>0</v>
      </c>
      <c r="M2121" s="53">
        <v>0</v>
      </c>
      <c r="N2121" s="53">
        <v>0</v>
      </c>
      <c r="O2121" s="53">
        <v>0</v>
      </c>
      <c r="P2121" s="53">
        <v>0</v>
      </c>
      <c r="Q2121" s="53">
        <v>0</v>
      </c>
      <c r="R2121" s="53">
        <v>0</v>
      </c>
      <c r="S2121" s="53">
        <v>0</v>
      </c>
      <c r="T2121" s="53">
        <v>0</v>
      </c>
      <c r="U2121" s="53">
        <v>0</v>
      </c>
      <c r="V2121" s="53">
        <v>0</v>
      </c>
      <c r="W2121" s="53">
        <v>0</v>
      </c>
      <c r="X2121" s="53">
        <v>0</v>
      </c>
      <c r="Y2121" s="53">
        <v>0</v>
      </c>
      <c r="Z2121" s="53">
        <v>0</v>
      </c>
      <c r="AA2121" s="53">
        <v>0</v>
      </c>
      <c r="AB2121" s="53">
        <v>0</v>
      </c>
      <c r="AC2121" s="53">
        <v>0</v>
      </c>
      <c r="AD2121" s="53">
        <v>0</v>
      </c>
      <c r="AE2121" s="53">
        <v>0</v>
      </c>
      <c r="AF2121" s="53">
        <v>0</v>
      </c>
      <c r="AG2121" s="53">
        <v>0</v>
      </c>
      <c r="AH2121" s="53">
        <v>0</v>
      </c>
      <c r="AI2121" s="53">
        <v>0</v>
      </c>
      <c r="AJ2121" s="53">
        <v>0</v>
      </c>
      <c r="AK2121" s="53">
        <v>0</v>
      </c>
      <c r="AL2121" s="53">
        <v>0</v>
      </c>
      <c r="AM2121" s="53">
        <v>0</v>
      </c>
      <c r="AN2121" s="53">
        <v>0</v>
      </c>
      <c r="AO2121" s="53">
        <v>0</v>
      </c>
      <c r="AP2121" s="53">
        <v>0</v>
      </c>
      <c r="AQ2121" s="53">
        <v>0</v>
      </c>
      <c r="AR2121" s="53">
        <v>0</v>
      </c>
      <c r="AS2121" s="53">
        <v>0</v>
      </c>
      <c r="AT2121" s="53">
        <v>0</v>
      </c>
      <c r="AU2121" s="53">
        <v>0</v>
      </c>
      <c r="AV2121" s="53">
        <v>0</v>
      </c>
      <c r="AW2121" s="53">
        <v>0</v>
      </c>
      <c r="AX2121" s="53">
        <v>0</v>
      </c>
      <c r="AY2121" s="53">
        <v>0</v>
      </c>
      <c r="AZ2121" s="53">
        <v>0</v>
      </c>
      <c r="BA2121" s="53">
        <v>0</v>
      </c>
      <c r="BB2121" s="53">
        <v>0</v>
      </c>
      <c r="BC2121" s="53">
        <v>0</v>
      </c>
      <c r="BD2121" s="53">
        <v>0</v>
      </c>
      <c r="BE2121" s="53">
        <v>0</v>
      </c>
      <c r="BF2121" s="53">
        <v>0</v>
      </c>
      <c r="BG2121" s="53">
        <v>0</v>
      </c>
      <c r="BH2121" s="53">
        <v>0</v>
      </c>
      <c r="BI2121" s="53">
        <v>0</v>
      </c>
      <c r="BJ2121" s="53">
        <v>0</v>
      </c>
      <c r="BK2121" s="53">
        <v>0</v>
      </c>
      <c r="BL2121" s="53">
        <v>0</v>
      </c>
      <c r="BM2121" s="53">
        <v>0</v>
      </c>
      <c r="BN2121" s="53">
        <v>0</v>
      </c>
      <c r="BO2121" s="53">
        <v>0</v>
      </c>
      <c r="BP2121" s="53">
        <v>0</v>
      </c>
      <c r="BQ2121" s="53">
        <v>0</v>
      </c>
      <c r="BR2121" s="53">
        <v>0</v>
      </c>
      <c r="BS2121" s="53">
        <v>0</v>
      </c>
      <c r="BT2121" s="53">
        <v>0</v>
      </c>
      <c r="BU2121" s="53">
        <v>0</v>
      </c>
      <c r="BV2121" s="53">
        <v>0</v>
      </c>
      <c r="BW2121" s="53">
        <v>0</v>
      </c>
      <c r="BX2121" s="53">
        <v>0</v>
      </c>
      <c r="BY2121" s="53">
        <v>0</v>
      </c>
      <c r="BZ2121" s="53">
        <v>0</v>
      </c>
      <c r="CA2121" s="53">
        <v>0</v>
      </c>
      <c r="CB2121" s="53">
        <v>1249999.99999999</v>
      </c>
      <c r="CC2121" s="53">
        <v>1249999.99999999</v>
      </c>
      <c r="CD2121" s="53">
        <v>1249999.99999999</v>
      </c>
      <c r="CE2121" s="53">
        <v>1249999.99999999</v>
      </c>
      <c r="CF2121" s="53">
        <v>1249999.99999999</v>
      </c>
      <c r="CG2121" s="53">
        <v>1249999.99999999</v>
      </c>
      <c r="CH2121" s="53">
        <v>1249999.99999999</v>
      </c>
      <c r="CI2121" s="53">
        <v>1249999.99999999</v>
      </c>
      <c r="CJ2121" s="53">
        <v>1249999.99999999</v>
      </c>
      <c r="CK2121" s="53">
        <v>1249999.99999999</v>
      </c>
      <c r="CL2121" s="53">
        <v>1249999.99999999</v>
      </c>
      <c r="CM2121" s="53">
        <v>1249999.99999999</v>
      </c>
      <c r="CN2121" s="53">
        <v>14999999.999999899</v>
      </c>
    </row>
    <row r="2122" spans="1:92" outlineLevel="1">
      <c r="A2122" s="52" t="s">
        <v>1598</v>
      </c>
      <c r="B2122" s="53">
        <v>0</v>
      </c>
      <c r="C2122" s="53">
        <v>0</v>
      </c>
      <c r="D2122" s="53">
        <v>0</v>
      </c>
      <c r="E2122" s="53">
        <v>0</v>
      </c>
      <c r="F2122" s="53">
        <v>250000000</v>
      </c>
      <c r="G2122" s="53">
        <v>250000000</v>
      </c>
      <c r="H2122" s="53">
        <v>250000000</v>
      </c>
      <c r="I2122" s="53">
        <v>250000000</v>
      </c>
      <c r="J2122" s="53">
        <v>250000000</v>
      </c>
      <c r="K2122" s="53">
        <v>250000000</v>
      </c>
      <c r="L2122" s="53">
        <v>250000000</v>
      </c>
      <c r="M2122" s="53">
        <v>250000000</v>
      </c>
      <c r="N2122" s="53">
        <v>250000000</v>
      </c>
      <c r="O2122" s="53">
        <v>250000000</v>
      </c>
      <c r="P2122" s="53">
        <v>250000000</v>
      </c>
      <c r="Q2122" s="53">
        <v>250000000</v>
      </c>
      <c r="R2122" s="53">
        <v>250000000</v>
      </c>
      <c r="S2122" s="53">
        <v>250000000</v>
      </c>
      <c r="T2122" s="53">
        <v>250000000</v>
      </c>
      <c r="U2122" s="53">
        <v>250000000</v>
      </c>
      <c r="V2122" s="53">
        <v>250000000</v>
      </c>
      <c r="W2122" s="53">
        <v>250000000</v>
      </c>
      <c r="X2122" s="53">
        <v>250000000</v>
      </c>
      <c r="Y2122" s="53">
        <v>250000000</v>
      </c>
      <c r="Z2122" s="53">
        <v>250000000</v>
      </c>
      <c r="AA2122" s="53">
        <v>250000000</v>
      </c>
      <c r="AB2122" s="53">
        <v>250000000</v>
      </c>
      <c r="AC2122" s="53">
        <v>250000000</v>
      </c>
      <c r="AD2122" s="53">
        <v>250000000</v>
      </c>
      <c r="AE2122" s="53">
        <v>250000000</v>
      </c>
      <c r="AF2122" s="53">
        <v>250000000</v>
      </c>
      <c r="AG2122" s="53">
        <v>250000000</v>
      </c>
      <c r="AH2122" s="53">
        <v>250000000</v>
      </c>
      <c r="AI2122" s="53">
        <v>250000000</v>
      </c>
      <c r="AJ2122" s="53">
        <v>250000000</v>
      </c>
      <c r="AK2122" s="53">
        <v>250000000</v>
      </c>
      <c r="AL2122" s="53">
        <v>250000000</v>
      </c>
      <c r="AM2122" s="53">
        <v>250000000</v>
      </c>
      <c r="AN2122" s="53">
        <v>250000000</v>
      </c>
      <c r="AO2122" s="53">
        <v>250000000</v>
      </c>
      <c r="AP2122" s="53">
        <v>250000000</v>
      </c>
      <c r="AQ2122" s="53">
        <v>250000000</v>
      </c>
      <c r="AR2122" s="53">
        <v>250000000</v>
      </c>
      <c r="AS2122" s="53">
        <v>250000000</v>
      </c>
      <c r="AT2122" s="53">
        <v>250000000</v>
      </c>
      <c r="AU2122" s="53">
        <v>250000000</v>
      </c>
      <c r="AV2122" s="53">
        <v>250000000</v>
      </c>
      <c r="AW2122" s="53">
        <v>250000000</v>
      </c>
      <c r="AX2122" s="53">
        <v>250000000</v>
      </c>
      <c r="AY2122" s="53">
        <v>250000000</v>
      </c>
      <c r="AZ2122" s="53">
        <v>250000000</v>
      </c>
      <c r="BA2122" s="53">
        <v>250000000</v>
      </c>
      <c r="BB2122" s="53">
        <v>250000000</v>
      </c>
      <c r="BC2122" s="53">
        <v>250000000</v>
      </c>
      <c r="BD2122" s="53">
        <v>250000000</v>
      </c>
      <c r="BE2122" s="53">
        <v>250000000</v>
      </c>
      <c r="BF2122" s="53">
        <v>250000000</v>
      </c>
      <c r="BG2122" s="53">
        <v>250000000</v>
      </c>
      <c r="BH2122" s="53">
        <v>250000000</v>
      </c>
      <c r="BI2122" s="53">
        <v>250000000</v>
      </c>
      <c r="BJ2122" s="53">
        <v>250000000</v>
      </c>
      <c r="BK2122" s="53">
        <v>250000000</v>
      </c>
      <c r="BL2122" s="53">
        <v>250000000</v>
      </c>
      <c r="BM2122" s="53">
        <v>250000000</v>
      </c>
      <c r="BN2122" s="53">
        <v>250000000</v>
      </c>
      <c r="BO2122" s="53">
        <v>250000000</v>
      </c>
      <c r="BP2122" s="53">
        <v>250000000</v>
      </c>
      <c r="BQ2122" s="53">
        <v>250000000</v>
      </c>
      <c r="BR2122" s="53">
        <v>250000000</v>
      </c>
      <c r="BS2122" s="53">
        <v>250000000</v>
      </c>
      <c r="BT2122" s="53">
        <v>250000000</v>
      </c>
      <c r="BU2122" s="53">
        <v>250000000</v>
      </c>
      <c r="BV2122" s="53">
        <v>250000000</v>
      </c>
      <c r="BW2122" s="53">
        <v>250000000</v>
      </c>
      <c r="BX2122" s="53">
        <v>250000000</v>
      </c>
      <c r="BY2122" s="53">
        <v>250000000</v>
      </c>
      <c r="BZ2122" s="53">
        <v>250000000</v>
      </c>
      <c r="CA2122" s="53">
        <v>250000000</v>
      </c>
      <c r="CB2122" s="53">
        <v>61347817.216666698</v>
      </c>
      <c r="CC2122" s="53">
        <v>80616567.216666698</v>
      </c>
      <c r="CD2122" s="53">
        <v>82435317.216666698</v>
      </c>
      <c r="CE2122" s="53">
        <v>86679067.216666698</v>
      </c>
      <c r="CF2122" s="53">
        <v>103310317.216666</v>
      </c>
      <c r="CG2122" s="53">
        <v>67216567.216666698</v>
      </c>
      <c r="CH2122" s="53">
        <v>61347817.216666698</v>
      </c>
      <c r="CI2122" s="53">
        <v>80616567.216666698</v>
      </c>
      <c r="CJ2122" s="53">
        <v>82435317.216666698</v>
      </c>
      <c r="CK2122" s="53">
        <v>86679067.216666698</v>
      </c>
      <c r="CL2122" s="53">
        <v>103310317.216666</v>
      </c>
      <c r="CM2122" s="53">
        <v>67216567.216666698</v>
      </c>
      <c r="CN2122" s="53">
        <v>67216567.216666698</v>
      </c>
    </row>
    <row r="2123" spans="1:92" outlineLevel="1">
      <c r="A2123" s="52" t="s">
        <v>1218</v>
      </c>
      <c r="B2123" s="53">
        <v>20499453.34</v>
      </c>
      <c r="C2123" s="53">
        <v>20633322.699999999</v>
      </c>
      <c r="D2123" s="53">
        <v>20768137.960000001</v>
      </c>
      <c r="E2123" s="53">
        <v>20903905.859999999</v>
      </c>
      <c r="F2123" s="53">
        <v>21040633.09</v>
      </c>
      <c r="G2123" s="53">
        <v>271178326.50999999</v>
      </c>
      <c r="H2123" s="53">
        <v>271316992.95999998</v>
      </c>
      <c r="I2123" s="53">
        <v>271456639.32999998</v>
      </c>
      <c r="J2123" s="53">
        <v>271597272.58999997</v>
      </c>
      <c r="K2123" s="53">
        <v>271738899.69999999</v>
      </c>
      <c r="L2123" s="53">
        <v>271881527.75</v>
      </c>
      <c r="M2123" s="53">
        <v>272025163.82999998</v>
      </c>
      <c r="N2123" s="53">
        <v>20499453.34</v>
      </c>
      <c r="O2123" s="53">
        <v>272169815.08999997</v>
      </c>
      <c r="P2123" s="53">
        <v>272315192.70201302</v>
      </c>
      <c r="Q2123" s="53">
        <v>272461597.78335202</v>
      </c>
      <c r="R2123" s="53">
        <v>272609037.62245399</v>
      </c>
      <c r="S2123" s="53">
        <v>1072757519.55962</v>
      </c>
      <c r="T2123" s="53">
        <v>1071608482.0279599</v>
      </c>
      <c r="U2123" s="53">
        <v>1068482860.23212</v>
      </c>
      <c r="V2123" s="53">
        <v>1065334531.23532</v>
      </c>
      <c r="W2123" s="53">
        <v>1062163330.10604</v>
      </c>
      <c r="X2123" s="53">
        <v>1061035022.71501</v>
      </c>
      <c r="Y2123" s="53">
        <v>1060345187.78477</v>
      </c>
      <c r="Z2123" s="53">
        <v>1059650318.6234</v>
      </c>
      <c r="AA2123" s="53">
        <v>272169815.08999997</v>
      </c>
      <c r="AB2123" s="53">
        <v>1058347349.72729</v>
      </c>
      <c r="AC2123" s="53">
        <v>1057045888.11897</v>
      </c>
      <c r="AD2123" s="53">
        <v>1055734953.88684</v>
      </c>
      <c r="AE2123" s="53">
        <v>1054975629.91982</v>
      </c>
      <c r="AF2123" s="53">
        <v>254252643.62965</v>
      </c>
      <c r="AG2123" s="53">
        <v>254278549.45441201</v>
      </c>
      <c r="AH2123" s="53">
        <v>254304613.088415</v>
      </c>
      <c r="AI2123" s="53">
        <v>254330835.49297699</v>
      </c>
      <c r="AJ2123" s="53">
        <v>254357217.63527101</v>
      </c>
      <c r="AK2123" s="53">
        <v>254383760.48836401</v>
      </c>
      <c r="AL2123" s="53">
        <v>254410465.03124899</v>
      </c>
      <c r="AM2123" s="53">
        <v>254437332.24888399</v>
      </c>
      <c r="AN2123" s="53">
        <v>1058347349.72729</v>
      </c>
      <c r="AO2123" s="53">
        <v>254464363.13222599</v>
      </c>
      <c r="AP2123" s="53">
        <v>254491558.67826799</v>
      </c>
      <c r="AQ2123" s="53">
        <v>254518919.89007899</v>
      </c>
      <c r="AR2123" s="53">
        <v>254546447.77683401</v>
      </c>
      <c r="AS2123" s="53">
        <v>254574143.353861</v>
      </c>
      <c r="AT2123" s="53">
        <v>254602007.642667</v>
      </c>
      <c r="AU2123" s="53">
        <v>254630041.67098701</v>
      </c>
      <c r="AV2123" s="53">
        <v>254658246.47281399</v>
      </c>
      <c r="AW2123" s="53">
        <v>254686623.08843899</v>
      </c>
      <c r="AX2123" s="53">
        <v>254715172.564491</v>
      </c>
      <c r="AY2123" s="53">
        <v>254743895.95397601</v>
      </c>
      <c r="AZ2123" s="53">
        <v>254772794.316313</v>
      </c>
      <c r="BA2123" s="53">
        <v>254464363.13222599</v>
      </c>
      <c r="BB2123" s="53">
        <v>254801868.717374</v>
      </c>
      <c r="BC2123" s="53">
        <v>904857440.11612403</v>
      </c>
      <c r="BD2123" s="53">
        <v>904939509.59146094</v>
      </c>
      <c r="BE2123" s="53">
        <v>905021758.34225702</v>
      </c>
      <c r="BF2123" s="53">
        <v>904680351.03650105</v>
      </c>
      <c r="BG2123" s="53">
        <v>904336548.356264</v>
      </c>
      <c r="BH2123" s="53">
        <v>903990330.68611801</v>
      </c>
      <c r="BI2123" s="53">
        <v>903641683.31478703</v>
      </c>
      <c r="BJ2123" s="53">
        <v>903290591.44138002</v>
      </c>
      <c r="BK2123" s="53">
        <v>902937040.17484605</v>
      </c>
      <c r="BL2123" s="53">
        <v>902581014.53342104</v>
      </c>
      <c r="BM2123" s="53">
        <v>902222499.44407797</v>
      </c>
      <c r="BN2123" s="53">
        <v>254801868.717374</v>
      </c>
      <c r="BO2123" s="53">
        <v>901861479.74197102</v>
      </c>
      <c r="BP2123" s="53">
        <v>251471620.28327501</v>
      </c>
      <c r="BQ2123" s="53">
        <v>401069471.17684197</v>
      </c>
      <c r="BR2123" s="53">
        <v>400664771.40657699</v>
      </c>
      <c r="BS2123" s="53">
        <v>400681341.85882199</v>
      </c>
      <c r="BT2123" s="53">
        <v>400697907.31783801</v>
      </c>
      <c r="BU2123" s="53">
        <v>400714472.77685499</v>
      </c>
      <c r="BV2123" s="53">
        <v>1000758126.82233</v>
      </c>
      <c r="BW2123" s="53">
        <v>1000828869.45428</v>
      </c>
      <c r="BX2123" s="53">
        <v>1000899612.08623</v>
      </c>
      <c r="BY2123" s="53">
        <v>1000970354.7181799</v>
      </c>
      <c r="BZ2123" s="53">
        <v>1001041097.35013</v>
      </c>
      <c r="CA2123" s="53">
        <v>901861479.74197102</v>
      </c>
      <c r="CB2123" s="53"/>
      <c r="CC2123" s="53"/>
      <c r="CD2123" s="53"/>
      <c r="CE2123" s="53"/>
      <c r="CF2123" s="53"/>
      <c r="CG2123" s="53"/>
      <c r="CH2123" s="53"/>
      <c r="CI2123" s="53"/>
      <c r="CJ2123" s="53"/>
      <c r="CK2123" s="53"/>
      <c r="CL2123" s="53"/>
      <c r="CM2123" s="53"/>
      <c r="CN2123" s="53"/>
    </row>
    <row r="2124" spans="1:92" outlineLevel="1">
      <c r="A2124" s="52" t="s">
        <v>699</v>
      </c>
      <c r="B2124" s="53"/>
      <c r="C2124" s="53"/>
      <c r="D2124" s="53"/>
      <c r="E2124" s="53"/>
      <c r="F2124" s="53"/>
      <c r="G2124" s="53"/>
      <c r="H2124" s="53"/>
      <c r="I2124" s="53"/>
      <c r="J2124" s="53"/>
      <c r="K2124" s="53"/>
      <c r="L2124" s="53"/>
      <c r="M2124" s="53"/>
      <c r="N2124" s="53"/>
      <c r="O2124" s="53"/>
      <c r="P2124" s="53"/>
      <c r="Q2124" s="53"/>
      <c r="R2124" s="53"/>
      <c r="S2124" s="53"/>
      <c r="T2124" s="53"/>
      <c r="U2124" s="53"/>
      <c r="V2124" s="53"/>
      <c r="W2124" s="53"/>
      <c r="X2124" s="53"/>
      <c r="Y2124" s="53"/>
      <c r="Z2124" s="53"/>
      <c r="AA2124" s="53"/>
      <c r="AB2124" s="53"/>
      <c r="AC2124" s="53"/>
      <c r="AD2124" s="53"/>
      <c r="AE2124" s="53"/>
      <c r="AF2124" s="53"/>
      <c r="AG2124" s="53"/>
      <c r="AH2124" s="53"/>
      <c r="AI2124" s="53"/>
      <c r="AJ2124" s="53"/>
      <c r="AK2124" s="53"/>
      <c r="AL2124" s="53"/>
      <c r="AM2124" s="53"/>
      <c r="AN2124" s="53"/>
      <c r="AO2124" s="53"/>
      <c r="AP2124" s="53"/>
      <c r="AQ2124" s="53"/>
      <c r="AR2124" s="53"/>
      <c r="AS2124" s="53"/>
      <c r="AT2124" s="53"/>
      <c r="AU2124" s="53"/>
      <c r="AV2124" s="53"/>
      <c r="AW2124" s="53"/>
      <c r="AX2124" s="53"/>
      <c r="AY2124" s="53"/>
      <c r="AZ2124" s="53"/>
      <c r="BA2124" s="53"/>
      <c r="BB2124" s="53"/>
      <c r="BC2124" s="53"/>
      <c r="BD2124" s="53"/>
      <c r="BE2124" s="53"/>
      <c r="BF2124" s="53"/>
      <c r="BG2124" s="53"/>
      <c r="BH2124" s="53"/>
      <c r="BI2124" s="53"/>
      <c r="BJ2124" s="53"/>
      <c r="BK2124" s="53"/>
      <c r="BL2124" s="53"/>
      <c r="BM2124" s="53"/>
      <c r="BN2124" s="53"/>
      <c r="BO2124" s="53"/>
      <c r="BP2124" s="53"/>
      <c r="BQ2124" s="53"/>
      <c r="BR2124" s="53"/>
      <c r="BS2124" s="53"/>
      <c r="BT2124" s="53"/>
      <c r="BU2124" s="53"/>
      <c r="BV2124" s="53"/>
      <c r="BW2124" s="53"/>
      <c r="BX2124" s="53"/>
      <c r="BY2124" s="53"/>
      <c r="BZ2124" s="53"/>
      <c r="CA2124" s="53"/>
      <c r="CB2124" s="53">
        <v>0</v>
      </c>
      <c r="CC2124" s="53">
        <v>0</v>
      </c>
      <c r="CD2124" s="53">
        <v>0</v>
      </c>
      <c r="CE2124" s="53">
        <v>0</v>
      </c>
      <c r="CF2124" s="53">
        <v>0</v>
      </c>
      <c r="CG2124" s="53">
        <v>0</v>
      </c>
      <c r="CH2124" s="53">
        <v>0</v>
      </c>
      <c r="CI2124" s="53">
        <v>0</v>
      </c>
      <c r="CJ2124" s="53">
        <v>0</v>
      </c>
      <c r="CK2124" s="53">
        <v>0</v>
      </c>
      <c r="CL2124" s="53">
        <v>0</v>
      </c>
      <c r="CM2124" s="53">
        <v>0</v>
      </c>
      <c r="CN2124" s="53">
        <v>0</v>
      </c>
    </row>
    <row r="2125" spans="1:92" outlineLevel="1">
      <c r="A2125" s="52" t="s">
        <v>709</v>
      </c>
      <c r="B2125" s="53"/>
      <c r="C2125" s="53"/>
      <c r="D2125" s="53"/>
      <c r="E2125" s="53"/>
      <c r="F2125" s="53"/>
      <c r="G2125" s="53"/>
      <c r="H2125" s="53"/>
      <c r="I2125" s="53"/>
      <c r="J2125" s="53"/>
      <c r="K2125" s="53"/>
      <c r="L2125" s="53"/>
      <c r="M2125" s="53"/>
      <c r="N2125" s="53"/>
      <c r="O2125" s="53"/>
      <c r="P2125" s="53"/>
      <c r="Q2125" s="53"/>
      <c r="R2125" s="53"/>
      <c r="S2125" s="53"/>
      <c r="T2125" s="53"/>
      <c r="U2125" s="53"/>
      <c r="V2125" s="53"/>
      <c r="W2125" s="53"/>
      <c r="X2125" s="53"/>
      <c r="Y2125" s="53"/>
      <c r="Z2125" s="53"/>
      <c r="AA2125" s="53"/>
      <c r="AB2125" s="53"/>
      <c r="AC2125" s="53"/>
      <c r="AD2125" s="53"/>
      <c r="AE2125" s="53"/>
      <c r="AF2125" s="53"/>
      <c r="AG2125" s="53"/>
      <c r="AH2125" s="53"/>
      <c r="AI2125" s="53"/>
      <c r="AJ2125" s="53"/>
      <c r="AK2125" s="53"/>
      <c r="AL2125" s="53"/>
      <c r="AM2125" s="53"/>
      <c r="AN2125" s="53"/>
      <c r="AO2125" s="53"/>
      <c r="AP2125" s="53"/>
      <c r="AQ2125" s="53"/>
      <c r="AR2125" s="53"/>
      <c r="AS2125" s="53"/>
      <c r="AT2125" s="53"/>
      <c r="AU2125" s="53"/>
      <c r="AV2125" s="53"/>
      <c r="AW2125" s="53"/>
      <c r="AX2125" s="53"/>
      <c r="AY2125" s="53"/>
      <c r="AZ2125" s="53"/>
      <c r="BA2125" s="53"/>
      <c r="BB2125" s="53"/>
      <c r="BC2125" s="53"/>
      <c r="BD2125" s="53"/>
      <c r="BE2125" s="53"/>
      <c r="BF2125" s="53"/>
      <c r="BG2125" s="53"/>
      <c r="BH2125" s="53"/>
      <c r="BI2125" s="53"/>
      <c r="BJ2125" s="53"/>
      <c r="BK2125" s="53"/>
      <c r="BL2125" s="53"/>
      <c r="BM2125" s="53"/>
      <c r="BN2125" s="53"/>
      <c r="BO2125" s="53"/>
      <c r="BP2125" s="53"/>
      <c r="BQ2125" s="53"/>
      <c r="BR2125" s="53"/>
      <c r="BS2125" s="53"/>
      <c r="BT2125" s="53"/>
      <c r="BU2125" s="53"/>
      <c r="BV2125" s="53"/>
      <c r="BW2125" s="53"/>
      <c r="BX2125" s="53"/>
      <c r="BY2125" s="53"/>
      <c r="BZ2125" s="53"/>
      <c r="CA2125" s="53"/>
      <c r="CB2125" s="53">
        <v>0</v>
      </c>
      <c r="CC2125" s="53">
        <v>0</v>
      </c>
      <c r="CD2125" s="53">
        <v>0</v>
      </c>
      <c r="CE2125" s="53">
        <v>0</v>
      </c>
      <c r="CF2125" s="53">
        <v>0</v>
      </c>
      <c r="CG2125" s="53">
        <v>0</v>
      </c>
      <c r="CH2125" s="53">
        <v>0</v>
      </c>
      <c r="CI2125" s="53">
        <v>0</v>
      </c>
      <c r="CJ2125" s="53">
        <v>0</v>
      </c>
      <c r="CK2125" s="53">
        <v>0</v>
      </c>
      <c r="CL2125" s="53">
        <v>0</v>
      </c>
      <c r="CM2125" s="53">
        <v>0</v>
      </c>
      <c r="CN2125" s="53">
        <v>0</v>
      </c>
    </row>
    <row r="2126" spans="1:92" outlineLevel="1">
      <c r="A2126" s="52" t="s">
        <v>1579</v>
      </c>
      <c r="B2126" s="53"/>
      <c r="C2126" s="53"/>
      <c r="D2126" s="53"/>
      <c r="E2126" s="53"/>
      <c r="F2126" s="53"/>
      <c r="G2126" s="53"/>
      <c r="H2126" s="53"/>
      <c r="I2126" s="53"/>
      <c r="J2126" s="53"/>
      <c r="K2126" s="53"/>
      <c r="L2126" s="53"/>
      <c r="M2126" s="53"/>
      <c r="N2126" s="53"/>
      <c r="O2126" s="53"/>
      <c r="P2126" s="53"/>
      <c r="Q2126" s="53"/>
      <c r="R2126" s="53"/>
      <c r="S2126" s="53"/>
      <c r="T2126" s="53"/>
      <c r="U2126" s="53"/>
      <c r="V2126" s="53"/>
      <c r="W2126" s="53"/>
      <c r="X2126" s="53"/>
      <c r="Y2126" s="53"/>
      <c r="Z2126" s="53"/>
      <c r="AA2126" s="53"/>
      <c r="AB2126" s="53"/>
      <c r="AC2126" s="53"/>
      <c r="AD2126" s="53"/>
      <c r="AE2126" s="53"/>
      <c r="AF2126" s="53"/>
      <c r="AG2126" s="53"/>
      <c r="AH2126" s="53"/>
      <c r="AI2126" s="53"/>
      <c r="AJ2126" s="53"/>
      <c r="AK2126" s="53"/>
      <c r="AL2126" s="53"/>
      <c r="AM2126" s="53"/>
      <c r="AN2126" s="53"/>
      <c r="AO2126" s="53"/>
      <c r="AP2126" s="53"/>
      <c r="AQ2126" s="53"/>
      <c r="AR2126" s="53"/>
      <c r="AS2126" s="53"/>
      <c r="AT2126" s="53"/>
      <c r="AU2126" s="53"/>
      <c r="AV2126" s="53"/>
      <c r="AW2126" s="53"/>
      <c r="AX2126" s="53"/>
      <c r="AY2126" s="53"/>
      <c r="AZ2126" s="53"/>
      <c r="BA2126" s="53"/>
      <c r="BB2126" s="53"/>
      <c r="BC2126" s="53"/>
      <c r="BD2126" s="53"/>
      <c r="BE2126" s="53"/>
      <c r="BF2126" s="53"/>
      <c r="BG2126" s="53"/>
      <c r="BH2126" s="53"/>
      <c r="BI2126" s="53"/>
      <c r="BJ2126" s="53"/>
      <c r="BK2126" s="53"/>
      <c r="BL2126" s="53"/>
      <c r="BM2126" s="53"/>
      <c r="BN2126" s="53"/>
      <c r="BO2126" s="53"/>
      <c r="BP2126" s="53"/>
      <c r="BQ2126" s="53"/>
      <c r="BR2126" s="53"/>
      <c r="BS2126" s="53"/>
      <c r="BT2126" s="53"/>
      <c r="BU2126" s="53"/>
      <c r="BV2126" s="53"/>
      <c r="BW2126" s="53"/>
      <c r="BX2126" s="53"/>
      <c r="BY2126" s="53"/>
      <c r="BZ2126" s="53"/>
      <c r="CA2126" s="53"/>
      <c r="CB2126" s="53">
        <v>0</v>
      </c>
      <c r="CC2126" s="53">
        <v>0</v>
      </c>
      <c r="CD2126" s="53">
        <v>0</v>
      </c>
      <c r="CE2126" s="53">
        <v>0</v>
      </c>
      <c r="CF2126" s="53">
        <v>0</v>
      </c>
      <c r="CG2126" s="53">
        <v>0</v>
      </c>
      <c r="CH2126" s="53">
        <v>0</v>
      </c>
      <c r="CI2126" s="53">
        <v>0</v>
      </c>
      <c r="CJ2126" s="53">
        <v>0</v>
      </c>
      <c r="CK2126" s="53">
        <v>0</v>
      </c>
      <c r="CL2126" s="53">
        <v>0</v>
      </c>
      <c r="CM2126" s="53">
        <v>0</v>
      </c>
      <c r="CN2126" s="53">
        <v>0</v>
      </c>
    </row>
    <row r="2127" spans="1:92" outlineLevel="1">
      <c r="A2127" s="52" t="s">
        <v>711</v>
      </c>
      <c r="B2127" s="53"/>
      <c r="C2127" s="53"/>
      <c r="D2127" s="53"/>
      <c r="E2127" s="53"/>
      <c r="F2127" s="53"/>
      <c r="G2127" s="53"/>
      <c r="H2127" s="53"/>
      <c r="I2127" s="53"/>
      <c r="J2127" s="53"/>
      <c r="K2127" s="53"/>
      <c r="L2127" s="53"/>
      <c r="M2127" s="53"/>
      <c r="N2127" s="53"/>
      <c r="O2127" s="53"/>
      <c r="P2127" s="53"/>
      <c r="Q2127" s="53"/>
      <c r="R2127" s="53"/>
      <c r="S2127" s="53"/>
      <c r="T2127" s="53"/>
      <c r="U2127" s="53"/>
      <c r="V2127" s="53"/>
      <c r="W2127" s="53"/>
      <c r="X2127" s="53"/>
      <c r="Y2127" s="53"/>
      <c r="Z2127" s="53"/>
      <c r="AA2127" s="53"/>
      <c r="AB2127" s="53"/>
      <c r="AC2127" s="53"/>
      <c r="AD2127" s="53"/>
      <c r="AE2127" s="53"/>
      <c r="AF2127" s="53"/>
      <c r="AG2127" s="53"/>
      <c r="AH2127" s="53"/>
      <c r="AI2127" s="53"/>
      <c r="AJ2127" s="53"/>
      <c r="AK2127" s="53"/>
      <c r="AL2127" s="53"/>
      <c r="AM2127" s="53"/>
      <c r="AN2127" s="53"/>
      <c r="AO2127" s="53"/>
      <c r="AP2127" s="53"/>
      <c r="AQ2127" s="53"/>
      <c r="AR2127" s="53"/>
      <c r="AS2127" s="53"/>
      <c r="AT2127" s="53"/>
      <c r="AU2127" s="53"/>
      <c r="AV2127" s="53"/>
      <c r="AW2127" s="53"/>
      <c r="AX2127" s="53"/>
      <c r="AY2127" s="53"/>
      <c r="AZ2127" s="53"/>
      <c r="BA2127" s="53"/>
      <c r="BB2127" s="53"/>
      <c r="BC2127" s="53"/>
      <c r="BD2127" s="53"/>
      <c r="BE2127" s="53"/>
      <c r="BF2127" s="53"/>
      <c r="BG2127" s="53"/>
      <c r="BH2127" s="53"/>
      <c r="BI2127" s="53"/>
      <c r="BJ2127" s="53"/>
      <c r="BK2127" s="53"/>
      <c r="BL2127" s="53"/>
      <c r="BM2127" s="53"/>
      <c r="BN2127" s="53"/>
      <c r="BO2127" s="53"/>
      <c r="BP2127" s="53"/>
      <c r="BQ2127" s="53"/>
      <c r="BR2127" s="53"/>
      <c r="BS2127" s="53"/>
      <c r="BT2127" s="53"/>
      <c r="BU2127" s="53"/>
      <c r="BV2127" s="53"/>
      <c r="BW2127" s="53"/>
      <c r="BX2127" s="53"/>
      <c r="BY2127" s="53"/>
      <c r="BZ2127" s="53"/>
      <c r="CA2127" s="53"/>
      <c r="CB2127" s="53">
        <v>0</v>
      </c>
      <c r="CC2127" s="53">
        <v>0</v>
      </c>
      <c r="CD2127" s="53">
        <v>0</v>
      </c>
      <c r="CE2127" s="53">
        <v>0</v>
      </c>
      <c r="CF2127" s="53">
        <v>0</v>
      </c>
      <c r="CG2127" s="53">
        <v>0</v>
      </c>
      <c r="CH2127" s="53">
        <v>0</v>
      </c>
      <c r="CI2127" s="53">
        <v>0</v>
      </c>
      <c r="CJ2127" s="53">
        <v>0</v>
      </c>
      <c r="CK2127" s="53">
        <v>0</v>
      </c>
      <c r="CL2127" s="53">
        <v>0</v>
      </c>
      <c r="CM2127" s="53">
        <v>0</v>
      </c>
      <c r="CN2127" s="53">
        <v>0</v>
      </c>
    </row>
    <row r="2128" spans="1:92" outlineLevel="1">
      <c r="A2128" s="52" t="s">
        <v>723</v>
      </c>
      <c r="B2128" s="53"/>
      <c r="C2128" s="53"/>
      <c r="D2128" s="53"/>
      <c r="E2128" s="53"/>
      <c r="F2128" s="53"/>
      <c r="G2128" s="53"/>
      <c r="H2128" s="53"/>
      <c r="I2128" s="53"/>
      <c r="J2128" s="53"/>
      <c r="K2128" s="53"/>
      <c r="L2128" s="53"/>
      <c r="M2128" s="53"/>
      <c r="N2128" s="53"/>
      <c r="O2128" s="53"/>
      <c r="P2128" s="53"/>
      <c r="Q2128" s="53"/>
      <c r="R2128" s="53"/>
      <c r="S2128" s="53"/>
      <c r="T2128" s="53"/>
      <c r="U2128" s="53"/>
      <c r="V2128" s="53"/>
      <c r="W2128" s="53"/>
      <c r="X2128" s="53"/>
      <c r="Y2128" s="53"/>
      <c r="Z2128" s="53"/>
      <c r="AA2128" s="53"/>
      <c r="AB2128" s="53"/>
      <c r="AC2128" s="53"/>
      <c r="AD2128" s="53"/>
      <c r="AE2128" s="53"/>
      <c r="AF2128" s="53"/>
      <c r="AG2128" s="53"/>
      <c r="AH2128" s="53"/>
      <c r="AI2128" s="53"/>
      <c r="AJ2128" s="53"/>
      <c r="AK2128" s="53"/>
      <c r="AL2128" s="53"/>
      <c r="AM2128" s="53"/>
      <c r="AN2128" s="53"/>
      <c r="AO2128" s="53"/>
      <c r="AP2128" s="53"/>
      <c r="AQ2128" s="53"/>
      <c r="AR2128" s="53"/>
      <c r="AS2128" s="53"/>
      <c r="AT2128" s="53"/>
      <c r="AU2128" s="53"/>
      <c r="AV2128" s="53"/>
      <c r="AW2128" s="53"/>
      <c r="AX2128" s="53"/>
      <c r="AY2128" s="53"/>
      <c r="AZ2128" s="53"/>
      <c r="BA2128" s="53"/>
      <c r="BB2128" s="53"/>
      <c r="BC2128" s="53"/>
      <c r="BD2128" s="53"/>
      <c r="BE2128" s="53"/>
      <c r="BF2128" s="53"/>
      <c r="BG2128" s="53"/>
      <c r="BH2128" s="53"/>
      <c r="BI2128" s="53"/>
      <c r="BJ2128" s="53"/>
      <c r="BK2128" s="53"/>
      <c r="BL2128" s="53"/>
      <c r="BM2128" s="53"/>
      <c r="BN2128" s="53"/>
      <c r="BO2128" s="53">
        <v>-650000000</v>
      </c>
      <c r="BP2128" s="53"/>
      <c r="BQ2128" s="53"/>
      <c r="BR2128" s="53"/>
      <c r="BS2128" s="53"/>
      <c r="BT2128" s="53"/>
      <c r="BU2128" s="53"/>
      <c r="BV2128" s="53"/>
      <c r="BW2128" s="53"/>
      <c r="BX2128" s="53"/>
      <c r="BY2128" s="53"/>
      <c r="BZ2128" s="53"/>
      <c r="CA2128" s="53">
        <v>-650000000</v>
      </c>
      <c r="CB2128" s="53">
        <v>0</v>
      </c>
      <c r="CC2128" s="53">
        <v>0</v>
      </c>
      <c r="CD2128" s="53">
        <v>0</v>
      </c>
      <c r="CE2128" s="53">
        <v>0</v>
      </c>
      <c r="CF2128" s="53">
        <v>0</v>
      </c>
      <c r="CG2128" s="53">
        <v>0</v>
      </c>
      <c r="CH2128" s="53">
        <v>0</v>
      </c>
      <c r="CI2128" s="53">
        <v>0</v>
      </c>
      <c r="CJ2128" s="53">
        <v>0</v>
      </c>
      <c r="CK2128" s="53">
        <v>0</v>
      </c>
      <c r="CL2128" s="53">
        <v>0</v>
      </c>
      <c r="CM2128" s="53">
        <v>0</v>
      </c>
      <c r="CN2128" s="53">
        <v>0</v>
      </c>
    </row>
    <row r="2129" spans="1:92" outlineLevel="1">
      <c r="A2129" s="52" t="s">
        <v>725</v>
      </c>
      <c r="B2129" s="53"/>
      <c r="C2129" s="53"/>
      <c r="D2129" s="53"/>
      <c r="E2129" s="53"/>
      <c r="F2129" s="53"/>
      <c r="G2129" s="53"/>
      <c r="H2129" s="53"/>
      <c r="I2129" s="53"/>
      <c r="J2129" s="53"/>
      <c r="K2129" s="53"/>
      <c r="L2129" s="53"/>
      <c r="M2129" s="53"/>
      <c r="N2129" s="53"/>
      <c r="O2129" s="53"/>
      <c r="P2129" s="53"/>
      <c r="Q2129" s="53"/>
      <c r="R2129" s="53"/>
      <c r="S2129" s="53"/>
      <c r="T2129" s="53"/>
      <c r="U2129" s="53"/>
      <c r="V2129" s="53"/>
      <c r="W2129" s="53"/>
      <c r="X2129" s="53"/>
      <c r="Y2129" s="53"/>
      <c r="Z2129" s="53"/>
      <c r="AA2129" s="53"/>
      <c r="AB2129" s="53"/>
      <c r="AC2129" s="53"/>
      <c r="AD2129" s="53"/>
      <c r="AE2129" s="53"/>
      <c r="AF2129" s="53"/>
      <c r="AG2129" s="53"/>
      <c r="AH2129" s="53"/>
      <c r="AI2129" s="53"/>
      <c r="AJ2129" s="53"/>
      <c r="AK2129" s="53"/>
      <c r="AL2129" s="53"/>
      <c r="AM2129" s="53"/>
      <c r="AN2129" s="53"/>
      <c r="AO2129" s="53"/>
      <c r="AP2129" s="53"/>
      <c r="AQ2129" s="53"/>
      <c r="AR2129" s="53"/>
      <c r="AS2129" s="53"/>
      <c r="AT2129" s="53"/>
      <c r="AU2129" s="53"/>
      <c r="AV2129" s="53"/>
      <c r="AW2129" s="53"/>
      <c r="AX2129" s="53"/>
      <c r="AY2129" s="53"/>
      <c r="AZ2129" s="53"/>
      <c r="BA2129" s="53"/>
      <c r="BB2129" s="53"/>
      <c r="BC2129" s="53"/>
      <c r="BD2129" s="53"/>
      <c r="BE2129" s="53"/>
      <c r="BF2129" s="53"/>
      <c r="BG2129" s="53"/>
      <c r="BH2129" s="53"/>
      <c r="BI2129" s="53"/>
      <c r="BJ2129" s="53"/>
      <c r="BK2129" s="53"/>
      <c r="BL2129" s="53"/>
      <c r="BM2129" s="53"/>
      <c r="BN2129" s="53"/>
      <c r="BO2129" s="53"/>
      <c r="BP2129" s="53"/>
      <c r="BQ2129" s="53"/>
      <c r="BR2129" s="53"/>
      <c r="BS2129" s="53"/>
      <c r="BT2129" s="53"/>
      <c r="BU2129" s="53"/>
      <c r="BV2129" s="53"/>
      <c r="BW2129" s="53"/>
      <c r="BX2129" s="53"/>
      <c r="BY2129" s="53"/>
      <c r="BZ2129" s="53"/>
      <c r="CA2129" s="53"/>
      <c r="CB2129" s="53">
        <v>0</v>
      </c>
      <c r="CC2129" s="53">
        <v>0</v>
      </c>
      <c r="CD2129" s="53">
        <v>0</v>
      </c>
      <c r="CE2129" s="53">
        <v>0</v>
      </c>
      <c r="CF2129" s="53">
        <v>0</v>
      </c>
      <c r="CG2129" s="53">
        <v>0</v>
      </c>
      <c r="CH2129" s="53">
        <v>0</v>
      </c>
      <c r="CI2129" s="53">
        <v>0</v>
      </c>
      <c r="CJ2129" s="53">
        <v>0</v>
      </c>
      <c r="CK2129" s="53">
        <v>0</v>
      </c>
      <c r="CL2129" s="53">
        <v>0</v>
      </c>
      <c r="CM2129" s="53">
        <v>0</v>
      </c>
      <c r="CN2129" s="53">
        <v>0</v>
      </c>
    </row>
    <row r="2130" spans="1:92" outlineLevel="1">
      <c r="A2130" s="52" t="s">
        <v>1564</v>
      </c>
      <c r="B2130" s="53"/>
      <c r="C2130" s="53"/>
      <c r="D2130" s="53"/>
      <c r="E2130" s="53"/>
      <c r="F2130" s="53"/>
      <c r="G2130" s="53"/>
      <c r="H2130" s="53"/>
      <c r="I2130" s="53"/>
      <c r="J2130" s="53"/>
      <c r="K2130" s="53"/>
      <c r="L2130" s="53"/>
      <c r="M2130" s="53"/>
      <c r="N2130" s="53"/>
      <c r="O2130" s="53"/>
      <c r="P2130" s="53"/>
      <c r="Q2130" s="53"/>
      <c r="R2130" s="53"/>
      <c r="S2130" s="53"/>
      <c r="T2130" s="53"/>
      <c r="U2130" s="53"/>
      <c r="V2130" s="53"/>
      <c r="W2130" s="53"/>
      <c r="X2130" s="53"/>
      <c r="Y2130" s="53"/>
      <c r="Z2130" s="53"/>
      <c r="AA2130" s="53"/>
      <c r="AB2130" s="53"/>
      <c r="AC2130" s="53"/>
      <c r="AD2130" s="53"/>
      <c r="AE2130" s="53">
        <v>-800000000</v>
      </c>
      <c r="AF2130" s="53"/>
      <c r="AG2130" s="53"/>
      <c r="AH2130" s="53"/>
      <c r="AI2130" s="53"/>
      <c r="AJ2130" s="53"/>
      <c r="AK2130" s="53"/>
      <c r="AL2130" s="53"/>
      <c r="AM2130" s="53"/>
      <c r="AN2130" s="53">
        <v>-800000000</v>
      </c>
      <c r="AO2130" s="53"/>
      <c r="AP2130" s="53"/>
      <c r="AQ2130" s="53"/>
      <c r="AR2130" s="53"/>
      <c r="AS2130" s="53"/>
      <c r="AT2130" s="53"/>
      <c r="AU2130" s="53"/>
      <c r="AV2130" s="53"/>
      <c r="AW2130" s="53"/>
      <c r="AX2130" s="53"/>
      <c r="AY2130" s="53"/>
      <c r="AZ2130" s="53"/>
      <c r="BA2130" s="53"/>
      <c r="BB2130" s="53"/>
      <c r="BC2130" s="53"/>
      <c r="BD2130" s="53"/>
      <c r="BE2130" s="53"/>
      <c r="BF2130" s="53"/>
      <c r="BG2130" s="53"/>
      <c r="BH2130" s="53"/>
      <c r="BI2130" s="53"/>
      <c r="BJ2130" s="53"/>
      <c r="BK2130" s="53"/>
      <c r="BL2130" s="53"/>
      <c r="BM2130" s="53"/>
      <c r="BN2130" s="53"/>
      <c r="BO2130" s="53"/>
      <c r="BP2130" s="53"/>
      <c r="BQ2130" s="53"/>
      <c r="BR2130" s="53"/>
      <c r="BS2130" s="53"/>
      <c r="BT2130" s="53"/>
      <c r="BU2130" s="53"/>
      <c r="BV2130" s="53"/>
      <c r="BW2130" s="53"/>
      <c r="BX2130" s="53"/>
      <c r="BY2130" s="53"/>
      <c r="BZ2130" s="53"/>
      <c r="CA2130" s="53"/>
      <c r="CB2130" s="53">
        <v>0</v>
      </c>
      <c r="CC2130" s="53">
        <v>0</v>
      </c>
      <c r="CD2130" s="53">
        <v>0</v>
      </c>
      <c r="CE2130" s="53">
        <v>0</v>
      </c>
      <c r="CF2130" s="53">
        <v>0</v>
      </c>
      <c r="CG2130" s="53">
        <v>0</v>
      </c>
      <c r="CH2130" s="53">
        <v>0</v>
      </c>
      <c r="CI2130" s="53">
        <v>0</v>
      </c>
      <c r="CJ2130" s="53">
        <v>0</v>
      </c>
      <c r="CK2130" s="53">
        <v>0</v>
      </c>
      <c r="CL2130" s="53">
        <v>0</v>
      </c>
      <c r="CM2130" s="53">
        <v>0</v>
      </c>
      <c r="CN2130" s="53">
        <v>0</v>
      </c>
    </row>
    <row r="2131" spans="1:92" outlineLevel="1">
      <c r="A2131" s="52" t="s">
        <v>1593</v>
      </c>
      <c r="B2131" s="53"/>
      <c r="C2131" s="53"/>
      <c r="D2131" s="53"/>
      <c r="E2131" s="53"/>
      <c r="F2131" s="53"/>
      <c r="G2131" s="53"/>
      <c r="H2131" s="53"/>
      <c r="I2131" s="53"/>
      <c r="J2131" s="53"/>
      <c r="K2131" s="53"/>
      <c r="L2131" s="53"/>
      <c r="M2131" s="53"/>
      <c r="N2131" s="53"/>
      <c r="O2131" s="53"/>
      <c r="P2131" s="53"/>
      <c r="Q2131" s="53"/>
      <c r="R2131" s="53"/>
      <c r="S2131" s="53"/>
      <c r="T2131" s="53"/>
      <c r="U2131" s="53"/>
      <c r="V2131" s="53"/>
      <c r="W2131" s="53"/>
      <c r="X2131" s="53"/>
      <c r="Y2131" s="53"/>
      <c r="Z2131" s="53"/>
      <c r="AA2131" s="53"/>
      <c r="AB2131" s="53"/>
      <c r="AC2131" s="53"/>
      <c r="AD2131" s="53"/>
      <c r="AE2131" s="53"/>
      <c r="AF2131" s="53"/>
      <c r="AG2131" s="53"/>
      <c r="AH2131" s="53"/>
      <c r="AI2131" s="53"/>
      <c r="AJ2131" s="53"/>
      <c r="AK2131" s="53"/>
      <c r="AL2131" s="53"/>
      <c r="AM2131" s="53"/>
      <c r="AN2131" s="53"/>
      <c r="AO2131" s="53"/>
      <c r="AP2131" s="53"/>
      <c r="AQ2131" s="53"/>
      <c r="AR2131" s="53"/>
      <c r="AS2131" s="53"/>
      <c r="AT2131" s="53"/>
      <c r="AU2131" s="53"/>
      <c r="AV2131" s="53"/>
      <c r="AW2131" s="53"/>
      <c r="AX2131" s="53"/>
      <c r="AY2131" s="53"/>
      <c r="AZ2131" s="53"/>
      <c r="BA2131" s="53"/>
      <c r="BB2131" s="53"/>
      <c r="BC2131" s="53"/>
      <c r="BD2131" s="53"/>
      <c r="BE2131" s="53"/>
      <c r="BF2131" s="53"/>
      <c r="BG2131" s="53"/>
      <c r="BH2131" s="53"/>
      <c r="BI2131" s="53"/>
      <c r="BJ2131" s="53"/>
      <c r="BK2131" s="53"/>
      <c r="BL2131" s="53"/>
      <c r="BM2131" s="53"/>
      <c r="BN2131" s="53"/>
      <c r="BO2131" s="53"/>
      <c r="BP2131" s="53"/>
      <c r="BQ2131" s="53"/>
      <c r="BR2131" s="53"/>
      <c r="BS2131" s="53"/>
      <c r="BT2131" s="53"/>
      <c r="BU2131" s="53"/>
      <c r="BV2131" s="53"/>
      <c r="BW2131" s="53"/>
      <c r="BX2131" s="53"/>
      <c r="BY2131" s="53"/>
      <c r="BZ2131" s="53"/>
      <c r="CA2131" s="53"/>
      <c r="CB2131" s="53">
        <v>0</v>
      </c>
      <c r="CC2131" s="53">
        <v>0</v>
      </c>
      <c r="CD2131" s="53">
        <v>0</v>
      </c>
      <c r="CE2131" s="53">
        <v>0</v>
      </c>
      <c r="CF2131" s="53">
        <v>0</v>
      </c>
      <c r="CG2131" s="53">
        <v>0</v>
      </c>
      <c r="CH2131" s="53">
        <v>0</v>
      </c>
      <c r="CI2131" s="53">
        <v>0</v>
      </c>
      <c r="CJ2131" s="53">
        <v>0</v>
      </c>
      <c r="CK2131" s="53">
        <v>0</v>
      </c>
      <c r="CL2131" s="53">
        <v>0</v>
      </c>
      <c r="CM2131" s="53">
        <v>0</v>
      </c>
      <c r="CN2131" s="53">
        <v>0</v>
      </c>
    </row>
    <row r="2132" spans="1:92" outlineLevel="1">
      <c r="A2132" s="52" t="s">
        <v>711</v>
      </c>
      <c r="B2132" s="53">
        <v>-15351.524590163899</v>
      </c>
      <c r="C2132" s="53">
        <v>-15351.524590163899</v>
      </c>
      <c r="D2132" s="53">
        <v>-15351.524590163899</v>
      </c>
      <c r="E2132" s="53">
        <v>-15351.524590163899</v>
      </c>
      <c r="F2132" s="53">
        <v>-15351.524590163899</v>
      </c>
      <c r="G2132" s="53">
        <v>-15351.524590163899</v>
      </c>
      <c r="H2132" s="53">
        <v>-15351.524590163899</v>
      </c>
      <c r="I2132" s="53">
        <v>-15351.524590163899</v>
      </c>
      <c r="J2132" s="53">
        <v>-15351.524590163899</v>
      </c>
      <c r="K2132" s="53">
        <v>-15351.524590163899</v>
      </c>
      <c r="L2132" s="53">
        <v>-15351.524590163899</v>
      </c>
      <c r="M2132" s="53">
        <v>-15351.524590163899</v>
      </c>
      <c r="N2132" s="53">
        <v>-184218.29508196699</v>
      </c>
      <c r="O2132" s="53">
        <v>-15351.524590163899</v>
      </c>
      <c r="P2132" s="53">
        <v>-15351.524590163899</v>
      </c>
      <c r="Q2132" s="53">
        <v>-15351.524590163899</v>
      </c>
      <c r="R2132" s="53">
        <v>-15351.524590163899</v>
      </c>
      <c r="S2132" s="53">
        <v>-15351.524590163899</v>
      </c>
      <c r="T2132" s="53">
        <v>-15351.524590163899</v>
      </c>
      <c r="U2132" s="53">
        <v>-15351.524590163899</v>
      </c>
      <c r="V2132" s="53">
        <v>-15351.524590163899</v>
      </c>
      <c r="W2132" s="53">
        <v>-15351.524590163899</v>
      </c>
      <c r="X2132" s="53">
        <v>-15351.524590163899</v>
      </c>
      <c r="Y2132" s="53">
        <v>-15351.524590163899</v>
      </c>
      <c r="Z2132" s="53">
        <v>-15351.524590163899</v>
      </c>
      <c r="AA2132" s="53">
        <v>-184218.29508196699</v>
      </c>
      <c r="AB2132" s="53">
        <v>-15351.524590163899</v>
      </c>
      <c r="AC2132" s="53">
        <v>-15351.524590163899</v>
      </c>
      <c r="AD2132" s="53">
        <v>-15351.524590163899</v>
      </c>
      <c r="AE2132" s="53">
        <v>-15351.524590163899</v>
      </c>
      <c r="AF2132" s="53">
        <v>-15351.524590163899</v>
      </c>
      <c r="AG2132" s="53">
        <v>-15351.524590163899</v>
      </c>
      <c r="AH2132" s="53">
        <v>-15351.524590163899</v>
      </c>
      <c r="AI2132" s="53">
        <v>-15351.524590163899</v>
      </c>
      <c r="AJ2132" s="53">
        <v>-15351.524590163899</v>
      </c>
      <c r="AK2132" s="53">
        <v>-15351.524590163899</v>
      </c>
      <c r="AL2132" s="53">
        <v>-15351.524590163899</v>
      </c>
      <c r="AM2132" s="53">
        <v>-15351.524590163899</v>
      </c>
      <c r="AN2132" s="53">
        <v>-184218.29508196699</v>
      </c>
      <c r="AO2132" s="53">
        <v>-15351.524590163899</v>
      </c>
      <c r="AP2132" s="53">
        <v>-15351.524590163899</v>
      </c>
      <c r="AQ2132" s="53">
        <v>-15351.524590163899</v>
      </c>
      <c r="AR2132" s="53">
        <v>-15351.524590163899</v>
      </c>
      <c r="AS2132" s="53">
        <v>-15351.524590163899</v>
      </c>
      <c r="AT2132" s="53">
        <v>-15351.524590163899</v>
      </c>
      <c r="AU2132" s="53">
        <v>-15351.524590163899</v>
      </c>
      <c r="AV2132" s="53">
        <v>-15351.524590163899</v>
      </c>
      <c r="AW2132" s="53">
        <v>-15351.524590163899</v>
      </c>
      <c r="AX2132" s="53">
        <v>-15351.524590163899</v>
      </c>
      <c r="AY2132" s="53">
        <v>-15351.524590163899</v>
      </c>
      <c r="AZ2132" s="53">
        <v>-15351.524590163899</v>
      </c>
      <c r="BA2132" s="53">
        <v>-184218.29508196699</v>
      </c>
      <c r="BB2132" s="53">
        <v>-15351.524590163899</v>
      </c>
      <c r="BC2132" s="53">
        <v>-15351.524590163899</v>
      </c>
      <c r="BD2132" s="53">
        <v>-15351.524590163899</v>
      </c>
      <c r="BE2132" s="53">
        <v>-15351.524590163899</v>
      </c>
      <c r="BF2132" s="53">
        <v>-15351.524590163899</v>
      </c>
      <c r="BG2132" s="53">
        <v>-15351.524590163899</v>
      </c>
      <c r="BH2132" s="53">
        <v>-15351.524590163899</v>
      </c>
      <c r="BI2132" s="53">
        <v>-15351.524590163899</v>
      </c>
      <c r="BJ2132" s="53">
        <v>-15351.524590163899</v>
      </c>
      <c r="BK2132" s="53">
        <v>-15351.524590163899</v>
      </c>
      <c r="BL2132" s="53">
        <v>-15351.524590163899</v>
      </c>
      <c r="BM2132" s="53">
        <v>-15351.524590163899</v>
      </c>
      <c r="BN2132" s="53">
        <v>-184218.29508196699</v>
      </c>
      <c r="BO2132" s="53">
        <v>-15351.524590163899</v>
      </c>
      <c r="BP2132" s="53"/>
      <c r="BQ2132" s="53"/>
      <c r="BR2132" s="53"/>
      <c r="BS2132" s="53"/>
      <c r="BT2132" s="53"/>
      <c r="BU2132" s="53"/>
      <c r="BV2132" s="53"/>
      <c r="BW2132" s="53"/>
      <c r="BX2132" s="53"/>
      <c r="BY2132" s="53"/>
      <c r="BZ2132" s="53"/>
      <c r="CA2132" s="53">
        <v>-15351.524590163899</v>
      </c>
      <c r="CB2132" s="53"/>
      <c r="CC2132" s="53"/>
      <c r="CD2132" s="53"/>
      <c r="CE2132" s="53"/>
      <c r="CF2132" s="53"/>
      <c r="CG2132" s="53"/>
      <c r="CH2132" s="53"/>
      <c r="CI2132" s="53"/>
      <c r="CJ2132" s="53"/>
      <c r="CK2132" s="53"/>
      <c r="CL2132" s="53"/>
      <c r="CM2132" s="53"/>
      <c r="CN2132" s="53"/>
    </row>
    <row r="2133" spans="1:92" outlineLevel="1">
      <c r="A2133" s="52" t="s">
        <v>712</v>
      </c>
      <c r="B2133" s="53">
        <v>-8310.1065573770393</v>
      </c>
      <c r="C2133" s="53">
        <v>-8310.1065573770393</v>
      </c>
      <c r="D2133" s="53">
        <v>-8310.1065573770393</v>
      </c>
      <c r="E2133" s="53">
        <v>-8310.1065573770393</v>
      </c>
      <c r="F2133" s="53">
        <v>-8310.1065573770502</v>
      </c>
      <c r="G2133" s="53">
        <v>-8310.1065573770502</v>
      </c>
      <c r="H2133" s="53">
        <v>-8310.1065573770502</v>
      </c>
      <c r="I2133" s="53">
        <v>-8310.1065573770502</v>
      </c>
      <c r="J2133" s="53">
        <v>-8310.1065573770502</v>
      </c>
      <c r="K2133" s="53">
        <v>-8310.1065573770502</v>
      </c>
      <c r="L2133" s="53">
        <v>-8310.1065573770502</v>
      </c>
      <c r="M2133" s="53">
        <v>-8310.1065573770502</v>
      </c>
      <c r="N2133" s="53">
        <v>-99721.278688524602</v>
      </c>
      <c r="O2133" s="53">
        <v>-8310.1065573770502</v>
      </c>
      <c r="P2133" s="53">
        <v>-8310.1065573770502</v>
      </c>
      <c r="Q2133" s="53">
        <v>-8310.1065573770502</v>
      </c>
      <c r="R2133" s="53">
        <v>-8310.1065573770502</v>
      </c>
      <c r="S2133" s="53">
        <v>-8310.1065573770502</v>
      </c>
      <c r="T2133" s="53">
        <v>-8310.1065573770502</v>
      </c>
      <c r="U2133" s="53">
        <v>-8310.1065573770502</v>
      </c>
      <c r="V2133" s="53">
        <v>-8310.1065573770502</v>
      </c>
      <c r="W2133" s="53">
        <v>-8310.1065573770502</v>
      </c>
      <c r="X2133" s="53">
        <v>-8310.1065573770502</v>
      </c>
      <c r="Y2133" s="53">
        <v>-8310.1065573770502</v>
      </c>
      <c r="Z2133" s="53">
        <v>-8310.1065573770502</v>
      </c>
      <c r="AA2133" s="53">
        <v>-99721.278688524602</v>
      </c>
      <c r="AB2133" s="53">
        <v>-8310.1065573770502</v>
      </c>
      <c r="AC2133" s="53">
        <v>-8310.1065573770502</v>
      </c>
      <c r="AD2133" s="53">
        <v>-8310.1065573770502</v>
      </c>
      <c r="AE2133" s="53">
        <v>-8310.1065573770502</v>
      </c>
      <c r="AF2133" s="53">
        <v>-8310.1065573770502</v>
      </c>
      <c r="AG2133" s="53">
        <v>-8310.1065573770502</v>
      </c>
      <c r="AH2133" s="53">
        <v>-8310.1065573770502</v>
      </c>
      <c r="AI2133" s="53">
        <v>-8310.1065573770502</v>
      </c>
      <c r="AJ2133" s="53">
        <v>-8310.1065573770502</v>
      </c>
      <c r="AK2133" s="53">
        <v>-8310.1065573770502</v>
      </c>
      <c r="AL2133" s="53">
        <v>-8310.1065573770502</v>
      </c>
      <c r="AM2133" s="53">
        <v>-8310.1065573770502</v>
      </c>
      <c r="AN2133" s="53">
        <v>-99721.278688524602</v>
      </c>
      <c r="AO2133" s="53">
        <v>-8310.1065573770593</v>
      </c>
      <c r="AP2133" s="53">
        <v>-8310.1065573770593</v>
      </c>
      <c r="AQ2133" s="53">
        <v>-8310.1065573770593</v>
      </c>
      <c r="AR2133" s="53">
        <v>-8310.1065573770593</v>
      </c>
      <c r="AS2133" s="53">
        <v>-8310.1065573770593</v>
      </c>
      <c r="AT2133" s="53">
        <v>-8310.1065573770593</v>
      </c>
      <c r="AU2133" s="53">
        <v>-8310.1065573770593</v>
      </c>
      <c r="AV2133" s="53">
        <v>-8310.1065573770593</v>
      </c>
      <c r="AW2133" s="53">
        <v>-8310.1065573770593</v>
      </c>
      <c r="AX2133" s="53">
        <v>-8310.1065573770593</v>
      </c>
      <c r="AY2133" s="53">
        <v>-8310.1065573770593</v>
      </c>
      <c r="AZ2133" s="53">
        <v>-8310.1065573770593</v>
      </c>
      <c r="BA2133" s="53">
        <v>-99721.278688524704</v>
      </c>
      <c r="BB2133" s="53">
        <v>-8310.1065573770593</v>
      </c>
      <c r="BC2133" s="53">
        <v>-8310.1065573770593</v>
      </c>
      <c r="BD2133" s="53">
        <v>-8310.1065573770593</v>
      </c>
      <c r="BE2133" s="53">
        <v>-8310.1065573770593</v>
      </c>
      <c r="BF2133" s="53">
        <v>-8310.1065573770593</v>
      </c>
      <c r="BG2133" s="53">
        <v>-8310.1065573770593</v>
      </c>
      <c r="BH2133" s="53">
        <v>-8310.1065573770593</v>
      </c>
      <c r="BI2133" s="53">
        <v>-8310.1065573770593</v>
      </c>
      <c r="BJ2133" s="53">
        <v>-8310.1065573770593</v>
      </c>
      <c r="BK2133" s="53">
        <v>-8310.1065573770702</v>
      </c>
      <c r="BL2133" s="53">
        <v>-8310.1065573770702</v>
      </c>
      <c r="BM2133" s="53">
        <v>-8310.1065573770702</v>
      </c>
      <c r="BN2133" s="53">
        <v>-99721.278688524806</v>
      </c>
      <c r="BO2133" s="53">
        <v>-8310.1065573770702</v>
      </c>
      <c r="BP2133" s="53">
        <v>-8310.1065573770702</v>
      </c>
      <c r="BQ2133" s="53">
        <v>-8310.1065573770702</v>
      </c>
      <c r="BR2133" s="53">
        <v>-8310.1065573770702</v>
      </c>
      <c r="BS2133" s="53">
        <v>-8310.1065573770702</v>
      </c>
      <c r="BT2133" s="53">
        <v>-8310.1065573770702</v>
      </c>
      <c r="BU2133" s="53">
        <v>-8310.1065573770702</v>
      </c>
      <c r="BV2133" s="53">
        <v>-8310.1065573770702</v>
      </c>
      <c r="BW2133" s="53">
        <v>-8310.1065573770702</v>
      </c>
      <c r="BX2133" s="53">
        <v>-8310.1065573770702</v>
      </c>
      <c r="BY2133" s="53">
        <v>-8310.1065573770702</v>
      </c>
      <c r="BZ2133" s="53">
        <v>-8310.1065573770593</v>
      </c>
      <c r="CA2133" s="53">
        <v>-99721.278688524806</v>
      </c>
      <c r="CB2133" s="53"/>
      <c r="CC2133" s="53">
        <v>650000000</v>
      </c>
      <c r="CD2133" s="53">
        <v>650000000</v>
      </c>
      <c r="CE2133" s="53">
        <v>650000000</v>
      </c>
      <c r="CF2133" s="53">
        <v>650000000</v>
      </c>
      <c r="CG2133" s="53">
        <v>650000000</v>
      </c>
      <c r="CH2133" s="53">
        <v>650000000</v>
      </c>
      <c r="CI2133" s="53">
        <v>650000000</v>
      </c>
      <c r="CJ2133" s="53">
        <v>650000000</v>
      </c>
      <c r="CK2133" s="53">
        <v>650000000</v>
      </c>
      <c r="CL2133" s="53">
        <v>650000000</v>
      </c>
      <c r="CM2133" s="53">
        <v>650000000</v>
      </c>
      <c r="CN2133" s="53"/>
    </row>
    <row r="2134" spans="1:92" outlineLevel="1">
      <c r="A2134" s="52" t="s">
        <v>713</v>
      </c>
      <c r="B2134" s="53">
        <v>-18632.7082152974</v>
      </c>
      <c r="C2134" s="53">
        <v>-18632.7082152974</v>
      </c>
      <c r="D2134" s="53">
        <v>-18632.7082152974</v>
      </c>
      <c r="E2134" s="53">
        <v>-18632.7082152974</v>
      </c>
      <c r="F2134" s="53">
        <v>-18632.7082152974</v>
      </c>
      <c r="G2134" s="53">
        <v>-18632.7082152974</v>
      </c>
      <c r="H2134" s="53">
        <v>-18632.7082152974</v>
      </c>
      <c r="I2134" s="53">
        <v>-18632.7082152974</v>
      </c>
      <c r="J2134" s="53">
        <v>-18632.7082152974</v>
      </c>
      <c r="K2134" s="53">
        <v>-18632.7082152974</v>
      </c>
      <c r="L2134" s="53">
        <v>-18632.7082152974</v>
      </c>
      <c r="M2134" s="53">
        <v>-18632.7082152974</v>
      </c>
      <c r="N2134" s="53">
        <v>-223592.49858356899</v>
      </c>
      <c r="O2134" s="53">
        <v>-18632.7082152974</v>
      </c>
      <c r="P2134" s="53">
        <v>-18632.7082152974</v>
      </c>
      <c r="Q2134" s="53">
        <v>-18632.7082152974</v>
      </c>
      <c r="R2134" s="53">
        <v>-18632.7082152974</v>
      </c>
      <c r="S2134" s="53">
        <v>-18632.7082152974</v>
      </c>
      <c r="T2134" s="53">
        <v>-18632.7082152974</v>
      </c>
      <c r="U2134" s="53">
        <v>-18632.7082152974</v>
      </c>
      <c r="V2134" s="53">
        <v>-18632.7082152974</v>
      </c>
      <c r="W2134" s="53">
        <v>-18632.7082152974</v>
      </c>
      <c r="X2134" s="53">
        <v>-18632.7082152974</v>
      </c>
      <c r="Y2134" s="53">
        <v>-18632.7082152974</v>
      </c>
      <c r="Z2134" s="53">
        <v>-18632.7082152974</v>
      </c>
      <c r="AA2134" s="53">
        <v>-223592.49858356899</v>
      </c>
      <c r="AB2134" s="53">
        <v>-18632.7082152974</v>
      </c>
      <c r="AC2134" s="53">
        <v>-18632.7082152974</v>
      </c>
      <c r="AD2134" s="53">
        <v>-18632.7082152974</v>
      </c>
      <c r="AE2134" s="53">
        <v>-18632.7082152974</v>
      </c>
      <c r="AF2134" s="53">
        <v>-18632.7082152974</v>
      </c>
      <c r="AG2134" s="53">
        <v>-18632.7082152974</v>
      </c>
      <c r="AH2134" s="53">
        <v>-18632.7082152974</v>
      </c>
      <c r="AI2134" s="53">
        <v>-18632.7082152974</v>
      </c>
      <c r="AJ2134" s="53">
        <v>-18632.7082152974</v>
      </c>
      <c r="AK2134" s="53">
        <v>-18632.7082152974</v>
      </c>
      <c r="AL2134" s="53">
        <v>-18632.7082152974</v>
      </c>
      <c r="AM2134" s="53">
        <v>-18632.7082152974</v>
      </c>
      <c r="AN2134" s="53">
        <v>-223592.49858356899</v>
      </c>
      <c r="AO2134" s="53">
        <v>-18632.7082152974</v>
      </c>
      <c r="AP2134" s="53">
        <v>-18632.7082152974</v>
      </c>
      <c r="AQ2134" s="53">
        <v>-18632.7082152974</v>
      </c>
      <c r="AR2134" s="53">
        <v>-18632.7082152974</v>
      </c>
      <c r="AS2134" s="53">
        <v>-18632.7082152974</v>
      </c>
      <c r="AT2134" s="53">
        <v>-18632.7082152974</v>
      </c>
      <c r="AU2134" s="53">
        <v>-18632.7082152974</v>
      </c>
      <c r="AV2134" s="53">
        <v>-18632.7082152974</v>
      </c>
      <c r="AW2134" s="53">
        <v>-18632.7082152974</v>
      </c>
      <c r="AX2134" s="53">
        <v>-18632.7082152974</v>
      </c>
      <c r="AY2134" s="53">
        <v>-18632.7082152974</v>
      </c>
      <c r="AZ2134" s="53">
        <v>-18632.7082152974</v>
      </c>
      <c r="BA2134" s="53">
        <v>-223592.49858356899</v>
      </c>
      <c r="BB2134" s="53">
        <v>-18632.7082152974</v>
      </c>
      <c r="BC2134" s="53">
        <v>-18632.7082152974</v>
      </c>
      <c r="BD2134" s="53">
        <v>-18632.7082152974</v>
      </c>
      <c r="BE2134" s="53">
        <v>-18632.7082152974</v>
      </c>
      <c r="BF2134" s="53">
        <v>-18632.7082152974</v>
      </c>
      <c r="BG2134" s="53">
        <v>-18632.7082152974</v>
      </c>
      <c r="BH2134" s="53">
        <v>-18632.7082152974</v>
      </c>
      <c r="BI2134" s="53">
        <v>-18632.7082152974</v>
      </c>
      <c r="BJ2134" s="53">
        <v>-18632.7082152974</v>
      </c>
      <c r="BK2134" s="53">
        <v>-18632.7082152974</v>
      </c>
      <c r="BL2134" s="53">
        <v>-18632.7082152974</v>
      </c>
      <c r="BM2134" s="53">
        <v>-18632.7082152974</v>
      </c>
      <c r="BN2134" s="53">
        <v>-223592.49858356899</v>
      </c>
      <c r="BO2134" s="53">
        <v>-18632.7082152974</v>
      </c>
      <c r="BP2134" s="53">
        <v>-18632.7082152974</v>
      </c>
      <c r="BQ2134" s="53">
        <v>-18632.7082152974</v>
      </c>
      <c r="BR2134" s="53">
        <v>-18632.7082152974</v>
      </c>
      <c r="BS2134" s="53">
        <v>-18632.7082152974</v>
      </c>
      <c r="BT2134" s="53">
        <v>-18632.7082152974</v>
      </c>
      <c r="BU2134" s="53">
        <v>-18632.7082152974</v>
      </c>
      <c r="BV2134" s="53">
        <v>-18632.7082152974</v>
      </c>
      <c r="BW2134" s="53">
        <v>-18632.7082152974</v>
      </c>
      <c r="BX2134" s="53">
        <v>-18632.7082152974</v>
      </c>
      <c r="BY2134" s="53">
        <v>-18632.7082152974</v>
      </c>
      <c r="BZ2134" s="53">
        <v>-18632.7082152974</v>
      </c>
      <c r="CA2134" s="53">
        <v>-223592.49858356899</v>
      </c>
      <c r="CB2134" s="53"/>
      <c r="CC2134" s="53"/>
      <c r="CD2134" s="53"/>
      <c r="CE2134" s="53"/>
      <c r="CF2134" s="53"/>
      <c r="CG2134" s="53"/>
      <c r="CH2134" s="53"/>
      <c r="CI2134" s="53"/>
      <c r="CJ2134" s="53"/>
      <c r="CK2134" s="53"/>
      <c r="CL2134" s="53"/>
      <c r="CM2134" s="53"/>
      <c r="CN2134" s="53"/>
    </row>
    <row r="2135" spans="1:92" outlineLevel="1">
      <c r="A2135" s="52" t="s">
        <v>716</v>
      </c>
      <c r="B2135" s="53">
        <v>-36488.3342318059</v>
      </c>
      <c r="C2135" s="53">
        <v>-36488.3342318059</v>
      </c>
      <c r="D2135" s="53">
        <v>-36488.3342318059</v>
      </c>
      <c r="E2135" s="53">
        <v>-36488.3342318059</v>
      </c>
      <c r="F2135" s="53">
        <v>-36488.3342318059</v>
      </c>
      <c r="G2135" s="53">
        <v>-36488.3342318059</v>
      </c>
      <c r="H2135" s="53">
        <v>-36488.3342318059</v>
      </c>
      <c r="I2135" s="53">
        <v>-36488.3342318059</v>
      </c>
      <c r="J2135" s="53">
        <v>-36488.3342318059</v>
      </c>
      <c r="K2135" s="53">
        <v>-36488.3342318059</v>
      </c>
      <c r="L2135" s="53">
        <v>-36488.3342318059</v>
      </c>
      <c r="M2135" s="53">
        <v>-36488.3342318059</v>
      </c>
      <c r="N2135" s="53">
        <v>-437860.01078167098</v>
      </c>
      <c r="O2135" s="53">
        <v>-36488.3342318059</v>
      </c>
      <c r="P2135" s="53">
        <v>-36488.3342318059</v>
      </c>
      <c r="Q2135" s="53">
        <v>-36488.3342318059</v>
      </c>
      <c r="R2135" s="53">
        <v>-36488.3342318059</v>
      </c>
      <c r="S2135" s="53">
        <v>-36488.3342318059</v>
      </c>
      <c r="T2135" s="53">
        <v>-36488.3342318059</v>
      </c>
      <c r="U2135" s="53">
        <v>-36488.3342318059</v>
      </c>
      <c r="V2135" s="53">
        <v>-36488.3342318059</v>
      </c>
      <c r="W2135" s="53">
        <v>-36488.334231805798</v>
      </c>
      <c r="X2135" s="53">
        <v>-36488.334231805798</v>
      </c>
      <c r="Y2135" s="53">
        <v>-36488.334231805798</v>
      </c>
      <c r="Z2135" s="53">
        <v>-36488.334231805798</v>
      </c>
      <c r="AA2135" s="53">
        <v>-437860.01078166999</v>
      </c>
      <c r="AB2135" s="53">
        <v>-36488.334231805798</v>
      </c>
      <c r="AC2135" s="53">
        <v>-36488.334231805798</v>
      </c>
      <c r="AD2135" s="53">
        <v>-36488.334231805798</v>
      </c>
      <c r="AE2135" s="53">
        <v>-36488.334231805798</v>
      </c>
      <c r="AF2135" s="53">
        <v>-36488.334231805798</v>
      </c>
      <c r="AG2135" s="53">
        <v>-36488.334231805798</v>
      </c>
      <c r="AH2135" s="53">
        <v>-36488.334231805798</v>
      </c>
      <c r="AI2135" s="53">
        <v>-36488.334231805798</v>
      </c>
      <c r="AJ2135" s="53">
        <v>-36488.334231805798</v>
      </c>
      <c r="AK2135" s="53">
        <v>-36488.334231805798</v>
      </c>
      <c r="AL2135" s="53">
        <v>-36488.334231805798</v>
      </c>
      <c r="AM2135" s="53">
        <v>-36488.334231805798</v>
      </c>
      <c r="AN2135" s="53">
        <v>-437860.01078166999</v>
      </c>
      <c r="AO2135" s="53">
        <v>-36488.334231805798</v>
      </c>
      <c r="AP2135" s="53">
        <v>-36488.334231805798</v>
      </c>
      <c r="AQ2135" s="53">
        <v>-36488.334231805798</v>
      </c>
      <c r="AR2135" s="53">
        <v>-36488.334231805798</v>
      </c>
      <c r="AS2135" s="53">
        <v>-36488.334231805798</v>
      </c>
      <c r="AT2135" s="53">
        <v>-36488.334231805798</v>
      </c>
      <c r="AU2135" s="53">
        <v>-36488.334231805798</v>
      </c>
      <c r="AV2135" s="53">
        <v>-36488.334231805798</v>
      </c>
      <c r="AW2135" s="53">
        <v>-36488.334231805798</v>
      </c>
      <c r="AX2135" s="53">
        <v>-36488.334231805798</v>
      </c>
      <c r="AY2135" s="53">
        <v>-36488.334231805798</v>
      </c>
      <c r="AZ2135" s="53">
        <v>-36488.334231805798</v>
      </c>
      <c r="BA2135" s="53">
        <v>-437860.01078166999</v>
      </c>
      <c r="BB2135" s="53">
        <v>-36488.334231805798</v>
      </c>
      <c r="BC2135" s="53">
        <v>-36488.334231805798</v>
      </c>
      <c r="BD2135" s="53">
        <v>-36488.334231805798</v>
      </c>
      <c r="BE2135" s="53">
        <v>-36488.334231805798</v>
      </c>
      <c r="BF2135" s="53">
        <v>-36488.334231805798</v>
      </c>
      <c r="BG2135" s="53">
        <v>-36488.334231805798</v>
      </c>
      <c r="BH2135" s="53">
        <v>-36488.334231805798</v>
      </c>
      <c r="BI2135" s="53">
        <v>-36488.334231805798</v>
      </c>
      <c r="BJ2135" s="53">
        <v>-36488.334231805798</v>
      </c>
      <c r="BK2135" s="53">
        <v>-36488.334231805798</v>
      </c>
      <c r="BL2135" s="53">
        <v>-36488.334231805798</v>
      </c>
      <c r="BM2135" s="53">
        <v>-36488.334231805697</v>
      </c>
      <c r="BN2135" s="53">
        <v>-437860.010781669</v>
      </c>
      <c r="BO2135" s="53">
        <v>-36488.334231805697</v>
      </c>
      <c r="BP2135" s="53">
        <v>-36488.334231805697</v>
      </c>
      <c r="BQ2135" s="53">
        <v>-36488.334231805697</v>
      </c>
      <c r="BR2135" s="53">
        <v>-36488.334231805697</v>
      </c>
      <c r="BS2135" s="53">
        <v>-36488.334231805697</v>
      </c>
      <c r="BT2135" s="53">
        <v>-36488.334231805697</v>
      </c>
      <c r="BU2135" s="53">
        <v>-36488.334231805697</v>
      </c>
      <c r="BV2135" s="53">
        <v>-36488.334231805697</v>
      </c>
      <c r="BW2135" s="53">
        <v>-36488.334231805697</v>
      </c>
      <c r="BX2135" s="53">
        <v>-36488.334231805697</v>
      </c>
      <c r="BY2135" s="53">
        <v>-36488.334231805697</v>
      </c>
      <c r="BZ2135" s="53">
        <v>-36488.334231805697</v>
      </c>
      <c r="CA2135" s="53">
        <v>-437860.010781669</v>
      </c>
      <c r="CB2135" s="53"/>
      <c r="CC2135" s="53"/>
      <c r="CD2135" s="53"/>
      <c r="CE2135" s="53"/>
      <c r="CF2135" s="53"/>
      <c r="CG2135" s="53"/>
      <c r="CH2135" s="53"/>
      <c r="CI2135" s="53"/>
      <c r="CJ2135" s="53"/>
      <c r="CK2135" s="53"/>
      <c r="CL2135" s="53"/>
      <c r="CM2135" s="53"/>
      <c r="CN2135" s="53"/>
    </row>
    <row r="2136" spans="1:92" outlineLevel="1">
      <c r="A2136" s="52" t="s">
        <v>717</v>
      </c>
      <c r="B2136" s="53">
        <v>-13019.144927536199</v>
      </c>
      <c r="C2136" s="53">
        <v>-13019.144927536199</v>
      </c>
      <c r="D2136" s="53">
        <v>-13019.144927536199</v>
      </c>
      <c r="E2136" s="53">
        <v>-13019.144927536199</v>
      </c>
      <c r="F2136" s="53">
        <v>-13019.144927536199</v>
      </c>
      <c r="G2136" s="53">
        <v>-13019.144927536199</v>
      </c>
      <c r="H2136" s="53">
        <v>-13019.144927536199</v>
      </c>
      <c r="I2136" s="53">
        <v>-13019.144927536199</v>
      </c>
      <c r="J2136" s="53">
        <v>-13019.144927536199</v>
      </c>
      <c r="K2136" s="53">
        <v>-13019.144927536199</v>
      </c>
      <c r="L2136" s="53">
        <v>-13019.144927536199</v>
      </c>
      <c r="M2136" s="53">
        <v>-13019.144927536199</v>
      </c>
      <c r="N2136" s="53">
        <v>-156229.739130434</v>
      </c>
      <c r="O2136" s="53">
        <v>-13019.144927536199</v>
      </c>
      <c r="P2136" s="53">
        <v>-13019.144927536199</v>
      </c>
      <c r="Q2136" s="53">
        <v>-13019.144927536199</v>
      </c>
      <c r="R2136" s="53">
        <v>-13019.144927536199</v>
      </c>
      <c r="S2136" s="53">
        <v>-13019.144927536199</v>
      </c>
      <c r="T2136" s="53">
        <v>-13019.144927536199</v>
      </c>
      <c r="U2136" s="53">
        <v>-13019.144927536199</v>
      </c>
      <c r="V2136" s="53">
        <v>-13019.144927536199</v>
      </c>
      <c r="W2136" s="53">
        <v>-13019.144927536199</v>
      </c>
      <c r="X2136" s="53">
        <v>-13019.144927536199</v>
      </c>
      <c r="Y2136" s="53">
        <v>-13019.144927536199</v>
      </c>
      <c r="Z2136" s="53">
        <v>-13019.144927536199</v>
      </c>
      <c r="AA2136" s="53">
        <v>-156229.739130434</v>
      </c>
      <c r="AB2136" s="53">
        <v>-13019.144927536199</v>
      </c>
      <c r="AC2136" s="53">
        <v>-13019.144927536199</v>
      </c>
      <c r="AD2136" s="53">
        <v>-13019.144927536199</v>
      </c>
      <c r="AE2136" s="53">
        <v>-13019.144927536199</v>
      </c>
      <c r="AF2136" s="53">
        <v>-13019.144927536199</v>
      </c>
      <c r="AG2136" s="53">
        <v>-13019.144927536199</v>
      </c>
      <c r="AH2136" s="53">
        <v>-13019.144927536199</v>
      </c>
      <c r="AI2136" s="53">
        <v>-13019.144927536199</v>
      </c>
      <c r="AJ2136" s="53">
        <v>-13019.144927536199</v>
      </c>
      <c r="AK2136" s="53">
        <v>-13019.144927536199</v>
      </c>
      <c r="AL2136" s="53">
        <v>-13019.144927536199</v>
      </c>
      <c r="AM2136" s="53">
        <v>-13019.144927536199</v>
      </c>
      <c r="AN2136" s="53">
        <v>-156229.739130434</v>
      </c>
      <c r="AO2136" s="53">
        <v>-13019.144927536199</v>
      </c>
      <c r="AP2136" s="53">
        <v>-13019.144927536199</v>
      </c>
      <c r="AQ2136" s="53">
        <v>-13019.144927536199</v>
      </c>
      <c r="AR2136" s="53">
        <v>-13019.144927536199</v>
      </c>
      <c r="AS2136" s="53">
        <v>-13019.144927536199</v>
      </c>
      <c r="AT2136" s="53">
        <v>-13019.144927536199</v>
      </c>
      <c r="AU2136" s="53">
        <v>-13019.144927536199</v>
      </c>
      <c r="AV2136" s="53">
        <v>-13019.144927536199</v>
      </c>
      <c r="AW2136" s="53">
        <v>-13019.144927536199</v>
      </c>
      <c r="AX2136" s="53">
        <v>-13019.144927536199</v>
      </c>
      <c r="AY2136" s="53">
        <v>-13019.144927536199</v>
      </c>
      <c r="AZ2136" s="53">
        <v>-13019.144927536199</v>
      </c>
      <c r="BA2136" s="53">
        <v>-156229.739130434</v>
      </c>
      <c r="BB2136" s="53">
        <v>-13019.144927536199</v>
      </c>
      <c r="BC2136" s="53">
        <v>-13019.144927536199</v>
      </c>
      <c r="BD2136" s="53">
        <v>-13019.144927536199</v>
      </c>
      <c r="BE2136" s="53">
        <v>-13019.144927536199</v>
      </c>
      <c r="BF2136" s="53">
        <v>-13019.144927536199</v>
      </c>
      <c r="BG2136" s="53">
        <v>-13019.144927536199</v>
      </c>
      <c r="BH2136" s="53">
        <v>-13019.144927536199</v>
      </c>
      <c r="BI2136" s="53">
        <v>-13019.144927536199</v>
      </c>
      <c r="BJ2136" s="53">
        <v>-13019.144927536199</v>
      </c>
      <c r="BK2136" s="53">
        <v>-13019.144927536199</v>
      </c>
      <c r="BL2136" s="53">
        <v>-13019.144927536199</v>
      </c>
      <c r="BM2136" s="53">
        <v>-13019.144927536199</v>
      </c>
      <c r="BN2136" s="53">
        <v>-156229.739130434</v>
      </c>
      <c r="BO2136" s="53">
        <v>-13019.144927536199</v>
      </c>
      <c r="BP2136" s="53">
        <v>-13019.144927536199</v>
      </c>
      <c r="BQ2136" s="53">
        <v>-13019.144927536199</v>
      </c>
      <c r="BR2136" s="53">
        <v>-13019.144927536199</v>
      </c>
      <c r="BS2136" s="53">
        <v>-13019.144927536199</v>
      </c>
      <c r="BT2136" s="53">
        <v>-13019.144927536199</v>
      </c>
      <c r="BU2136" s="53">
        <v>-13019.144927536199</v>
      </c>
      <c r="BV2136" s="53">
        <v>-13019.144927536199</v>
      </c>
      <c r="BW2136" s="53">
        <v>-13019.144927536199</v>
      </c>
      <c r="BX2136" s="53">
        <v>-13019.144927536199</v>
      </c>
      <c r="BY2136" s="53">
        <v>-13019.144927536199</v>
      </c>
      <c r="BZ2136" s="53">
        <v>-13019.144927536199</v>
      </c>
      <c r="CA2136" s="53">
        <v>-156229.739130434</v>
      </c>
      <c r="CB2136" s="53"/>
      <c r="CC2136" s="53"/>
      <c r="CD2136" s="53"/>
      <c r="CE2136" s="53"/>
      <c r="CF2136" s="53"/>
      <c r="CG2136" s="53"/>
      <c r="CH2136" s="53"/>
      <c r="CI2136" s="53"/>
      <c r="CJ2136" s="53"/>
      <c r="CK2136" s="53"/>
      <c r="CL2136" s="53"/>
      <c r="CM2136" s="53"/>
      <c r="CN2136" s="53"/>
    </row>
    <row r="2137" spans="1:92" outlineLevel="1">
      <c r="A2137" s="52" t="s">
        <v>718</v>
      </c>
      <c r="B2137" s="53">
        <v>-13527.685534591101</v>
      </c>
      <c r="C2137" s="53">
        <v>-13527.685534591101</v>
      </c>
      <c r="D2137" s="53">
        <v>-13527.685534591101</v>
      </c>
      <c r="E2137" s="53">
        <v>-13527.685534591101</v>
      </c>
      <c r="F2137" s="53">
        <v>-13527.685534591101</v>
      </c>
      <c r="G2137" s="53">
        <v>-13527.685534591101</v>
      </c>
      <c r="H2137" s="53">
        <v>-13527.685534591101</v>
      </c>
      <c r="I2137" s="53">
        <v>-13527.685534591201</v>
      </c>
      <c r="J2137" s="53">
        <v>-13527.685534591201</v>
      </c>
      <c r="K2137" s="53">
        <v>-13527.685534591201</v>
      </c>
      <c r="L2137" s="53">
        <v>-13527.685534591201</v>
      </c>
      <c r="M2137" s="53">
        <v>-13527.685534591201</v>
      </c>
      <c r="N2137" s="53">
        <v>-162332.22641509399</v>
      </c>
      <c r="O2137" s="53">
        <v>-13527.685534591201</v>
      </c>
      <c r="P2137" s="53">
        <v>-13527.685534591201</v>
      </c>
      <c r="Q2137" s="53">
        <v>-13527.685534591201</v>
      </c>
      <c r="R2137" s="53">
        <v>-13527.685534591201</v>
      </c>
      <c r="S2137" s="53">
        <v>-13527.685534591201</v>
      </c>
      <c r="T2137" s="53">
        <v>-13527.685534591201</v>
      </c>
      <c r="U2137" s="53">
        <v>-13527.685534591201</v>
      </c>
      <c r="V2137" s="53">
        <v>-13527.685534591201</v>
      </c>
      <c r="W2137" s="53">
        <v>-13527.685534591201</v>
      </c>
      <c r="X2137" s="53">
        <v>-13527.685534591201</v>
      </c>
      <c r="Y2137" s="53">
        <v>-13527.685534591201</v>
      </c>
      <c r="Z2137" s="53">
        <v>-13527.685534591201</v>
      </c>
      <c r="AA2137" s="53">
        <v>-162332.22641509399</v>
      </c>
      <c r="AB2137" s="53">
        <v>-13527.685534591201</v>
      </c>
      <c r="AC2137" s="53">
        <v>-13527.685534591201</v>
      </c>
      <c r="AD2137" s="53">
        <v>-13527.685534591201</v>
      </c>
      <c r="AE2137" s="53">
        <v>-13527.685534591201</v>
      </c>
      <c r="AF2137" s="53">
        <v>-13527.685534591201</v>
      </c>
      <c r="AG2137" s="53">
        <v>-13527.685534591201</v>
      </c>
      <c r="AH2137" s="53">
        <v>-13527.685534591201</v>
      </c>
      <c r="AI2137" s="53">
        <v>-13527.685534591201</v>
      </c>
      <c r="AJ2137" s="53">
        <v>-13527.685534591201</v>
      </c>
      <c r="AK2137" s="53">
        <v>-13527.685534591201</v>
      </c>
      <c r="AL2137" s="53">
        <v>-13527.685534591201</v>
      </c>
      <c r="AM2137" s="53">
        <v>-13527.685534591201</v>
      </c>
      <c r="AN2137" s="53">
        <v>-162332.22641509399</v>
      </c>
      <c r="AO2137" s="53">
        <v>-13527.685534591201</v>
      </c>
      <c r="AP2137" s="53">
        <v>-13527.685534591201</v>
      </c>
      <c r="AQ2137" s="53">
        <v>-13527.685534591201</v>
      </c>
      <c r="AR2137" s="53">
        <v>-13527.685534591201</v>
      </c>
      <c r="AS2137" s="53">
        <v>-13527.685534591201</v>
      </c>
      <c r="AT2137" s="53">
        <v>-13527.685534591201</v>
      </c>
      <c r="AU2137" s="53">
        <v>-13527.685534591201</v>
      </c>
      <c r="AV2137" s="53">
        <v>-13527.685534591201</v>
      </c>
      <c r="AW2137" s="53">
        <v>-13527.685534591201</v>
      </c>
      <c r="AX2137" s="53">
        <v>-13527.685534591201</v>
      </c>
      <c r="AY2137" s="53">
        <v>-13527.685534591201</v>
      </c>
      <c r="AZ2137" s="53">
        <v>-13527.685534591201</v>
      </c>
      <c r="BA2137" s="53">
        <v>-162332.22641509399</v>
      </c>
      <c r="BB2137" s="53">
        <v>-13527.685534591201</v>
      </c>
      <c r="BC2137" s="53">
        <v>-13527.685534591201</v>
      </c>
      <c r="BD2137" s="53">
        <v>-13527.685534591201</v>
      </c>
      <c r="BE2137" s="53">
        <v>-13527.685534591201</v>
      </c>
      <c r="BF2137" s="53">
        <v>-13527.685534591201</v>
      </c>
      <c r="BG2137" s="53">
        <v>-13527.685534591201</v>
      </c>
      <c r="BH2137" s="53">
        <v>-13527.685534591201</v>
      </c>
      <c r="BI2137" s="53">
        <v>-13527.685534591201</v>
      </c>
      <c r="BJ2137" s="53">
        <v>-13527.685534591201</v>
      </c>
      <c r="BK2137" s="53">
        <v>-13527.685534591201</v>
      </c>
      <c r="BL2137" s="53">
        <v>-13527.685534591201</v>
      </c>
      <c r="BM2137" s="53">
        <v>-13527.685534591201</v>
      </c>
      <c r="BN2137" s="53">
        <v>-162332.22641509399</v>
      </c>
      <c r="BO2137" s="53">
        <v>-13527.685534591201</v>
      </c>
      <c r="BP2137" s="53">
        <v>-13527.685534591201</v>
      </c>
      <c r="BQ2137" s="53">
        <v>-13527.685534591201</v>
      </c>
      <c r="BR2137" s="53">
        <v>-13527.685534591201</v>
      </c>
      <c r="BS2137" s="53">
        <v>-13527.685534591201</v>
      </c>
      <c r="BT2137" s="53">
        <v>-13527.685534591201</v>
      </c>
      <c r="BU2137" s="53">
        <v>-13527.685534591201</v>
      </c>
      <c r="BV2137" s="53">
        <v>-13527.685534591201</v>
      </c>
      <c r="BW2137" s="53">
        <v>-13527.685534591201</v>
      </c>
      <c r="BX2137" s="53">
        <v>-13527.685534591201</v>
      </c>
      <c r="BY2137" s="53">
        <v>-13527.685534591201</v>
      </c>
      <c r="BZ2137" s="53">
        <v>-13527.685534591201</v>
      </c>
      <c r="CA2137" s="53">
        <v>-162332.22641509399</v>
      </c>
      <c r="CB2137" s="53"/>
      <c r="CC2137" s="53"/>
      <c r="CD2137" s="53"/>
      <c r="CE2137" s="53"/>
      <c r="CF2137" s="53"/>
      <c r="CG2137" s="53"/>
      <c r="CH2137" s="53"/>
      <c r="CI2137" s="53"/>
      <c r="CJ2137" s="53"/>
      <c r="CK2137" s="53"/>
      <c r="CL2137" s="53"/>
      <c r="CM2137" s="53"/>
      <c r="CN2137" s="53"/>
    </row>
    <row r="2138" spans="1:92" outlineLevel="1">
      <c r="A2138" s="52" t="s">
        <v>721</v>
      </c>
      <c r="B2138" s="53">
        <v>-20148.9789473684</v>
      </c>
      <c r="C2138" s="53">
        <v>-20148.9789473684</v>
      </c>
      <c r="D2138" s="53">
        <v>-20148.9789473684</v>
      </c>
      <c r="E2138" s="53">
        <v>-20148.9789473684</v>
      </c>
      <c r="F2138" s="53">
        <v>-20148.9789473684</v>
      </c>
      <c r="G2138" s="53">
        <v>-20148.9789473684</v>
      </c>
      <c r="H2138" s="53">
        <v>-20148.9789473684</v>
      </c>
      <c r="I2138" s="53">
        <v>-20148.9789473684</v>
      </c>
      <c r="J2138" s="53">
        <v>-20148.9789473684</v>
      </c>
      <c r="K2138" s="53">
        <v>-20148.9789473684</v>
      </c>
      <c r="L2138" s="53">
        <v>-20148.9789473684</v>
      </c>
      <c r="M2138" s="53">
        <v>-20148.9789473684</v>
      </c>
      <c r="N2138" s="53">
        <v>-241787.747368421</v>
      </c>
      <c r="O2138" s="53">
        <v>-20148.9789473684</v>
      </c>
      <c r="P2138" s="53">
        <v>-20148.9789473684</v>
      </c>
      <c r="Q2138" s="53">
        <v>-20148.9789473684</v>
      </c>
      <c r="R2138" s="53">
        <v>-20148.9789473684</v>
      </c>
      <c r="S2138" s="53">
        <v>-20148.9789473684</v>
      </c>
      <c r="T2138" s="53">
        <v>-20148.9789473684</v>
      </c>
      <c r="U2138" s="53">
        <v>-20148.9789473684</v>
      </c>
      <c r="V2138" s="53">
        <v>-20148.9789473684</v>
      </c>
      <c r="W2138" s="53">
        <v>-20148.9789473684</v>
      </c>
      <c r="X2138" s="53">
        <v>-20148.9789473684</v>
      </c>
      <c r="Y2138" s="53">
        <v>-20148.9789473684</v>
      </c>
      <c r="Z2138" s="53">
        <v>-20148.9789473684</v>
      </c>
      <c r="AA2138" s="53">
        <v>-241787.747368421</v>
      </c>
      <c r="AB2138" s="53">
        <v>-20148.9789473684</v>
      </c>
      <c r="AC2138" s="53">
        <v>-20148.9789473684</v>
      </c>
      <c r="AD2138" s="53">
        <v>-20148.9789473684</v>
      </c>
      <c r="AE2138" s="53">
        <v>-20148.9789473684</v>
      </c>
      <c r="AF2138" s="53">
        <v>-20148.9789473684</v>
      </c>
      <c r="AG2138" s="53">
        <v>-20148.9789473684</v>
      </c>
      <c r="AH2138" s="53">
        <v>-20148.9789473684</v>
      </c>
      <c r="AI2138" s="53">
        <v>-20148.9789473684</v>
      </c>
      <c r="AJ2138" s="53">
        <v>-20148.9789473684</v>
      </c>
      <c r="AK2138" s="53">
        <v>-20148.9789473684</v>
      </c>
      <c r="AL2138" s="53">
        <v>-20148.9789473684</v>
      </c>
      <c r="AM2138" s="53">
        <v>-20148.9789473684</v>
      </c>
      <c r="AN2138" s="53">
        <v>-241787.747368421</v>
      </c>
      <c r="AO2138" s="53">
        <v>-20148.9789473684</v>
      </c>
      <c r="AP2138" s="53">
        <v>-20148.9789473684</v>
      </c>
      <c r="AQ2138" s="53">
        <v>-20148.9789473684</v>
      </c>
      <c r="AR2138" s="53">
        <v>-20148.9789473684</v>
      </c>
      <c r="AS2138" s="53">
        <v>-20148.9789473684</v>
      </c>
      <c r="AT2138" s="53">
        <v>-20148.9789473684</v>
      </c>
      <c r="AU2138" s="53">
        <v>-20148.9789473684</v>
      </c>
      <c r="AV2138" s="53">
        <v>-20148.9789473684</v>
      </c>
      <c r="AW2138" s="53">
        <v>-20148.9789473684</v>
      </c>
      <c r="AX2138" s="53">
        <v>-20148.9789473684</v>
      </c>
      <c r="AY2138" s="53">
        <v>-20148.9789473684</v>
      </c>
      <c r="AZ2138" s="53">
        <v>-20148.9789473684</v>
      </c>
      <c r="BA2138" s="53">
        <v>-241787.747368421</v>
      </c>
      <c r="BB2138" s="53">
        <v>-20148.9789473684</v>
      </c>
      <c r="BC2138" s="53">
        <v>-20148.9789473684</v>
      </c>
      <c r="BD2138" s="53">
        <v>-20148.9789473684</v>
      </c>
      <c r="BE2138" s="53">
        <v>-20148.978947368501</v>
      </c>
      <c r="BF2138" s="53">
        <v>-20148.978947368501</v>
      </c>
      <c r="BG2138" s="53">
        <v>-20148.978947368501</v>
      </c>
      <c r="BH2138" s="53">
        <v>-20148.978947368501</v>
      </c>
      <c r="BI2138" s="53">
        <v>-20148.978947368501</v>
      </c>
      <c r="BJ2138" s="53">
        <v>-20148.978947368501</v>
      </c>
      <c r="BK2138" s="53">
        <v>-20148.978947368501</v>
      </c>
      <c r="BL2138" s="53">
        <v>-20148.978947368501</v>
      </c>
      <c r="BM2138" s="53">
        <v>-20148.978947368501</v>
      </c>
      <c r="BN2138" s="53">
        <v>-241787.74736842199</v>
      </c>
      <c r="BO2138" s="53">
        <v>-20148.978947368501</v>
      </c>
      <c r="BP2138" s="53">
        <v>-20148.978947368501</v>
      </c>
      <c r="BQ2138" s="53">
        <v>-20148.978947368501</v>
      </c>
      <c r="BR2138" s="53">
        <v>-20148.978947368501</v>
      </c>
      <c r="BS2138" s="53">
        <v>-20148.978947368501</v>
      </c>
      <c r="BT2138" s="53">
        <v>-20148.978947368501</v>
      </c>
      <c r="BU2138" s="53">
        <v>-20148.978947368501</v>
      </c>
      <c r="BV2138" s="53">
        <v>-20148.978947368501</v>
      </c>
      <c r="BW2138" s="53">
        <v>-20148.978947368501</v>
      </c>
      <c r="BX2138" s="53">
        <v>-20148.978947368501</v>
      </c>
      <c r="BY2138" s="53">
        <v>-20148.978947368501</v>
      </c>
      <c r="BZ2138" s="53">
        <v>-20148.978947368501</v>
      </c>
      <c r="CA2138" s="53">
        <v>-241787.74736842199</v>
      </c>
      <c r="CB2138" s="53"/>
      <c r="CC2138" s="53"/>
      <c r="CD2138" s="53"/>
      <c r="CE2138" s="53"/>
      <c r="CF2138" s="53"/>
      <c r="CG2138" s="53"/>
      <c r="CH2138" s="53"/>
      <c r="CI2138" s="53"/>
      <c r="CJ2138" s="53"/>
      <c r="CK2138" s="53"/>
      <c r="CL2138" s="53"/>
      <c r="CM2138" s="53"/>
      <c r="CN2138" s="53"/>
    </row>
    <row r="2139" spans="1:92" outlineLevel="1">
      <c r="A2139" s="52" t="s">
        <v>723</v>
      </c>
      <c r="B2139" s="53">
        <v>-49399.381443298902</v>
      </c>
      <c r="C2139" s="53">
        <v>-49399.381443298902</v>
      </c>
      <c r="D2139" s="53">
        <v>-49399.381443298902</v>
      </c>
      <c r="E2139" s="53">
        <v>-49399.381443298902</v>
      </c>
      <c r="F2139" s="53">
        <v>-49399.381443298902</v>
      </c>
      <c r="G2139" s="53">
        <v>-49399.381443298902</v>
      </c>
      <c r="H2139" s="53">
        <v>-49399.381443298902</v>
      </c>
      <c r="I2139" s="53">
        <v>-49399.381443298997</v>
      </c>
      <c r="J2139" s="53">
        <v>-49399.381443298902</v>
      </c>
      <c r="K2139" s="53">
        <v>-49399.381443298902</v>
      </c>
      <c r="L2139" s="53">
        <v>-49399.381443298902</v>
      </c>
      <c r="M2139" s="53">
        <v>-49399.381443298902</v>
      </c>
      <c r="N2139" s="53">
        <v>-592792.577319587</v>
      </c>
      <c r="O2139" s="53">
        <v>-49399.381443298902</v>
      </c>
      <c r="P2139" s="53">
        <v>-49399.381443298902</v>
      </c>
      <c r="Q2139" s="53">
        <v>-49399.381443298902</v>
      </c>
      <c r="R2139" s="53">
        <v>-49399.381443298902</v>
      </c>
      <c r="S2139" s="53">
        <v>-49399.381443298902</v>
      </c>
      <c r="T2139" s="53">
        <v>-49399.381443298902</v>
      </c>
      <c r="U2139" s="53">
        <v>-49399.381443298902</v>
      </c>
      <c r="V2139" s="53">
        <v>-49399.381443298902</v>
      </c>
      <c r="W2139" s="53">
        <v>-49399.381443298902</v>
      </c>
      <c r="X2139" s="53">
        <v>-49399.381443298902</v>
      </c>
      <c r="Y2139" s="53">
        <v>-49399.381443298902</v>
      </c>
      <c r="Z2139" s="53">
        <v>-49399.381443298902</v>
      </c>
      <c r="AA2139" s="53">
        <v>-592792.577319587</v>
      </c>
      <c r="AB2139" s="53">
        <v>-49399.381443298902</v>
      </c>
      <c r="AC2139" s="53">
        <v>-49399.381443298902</v>
      </c>
      <c r="AD2139" s="53">
        <v>-49399.381443298902</v>
      </c>
      <c r="AE2139" s="53">
        <v>-49399.381443298902</v>
      </c>
      <c r="AF2139" s="53">
        <v>-49399.381443298902</v>
      </c>
      <c r="AG2139" s="53">
        <v>-49399.381443298902</v>
      </c>
      <c r="AH2139" s="53">
        <v>-49399.381443298902</v>
      </c>
      <c r="AI2139" s="53">
        <v>-49399.381443298902</v>
      </c>
      <c r="AJ2139" s="53">
        <v>-49399.381443298902</v>
      </c>
      <c r="AK2139" s="53">
        <v>-49399.381443298902</v>
      </c>
      <c r="AL2139" s="53">
        <v>-49399.381443298902</v>
      </c>
      <c r="AM2139" s="53">
        <v>-49399.381443298902</v>
      </c>
      <c r="AN2139" s="53">
        <v>-592792.577319587</v>
      </c>
      <c r="AO2139" s="53">
        <v>-49399.381443298902</v>
      </c>
      <c r="AP2139" s="53">
        <v>-49399.381443298902</v>
      </c>
      <c r="AQ2139" s="53">
        <v>-49399.381443298902</v>
      </c>
      <c r="AR2139" s="53">
        <v>-49399.381443298902</v>
      </c>
      <c r="AS2139" s="53">
        <v>-49399.381443298902</v>
      </c>
      <c r="AT2139" s="53">
        <v>-49399.381443298902</v>
      </c>
      <c r="AU2139" s="53">
        <v>-49399.381443298902</v>
      </c>
      <c r="AV2139" s="53">
        <v>-49399.381443298902</v>
      </c>
      <c r="AW2139" s="53">
        <v>-49399.381443298902</v>
      </c>
      <c r="AX2139" s="53">
        <v>-49399.381443298902</v>
      </c>
      <c r="AY2139" s="53">
        <v>-49399.381443298902</v>
      </c>
      <c r="AZ2139" s="53">
        <v>-49399.381443298902</v>
      </c>
      <c r="BA2139" s="53">
        <v>-592792.577319587</v>
      </c>
      <c r="BB2139" s="53">
        <v>-24699.6907216494</v>
      </c>
      <c r="BC2139" s="53"/>
      <c r="BD2139" s="53"/>
      <c r="BE2139" s="53"/>
      <c r="BF2139" s="53"/>
      <c r="BG2139" s="53"/>
      <c r="BH2139" s="53"/>
      <c r="BI2139" s="53"/>
      <c r="BJ2139" s="53"/>
      <c r="BK2139" s="53"/>
      <c r="BL2139" s="53"/>
      <c r="BM2139" s="53"/>
      <c r="BN2139" s="53">
        <v>-24699.6907216494</v>
      </c>
      <c r="BO2139" s="53"/>
      <c r="BP2139" s="53"/>
      <c r="BQ2139" s="53"/>
      <c r="BR2139" s="53"/>
      <c r="BS2139" s="53"/>
      <c r="BT2139" s="53"/>
      <c r="BU2139" s="53"/>
      <c r="BV2139" s="53"/>
      <c r="BW2139" s="53"/>
      <c r="BX2139" s="53"/>
      <c r="BY2139" s="53"/>
      <c r="BZ2139" s="53"/>
      <c r="CA2139" s="53"/>
      <c r="CB2139" s="53"/>
      <c r="CC2139" s="53"/>
      <c r="CD2139" s="53"/>
      <c r="CE2139" s="53"/>
      <c r="CF2139" s="53"/>
      <c r="CG2139" s="53"/>
      <c r="CH2139" s="53"/>
      <c r="CI2139" s="53"/>
      <c r="CJ2139" s="53"/>
      <c r="CK2139" s="53"/>
      <c r="CL2139" s="53"/>
      <c r="CM2139" s="53"/>
      <c r="CN2139" s="53"/>
    </row>
    <row r="2140" spans="1:92" outlineLevel="1">
      <c r="A2140" s="52" t="s">
        <v>724</v>
      </c>
      <c r="B2140" s="53">
        <v>-13370.822185970599</v>
      </c>
      <c r="C2140" s="53">
        <v>-13370.822185970599</v>
      </c>
      <c r="D2140" s="53">
        <v>-13370.822185970599</v>
      </c>
      <c r="E2140" s="53">
        <v>-13370.822185970599</v>
      </c>
      <c r="F2140" s="53">
        <v>-13370.822185970599</v>
      </c>
      <c r="G2140" s="53">
        <v>-13370.822185970599</v>
      </c>
      <c r="H2140" s="53">
        <v>-13370.822185970599</v>
      </c>
      <c r="I2140" s="53">
        <v>-13370.822185970599</v>
      </c>
      <c r="J2140" s="53">
        <v>-13370.822185970599</v>
      </c>
      <c r="K2140" s="53">
        <v>-13370.822185970599</v>
      </c>
      <c r="L2140" s="53">
        <v>-13370.822185970599</v>
      </c>
      <c r="M2140" s="53">
        <v>-13370.822185970599</v>
      </c>
      <c r="N2140" s="53">
        <v>-160449.866231647</v>
      </c>
      <c r="O2140" s="53">
        <v>-13370.822185970599</v>
      </c>
      <c r="P2140" s="53">
        <v>-13370.822185970599</v>
      </c>
      <c r="Q2140" s="53">
        <v>-13370.822185970599</v>
      </c>
      <c r="R2140" s="53">
        <v>-13370.822185970599</v>
      </c>
      <c r="S2140" s="53">
        <v>-13370.822185970599</v>
      </c>
      <c r="T2140" s="53">
        <v>-13370.822185970599</v>
      </c>
      <c r="U2140" s="53">
        <v>-13370.822185970599</v>
      </c>
      <c r="V2140" s="53">
        <v>-13370.822185970599</v>
      </c>
      <c r="W2140" s="53">
        <v>-13370.822185970599</v>
      </c>
      <c r="X2140" s="53">
        <v>-13370.822185970599</v>
      </c>
      <c r="Y2140" s="53">
        <v>-13370.822185970599</v>
      </c>
      <c r="Z2140" s="53">
        <v>-13370.822185970599</v>
      </c>
      <c r="AA2140" s="53">
        <v>-160449.866231647</v>
      </c>
      <c r="AB2140" s="53">
        <v>-13370.822185970599</v>
      </c>
      <c r="AC2140" s="53">
        <v>-13370.822185970599</v>
      </c>
      <c r="AD2140" s="53">
        <v>-13370.822185970599</v>
      </c>
      <c r="AE2140" s="53">
        <v>-13370.822185970599</v>
      </c>
      <c r="AF2140" s="53">
        <v>-13370.822185970599</v>
      </c>
      <c r="AG2140" s="53">
        <v>-13370.822185970599</v>
      </c>
      <c r="AH2140" s="53">
        <v>-13370.822185970599</v>
      </c>
      <c r="AI2140" s="53">
        <v>-13370.822185970599</v>
      </c>
      <c r="AJ2140" s="53">
        <v>-13370.822185970599</v>
      </c>
      <c r="AK2140" s="53">
        <v>-13370.822185970599</v>
      </c>
      <c r="AL2140" s="53">
        <v>-13370.822185970599</v>
      </c>
      <c r="AM2140" s="53">
        <v>-13370.822185970599</v>
      </c>
      <c r="AN2140" s="53">
        <v>-160449.866231647</v>
      </c>
      <c r="AO2140" s="53">
        <v>-13370.822185970599</v>
      </c>
      <c r="AP2140" s="53">
        <v>-13370.822185970599</v>
      </c>
      <c r="AQ2140" s="53">
        <v>-13370.822185970599</v>
      </c>
      <c r="AR2140" s="53">
        <v>-13370.822185970599</v>
      </c>
      <c r="AS2140" s="53">
        <v>-13370.822185970599</v>
      </c>
      <c r="AT2140" s="53">
        <v>-13370.822185970599</v>
      </c>
      <c r="AU2140" s="53">
        <v>-13370.822185970599</v>
      </c>
      <c r="AV2140" s="53">
        <v>-13370.822185970599</v>
      </c>
      <c r="AW2140" s="53">
        <v>-13370.822185970599</v>
      </c>
      <c r="AX2140" s="53">
        <v>-13370.822185970599</v>
      </c>
      <c r="AY2140" s="53">
        <v>-13370.822185970599</v>
      </c>
      <c r="AZ2140" s="53">
        <v>-13370.822185970599</v>
      </c>
      <c r="BA2140" s="53">
        <v>-160449.866231647</v>
      </c>
      <c r="BB2140" s="53">
        <v>-13370.822185970599</v>
      </c>
      <c r="BC2140" s="53">
        <v>-13370.822185970599</v>
      </c>
      <c r="BD2140" s="53">
        <v>-13370.822185970599</v>
      </c>
      <c r="BE2140" s="53">
        <v>-13370.822185970599</v>
      </c>
      <c r="BF2140" s="53">
        <v>-13370.822185970599</v>
      </c>
      <c r="BG2140" s="53">
        <v>-13370.822185970599</v>
      </c>
      <c r="BH2140" s="53">
        <v>-13370.822185970599</v>
      </c>
      <c r="BI2140" s="53">
        <v>-13370.822185970599</v>
      </c>
      <c r="BJ2140" s="53">
        <v>-13370.822185970599</v>
      </c>
      <c r="BK2140" s="53">
        <v>-13370.822185970599</v>
      </c>
      <c r="BL2140" s="53">
        <v>-13370.822185970599</v>
      </c>
      <c r="BM2140" s="53">
        <v>-13370.822185970599</v>
      </c>
      <c r="BN2140" s="53">
        <v>-160449.866231647</v>
      </c>
      <c r="BO2140" s="53">
        <v>-13370.822185970599</v>
      </c>
      <c r="BP2140" s="53">
        <v>-13370.822185970599</v>
      </c>
      <c r="BQ2140" s="53">
        <v>-13370.822185970599</v>
      </c>
      <c r="BR2140" s="53">
        <v>-13370.822185970599</v>
      </c>
      <c r="BS2140" s="53">
        <v>-13370.822185970599</v>
      </c>
      <c r="BT2140" s="53">
        <v>-13370.822185970599</v>
      </c>
      <c r="BU2140" s="53">
        <v>-13370.822185970599</v>
      </c>
      <c r="BV2140" s="53">
        <v>-13370.822185970599</v>
      </c>
      <c r="BW2140" s="53">
        <v>-13370.822185970599</v>
      </c>
      <c r="BX2140" s="53">
        <v>-13370.822185970599</v>
      </c>
      <c r="BY2140" s="53">
        <v>-13370.822185970599</v>
      </c>
      <c r="BZ2140" s="53">
        <v>-13370.822185970599</v>
      </c>
      <c r="CA2140" s="53">
        <v>-160449.866231647</v>
      </c>
      <c r="CB2140" s="53"/>
      <c r="CC2140" s="53"/>
      <c r="CD2140" s="53"/>
      <c r="CE2140" s="53"/>
      <c r="CF2140" s="53"/>
      <c r="CG2140" s="53"/>
      <c r="CH2140" s="53"/>
      <c r="CI2140" s="53"/>
      <c r="CJ2140" s="53"/>
      <c r="CK2140" s="53"/>
      <c r="CL2140" s="53"/>
      <c r="CM2140" s="53"/>
      <c r="CN2140" s="53"/>
    </row>
    <row r="2141" spans="1:92">
      <c r="A2141" s="52" t="s">
        <v>725</v>
      </c>
      <c r="B2141" s="53">
        <v>-44991.8796992481</v>
      </c>
      <c r="C2141" s="53">
        <v>-44991.8796992481</v>
      </c>
      <c r="D2141" s="53">
        <v>-44991.8796992481</v>
      </c>
      <c r="E2141" s="53">
        <v>-44991.8796992481</v>
      </c>
      <c r="F2141" s="53">
        <v>-44991.8796992481</v>
      </c>
      <c r="G2141" s="53">
        <v>-44991.8796992481</v>
      </c>
      <c r="H2141" s="53">
        <v>-44991.8796992481</v>
      </c>
      <c r="I2141" s="53">
        <v>-44991.8796992481</v>
      </c>
      <c r="J2141" s="53">
        <v>-44991.8796992481</v>
      </c>
      <c r="K2141" s="53">
        <v>-44991.8796992481</v>
      </c>
      <c r="L2141" s="53">
        <v>-44991.8796992481</v>
      </c>
      <c r="M2141" s="53">
        <v>-44991.8796992481</v>
      </c>
      <c r="N2141" s="53">
        <v>-539902.556390977</v>
      </c>
      <c r="O2141" s="53">
        <v>-44991.8796992481</v>
      </c>
      <c r="P2141" s="53">
        <v>-44991.8796992481</v>
      </c>
      <c r="Q2141" s="53">
        <v>-44991.8796992481</v>
      </c>
      <c r="R2141" s="53">
        <v>-44991.8796992481</v>
      </c>
      <c r="S2141" s="53">
        <v>-44991.8796992481</v>
      </c>
      <c r="T2141" s="53">
        <v>-44991.8796992481</v>
      </c>
      <c r="U2141" s="53">
        <v>-44991.8796992481</v>
      </c>
      <c r="V2141" s="53">
        <v>-44991.8796992481</v>
      </c>
      <c r="W2141" s="53">
        <v>-44991.8796992481</v>
      </c>
      <c r="X2141" s="53">
        <v>-44991.8796992481</v>
      </c>
      <c r="Y2141" s="53">
        <v>-44991.8796992481</v>
      </c>
      <c r="Z2141" s="53">
        <v>-44991.8796992481</v>
      </c>
      <c r="AA2141" s="53">
        <v>-539902.556390977</v>
      </c>
      <c r="AB2141" s="53">
        <v>-44991.8796992481</v>
      </c>
      <c r="AC2141" s="53">
        <v>-44991.8796992481</v>
      </c>
      <c r="AD2141" s="53">
        <v>-44991.8796992481</v>
      </c>
      <c r="AE2141" s="53">
        <v>-44991.8796992481</v>
      </c>
      <c r="AF2141" s="53">
        <v>-44991.8796992481</v>
      </c>
      <c r="AG2141" s="53">
        <v>-44991.8796992481</v>
      </c>
      <c r="AH2141" s="53">
        <v>-44991.8796992481</v>
      </c>
      <c r="AI2141" s="53">
        <v>-44991.8796992481</v>
      </c>
      <c r="AJ2141" s="53">
        <v>-44991.8796992481</v>
      </c>
      <c r="AK2141" s="53">
        <v>-44991.8796992481</v>
      </c>
      <c r="AL2141" s="53">
        <v>-44991.8796992481</v>
      </c>
      <c r="AM2141" s="53">
        <v>-44991.8796992481</v>
      </c>
      <c r="AN2141" s="53">
        <v>-539902.556390977</v>
      </c>
      <c r="AO2141" s="53">
        <v>-44991.8796992481</v>
      </c>
      <c r="AP2141" s="53">
        <v>-44991.8796992481</v>
      </c>
      <c r="AQ2141" s="53">
        <v>-44991.8796992481</v>
      </c>
      <c r="AR2141" s="53">
        <v>-44991.8796992481</v>
      </c>
      <c r="AS2141" s="53">
        <v>-44991.8796992481</v>
      </c>
      <c r="AT2141" s="53">
        <v>-44991.8796992481</v>
      </c>
      <c r="AU2141" s="53">
        <v>-44991.8796992481</v>
      </c>
      <c r="AV2141" s="53">
        <v>-44991.8796992481</v>
      </c>
      <c r="AW2141" s="53">
        <v>-44991.8796992481</v>
      </c>
      <c r="AX2141" s="53">
        <v>-44991.8796992481</v>
      </c>
      <c r="AY2141" s="53">
        <v>-44991.8796992481</v>
      </c>
      <c r="AZ2141" s="53">
        <v>-44991.8796992481</v>
      </c>
      <c r="BA2141" s="53">
        <v>-539902.556390977</v>
      </c>
      <c r="BB2141" s="53">
        <v>-44991.8796992481</v>
      </c>
      <c r="BC2141" s="53">
        <v>-44991.8796992481</v>
      </c>
      <c r="BD2141" s="53">
        <v>-44991.8796992481</v>
      </c>
      <c r="BE2141" s="53">
        <v>-44991.8796992481</v>
      </c>
      <c r="BF2141" s="53">
        <v>-44991.8796992481</v>
      </c>
      <c r="BG2141" s="53">
        <v>-44991.8796992481</v>
      </c>
      <c r="BH2141" s="53">
        <v>-44991.8796992481</v>
      </c>
      <c r="BI2141" s="53">
        <v>-44991.8796992481</v>
      </c>
      <c r="BJ2141" s="53">
        <v>-44991.8796992481</v>
      </c>
      <c r="BK2141" s="53">
        <v>-44991.8796992481</v>
      </c>
      <c r="BL2141" s="53">
        <v>-44991.8796992481</v>
      </c>
      <c r="BM2141" s="53">
        <v>-44991.8796992481</v>
      </c>
      <c r="BN2141" s="53">
        <v>-539902.556390977</v>
      </c>
      <c r="BO2141" s="53">
        <v>-44991.8796992481</v>
      </c>
      <c r="BP2141" s="53">
        <v>-44991.8796992481</v>
      </c>
      <c r="BQ2141" s="53">
        <v>-44991.8796992481</v>
      </c>
      <c r="BR2141" s="53">
        <v>-44991.8796992481</v>
      </c>
      <c r="BS2141" s="53">
        <v>-44991.8796992481</v>
      </c>
      <c r="BT2141" s="53">
        <v>-44991.8796992481</v>
      </c>
      <c r="BU2141" s="53">
        <v>-22495.939849623999</v>
      </c>
      <c r="BV2141" s="53"/>
      <c r="BW2141" s="53"/>
      <c r="BX2141" s="53"/>
      <c r="BY2141" s="53"/>
      <c r="BZ2141" s="53"/>
      <c r="CA2141" s="53">
        <v>-292447.21804511198</v>
      </c>
      <c r="CB2141" s="53"/>
      <c r="CC2141" s="53"/>
      <c r="CD2141" s="53"/>
      <c r="CE2141" s="53"/>
      <c r="CF2141" s="53"/>
      <c r="CG2141" s="53"/>
      <c r="CH2141" s="53"/>
      <c r="CI2141" s="53"/>
      <c r="CJ2141" s="53"/>
      <c r="CK2141" s="53"/>
      <c r="CL2141" s="53"/>
      <c r="CM2141" s="53"/>
      <c r="CN2141" s="53"/>
    </row>
    <row r="2142" spans="1:92" outlineLevel="1">
      <c r="A2142" s="52" t="s">
        <v>726</v>
      </c>
      <c r="B2142" s="53">
        <v>-52157.240963855402</v>
      </c>
      <c r="C2142" s="53">
        <v>-52157.240963855402</v>
      </c>
      <c r="D2142" s="53">
        <v>-52157.240963855402</v>
      </c>
      <c r="E2142" s="53">
        <v>-52157.240963855402</v>
      </c>
      <c r="F2142" s="53">
        <v>-52157.240963855402</v>
      </c>
      <c r="G2142" s="53">
        <v>-52157.240963855402</v>
      </c>
      <c r="H2142" s="53">
        <v>-52157.240963855402</v>
      </c>
      <c r="I2142" s="53">
        <v>-52157.240963855402</v>
      </c>
      <c r="J2142" s="53">
        <v>-52157.240963855402</v>
      </c>
      <c r="K2142" s="53">
        <v>-52157.240963855402</v>
      </c>
      <c r="L2142" s="53">
        <v>-52157.240963855402</v>
      </c>
      <c r="M2142" s="53">
        <v>-52157.240963855402</v>
      </c>
      <c r="N2142" s="53">
        <v>-625886.89156626503</v>
      </c>
      <c r="O2142" s="53">
        <v>-52157.240963855402</v>
      </c>
      <c r="P2142" s="53">
        <v>-52157.240963855402</v>
      </c>
      <c r="Q2142" s="53">
        <v>-52157.240963855402</v>
      </c>
      <c r="R2142" s="53">
        <v>-52157.240963855402</v>
      </c>
      <c r="S2142" s="53">
        <v>-52157.240963855402</v>
      </c>
      <c r="T2142" s="53">
        <v>-52157.240963855402</v>
      </c>
      <c r="U2142" s="53">
        <v>-52157.240963855402</v>
      </c>
      <c r="V2142" s="53">
        <v>-52157.240963855402</v>
      </c>
      <c r="W2142" s="53">
        <v>-52157.240963855402</v>
      </c>
      <c r="X2142" s="53">
        <v>-52157.240963855402</v>
      </c>
      <c r="Y2142" s="53">
        <v>-52157.240963855402</v>
      </c>
      <c r="Z2142" s="53">
        <v>-52157.240963855402</v>
      </c>
      <c r="AA2142" s="53">
        <v>-625886.89156626503</v>
      </c>
      <c r="AB2142" s="53">
        <v>-52157.240963855402</v>
      </c>
      <c r="AC2142" s="53">
        <v>-52157.240963855402</v>
      </c>
      <c r="AD2142" s="53">
        <v>-52157.240963855402</v>
      </c>
      <c r="AE2142" s="53">
        <v>-52157.240963855402</v>
      </c>
      <c r="AF2142" s="53">
        <v>-52157.240963855402</v>
      </c>
      <c r="AG2142" s="53">
        <v>-52157.240963855402</v>
      </c>
      <c r="AH2142" s="53">
        <v>-52157.240963855402</v>
      </c>
      <c r="AI2142" s="53">
        <v>-52157.240963855402</v>
      </c>
      <c r="AJ2142" s="53">
        <v>-52157.240963855402</v>
      </c>
      <c r="AK2142" s="53">
        <v>-52157.240963855402</v>
      </c>
      <c r="AL2142" s="53">
        <v>-52157.240963855402</v>
      </c>
      <c r="AM2142" s="53">
        <v>-52157.240963855402</v>
      </c>
      <c r="AN2142" s="53">
        <v>-625886.89156626503</v>
      </c>
      <c r="AO2142" s="53">
        <v>-52157.240963855402</v>
      </c>
      <c r="AP2142" s="53">
        <v>-52157.240963855402</v>
      </c>
      <c r="AQ2142" s="53">
        <v>-52157.240963855402</v>
      </c>
      <c r="AR2142" s="53">
        <v>-52157.240963855402</v>
      </c>
      <c r="AS2142" s="53">
        <v>-52157.240963855402</v>
      </c>
      <c r="AT2142" s="53">
        <v>-52157.240963855402</v>
      </c>
      <c r="AU2142" s="53">
        <v>-52157.240963855402</v>
      </c>
      <c r="AV2142" s="53">
        <v>-52157.240963855402</v>
      </c>
      <c r="AW2142" s="53">
        <v>-52157.240963855402</v>
      </c>
      <c r="AX2142" s="53">
        <v>-52157.240963855402</v>
      </c>
      <c r="AY2142" s="53">
        <v>-52157.240963855402</v>
      </c>
      <c r="AZ2142" s="53">
        <v>-52157.240963855402</v>
      </c>
      <c r="BA2142" s="53">
        <v>-625886.89156626503</v>
      </c>
      <c r="BB2142" s="53">
        <v>-52157.240963855402</v>
      </c>
      <c r="BC2142" s="53">
        <v>-52157.240963855402</v>
      </c>
      <c r="BD2142" s="53">
        <v>-52157.240963855402</v>
      </c>
      <c r="BE2142" s="53">
        <v>-52157.240963855402</v>
      </c>
      <c r="BF2142" s="53">
        <v>-52157.240963855402</v>
      </c>
      <c r="BG2142" s="53">
        <v>-52157.240963855402</v>
      </c>
      <c r="BH2142" s="53">
        <v>-52157.240963855402</v>
      </c>
      <c r="BI2142" s="53">
        <v>-52157.240963855402</v>
      </c>
      <c r="BJ2142" s="53">
        <v>-52157.240963855402</v>
      </c>
      <c r="BK2142" s="53">
        <v>-52157.240963855402</v>
      </c>
      <c r="BL2142" s="53">
        <v>-52157.240963855402</v>
      </c>
      <c r="BM2142" s="53">
        <v>-52157.240963855402</v>
      </c>
      <c r="BN2142" s="53">
        <v>-625886.89156626503</v>
      </c>
      <c r="BO2142" s="53">
        <v>-52157.240963855402</v>
      </c>
      <c r="BP2142" s="53">
        <v>-52157.240963855402</v>
      </c>
      <c r="BQ2142" s="53">
        <v>-52157.240963855402</v>
      </c>
      <c r="BR2142" s="53">
        <v>-52157.240963855402</v>
      </c>
      <c r="BS2142" s="53">
        <v>-52157.240963855402</v>
      </c>
      <c r="BT2142" s="53">
        <v>-52157.240963855402</v>
      </c>
      <c r="BU2142" s="53">
        <v>-52157.240963855402</v>
      </c>
      <c r="BV2142" s="53">
        <v>-52157.240963855402</v>
      </c>
      <c r="BW2142" s="53">
        <v>-52157.240963855402</v>
      </c>
      <c r="BX2142" s="53">
        <v>-52157.240963855402</v>
      </c>
      <c r="BY2142" s="53">
        <v>-52157.240963855402</v>
      </c>
      <c r="BZ2142" s="53">
        <v>-52157.240963855402</v>
      </c>
      <c r="CA2142" s="53">
        <v>-625886.89156626503</v>
      </c>
      <c r="CB2142" s="53"/>
      <c r="CC2142" s="53"/>
      <c r="CD2142" s="53"/>
      <c r="CE2142" s="53"/>
      <c r="CF2142" s="53"/>
      <c r="CG2142" s="53"/>
      <c r="CH2142" s="53"/>
      <c r="CI2142" s="53"/>
      <c r="CJ2142" s="53"/>
      <c r="CK2142" s="53"/>
      <c r="CL2142" s="53"/>
      <c r="CM2142" s="53"/>
      <c r="CN2142" s="53"/>
    </row>
    <row r="2143" spans="1:92" outlineLevel="1">
      <c r="A2143" s="52" t="s">
        <v>728</v>
      </c>
      <c r="B2143" s="53">
        <v>-38996.0446927374</v>
      </c>
      <c r="C2143" s="53">
        <v>-38996.0446927374</v>
      </c>
      <c r="D2143" s="53">
        <v>-38996.0446927374</v>
      </c>
      <c r="E2143" s="53">
        <v>-38996.0446927374</v>
      </c>
      <c r="F2143" s="53">
        <v>-38996.0446927374</v>
      </c>
      <c r="G2143" s="53">
        <v>-38996.0446927374</v>
      </c>
      <c r="H2143" s="53">
        <v>-38996.0446927374</v>
      </c>
      <c r="I2143" s="53">
        <v>-38996.0446927374</v>
      </c>
      <c r="J2143" s="53">
        <v>-38996.0446927374</v>
      </c>
      <c r="K2143" s="53">
        <v>-38996.0446927374</v>
      </c>
      <c r="L2143" s="53">
        <v>-38996.0446927374</v>
      </c>
      <c r="M2143" s="53">
        <v>-38996.0446927374</v>
      </c>
      <c r="N2143" s="53">
        <v>-467952.53631284903</v>
      </c>
      <c r="O2143" s="53">
        <v>-38996.0446927374</v>
      </c>
      <c r="P2143" s="53">
        <v>-38996.0446927374</v>
      </c>
      <c r="Q2143" s="53">
        <v>-38996.0446927374</v>
      </c>
      <c r="R2143" s="53">
        <v>-38996.0446927374</v>
      </c>
      <c r="S2143" s="53">
        <v>-38996.0446927374</v>
      </c>
      <c r="T2143" s="53">
        <v>-38996.0446927374</v>
      </c>
      <c r="U2143" s="53">
        <v>-38996.0446927374</v>
      </c>
      <c r="V2143" s="53">
        <v>-38996.0446927374</v>
      </c>
      <c r="W2143" s="53">
        <v>-38996.0446927374</v>
      </c>
      <c r="X2143" s="53">
        <v>-38996.0446927374</v>
      </c>
      <c r="Y2143" s="53">
        <v>-38996.0446927374</v>
      </c>
      <c r="Z2143" s="53">
        <v>-38996.044692737298</v>
      </c>
      <c r="AA2143" s="53">
        <v>-467952.53631284798</v>
      </c>
      <c r="AB2143" s="53">
        <v>-38996.044692737298</v>
      </c>
      <c r="AC2143" s="53">
        <v>-38996.044692737298</v>
      </c>
      <c r="AD2143" s="53">
        <v>-38996.044692737298</v>
      </c>
      <c r="AE2143" s="53">
        <v>-38996.044692737298</v>
      </c>
      <c r="AF2143" s="53">
        <v>-38996.044692737298</v>
      </c>
      <c r="AG2143" s="53">
        <v>-38996.044692737298</v>
      </c>
      <c r="AH2143" s="53">
        <v>-38996.044692737298</v>
      </c>
      <c r="AI2143" s="53">
        <v>-38996.044692737298</v>
      </c>
      <c r="AJ2143" s="53">
        <v>-38996.044692737298</v>
      </c>
      <c r="AK2143" s="53">
        <v>-38996.044692737298</v>
      </c>
      <c r="AL2143" s="53">
        <v>-38996.044692737298</v>
      </c>
      <c r="AM2143" s="53">
        <v>-38996.044692737298</v>
      </c>
      <c r="AN2143" s="53">
        <v>-467952.53631284798</v>
      </c>
      <c r="AO2143" s="53">
        <v>-38996.044692737298</v>
      </c>
      <c r="AP2143" s="53">
        <v>-38996.044692737298</v>
      </c>
      <c r="AQ2143" s="53">
        <v>-38996.044692737298</v>
      </c>
      <c r="AR2143" s="53">
        <v>-38996.044692737298</v>
      </c>
      <c r="AS2143" s="53">
        <v>-38996.044692737298</v>
      </c>
      <c r="AT2143" s="53">
        <v>-38996.044692737298</v>
      </c>
      <c r="AU2143" s="53">
        <v>-38996.044692737298</v>
      </c>
      <c r="AV2143" s="53">
        <v>-38996.044692737298</v>
      </c>
      <c r="AW2143" s="53">
        <v>-38996.044692737298</v>
      </c>
      <c r="AX2143" s="53">
        <v>-38996.044692737298</v>
      </c>
      <c r="AY2143" s="53">
        <v>-38996.044692737298</v>
      </c>
      <c r="AZ2143" s="53">
        <v>-38996.044692737298</v>
      </c>
      <c r="BA2143" s="53">
        <v>-467952.53631284798</v>
      </c>
      <c r="BB2143" s="53">
        <v>-38996.044692737298</v>
      </c>
      <c r="BC2143" s="53">
        <v>-38996.044692737298</v>
      </c>
      <c r="BD2143" s="53">
        <v>-38996.044692737298</v>
      </c>
      <c r="BE2143" s="53">
        <v>-38996.044692737298</v>
      </c>
      <c r="BF2143" s="53">
        <v>-38996.044692737298</v>
      </c>
      <c r="BG2143" s="53">
        <v>-38996.044692737298</v>
      </c>
      <c r="BH2143" s="53">
        <v>-38996.044692737298</v>
      </c>
      <c r="BI2143" s="53">
        <v>-38996.044692737298</v>
      </c>
      <c r="BJ2143" s="53">
        <v>-38996.044692737298</v>
      </c>
      <c r="BK2143" s="53">
        <v>-38996.044692737298</v>
      </c>
      <c r="BL2143" s="53">
        <v>-38996.044692737298</v>
      </c>
      <c r="BM2143" s="53">
        <v>-38996.044692737298</v>
      </c>
      <c r="BN2143" s="53">
        <v>-467952.53631284798</v>
      </c>
      <c r="BO2143" s="53">
        <v>-38996.044692737298</v>
      </c>
      <c r="BP2143" s="53">
        <v>-38996.044692737298</v>
      </c>
      <c r="BQ2143" s="53">
        <v>-38996.0446927374</v>
      </c>
      <c r="BR2143" s="53">
        <v>-38996.0446927374</v>
      </c>
      <c r="BS2143" s="53">
        <v>-38996.0446927374</v>
      </c>
      <c r="BT2143" s="53">
        <v>-38996.0446927374</v>
      </c>
      <c r="BU2143" s="53">
        <v>-38996.0446927374</v>
      </c>
      <c r="BV2143" s="53">
        <v>-38996.0446927374</v>
      </c>
      <c r="BW2143" s="53">
        <v>-38996.0446927374</v>
      </c>
      <c r="BX2143" s="53">
        <v>-38996.0446927374</v>
      </c>
      <c r="BY2143" s="53">
        <v>-38996.044692737298</v>
      </c>
      <c r="BZ2143" s="53">
        <v>-38996.0446927374</v>
      </c>
      <c r="CA2143" s="53">
        <v>-467952.53631284798</v>
      </c>
      <c r="CB2143" s="53"/>
      <c r="CC2143" s="53"/>
      <c r="CD2143" s="53"/>
      <c r="CE2143" s="53"/>
      <c r="CF2143" s="53"/>
      <c r="CG2143" s="53"/>
      <c r="CH2143" s="53"/>
      <c r="CI2143" s="53"/>
      <c r="CJ2143" s="53"/>
      <c r="CK2143" s="53"/>
      <c r="CL2143" s="53"/>
      <c r="CM2143" s="53"/>
      <c r="CN2143" s="53"/>
    </row>
    <row r="2144" spans="1:92" outlineLevel="1">
      <c r="A2144" s="52" t="s">
        <v>729</v>
      </c>
      <c r="B2144" s="53">
        <v>-48595.5162790697</v>
      </c>
      <c r="C2144" s="53">
        <v>-48595.5162790697</v>
      </c>
      <c r="D2144" s="53">
        <v>-48595.5162790697</v>
      </c>
      <c r="E2144" s="53">
        <v>-48595.5162790697</v>
      </c>
      <c r="F2144" s="53">
        <v>-48595.5162790697</v>
      </c>
      <c r="G2144" s="53">
        <v>-48595.5162790697</v>
      </c>
      <c r="H2144" s="53">
        <v>-48595.5162790697</v>
      </c>
      <c r="I2144" s="53">
        <v>-48595.5162790697</v>
      </c>
      <c r="J2144" s="53">
        <v>-48595.5162790697</v>
      </c>
      <c r="K2144" s="53">
        <v>-48595.5162790697</v>
      </c>
      <c r="L2144" s="53">
        <v>-48595.5162790697</v>
      </c>
      <c r="M2144" s="53">
        <v>-48595.5162790697</v>
      </c>
      <c r="N2144" s="53">
        <v>-583146.19534883695</v>
      </c>
      <c r="O2144" s="53">
        <v>-48595.5162790697</v>
      </c>
      <c r="P2144" s="53">
        <v>-48595.5162790697</v>
      </c>
      <c r="Q2144" s="53">
        <v>-48595.5162790697</v>
      </c>
      <c r="R2144" s="53">
        <v>-48595.5162790697</v>
      </c>
      <c r="S2144" s="53">
        <v>-48595.5162790697</v>
      </c>
      <c r="T2144" s="53">
        <v>-48595.5162790697</v>
      </c>
      <c r="U2144" s="53">
        <v>-48595.5162790697</v>
      </c>
      <c r="V2144" s="53">
        <v>-48595.5162790697</v>
      </c>
      <c r="W2144" s="53">
        <v>-48595.5162790697</v>
      </c>
      <c r="X2144" s="53">
        <v>-48595.5162790697</v>
      </c>
      <c r="Y2144" s="53">
        <v>-48595.5162790697</v>
      </c>
      <c r="Z2144" s="53">
        <v>-48595.5162790697</v>
      </c>
      <c r="AA2144" s="53">
        <v>-583146.19534883695</v>
      </c>
      <c r="AB2144" s="53">
        <v>-48595.516279069801</v>
      </c>
      <c r="AC2144" s="53">
        <v>-48595.516279069801</v>
      </c>
      <c r="AD2144" s="53">
        <v>-48595.516279069801</v>
      </c>
      <c r="AE2144" s="53">
        <v>-48595.516279069801</v>
      </c>
      <c r="AF2144" s="53">
        <v>-48595.516279069801</v>
      </c>
      <c r="AG2144" s="53">
        <v>-48595.516279069801</v>
      </c>
      <c r="AH2144" s="53">
        <v>-48595.516279069801</v>
      </c>
      <c r="AI2144" s="53">
        <v>-48595.516279069801</v>
      </c>
      <c r="AJ2144" s="53">
        <v>-48595.516279069801</v>
      </c>
      <c r="AK2144" s="53">
        <v>-48595.516279069801</v>
      </c>
      <c r="AL2144" s="53">
        <v>-48595.516279069801</v>
      </c>
      <c r="AM2144" s="53">
        <v>-48595.516279069801</v>
      </c>
      <c r="AN2144" s="53">
        <v>-583146.19534883695</v>
      </c>
      <c r="AO2144" s="53">
        <v>-48595.516279069801</v>
      </c>
      <c r="AP2144" s="53">
        <v>-48595.516279069801</v>
      </c>
      <c r="AQ2144" s="53">
        <v>-48595.516279069801</v>
      </c>
      <c r="AR2144" s="53">
        <v>-48595.516279069801</v>
      </c>
      <c r="AS2144" s="53">
        <v>-48595.516279069801</v>
      </c>
      <c r="AT2144" s="53">
        <v>-48595.516279069801</v>
      </c>
      <c r="AU2144" s="53">
        <v>-48595.516279069801</v>
      </c>
      <c r="AV2144" s="53">
        <v>-48595.516279069801</v>
      </c>
      <c r="AW2144" s="53">
        <v>-48595.516279069801</v>
      </c>
      <c r="AX2144" s="53">
        <v>-48595.516279069801</v>
      </c>
      <c r="AY2144" s="53">
        <v>-48595.516279069801</v>
      </c>
      <c r="AZ2144" s="53">
        <v>-48595.516279069801</v>
      </c>
      <c r="BA2144" s="53">
        <v>-583146.19534883799</v>
      </c>
      <c r="BB2144" s="53">
        <v>-48595.516279069801</v>
      </c>
      <c r="BC2144" s="53">
        <v>-48595.516279069801</v>
      </c>
      <c r="BD2144" s="53">
        <v>-48595.516279069801</v>
      </c>
      <c r="BE2144" s="53">
        <v>-48595.516279069801</v>
      </c>
      <c r="BF2144" s="53">
        <v>-48595.516279069801</v>
      </c>
      <c r="BG2144" s="53">
        <v>-48595.516279069801</v>
      </c>
      <c r="BH2144" s="53">
        <v>-48595.516279069801</v>
      </c>
      <c r="BI2144" s="53">
        <v>-48595.516279069801</v>
      </c>
      <c r="BJ2144" s="53">
        <v>-48595.516279069801</v>
      </c>
      <c r="BK2144" s="53">
        <v>-48595.516279069801</v>
      </c>
      <c r="BL2144" s="53">
        <v>-48595.516279069801</v>
      </c>
      <c r="BM2144" s="53">
        <v>-48595.516279069801</v>
      </c>
      <c r="BN2144" s="53">
        <v>-583146.19534883799</v>
      </c>
      <c r="BO2144" s="53">
        <v>-48595.516279069801</v>
      </c>
      <c r="BP2144" s="53">
        <v>-48595.516279069801</v>
      </c>
      <c r="BQ2144" s="53">
        <v>-48595.516279069903</v>
      </c>
      <c r="BR2144" s="53">
        <v>-48595.516279069801</v>
      </c>
      <c r="BS2144" s="53">
        <v>-48595.516279069801</v>
      </c>
      <c r="BT2144" s="53">
        <v>-48595.516279069801</v>
      </c>
      <c r="BU2144" s="53">
        <v>-48595.516279069801</v>
      </c>
      <c r="BV2144" s="53">
        <v>-48595.516279069801</v>
      </c>
      <c r="BW2144" s="53">
        <v>-48595.516279069801</v>
      </c>
      <c r="BX2144" s="53">
        <v>-48595.516279069801</v>
      </c>
      <c r="BY2144" s="53">
        <v>-48595.516279069801</v>
      </c>
      <c r="BZ2144" s="53">
        <v>-48595.516279069801</v>
      </c>
      <c r="CA2144" s="53">
        <v>-583146.19534883799</v>
      </c>
      <c r="CB2144" s="53"/>
      <c r="CC2144" s="53"/>
      <c r="CD2144" s="53"/>
      <c r="CE2144" s="53"/>
      <c r="CF2144" s="53"/>
      <c r="CG2144" s="53"/>
      <c r="CH2144" s="53"/>
      <c r="CI2144" s="53"/>
      <c r="CJ2144" s="53"/>
      <c r="CK2144" s="53"/>
      <c r="CL2144" s="53"/>
      <c r="CM2144" s="53"/>
      <c r="CN2144" s="53"/>
    </row>
    <row r="2145" spans="1:92" outlineLevel="1">
      <c r="A2145" s="52" t="s">
        <v>730</v>
      </c>
      <c r="B2145" s="53">
        <v>-16652.086330935199</v>
      </c>
      <c r="C2145" s="53">
        <v>-16652.086330935199</v>
      </c>
      <c r="D2145" s="53">
        <v>-16652.086330935199</v>
      </c>
      <c r="E2145" s="53">
        <v>-16652.086330935199</v>
      </c>
      <c r="F2145" s="53">
        <v>-16652.086330935199</v>
      </c>
      <c r="G2145" s="53">
        <v>-16652.086330935199</v>
      </c>
      <c r="H2145" s="53">
        <v>-16652.086330935199</v>
      </c>
      <c r="I2145" s="53">
        <v>-16652.086330935199</v>
      </c>
      <c r="J2145" s="53">
        <v>-16652.086330935199</v>
      </c>
      <c r="K2145" s="53">
        <v>-16652.086330935199</v>
      </c>
      <c r="L2145" s="53">
        <v>-16652.086330935199</v>
      </c>
      <c r="M2145" s="53">
        <v>-16652.086330935199</v>
      </c>
      <c r="N2145" s="53">
        <v>-199825.035971223</v>
      </c>
      <c r="O2145" s="53">
        <v>-16652.086330935199</v>
      </c>
      <c r="P2145" s="53">
        <v>-16652.086330935199</v>
      </c>
      <c r="Q2145" s="53">
        <v>-16652.086330935199</v>
      </c>
      <c r="R2145" s="53">
        <v>-16652.086330935199</v>
      </c>
      <c r="S2145" s="53">
        <v>-16652.086330935199</v>
      </c>
      <c r="T2145" s="53">
        <v>-16652.086330935199</v>
      </c>
      <c r="U2145" s="53">
        <v>-16652.086330935199</v>
      </c>
      <c r="V2145" s="53">
        <v>-16652.086330935199</v>
      </c>
      <c r="W2145" s="53">
        <v>-16652.086330935199</v>
      </c>
      <c r="X2145" s="53">
        <v>-16652.086330935199</v>
      </c>
      <c r="Y2145" s="53">
        <v>-16652.086330935199</v>
      </c>
      <c r="Z2145" s="53">
        <v>-16652.086330935199</v>
      </c>
      <c r="AA2145" s="53">
        <v>-199825.035971223</v>
      </c>
      <c r="AB2145" s="53">
        <v>-16652.086330935199</v>
      </c>
      <c r="AC2145" s="53">
        <v>-16652.086330935199</v>
      </c>
      <c r="AD2145" s="53">
        <v>-16652.086330935199</v>
      </c>
      <c r="AE2145" s="53">
        <v>-16652.086330935199</v>
      </c>
      <c r="AF2145" s="53">
        <v>-16652.086330935199</v>
      </c>
      <c r="AG2145" s="53">
        <v>-16652.086330935199</v>
      </c>
      <c r="AH2145" s="53">
        <v>-16652.086330935199</v>
      </c>
      <c r="AI2145" s="53">
        <v>-16652.086330935199</v>
      </c>
      <c r="AJ2145" s="53">
        <v>-16652.086330935199</v>
      </c>
      <c r="AK2145" s="53">
        <v>-16652.086330935199</v>
      </c>
      <c r="AL2145" s="53">
        <v>-16652.086330935199</v>
      </c>
      <c r="AM2145" s="53">
        <v>-16652.086330935199</v>
      </c>
      <c r="AN2145" s="53">
        <v>-199825.035971223</v>
      </c>
      <c r="AO2145" s="53">
        <v>-16652.086330935199</v>
      </c>
      <c r="AP2145" s="53">
        <v>-16652.086330935199</v>
      </c>
      <c r="AQ2145" s="53">
        <v>-16652.086330935199</v>
      </c>
      <c r="AR2145" s="53">
        <v>-16652.086330935199</v>
      </c>
      <c r="AS2145" s="53">
        <v>-16652.086330935199</v>
      </c>
      <c r="AT2145" s="53">
        <v>-16652.086330935199</v>
      </c>
      <c r="AU2145" s="53">
        <v>-16652.086330935199</v>
      </c>
      <c r="AV2145" s="53">
        <v>-16652.086330935199</v>
      </c>
      <c r="AW2145" s="53">
        <v>-16652.086330935199</v>
      </c>
      <c r="AX2145" s="53">
        <v>-16652.086330935199</v>
      </c>
      <c r="AY2145" s="53">
        <v>-16652.086330935199</v>
      </c>
      <c r="AZ2145" s="53">
        <v>-16652.086330935199</v>
      </c>
      <c r="BA2145" s="53">
        <v>-199825.035971223</v>
      </c>
      <c r="BB2145" s="53">
        <v>-16652.086330935199</v>
      </c>
      <c r="BC2145" s="53">
        <v>-16652.086330935199</v>
      </c>
      <c r="BD2145" s="53">
        <v>-16652.086330935199</v>
      </c>
      <c r="BE2145" s="53">
        <v>-16652.086330935199</v>
      </c>
      <c r="BF2145" s="53">
        <v>-16652.086330935199</v>
      </c>
      <c r="BG2145" s="53">
        <v>-16652.086330935199</v>
      </c>
      <c r="BH2145" s="53">
        <v>-16652.086330935199</v>
      </c>
      <c r="BI2145" s="53">
        <v>-16652.086330935199</v>
      </c>
      <c r="BJ2145" s="53">
        <v>-16652.086330935199</v>
      </c>
      <c r="BK2145" s="53">
        <v>-16652.086330935199</v>
      </c>
      <c r="BL2145" s="53">
        <v>-16652.086330935199</v>
      </c>
      <c r="BM2145" s="53">
        <v>-16652.086330935199</v>
      </c>
      <c r="BN2145" s="53">
        <v>-199825.035971223</v>
      </c>
      <c r="BO2145" s="53">
        <v>-16652.086330935199</v>
      </c>
      <c r="BP2145" s="53">
        <v>-16652.086330935199</v>
      </c>
      <c r="BQ2145" s="53">
        <v>-16652.086330935199</v>
      </c>
      <c r="BR2145" s="53">
        <v>-16652.086330935199</v>
      </c>
      <c r="BS2145" s="53">
        <v>-16652.086330935199</v>
      </c>
      <c r="BT2145" s="53">
        <v>-16652.086330935199</v>
      </c>
      <c r="BU2145" s="53">
        <v>-16652.086330935199</v>
      </c>
      <c r="BV2145" s="53">
        <v>-16652.086330935199</v>
      </c>
      <c r="BW2145" s="53">
        <v>-16652.086330935199</v>
      </c>
      <c r="BX2145" s="53">
        <v>-16652.086330935199</v>
      </c>
      <c r="BY2145" s="53">
        <v>-16652.086330935199</v>
      </c>
      <c r="BZ2145" s="53">
        <v>-16652.086330935199</v>
      </c>
      <c r="CA2145" s="53">
        <v>-199825.035971223</v>
      </c>
      <c r="CB2145" s="53"/>
      <c r="CC2145" s="53"/>
      <c r="CD2145" s="53"/>
      <c r="CE2145" s="53"/>
      <c r="CF2145" s="53"/>
      <c r="CG2145" s="53"/>
      <c r="CH2145" s="53"/>
      <c r="CI2145" s="53"/>
      <c r="CJ2145" s="53"/>
      <c r="CK2145" s="53"/>
      <c r="CL2145" s="53"/>
      <c r="CM2145" s="53"/>
      <c r="CN2145" s="53"/>
    </row>
    <row r="2146" spans="1:92" outlineLevel="1">
      <c r="A2146" s="52" t="s">
        <v>1565</v>
      </c>
      <c r="B2146" s="53">
        <v>-11698.0753138075</v>
      </c>
      <c r="C2146" s="53">
        <v>-11698.0753138075</v>
      </c>
      <c r="D2146" s="53">
        <v>-11698.0753138075</v>
      </c>
      <c r="E2146" s="53">
        <v>-11698.0753138075</v>
      </c>
      <c r="F2146" s="53">
        <v>-11698.0753138075</v>
      </c>
      <c r="G2146" s="53">
        <v>-11698.0753138075</v>
      </c>
      <c r="H2146" s="53">
        <v>-11698.0753138075</v>
      </c>
      <c r="I2146" s="53">
        <v>-11698.0753138075</v>
      </c>
      <c r="J2146" s="53">
        <v>-11698.0753138075</v>
      </c>
      <c r="K2146" s="53">
        <v>-11698.0753138075</v>
      </c>
      <c r="L2146" s="53">
        <v>-11698.0753138075</v>
      </c>
      <c r="M2146" s="53">
        <v>-11698.0753138075</v>
      </c>
      <c r="N2146" s="53">
        <v>-140376.90376568999</v>
      </c>
      <c r="O2146" s="53">
        <v>-11698.0753138075</v>
      </c>
      <c r="P2146" s="53">
        <v>-11698.0753138075</v>
      </c>
      <c r="Q2146" s="53">
        <v>-11698.0753138075</v>
      </c>
      <c r="R2146" s="53">
        <v>-11698.0753138075</v>
      </c>
      <c r="S2146" s="53">
        <v>-11698.0753138075</v>
      </c>
      <c r="T2146" s="53">
        <v>-11698.0753138075</v>
      </c>
      <c r="U2146" s="53">
        <v>-11698.0753138075</v>
      </c>
      <c r="V2146" s="53">
        <v>-11698.0753138075</v>
      </c>
      <c r="W2146" s="53">
        <v>-11698.0753138075</v>
      </c>
      <c r="X2146" s="53">
        <v>-11698.0753138075</v>
      </c>
      <c r="Y2146" s="53">
        <v>-11698.0753138075</v>
      </c>
      <c r="Z2146" s="53">
        <v>-11698.0753138075</v>
      </c>
      <c r="AA2146" s="53">
        <v>-140376.90376568999</v>
      </c>
      <c r="AB2146" s="53">
        <v>-11698.0753138075</v>
      </c>
      <c r="AC2146" s="53">
        <v>-11698.0753138075</v>
      </c>
      <c r="AD2146" s="53">
        <v>-11698.0753138075</v>
      </c>
      <c r="AE2146" s="53">
        <v>-11698.0753138075</v>
      </c>
      <c r="AF2146" s="53">
        <v>-11698.0753138075</v>
      </c>
      <c r="AG2146" s="53">
        <v>-11698.0753138075</v>
      </c>
      <c r="AH2146" s="53">
        <v>-11698.0753138075</v>
      </c>
      <c r="AI2146" s="53">
        <v>-11698.0753138075</v>
      </c>
      <c r="AJ2146" s="53">
        <v>-11698.0753138075</v>
      </c>
      <c r="AK2146" s="53">
        <v>-11698.0753138075</v>
      </c>
      <c r="AL2146" s="53">
        <v>-11698.0753138075</v>
      </c>
      <c r="AM2146" s="53">
        <v>-11698.0753138075</v>
      </c>
      <c r="AN2146" s="53">
        <v>-140376.90376568999</v>
      </c>
      <c r="AO2146" s="53">
        <v>-11698.0753138075</v>
      </c>
      <c r="AP2146" s="53">
        <v>-11698.0753138075</v>
      </c>
      <c r="AQ2146" s="53">
        <v>-11698.0753138075</v>
      </c>
      <c r="AR2146" s="53">
        <v>-11698.0753138075</v>
      </c>
      <c r="AS2146" s="53">
        <v>-11698.0753138075</v>
      </c>
      <c r="AT2146" s="53">
        <v>-11698.0753138075</v>
      </c>
      <c r="AU2146" s="53">
        <v>-11698.0753138075</v>
      </c>
      <c r="AV2146" s="53">
        <v>-11698.0753138075</v>
      </c>
      <c r="AW2146" s="53">
        <v>-11698.0753138075</v>
      </c>
      <c r="AX2146" s="53">
        <v>-11698.0753138075</v>
      </c>
      <c r="AY2146" s="53">
        <v>-11698.0753138075</v>
      </c>
      <c r="AZ2146" s="53">
        <v>-11698.0753138075</v>
      </c>
      <c r="BA2146" s="53">
        <v>-140376.90376568999</v>
      </c>
      <c r="BB2146" s="53">
        <v>-11698.0753138075</v>
      </c>
      <c r="BC2146" s="53">
        <v>-11698.0753138075</v>
      </c>
      <c r="BD2146" s="53">
        <v>-11698.0753138075</v>
      </c>
      <c r="BE2146" s="53">
        <v>-11698.0753138075</v>
      </c>
      <c r="BF2146" s="53">
        <v>-11698.0753138075</v>
      </c>
      <c r="BG2146" s="53">
        <v>-11698.0753138075</v>
      </c>
      <c r="BH2146" s="53">
        <v>-11698.0753138075</v>
      </c>
      <c r="BI2146" s="53">
        <v>-11698.0753138075</v>
      </c>
      <c r="BJ2146" s="53">
        <v>-11698.0753138075</v>
      </c>
      <c r="BK2146" s="53">
        <v>-11698.0753138075</v>
      </c>
      <c r="BL2146" s="53">
        <v>-11698.0753138075</v>
      </c>
      <c r="BM2146" s="53">
        <v>-11698.0753138075</v>
      </c>
      <c r="BN2146" s="53">
        <v>-140376.90376568999</v>
      </c>
      <c r="BO2146" s="53">
        <v>-11698.0753138075</v>
      </c>
      <c r="BP2146" s="53">
        <v>-11698.0753138075</v>
      </c>
      <c r="BQ2146" s="53">
        <v>-11698.0753138075</v>
      </c>
      <c r="BR2146" s="53">
        <v>-11698.0753138075</v>
      </c>
      <c r="BS2146" s="53">
        <v>-11698.0753138075</v>
      </c>
      <c r="BT2146" s="53">
        <v>-11698.0753138075</v>
      </c>
      <c r="BU2146" s="53">
        <v>-11698.0753138075</v>
      </c>
      <c r="BV2146" s="53">
        <v>-11698.0753138075</v>
      </c>
      <c r="BW2146" s="53">
        <v>-11698.0753138075</v>
      </c>
      <c r="BX2146" s="53">
        <v>-11698.0753138075</v>
      </c>
      <c r="BY2146" s="53">
        <v>-11698.0753138075</v>
      </c>
      <c r="BZ2146" s="53">
        <v>-11698.0753138075</v>
      </c>
      <c r="CA2146" s="53">
        <v>-140376.90376568999</v>
      </c>
      <c r="CB2146" s="53"/>
      <c r="CC2146" s="53"/>
      <c r="CD2146" s="53"/>
      <c r="CE2146" s="53"/>
      <c r="CF2146" s="53"/>
      <c r="CG2146" s="53"/>
      <c r="CH2146" s="53"/>
      <c r="CI2146" s="53"/>
      <c r="CJ2146" s="53"/>
      <c r="CK2146" s="53"/>
      <c r="CL2146" s="53"/>
      <c r="CM2146" s="53"/>
      <c r="CN2146" s="53"/>
    </row>
    <row r="2147" spans="1:92" outlineLevel="1">
      <c r="A2147" s="52" t="s">
        <v>1591</v>
      </c>
      <c r="B2147" s="53"/>
      <c r="C2147" s="53"/>
      <c r="D2147" s="53"/>
      <c r="E2147" s="53"/>
      <c r="F2147" s="53"/>
      <c r="G2147" s="53"/>
      <c r="H2147" s="53"/>
      <c r="I2147" s="53"/>
      <c r="J2147" s="53"/>
      <c r="K2147" s="53"/>
      <c r="L2147" s="53"/>
      <c r="M2147" s="53"/>
      <c r="N2147" s="53"/>
      <c r="O2147" s="53"/>
      <c r="P2147" s="53"/>
      <c r="Q2147" s="53"/>
      <c r="R2147" s="53"/>
      <c r="S2147" s="53"/>
      <c r="T2147" s="53"/>
      <c r="U2147" s="53"/>
      <c r="V2147" s="53"/>
      <c r="W2147" s="53"/>
      <c r="X2147" s="53"/>
      <c r="Y2147" s="53"/>
      <c r="Z2147" s="53"/>
      <c r="AA2147" s="53"/>
      <c r="AB2147" s="53"/>
      <c r="AC2147" s="53"/>
      <c r="AD2147" s="53"/>
      <c r="AE2147" s="53"/>
      <c r="AF2147" s="53"/>
      <c r="AG2147" s="53"/>
      <c r="AH2147" s="53"/>
      <c r="AI2147" s="53"/>
      <c r="AJ2147" s="53"/>
      <c r="AK2147" s="53"/>
      <c r="AL2147" s="53"/>
      <c r="AM2147" s="53"/>
      <c r="AN2147" s="53"/>
      <c r="AO2147" s="53"/>
      <c r="AP2147" s="53"/>
      <c r="AQ2147" s="53"/>
      <c r="AR2147" s="53"/>
      <c r="AS2147" s="53"/>
      <c r="AT2147" s="53"/>
      <c r="AU2147" s="53"/>
      <c r="AV2147" s="53"/>
      <c r="AW2147" s="53"/>
      <c r="AX2147" s="53"/>
      <c r="AY2147" s="53"/>
      <c r="AZ2147" s="53"/>
      <c r="BA2147" s="53"/>
      <c r="BB2147" s="53"/>
      <c r="BC2147" s="53"/>
      <c r="BD2147" s="53"/>
      <c r="BE2147" s="53"/>
      <c r="BF2147" s="53"/>
      <c r="BG2147" s="53"/>
      <c r="BH2147" s="53"/>
      <c r="BI2147" s="53"/>
      <c r="BJ2147" s="53"/>
      <c r="BK2147" s="53"/>
      <c r="BL2147" s="53"/>
      <c r="BM2147" s="53"/>
      <c r="BN2147" s="53"/>
      <c r="BO2147" s="53"/>
      <c r="BP2147" s="53"/>
      <c r="BQ2147" s="53"/>
      <c r="BR2147" s="53"/>
      <c r="BS2147" s="53"/>
      <c r="BT2147" s="53"/>
      <c r="BU2147" s="53"/>
      <c r="BV2147" s="53"/>
      <c r="BW2147" s="53"/>
      <c r="BX2147" s="53"/>
      <c r="BY2147" s="53"/>
      <c r="BZ2147" s="53"/>
      <c r="CA2147" s="53"/>
      <c r="CB2147" s="53">
        <v>650000000</v>
      </c>
      <c r="CC2147" s="53"/>
      <c r="CD2147" s="53"/>
      <c r="CE2147" s="53"/>
      <c r="CF2147" s="53"/>
      <c r="CG2147" s="53"/>
      <c r="CH2147" s="53"/>
      <c r="CI2147" s="53"/>
      <c r="CJ2147" s="53"/>
      <c r="CK2147" s="53"/>
      <c r="CL2147" s="53"/>
      <c r="CM2147" s="53"/>
      <c r="CN2147" s="53">
        <v>650000000</v>
      </c>
    </row>
    <row r="2148" spans="1:92" outlineLevel="1">
      <c r="A2148" s="52" t="s">
        <v>711</v>
      </c>
      <c r="B2148" s="53">
        <v>-1213.9344262295001</v>
      </c>
      <c r="C2148" s="53">
        <v>-1213.9344262295001</v>
      </c>
      <c r="D2148" s="53">
        <v>-1213.9344262295001</v>
      </c>
      <c r="E2148" s="53">
        <v>-1213.9344262295001</v>
      </c>
      <c r="F2148" s="53">
        <v>-1213.9344262295001</v>
      </c>
      <c r="G2148" s="53">
        <v>-1213.9344262295001</v>
      </c>
      <c r="H2148" s="53">
        <v>-1213.9344262295001</v>
      </c>
      <c r="I2148" s="53">
        <v>-1213.9344262295001</v>
      </c>
      <c r="J2148" s="53">
        <v>-1213.9344262295001</v>
      </c>
      <c r="K2148" s="53">
        <v>-1213.9344262295001</v>
      </c>
      <c r="L2148" s="53">
        <v>-1213.9344262295001</v>
      </c>
      <c r="M2148" s="53">
        <v>-1213.9344262295001</v>
      </c>
      <c r="N2148" s="53">
        <v>-14567.213114754</v>
      </c>
      <c r="O2148" s="53">
        <v>-1213.9344262295001</v>
      </c>
      <c r="P2148" s="53">
        <v>-1213.9344262295001</v>
      </c>
      <c r="Q2148" s="53">
        <v>-1213.9344262295001</v>
      </c>
      <c r="R2148" s="53">
        <v>-1213.9344262295001</v>
      </c>
      <c r="S2148" s="53">
        <v>-1213.9344262295001</v>
      </c>
      <c r="T2148" s="53">
        <v>-1213.9344262295001</v>
      </c>
      <c r="U2148" s="53">
        <v>-1213.9344262295001</v>
      </c>
      <c r="V2148" s="53">
        <v>-1213.9344262295001</v>
      </c>
      <c r="W2148" s="53">
        <v>-1213.9344262295001</v>
      </c>
      <c r="X2148" s="53">
        <v>-1213.9344262295001</v>
      </c>
      <c r="Y2148" s="53">
        <v>-1213.9344262295001</v>
      </c>
      <c r="Z2148" s="53">
        <v>-1213.9344262295001</v>
      </c>
      <c r="AA2148" s="53">
        <v>-14567.213114754</v>
      </c>
      <c r="AB2148" s="53">
        <v>-1213.9344262295001</v>
      </c>
      <c r="AC2148" s="53">
        <v>-1213.9344262295001</v>
      </c>
      <c r="AD2148" s="53">
        <v>-1213.9344262295001</v>
      </c>
      <c r="AE2148" s="53">
        <v>-1213.9344262295001</v>
      </c>
      <c r="AF2148" s="53">
        <v>-1213.9344262295001</v>
      </c>
      <c r="AG2148" s="53">
        <v>-1213.9344262295001</v>
      </c>
      <c r="AH2148" s="53">
        <v>-1213.9344262295001</v>
      </c>
      <c r="AI2148" s="53">
        <v>-1213.9344262295001</v>
      </c>
      <c r="AJ2148" s="53">
        <v>-1213.9344262295001</v>
      </c>
      <c r="AK2148" s="53">
        <v>-1213.9344262295001</v>
      </c>
      <c r="AL2148" s="53">
        <v>-1213.9344262295001</v>
      </c>
      <c r="AM2148" s="53">
        <v>-1213.9344262295001</v>
      </c>
      <c r="AN2148" s="53">
        <v>-14567.213114754</v>
      </c>
      <c r="AO2148" s="53">
        <v>-1213.9344262295001</v>
      </c>
      <c r="AP2148" s="53">
        <v>-1213.9344262295001</v>
      </c>
      <c r="AQ2148" s="53">
        <v>-1213.9344262295001</v>
      </c>
      <c r="AR2148" s="53">
        <v>-1213.9344262295001</v>
      </c>
      <c r="AS2148" s="53">
        <v>-1213.9344262295001</v>
      </c>
      <c r="AT2148" s="53">
        <v>-1213.9344262295001</v>
      </c>
      <c r="AU2148" s="53">
        <v>-1213.9344262295001</v>
      </c>
      <c r="AV2148" s="53">
        <v>-1213.9344262295001</v>
      </c>
      <c r="AW2148" s="53">
        <v>-1213.9344262295001</v>
      </c>
      <c r="AX2148" s="53">
        <v>-1213.9344262295001</v>
      </c>
      <c r="AY2148" s="53">
        <v>-1213.9344262295001</v>
      </c>
      <c r="AZ2148" s="53">
        <v>-1213.9344262295001</v>
      </c>
      <c r="BA2148" s="53">
        <v>-14567.213114754</v>
      </c>
      <c r="BB2148" s="53">
        <v>-1213.9344262295001</v>
      </c>
      <c r="BC2148" s="53">
        <v>-1213.9344262295001</v>
      </c>
      <c r="BD2148" s="53">
        <v>-1213.9344262295001</v>
      </c>
      <c r="BE2148" s="53">
        <v>-1213.9344262295001</v>
      </c>
      <c r="BF2148" s="53">
        <v>-1213.9344262295001</v>
      </c>
      <c r="BG2148" s="53">
        <v>-1213.9344262295001</v>
      </c>
      <c r="BH2148" s="53">
        <v>-1213.9344262295001</v>
      </c>
      <c r="BI2148" s="53">
        <v>-1213.9344262295001</v>
      </c>
      <c r="BJ2148" s="53">
        <v>-1213.9344262295001</v>
      </c>
      <c r="BK2148" s="53">
        <v>-1213.9344262295001</v>
      </c>
      <c r="BL2148" s="53">
        <v>-1213.9344262295001</v>
      </c>
      <c r="BM2148" s="53">
        <v>-1213.9344262295001</v>
      </c>
      <c r="BN2148" s="53">
        <v>-14567.2131147541</v>
      </c>
      <c r="BO2148" s="53">
        <v>-1213.9344262295001</v>
      </c>
      <c r="BP2148" s="53"/>
      <c r="BQ2148" s="53"/>
      <c r="BR2148" s="53"/>
      <c r="BS2148" s="53"/>
      <c r="BT2148" s="53"/>
      <c r="BU2148" s="53"/>
      <c r="BV2148" s="53"/>
      <c r="BW2148" s="53"/>
      <c r="BX2148" s="53"/>
      <c r="BY2148" s="53"/>
      <c r="BZ2148" s="53"/>
      <c r="CA2148" s="53">
        <v>-1213.9344262295001</v>
      </c>
      <c r="CB2148" s="53"/>
      <c r="CC2148" s="53"/>
      <c r="CD2148" s="53"/>
      <c r="CE2148" s="53"/>
      <c r="CF2148" s="53"/>
      <c r="CG2148" s="53"/>
      <c r="CH2148" s="53"/>
      <c r="CI2148" s="53"/>
      <c r="CJ2148" s="53"/>
      <c r="CK2148" s="53"/>
      <c r="CL2148" s="53"/>
      <c r="CM2148" s="53"/>
      <c r="CN2148" s="53"/>
    </row>
    <row r="2149" spans="1:92" outlineLevel="1">
      <c r="A2149" s="52" t="s">
        <v>712</v>
      </c>
      <c r="B2149" s="53">
        <v>-1583.1557377049101</v>
      </c>
      <c r="C2149" s="53">
        <v>-1583.1557377049101</v>
      </c>
      <c r="D2149" s="53">
        <v>-1583.1557377049101</v>
      </c>
      <c r="E2149" s="53">
        <v>-1583.1557377049101</v>
      </c>
      <c r="F2149" s="53">
        <v>-1583.1557377049101</v>
      </c>
      <c r="G2149" s="53">
        <v>-1583.1557377049101</v>
      </c>
      <c r="H2149" s="53">
        <v>-1583.1557377049101</v>
      </c>
      <c r="I2149" s="53">
        <v>-1583.1557377049101</v>
      </c>
      <c r="J2149" s="53">
        <v>-1583.1557377049101</v>
      </c>
      <c r="K2149" s="53">
        <v>-1583.1557377049101</v>
      </c>
      <c r="L2149" s="53">
        <v>-1583.1557377049101</v>
      </c>
      <c r="M2149" s="53">
        <v>-1583.1557377049101</v>
      </c>
      <c r="N2149" s="53">
        <v>-18997.868852459</v>
      </c>
      <c r="O2149" s="53">
        <v>-1583.1557377049101</v>
      </c>
      <c r="P2149" s="53">
        <v>-1583.1557377049101</v>
      </c>
      <c r="Q2149" s="53">
        <v>-1583.1557377049101</v>
      </c>
      <c r="R2149" s="53">
        <v>-1583.1557377049101</v>
      </c>
      <c r="S2149" s="53">
        <v>-1583.1557377049101</v>
      </c>
      <c r="T2149" s="53">
        <v>-1583.1557377049101</v>
      </c>
      <c r="U2149" s="53">
        <v>-1583.1557377049101</v>
      </c>
      <c r="V2149" s="53">
        <v>-1583.1557377049101</v>
      </c>
      <c r="W2149" s="53">
        <v>-1583.1557377049101</v>
      </c>
      <c r="X2149" s="53">
        <v>-1583.1557377049101</v>
      </c>
      <c r="Y2149" s="53">
        <v>-1583.1557377049101</v>
      </c>
      <c r="Z2149" s="53">
        <v>-1583.1557377049101</v>
      </c>
      <c r="AA2149" s="53">
        <v>-18997.868852459</v>
      </c>
      <c r="AB2149" s="53">
        <v>-1583.1557377049101</v>
      </c>
      <c r="AC2149" s="53">
        <v>-1583.1557377049101</v>
      </c>
      <c r="AD2149" s="53">
        <v>-1583.1557377049101</v>
      </c>
      <c r="AE2149" s="53">
        <v>-1583.1557377049101</v>
      </c>
      <c r="AF2149" s="53">
        <v>-1583.1557377049101</v>
      </c>
      <c r="AG2149" s="53">
        <v>-1583.1557377049101</v>
      </c>
      <c r="AH2149" s="53">
        <v>-1583.1557377049101</v>
      </c>
      <c r="AI2149" s="53">
        <v>-1583.1557377049101</v>
      </c>
      <c r="AJ2149" s="53">
        <v>-1583.1557377049101</v>
      </c>
      <c r="AK2149" s="53">
        <v>-1583.1557377049101</v>
      </c>
      <c r="AL2149" s="53">
        <v>-1583.1557377049101</v>
      </c>
      <c r="AM2149" s="53">
        <v>-1583.1557377049101</v>
      </c>
      <c r="AN2149" s="53">
        <v>-18997.868852459</v>
      </c>
      <c r="AO2149" s="53">
        <v>-1583.1557377049101</v>
      </c>
      <c r="AP2149" s="53">
        <v>-1583.1557377049201</v>
      </c>
      <c r="AQ2149" s="53">
        <v>-1583.1557377049201</v>
      </c>
      <c r="AR2149" s="53">
        <v>-1583.1557377049201</v>
      </c>
      <c r="AS2149" s="53">
        <v>-1583.1557377049201</v>
      </c>
      <c r="AT2149" s="53">
        <v>-1583.1557377049201</v>
      </c>
      <c r="AU2149" s="53">
        <v>-1583.1557377049201</v>
      </c>
      <c r="AV2149" s="53">
        <v>-1583.1557377049201</v>
      </c>
      <c r="AW2149" s="53">
        <v>-1583.1557377049201</v>
      </c>
      <c r="AX2149" s="53">
        <v>-1583.1557377049201</v>
      </c>
      <c r="AY2149" s="53">
        <v>-1583.1557377049201</v>
      </c>
      <c r="AZ2149" s="53">
        <v>-1583.1557377049201</v>
      </c>
      <c r="BA2149" s="53">
        <v>-18997.868852459</v>
      </c>
      <c r="BB2149" s="53">
        <v>-1583.1557377049201</v>
      </c>
      <c r="BC2149" s="53">
        <v>-1583.1557377049201</v>
      </c>
      <c r="BD2149" s="53">
        <v>-1583.1557377049201</v>
      </c>
      <c r="BE2149" s="53">
        <v>-1583.1557377049201</v>
      </c>
      <c r="BF2149" s="53">
        <v>-1583.1557377049201</v>
      </c>
      <c r="BG2149" s="53">
        <v>-1583.1557377049201</v>
      </c>
      <c r="BH2149" s="53">
        <v>-1583.1557377049201</v>
      </c>
      <c r="BI2149" s="53">
        <v>-1583.1557377049201</v>
      </c>
      <c r="BJ2149" s="53">
        <v>-1583.1557377049201</v>
      </c>
      <c r="BK2149" s="53">
        <v>-1583.1557377049201</v>
      </c>
      <c r="BL2149" s="53">
        <v>-1583.1557377049201</v>
      </c>
      <c r="BM2149" s="53">
        <v>-1583.1557377049201</v>
      </c>
      <c r="BN2149" s="53">
        <v>-18997.868852459</v>
      </c>
      <c r="BO2149" s="53">
        <v>-1583.1557377049201</v>
      </c>
      <c r="BP2149" s="53">
        <v>-1583.1557377049201</v>
      </c>
      <c r="BQ2149" s="53">
        <v>-1583.1557377049201</v>
      </c>
      <c r="BR2149" s="53">
        <v>-1583.1557377049201</v>
      </c>
      <c r="BS2149" s="53">
        <v>-1583.1557377049201</v>
      </c>
      <c r="BT2149" s="53">
        <v>-1583.1557377049201</v>
      </c>
      <c r="BU2149" s="53">
        <v>-1583.1557377049201</v>
      </c>
      <c r="BV2149" s="53">
        <v>-1583.1557377049201</v>
      </c>
      <c r="BW2149" s="53">
        <v>-1583.1557377049201</v>
      </c>
      <c r="BX2149" s="53">
        <v>-1583.1557377049201</v>
      </c>
      <c r="BY2149" s="53">
        <v>-1583.1557377049201</v>
      </c>
      <c r="BZ2149" s="53">
        <v>-1583.1557377049201</v>
      </c>
      <c r="CA2149" s="53">
        <v>-18997.868852459</v>
      </c>
      <c r="CB2149" s="53">
        <v>650000000</v>
      </c>
      <c r="CC2149" s="53">
        <v>650000000</v>
      </c>
      <c r="CD2149" s="53">
        <v>650000000</v>
      </c>
      <c r="CE2149" s="53">
        <v>650000000</v>
      </c>
      <c r="CF2149" s="53">
        <v>650000000</v>
      </c>
      <c r="CG2149" s="53">
        <v>650000000</v>
      </c>
      <c r="CH2149" s="53">
        <v>650000000</v>
      </c>
      <c r="CI2149" s="53">
        <v>650000000</v>
      </c>
      <c r="CJ2149" s="53">
        <v>650000000</v>
      </c>
      <c r="CK2149" s="53">
        <v>650000000</v>
      </c>
      <c r="CL2149" s="53">
        <v>650000000</v>
      </c>
      <c r="CM2149" s="53">
        <v>650000000</v>
      </c>
      <c r="CN2149" s="53">
        <v>650000000</v>
      </c>
    </row>
    <row r="2150" spans="1:92" outlineLevel="1">
      <c r="A2150" s="52" t="s">
        <v>713</v>
      </c>
      <c r="B2150" s="53">
        <v>-1833.3881019830001</v>
      </c>
      <c r="C2150" s="53">
        <v>-1833.3881019830001</v>
      </c>
      <c r="D2150" s="53">
        <v>-1833.3881019830001</v>
      </c>
      <c r="E2150" s="53">
        <v>-1833.3881019830001</v>
      </c>
      <c r="F2150" s="53">
        <v>-1833.3881019830001</v>
      </c>
      <c r="G2150" s="53">
        <v>-1833.3881019830001</v>
      </c>
      <c r="H2150" s="53">
        <v>-1833.3881019830001</v>
      </c>
      <c r="I2150" s="53">
        <v>-1833.3881019830001</v>
      </c>
      <c r="J2150" s="53">
        <v>-1833.3881019830001</v>
      </c>
      <c r="K2150" s="53">
        <v>-1833.3881019830001</v>
      </c>
      <c r="L2150" s="53">
        <v>-1833.3881019830001</v>
      </c>
      <c r="M2150" s="53">
        <v>-1833.3881019830001</v>
      </c>
      <c r="N2150" s="53">
        <v>-22000.657223795999</v>
      </c>
      <c r="O2150" s="53">
        <v>-1833.3881019830001</v>
      </c>
      <c r="P2150" s="53">
        <v>-1833.3881019830001</v>
      </c>
      <c r="Q2150" s="53">
        <v>-1833.3881019830001</v>
      </c>
      <c r="R2150" s="53">
        <v>-1833.3881019830001</v>
      </c>
      <c r="S2150" s="53">
        <v>-1833.3881019830001</v>
      </c>
      <c r="T2150" s="53">
        <v>-1833.3881019830001</v>
      </c>
      <c r="U2150" s="53">
        <v>-1833.3881019830001</v>
      </c>
      <c r="V2150" s="53">
        <v>-1833.3881019830001</v>
      </c>
      <c r="W2150" s="53">
        <v>-1833.3881019830001</v>
      </c>
      <c r="X2150" s="53">
        <v>-1833.3881019830001</v>
      </c>
      <c r="Y2150" s="53">
        <v>-1833.3881019830001</v>
      </c>
      <c r="Z2150" s="53">
        <v>-1833.3881019830001</v>
      </c>
      <c r="AA2150" s="53">
        <v>-22000.657223795999</v>
      </c>
      <c r="AB2150" s="53">
        <v>-1833.3881019830001</v>
      </c>
      <c r="AC2150" s="53">
        <v>-1833.3881019830001</v>
      </c>
      <c r="AD2150" s="53">
        <v>-1833.3881019830001</v>
      </c>
      <c r="AE2150" s="53">
        <v>-1833.3881019830001</v>
      </c>
      <c r="AF2150" s="53">
        <v>-1833.3881019829901</v>
      </c>
      <c r="AG2150" s="53">
        <v>-1833.3881019829901</v>
      </c>
      <c r="AH2150" s="53">
        <v>-1833.3881019829901</v>
      </c>
      <c r="AI2150" s="53">
        <v>-1833.3881019829901</v>
      </c>
      <c r="AJ2150" s="53">
        <v>-1833.3881019829901</v>
      </c>
      <c r="AK2150" s="53">
        <v>-1833.3881019829901</v>
      </c>
      <c r="AL2150" s="53">
        <v>-1833.3881019829901</v>
      </c>
      <c r="AM2150" s="53">
        <v>-1833.3881019829901</v>
      </c>
      <c r="AN2150" s="53">
        <v>-22000.657223795999</v>
      </c>
      <c r="AO2150" s="53">
        <v>-1833.3881019829901</v>
      </c>
      <c r="AP2150" s="53">
        <v>-1833.3881019829901</v>
      </c>
      <c r="AQ2150" s="53">
        <v>-1833.3881019829901</v>
      </c>
      <c r="AR2150" s="53">
        <v>-1833.3881019829901</v>
      </c>
      <c r="AS2150" s="53">
        <v>-1833.3881019829901</v>
      </c>
      <c r="AT2150" s="53">
        <v>-1833.3881019829901</v>
      </c>
      <c r="AU2150" s="53">
        <v>-1833.3881019829901</v>
      </c>
      <c r="AV2150" s="53">
        <v>-1833.3881019829901</v>
      </c>
      <c r="AW2150" s="53">
        <v>-1833.3881019829901</v>
      </c>
      <c r="AX2150" s="53">
        <v>-1833.3881019829901</v>
      </c>
      <c r="AY2150" s="53">
        <v>-1833.3881019829901</v>
      </c>
      <c r="AZ2150" s="53">
        <v>-1833.3881019829901</v>
      </c>
      <c r="BA2150" s="53">
        <v>-22000.657223795901</v>
      </c>
      <c r="BB2150" s="53">
        <v>-1833.3881019829901</v>
      </c>
      <c r="BC2150" s="53">
        <v>-1833.3881019829901</v>
      </c>
      <c r="BD2150" s="53">
        <v>-1833.3881019829901</v>
      </c>
      <c r="BE2150" s="53">
        <v>-1833.3881019829901</v>
      </c>
      <c r="BF2150" s="53">
        <v>-1833.3881019829901</v>
      </c>
      <c r="BG2150" s="53">
        <v>-1833.3881019830001</v>
      </c>
      <c r="BH2150" s="53">
        <v>-1833.3881019830001</v>
      </c>
      <c r="BI2150" s="53">
        <v>-1833.3881019830001</v>
      </c>
      <c r="BJ2150" s="53">
        <v>-1833.3881019830001</v>
      </c>
      <c r="BK2150" s="53">
        <v>-1833.3881019830001</v>
      </c>
      <c r="BL2150" s="53">
        <v>-1833.3881019830001</v>
      </c>
      <c r="BM2150" s="53">
        <v>-1833.3881019830001</v>
      </c>
      <c r="BN2150" s="53">
        <v>-22000.657223795999</v>
      </c>
      <c r="BO2150" s="53">
        <v>-1833.3881019830001</v>
      </c>
      <c r="BP2150" s="53">
        <v>-1833.3881019830001</v>
      </c>
      <c r="BQ2150" s="53">
        <v>-1833.3881019830001</v>
      </c>
      <c r="BR2150" s="53">
        <v>-1833.3881019830001</v>
      </c>
      <c r="BS2150" s="53">
        <v>-1833.3881019830001</v>
      </c>
      <c r="BT2150" s="53">
        <v>-1833.3881019830001</v>
      </c>
      <c r="BU2150" s="53">
        <v>-1833.3881019830001</v>
      </c>
      <c r="BV2150" s="53">
        <v>-1833.3881019830001</v>
      </c>
      <c r="BW2150" s="53">
        <v>-1833.3881019830001</v>
      </c>
      <c r="BX2150" s="53">
        <v>-1833.3881019830001</v>
      </c>
      <c r="BY2150" s="53">
        <v>-1833.3881019830001</v>
      </c>
      <c r="BZ2150" s="53">
        <v>-1833.3881019830001</v>
      </c>
      <c r="CA2150" s="53">
        <v>-22000.657223795999</v>
      </c>
      <c r="CB2150" s="53">
        <v>0</v>
      </c>
      <c r="CC2150" s="53">
        <v>0</v>
      </c>
      <c r="CD2150" s="53">
        <v>0</v>
      </c>
      <c r="CE2150" s="53">
        <v>0</v>
      </c>
      <c r="CF2150" s="53">
        <v>0</v>
      </c>
      <c r="CG2150" s="53">
        <v>0</v>
      </c>
      <c r="CH2150" s="53">
        <v>0</v>
      </c>
      <c r="CI2150" s="53">
        <v>0</v>
      </c>
      <c r="CJ2150" s="53">
        <v>0</v>
      </c>
      <c r="CK2150" s="53">
        <v>0</v>
      </c>
      <c r="CL2150" s="53">
        <v>0</v>
      </c>
      <c r="CM2150" s="53">
        <v>0</v>
      </c>
      <c r="CN2150" s="53">
        <v>0</v>
      </c>
    </row>
    <row r="2151" spans="1:92" outlineLevel="1">
      <c r="A2151" s="52" t="s">
        <v>716</v>
      </c>
      <c r="B2151" s="53">
        <v>-11723.4555256064</v>
      </c>
      <c r="C2151" s="53">
        <v>-11723.4555256064</v>
      </c>
      <c r="D2151" s="53">
        <v>-11723.4555256064</v>
      </c>
      <c r="E2151" s="53">
        <v>-11723.4555256064</v>
      </c>
      <c r="F2151" s="53">
        <v>-11723.4555256064</v>
      </c>
      <c r="G2151" s="53">
        <v>-11723.4555256064</v>
      </c>
      <c r="H2151" s="53">
        <v>-11723.4555256064</v>
      </c>
      <c r="I2151" s="53">
        <v>-11723.4555256064</v>
      </c>
      <c r="J2151" s="53">
        <v>-11723.4555256064</v>
      </c>
      <c r="K2151" s="53">
        <v>-11723.4555256064</v>
      </c>
      <c r="L2151" s="53">
        <v>-11723.4555256064</v>
      </c>
      <c r="M2151" s="53">
        <v>-11723.4555256064</v>
      </c>
      <c r="N2151" s="53">
        <v>-140681.46630727701</v>
      </c>
      <c r="O2151" s="53">
        <v>-11723.4555256064</v>
      </c>
      <c r="P2151" s="53">
        <v>-11723.4555256064</v>
      </c>
      <c r="Q2151" s="53">
        <v>-11723.4555256064</v>
      </c>
      <c r="R2151" s="53">
        <v>-11723.4555256064</v>
      </c>
      <c r="S2151" s="53">
        <v>-11723.4555256064</v>
      </c>
      <c r="T2151" s="53">
        <v>-11723.4555256064</v>
      </c>
      <c r="U2151" s="53">
        <v>-11723.4555256064</v>
      </c>
      <c r="V2151" s="53">
        <v>-11723.4555256064</v>
      </c>
      <c r="W2151" s="53">
        <v>-11723.4555256064</v>
      </c>
      <c r="X2151" s="53">
        <v>-11723.4555256064</v>
      </c>
      <c r="Y2151" s="53">
        <v>-11723.4555256064</v>
      </c>
      <c r="Z2151" s="53">
        <v>-11723.4555256064</v>
      </c>
      <c r="AA2151" s="53">
        <v>-140681.46630727701</v>
      </c>
      <c r="AB2151" s="53">
        <v>-11723.4555256064</v>
      </c>
      <c r="AC2151" s="53">
        <v>-11723.4555256064</v>
      </c>
      <c r="AD2151" s="53">
        <v>-11723.4555256064</v>
      </c>
      <c r="AE2151" s="53">
        <v>-11723.4555256064</v>
      </c>
      <c r="AF2151" s="53">
        <v>-11723.4555256064</v>
      </c>
      <c r="AG2151" s="53">
        <v>-11723.4555256064</v>
      </c>
      <c r="AH2151" s="53">
        <v>-11723.4555256064</v>
      </c>
      <c r="AI2151" s="53">
        <v>-11723.4555256064</v>
      </c>
      <c r="AJ2151" s="53">
        <v>-11723.4555256064</v>
      </c>
      <c r="AK2151" s="53">
        <v>-11723.4555256064</v>
      </c>
      <c r="AL2151" s="53">
        <v>-11723.4555256064</v>
      </c>
      <c r="AM2151" s="53">
        <v>-11723.4555256064</v>
      </c>
      <c r="AN2151" s="53">
        <v>-140681.46630727701</v>
      </c>
      <c r="AO2151" s="53">
        <v>-11723.4555256064</v>
      </c>
      <c r="AP2151" s="53">
        <v>-11723.4555256064</v>
      </c>
      <c r="AQ2151" s="53">
        <v>-11723.4555256064</v>
      </c>
      <c r="AR2151" s="53">
        <v>-11723.4555256064</v>
      </c>
      <c r="AS2151" s="53">
        <v>-11723.4555256064</v>
      </c>
      <c r="AT2151" s="53">
        <v>-11723.4555256064</v>
      </c>
      <c r="AU2151" s="53">
        <v>-11723.4555256064</v>
      </c>
      <c r="AV2151" s="53">
        <v>-11723.4555256064</v>
      </c>
      <c r="AW2151" s="53">
        <v>-11723.4555256064</v>
      </c>
      <c r="AX2151" s="53">
        <v>-11723.4555256064</v>
      </c>
      <c r="AY2151" s="53">
        <v>-11723.4555256064</v>
      </c>
      <c r="AZ2151" s="53">
        <v>-11723.4555256064</v>
      </c>
      <c r="BA2151" s="53">
        <v>-140681.46630727701</v>
      </c>
      <c r="BB2151" s="53">
        <v>-11723.4555256064</v>
      </c>
      <c r="BC2151" s="53">
        <v>-11723.4555256064</v>
      </c>
      <c r="BD2151" s="53">
        <v>-11723.4555256064</v>
      </c>
      <c r="BE2151" s="53">
        <v>-11723.4555256064</v>
      </c>
      <c r="BF2151" s="53">
        <v>-11723.4555256064</v>
      </c>
      <c r="BG2151" s="53">
        <v>-11723.4555256064</v>
      </c>
      <c r="BH2151" s="53">
        <v>-11723.4555256064</v>
      </c>
      <c r="BI2151" s="53">
        <v>-11723.4555256064</v>
      </c>
      <c r="BJ2151" s="53">
        <v>-11723.4555256064</v>
      </c>
      <c r="BK2151" s="53">
        <v>-11723.4555256064</v>
      </c>
      <c r="BL2151" s="53">
        <v>-11723.4555256064</v>
      </c>
      <c r="BM2151" s="53">
        <v>-11723.4555256064</v>
      </c>
      <c r="BN2151" s="53">
        <v>-140681.46630727701</v>
      </c>
      <c r="BO2151" s="53">
        <v>-11723.4555256064</v>
      </c>
      <c r="BP2151" s="53">
        <v>-11723.4555256064</v>
      </c>
      <c r="BQ2151" s="53">
        <v>-11723.4555256064</v>
      </c>
      <c r="BR2151" s="53">
        <v>-11723.4555256064</v>
      </c>
      <c r="BS2151" s="53">
        <v>-11723.4555256064</v>
      </c>
      <c r="BT2151" s="53">
        <v>-11723.4555256064</v>
      </c>
      <c r="BU2151" s="53">
        <v>-11723.4555256064</v>
      </c>
      <c r="BV2151" s="53">
        <v>-11723.4555256064</v>
      </c>
      <c r="BW2151" s="53">
        <v>-11723.4555256064</v>
      </c>
      <c r="BX2151" s="53">
        <v>-11723.4555256064</v>
      </c>
      <c r="BY2151" s="53">
        <v>-11723.4555256064</v>
      </c>
      <c r="BZ2151" s="53">
        <v>-11723.4555256064</v>
      </c>
      <c r="CA2151" s="53">
        <v>-140681.46630727701</v>
      </c>
      <c r="CB2151" s="53">
        <v>0</v>
      </c>
      <c r="CC2151" s="53">
        <v>0</v>
      </c>
      <c r="CD2151" s="53">
        <v>0</v>
      </c>
      <c r="CE2151" s="53">
        <v>0</v>
      </c>
      <c r="CF2151" s="53">
        <v>0</v>
      </c>
      <c r="CG2151" s="53">
        <v>0</v>
      </c>
      <c r="CH2151" s="53">
        <v>0</v>
      </c>
      <c r="CI2151" s="53">
        <v>0</v>
      </c>
      <c r="CJ2151" s="53">
        <v>0</v>
      </c>
      <c r="CK2151" s="53">
        <v>0</v>
      </c>
      <c r="CL2151" s="53">
        <v>0</v>
      </c>
      <c r="CM2151" s="53">
        <v>0</v>
      </c>
      <c r="CN2151" s="53">
        <v>0</v>
      </c>
    </row>
    <row r="2152" spans="1:92" outlineLevel="1">
      <c r="A2152" s="52" t="s">
        <v>717</v>
      </c>
      <c r="B2152" s="53">
        <v>-4051.8260869565202</v>
      </c>
      <c r="C2152" s="53">
        <v>-4051.8260869565202</v>
      </c>
      <c r="D2152" s="53">
        <v>-4051.8260869565202</v>
      </c>
      <c r="E2152" s="53">
        <v>-4051.8260869565202</v>
      </c>
      <c r="F2152" s="53">
        <v>-4051.8260869565202</v>
      </c>
      <c r="G2152" s="53">
        <v>-4051.8260869565202</v>
      </c>
      <c r="H2152" s="53">
        <v>-4051.8260869565202</v>
      </c>
      <c r="I2152" s="53">
        <v>-4051.8260869565202</v>
      </c>
      <c r="J2152" s="53">
        <v>-4051.8260869565102</v>
      </c>
      <c r="K2152" s="53">
        <v>-4051.8260869565102</v>
      </c>
      <c r="L2152" s="53">
        <v>-4051.8260869565102</v>
      </c>
      <c r="M2152" s="53">
        <v>-4051.8260869565102</v>
      </c>
      <c r="N2152" s="53">
        <v>-48621.913043478198</v>
      </c>
      <c r="O2152" s="53">
        <v>-4051.8260869565102</v>
      </c>
      <c r="P2152" s="53">
        <v>-4051.8260869565102</v>
      </c>
      <c r="Q2152" s="53">
        <v>-4051.8260869565102</v>
      </c>
      <c r="R2152" s="53">
        <v>-4051.8260869565102</v>
      </c>
      <c r="S2152" s="53">
        <v>-4051.8260869565102</v>
      </c>
      <c r="T2152" s="53">
        <v>-4051.8260869565102</v>
      </c>
      <c r="U2152" s="53">
        <v>-4051.8260869565102</v>
      </c>
      <c r="V2152" s="53">
        <v>-4051.8260869565102</v>
      </c>
      <c r="W2152" s="53">
        <v>-4051.8260869565102</v>
      </c>
      <c r="X2152" s="53">
        <v>-4051.8260869565102</v>
      </c>
      <c r="Y2152" s="53">
        <v>-4051.8260869565102</v>
      </c>
      <c r="Z2152" s="53">
        <v>-4051.8260869565102</v>
      </c>
      <c r="AA2152" s="53">
        <v>-48621.913043478198</v>
      </c>
      <c r="AB2152" s="53">
        <v>-4051.8260869565102</v>
      </c>
      <c r="AC2152" s="53">
        <v>-4051.8260869565102</v>
      </c>
      <c r="AD2152" s="53">
        <v>-4051.8260869565102</v>
      </c>
      <c r="AE2152" s="53">
        <v>-4051.8260869565102</v>
      </c>
      <c r="AF2152" s="53">
        <v>-4051.8260869565102</v>
      </c>
      <c r="AG2152" s="53">
        <v>-4051.8260869565102</v>
      </c>
      <c r="AH2152" s="53">
        <v>-4051.8260869565102</v>
      </c>
      <c r="AI2152" s="53">
        <v>-4051.8260869565102</v>
      </c>
      <c r="AJ2152" s="53">
        <v>-4051.8260869565102</v>
      </c>
      <c r="AK2152" s="53">
        <v>-4051.8260869565102</v>
      </c>
      <c r="AL2152" s="53">
        <v>-4051.8260869565102</v>
      </c>
      <c r="AM2152" s="53">
        <v>-4051.8260869565102</v>
      </c>
      <c r="AN2152" s="53">
        <v>-48621.913043478096</v>
      </c>
      <c r="AO2152" s="53">
        <v>-4051.8260869565102</v>
      </c>
      <c r="AP2152" s="53">
        <v>-4051.8260869565102</v>
      </c>
      <c r="AQ2152" s="53">
        <v>-4051.8260869565102</v>
      </c>
      <c r="AR2152" s="53">
        <v>-4051.8260869565102</v>
      </c>
      <c r="AS2152" s="53">
        <v>-4051.8260869565102</v>
      </c>
      <c r="AT2152" s="53">
        <v>-4051.8260869565102</v>
      </c>
      <c r="AU2152" s="53">
        <v>-4051.8260869565001</v>
      </c>
      <c r="AV2152" s="53">
        <v>-4051.8260869565001</v>
      </c>
      <c r="AW2152" s="53">
        <v>-4051.8260869565001</v>
      </c>
      <c r="AX2152" s="53">
        <v>-4051.8260869565102</v>
      </c>
      <c r="AY2152" s="53">
        <v>-4051.8260869565001</v>
      </c>
      <c r="AZ2152" s="53">
        <v>-4051.8260869565001</v>
      </c>
      <c r="BA2152" s="53">
        <v>-48621.913043478096</v>
      </c>
      <c r="BB2152" s="53">
        <v>-4051.8260869565102</v>
      </c>
      <c r="BC2152" s="53">
        <v>-4051.8260869565001</v>
      </c>
      <c r="BD2152" s="53">
        <v>-4051.8260869565001</v>
      </c>
      <c r="BE2152" s="53">
        <v>-4051.8260869565001</v>
      </c>
      <c r="BF2152" s="53">
        <v>-4051.8260869565001</v>
      </c>
      <c r="BG2152" s="53">
        <v>-4051.8260869565102</v>
      </c>
      <c r="BH2152" s="53">
        <v>-4051.8260869565102</v>
      </c>
      <c r="BI2152" s="53">
        <v>-4051.8260869565001</v>
      </c>
      <c r="BJ2152" s="53">
        <v>-4051.8260869565001</v>
      </c>
      <c r="BK2152" s="53">
        <v>-4051.8260869565102</v>
      </c>
      <c r="BL2152" s="53">
        <v>-4051.8260869565001</v>
      </c>
      <c r="BM2152" s="53">
        <v>-4051.8260869565001</v>
      </c>
      <c r="BN2152" s="53">
        <v>-48621.913043478096</v>
      </c>
      <c r="BO2152" s="53">
        <v>-4051.8260869565001</v>
      </c>
      <c r="BP2152" s="53">
        <v>-4051.8260869565102</v>
      </c>
      <c r="BQ2152" s="53">
        <v>-4051.8260869565001</v>
      </c>
      <c r="BR2152" s="53">
        <v>-4051.8260869565001</v>
      </c>
      <c r="BS2152" s="53">
        <v>-4051.8260869565001</v>
      </c>
      <c r="BT2152" s="53">
        <v>-4051.8260869565102</v>
      </c>
      <c r="BU2152" s="53">
        <v>-4051.8260869565001</v>
      </c>
      <c r="BV2152" s="53">
        <v>-4051.8260869565001</v>
      </c>
      <c r="BW2152" s="53">
        <v>-4051.8260869565102</v>
      </c>
      <c r="BX2152" s="53">
        <v>-4051.8260869565001</v>
      </c>
      <c r="BY2152" s="53">
        <v>-4051.8260869565001</v>
      </c>
      <c r="BZ2152" s="53">
        <v>-4051.8260869565001</v>
      </c>
      <c r="CA2152" s="53">
        <v>-48621.913043478096</v>
      </c>
      <c r="CB2152" s="53">
        <v>0</v>
      </c>
      <c r="CC2152" s="53">
        <v>0</v>
      </c>
      <c r="CD2152" s="53">
        <v>0</v>
      </c>
      <c r="CE2152" s="53">
        <v>0</v>
      </c>
      <c r="CF2152" s="53">
        <v>0</v>
      </c>
      <c r="CG2152" s="53">
        <v>0</v>
      </c>
      <c r="CH2152" s="53">
        <v>0</v>
      </c>
      <c r="CI2152" s="53">
        <v>0</v>
      </c>
      <c r="CJ2152" s="53">
        <v>0</v>
      </c>
      <c r="CK2152" s="53">
        <v>0</v>
      </c>
      <c r="CL2152" s="53">
        <v>0</v>
      </c>
      <c r="CM2152" s="53">
        <v>0</v>
      </c>
      <c r="CN2152" s="53">
        <v>0</v>
      </c>
    </row>
    <row r="2153" spans="1:92" outlineLevel="1">
      <c r="A2153" s="52" t="s">
        <v>718</v>
      </c>
      <c r="B2153" s="53">
        <v>-3523.4088050314399</v>
      </c>
      <c r="C2153" s="53">
        <v>-3523.4088050314399</v>
      </c>
      <c r="D2153" s="53">
        <v>-3523.4088050314399</v>
      </c>
      <c r="E2153" s="53">
        <v>-3523.4088050314399</v>
      </c>
      <c r="F2153" s="53">
        <v>-3523.4088050314399</v>
      </c>
      <c r="G2153" s="53">
        <v>-3523.4088050314399</v>
      </c>
      <c r="H2153" s="53">
        <v>-3523.4088050314399</v>
      </c>
      <c r="I2153" s="53">
        <v>-3523.4088050314399</v>
      </c>
      <c r="J2153" s="53">
        <v>-3523.4088050314399</v>
      </c>
      <c r="K2153" s="53">
        <v>-3523.4088050314399</v>
      </c>
      <c r="L2153" s="53">
        <v>-3523.4088050314399</v>
      </c>
      <c r="M2153" s="53">
        <v>-3523.4088050314399</v>
      </c>
      <c r="N2153" s="53">
        <v>-42280.905660377299</v>
      </c>
      <c r="O2153" s="53">
        <v>-3523.4088050314399</v>
      </c>
      <c r="P2153" s="53">
        <v>-3523.4088050314399</v>
      </c>
      <c r="Q2153" s="53">
        <v>-3523.4088050314399</v>
      </c>
      <c r="R2153" s="53">
        <v>-3523.4088050314399</v>
      </c>
      <c r="S2153" s="53">
        <v>-3523.4088050314399</v>
      </c>
      <c r="T2153" s="53">
        <v>-3523.4088050314399</v>
      </c>
      <c r="U2153" s="53">
        <v>-3523.4088050314499</v>
      </c>
      <c r="V2153" s="53">
        <v>-3523.4088050314399</v>
      </c>
      <c r="W2153" s="53">
        <v>-3523.4088050314499</v>
      </c>
      <c r="X2153" s="53">
        <v>-3523.4088050314499</v>
      </c>
      <c r="Y2153" s="53">
        <v>-3523.4088050314499</v>
      </c>
      <c r="Z2153" s="53">
        <v>-3523.4088050314499</v>
      </c>
      <c r="AA2153" s="53">
        <v>-42280.905660377401</v>
      </c>
      <c r="AB2153" s="53">
        <v>-3523.4088050314499</v>
      </c>
      <c r="AC2153" s="53">
        <v>-3523.4088050314499</v>
      </c>
      <c r="AD2153" s="53">
        <v>-3523.4088050314499</v>
      </c>
      <c r="AE2153" s="53">
        <v>-3523.4088050314499</v>
      </c>
      <c r="AF2153" s="53">
        <v>-3523.4088050314499</v>
      </c>
      <c r="AG2153" s="53">
        <v>-3523.4088050314499</v>
      </c>
      <c r="AH2153" s="53">
        <v>-3523.4088050314499</v>
      </c>
      <c r="AI2153" s="53">
        <v>-3523.4088050314499</v>
      </c>
      <c r="AJ2153" s="53">
        <v>-3523.4088050314499</v>
      </c>
      <c r="AK2153" s="53">
        <v>-3523.4088050314499</v>
      </c>
      <c r="AL2153" s="53">
        <v>-3523.4088050314499</v>
      </c>
      <c r="AM2153" s="53">
        <v>-3523.4088050314499</v>
      </c>
      <c r="AN2153" s="53">
        <v>-42280.905660377401</v>
      </c>
      <c r="AO2153" s="53">
        <v>-3523.4088050314499</v>
      </c>
      <c r="AP2153" s="53">
        <v>-3523.4088050314499</v>
      </c>
      <c r="AQ2153" s="53">
        <v>-3523.4088050314499</v>
      </c>
      <c r="AR2153" s="53">
        <v>-3523.4088050314499</v>
      </c>
      <c r="AS2153" s="53">
        <v>-3523.4088050314499</v>
      </c>
      <c r="AT2153" s="53">
        <v>-3523.4088050314499</v>
      </c>
      <c r="AU2153" s="53">
        <v>-3523.4088050314499</v>
      </c>
      <c r="AV2153" s="53">
        <v>-3523.4088050314499</v>
      </c>
      <c r="AW2153" s="53">
        <v>-3523.4088050314499</v>
      </c>
      <c r="AX2153" s="53">
        <v>-3523.4088050314499</v>
      </c>
      <c r="AY2153" s="53">
        <v>-3523.4088050314499</v>
      </c>
      <c r="AZ2153" s="53">
        <v>-3523.4088050314499</v>
      </c>
      <c r="BA2153" s="53">
        <v>-42280.905660377401</v>
      </c>
      <c r="BB2153" s="53">
        <v>-3523.4088050314499</v>
      </c>
      <c r="BC2153" s="53">
        <v>-3523.4088050314499</v>
      </c>
      <c r="BD2153" s="53">
        <v>-3523.4088050314499</v>
      </c>
      <c r="BE2153" s="53">
        <v>-3523.4088050314499</v>
      </c>
      <c r="BF2153" s="53">
        <v>-3523.4088050314499</v>
      </c>
      <c r="BG2153" s="53">
        <v>-3523.4088050314499</v>
      </c>
      <c r="BH2153" s="53">
        <v>-3523.4088050314499</v>
      </c>
      <c r="BI2153" s="53">
        <v>-3523.4088050314499</v>
      </c>
      <c r="BJ2153" s="53">
        <v>-3523.4088050314499</v>
      </c>
      <c r="BK2153" s="53">
        <v>-3523.4088050314499</v>
      </c>
      <c r="BL2153" s="53">
        <v>-3523.4088050314499</v>
      </c>
      <c r="BM2153" s="53">
        <v>-3523.4088050314499</v>
      </c>
      <c r="BN2153" s="53">
        <v>-42280.905660377401</v>
      </c>
      <c r="BO2153" s="53">
        <v>-3523.4088050314499</v>
      </c>
      <c r="BP2153" s="53">
        <v>-3523.4088050314499</v>
      </c>
      <c r="BQ2153" s="53">
        <v>-3523.4088050314599</v>
      </c>
      <c r="BR2153" s="53">
        <v>-3523.4088050314599</v>
      </c>
      <c r="BS2153" s="53">
        <v>-3523.4088050314599</v>
      </c>
      <c r="BT2153" s="53">
        <v>-3523.4088050314599</v>
      </c>
      <c r="BU2153" s="53">
        <v>-3523.4088050314599</v>
      </c>
      <c r="BV2153" s="53">
        <v>-3523.4088050314599</v>
      </c>
      <c r="BW2153" s="53">
        <v>-3523.4088050314599</v>
      </c>
      <c r="BX2153" s="53">
        <v>-3523.4088050314599</v>
      </c>
      <c r="BY2153" s="53">
        <v>-3523.4088050314599</v>
      </c>
      <c r="BZ2153" s="53">
        <v>-3523.4088050314599</v>
      </c>
      <c r="CA2153" s="53">
        <v>-42280.905660377502</v>
      </c>
      <c r="CB2153" s="53">
        <v>0</v>
      </c>
      <c r="CC2153" s="53">
        <v>0</v>
      </c>
      <c r="CD2153" s="53">
        <v>0</v>
      </c>
      <c r="CE2153" s="53">
        <v>0</v>
      </c>
      <c r="CF2153" s="53">
        <v>0</v>
      </c>
      <c r="CG2153" s="53">
        <v>0</v>
      </c>
      <c r="CH2153" s="53">
        <v>0</v>
      </c>
      <c r="CI2153" s="53">
        <v>0</v>
      </c>
      <c r="CJ2153" s="53">
        <v>0</v>
      </c>
      <c r="CK2153" s="53">
        <v>0</v>
      </c>
      <c r="CL2153" s="53">
        <v>0</v>
      </c>
      <c r="CM2153" s="53">
        <v>0</v>
      </c>
      <c r="CN2153" s="53">
        <v>0</v>
      </c>
    </row>
    <row r="2154" spans="1:92" outlineLevel="1">
      <c r="A2154" s="52" t="s">
        <v>721</v>
      </c>
      <c r="B2154" s="53">
        <v>-9347.6245614034997</v>
      </c>
      <c r="C2154" s="53">
        <v>-9347.6245614034997</v>
      </c>
      <c r="D2154" s="53">
        <v>-9347.6245614035106</v>
      </c>
      <c r="E2154" s="53">
        <v>-9347.6245614035106</v>
      </c>
      <c r="F2154" s="53">
        <v>-9347.6245614035106</v>
      </c>
      <c r="G2154" s="53">
        <v>-9347.6245614035106</v>
      </c>
      <c r="H2154" s="53">
        <v>-9347.6245614035106</v>
      </c>
      <c r="I2154" s="53">
        <v>-9347.6245614035106</v>
      </c>
      <c r="J2154" s="53">
        <v>-9347.6245614035106</v>
      </c>
      <c r="K2154" s="53">
        <v>-9347.6245614035106</v>
      </c>
      <c r="L2154" s="53">
        <v>-9347.6245614035106</v>
      </c>
      <c r="M2154" s="53">
        <v>-9347.6245614035106</v>
      </c>
      <c r="N2154" s="53">
        <v>-112171.494736842</v>
      </c>
      <c r="O2154" s="53">
        <v>-9347.6245614035106</v>
      </c>
      <c r="P2154" s="53">
        <v>-9347.6245614035106</v>
      </c>
      <c r="Q2154" s="53">
        <v>-9347.6245614035106</v>
      </c>
      <c r="R2154" s="53">
        <v>-9347.6245614035197</v>
      </c>
      <c r="S2154" s="53">
        <v>-9347.6245614035197</v>
      </c>
      <c r="T2154" s="53">
        <v>-9347.6245614035197</v>
      </c>
      <c r="U2154" s="53">
        <v>-9347.6245614035197</v>
      </c>
      <c r="V2154" s="53">
        <v>-9347.6245614035197</v>
      </c>
      <c r="W2154" s="53">
        <v>-9347.6245614035197</v>
      </c>
      <c r="X2154" s="53">
        <v>-9347.6245614035197</v>
      </c>
      <c r="Y2154" s="53">
        <v>-9347.6245614035197</v>
      </c>
      <c r="Z2154" s="53">
        <v>-9347.6245614035197</v>
      </c>
      <c r="AA2154" s="53">
        <v>-112171.494736842</v>
      </c>
      <c r="AB2154" s="53">
        <v>-9347.6245614035197</v>
      </c>
      <c r="AC2154" s="53">
        <v>-9347.6245614035197</v>
      </c>
      <c r="AD2154" s="53">
        <v>-9347.6245614035197</v>
      </c>
      <c r="AE2154" s="53">
        <v>-9347.6245614035197</v>
      </c>
      <c r="AF2154" s="53">
        <v>-9347.6245614035197</v>
      </c>
      <c r="AG2154" s="53">
        <v>-9347.6245614035197</v>
      </c>
      <c r="AH2154" s="53">
        <v>-9347.6245614035197</v>
      </c>
      <c r="AI2154" s="53">
        <v>-9347.6245614035197</v>
      </c>
      <c r="AJ2154" s="53">
        <v>-9347.6245614035197</v>
      </c>
      <c r="AK2154" s="53">
        <v>-9347.6245614035197</v>
      </c>
      <c r="AL2154" s="53">
        <v>-9347.6245614035306</v>
      </c>
      <c r="AM2154" s="53">
        <v>-9347.6245614035306</v>
      </c>
      <c r="AN2154" s="53">
        <v>-112171.494736842</v>
      </c>
      <c r="AO2154" s="53">
        <v>-9347.6245614035306</v>
      </c>
      <c r="AP2154" s="53">
        <v>-9347.6245614035306</v>
      </c>
      <c r="AQ2154" s="53">
        <v>-9347.6245614035306</v>
      </c>
      <c r="AR2154" s="53">
        <v>-9347.6245614035306</v>
      </c>
      <c r="AS2154" s="53">
        <v>-9347.6245614035306</v>
      </c>
      <c r="AT2154" s="53">
        <v>-9347.6245614035306</v>
      </c>
      <c r="AU2154" s="53">
        <v>-9347.6245614035306</v>
      </c>
      <c r="AV2154" s="53">
        <v>-9347.6245614035306</v>
      </c>
      <c r="AW2154" s="53">
        <v>-9347.6245614035397</v>
      </c>
      <c r="AX2154" s="53">
        <v>-9347.6245614035397</v>
      </c>
      <c r="AY2154" s="53">
        <v>-9347.6245614035397</v>
      </c>
      <c r="AZ2154" s="53">
        <v>-9347.6245614035397</v>
      </c>
      <c r="BA2154" s="53">
        <v>-112171.494736842</v>
      </c>
      <c r="BB2154" s="53">
        <v>-9347.6245614035397</v>
      </c>
      <c r="BC2154" s="53">
        <v>-9347.6245614035397</v>
      </c>
      <c r="BD2154" s="53">
        <v>-9347.6245614035397</v>
      </c>
      <c r="BE2154" s="53">
        <v>-9347.6245614035397</v>
      </c>
      <c r="BF2154" s="53">
        <v>-9347.6245614035397</v>
      </c>
      <c r="BG2154" s="53">
        <v>-9347.6245614035397</v>
      </c>
      <c r="BH2154" s="53">
        <v>-9347.6245614035397</v>
      </c>
      <c r="BI2154" s="53">
        <v>-9347.6245614035397</v>
      </c>
      <c r="BJ2154" s="53">
        <v>-9347.6245614035397</v>
      </c>
      <c r="BK2154" s="53">
        <v>-9347.6245614035506</v>
      </c>
      <c r="BL2154" s="53">
        <v>-9347.6245614035506</v>
      </c>
      <c r="BM2154" s="53">
        <v>-9347.6245614035506</v>
      </c>
      <c r="BN2154" s="53">
        <v>-112171.494736842</v>
      </c>
      <c r="BO2154" s="53">
        <v>-9347.6245614035506</v>
      </c>
      <c r="BP2154" s="53">
        <v>-9347.6245614035506</v>
      </c>
      <c r="BQ2154" s="53">
        <v>-9347.6245614035506</v>
      </c>
      <c r="BR2154" s="53">
        <v>-9347.6245614035506</v>
      </c>
      <c r="BS2154" s="53">
        <v>-9347.6245614035597</v>
      </c>
      <c r="BT2154" s="53">
        <v>-9347.6245614035506</v>
      </c>
      <c r="BU2154" s="53">
        <v>-9347.6245614035506</v>
      </c>
      <c r="BV2154" s="53">
        <v>-9347.6245614035597</v>
      </c>
      <c r="BW2154" s="53">
        <v>-9347.6245614035597</v>
      </c>
      <c r="BX2154" s="53">
        <v>-9347.6245614035506</v>
      </c>
      <c r="BY2154" s="53">
        <v>-9347.6245614035597</v>
      </c>
      <c r="BZ2154" s="53">
        <v>-9347.6245614035506</v>
      </c>
      <c r="CA2154" s="53">
        <v>-112171.494736842</v>
      </c>
      <c r="CB2154" s="53">
        <v>0</v>
      </c>
      <c r="CC2154" s="53">
        <v>0</v>
      </c>
      <c r="CD2154" s="53">
        <v>0</v>
      </c>
      <c r="CE2154" s="53">
        <v>0</v>
      </c>
      <c r="CF2154" s="53">
        <v>0</v>
      </c>
      <c r="CG2154" s="53">
        <v>0</v>
      </c>
      <c r="CH2154" s="53">
        <v>0</v>
      </c>
      <c r="CI2154" s="53">
        <v>0</v>
      </c>
      <c r="CJ2154" s="53">
        <v>0</v>
      </c>
      <c r="CK2154" s="53">
        <v>0</v>
      </c>
      <c r="CL2154" s="53">
        <v>0</v>
      </c>
      <c r="CM2154" s="53">
        <v>0</v>
      </c>
      <c r="CN2154" s="53">
        <v>0</v>
      </c>
    </row>
    <row r="2155" spans="1:92" outlineLevel="1">
      <c r="A2155" s="52" t="s">
        <v>723</v>
      </c>
      <c r="B2155" s="53">
        <v>-3240.3917525773099</v>
      </c>
      <c r="C2155" s="53">
        <v>-3240.3917525773099</v>
      </c>
      <c r="D2155" s="53">
        <v>-3240.3917525773099</v>
      </c>
      <c r="E2155" s="53">
        <v>-3240.3917525773099</v>
      </c>
      <c r="F2155" s="53">
        <v>-3240.3917525773099</v>
      </c>
      <c r="G2155" s="53">
        <v>-3240.3917525773099</v>
      </c>
      <c r="H2155" s="53">
        <v>-3240.3917525773099</v>
      </c>
      <c r="I2155" s="53">
        <v>-3240.3917525773099</v>
      </c>
      <c r="J2155" s="53">
        <v>-3240.3917525773099</v>
      </c>
      <c r="K2155" s="53">
        <v>-3240.3917525773099</v>
      </c>
      <c r="L2155" s="53">
        <v>-3240.3917525773099</v>
      </c>
      <c r="M2155" s="53">
        <v>-3240.3917525773099</v>
      </c>
      <c r="N2155" s="53">
        <v>-38884.701030927798</v>
      </c>
      <c r="O2155" s="53">
        <v>-3240.3917525773099</v>
      </c>
      <c r="P2155" s="53">
        <v>-3240.3917525773099</v>
      </c>
      <c r="Q2155" s="53">
        <v>-3240.3917525773099</v>
      </c>
      <c r="R2155" s="53">
        <v>-3240.3917525773099</v>
      </c>
      <c r="S2155" s="53">
        <v>-3240.3917525773099</v>
      </c>
      <c r="T2155" s="53">
        <v>-3240.3917525773099</v>
      </c>
      <c r="U2155" s="53">
        <v>-3240.3917525773099</v>
      </c>
      <c r="V2155" s="53">
        <v>-3240.3917525773099</v>
      </c>
      <c r="W2155" s="53">
        <v>-3240.3917525773099</v>
      </c>
      <c r="X2155" s="53">
        <v>-3240.3917525773099</v>
      </c>
      <c r="Y2155" s="53">
        <v>-3240.3917525773099</v>
      </c>
      <c r="Z2155" s="53">
        <v>-3240.3917525773099</v>
      </c>
      <c r="AA2155" s="53">
        <v>-38884.701030927798</v>
      </c>
      <c r="AB2155" s="53">
        <v>-3240.3917525773099</v>
      </c>
      <c r="AC2155" s="53">
        <v>-3240.3917525773099</v>
      </c>
      <c r="AD2155" s="53">
        <v>-3240.3917525773099</v>
      </c>
      <c r="AE2155" s="53">
        <v>-3240.3917525773099</v>
      </c>
      <c r="AF2155" s="53">
        <v>-3240.3917525773099</v>
      </c>
      <c r="AG2155" s="53">
        <v>-3240.3917525773099</v>
      </c>
      <c r="AH2155" s="53">
        <v>-3240.3917525773099</v>
      </c>
      <c r="AI2155" s="53">
        <v>-3240.3917525773099</v>
      </c>
      <c r="AJ2155" s="53">
        <v>-3240.3917525773099</v>
      </c>
      <c r="AK2155" s="53">
        <v>-3240.3917525773099</v>
      </c>
      <c r="AL2155" s="53">
        <v>-3240.3917525773099</v>
      </c>
      <c r="AM2155" s="53">
        <v>-3240.3917525773099</v>
      </c>
      <c r="AN2155" s="53">
        <v>-38884.701030927703</v>
      </c>
      <c r="AO2155" s="53">
        <v>-3240.3917525773099</v>
      </c>
      <c r="AP2155" s="53">
        <v>-3240.3917525773099</v>
      </c>
      <c r="AQ2155" s="53">
        <v>-3240.3917525773099</v>
      </c>
      <c r="AR2155" s="53">
        <v>-3240.3917525773099</v>
      </c>
      <c r="AS2155" s="53">
        <v>-3240.3917525773099</v>
      </c>
      <c r="AT2155" s="53">
        <v>-3240.3917525773099</v>
      </c>
      <c r="AU2155" s="53">
        <v>-3240.3917525773099</v>
      </c>
      <c r="AV2155" s="53">
        <v>-3240.3917525773099</v>
      </c>
      <c r="AW2155" s="53">
        <v>-3240.3917525773099</v>
      </c>
      <c r="AX2155" s="53">
        <v>-3240.3917525773099</v>
      </c>
      <c r="AY2155" s="53">
        <v>-3240.3917525773099</v>
      </c>
      <c r="AZ2155" s="53">
        <v>-3240.3917525773099</v>
      </c>
      <c r="BA2155" s="53">
        <v>-38884.701030927703</v>
      </c>
      <c r="BB2155" s="53">
        <v>-1620.19587628865</v>
      </c>
      <c r="BC2155" s="53"/>
      <c r="BD2155" s="53"/>
      <c r="BE2155" s="53"/>
      <c r="BF2155" s="53"/>
      <c r="BG2155" s="53"/>
      <c r="BH2155" s="53"/>
      <c r="BI2155" s="53"/>
      <c r="BJ2155" s="53"/>
      <c r="BK2155" s="53"/>
      <c r="BL2155" s="53"/>
      <c r="BM2155" s="53"/>
      <c r="BN2155" s="53">
        <v>-1620.19587628865</v>
      </c>
      <c r="BO2155" s="53"/>
      <c r="BP2155" s="53"/>
      <c r="BQ2155" s="53"/>
      <c r="BR2155" s="53"/>
      <c r="BS2155" s="53"/>
      <c r="BT2155" s="53"/>
      <c r="BU2155" s="53"/>
      <c r="BV2155" s="53"/>
      <c r="BW2155" s="53"/>
      <c r="BX2155" s="53"/>
      <c r="BY2155" s="53"/>
      <c r="BZ2155" s="53"/>
      <c r="CA2155" s="53"/>
      <c r="CB2155" s="53">
        <v>4801848.42396338</v>
      </c>
      <c r="CC2155" s="53">
        <v>4831099.9371118303</v>
      </c>
      <c r="CD2155" s="53">
        <v>4860529.6402560398</v>
      </c>
      <c r="CE2155" s="53">
        <v>4890138.6188666299</v>
      </c>
      <c r="CF2155" s="53">
        <v>4496091.5369592104</v>
      </c>
      <c r="CG2155" s="53">
        <v>4099649.0716065099</v>
      </c>
      <c r="CH2155" s="53">
        <v>3700791.61626139</v>
      </c>
      <c r="CI2155" s="53">
        <v>3299504.4596487</v>
      </c>
      <c r="CJ2155" s="53">
        <v>2895772.8008773802</v>
      </c>
      <c r="CK2155" s="53">
        <v>2489581.7488945699</v>
      </c>
      <c r="CL2155" s="53">
        <v>2080916.3219363601</v>
      </c>
      <c r="CM2155" s="53">
        <v>1669761.44697522</v>
      </c>
      <c r="CN2155" s="53">
        <v>4801848.42396338</v>
      </c>
    </row>
    <row r="2156" spans="1:92" outlineLevel="1">
      <c r="A2156" s="52" t="s">
        <v>724</v>
      </c>
      <c r="B2156" s="53">
        <v>-1540.86460032626</v>
      </c>
      <c r="C2156" s="53">
        <v>-1540.86460032626</v>
      </c>
      <c r="D2156" s="53">
        <v>-1540.86460032626</v>
      </c>
      <c r="E2156" s="53">
        <v>-1540.86460032626</v>
      </c>
      <c r="F2156" s="53">
        <v>-1540.86460032626</v>
      </c>
      <c r="G2156" s="53">
        <v>-1540.86460032626</v>
      </c>
      <c r="H2156" s="53">
        <v>-1540.86460032626</v>
      </c>
      <c r="I2156" s="53">
        <v>-1540.86460032626</v>
      </c>
      <c r="J2156" s="53">
        <v>-1540.86460032626</v>
      </c>
      <c r="K2156" s="53">
        <v>-1540.86460032626</v>
      </c>
      <c r="L2156" s="53">
        <v>-1540.86460032626</v>
      </c>
      <c r="M2156" s="53">
        <v>-1540.86460032626</v>
      </c>
      <c r="N2156" s="53">
        <v>-18490.3752039151</v>
      </c>
      <c r="O2156" s="53">
        <v>-1540.86460032626</v>
      </c>
      <c r="P2156" s="53">
        <v>-1540.86460032626</v>
      </c>
      <c r="Q2156" s="53">
        <v>-1540.86460032626</v>
      </c>
      <c r="R2156" s="53">
        <v>-1540.86460032626</v>
      </c>
      <c r="S2156" s="53">
        <v>-1540.86460032626</v>
      </c>
      <c r="T2156" s="53">
        <v>-1540.86460032626</v>
      </c>
      <c r="U2156" s="53">
        <v>-1540.86460032626</v>
      </c>
      <c r="V2156" s="53">
        <v>-1540.86460032626</v>
      </c>
      <c r="W2156" s="53">
        <v>-1540.86460032626</v>
      </c>
      <c r="X2156" s="53">
        <v>-1540.86460032626</v>
      </c>
      <c r="Y2156" s="53">
        <v>-1540.86460032626</v>
      </c>
      <c r="Z2156" s="53">
        <v>-1540.86460032626</v>
      </c>
      <c r="AA2156" s="53">
        <v>-18490.3752039151</v>
      </c>
      <c r="AB2156" s="53">
        <v>-1540.86460032626</v>
      </c>
      <c r="AC2156" s="53">
        <v>-1540.86460032626</v>
      </c>
      <c r="AD2156" s="53">
        <v>-1540.86460032626</v>
      </c>
      <c r="AE2156" s="53">
        <v>-1540.86460032626</v>
      </c>
      <c r="AF2156" s="53">
        <v>-1540.86460032626</v>
      </c>
      <c r="AG2156" s="53">
        <v>-1540.86460032626</v>
      </c>
      <c r="AH2156" s="53">
        <v>-1540.86460032626</v>
      </c>
      <c r="AI2156" s="53">
        <v>-1540.86460032626</v>
      </c>
      <c r="AJ2156" s="53">
        <v>-1540.86460032626</v>
      </c>
      <c r="AK2156" s="53">
        <v>-1540.86460032626</v>
      </c>
      <c r="AL2156" s="53">
        <v>-1540.86460032626</v>
      </c>
      <c r="AM2156" s="53">
        <v>-1540.86460032626</v>
      </c>
      <c r="AN2156" s="53">
        <v>-18490.3752039151</v>
      </c>
      <c r="AO2156" s="53">
        <v>-1540.86460032626</v>
      </c>
      <c r="AP2156" s="53">
        <v>-1540.86460032626</v>
      </c>
      <c r="AQ2156" s="53">
        <v>-1540.86460032626</v>
      </c>
      <c r="AR2156" s="53">
        <v>-1540.86460032626</v>
      </c>
      <c r="AS2156" s="53">
        <v>-1540.86460032626</v>
      </c>
      <c r="AT2156" s="53">
        <v>-1540.86460032626</v>
      </c>
      <c r="AU2156" s="53">
        <v>-1540.86460032626</v>
      </c>
      <c r="AV2156" s="53">
        <v>-1540.86460032626</v>
      </c>
      <c r="AW2156" s="53">
        <v>-1540.86460032626</v>
      </c>
      <c r="AX2156" s="53">
        <v>-1540.86460032626</v>
      </c>
      <c r="AY2156" s="53">
        <v>-1540.86460032626</v>
      </c>
      <c r="AZ2156" s="53">
        <v>-1540.86460032626</v>
      </c>
      <c r="BA2156" s="53">
        <v>-18490.375203915199</v>
      </c>
      <c r="BB2156" s="53">
        <v>-1540.86460032626</v>
      </c>
      <c r="BC2156" s="53">
        <v>-1540.86460032626</v>
      </c>
      <c r="BD2156" s="53">
        <v>-1540.86460032626</v>
      </c>
      <c r="BE2156" s="53">
        <v>-1540.86460032626</v>
      </c>
      <c r="BF2156" s="53">
        <v>-1540.86460032626</v>
      </c>
      <c r="BG2156" s="53">
        <v>-1540.86460032626</v>
      </c>
      <c r="BH2156" s="53">
        <v>-1540.86460032626</v>
      </c>
      <c r="BI2156" s="53">
        <v>-1540.86460032626</v>
      </c>
      <c r="BJ2156" s="53">
        <v>-1540.86460032626</v>
      </c>
      <c r="BK2156" s="53">
        <v>-1540.86460032626</v>
      </c>
      <c r="BL2156" s="53">
        <v>-1540.86460032626</v>
      </c>
      <c r="BM2156" s="53">
        <v>-1540.86460032626</v>
      </c>
      <c r="BN2156" s="53">
        <v>-18490.375203915199</v>
      </c>
      <c r="BO2156" s="53">
        <v>-1540.86460032626</v>
      </c>
      <c r="BP2156" s="53">
        <v>-1540.86460032626</v>
      </c>
      <c r="BQ2156" s="53">
        <v>-1540.86460032626</v>
      </c>
      <c r="BR2156" s="53">
        <v>-1540.86460032626</v>
      </c>
      <c r="BS2156" s="53">
        <v>-1540.86460032626</v>
      </c>
      <c r="BT2156" s="53">
        <v>-1540.86460032626</v>
      </c>
      <c r="BU2156" s="53">
        <v>-1540.86460032626</v>
      </c>
      <c r="BV2156" s="53">
        <v>-1540.86460032626</v>
      </c>
      <c r="BW2156" s="53">
        <v>-1540.86460032626</v>
      </c>
      <c r="BX2156" s="53">
        <v>-1540.86460032626</v>
      </c>
      <c r="BY2156" s="53">
        <v>-1540.86460032627</v>
      </c>
      <c r="BZ2156" s="53">
        <v>-1540.86460032627</v>
      </c>
      <c r="CA2156" s="53">
        <v>-18490.375203915199</v>
      </c>
      <c r="CB2156" s="53"/>
      <c r="CC2156" s="53"/>
      <c r="CD2156" s="53"/>
      <c r="CE2156" s="53"/>
      <c r="CF2156" s="53"/>
      <c r="CG2156" s="53"/>
      <c r="CH2156" s="53"/>
      <c r="CI2156" s="53"/>
      <c r="CJ2156" s="53"/>
      <c r="CK2156" s="53"/>
      <c r="CL2156" s="53"/>
      <c r="CM2156" s="53"/>
      <c r="CN2156" s="53"/>
    </row>
    <row r="2157" spans="1:92" outlineLevel="1">
      <c r="A2157" s="52" t="s">
        <v>725</v>
      </c>
      <c r="B2157" s="53">
        <v>-9185.2932330827007</v>
      </c>
      <c r="C2157" s="53">
        <v>-9185.2932330827007</v>
      </c>
      <c r="D2157" s="53">
        <v>-9185.2932330827007</v>
      </c>
      <c r="E2157" s="53">
        <v>-9185.2932330827007</v>
      </c>
      <c r="F2157" s="53">
        <v>-9185.2932330827007</v>
      </c>
      <c r="G2157" s="53">
        <v>-9185.2932330827007</v>
      </c>
      <c r="H2157" s="53">
        <v>-9185.2932330827007</v>
      </c>
      <c r="I2157" s="53">
        <v>-9185.2932330827007</v>
      </c>
      <c r="J2157" s="53">
        <v>-9185.2932330827098</v>
      </c>
      <c r="K2157" s="53">
        <v>-9185.2932330827098</v>
      </c>
      <c r="L2157" s="53">
        <v>-9185.2932330827098</v>
      </c>
      <c r="M2157" s="53">
        <v>-9185.2932330827098</v>
      </c>
      <c r="N2157" s="53">
        <v>-110223.51879699199</v>
      </c>
      <c r="O2157" s="53">
        <v>-9185.2932330827098</v>
      </c>
      <c r="P2157" s="53">
        <v>-9185.2932330827098</v>
      </c>
      <c r="Q2157" s="53">
        <v>-9185.2932330827098</v>
      </c>
      <c r="R2157" s="53">
        <v>-9185.2932330827098</v>
      </c>
      <c r="S2157" s="53">
        <v>-9185.2932330827098</v>
      </c>
      <c r="T2157" s="53">
        <v>-9185.2932330827098</v>
      </c>
      <c r="U2157" s="53">
        <v>-9185.2932330827098</v>
      </c>
      <c r="V2157" s="53">
        <v>-9185.2932330827098</v>
      </c>
      <c r="W2157" s="53">
        <v>-9185.2932330827098</v>
      </c>
      <c r="X2157" s="53">
        <v>-9185.2932330827098</v>
      </c>
      <c r="Y2157" s="53">
        <v>-9185.2932330827098</v>
      </c>
      <c r="Z2157" s="53">
        <v>-9185.2932330827098</v>
      </c>
      <c r="AA2157" s="53">
        <v>-110223.51879699199</v>
      </c>
      <c r="AB2157" s="53">
        <v>-9185.2932330827098</v>
      </c>
      <c r="AC2157" s="53">
        <v>-9185.2932330827098</v>
      </c>
      <c r="AD2157" s="53">
        <v>-9185.2932330827098</v>
      </c>
      <c r="AE2157" s="53">
        <v>-9185.2932330827098</v>
      </c>
      <c r="AF2157" s="53">
        <v>-9185.2932330827098</v>
      </c>
      <c r="AG2157" s="53">
        <v>-9185.2932330827098</v>
      </c>
      <c r="AH2157" s="53">
        <v>-9185.2932330827098</v>
      </c>
      <c r="AI2157" s="53">
        <v>-9185.2932330827098</v>
      </c>
      <c r="AJ2157" s="53">
        <v>-9185.2932330827098</v>
      </c>
      <c r="AK2157" s="53">
        <v>-9185.2932330827098</v>
      </c>
      <c r="AL2157" s="53">
        <v>-9185.2932330827098</v>
      </c>
      <c r="AM2157" s="53">
        <v>-9185.2932330827098</v>
      </c>
      <c r="AN2157" s="53">
        <v>-110223.51879699199</v>
      </c>
      <c r="AO2157" s="53">
        <v>-9185.2932330827098</v>
      </c>
      <c r="AP2157" s="53">
        <v>-9185.2932330827098</v>
      </c>
      <c r="AQ2157" s="53">
        <v>-9185.2932330827098</v>
      </c>
      <c r="AR2157" s="53">
        <v>-9185.2932330827098</v>
      </c>
      <c r="AS2157" s="53">
        <v>-9185.2932330827098</v>
      </c>
      <c r="AT2157" s="53">
        <v>-9185.2932330827098</v>
      </c>
      <c r="AU2157" s="53">
        <v>-9185.2932330827098</v>
      </c>
      <c r="AV2157" s="53">
        <v>-9185.2932330827098</v>
      </c>
      <c r="AW2157" s="53">
        <v>-9185.2932330827098</v>
      </c>
      <c r="AX2157" s="53">
        <v>-9185.2932330827098</v>
      </c>
      <c r="AY2157" s="53">
        <v>-9185.2932330827098</v>
      </c>
      <c r="AZ2157" s="53">
        <v>-9185.2932330827098</v>
      </c>
      <c r="BA2157" s="53">
        <v>-110223.51879699199</v>
      </c>
      <c r="BB2157" s="53">
        <v>-9185.2932330827207</v>
      </c>
      <c r="BC2157" s="53">
        <v>-9185.2932330827098</v>
      </c>
      <c r="BD2157" s="53">
        <v>-9185.2932330827207</v>
      </c>
      <c r="BE2157" s="53">
        <v>-9185.2932330827098</v>
      </c>
      <c r="BF2157" s="53">
        <v>-9185.2932330827207</v>
      </c>
      <c r="BG2157" s="53">
        <v>-9185.2932330827098</v>
      </c>
      <c r="BH2157" s="53">
        <v>-9185.2932330827207</v>
      </c>
      <c r="BI2157" s="53">
        <v>-9185.2932330827207</v>
      </c>
      <c r="BJ2157" s="53">
        <v>-9185.2932330827207</v>
      </c>
      <c r="BK2157" s="53">
        <v>-9185.2932330827207</v>
      </c>
      <c r="BL2157" s="53">
        <v>-9185.2932330827207</v>
      </c>
      <c r="BM2157" s="53">
        <v>-9185.2932330827207</v>
      </c>
      <c r="BN2157" s="53">
        <v>-110223.51879699199</v>
      </c>
      <c r="BO2157" s="53">
        <v>-9185.2932330827207</v>
      </c>
      <c r="BP2157" s="53">
        <v>-9185.2932330827207</v>
      </c>
      <c r="BQ2157" s="53">
        <v>-9185.2932330827207</v>
      </c>
      <c r="BR2157" s="53">
        <v>-9185.2932330827207</v>
      </c>
      <c r="BS2157" s="53">
        <v>-9185.2932330827207</v>
      </c>
      <c r="BT2157" s="53">
        <v>-9185.2932330827207</v>
      </c>
      <c r="BU2157" s="53">
        <v>-4592.6466165413603</v>
      </c>
      <c r="BV2157" s="53"/>
      <c r="BW2157" s="53"/>
      <c r="BX2157" s="53"/>
      <c r="BY2157" s="53"/>
      <c r="BZ2157" s="53"/>
      <c r="CA2157" s="53">
        <v>-59704.406015037603</v>
      </c>
      <c r="CB2157" s="53"/>
      <c r="CC2157" s="53"/>
      <c r="CD2157" s="53"/>
      <c r="CE2157" s="53"/>
      <c r="CF2157" s="53"/>
      <c r="CG2157" s="53"/>
      <c r="CH2157" s="53"/>
      <c r="CI2157" s="53"/>
      <c r="CJ2157" s="53"/>
      <c r="CK2157" s="53"/>
      <c r="CL2157" s="53"/>
      <c r="CM2157" s="53"/>
      <c r="CN2157" s="53"/>
    </row>
    <row r="2158" spans="1:92" outlineLevel="1">
      <c r="A2158" s="52" t="s">
        <v>726</v>
      </c>
      <c r="B2158" s="53">
        <v>-3087.3734939759001</v>
      </c>
      <c r="C2158" s="53">
        <v>-3087.3734939759001</v>
      </c>
      <c r="D2158" s="53">
        <v>-3087.3734939759001</v>
      </c>
      <c r="E2158" s="53">
        <v>-3087.3734939759001</v>
      </c>
      <c r="F2158" s="53">
        <v>-3087.3734939759001</v>
      </c>
      <c r="G2158" s="53">
        <v>-3087.3734939759001</v>
      </c>
      <c r="H2158" s="53">
        <v>-3087.3734939759001</v>
      </c>
      <c r="I2158" s="53">
        <v>-3087.3734939759001</v>
      </c>
      <c r="J2158" s="53">
        <v>-3087.3734939759001</v>
      </c>
      <c r="K2158" s="53">
        <v>-3087.3734939759001</v>
      </c>
      <c r="L2158" s="53">
        <v>-3087.3734939759001</v>
      </c>
      <c r="M2158" s="53">
        <v>-3087.3734939759001</v>
      </c>
      <c r="N2158" s="53">
        <v>-37048.481927710804</v>
      </c>
      <c r="O2158" s="53">
        <v>-3087.3734939759001</v>
      </c>
      <c r="P2158" s="53">
        <v>-3087.3734939759001</v>
      </c>
      <c r="Q2158" s="53">
        <v>-3087.3734939759001</v>
      </c>
      <c r="R2158" s="53">
        <v>-3087.3734939759001</v>
      </c>
      <c r="S2158" s="53">
        <v>-3087.3734939759001</v>
      </c>
      <c r="T2158" s="53">
        <v>-3087.3734939759001</v>
      </c>
      <c r="U2158" s="53">
        <v>-3087.3734939759001</v>
      </c>
      <c r="V2158" s="53">
        <v>-3087.3734939759001</v>
      </c>
      <c r="W2158" s="53">
        <v>-3087.3734939759001</v>
      </c>
      <c r="X2158" s="53">
        <v>-3087.3734939759001</v>
      </c>
      <c r="Y2158" s="53">
        <v>-3087.3734939759001</v>
      </c>
      <c r="Z2158" s="53">
        <v>-3087.3734939759001</v>
      </c>
      <c r="AA2158" s="53">
        <v>-37048.481927710804</v>
      </c>
      <c r="AB2158" s="53">
        <v>-3087.3734939759001</v>
      </c>
      <c r="AC2158" s="53">
        <v>-3087.3734939759001</v>
      </c>
      <c r="AD2158" s="53">
        <v>-3087.3734939759001</v>
      </c>
      <c r="AE2158" s="53">
        <v>-3087.3734939759001</v>
      </c>
      <c r="AF2158" s="53">
        <v>-3087.3734939759001</v>
      </c>
      <c r="AG2158" s="53">
        <v>-3087.3734939759001</v>
      </c>
      <c r="AH2158" s="53">
        <v>-3087.3734939759001</v>
      </c>
      <c r="AI2158" s="53">
        <v>-3087.3734939759001</v>
      </c>
      <c r="AJ2158" s="53">
        <v>-3087.3734939759001</v>
      </c>
      <c r="AK2158" s="53">
        <v>-3087.3734939759001</v>
      </c>
      <c r="AL2158" s="53">
        <v>-3087.3734939759001</v>
      </c>
      <c r="AM2158" s="53">
        <v>-3087.3734939759001</v>
      </c>
      <c r="AN2158" s="53">
        <v>-37048.481927710804</v>
      </c>
      <c r="AO2158" s="53">
        <v>-3087.3734939759001</v>
      </c>
      <c r="AP2158" s="53">
        <v>-3087.3734939759001</v>
      </c>
      <c r="AQ2158" s="53">
        <v>-3087.3734939759001</v>
      </c>
      <c r="AR2158" s="53">
        <v>-3087.3734939759001</v>
      </c>
      <c r="AS2158" s="53">
        <v>-3087.3734939759001</v>
      </c>
      <c r="AT2158" s="53">
        <v>-3087.3734939759001</v>
      </c>
      <c r="AU2158" s="53">
        <v>-3087.3734939759001</v>
      </c>
      <c r="AV2158" s="53">
        <v>-3087.3734939759001</v>
      </c>
      <c r="AW2158" s="53">
        <v>-3087.3734939759001</v>
      </c>
      <c r="AX2158" s="53">
        <v>-3087.3734939759001</v>
      </c>
      <c r="AY2158" s="53">
        <v>-3087.3734939759001</v>
      </c>
      <c r="AZ2158" s="53">
        <v>-3087.3734939759001</v>
      </c>
      <c r="BA2158" s="53">
        <v>-37048.481927710804</v>
      </c>
      <c r="BB2158" s="53">
        <v>-3087.3734939759001</v>
      </c>
      <c r="BC2158" s="53">
        <v>-3087.3734939759001</v>
      </c>
      <c r="BD2158" s="53">
        <v>-3087.3734939759001</v>
      </c>
      <c r="BE2158" s="53">
        <v>-3087.3734939759001</v>
      </c>
      <c r="BF2158" s="53">
        <v>-3087.3734939759001</v>
      </c>
      <c r="BG2158" s="53">
        <v>-3087.3734939759001</v>
      </c>
      <c r="BH2158" s="53">
        <v>-3087.3734939759001</v>
      </c>
      <c r="BI2158" s="53">
        <v>-3087.3734939759001</v>
      </c>
      <c r="BJ2158" s="53">
        <v>-3087.3734939759001</v>
      </c>
      <c r="BK2158" s="53">
        <v>-3087.3734939759001</v>
      </c>
      <c r="BL2158" s="53">
        <v>-3087.3734939759001</v>
      </c>
      <c r="BM2158" s="53">
        <v>-3087.3734939759001</v>
      </c>
      <c r="BN2158" s="53">
        <v>-37048.481927710804</v>
      </c>
      <c r="BO2158" s="53">
        <v>-3087.3734939759001</v>
      </c>
      <c r="BP2158" s="53">
        <v>-3087.3734939759001</v>
      </c>
      <c r="BQ2158" s="53">
        <v>-3087.3734939759001</v>
      </c>
      <c r="BR2158" s="53">
        <v>-3087.3734939759001</v>
      </c>
      <c r="BS2158" s="53">
        <v>-3087.3734939759001</v>
      </c>
      <c r="BT2158" s="53">
        <v>-3087.3734939759001</v>
      </c>
      <c r="BU2158" s="53">
        <v>-3087.3734939759001</v>
      </c>
      <c r="BV2158" s="53">
        <v>-3087.3734939759001</v>
      </c>
      <c r="BW2158" s="53">
        <v>-3087.3734939759001</v>
      </c>
      <c r="BX2158" s="53">
        <v>-3087.3734939759001</v>
      </c>
      <c r="BY2158" s="53">
        <v>-3087.3734939759001</v>
      </c>
      <c r="BZ2158" s="53">
        <v>-3087.3734939759001</v>
      </c>
      <c r="CA2158" s="53">
        <v>-37048.481927710804</v>
      </c>
      <c r="CB2158" s="53"/>
      <c r="CC2158" s="53"/>
      <c r="CD2158" s="53"/>
      <c r="CE2158" s="53"/>
      <c r="CF2158" s="53"/>
      <c r="CG2158" s="53"/>
      <c r="CH2158" s="53"/>
      <c r="CI2158" s="53"/>
      <c r="CJ2158" s="53"/>
      <c r="CK2158" s="53"/>
      <c r="CL2158" s="53"/>
      <c r="CM2158" s="53"/>
      <c r="CN2158" s="53"/>
    </row>
    <row r="2159" spans="1:92" outlineLevel="1">
      <c r="A2159" s="52" t="s">
        <v>728</v>
      </c>
      <c r="B2159" s="53">
        <v>-5700.3240223463599</v>
      </c>
      <c r="C2159" s="53">
        <v>-5700.3240223463599</v>
      </c>
      <c r="D2159" s="53">
        <v>-5700.3240223463599</v>
      </c>
      <c r="E2159" s="53">
        <v>-5700.3240223463599</v>
      </c>
      <c r="F2159" s="53">
        <v>-5700.3240223463599</v>
      </c>
      <c r="G2159" s="53">
        <v>-5700.3240223463599</v>
      </c>
      <c r="H2159" s="53">
        <v>-5700.3240223463599</v>
      </c>
      <c r="I2159" s="53">
        <v>-5700.3240223463599</v>
      </c>
      <c r="J2159" s="53">
        <v>-5700.3240223463599</v>
      </c>
      <c r="K2159" s="53">
        <v>-5700.3240223463599</v>
      </c>
      <c r="L2159" s="53">
        <v>-5700.3240223463599</v>
      </c>
      <c r="M2159" s="53">
        <v>-5700.3240223463599</v>
      </c>
      <c r="N2159" s="53">
        <v>-68403.888268156399</v>
      </c>
      <c r="O2159" s="53">
        <v>-5700.3240223463599</v>
      </c>
      <c r="P2159" s="53">
        <v>-5700.3240223463599</v>
      </c>
      <c r="Q2159" s="53">
        <v>-5700.3240223463599</v>
      </c>
      <c r="R2159" s="53">
        <v>-5700.3240223463599</v>
      </c>
      <c r="S2159" s="53">
        <v>-5700.3240223463599</v>
      </c>
      <c r="T2159" s="53">
        <v>-5700.3240223463599</v>
      </c>
      <c r="U2159" s="53">
        <v>-5700.3240223463599</v>
      </c>
      <c r="V2159" s="53">
        <v>-5700.3240223463599</v>
      </c>
      <c r="W2159" s="53">
        <v>-5700.3240223463599</v>
      </c>
      <c r="X2159" s="53">
        <v>-5700.3240223463599</v>
      </c>
      <c r="Y2159" s="53">
        <v>-5700.3240223463599</v>
      </c>
      <c r="Z2159" s="53">
        <v>-5700.3240223463599</v>
      </c>
      <c r="AA2159" s="53">
        <v>-68403.888268156399</v>
      </c>
      <c r="AB2159" s="53">
        <v>-5700.3240223463599</v>
      </c>
      <c r="AC2159" s="53">
        <v>-5700.3240223463599</v>
      </c>
      <c r="AD2159" s="53">
        <v>-5700.3240223463599</v>
      </c>
      <c r="AE2159" s="53">
        <v>-5700.3240223463699</v>
      </c>
      <c r="AF2159" s="53">
        <v>-5700.3240223463699</v>
      </c>
      <c r="AG2159" s="53">
        <v>-5700.3240223463699</v>
      </c>
      <c r="AH2159" s="53">
        <v>-5700.3240223463699</v>
      </c>
      <c r="AI2159" s="53">
        <v>-5700.3240223463699</v>
      </c>
      <c r="AJ2159" s="53">
        <v>-5700.3240223463699</v>
      </c>
      <c r="AK2159" s="53">
        <v>-5700.3240223463699</v>
      </c>
      <c r="AL2159" s="53">
        <v>-5700.3240223463699</v>
      </c>
      <c r="AM2159" s="53">
        <v>-5700.3240223463699</v>
      </c>
      <c r="AN2159" s="53">
        <v>-68403.888268156399</v>
      </c>
      <c r="AO2159" s="53">
        <v>-5700.3240223463699</v>
      </c>
      <c r="AP2159" s="53">
        <v>-5700.3240223463699</v>
      </c>
      <c r="AQ2159" s="53">
        <v>-5700.3240223463699</v>
      </c>
      <c r="AR2159" s="53">
        <v>-5700.3240223463699</v>
      </c>
      <c r="AS2159" s="53">
        <v>-5700.3240223463699</v>
      </c>
      <c r="AT2159" s="53">
        <v>-5700.3240223463699</v>
      </c>
      <c r="AU2159" s="53">
        <v>-5700.3240223463699</v>
      </c>
      <c r="AV2159" s="53">
        <v>-5700.3240223463699</v>
      </c>
      <c r="AW2159" s="53">
        <v>-5700.3240223463699</v>
      </c>
      <c r="AX2159" s="53">
        <v>-5700.3240223463699</v>
      </c>
      <c r="AY2159" s="53">
        <v>-5700.3240223463699</v>
      </c>
      <c r="AZ2159" s="53">
        <v>-5700.3240223463699</v>
      </c>
      <c r="BA2159" s="53">
        <v>-68403.888268156399</v>
      </c>
      <c r="BB2159" s="53">
        <v>-5700.3240223463699</v>
      </c>
      <c r="BC2159" s="53">
        <v>-5700.3240223463699</v>
      </c>
      <c r="BD2159" s="53">
        <v>-5700.3240223463699</v>
      </c>
      <c r="BE2159" s="53">
        <v>-5700.3240223463699</v>
      </c>
      <c r="BF2159" s="53">
        <v>-5700.3240223463699</v>
      </c>
      <c r="BG2159" s="53">
        <v>-5700.3240223463699</v>
      </c>
      <c r="BH2159" s="53">
        <v>-5700.3240223463699</v>
      </c>
      <c r="BI2159" s="53">
        <v>-5700.3240223463699</v>
      </c>
      <c r="BJ2159" s="53">
        <v>-5700.3240223463699</v>
      </c>
      <c r="BK2159" s="53">
        <v>-5700.3240223463699</v>
      </c>
      <c r="BL2159" s="53">
        <v>-5700.3240223463699</v>
      </c>
      <c r="BM2159" s="53">
        <v>-5700.3240223463699</v>
      </c>
      <c r="BN2159" s="53">
        <v>-68403.888268156399</v>
      </c>
      <c r="BO2159" s="53">
        <v>-5700.3240223463699</v>
      </c>
      <c r="BP2159" s="53">
        <v>-5700.3240223463699</v>
      </c>
      <c r="BQ2159" s="53">
        <v>-5700.3240223463699</v>
      </c>
      <c r="BR2159" s="53">
        <v>-5700.3240223463699</v>
      </c>
      <c r="BS2159" s="53">
        <v>-5700.3240223463699</v>
      </c>
      <c r="BT2159" s="53">
        <v>-5700.3240223463699</v>
      </c>
      <c r="BU2159" s="53">
        <v>-5700.3240223463699</v>
      </c>
      <c r="BV2159" s="53">
        <v>-5700.3240223463699</v>
      </c>
      <c r="BW2159" s="53">
        <v>-5700.3240223463699</v>
      </c>
      <c r="BX2159" s="53">
        <v>-5700.3240223463699</v>
      </c>
      <c r="BY2159" s="53">
        <v>-5700.3240223463699</v>
      </c>
      <c r="BZ2159" s="53">
        <v>-5700.3240223463699</v>
      </c>
      <c r="CA2159" s="53">
        <v>-68403.888268156501</v>
      </c>
      <c r="CB2159" s="53">
        <v>4.4720973724483297</v>
      </c>
      <c r="CC2159" s="53">
        <v>4.5045461656332497</v>
      </c>
      <c r="CD2159" s="53">
        <v>4.5372304018533898</v>
      </c>
      <c r="CE2159" s="53">
        <v>4.5701517894441599</v>
      </c>
      <c r="CF2159" s="53">
        <v>4.6033120491363997</v>
      </c>
      <c r="CG2159" s="53">
        <v>4.6367129141462602</v>
      </c>
      <c r="CH2159" s="53">
        <v>4.6703561302658096</v>
      </c>
      <c r="CI2159" s="53">
        <v>4.7042434559543196</v>
      </c>
      <c r="CJ2159" s="53">
        <v>4.7383766624301398</v>
      </c>
      <c r="CK2159" s="53">
        <v>4.7727575337632802</v>
      </c>
      <c r="CL2159" s="53">
        <v>4.8073878669686696</v>
      </c>
      <c r="CM2159" s="53">
        <v>4.8422694721000799</v>
      </c>
      <c r="CN2159" s="53">
        <v>55.859441814144098</v>
      </c>
    </row>
    <row r="2160" spans="1:92" outlineLevel="1">
      <c r="A2160" s="52" t="s">
        <v>729</v>
      </c>
      <c r="B2160" s="53">
        <v>-8149.6279069767397</v>
      </c>
      <c r="C2160" s="53">
        <v>-8149.6279069767397</v>
      </c>
      <c r="D2160" s="53">
        <v>-8149.6279069767397</v>
      </c>
      <c r="E2160" s="53">
        <v>-8149.6279069767397</v>
      </c>
      <c r="F2160" s="53">
        <v>-8149.6279069767397</v>
      </c>
      <c r="G2160" s="53">
        <v>-8149.6279069767397</v>
      </c>
      <c r="H2160" s="53">
        <v>-8149.6279069767397</v>
      </c>
      <c r="I2160" s="53">
        <v>-8149.6279069767397</v>
      </c>
      <c r="J2160" s="53">
        <v>-8149.6279069767397</v>
      </c>
      <c r="K2160" s="53">
        <v>-8149.6279069767397</v>
      </c>
      <c r="L2160" s="53">
        <v>-8149.6279069767397</v>
      </c>
      <c r="M2160" s="53">
        <v>-8149.6279069767397</v>
      </c>
      <c r="N2160" s="53">
        <v>-97795.534883720902</v>
      </c>
      <c r="O2160" s="53">
        <v>-8149.6279069767397</v>
      </c>
      <c r="P2160" s="53">
        <v>-8149.6279069767397</v>
      </c>
      <c r="Q2160" s="53">
        <v>-8149.6279069767397</v>
      </c>
      <c r="R2160" s="53">
        <v>-8149.6279069767397</v>
      </c>
      <c r="S2160" s="53">
        <v>-8149.6279069767397</v>
      </c>
      <c r="T2160" s="53">
        <v>-8149.6279069767297</v>
      </c>
      <c r="U2160" s="53">
        <v>-8149.6279069767297</v>
      </c>
      <c r="V2160" s="53">
        <v>-8149.6279069767297</v>
      </c>
      <c r="W2160" s="53">
        <v>-8149.6279069767297</v>
      </c>
      <c r="X2160" s="53">
        <v>-8149.6279069767297</v>
      </c>
      <c r="Y2160" s="53">
        <v>-8149.6279069767297</v>
      </c>
      <c r="Z2160" s="53">
        <v>-8149.6279069767297</v>
      </c>
      <c r="AA2160" s="53">
        <v>-97795.5348837208</v>
      </c>
      <c r="AB2160" s="53">
        <v>-8149.6279069767297</v>
      </c>
      <c r="AC2160" s="53">
        <v>-8149.6279069767297</v>
      </c>
      <c r="AD2160" s="53">
        <v>-8149.6279069767297</v>
      </c>
      <c r="AE2160" s="53">
        <v>-8149.6279069767297</v>
      </c>
      <c r="AF2160" s="53">
        <v>-8149.6279069767297</v>
      </c>
      <c r="AG2160" s="53">
        <v>-8149.6279069767297</v>
      </c>
      <c r="AH2160" s="53">
        <v>-8149.6279069767297</v>
      </c>
      <c r="AI2160" s="53">
        <v>-8149.6279069767297</v>
      </c>
      <c r="AJ2160" s="53">
        <v>-8149.6279069767297</v>
      </c>
      <c r="AK2160" s="53">
        <v>-8149.6279069767297</v>
      </c>
      <c r="AL2160" s="53">
        <v>-8149.6279069767297</v>
      </c>
      <c r="AM2160" s="53">
        <v>-8149.6279069767197</v>
      </c>
      <c r="AN2160" s="53">
        <v>-97795.534883720698</v>
      </c>
      <c r="AO2160" s="53">
        <v>-8149.6279069767197</v>
      </c>
      <c r="AP2160" s="53">
        <v>-8149.6279069767197</v>
      </c>
      <c r="AQ2160" s="53">
        <v>-8149.6279069767197</v>
      </c>
      <c r="AR2160" s="53">
        <v>-8149.6279069767197</v>
      </c>
      <c r="AS2160" s="53">
        <v>-8149.6279069767197</v>
      </c>
      <c r="AT2160" s="53">
        <v>-8149.6279069767197</v>
      </c>
      <c r="AU2160" s="53">
        <v>-8149.6279069767197</v>
      </c>
      <c r="AV2160" s="53">
        <v>-8149.6279069767197</v>
      </c>
      <c r="AW2160" s="53">
        <v>-8149.6279069767197</v>
      </c>
      <c r="AX2160" s="53">
        <v>-8149.6279069767197</v>
      </c>
      <c r="AY2160" s="53">
        <v>-8149.6279069767197</v>
      </c>
      <c r="AZ2160" s="53">
        <v>-8149.6279069767197</v>
      </c>
      <c r="BA2160" s="53">
        <v>-97795.534883720698</v>
      </c>
      <c r="BB2160" s="53">
        <v>-8149.6279069767197</v>
      </c>
      <c r="BC2160" s="53">
        <v>-8149.6279069767197</v>
      </c>
      <c r="BD2160" s="53">
        <v>-8149.6279069767197</v>
      </c>
      <c r="BE2160" s="53">
        <v>-8149.6279069767197</v>
      </c>
      <c r="BF2160" s="53">
        <v>-8149.6279069767197</v>
      </c>
      <c r="BG2160" s="53">
        <v>-8149.6279069767197</v>
      </c>
      <c r="BH2160" s="53">
        <v>-8149.6279069767197</v>
      </c>
      <c r="BI2160" s="53">
        <v>-8149.6279069767197</v>
      </c>
      <c r="BJ2160" s="53">
        <v>-8149.6279069767197</v>
      </c>
      <c r="BK2160" s="53">
        <v>-8149.6279069767197</v>
      </c>
      <c r="BL2160" s="53">
        <v>-8149.6279069767197</v>
      </c>
      <c r="BM2160" s="53">
        <v>-8149.6279069767197</v>
      </c>
      <c r="BN2160" s="53">
        <v>-97795.534883720597</v>
      </c>
      <c r="BO2160" s="53">
        <v>-8149.6279069767197</v>
      </c>
      <c r="BP2160" s="53">
        <v>-8149.6279069767197</v>
      </c>
      <c r="BQ2160" s="53">
        <v>-8149.6279069767197</v>
      </c>
      <c r="BR2160" s="53">
        <v>-8149.6279069767197</v>
      </c>
      <c r="BS2160" s="53">
        <v>-8149.6279069767197</v>
      </c>
      <c r="BT2160" s="53">
        <v>-8149.6279069767197</v>
      </c>
      <c r="BU2160" s="53">
        <v>-8149.6279069767197</v>
      </c>
      <c r="BV2160" s="53">
        <v>-8149.6279069767197</v>
      </c>
      <c r="BW2160" s="53">
        <v>-8149.6279069767197</v>
      </c>
      <c r="BX2160" s="53">
        <v>-8149.6279069767197</v>
      </c>
      <c r="BY2160" s="53">
        <v>-8149.6279069767197</v>
      </c>
      <c r="BZ2160" s="53">
        <v>-8149.6279069767197</v>
      </c>
      <c r="CA2160" s="53">
        <v>-97795.534883720698</v>
      </c>
      <c r="CB2160" s="53">
        <v>-386932.316836135</v>
      </c>
      <c r="CC2160" s="53">
        <v>-389289.379532861</v>
      </c>
      <c r="CD2160" s="53">
        <v>-391660.80066984898</v>
      </c>
      <c r="CE2160" s="53">
        <v>-394046.66771392903</v>
      </c>
      <c r="CF2160" s="53">
        <v>-396447.06866475299</v>
      </c>
      <c r="CG2160" s="53">
        <v>-398862.09205803502</v>
      </c>
      <c r="CH2160" s="53">
        <v>-401291.82696882199</v>
      </c>
      <c r="CI2160" s="53">
        <v>-403736.363014773</v>
      </c>
      <c r="CJ2160" s="53">
        <v>-406195.79035947099</v>
      </c>
      <c r="CK2160" s="53">
        <v>-408670.19971574302</v>
      </c>
      <c r="CL2160" s="53">
        <v>-411159.68234901101</v>
      </c>
      <c r="CM2160" s="53">
        <v>-413664.33008065203</v>
      </c>
      <c r="CN2160" s="53">
        <v>-4801956.5179640297</v>
      </c>
    </row>
    <row r="2161" spans="1:92" outlineLevel="1">
      <c r="A2161" s="52" t="s">
        <v>730</v>
      </c>
      <c r="B2161" s="53">
        <v>-7907.1050359712199</v>
      </c>
      <c r="C2161" s="53">
        <v>-7907.1050359712199</v>
      </c>
      <c r="D2161" s="53">
        <v>-7907.1050359712199</v>
      </c>
      <c r="E2161" s="53">
        <v>-7907.1050359712199</v>
      </c>
      <c r="F2161" s="53">
        <v>-7907.1050359712199</v>
      </c>
      <c r="G2161" s="53">
        <v>-7907.1050359712199</v>
      </c>
      <c r="H2161" s="53">
        <v>-7907.1050359712199</v>
      </c>
      <c r="I2161" s="53">
        <v>-7907.1050359712199</v>
      </c>
      <c r="J2161" s="53">
        <v>-7907.1050359712199</v>
      </c>
      <c r="K2161" s="53">
        <v>-7907.1050359712199</v>
      </c>
      <c r="L2161" s="53">
        <v>-7907.1050359712199</v>
      </c>
      <c r="M2161" s="53">
        <v>-7907.1050359712199</v>
      </c>
      <c r="N2161" s="53">
        <v>-94885.260431654693</v>
      </c>
      <c r="O2161" s="53">
        <v>-7907.1050359712199</v>
      </c>
      <c r="P2161" s="53">
        <v>-7907.1050359712199</v>
      </c>
      <c r="Q2161" s="53">
        <v>-7907.1050359712199</v>
      </c>
      <c r="R2161" s="53">
        <v>-7907.1050359712199</v>
      </c>
      <c r="S2161" s="53">
        <v>-7907.1050359712199</v>
      </c>
      <c r="T2161" s="53">
        <v>-7907.1050359712199</v>
      </c>
      <c r="U2161" s="53">
        <v>-7907.1050359712199</v>
      </c>
      <c r="V2161" s="53">
        <v>-7907.1050359712199</v>
      </c>
      <c r="W2161" s="53">
        <v>-7907.1050359712199</v>
      </c>
      <c r="X2161" s="53">
        <v>-7907.1050359712199</v>
      </c>
      <c r="Y2161" s="53">
        <v>-7907.1050359712199</v>
      </c>
      <c r="Z2161" s="53">
        <v>-7907.1050359712199</v>
      </c>
      <c r="AA2161" s="53">
        <v>-94885.260431654693</v>
      </c>
      <c r="AB2161" s="53">
        <v>-7907.1050359712199</v>
      </c>
      <c r="AC2161" s="53">
        <v>-7907.1050359712199</v>
      </c>
      <c r="AD2161" s="53">
        <v>-7907.1050359712199</v>
      </c>
      <c r="AE2161" s="53">
        <v>-7907.1050359712199</v>
      </c>
      <c r="AF2161" s="53">
        <v>-7907.1050359712199</v>
      </c>
      <c r="AG2161" s="53">
        <v>-7907.1050359712199</v>
      </c>
      <c r="AH2161" s="53">
        <v>-7907.1050359712199</v>
      </c>
      <c r="AI2161" s="53">
        <v>-7907.1050359712199</v>
      </c>
      <c r="AJ2161" s="53">
        <v>-7907.1050359712199</v>
      </c>
      <c r="AK2161" s="53">
        <v>-7907.1050359712199</v>
      </c>
      <c r="AL2161" s="53">
        <v>-7907.1050359712199</v>
      </c>
      <c r="AM2161" s="53">
        <v>-7907.1050359712199</v>
      </c>
      <c r="AN2161" s="53">
        <v>-94885.260431654693</v>
      </c>
      <c r="AO2161" s="53">
        <v>-7907.1050359712199</v>
      </c>
      <c r="AP2161" s="53">
        <v>-7907.1050359712199</v>
      </c>
      <c r="AQ2161" s="53">
        <v>-7907.1050359712199</v>
      </c>
      <c r="AR2161" s="53">
        <v>-7907.1050359712199</v>
      </c>
      <c r="AS2161" s="53">
        <v>-7907.1050359712199</v>
      </c>
      <c r="AT2161" s="53">
        <v>-7907.1050359712199</v>
      </c>
      <c r="AU2161" s="53">
        <v>-7907.1050359712199</v>
      </c>
      <c r="AV2161" s="53">
        <v>-7907.1050359712199</v>
      </c>
      <c r="AW2161" s="53">
        <v>-7907.1050359712199</v>
      </c>
      <c r="AX2161" s="53">
        <v>-7907.1050359712199</v>
      </c>
      <c r="AY2161" s="53">
        <v>-7907.1050359712199</v>
      </c>
      <c r="AZ2161" s="53">
        <v>-7907.1050359712199</v>
      </c>
      <c r="BA2161" s="53">
        <v>-94885.260431654693</v>
      </c>
      <c r="BB2161" s="53">
        <v>-7907.1050359712199</v>
      </c>
      <c r="BC2161" s="53">
        <v>-7907.1050359712199</v>
      </c>
      <c r="BD2161" s="53">
        <v>-7907.1050359712199</v>
      </c>
      <c r="BE2161" s="53">
        <v>-7907.1050359712199</v>
      </c>
      <c r="BF2161" s="53">
        <v>-7907.1050359712199</v>
      </c>
      <c r="BG2161" s="53">
        <v>-7907.1050359712199</v>
      </c>
      <c r="BH2161" s="53">
        <v>-7907.1050359712199</v>
      </c>
      <c r="BI2161" s="53">
        <v>-7907.1050359712199</v>
      </c>
      <c r="BJ2161" s="53">
        <v>-7907.1050359712199</v>
      </c>
      <c r="BK2161" s="53">
        <v>-7907.1050359712199</v>
      </c>
      <c r="BL2161" s="53">
        <v>-7907.1050359712199</v>
      </c>
      <c r="BM2161" s="53">
        <v>-7907.1050359712199</v>
      </c>
      <c r="BN2161" s="53">
        <v>-94885.260431654693</v>
      </c>
      <c r="BO2161" s="53">
        <v>-7907.1050359712199</v>
      </c>
      <c r="BP2161" s="53">
        <v>-7907.1050359712199</v>
      </c>
      <c r="BQ2161" s="53">
        <v>-7907.1050359712199</v>
      </c>
      <c r="BR2161" s="53">
        <v>-7907.1050359712199</v>
      </c>
      <c r="BS2161" s="53">
        <v>-7907.1050359712199</v>
      </c>
      <c r="BT2161" s="53">
        <v>-7907.1050359712199</v>
      </c>
      <c r="BU2161" s="53">
        <v>-7907.1050359712199</v>
      </c>
      <c r="BV2161" s="53">
        <v>-7907.1050359712199</v>
      </c>
      <c r="BW2161" s="53">
        <v>-7907.1050359712199</v>
      </c>
      <c r="BX2161" s="53">
        <v>-7907.1050359712199</v>
      </c>
      <c r="BY2161" s="53">
        <v>-7907.1050359712199</v>
      </c>
      <c r="BZ2161" s="53">
        <v>-7907.1050359712199</v>
      </c>
      <c r="CA2161" s="53">
        <v>-94885.260431654693</v>
      </c>
      <c r="CB2161" s="53"/>
      <c r="CC2161" s="53"/>
      <c r="CD2161" s="53"/>
      <c r="CE2161" s="53"/>
      <c r="CF2161" s="53"/>
      <c r="CG2161" s="53"/>
      <c r="CH2161" s="53"/>
      <c r="CI2161" s="53"/>
      <c r="CJ2161" s="53"/>
      <c r="CK2161" s="53"/>
      <c r="CL2161" s="53"/>
      <c r="CM2161" s="53"/>
      <c r="CN2161" s="53"/>
    </row>
    <row r="2162" spans="1:92" outlineLevel="1">
      <c r="A2162" s="52" t="s">
        <v>1565</v>
      </c>
      <c r="B2162" s="53">
        <v>-8857.0264993026503</v>
      </c>
      <c r="C2162" s="53">
        <v>-8857.0264993026503</v>
      </c>
      <c r="D2162" s="53">
        <v>-8857.0264993026503</v>
      </c>
      <c r="E2162" s="53">
        <v>-8857.0264993026503</v>
      </c>
      <c r="F2162" s="53">
        <v>-8857.0264993026503</v>
      </c>
      <c r="G2162" s="53">
        <v>-8857.0264993026503</v>
      </c>
      <c r="H2162" s="53">
        <v>-8857.0264993026503</v>
      </c>
      <c r="I2162" s="53">
        <v>-8857.0264993026503</v>
      </c>
      <c r="J2162" s="53">
        <v>-8857.0264993026394</v>
      </c>
      <c r="K2162" s="53">
        <v>-8857.0264993026394</v>
      </c>
      <c r="L2162" s="53">
        <v>-8857.0264993026394</v>
      </c>
      <c r="M2162" s="53">
        <v>-8857.0264993026394</v>
      </c>
      <c r="N2162" s="53">
        <v>-106284.317991631</v>
      </c>
      <c r="O2162" s="53">
        <v>-8857.0264993026394</v>
      </c>
      <c r="P2162" s="53">
        <v>-8857.0264993026394</v>
      </c>
      <c r="Q2162" s="53">
        <v>-8857.0264993026394</v>
      </c>
      <c r="R2162" s="53">
        <v>-8857.0264993026394</v>
      </c>
      <c r="S2162" s="53">
        <v>-8857.0264993026394</v>
      </c>
      <c r="T2162" s="53">
        <v>-8857.0264993026394</v>
      </c>
      <c r="U2162" s="53">
        <v>-8857.0264993026394</v>
      </c>
      <c r="V2162" s="53">
        <v>-8857.0264993026394</v>
      </c>
      <c r="W2162" s="53">
        <v>-8857.0264993026394</v>
      </c>
      <c r="X2162" s="53">
        <v>-8857.0264993026394</v>
      </c>
      <c r="Y2162" s="53">
        <v>-8857.0264993026394</v>
      </c>
      <c r="Z2162" s="53">
        <v>-8857.0264993026394</v>
      </c>
      <c r="AA2162" s="53">
        <v>-106284.317991631</v>
      </c>
      <c r="AB2162" s="53">
        <v>-8857.0264993026394</v>
      </c>
      <c r="AC2162" s="53">
        <v>-8857.0264993026394</v>
      </c>
      <c r="AD2162" s="53">
        <v>-8857.0264993026394</v>
      </c>
      <c r="AE2162" s="53">
        <v>-8857.0264993026394</v>
      </c>
      <c r="AF2162" s="53">
        <v>-8857.0264993026394</v>
      </c>
      <c r="AG2162" s="53">
        <v>-8857.0264993026394</v>
      </c>
      <c r="AH2162" s="53">
        <v>-8857.0264993026394</v>
      </c>
      <c r="AI2162" s="53">
        <v>-8857.0264993026394</v>
      </c>
      <c r="AJ2162" s="53">
        <v>-8857.0264993026394</v>
      </c>
      <c r="AK2162" s="53">
        <v>-8857.0264993026394</v>
      </c>
      <c r="AL2162" s="53">
        <v>-8857.0264993026394</v>
      </c>
      <c r="AM2162" s="53">
        <v>-8857.0264993026394</v>
      </c>
      <c r="AN2162" s="53">
        <v>-106284.317991631</v>
      </c>
      <c r="AO2162" s="53">
        <v>-8857.0264993026394</v>
      </c>
      <c r="AP2162" s="53">
        <v>-8857.0264993026394</v>
      </c>
      <c r="AQ2162" s="53">
        <v>-8857.0264993026394</v>
      </c>
      <c r="AR2162" s="53">
        <v>-8857.0264993026394</v>
      </c>
      <c r="AS2162" s="53">
        <v>-8857.0264993026394</v>
      </c>
      <c r="AT2162" s="53">
        <v>-8857.0264993026394</v>
      </c>
      <c r="AU2162" s="53">
        <v>-8857.0264993026394</v>
      </c>
      <c r="AV2162" s="53">
        <v>-8857.0264993026394</v>
      </c>
      <c r="AW2162" s="53">
        <v>-8857.0264993026394</v>
      </c>
      <c r="AX2162" s="53">
        <v>-8857.0264993026394</v>
      </c>
      <c r="AY2162" s="53">
        <v>-8857.0264993026394</v>
      </c>
      <c r="AZ2162" s="53">
        <v>-8857.0264993026394</v>
      </c>
      <c r="BA2162" s="53">
        <v>-106284.317991631</v>
      </c>
      <c r="BB2162" s="53">
        <v>-8857.0264993026394</v>
      </c>
      <c r="BC2162" s="53">
        <v>-8857.0264993026394</v>
      </c>
      <c r="BD2162" s="53">
        <v>-8857.0264993026394</v>
      </c>
      <c r="BE2162" s="53">
        <v>-8857.0264993026394</v>
      </c>
      <c r="BF2162" s="53">
        <v>-8857.0264993026394</v>
      </c>
      <c r="BG2162" s="53">
        <v>-8857.0264993026394</v>
      </c>
      <c r="BH2162" s="53">
        <v>-8857.0264993026303</v>
      </c>
      <c r="BI2162" s="53">
        <v>-8857.0264993026303</v>
      </c>
      <c r="BJ2162" s="53">
        <v>-8857.0264993026303</v>
      </c>
      <c r="BK2162" s="53">
        <v>-8857.0264993026303</v>
      </c>
      <c r="BL2162" s="53">
        <v>-8857.0264993026303</v>
      </c>
      <c r="BM2162" s="53">
        <v>-8857.0264993026303</v>
      </c>
      <c r="BN2162" s="53">
        <v>-106284.317991631</v>
      </c>
      <c r="BO2162" s="53">
        <v>-8857.0264993026303</v>
      </c>
      <c r="BP2162" s="53">
        <v>-8857.0264993026303</v>
      </c>
      <c r="BQ2162" s="53">
        <v>-8857.0264993026303</v>
      </c>
      <c r="BR2162" s="53">
        <v>-8857.0264993026303</v>
      </c>
      <c r="BS2162" s="53">
        <v>-8857.0264993026303</v>
      </c>
      <c r="BT2162" s="53">
        <v>-8857.0264993026303</v>
      </c>
      <c r="BU2162" s="53">
        <v>-8857.0264993026303</v>
      </c>
      <c r="BV2162" s="53">
        <v>-8857.0264993026303</v>
      </c>
      <c r="BW2162" s="53">
        <v>-8857.0264993026303</v>
      </c>
      <c r="BX2162" s="53">
        <v>-8857.0264993026303</v>
      </c>
      <c r="BY2162" s="53">
        <v>-8857.0264993026303</v>
      </c>
      <c r="BZ2162" s="53">
        <v>-8857.0264993026303</v>
      </c>
      <c r="CA2162" s="53">
        <v>-106284.317991631</v>
      </c>
      <c r="CB2162" s="53"/>
      <c r="CC2162" s="53"/>
      <c r="CD2162" s="53"/>
      <c r="CE2162" s="53"/>
      <c r="CF2162" s="53"/>
      <c r="CG2162" s="53"/>
      <c r="CH2162" s="53"/>
      <c r="CI2162" s="53"/>
      <c r="CJ2162" s="53"/>
      <c r="CK2162" s="53"/>
      <c r="CL2162" s="53"/>
      <c r="CM2162" s="53"/>
      <c r="CN2162" s="53"/>
    </row>
    <row r="2163" spans="1:92" outlineLevel="1">
      <c r="A2163" s="52" t="s">
        <v>1376</v>
      </c>
      <c r="B2163" s="53"/>
      <c r="C2163" s="53"/>
      <c r="D2163" s="53"/>
      <c r="E2163" s="53"/>
      <c r="F2163" s="53"/>
      <c r="G2163" s="53"/>
      <c r="H2163" s="53"/>
      <c r="I2163" s="53"/>
      <c r="J2163" s="53"/>
      <c r="K2163" s="53"/>
      <c r="L2163" s="53"/>
      <c r="M2163" s="53"/>
      <c r="N2163" s="53"/>
      <c r="O2163" s="53"/>
      <c r="P2163" s="53"/>
      <c r="Q2163" s="53"/>
      <c r="R2163" s="53"/>
      <c r="S2163" s="53"/>
      <c r="T2163" s="53"/>
      <c r="U2163" s="53"/>
      <c r="V2163" s="53"/>
      <c r="W2163" s="53"/>
      <c r="X2163" s="53"/>
      <c r="Y2163" s="53"/>
      <c r="Z2163" s="53"/>
      <c r="AA2163" s="53"/>
      <c r="AB2163" s="53"/>
      <c r="AC2163" s="53"/>
      <c r="AD2163" s="53"/>
      <c r="AE2163" s="53"/>
      <c r="AF2163" s="53"/>
      <c r="AG2163" s="53"/>
      <c r="AH2163" s="53"/>
      <c r="AI2163" s="53"/>
      <c r="AJ2163" s="53"/>
      <c r="AK2163" s="53"/>
      <c r="AL2163" s="53"/>
      <c r="AM2163" s="53"/>
      <c r="AN2163" s="53"/>
      <c r="AO2163" s="53"/>
      <c r="AP2163" s="53"/>
      <c r="AQ2163" s="53"/>
      <c r="AR2163" s="53"/>
      <c r="AS2163" s="53"/>
      <c r="AT2163" s="53"/>
      <c r="AU2163" s="53"/>
      <c r="AV2163" s="53"/>
      <c r="AW2163" s="53"/>
      <c r="AX2163" s="53"/>
      <c r="AY2163" s="53"/>
      <c r="AZ2163" s="53"/>
      <c r="BA2163" s="53"/>
      <c r="BB2163" s="53"/>
      <c r="BC2163" s="53"/>
      <c r="BD2163" s="53"/>
      <c r="BE2163" s="53"/>
      <c r="BF2163" s="53"/>
      <c r="BG2163" s="53"/>
      <c r="BH2163" s="53"/>
      <c r="BI2163" s="53"/>
      <c r="BJ2163" s="53"/>
      <c r="BK2163" s="53"/>
      <c r="BL2163" s="53"/>
      <c r="BM2163" s="53"/>
      <c r="BN2163" s="53"/>
      <c r="BO2163" s="53"/>
      <c r="BP2163" s="53"/>
      <c r="BQ2163" s="53"/>
      <c r="BR2163" s="53"/>
      <c r="BS2163" s="53"/>
      <c r="BT2163" s="53"/>
      <c r="BU2163" s="53"/>
      <c r="BV2163" s="53"/>
      <c r="BW2163" s="53"/>
      <c r="BX2163" s="53"/>
      <c r="BY2163" s="53"/>
      <c r="BZ2163" s="53"/>
      <c r="CA2163" s="53"/>
      <c r="CB2163" s="53"/>
      <c r="CC2163" s="53"/>
      <c r="CD2163" s="53"/>
      <c r="CE2163" s="53"/>
      <c r="CF2163" s="53"/>
      <c r="CG2163" s="53"/>
      <c r="CH2163" s="53"/>
      <c r="CI2163" s="53"/>
      <c r="CJ2163" s="53"/>
      <c r="CK2163" s="53"/>
      <c r="CL2163" s="53"/>
      <c r="CM2163" s="53"/>
      <c r="CN2163" s="53"/>
    </row>
    <row r="2164" spans="1:92" outlineLevel="1">
      <c r="A2164" s="52" t="s">
        <v>1377</v>
      </c>
      <c r="B2164" s="53"/>
      <c r="C2164" s="53"/>
      <c r="D2164" s="53"/>
      <c r="E2164" s="53"/>
      <c r="F2164" s="53"/>
      <c r="G2164" s="53"/>
      <c r="H2164" s="53"/>
      <c r="I2164" s="53"/>
      <c r="J2164" s="53"/>
      <c r="K2164" s="53"/>
      <c r="L2164" s="53"/>
      <c r="M2164" s="53"/>
      <c r="N2164" s="53"/>
      <c r="O2164" s="53"/>
      <c r="P2164" s="53"/>
      <c r="Q2164" s="53"/>
      <c r="R2164" s="53"/>
      <c r="S2164" s="53"/>
      <c r="T2164" s="53"/>
      <c r="U2164" s="53"/>
      <c r="V2164" s="53"/>
      <c r="W2164" s="53"/>
      <c r="X2164" s="53"/>
      <c r="Y2164" s="53"/>
      <c r="Z2164" s="53"/>
      <c r="AA2164" s="53"/>
      <c r="AB2164" s="53"/>
      <c r="AC2164" s="53"/>
      <c r="AD2164" s="53"/>
      <c r="AE2164" s="53"/>
      <c r="AF2164" s="53"/>
      <c r="AG2164" s="53"/>
      <c r="AH2164" s="53"/>
      <c r="AI2164" s="53"/>
      <c r="AJ2164" s="53"/>
      <c r="AK2164" s="53"/>
      <c r="AL2164" s="53"/>
      <c r="AM2164" s="53"/>
      <c r="AN2164" s="53"/>
      <c r="AO2164" s="53"/>
      <c r="AP2164" s="53"/>
      <c r="AQ2164" s="53"/>
      <c r="AR2164" s="53"/>
      <c r="AS2164" s="53"/>
      <c r="AT2164" s="53"/>
      <c r="AU2164" s="53"/>
      <c r="AV2164" s="53"/>
      <c r="AW2164" s="53"/>
      <c r="AX2164" s="53"/>
      <c r="AY2164" s="53"/>
      <c r="AZ2164" s="53"/>
      <c r="BA2164" s="53"/>
      <c r="BB2164" s="53"/>
      <c r="BC2164" s="53"/>
      <c r="BD2164" s="53"/>
      <c r="BE2164" s="53"/>
      <c r="BF2164" s="53"/>
      <c r="BG2164" s="53"/>
      <c r="BH2164" s="53"/>
      <c r="BI2164" s="53"/>
      <c r="BJ2164" s="53"/>
      <c r="BK2164" s="53"/>
      <c r="BL2164" s="53"/>
      <c r="BM2164" s="53"/>
      <c r="BN2164" s="53"/>
      <c r="BO2164" s="53"/>
      <c r="BP2164" s="53"/>
      <c r="BQ2164" s="53"/>
      <c r="BR2164" s="53"/>
      <c r="BS2164" s="53"/>
      <c r="BT2164" s="53"/>
      <c r="BU2164" s="53"/>
      <c r="BV2164" s="53"/>
      <c r="BW2164" s="53"/>
      <c r="BX2164" s="53"/>
      <c r="BY2164" s="53"/>
      <c r="BZ2164" s="53"/>
      <c r="CA2164" s="53"/>
      <c r="CB2164" s="53">
        <v>-4.8774041723446997</v>
      </c>
      <c r="CC2164" s="53">
        <v>-4.9127938041185102</v>
      </c>
      <c r="CD2164" s="53">
        <v>-4.9484402171622097</v>
      </c>
      <c r="CE2164" s="53">
        <v>-4.9843452746378496</v>
      </c>
      <c r="CF2164" s="53"/>
      <c r="CG2164" s="53"/>
      <c r="CH2164" s="53"/>
      <c r="CI2164" s="53"/>
      <c r="CJ2164" s="53"/>
      <c r="CK2164" s="53"/>
      <c r="CL2164" s="53"/>
      <c r="CM2164" s="53"/>
      <c r="CN2164" s="53">
        <v>-19.722983468263202</v>
      </c>
    </row>
    <row r="2165" spans="1:92" outlineLevel="1">
      <c r="A2165" s="52" t="s">
        <v>1378</v>
      </c>
      <c r="B2165" s="53">
        <v>-1092858.8531758301</v>
      </c>
      <c r="C2165" s="53">
        <v>-1100788.4559366601</v>
      </c>
      <c r="D2165" s="53">
        <v>-547623.79020000005</v>
      </c>
      <c r="E2165" s="53">
        <v>-509720.25867333298</v>
      </c>
      <c r="F2165" s="53">
        <v>-1057819.7020399999</v>
      </c>
      <c r="G2165" s="53">
        <v>-3033714.06765666</v>
      </c>
      <c r="H2165" s="53">
        <v>-3055726.1908216602</v>
      </c>
      <c r="I2165" s="53">
        <v>-3077898.0293899998</v>
      </c>
      <c r="J2165" s="53">
        <v>-1034298.744295</v>
      </c>
      <c r="K2165" s="53">
        <v>-595115.44545583299</v>
      </c>
      <c r="L2165" s="53">
        <v>-599433.50796583295</v>
      </c>
      <c r="M2165" s="53">
        <v>-1206811.6939083301</v>
      </c>
      <c r="N2165" s="53">
        <v>-16911808.739519101</v>
      </c>
      <c r="O2165" s="53">
        <v>-1204871.6006449901</v>
      </c>
      <c r="P2165" s="53">
        <v>-1213613.9481673399</v>
      </c>
      <c r="Q2165" s="53">
        <v>-661267.92870625702</v>
      </c>
      <c r="R2165" s="53">
        <v>-624188.97858562798</v>
      </c>
      <c r="S2165" s="53">
        <v>-1173118.9897827399</v>
      </c>
      <c r="T2165" s="53">
        <v>-3149849.9456527801</v>
      </c>
      <c r="U2165" s="53">
        <v>-3172704.7318834402</v>
      </c>
      <c r="V2165" s="53">
        <v>-3195725.34863387</v>
      </c>
      <c r="W2165" s="53">
        <v>-1152980.9991426601</v>
      </c>
      <c r="X2165" s="53">
        <v>-714658.83710894606</v>
      </c>
      <c r="Y2165" s="53">
        <v>-719844.28252120304</v>
      </c>
      <c r="Z2165" s="53">
        <v>-1328096.1526611301</v>
      </c>
      <c r="AA2165" s="53">
        <v>-18310921.743491001</v>
      </c>
      <c r="AB2165" s="53">
        <v>-1326741.92699548</v>
      </c>
      <c r="AC2165" s="53">
        <v>-1336368.5452941</v>
      </c>
      <c r="AD2165" s="53">
        <v>-784913.21273066802</v>
      </c>
      <c r="AE2165" s="53">
        <v>-748731.412183373</v>
      </c>
      <c r="AF2165" s="53">
        <v>3.8769374325073702</v>
      </c>
      <c r="AG2165" s="53">
        <v>3.9050678443614002</v>
      </c>
      <c r="AH2165" s="53">
        <v>3.93340236579545</v>
      </c>
      <c r="AI2165" s="53">
        <v>3.9619424777946</v>
      </c>
      <c r="AJ2165" s="53">
        <v>3.9906896720897298</v>
      </c>
      <c r="AK2165" s="53">
        <v>4.0196454512354602</v>
      </c>
      <c r="AL2165" s="53">
        <v>4.0488113286887204</v>
      </c>
      <c r="AM2165" s="53">
        <v>4.0781888288877903</v>
      </c>
      <c r="AN2165" s="53">
        <v>-4196723.2825182201</v>
      </c>
      <c r="AO2165" s="53">
        <v>4.1077794873320599</v>
      </c>
      <c r="AP2165" s="53">
        <v>4.1375848506622299</v>
      </c>
      <c r="AQ2165" s="53">
        <v>4.1676064767411498</v>
      </c>
      <c r="AR2165" s="53">
        <v>4.1978459347353096</v>
      </c>
      <c r="AS2165" s="53">
        <v>4.2283048051967498</v>
      </c>
      <c r="AT2165" s="53">
        <v>4.2589846801457902</v>
      </c>
      <c r="AU2165" s="53">
        <v>4.28988716315415</v>
      </c>
      <c r="AV2165" s="53">
        <v>4.3210138694287998</v>
      </c>
      <c r="AW2165" s="53">
        <v>4.3523664258963901</v>
      </c>
      <c r="AX2165" s="53">
        <v>4.3839464712882901</v>
      </c>
      <c r="AY2165" s="53">
        <v>4.4157556562262101</v>
      </c>
      <c r="AZ2165" s="53">
        <v>4.4477956433085</v>
      </c>
      <c r="BA2165" s="53">
        <v>51.308871464115597</v>
      </c>
      <c r="BB2165" s="53">
        <v>4.48006810719707</v>
      </c>
      <c r="BC2165" s="53">
        <v>4.5125747347048701</v>
      </c>
      <c r="BD2165" s="53">
        <v>4.5453172248840996</v>
      </c>
      <c r="BE2165" s="53">
        <v>4.57829728911498</v>
      </c>
      <c r="BF2165" s="53">
        <v>4.6115166511952497</v>
      </c>
      <c r="BG2165" s="53">
        <v>4.6449770474302099</v>
      </c>
      <c r="BH2165" s="53">
        <v>4.6786802267235101</v>
      </c>
      <c r="BI2165" s="53">
        <v>4.71262795066857</v>
      </c>
      <c r="BJ2165" s="53">
        <v>4.7468219936406202</v>
      </c>
      <c r="BK2165" s="53">
        <v>4.7812641428894702</v>
      </c>
      <c r="BL2165" s="53">
        <v>4.81595619863291</v>
      </c>
      <c r="BM2165" s="53">
        <v>4.8508999741508196</v>
      </c>
      <c r="BN2165" s="53">
        <v>55.959001541232396</v>
      </c>
      <c r="BO2165" s="53">
        <v>4.8860972958799103</v>
      </c>
      <c r="BP2165" s="53">
        <v>4.9215500035092301</v>
      </c>
      <c r="BQ2165" s="53">
        <v>4.9572599500763399</v>
      </c>
      <c r="BR2165" s="53">
        <v>4.9932290020640604</v>
      </c>
      <c r="BS2165" s="53"/>
      <c r="BT2165" s="53"/>
      <c r="BU2165" s="53"/>
      <c r="BV2165" s="53"/>
      <c r="BW2165" s="53"/>
      <c r="BX2165" s="53"/>
      <c r="BY2165" s="53"/>
      <c r="BZ2165" s="53"/>
      <c r="CA2165" s="53">
        <v>19.7581362515295</v>
      </c>
      <c r="CB2165" s="53">
        <v>416184.23529139103</v>
      </c>
      <c r="CC2165" s="53">
        <v>418719.49092470802</v>
      </c>
      <c r="CD2165" s="53">
        <v>421270.19049025001</v>
      </c>
      <c r="CE2165" s="53"/>
      <c r="CF2165" s="53"/>
      <c r="CG2165" s="53"/>
      <c r="CH2165" s="53"/>
      <c r="CI2165" s="53"/>
      <c r="CJ2165" s="53"/>
      <c r="CK2165" s="53"/>
      <c r="CL2165" s="53"/>
      <c r="CM2165" s="53"/>
      <c r="CN2165" s="53">
        <v>1256173.9167063499</v>
      </c>
    </row>
    <row r="2166" spans="1:92" outlineLevel="1">
      <c r="A2166" s="52" t="s">
        <v>1379</v>
      </c>
      <c r="B2166" s="53">
        <v>-289089.632509007</v>
      </c>
      <c r="C2166" s="53">
        <v>-290850.66529097001</v>
      </c>
      <c r="D2166" s="53">
        <v>-292622.43963176099</v>
      </c>
      <c r="E2166" s="53">
        <v>-294404.99022865598</v>
      </c>
      <c r="F2166" s="53">
        <v>-296198.40715600102</v>
      </c>
      <c r="G2166" s="53">
        <v>-298002.75499340898</v>
      </c>
      <c r="H2166" s="53">
        <v>-299818.08483441698</v>
      </c>
      <c r="I2166" s="53">
        <v>-301644.47794360301</v>
      </c>
      <c r="J2166" s="53">
        <v>-303482.00289655698</v>
      </c>
      <c r="K2166" s="53">
        <v>-305330.71414299699</v>
      </c>
      <c r="L2166" s="53">
        <v>-307190.68249075598</v>
      </c>
      <c r="M2166" s="53">
        <v>-309061.98052333301</v>
      </c>
      <c r="N2166" s="53">
        <v>-3587696.8326414698</v>
      </c>
      <c r="O2166" s="53">
        <v>-310944.68276122899</v>
      </c>
      <c r="P2166" s="53">
        <v>-312838.85412038199</v>
      </c>
      <c r="Q2166" s="53">
        <v>-314744.56414006598</v>
      </c>
      <c r="R2166" s="53">
        <v>-316661.88310995197</v>
      </c>
      <c r="S2166" s="53">
        <v>-318590.88174789702</v>
      </c>
      <c r="T2166" s="53">
        <v>-320531.63120254403</v>
      </c>
      <c r="U2166" s="53">
        <v>-322484.20305595302</v>
      </c>
      <c r="V2166" s="53">
        <v>-324448.66932623601</v>
      </c>
      <c r="W2166" s="53">
        <v>-326425.10247021401</v>
      </c>
      <c r="X2166" s="53">
        <v>-328413.57538609498</v>
      </c>
      <c r="Y2166" s="53">
        <v>-330414.16141615598</v>
      </c>
      <c r="Z2166" s="53">
        <v>-332426.934349449</v>
      </c>
      <c r="AA2166" s="53">
        <v>-3858925.1430861698</v>
      </c>
      <c r="AB2166" s="53">
        <v>-334451.96842452802</v>
      </c>
      <c r="AC2166" s="53">
        <v>-336489.33833217999</v>
      </c>
      <c r="AD2166" s="53">
        <v>-338539.119218187</v>
      </c>
      <c r="AE2166" s="53">
        <v>-340601.38668609102</v>
      </c>
      <c r="AF2166" s="53">
        <v>-342676.21679998701</v>
      </c>
      <c r="AG2166" s="53">
        <v>-344763.68608732702</v>
      </c>
      <c r="AH2166" s="53">
        <v>-346863.871541742</v>
      </c>
      <c r="AI2166" s="53">
        <v>-348976.85062588402</v>
      </c>
      <c r="AJ2166" s="53">
        <v>-351102.70127428003</v>
      </c>
      <c r="AK2166" s="53">
        <v>-353241.50189620903</v>
      </c>
      <c r="AL2166" s="53">
        <v>-355393.33137859299</v>
      </c>
      <c r="AM2166" s="53">
        <v>-357558.26908890699</v>
      </c>
      <c r="AN2166" s="53">
        <v>-4150658.24135391</v>
      </c>
      <c r="AO2166" s="53">
        <v>-359736.39487810701</v>
      </c>
      <c r="AP2166" s="53">
        <v>-361927.78908357298</v>
      </c>
      <c r="AQ2166" s="53">
        <v>-364132.53253207402</v>
      </c>
      <c r="AR2166" s="53">
        <v>-366350.70654274803</v>
      </c>
      <c r="AS2166" s="53">
        <v>-368582.39293010399</v>
      </c>
      <c r="AT2166" s="53">
        <v>-370827.67400703701</v>
      </c>
      <c r="AU2166" s="53">
        <v>-373086.63258786203</v>
      </c>
      <c r="AV2166" s="53">
        <v>-375359.35199137701</v>
      </c>
      <c r="AW2166" s="53">
        <v>-377645.91604392399</v>
      </c>
      <c r="AX2166" s="53">
        <v>-379946.40908249101</v>
      </c>
      <c r="AY2166" s="53">
        <v>-382260.91595781897</v>
      </c>
      <c r="AZ2166" s="53">
        <v>-384589.52203752799</v>
      </c>
      <c r="BA2166" s="53">
        <v>-4464446.2376746396</v>
      </c>
      <c r="BB2166" s="53">
        <v>-386932.31320927298</v>
      </c>
      <c r="BC2166" s="53">
        <v>-389289.37588390597</v>
      </c>
      <c r="BD2166" s="53">
        <v>-391660.79699866503</v>
      </c>
      <c r="BE2166" s="53">
        <v>-394046.66402038198</v>
      </c>
      <c r="BF2166" s="53">
        <v>-396447.06494870601</v>
      </c>
      <c r="BG2166" s="53">
        <v>-398862.08831935102</v>
      </c>
      <c r="BH2166" s="53">
        <v>-401291.82320736302</v>
      </c>
      <c r="BI2166" s="53">
        <v>-403736.3592304</v>
      </c>
      <c r="BJ2166" s="53">
        <v>-406195.78655204503</v>
      </c>
      <c r="BK2166" s="53">
        <v>-408670.19588512398</v>
      </c>
      <c r="BL2166" s="53">
        <v>-411159.67849505699</v>
      </c>
      <c r="BM2166" s="53">
        <v>-413664.32620322099</v>
      </c>
      <c r="BN2166" s="53">
        <v>-4801956.47295349</v>
      </c>
      <c r="BO2166" s="53">
        <v>-416184.23139034002</v>
      </c>
      <c r="BP2166" s="53">
        <v>-418719.48699989298</v>
      </c>
      <c r="BQ2166" s="53">
        <v>-421270.186541526</v>
      </c>
      <c r="BR2166" s="53"/>
      <c r="BS2166" s="53"/>
      <c r="BT2166" s="53"/>
      <c r="BU2166" s="53"/>
      <c r="BV2166" s="53"/>
      <c r="BW2166" s="53"/>
      <c r="BX2166" s="53"/>
      <c r="BY2166" s="53"/>
      <c r="BZ2166" s="53"/>
      <c r="CA2166" s="53">
        <v>-1256173.9049317599</v>
      </c>
      <c r="CB2166" s="53">
        <v>4831099.9371118303</v>
      </c>
      <c r="CC2166" s="53">
        <v>4860529.6402560398</v>
      </c>
      <c r="CD2166" s="53">
        <v>4890138.6188666299</v>
      </c>
      <c r="CE2166" s="53">
        <v>4496091.5369592104</v>
      </c>
      <c r="CF2166" s="53">
        <v>4099649.0716065099</v>
      </c>
      <c r="CG2166" s="53">
        <v>3700791.61626139</v>
      </c>
      <c r="CH2166" s="53">
        <v>3299504.4596487</v>
      </c>
      <c r="CI2166" s="53">
        <v>2895772.8008773802</v>
      </c>
      <c r="CJ2166" s="53">
        <v>2489581.7488945699</v>
      </c>
      <c r="CK2166" s="53">
        <v>2080916.3219363601</v>
      </c>
      <c r="CL2166" s="53">
        <v>1669761.44697522</v>
      </c>
      <c r="CM2166" s="53">
        <v>1256101.9591640399</v>
      </c>
      <c r="CN2166" s="53">
        <v>1256101.9591640399</v>
      </c>
    </row>
    <row r="2167" spans="1:92" outlineLevel="1">
      <c r="A2167" s="52" t="s">
        <v>672</v>
      </c>
      <c r="B2167" s="53"/>
      <c r="C2167" s="53"/>
      <c r="D2167" s="53"/>
      <c r="E2167" s="53"/>
      <c r="F2167" s="53"/>
      <c r="G2167" s="53"/>
      <c r="H2167" s="53"/>
      <c r="I2167" s="53"/>
      <c r="J2167" s="53"/>
      <c r="K2167" s="53"/>
      <c r="L2167" s="53"/>
      <c r="M2167" s="53"/>
      <c r="N2167" s="53"/>
      <c r="O2167" s="53"/>
      <c r="P2167" s="53"/>
      <c r="Q2167" s="53"/>
      <c r="R2167" s="53"/>
      <c r="S2167" s="53"/>
      <c r="T2167" s="53"/>
      <c r="U2167" s="53"/>
      <c r="V2167" s="53"/>
      <c r="W2167" s="53"/>
      <c r="X2167" s="53"/>
      <c r="Y2167" s="53"/>
      <c r="Z2167" s="53"/>
      <c r="AA2167" s="53"/>
      <c r="AB2167" s="53"/>
      <c r="AC2167" s="53"/>
      <c r="AD2167" s="53"/>
      <c r="AE2167" s="53"/>
      <c r="AF2167" s="53"/>
      <c r="AG2167" s="53"/>
      <c r="AH2167" s="53"/>
      <c r="AI2167" s="53"/>
      <c r="AJ2167" s="53"/>
      <c r="AK2167" s="53"/>
      <c r="AL2167" s="53"/>
      <c r="AM2167" s="53"/>
      <c r="AN2167" s="53"/>
      <c r="AO2167" s="53"/>
      <c r="AP2167" s="53"/>
      <c r="AQ2167" s="53"/>
      <c r="AR2167" s="53"/>
      <c r="AS2167" s="53"/>
      <c r="AT2167" s="53"/>
      <c r="AU2167" s="53"/>
      <c r="AV2167" s="53"/>
      <c r="AW2167" s="53"/>
      <c r="AX2167" s="53"/>
      <c r="AY2167" s="53"/>
      <c r="AZ2167" s="53"/>
      <c r="BA2167" s="53"/>
      <c r="BB2167" s="53"/>
      <c r="BC2167" s="53"/>
      <c r="BD2167" s="53"/>
      <c r="BE2167" s="53"/>
      <c r="BF2167" s="53"/>
      <c r="BG2167" s="53"/>
      <c r="BH2167" s="53"/>
      <c r="BI2167" s="53"/>
      <c r="BJ2167" s="53"/>
      <c r="BK2167" s="53"/>
      <c r="BL2167" s="53"/>
      <c r="BM2167" s="53"/>
      <c r="BN2167" s="53"/>
      <c r="BO2167" s="53"/>
      <c r="BP2167" s="53"/>
      <c r="BQ2167" s="53"/>
      <c r="BR2167" s="53"/>
      <c r="BS2167" s="53"/>
      <c r="BT2167" s="53"/>
      <c r="BU2167" s="53"/>
      <c r="BV2167" s="53"/>
      <c r="BW2167" s="53"/>
      <c r="BX2167" s="53"/>
      <c r="BY2167" s="53"/>
      <c r="BZ2167" s="53"/>
      <c r="CA2167" s="53"/>
      <c r="CB2167" s="53">
        <v>0</v>
      </c>
      <c r="CC2167" s="53">
        <v>0</v>
      </c>
      <c r="CD2167" s="53">
        <v>0</v>
      </c>
      <c r="CE2167" s="53">
        <v>0</v>
      </c>
      <c r="CF2167" s="53">
        <v>0</v>
      </c>
      <c r="CG2167" s="53">
        <v>0</v>
      </c>
      <c r="CH2167" s="53">
        <v>0</v>
      </c>
      <c r="CI2167" s="53">
        <v>0</v>
      </c>
      <c r="CJ2167" s="53">
        <v>0</v>
      </c>
      <c r="CK2167" s="53">
        <v>0</v>
      </c>
      <c r="CL2167" s="53">
        <v>0</v>
      </c>
      <c r="CM2167" s="53">
        <v>0</v>
      </c>
      <c r="CN2167" s="53">
        <v>0</v>
      </c>
    </row>
    <row r="2168" spans="1:92" outlineLevel="1">
      <c r="A2168" s="52" t="s">
        <v>709</v>
      </c>
      <c r="B2168" s="53"/>
      <c r="C2168" s="53"/>
      <c r="D2168" s="53"/>
      <c r="E2168" s="53"/>
      <c r="F2168" s="53"/>
      <c r="G2168" s="53"/>
      <c r="H2168" s="53"/>
      <c r="I2168" s="53"/>
      <c r="J2168" s="53"/>
      <c r="K2168" s="53"/>
      <c r="L2168" s="53"/>
      <c r="M2168" s="53"/>
      <c r="N2168" s="53"/>
      <c r="O2168" s="53"/>
      <c r="P2168" s="53"/>
      <c r="Q2168" s="53"/>
      <c r="R2168" s="53"/>
      <c r="S2168" s="53"/>
      <c r="T2168" s="53"/>
      <c r="U2168" s="53"/>
      <c r="V2168" s="53"/>
      <c r="W2168" s="53"/>
      <c r="X2168" s="53"/>
      <c r="Y2168" s="53"/>
      <c r="Z2168" s="53"/>
      <c r="AA2168" s="53"/>
      <c r="AB2168" s="53"/>
      <c r="AC2168" s="53"/>
      <c r="AD2168" s="53"/>
      <c r="AE2168" s="53"/>
      <c r="AF2168" s="53"/>
      <c r="AG2168" s="53"/>
      <c r="AH2168" s="53"/>
      <c r="AI2168" s="53"/>
      <c r="AJ2168" s="53"/>
      <c r="AK2168" s="53"/>
      <c r="AL2168" s="53"/>
      <c r="AM2168" s="53"/>
      <c r="AN2168" s="53"/>
      <c r="AO2168" s="53"/>
      <c r="AP2168" s="53"/>
      <c r="AQ2168" s="53"/>
      <c r="AR2168" s="53"/>
      <c r="AS2168" s="53"/>
      <c r="AT2168" s="53"/>
      <c r="AU2168" s="53"/>
      <c r="AV2168" s="53"/>
      <c r="AW2168" s="53"/>
      <c r="AX2168" s="53"/>
      <c r="AY2168" s="53"/>
      <c r="AZ2168" s="53"/>
      <c r="BA2168" s="53"/>
      <c r="BB2168" s="53"/>
      <c r="BC2168" s="53"/>
      <c r="BD2168" s="53"/>
      <c r="BE2168" s="53"/>
      <c r="BF2168" s="53"/>
      <c r="BG2168" s="53"/>
      <c r="BH2168" s="53"/>
      <c r="BI2168" s="53"/>
      <c r="BJ2168" s="53"/>
      <c r="BK2168" s="53"/>
      <c r="BL2168" s="53"/>
      <c r="BM2168" s="53"/>
      <c r="BN2168" s="53"/>
      <c r="BO2168" s="53"/>
      <c r="BP2168" s="53"/>
      <c r="BQ2168" s="53"/>
      <c r="BR2168" s="53"/>
      <c r="BS2168" s="53"/>
      <c r="BT2168" s="53"/>
      <c r="BU2168" s="53"/>
      <c r="BV2168" s="53"/>
      <c r="BW2168" s="53"/>
      <c r="BX2168" s="53"/>
      <c r="BY2168" s="53"/>
      <c r="BZ2168" s="53"/>
      <c r="CA2168" s="53"/>
      <c r="CB2168" s="53">
        <v>0</v>
      </c>
      <c r="CC2168" s="53">
        <v>0</v>
      </c>
      <c r="CD2168" s="53">
        <v>0</v>
      </c>
      <c r="CE2168" s="53">
        <v>0</v>
      </c>
      <c r="CF2168" s="53">
        <v>0</v>
      </c>
      <c r="CG2168" s="53">
        <v>0</v>
      </c>
      <c r="CH2168" s="53">
        <v>0</v>
      </c>
      <c r="CI2168" s="53">
        <v>0</v>
      </c>
      <c r="CJ2168" s="53">
        <v>0</v>
      </c>
      <c r="CK2168" s="53">
        <v>0</v>
      </c>
      <c r="CL2168" s="53">
        <v>0</v>
      </c>
      <c r="CM2168" s="53">
        <v>0</v>
      </c>
      <c r="CN2168" s="53">
        <v>0</v>
      </c>
    </row>
    <row r="2169" spans="1:92" outlineLevel="1">
      <c r="A2169" s="52" t="s">
        <v>731</v>
      </c>
      <c r="B2169" s="53"/>
      <c r="C2169" s="53"/>
      <c r="D2169" s="53"/>
      <c r="E2169" s="53"/>
      <c r="F2169" s="53"/>
      <c r="G2169" s="53"/>
      <c r="H2169" s="53"/>
      <c r="I2169" s="53"/>
      <c r="J2169" s="53"/>
      <c r="K2169" s="53"/>
      <c r="L2169" s="53"/>
      <c r="M2169" s="53"/>
      <c r="N2169" s="53"/>
      <c r="O2169" s="53"/>
      <c r="P2169" s="53"/>
      <c r="Q2169" s="53"/>
      <c r="R2169" s="53"/>
      <c r="S2169" s="53"/>
      <c r="T2169" s="53"/>
      <c r="U2169" s="53"/>
      <c r="V2169" s="53"/>
      <c r="W2169" s="53"/>
      <c r="X2169" s="53"/>
      <c r="Y2169" s="53"/>
      <c r="Z2169" s="53"/>
      <c r="AA2169" s="53"/>
      <c r="AB2169" s="53"/>
      <c r="AC2169" s="53"/>
      <c r="AD2169" s="53"/>
      <c r="AE2169" s="53"/>
      <c r="AF2169" s="53"/>
      <c r="AG2169" s="53"/>
      <c r="AH2169" s="53"/>
      <c r="AI2169" s="53"/>
      <c r="AJ2169" s="53"/>
      <c r="AK2169" s="53"/>
      <c r="AL2169" s="53"/>
      <c r="AM2169" s="53"/>
      <c r="AN2169" s="53"/>
      <c r="AO2169" s="53"/>
      <c r="AP2169" s="53"/>
      <c r="AQ2169" s="53"/>
      <c r="AR2169" s="53"/>
      <c r="AS2169" s="53"/>
      <c r="AT2169" s="53"/>
      <c r="AU2169" s="53"/>
      <c r="AV2169" s="53"/>
      <c r="AW2169" s="53"/>
      <c r="AX2169" s="53"/>
      <c r="AY2169" s="53"/>
      <c r="AZ2169" s="53"/>
      <c r="BA2169" s="53"/>
      <c r="BB2169" s="53"/>
      <c r="BC2169" s="53"/>
      <c r="BD2169" s="53"/>
      <c r="BE2169" s="53"/>
      <c r="BF2169" s="53"/>
      <c r="BG2169" s="53"/>
      <c r="BH2169" s="53"/>
      <c r="BI2169" s="53"/>
      <c r="BJ2169" s="53"/>
      <c r="BK2169" s="53"/>
      <c r="BL2169" s="53"/>
      <c r="BM2169" s="53"/>
      <c r="BN2169" s="53"/>
      <c r="BO2169" s="53"/>
      <c r="BP2169" s="53"/>
      <c r="BQ2169" s="53"/>
      <c r="BR2169" s="53"/>
      <c r="BS2169" s="53"/>
      <c r="BT2169" s="53"/>
      <c r="BU2169" s="53"/>
      <c r="BV2169" s="53"/>
      <c r="BW2169" s="53"/>
      <c r="BX2169" s="53"/>
      <c r="BY2169" s="53"/>
      <c r="BZ2169" s="53"/>
      <c r="CA2169" s="53"/>
      <c r="CB2169" s="53">
        <v>-2.8421709430404001E-11</v>
      </c>
      <c r="CC2169" s="53">
        <v>1620.19834710743</v>
      </c>
      <c r="CD2169" s="53">
        <v>4860.59504132232</v>
      </c>
      <c r="CE2169" s="53">
        <v>8100.9917355372199</v>
      </c>
      <c r="CF2169" s="53">
        <v>11341.3884297521</v>
      </c>
      <c r="CG2169" s="53">
        <v>14581.785123967</v>
      </c>
      <c r="CH2169" s="53">
        <v>17822.181818181802</v>
      </c>
      <c r="CI2169" s="53">
        <v>21062.5785123967</v>
      </c>
      <c r="CJ2169" s="53">
        <v>24302.975206611602</v>
      </c>
      <c r="CK2169" s="53">
        <v>27543.3719008265</v>
      </c>
      <c r="CL2169" s="53">
        <v>30783.768595041402</v>
      </c>
      <c r="CM2169" s="53">
        <v>34024.165289256198</v>
      </c>
      <c r="CN2169" s="53">
        <v>-2.8421709430404001E-11</v>
      </c>
    </row>
    <row r="2170" spans="1:92" outlineLevel="1">
      <c r="A2170" s="52" t="s">
        <v>711</v>
      </c>
      <c r="B2170" s="53">
        <v>15351.5205479452</v>
      </c>
      <c r="C2170" s="53">
        <v>15351.5138888888</v>
      </c>
      <c r="D2170" s="53">
        <v>15351.521126760499</v>
      </c>
      <c r="E2170" s="53">
        <v>15351.5142857142</v>
      </c>
      <c r="F2170" s="53">
        <v>15351.5217391304</v>
      </c>
      <c r="G2170" s="53">
        <v>15351.5147058823</v>
      </c>
      <c r="H2170" s="53">
        <v>15351.5223880596</v>
      </c>
      <c r="I2170" s="53">
        <v>15351.515151515099</v>
      </c>
      <c r="J2170" s="53">
        <v>15351.523076923</v>
      </c>
      <c r="K2170" s="53">
        <v>15351.515625</v>
      </c>
      <c r="L2170" s="53">
        <v>15351.5238095238</v>
      </c>
      <c r="M2170" s="53">
        <v>15351.516129032199</v>
      </c>
      <c r="N2170" s="53">
        <v>184218.22247437501</v>
      </c>
      <c r="O2170" s="53">
        <v>15351.524590163899</v>
      </c>
      <c r="P2170" s="53">
        <v>15351.524590163899</v>
      </c>
      <c r="Q2170" s="53">
        <v>15351.524590163899</v>
      </c>
      <c r="R2170" s="53">
        <v>15351.524590163899</v>
      </c>
      <c r="S2170" s="53">
        <v>15351.524590163899</v>
      </c>
      <c r="T2170" s="53">
        <v>15351.524590163899</v>
      </c>
      <c r="U2170" s="53">
        <v>15351.524590163899</v>
      </c>
      <c r="V2170" s="53">
        <v>15351.524590163899</v>
      </c>
      <c r="W2170" s="53">
        <v>15351.524590163899</v>
      </c>
      <c r="X2170" s="53">
        <v>15351.524590163899</v>
      </c>
      <c r="Y2170" s="53">
        <v>15351.524590163899</v>
      </c>
      <c r="Z2170" s="53">
        <v>15351.524590163899</v>
      </c>
      <c r="AA2170" s="53">
        <v>184218.29508196699</v>
      </c>
      <c r="AB2170" s="53">
        <v>15351.524590163899</v>
      </c>
      <c r="AC2170" s="53">
        <v>15351.524590163899</v>
      </c>
      <c r="AD2170" s="53">
        <v>15351.524590163899</v>
      </c>
      <c r="AE2170" s="53">
        <v>15351.524590163899</v>
      </c>
      <c r="AF2170" s="53">
        <v>15351.524590163899</v>
      </c>
      <c r="AG2170" s="53">
        <v>15351.524590163899</v>
      </c>
      <c r="AH2170" s="53">
        <v>15351.524590163899</v>
      </c>
      <c r="AI2170" s="53">
        <v>15351.524590163899</v>
      </c>
      <c r="AJ2170" s="53">
        <v>15351.524590163899</v>
      </c>
      <c r="AK2170" s="53">
        <v>15351.524590163899</v>
      </c>
      <c r="AL2170" s="53">
        <v>15351.524590163899</v>
      </c>
      <c r="AM2170" s="53">
        <v>15351.524590163899</v>
      </c>
      <c r="AN2170" s="53">
        <v>184218.29508196699</v>
      </c>
      <c r="AO2170" s="53">
        <v>15351.524590163899</v>
      </c>
      <c r="AP2170" s="53">
        <v>15351.524590163899</v>
      </c>
      <c r="AQ2170" s="53">
        <v>15351.524590163899</v>
      </c>
      <c r="AR2170" s="53">
        <v>15351.524590163899</v>
      </c>
      <c r="AS2170" s="53">
        <v>15351.524590163899</v>
      </c>
      <c r="AT2170" s="53">
        <v>15351.524590163899</v>
      </c>
      <c r="AU2170" s="53">
        <v>15351.524590163899</v>
      </c>
      <c r="AV2170" s="53">
        <v>15351.524590163899</v>
      </c>
      <c r="AW2170" s="53">
        <v>15351.524590163899</v>
      </c>
      <c r="AX2170" s="53">
        <v>15351.524590163899</v>
      </c>
      <c r="AY2170" s="53">
        <v>15351.524590163899</v>
      </c>
      <c r="AZ2170" s="53">
        <v>15351.524590163899</v>
      </c>
      <c r="BA2170" s="53">
        <v>184218.29508196699</v>
      </c>
      <c r="BB2170" s="53">
        <v>15351.524590163899</v>
      </c>
      <c r="BC2170" s="53">
        <v>15351.524590163899</v>
      </c>
      <c r="BD2170" s="53">
        <v>15351.524590163899</v>
      </c>
      <c r="BE2170" s="53">
        <v>15351.524590163899</v>
      </c>
      <c r="BF2170" s="53">
        <v>15351.524590163899</v>
      </c>
      <c r="BG2170" s="53">
        <v>15351.524590163899</v>
      </c>
      <c r="BH2170" s="53">
        <v>15351.524590163899</v>
      </c>
      <c r="BI2170" s="53">
        <v>15351.524590163899</v>
      </c>
      <c r="BJ2170" s="53">
        <v>15351.524590163899</v>
      </c>
      <c r="BK2170" s="53">
        <v>15351.524590163899</v>
      </c>
      <c r="BL2170" s="53">
        <v>15351.524590163899</v>
      </c>
      <c r="BM2170" s="53">
        <v>15351.524590163899</v>
      </c>
      <c r="BN2170" s="53">
        <v>184218.29508196699</v>
      </c>
      <c r="BO2170" s="53">
        <v>15351.524590163899</v>
      </c>
      <c r="BP2170" s="53">
        <v>15351.524590163899</v>
      </c>
      <c r="BQ2170" s="53">
        <v>15351.524590163899</v>
      </c>
      <c r="BR2170" s="53">
        <v>15351.524590163899</v>
      </c>
      <c r="BS2170" s="53">
        <v>15351.524590163899</v>
      </c>
      <c r="BT2170" s="53">
        <v>15351.524590163899</v>
      </c>
      <c r="BU2170" s="53">
        <v>15351.524590163899</v>
      </c>
      <c r="BV2170" s="53">
        <v>15351.524590163899</v>
      </c>
      <c r="BW2170" s="53">
        <v>15351.524590163899</v>
      </c>
      <c r="BX2170" s="53">
        <v>15351.524590163899</v>
      </c>
      <c r="BY2170" s="53">
        <v>15351.524590163899</v>
      </c>
      <c r="BZ2170" s="53">
        <v>15351.524590163899</v>
      </c>
      <c r="CA2170" s="53">
        <v>184218.29508196699</v>
      </c>
      <c r="CB2170" s="53"/>
      <c r="CC2170" s="53"/>
      <c r="CD2170" s="53"/>
      <c r="CE2170" s="53"/>
      <c r="CF2170" s="53"/>
      <c r="CG2170" s="53"/>
      <c r="CH2170" s="53"/>
      <c r="CI2170" s="53"/>
      <c r="CJ2170" s="53"/>
      <c r="CK2170" s="53"/>
      <c r="CL2170" s="53"/>
      <c r="CM2170" s="53"/>
      <c r="CN2170" s="53"/>
    </row>
    <row r="2171" spans="1:92" outlineLevel="1">
      <c r="A2171" s="52" t="s">
        <v>712</v>
      </c>
      <c r="B2171" s="53">
        <v>8310.1044776119397</v>
      </c>
      <c r="C2171" s="53">
        <v>8310.1052631578896</v>
      </c>
      <c r="D2171" s="53">
        <v>8310.1060606060601</v>
      </c>
      <c r="E2171" s="53">
        <v>8310.1068702289995</v>
      </c>
      <c r="F2171" s="53">
        <v>8310.1076923076907</v>
      </c>
      <c r="G2171" s="53">
        <v>8310.1007751937905</v>
      </c>
      <c r="H2171" s="53">
        <v>8310.1015625</v>
      </c>
      <c r="I2171" s="53">
        <v>8310.1023622047196</v>
      </c>
      <c r="J2171" s="53">
        <v>8310.1031746031695</v>
      </c>
      <c r="K2171" s="53">
        <v>8310.1039999999994</v>
      </c>
      <c r="L2171" s="53">
        <v>8310.1048387096707</v>
      </c>
      <c r="M2171" s="53">
        <v>8310.1056910569096</v>
      </c>
      <c r="N2171" s="53">
        <v>99721.252768180799</v>
      </c>
      <c r="O2171" s="53">
        <v>8310.1065573770393</v>
      </c>
      <c r="P2171" s="53">
        <v>8310.1065573770393</v>
      </c>
      <c r="Q2171" s="53">
        <v>8310.1065573770393</v>
      </c>
      <c r="R2171" s="53">
        <v>8310.1065573770393</v>
      </c>
      <c r="S2171" s="53">
        <v>8310.1065573770502</v>
      </c>
      <c r="T2171" s="53">
        <v>8310.1065573770502</v>
      </c>
      <c r="U2171" s="53">
        <v>8310.1065573770502</v>
      </c>
      <c r="V2171" s="53">
        <v>8310.1065573770502</v>
      </c>
      <c r="W2171" s="53">
        <v>8310.1065573770502</v>
      </c>
      <c r="X2171" s="53">
        <v>8310.1065573770502</v>
      </c>
      <c r="Y2171" s="53">
        <v>8310.1065573770502</v>
      </c>
      <c r="Z2171" s="53">
        <v>8310.1065573770502</v>
      </c>
      <c r="AA2171" s="53">
        <v>99721.278688524602</v>
      </c>
      <c r="AB2171" s="53">
        <v>8310.1065573770502</v>
      </c>
      <c r="AC2171" s="53">
        <v>8310.1065573770502</v>
      </c>
      <c r="AD2171" s="53">
        <v>8310.1065573770502</v>
      </c>
      <c r="AE2171" s="53">
        <v>8310.1065573770502</v>
      </c>
      <c r="AF2171" s="53">
        <v>8310.1065573770502</v>
      </c>
      <c r="AG2171" s="53">
        <v>8310.1065573770502</v>
      </c>
      <c r="AH2171" s="53">
        <v>8310.1065573770502</v>
      </c>
      <c r="AI2171" s="53">
        <v>8310.1065573770502</v>
      </c>
      <c r="AJ2171" s="53">
        <v>8310.1065573770502</v>
      </c>
      <c r="AK2171" s="53">
        <v>8310.1065573770502</v>
      </c>
      <c r="AL2171" s="53">
        <v>8310.1065573770502</v>
      </c>
      <c r="AM2171" s="53">
        <v>8310.1065573770502</v>
      </c>
      <c r="AN2171" s="53">
        <v>99721.278688524602</v>
      </c>
      <c r="AO2171" s="53">
        <v>8310.1065573770502</v>
      </c>
      <c r="AP2171" s="53">
        <v>8310.1065573770502</v>
      </c>
      <c r="AQ2171" s="53">
        <v>8310.1065573770502</v>
      </c>
      <c r="AR2171" s="53">
        <v>8310.1065573770502</v>
      </c>
      <c r="AS2171" s="53">
        <v>8310.1065573770502</v>
      </c>
      <c r="AT2171" s="53">
        <v>8310.1065573770502</v>
      </c>
      <c r="AU2171" s="53">
        <v>8310.1065573770502</v>
      </c>
      <c r="AV2171" s="53">
        <v>8310.1065573770502</v>
      </c>
      <c r="AW2171" s="53">
        <v>8310.1065573770502</v>
      </c>
      <c r="AX2171" s="53">
        <v>8310.1065573770502</v>
      </c>
      <c r="AY2171" s="53">
        <v>8310.1065573770502</v>
      </c>
      <c r="AZ2171" s="53">
        <v>8310.1065573770502</v>
      </c>
      <c r="BA2171" s="53">
        <v>99721.278688524602</v>
      </c>
      <c r="BB2171" s="53">
        <v>8310.1065573770593</v>
      </c>
      <c r="BC2171" s="53">
        <v>8310.1065573770593</v>
      </c>
      <c r="BD2171" s="53">
        <v>8310.1065573770593</v>
      </c>
      <c r="BE2171" s="53">
        <v>8310.1065573770593</v>
      </c>
      <c r="BF2171" s="53">
        <v>8310.1065573770593</v>
      </c>
      <c r="BG2171" s="53">
        <v>8310.1065573770593</v>
      </c>
      <c r="BH2171" s="53">
        <v>8310.1065573770593</v>
      </c>
      <c r="BI2171" s="53">
        <v>8310.1065573770593</v>
      </c>
      <c r="BJ2171" s="53">
        <v>8310.1065573770593</v>
      </c>
      <c r="BK2171" s="53">
        <v>8310.1065573770593</v>
      </c>
      <c r="BL2171" s="53">
        <v>8310.1065573770593</v>
      </c>
      <c r="BM2171" s="53">
        <v>8310.1065573770593</v>
      </c>
      <c r="BN2171" s="53">
        <v>99721.278688524704</v>
      </c>
      <c r="BO2171" s="53">
        <v>8310.1065573770593</v>
      </c>
      <c r="BP2171" s="53">
        <v>8310.1065573770593</v>
      </c>
      <c r="BQ2171" s="53">
        <v>8310.1065573770593</v>
      </c>
      <c r="BR2171" s="53">
        <v>8310.1065573770593</v>
      </c>
      <c r="BS2171" s="53">
        <v>8310.1065573770593</v>
      </c>
      <c r="BT2171" s="53">
        <v>8310.1065573770593</v>
      </c>
      <c r="BU2171" s="53">
        <v>8310.1065573770593</v>
      </c>
      <c r="BV2171" s="53">
        <v>8310.1065573770593</v>
      </c>
      <c r="BW2171" s="53">
        <v>8310.1065573770593</v>
      </c>
      <c r="BX2171" s="53">
        <v>8310.1065573770702</v>
      </c>
      <c r="BY2171" s="53">
        <v>8310.1065573770702</v>
      </c>
      <c r="BZ2171" s="53">
        <v>8310.1065573770702</v>
      </c>
      <c r="CA2171" s="53">
        <v>99721.278688524806</v>
      </c>
      <c r="CB2171" s="53"/>
      <c r="CC2171" s="53"/>
      <c r="CD2171" s="53"/>
      <c r="CE2171" s="53"/>
      <c r="CF2171" s="53"/>
      <c r="CG2171" s="53"/>
      <c r="CH2171" s="53"/>
      <c r="CI2171" s="53"/>
      <c r="CJ2171" s="53"/>
      <c r="CK2171" s="53"/>
      <c r="CL2171" s="53"/>
      <c r="CM2171" s="53"/>
      <c r="CN2171" s="53"/>
    </row>
    <row r="2172" spans="1:92" outlineLevel="1">
      <c r="A2172" s="52" t="s">
        <v>713</v>
      </c>
      <c r="B2172" s="53">
        <v>18632.710875331501</v>
      </c>
      <c r="C2172" s="53">
        <v>18632.7093333333</v>
      </c>
      <c r="D2172" s="53">
        <v>18632.713136729199</v>
      </c>
      <c r="E2172" s="53">
        <v>18632.7115902964</v>
      </c>
      <c r="F2172" s="53">
        <v>18632.710027100198</v>
      </c>
      <c r="G2172" s="53">
        <v>18632.7084468664</v>
      </c>
      <c r="H2172" s="53">
        <v>18632.712328767098</v>
      </c>
      <c r="I2172" s="53">
        <v>18632.710743801599</v>
      </c>
      <c r="J2172" s="53">
        <v>18632.709141274201</v>
      </c>
      <c r="K2172" s="53">
        <v>18632.713091922</v>
      </c>
      <c r="L2172" s="53">
        <v>18632.711484593801</v>
      </c>
      <c r="M2172" s="53">
        <v>18632.7098591549</v>
      </c>
      <c r="N2172" s="53">
        <v>223592.530059171</v>
      </c>
      <c r="O2172" s="53">
        <v>18632.7082152974</v>
      </c>
      <c r="P2172" s="53">
        <v>18632.7082152974</v>
      </c>
      <c r="Q2172" s="53">
        <v>18632.7082152974</v>
      </c>
      <c r="R2172" s="53">
        <v>18632.7082152974</v>
      </c>
      <c r="S2172" s="53">
        <v>18632.7082152974</v>
      </c>
      <c r="T2172" s="53">
        <v>18632.7082152974</v>
      </c>
      <c r="U2172" s="53">
        <v>18632.7082152974</v>
      </c>
      <c r="V2172" s="53">
        <v>18632.7082152974</v>
      </c>
      <c r="W2172" s="53">
        <v>18632.7082152974</v>
      </c>
      <c r="X2172" s="53">
        <v>18632.7082152974</v>
      </c>
      <c r="Y2172" s="53">
        <v>18632.7082152974</v>
      </c>
      <c r="Z2172" s="53">
        <v>18632.7082152974</v>
      </c>
      <c r="AA2172" s="53">
        <v>223592.49858356899</v>
      </c>
      <c r="AB2172" s="53">
        <v>18632.7082152974</v>
      </c>
      <c r="AC2172" s="53">
        <v>18632.7082152974</v>
      </c>
      <c r="AD2172" s="53">
        <v>18632.7082152974</v>
      </c>
      <c r="AE2172" s="53">
        <v>18632.7082152974</v>
      </c>
      <c r="AF2172" s="53">
        <v>18632.7082152974</v>
      </c>
      <c r="AG2172" s="53">
        <v>18632.7082152974</v>
      </c>
      <c r="AH2172" s="53">
        <v>18632.7082152974</v>
      </c>
      <c r="AI2172" s="53">
        <v>18632.7082152974</v>
      </c>
      <c r="AJ2172" s="53">
        <v>18632.7082152974</v>
      </c>
      <c r="AK2172" s="53">
        <v>18632.7082152974</v>
      </c>
      <c r="AL2172" s="53">
        <v>18632.7082152974</v>
      </c>
      <c r="AM2172" s="53">
        <v>18632.7082152974</v>
      </c>
      <c r="AN2172" s="53">
        <v>223592.49858356899</v>
      </c>
      <c r="AO2172" s="53">
        <v>18632.7082152974</v>
      </c>
      <c r="AP2172" s="53">
        <v>18632.7082152974</v>
      </c>
      <c r="AQ2172" s="53">
        <v>18632.7082152974</v>
      </c>
      <c r="AR2172" s="53">
        <v>18632.7082152974</v>
      </c>
      <c r="AS2172" s="53">
        <v>18632.7082152974</v>
      </c>
      <c r="AT2172" s="53">
        <v>18632.7082152974</v>
      </c>
      <c r="AU2172" s="53">
        <v>18632.7082152974</v>
      </c>
      <c r="AV2172" s="53">
        <v>18632.7082152974</v>
      </c>
      <c r="AW2172" s="53">
        <v>18632.7082152974</v>
      </c>
      <c r="AX2172" s="53">
        <v>18632.7082152974</v>
      </c>
      <c r="AY2172" s="53">
        <v>18632.7082152974</v>
      </c>
      <c r="AZ2172" s="53">
        <v>18632.7082152974</v>
      </c>
      <c r="BA2172" s="53">
        <v>223592.49858356899</v>
      </c>
      <c r="BB2172" s="53">
        <v>18632.7082152974</v>
      </c>
      <c r="BC2172" s="53">
        <v>18632.7082152974</v>
      </c>
      <c r="BD2172" s="53">
        <v>18632.7082152974</v>
      </c>
      <c r="BE2172" s="53">
        <v>18632.7082152974</v>
      </c>
      <c r="BF2172" s="53">
        <v>18632.7082152974</v>
      </c>
      <c r="BG2172" s="53">
        <v>18632.7082152974</v>
      </c>
      <c r="BH2172" s="53">
        <v>18632.7082152974</v>
      </c>
      <c r="BI2172" s="53">
        <v>18632.7082152974</v>
      </c>
      <c r="BJ2172" s="53">
        <v>18632.7082152974</v>
      </c>
      <c r="BK2172" s="53">
        <v>18632.7082152974</v>
      </c>
      <c r="BL2172" s="53">
        <v>18632.7082152974</v>
      </c>
      <c r="BM2172" s="53">
        <v>18632.7082152974</v>
      </c>
      <c r="BN2172" s="53">
        <v>223592.49858356899</v>
      </c>
      <c r="BO2172" s="53">
        <v>18632.7082152974</v>
      </c>
      <c r="BP2172" s="53">
        <v>18632.7082152974</v>
      </c>
      <c r="BQ2172" s="53">
        <v>18632.7082152974</v>
      </c>
      <c r="BR2172" s="53">
        <v>18632.7082152974</v>
      </c>
      <c r="BS2172" s="53">
        <v>18632.7082152974</v>
      </c>
      <c r="BT2172" s="53">
        <v>18632.7082152974</v>
      </c>
      <c r="BU2172" s="53">
        <v>18632.7082152974</v>
      </c>
      <c r="BV2172" s="53">
        <v>18632.7082152974</v>
      </c>
      <c r="BW2172" s="53">
        <v>18632.7082152974</v>
      </c>
      <c r="BX2172" s="53">
        <v>18632.7082152974</v>
      </c>
      <c r="BY2172" s="53">
        <v>18632.7082152974</v>
      </c>
      <c r="BZ2172" s="53">
        <v>18632.7082152974</v>
      </c>
      <c r="CA2172" s="53">
        <v>223592.49858356899</v>
      </c>
      <c r="CB2172" s="53"/>
      <c r="CC2172" s="53"/>
      <c r="CD2172" s="53"/>
      <c r="CE2172" s="53"/>
      <c r="CF2172" s="53"/>
      <c r="CG2172" s="53"/>
      <c r="CH2172" s="53"/>
      <c r="CI2172" s="53"/>
      <c r="CJ2172" s="53"/>
      <c r="CK2172" s="53"/>
      <c r="CL2172" s="53"/>
      <c r="CM2172" s="53"/>
      <c r="CN2172" s="53"/>
    </row>
    <row r="2173" spans="1:92" outlineLevel="1">
      <c r="A2173" s="52" t="s">
        <v>716</v>
      </c>
      <c r="B2173" s="53">
        <v>36488.334177215103</v>
      </c>
      <c r="C2173" s="53">
        <v>36488.335877862599</v>
      </c>
      <c r="D2173" s="53">
        <v>36488.332480818397</v>
      </c>
      <c r="E2173" s="53">
        <v>36488.334190231297</v>
      </c>
      <c r="F2173" s="53">
        <v>36488.335917312601</v>
      </c>
      <c r="G2173" s="53">
        <v>36488.332467532397</v>
      </c>
      <c r="H2173" s="53">
        <v>36488.3342036553</v>
      </c>
      <c r="I2173" s="53">
        <v>36488.335958005198</v>
      </c>
      <c r="J2173" s="53">
        <v>36488.332453825802</v>
      </c>
      <c r="K2173" s="53">
        <v>36488.334217506599</v>
      </c>
      <c r="L2173" s="53">
        <v>36488.335999999901</v>
      </c>
      <c r="M2173" s="53">
        <v>36488.332439678197</v>
      </c>
      <c r="N2173" s="53">
        <v>437860.01038364402</v>
      </c>
      <c r="O2173" s="53">
        <v>36488.3342318059</v>
      </c>
      <c r="P2173" s="53">
        <v>36488.3342318059</v>
      </c>
      <c r="Q2173" s="53">
        <v>36488.3342318059</v>
      </c>
      <c r="R2173" s="53">
        <v>36488.3342318059</v>
      </c>
      <c r="S2173" s="53">
        <v>36488.3342318059</v>
      </c>
      <c r="T2173" s="53">
        <v>36488.3342318059</v>
      </c>
      <c r="U2173" s="53">
        <v>36488.3342318059</v>
      </c>
      <c r="V2173" s="53">
        <v>36488.3342318059</v>
      </c>
      <c r="W2173" s="53">
        <v>36488.3342318059</v>
      </c>
      <c r="X2173" s="53">
        <v>36488.3342318059</v>
      </c>
      <c r="Y2173" s="53">
        <v>36488.3342318059</v>
      </c>
      <c r="Z2173" s="53">
        <v>36488.3342318059</v>
      </c>
      <c r="AA2173" s="53">
        <v>437860.01078167098</v>
      </c>
      <c r="AB2173" s="53">
        <v>36488.3342318059</v>
      </c>
      <c r="AC2173" s="53">
        <v>36488.3342318059</v>
      </c>
      <c r="AD2173" s="53">
        <v>36488.3342318059</v>
      </c>
      <c r="AE2173" s="53">
        <v>36488.3342318059</v>
      </c>
      <c r="AF2173" s="53">
        <v>36488.3342318059</v>
      </c>
      <c r="AG2173" s="53">
        <v>36488.3342318059</v>
      </c>
      <c r="AH2173" s="53">
        <v>36488.3342318059</v>
      </c>
      <c r="AI2173" s="53">
        <v>36488.3342318059</v>
      </c>
      <c r="AJ2173" s="53">
        <v>36488.334231805798</v>
      </c>
      <c r="AK2173" s="53">
        <v>36488.334231805798</v>
      </c>
      <c r="AL2173" s="53">
        <v>36488.334231805798</v>
      </c>
      <c r="AM2173" s="53">
        <v>36488.334231805798</v>
      </c>
      <c r="AN2173" s="53">
        <v>437860.01078166999</v>
      </c>
      <c r="AO2173" s="53">
        <v>36488.334231805798</v>
      </c>
      <c r="AP2173" s="53">
        <v>36488.334231805798</v>
      </c>
      <c r="AQ2173" s="53">
        <v>36488.334231805798</v>
      </c>
      <c r="AR2173" s="53">
        <v>36488.334231805798</v>
      </c>
      <c r="AS2173" s="53">
        <v>36488.334231805798</v>
      </c>
      <c r="AT2173" s="53">
        <v>36488.334231805798</v>
      </c>
      <c r="AU2173" s="53">
        <v>36488.334231805798</v>
      </c>
      <c r="AV2173" s="53">
        <v>36488.334231805798</v>
      </c>
      <c r="AW2173" s="53">
        <v>36488.334231805798</v>
      </c>
      <c r="AX2173" s="53">
        <v>36488.334231805798</v>
      </c>
      <c r="AY2173" s="53">
        <v>36488.334231805798</v>
      </c>
      <c r="AZ2173" s="53">
        <v>36488.334231805798</v>
      </c>
      <c r="BA2173" s="53">
        <v>437860.01078166999</v>
      </c>
      <c r="BB2173" s="53">
        <v>36488.334231805798</v>
      </c>
      <c r="BC2173" s="53">
        <v>36488.334231805798</v>
      </c>
      <c r="BD2173" s="53">
        <v>36488.334231805798</v>
      </c>
      <c r="BE2173" s="53">
        <v>36488.334231805798</v>
      </c>
      <c r="BF2173" s="53">
        <v>36488.334231805798</v>
      </c>
      <c r="BG2173" s="53">
        <v>36488.334231805798</v>
      </c>
      <c r="BH2173" s="53">
        <v>36488.334231805798</v>
      </c>
      <c r="BI2173" s="53">
        <v>36488.334231805798</v>
      </c>
      <c r="BJ2173" s="53">
        <v>36488.334231805798</v>
      </c>
      <c r="BK2173" s="53">
        <v>36488.334231805798</v>
      </c>
      <c r="BL2173" s="53">
        <v>36488.334231805798</v>
      </c>
      <c r="BM2173" s="53">
        <v>36488.334231805798</v>
      </c>
      <c r="BN2173" s="53">
        <v>437860.01078166999</v>
      </c>
      <c r="BO2173" s="53">
        <v>36488.334231805798</v>
      </c>
      <c r="BP2173" s="53">
        <v>36488.334231805798</v>
      </c>
      <c r="BQ2173" s="53">
        <v>36488.334231805798</v>
      </c>
      <c r="BR2173" s="53">
        <v>36488.334231805798</v>
      </c>
      <c r="BS2173" s="53">
        <v>36488.334231805798</v>
      </c>
      <c r="BT2173" s="53">
        <v>36488.334231805798</v>
      </c>
      <c r="BU2173" s="53">
        <v>36488.334231805798</v>
      </c>
      <c r="BV2173" s="53">
        <v>36488.334231805798</v>
      </c>
      <c r="BW2173" s="53">
        <v>36488.334231805798</v>
      </c>
      <c r="BX2173" s="53">
        <v>36488.334231805798</v>
      </c>
      <c r="BY2173" s="53">
        <v>36488.334231805798</v>
      </c>
      <c r="BZ2173" s="53">
        <v>36488.334231805697</v>
      </c>
      <c r="CA2173" s="53">
        <v>437860.010781669</v>
      </c>
      <c r="CB2173" s="53">
        <v>-1213.9315068493099</v>
      </c>
      <c r="CC2173" s="53">
        <v>-1213.9315068493099</v>
      </c>
      <c r="CD2173" s="53">
        <v>-1213.9315068493099</v>
      </c>
      <c r="CE2173" s="53">
        <v>-1213.9315068493099</v>
      </c>
      <c r="CF2173" s="53">
        <v>-1213.9315068493099</v>
      </c>
      <c r="CG2173" s="53">
        <v>-1213.9315068493099</v>
      </c>
      <c r="CH2173" s="53">
        <v>-1213.9315068493099</v>
      </c>
      <c r="CI2173" s="53">
        <v>-1213.9315068493099</v>
      </c>
      <c r="CJ2173" s="53">
        <v>-1213.9315068493099</v>
      </c>
      <c r="CK2173" s="53">
        <v>-1213.9315068493099</v>
      </c>
      <c r="CL2173" s="53">
        <v>-1213.9315068493099</v>
      </c>
      <c r="CM2173" s="53">
        <v>-1213.9315068493099</v>
      </c>
      <c r="CN2173" s="53">
        <v>-14567.1780821917</v>
      </c>
    </row>
    <row r="2174" spans="1:92" outlineLevel="1">
      <c r="A2174" s="52" t="s">
        <v>717</v>
      </c>
      <c r="B2174" s="53">
        <v>13019.146118721401</v>
      </c>
      <c r="C2174" s="53">
        <v>13019.1467889908</v>
      </c>
      <c r="D2174" s="53">
        <v>13019.1474654377</v>
      </c>
      <c r="E2174" s="53">
        <v>13019.148148148101</v>
      </c>
      <c r="F2174" s="53">
        <v>13019.1441860465</v>
      </c>
      <c r="G2174" s="53">
        <v>13019.144859812999</v>
      </c>
      <c r="H2174" s="53">
        <v>13019.1455399061</v>
      </c>
      <c r="I2174" s="53">
        <v>13019.146226415</v>
      </c>
      <c r="J2174" s="53">
        <v>13019.146919431199</v>
      </c>
      <c r="K2174" s="53">
        <v>13019.147619047601</v>
      </c>
      <c r="L2174" s="53">
        <v>13019.148325358799</v>
      </c>
      <c r="M2174" s="53">
        <v>13019.1442307692</v>
      </c>
      <c r="N2174" s="53">
        <v>156229.756428086</v>
      </c>
      <c r="O2174" s="53">
        <v>13019.144927536199</v>
      </c>
      <c r="P2174" s="53">
        <v>13019.144927536199</v>
      </c>
      <c r="Q2174" s="53">
        <v>13019.144927536199</v>
      </c>
      <c r="R2174" s="53">
        <v>13019.144927536199</v>
      </c>
      <c r="S2174" s="53">
        <v>13019.144927536199</v>
      </c>
      <c r="T2174" s="53">
        <v>13019.144927536199</v>
      </c>
      <c r="U2174" s="53">
        <v>13019.144927536199</v>
      </c>
      <c r="V2174" s="53">
        <v>13019.144927536199</v>
      </c>
      <c r="W2174" s="53">
        <v>13019.144927536199</v>
      </c>
      <c r="X2174" s="53">
        <v>13019.144927536199</v>
      </c>
      <c r="Y2174" s="53">
        <v>13019.144927536199</v>
      </c>
      <c r="Z2174" s="53">
        <v>13019.144927536199</v>
      </c>
      <c r="AA2174" s="53">
        <v>156229.739130434</v>
      </c>
      <c r="AB2174" s="53">
        <v>13019.144927536199</v>
      </c>
      <c r="AC2174" s="53">
        <v>13019.144927536199</v>
      </c>
      <c r="AD2174" s="53">
        <v>13019.144927536199</v>
      </c>
      <c r="AE2174" s="53">
        <v>13019.144927536199</v>
      </c>
      <c r="AF2174" s="53">
        <v>13019.144927536199</v>
      </c>
      <c r="AG2174" s="53">
        <v>13019.144927536199</v>
      </c>
      <c r="AH2174" s="53">
        <v>13019.144927536199</v>
      </c>
      <c r="AI2174" s="53">
        <v>13019.144927536199</v>
      </c>
      <c r="AJ2174" s="53">
        <v>13019.144927536199</v>
      </c>
      <c r="AK2174" s="53">
        <v>13019.144927536199</v>
      </c>
      <c r="AL2174" s="53">
        <v>13019.144927536199</v>
      </c>
      <c r="AM2174" s="53">
        <v>13019.144927536199</v>
      </c>
      <c r="AN2174" s="53">
        <v>156229.739130434</v>
      </c>
      <c r="AO2174" s="53">
        <v>13019.144927536199</v>
      </c>
      <c r="AP2174" s="53">
        <v>13019.144927536199</v>
      </c>
      <c r="AQ2174" s="53">
        <v>13019.144927536199</v>
      </c>
      <c r="AR2174" s="53">
        <v>13019.144927536199</v>
      </c>
      <c r="AS2174" s="53">
        <v>13019.144927536199</v>
      </c>
      <c r="AT2174" s="53">
        <v>13019.144927536199</v>
      </c>
      <c r="AU2174" s="53">
        <v>13019.144927536199</v>
      </c>
      <c r="AV2174" s="53">
        <v>13019.144927536199</v>
      </c>
      <c r="AW2174" s="53">
        <v>13019.144927536199</v>
      </c>
      <c r="AX2174" s="53">
        <v>13019.144927536199</v>
      </c>
      <c r="AY2174" s="53">
        <v>13019.144927536199</v>
      </c>
      <c r="AZ2174" s="53">
        <v>13019.144927536199</v>
      </c>
      <c r="BA2174" s="53">
        <v>156229.739130434</v>
      </c>
      <c r="BB2174" s="53">
        <v>13019.144927536199</v>
      </c>
      <c r="BC2174" s="53">
        <v>13019.144927536199</v>
      </c>
      <c r="BD2174" s="53">
        <v>13019.144927536199</v>
      </c>
      <c r="BE2174" s="53">
        <v>13019.144927536199</v>
      </c>
      <c r="BF2174" s="53">
        <v>13019.144927536199</v>
      </c>
      <c r="BG2174" s="53">
        <v>13019.144927536199</v>
      </c>
      <c r="BH2174" s="53">
        <v>13019.144927536199</v>
      </c>
      <c r="BI2174" s="53">
        <v>13019.144927536199</v>
      </c>
      <c r="BJ2174" s="53">
        <v>13019.144927536199</v>
      </c>
      <c r="BK2174" s="53">
        <v>13019.144927536199</v>
      </c>
      <c r="BL2174" s="53">
        <v>13019.144927536199</v>
      </c>
      <c r="BM2174" s="53">
        <v>13019.144927536199</v>
      </c>
      <c r="BN2174" s="53">
        <v>156229.739130434</v>
      </c>
      <c r="BO2174" s="53">
        <v>13019.144927536199</v>
      </c>
      <c r="BP2174" s="53">
        <v>13019.144927536199</v>
      </c>
      <c r="BQ2174" s="53">
        <v>13019.144927536199</v>
      </c>
      <c r="BR2174" s="53">
        <v>13019.144927536199</v>
      </c>
      <c r="BS2174" s="53">
        <v>13019.144927536199</v>
      </c>
      <c r="BT2174" s="53">
        <v>13019.144927536199</v>
      </c>
      <c r="BU2174" s="53">
        <v>13019.144927536199</v>
      </c>
      <c r="BV2174" s="53">
        <v>13019.144927536199</v>
      </c>
      <c r="BW2174" s="53">
        <v>13019.144927536199</v>
      </c>
      <c r="BX2174" s="53">
        <v>13019.144927536199</v>
      </c>
      <c r="BY2174" s="53">
        <v>13019.144927536199</v>
      </c>
      <c r="BZ2174" s="53">
        <v>13019.144927536199</v>
      </c>
      <c r="CA2174" s="53">
        <v>156229.739130434</v>
      </c>
      <c r="CB2174" s="53">
        <v>-1583.15671641791</v>
      </c>
      <c r="CC2174" s="53">
        <v>-1583.15671641791</v>
      </c>
      <c r="CD2174" s="53">
        <v>-1583.15671641791</v>
      </c>
      <c r="CE2174" s="53">
        <v>-1583.15671641791</v>
      </c>
      <c r="CF2174" s="53">
        <v>-1583.15671641791</v>
      </c>
      <c r="CG2174" s="53">
        <v>-1583.15671641791</v>
      </c>
      <c r="CH2174" s="53">
        <v>-1583.15671641791</v>
      </c>
      <c r="CI2174" s="53">
        <v>-1583.15671641791</v>
      </c>
      <c r="CJ2174" s="53">
        <v>-1583.15671641791</v>
      </c>
      <c r="CK2174" s="53">
        <v>-1583.15671641791</v>
      </c>
      <c r="CL2174" s="53">
        <v>-1583.15671641791</v>
      </c>
      <c r="CM2174" s="53">
        <v>-1583.15671641791</v>
      </c>
      <c r="CN2174" s="53">
        <v>-18997.880597014901</v>
      </c>
    </row>
    <row r="2175" spans="1:92" outlineLevel="1">
      <c r="A2175" s="52" t="s">
        <v>718</v>
      </c>
      <c r="B2175" s="53">
        <v>13527.6846307385</v>
      </c>
      <c r="C2175" s="53">
        <v>13527.683366733399</v>
      </c>
      <c r="D2175" s="53">
        <v>13527.686116700201</v>
      </c>
      <c r="E2175" s="53">
        <v>13527.6848484848</v>
      </c>
      <c r="F2175" s="53">
        <v>13527.683569979699</v>
      </c>
      <c r="G2175" s="53">
        <v>13527.6863543788</v>
      </c>
      <c r="H2175" s="53">
        <v>13527.6850715746</v>
      </c>
      <c r="I2175" s="53">
        <v>13527.683778234001</v>
      </c>
      <c r="J2175" s="53">
        <v>13527.6865979381</v>
      </c>
      <c r="K2175" s="53">
        <v>13527.685300207</v>
      </c>
      <c r="L2175" s="53">
        <v>13527.6839916839</v>
      </c>
      <c r="M2175" s="53">
        <v>13527.682672233799</v>
      </c>
      <c r="N2175" s="53">
        <v>162332.21629888701</v>
      </c>
      <c r="O2175" s="53">
        <v>13527.685534591101</v>
      </c>
      <c r="P2175" s="53">
        <v>13527.685534591101</v>
      </c>
      <c r="Q2175" s="53">
        <v>13527.685534591101</v>
      </c>
      <c r="R2175" s="53">
        <v>13527.685534591101</v>
      </c>
      <c r="S2175" s="53">
        <v>13527.685534591101</v>
      </c>
      <c r="T2175" s="53">
        <v>13527.685534591101</v>
      </c>
      <c r="U2175" s="53">
        <v>13527.685534591101</v>
      </c>
      <c r="V2175" s="53">
        <v>13527.685534591201</v>
      </c>
      <c r="W2175" s="53">
        <v>13527.685534591201</v>
      </c>
      <c r="X2175" s="53">
        <v>13527.685534591201</v>
      </c>
      <c r="Y2175" s="53">
        <v>13527.685534591201</v>
      </c>
      <c r="Z2175" s="53">
        <v>13527.685534591201</v>
      </c>
      <c r="AA2175" s="53">
        <v>162332.22641509399</v>
      </c>
      <c r="AB2175" s="53">
        <v>13527.685534591201</v>
      </c>
      <c r="AC2175" s="53">
        <v>13527.685534591201</v>
      </c>
      <c r="AD2175" s="53">
        <v>13527.685534591201</v>
      </c>
      <c r="AE2175" s="53">
        <v>13527.685534591201</v>
      </c>
      <c r="AF2175" s="53">
        <v>13527.685534591201</v>
      </c>
      <c r="AG2175" s="53">
        <v>13527.685534591201</v>
      </c>
      <c r="AH2175" s="53">
        <v>13527.685534591201</v>
      </c>
      <c r="AI2175" s="53">
        <v>13527.685534591201</v>
      </c>
      <c r="AJ2175" s="53">
        <v>13527.685534591201</v>
      </c>
      <c r="AK2175" s="53">
        <v>13527.685534591201</v>
      </c>
      <c r="AL2175" s="53">
        <v>13527.685534591201</v>
      </c>
      <c r="AM2175" s="53">
        <v>13527.685534591201</v>
      </c>
      <c r="AN2175" s="53">
        <v>162332.22641509399</v>
      </c>
      <c r="AO2175" s="53">
        <v>13527.685534591201</v>
      </c>
      <c r="AP2175" s="53">
        <v>13527.685534591201</v>
      </c>
      <c r="AQ2175" s="53">
        <v>13527.685534591201</v>
      </c>
      <c r="AR2175" s="53">
        <v>13527.685534591201</v>
      </c>
      <c r="AS2175" s="53">
        <v>13527.685534591201</v>
      </c>
      <c r="AT2175" s="53">
        <v>13527.685534591201</v>
      </c>
      <c r="AU2175" s="53">
        <v>13527.685534591201</v>
      </c>
      <c r="AV2175" s="53">
        <v>13527.685534591201</v>
      </c>
      <c r="AW2175" s="53">
        <v>13527.685534591201</v>
      </c>
      <c r="AX2175" s="53">
        <v>13527.685534591201</v>
      </c>
      <c r="AY2175" s="53">
        <v>13527.685534591201</v>
      </c>
      <c r="AZ2175" s="53">
        <v>13527.685534591201</v>
      </c>
      <c r="BA2175" s="53">
        <v>162332.22641509399</v>
      </c>
      <c r="BB2175" s="53">
        <v>13527.685534591201</v>
      </c>
      <c r="BC2175" s="53">
        <v>13527.685534591201</v>
      </c>
      <c r="BD2175" s="53">
        <v>13527.685534591201</v>
      </c>
      <c r="BE2175" s="53">
        <v>13527.685534591201</v>
      </c>
      <c r="BF2175" s="53">
        <v>13527.685534591201</v>
      </c>
      <c r="BG2175" s="53">
        <v>13527.685534591201</v>
      </c>
      <c r="BH2175" s="53">
        <v>13527.685534591201</v>
      </c>
      <c r="BI2175" s="53">
        <v>13527.685534591201</v>
      </c>
      <c r="BJ2175" s="53">
        <v>13527.685534591201</v>
      </c>
      <c r="BK2175" s="53">
        <v>13527.685534591201</v>
      </c>
      <c r="BL2175" s="53">
        <v>13527.685534591201</v>
      </c>
      <c r="BM2175" s="53">
        <v>13527.685534591201</v>
      </c>
      <c r="BN2175" s="53">
        <v>162332.22641509399</v>
      </c>
      <c r="BO2175" s="53">
        <v>13527.685534591201</v>
      </c>
      <c r="BP2175" s="53">
        <v>13527.685534591201</v>
      </c>
      <c r="BQ2175" s="53">
        <v>13527.685534591201</v>
      </c>
      <c r="BR2175" s="53">
        <v>13527.685534591201</v>
      </c>
      <c r="BS2175" s="53">
        <v>13527.685534591201</v>
      </c>
      <c r="BT2175" s="53">
        <v>13527.685534591201</v>
      </c>
      <c r="BU2175" s="53">
        <v>13527.685534591201</v>
      </c>
      <c r="BV2175" s="53">
        <v>13527.685534591201</v>
      </c>
      <c r="BW2175" s="53">
        <v>13527.685534591201</v>
      </c>
      <c r="BX2175" s="53">
        <v>13527.685534591201</v>
      </c>
      <c r="BY2175" s="53">
        <v>13527.685534591201</v>
      </c>
      <c r="BZ2175" s="53">
        <v>13527.685534591201</v>
      </c>
      <c r="CA2175" s="53">
        <v>162332.22641509399</v>
      </c>
      <c r="CB2175" s="53">
        <v>-1833.3899204244001</v>
      </c>
      <c r="CC2175" s="53">
        <v>-1833.3899204244001</v>
      </c>
      <c r="CD2175" s="53">
        <v>-1833.3899204244001</v>
      </c>
      <c r="CE2175" s="53">
        <v>-1833.3899204244001</v>
      </c>
      <c r="CF2175" s="53">
        <v>-1833.3899204244001</v>
      </c>
      <c r="CG2175" s="53">
        <v>-1833.3899204244001</v>
      </c>
      <c r="CH2175" s="53">
        <v>-1833.3899204244001</v>
      </c>
      <c r="CI2175" s="53">
        <v>-1833.3899204244001</v>
      </c>
      <c r="CJ2175" s="53">
        <v>-1833.3899204244001</v>
      </c>
      <c r="CK2175" s="53">
        <v>-1833.3899204244001</v>
      </c>
      <c r="CL2175" s="53">
        <v>-1833.3899204244001</v>
      </c>
      <c r="CM2175" s="53">
        <v>-1833.3899204244001</v>
      </c>
      <c r="CN2175" s="53">
        <v>-22000.679045092798</v>
      </c>
    </row>
    <row r="2176" spans="1:92" outlineLevel="1">
      <c r="A2176" s="52" t="s">
        <v>721</v>
      </c>
      <c r="B2176" s="53">
        <v>20148.979797979799</v>
      </c>
      <c r="C2176" s="53">
        <v>20148.979729729701</v>
      </c>
      <c r="D2176" s="53">
        <v>20148.9796610169</v>
      </c>
      <c r="E2176" s="53">
        <v>20148.979591836702</v>
      </c>
      <c r="F2176" s="53">
        <v>20148.979522184301</v>
      </c>
      <c r="G2176" s="53">
        <v>20148.9794520547</v>
      </c>
      <c r="H2176" s="53">
        <v>20148.979381443201</v>
      </c>
      <c r="I2176" s="53">
        <v>20148.979310344799</v>
      </c>
      <c r="J2176" s="53">
        <v>20148.979238754298</v>
      </c>
      <c r="K2176" s="53">
        <v>20148.979166666599</v>
      </c>
      <c r="L2176" s="53">
        <v>20148.9790940766</v>
      </c>
      <c r="M2176" s="53">
        <v>20148.979020979001</v>
      </c>
      <c r="N2176" s="53">
        <v>241787.752967067</v>
      </c>
      <c r="O2176" s="53">
        <v>20148.9789473684</v>
      </c>
      <c r="P2176" s="53">
        <v>20148.9789473684</v>
      </c>
      <c r="Q2176" s="53">
        <v>20148.9789473684</v>
      </c>
      <c r="R2176" s="53">
        <v>20148.9789473684</v>
      </c>
      <c r="S2176" s="53">
        <v>20148.9789473684</v>
      </c>
      <c r="T2176" s="53">
        <v>20148.9789473684</v>
      </c>
      <c r="U2176" s="53">
        <v>20148.9789473684</v>
      </c>
      <c r="V2176" s="53">
        <v>20148.9789473684</v>
      </c>
      <c r="W2176" s="53">
        <v>20148.9789473684</v>
      </c>
      <c r="X2176" s="53">
        <v>20148.9789473684</v>
      </c>
      <c r="Y2176" s="53">
        <v>20148.9789473684</v>
      </c>
      <c r="Z2176" s="53">
        <v>20148.9789473684</v>
      </c>
      <c r="AA2176" s="53">
        <v>241787.747368421</v>
      </c>
      <c r="AB2176" s="53">
        <v>20148.9789473684</v>
      </c>
      <c r="AC2176" s="53">
        <v>20148.9789473684</v>
      </c>
      <c r="AD2176" s="53">
        <v>20148.9789473684</v>
      </c>
      <c r="AE2176" s="53">
        <v>20148.9789473684</v>
      </c>
      <c r="AF2176" s="53">
        <v>20148.9789473684</v>
      </c>
      <c r="AG2176" s="53">
        <v>20148.9789473684</v>
      </c>
      <c r="AH2176" s="53">
        <v>20148.9789473684</v>
      </c>
      <c r="AI2176" s="53">
        <v>20148.9789473684</v>
      </c>
      <c r="AJ2176" s="53">
        <v>20148.9789473684</v>
      </c>
      <c r="AK2176" s="53">
        <v>20148.9789473684</v>
      </c>
      <c r="AL2176" s="53">
        <v>20148.9789473684</v>
      </c>
      <c r="AM2176" s="53">
        <v>20148.9789473684</v>
      </c>
      <c r="AN2176" s="53">
        <v>241787.747368421</v>
      </c>
      <c r="AO2176" s="53">
        <v>20148.9789473684</v>
      </c>
      <c r="AP2176" s="53">
        <v>20148.9789473684</v>
      </c>
      <c r="AQ2176" s="53">
        <v>20148.9789473684</v>
      </c>
      <c r="AR2176" s="53">
        <v>20148.9789473684</v>
      </c>
      <c r="AS2176" s="53">
        <v>20148.9789473684</v>
      </c>
      <c r="AT2176" s="53">
        <v>20148.9789473684</v>
      </c>
      <c r="AU2176" s="53">
        <v>20148.9789473684</v>
      </c>
      <c r="AV2176" s="53">
        <v>20148.9789473684</v>
      </c>
      <c r="AW2176" s="53">
        <v>20148.9789473684</v>
      </c>
      <c r="AX2176" s="53">
        <v>20148.9789473684</v>
      </c>
      <c r="AY2176" s="53">
        <v>20148.9789473684</v>
      </c>
      <c r="AZ2176" s="53">
        <v>20148.9789473684</v>
      </c>
      <c r="BA2176" s="53">
        <v>241787.747368421</v>
      </c>
      <c r="BB2176" s="53">
        <v>20148.9789473684</v>
      </c>
      <c r="BC2176" s="53">
        <v>20148.9789473684</v>
      </c>
      <c r="BD2176" s="53">
        <v>20148.9789473684</v>
      </c>
      <c r="BE2176" s="53">
        <v>20148.9789473684</v>
      </c>
      <c r="BF2176" s="53">
        <v>20148.9789473684</v>
      </c>
      <c r="BG2176" s="53">
        <v>20148.9789473684</v>
      </c>
      <c r="BH2176" s="53">
        <v>20148.9789473684</v>
      </c>
      <c r="BI2176" s="53">
        <v>20148.9789473684</v>
      </c>
      <c r="BJ2176" s="53">
        <v>20148.9789473684</v>
      </c>
      <c r="BK2176" s="53">
        <v>20148.9789473684</v>
      </c>
      <c r="BL2176" s="53">
        <v>20148.9789473684</v>
      </c>
      <c r="BM2176" s="53">
        <v>20148.9789473684</v>
      </c>
      <c r="BN2176" s="53">
        <v>241787.747368421</v>
      </c>
      <c r="BO2176" s="53">
        <v>20148.9789473684</v>
      </c>
      <c r="BP2176" s="53">
        <v>20148.9789473684</v>
      </c>
      <c r="BQ2176" s="53">
        <v>20148.9789473684</v>
      </c>
      <c r="BR2176" s="53">
        <v>20148.978947368501</v>
      </c>
      <c r="BS2176" s="53">
        <v>20148.978947368501</v>
      </c>
      <c r="BT2176" s="53">
        <v>20148.978947368501</v>
      </c>
      <c r="BU2176" s="53">
        <v>20148.978947368501</v>
      </c>
      <c r="BV2176" s="53">
        <v>20148.978947368501</v>
      </c>
      <c r="BW2176" s="53">
        <v>20148.978947368501</v>
      </c>
      <c r="BX2176" s="53">
        <v>20148.978947368501</v>
      </c>
      <c r="BY2176" s="53">
        <v>20148.978947368501</v>
      </c>
      <c r="BZ2176" s="53">
        <v>20148.978947368501</v>
      </c>
      <c r="CA2176" s="53">
        <v>241787.74736842199</v>
      </c>
      <c r="CB2176" s="53"/>
      <c r="CC2176" s="53"/>
      <c r="CD2176" s="53"/>
      <c r="CE2176" s="53"/>
      <c r="CF2176" s="53"/>
      <c r="CG2176" s="53"/>
      <c r="CH2176" s="53"/>
      <c r="CI2176" s="53"/>
      <c r="CJ2176" s="53"/>
      <c r="CK2176" s="53"/>
      <c r="CL2176" s="53"/>
      <c r="CM2176" s="53"/>
      <c r="CN2176" s="53"/>
    </row>
    <row r="2177" spans="1:92" outlineLevel="1">
      <c r="A2177" s="52" t="s">
        <v>723</v>
      </c>
      <c r="B2177" s="53">
        <v>49399.371900826402</v>
      </c>
      <c r="C2177" s="53">
        <v>49399.378151260498</v>
      </c>
      <c r="D2177" s="53">
        <v>49399.367521367501</v>
      </c>
      <c r="E2177" s="53">
        <v>49399.373913043397</v>
      </c>
      <c r="F2177" s="53">
        <v>49399.380530973402</v>
      </c>
      <c r="G2177" s="53">
        <v>49399.369369369299</v>
      </c>
      <c r="H2177" s="53">
        <v>49399.376146788898</v>
      </c>
      <c r="I2177" s="53">
        <v>49399.364485981299</v>
      </c>
      <c r="J2177" s="53">
        <v>49399.371428571401</v>
      </c>
      <c r="K2177" s="53">
        <v>49399.378640776697</v>
      </c>
      <c r="L2177" s="53">
        <v>49399.366336633597</v>
      </c>
      <c r="M2177" s="53">
        <v>49399.373737373702</v>
      </c>
      <c r="N2177" s="53">
        <v>592792.47216296603</v>
      </c>
      <c r="O2177" s="53">
        <v>49399.381443298902</v>
      </c>
      <c r="P2177" s="53">
        <v>49399.381443298902</v>
      </c>
      <c r="Q2177" s="53">
        <v>49399.381443298902</v>
      </c>
      <c r="R2177" s="53">
        <v>49399.381443298902</v>
      </c>
      <c r="S2177" s="53">
        <v>49399.381443298902</v>
      </c>
      <c r="T2177" s="53">
        <v>49399.381443298902</v>
      </c>
      <c r="U2177" s="53">
        <v>49399.381443298902</v>
      </c>
      <c r="V2177" s="53">
        <v>49399.381443298997</v>
      </c>
      <c r="W2177" s="53">
        <v>49399.381443298902</v>
      </c>
      <c r="X2177" s="53">
        <v>49399.381443298902</v>
      </c>
      <c r="Y2177" s="53">
        <v>49399.381443298902</v>
      </c>
      <c r="Z2177" s="53">
        <v>49399.381443298902</v>
      </c>
      <c r="AA2177" s="53">
        <v>592792.577319587</v>
      </c>
      <c r="AB2177" s="53">
        <v>49399.381443298902</v>
      </c>
      <c r="AC2177" s="53">
        <v>49399.381443298902</v>
      </c>
      <c r="AD2177" s="53">
        <v>49399.381443298902</v>
      </c>
      <c r="AE2177" s="53">
        <v>49399.381443298902</v>
      </c>
      <c r="AF2177" s="53">
        <v>49399.381443298902</v>
      </c>
      <c r="AG2177" s="53">
        <v>49399.381443298902</v>
      </c>
      <c r="AH2177" s="53">
        <v>49399.381443298902</v>
      </c>
      <c r="AI2177" s="53">
        <v>49399.381443298902</v>
      </c>
      <c r="AJ2177" s="53">
        <v>49399.381443298902</v>
      </c>
      <c r="AK2177" s="53">
        <v>49399.381443298902</v>
      </c>
      <c r="AL2177" s="53">
        <v>49399.381443298902</v>
      </c>
      <c r="AM2177" s="53">
        <v>49399.381443298902</v>
      </c>
      <c r="AN2177" s="53">
        <v>592792.577319587</v>
      </c>
      <c r="AO2177" s="53">
        <v>49399.381443298902</v>
      </c>
      <c r="AP2177" s="53">
        <v>49399.381443298902</v>
      </c>
      <c r="AQ2177" s="53">
        <v>49399.381443298902</v>
      </c>
      <c r="AR2177" s="53">
        <v>49399.381443298902</v>
      </c>
      <c r="AS2177" s="53">
        <v>49399.381443298902</v>
      </c>
      <c r="AT2177" s="53">
        <v>49399.381443298902</v>
      </c>
      <c r="AU2177" s="53">
        <v>49399.381443298902</v>
      </c>
      <c r="AV2177" s="53">
        <v>49399.381443298902</v>
      </c>
      <c r="AW2177" s="53">
        <v>49399.381443298902</v>
      </c>
      <c r="AX2177" s="53">
        <v>49399.381443298902</v>
      </c>
      <c r="AY2177" s="53">
        <v>49399.381443298902</v>
      </c>
      <c r="AZ2177" s="53">
        <v>49399.381443298902</v>
      </c>
      <c r="BA2177" s="53">
        <v>592792.577319587</v>
      </c>
      <c r="BB2177" s="53">
        <v>49399.381443298902</v>
      </c>
      <c r="BC2177" s="53">
        <v>49399.381443298902</v>
      </c>
      <c r="BD2177" s="53">
        <v>49399.381443298902</v>
      </c>
      <c r="BE2177" s="53">
        <v>49399.381443298902</v>
      </c>
      <c r="BF2177" s="53">
        <v>49399.381443298902</v>
      </c>
      <c r="BG2177" s="53">
        <v>49399.381443298902</v>
      </c>
      <c r="BH2177" s="53">
        <v>49399.381443298902</v>
      </c>
      <c r="BI2177" s="53">
        <v>49399.381443298902</v>
      </c>
      <c r="BJ2177" s="53">
        <v>49399.381443298902</v>
      </c>
      <c r="BK2177" s="53">
        <v>49399.381443298902</v>
      </c>
      <c r="BL2177" s="53">
        <v>49399.381443298902</v>
      </c>
      <c r="BM2177" s="53">
        <v>49399.381443298902</v>
      </c>
      <c r="BN2177" s="53">
        <v>592792.577319587</v>
      </c>
      <c r="BO2177" s="53">
        <v>24699.6907216494</v>
      </c>
      <c r="BP2177" s="53"/>
      <c r="BQ2177" s="53"/>
      <c r="BR2177" s="53"/>
      <c r="BS2177" s="53"/>
      <c r="BT2177" s="53"/>
      <c r="BU2177" s="53"/>
      <c r="BV2177" s="53"/>
      <c r="BW2177" s="53"/>
      <c r="BX2177" s="53"/>
      <c r="BY2177" s="53"/>
      <c r="BZ2177" s="53"/>
      <c r="CA2177" s="53">
        <v>24699.6907216494</v>
      </c>
      <c r="CB2177" s="53">
        <v>-11723.4531645569</v>
      </c>
      <c r="CC2177" s="53">
        <v>-11723.4531645569</v>
      </c>
      <c r="CD2177" s="53">
        <v>-11723.4531645569</v>
      </c>
      <c r="CE2177" s="53">
        <v>-11723.4531645569</v>
      </c>
      <c r="CF2177" s="53">
        <v>-11723.4531645569</v>
      </c>
      <c r="CG2177" s="53">
        <v>-11723.4531645569</v>
      </c>
      <c r="CH2177" s="53">
        <v>-11723.4531645569</v>
      </c>
      <c r="CI2177" s="53">
        <v>-11723.4531645569</v>
      </c>
      <c r="CJ2177" s="53">
        <v>-11723.4531645569</v>
      </c>
      <c r="CK2177" s="53">
        <v>-11723.4531645569</v>
      </c>
      <c r="CL2177" s="53">
        <v>-11723.4531645569</v>
      </c>
      <c r="CM2177" s="53">
        <v>-11723.4531645569</v>
      </c>
      <c r="CN2177" s="53">
        <v>-140681.43797468301</v>
      </c>
    </row>
    <row r="2178" spans="1:92" outlineLevel="1">
      <c r="A2178" s="52" t="s">
        <v>724</v>
      </c>
      <c r="B2178" s="53">
        <v>13370.822605965401</v>
      </c>
      <c r="C2178" s="53">
        <v>13370.822047244001</v>
      </c>
      <c r="D2178" s="53">
        <v>13370.821484992101</v>
      </c>
      <c r="E2178" s="53">
        <v>13370.824088748001</v>
      </c>
      <c r="F2178" s="53">
        <v>13370.8235294117</v>
      </c>
      <c r="G2178" s="53">
        <v>13370.822966507099</v>
      </c>
      <c r="H2178" s="53">
        <v>13370.822399999999</v>
      </c>
      <c r="I2178" s="53">
        <v>13370.8218298555</v>
      </c>
      <c r="J2178" s="53">
        <v>13370.8212560386</v>
      </c>
      <c r="K2178" s="53">
        <v>13370.8239095315</v>
      </c>
      <c r="L2178" s="53">
        <v>13370.8233387358</v>
      </c>
      <c r="M2178" s="53">
        <v>13370.8227642276</v>
      </c>
      <c r="N2178" s="53">
        <v>160449.87222125701</v>
      </c>
      <c r="O2178" s="53">
        <v>13370.822185970599</v>
      </c>
      <c r="P2178" s="53">
        <v>13370.822185970599</v>
      </c>
      <c r="Q2178" s="53">
        <v>13370.822185970599</v>
      </c>
      <c r="R2178" s="53">
        <v>13370.822185970599</v>
      </c>
      <c r="S2178" s="53">
        <v>13370.822185970599</v>
      </c>
      <c r="T2178" s="53">
        <v>13370.822185970599</v>
      </c>
      <c r="U2178" s="53">
        <v>13370.822185970599</v>
      </c>
      <c r="V2178" s="53">
        <v>13370.822185970599</v>
      </c>
      <c r="W2178" s="53">
        <v>13370.822185970599</v>
      </c>
      <c r="X2178" s="53">
        <v>13370.822185970599</v>
      </c>
      <c r="Y2178" s="53">
        <v>13370.822185970599</v>
      </c>
      <c r="Z2178" s="53">
        <v>13370.822185970599</v>
      </c>
      <c r="AA2178" s="53">
        <v>160449.866231647</v>
      </c>
      <c r="AB2178" s="53">
        <v>13370.822185970599</v>
      </c>
      <c r="AC2178" s="53">
        <v>13370.822185970599</v>
      </c>
      <c r="AD2178" s="53">
        <v>13370.822185970599</v>
      </c>
      <c r="AE2178" s="53">
        <v>13370.822185970599</v>
      </c>
      <c r="AF2178" s="53">
        <v>13370.822185970599</v>
      </c>
      <c r="AG2178" s="53">
        <v>13370.822185970599</v>
      </c>
      <c r="AH2178" s="53">
        <v>13370.822185970599</v>
      </c>
      <c r="AI2178" s="53">
        <v>13370.822185970599</v>
      </c>
      <c r="AJ2178" s="53">
        <v>13370.822185970599</v>
      </c>
      <c r="AK2178" s="53">
        <v>13370.822185970599</v>
      </c>
      <c r="AL2178" s="53">
        <v>13370.822185970599</v>
      </c>
      <c r="AM2178" s="53">
        <v>13370.822185970599</v>
      </c>
      <c r="AN2178" s="53">
        <v>160449.866231647</v>
      </c>
      <c r="AO2178" s="53">
        <v>13370.822185970599</v>
      </c>
      <c r="AP2178" s="53">
        <v>13370.822185970599</v>
      </c>
      <c r="AQ2178" s="53">
        <v>13370.822185970599</v>
      </c>
      <c r="AR2178" s="53">
        <v>13370.822185970599</v>
      </c>
      <c r="AS2178" s="53">
        <v>13370.822185970599</v>
      </c>
      <c r="AT2178" s="53">
        <v>13370.822185970599</v>
      </c>
      <c r="AU2178" s="53">
        <v>13370.822185970599</v>
      </c>
      <c r="AV2178" s="53">
        <v>13370.822185970599</v>
      </c>
      <c r="AW2178" s="53">
        <v>13370.822185970599</v>
      </c>
      <c r="AX2178" s="53">
        <v>13370.822185970599</v>
      </c>
      <c r="AY2178" s="53">
        <v>13370.822185970599</v>
      </c>
      <c r="AZ2178" s="53">
        <v>13370.822185970599</v>
      </c>
      <c r="BA2178" s="53">
        <v>160449.866231647</v>
      </c>
      <c r="BB2178" s="53">
        <v>13370.822185970599</v>
      </c>
      <c r="BC2178" s="53">
        <v>13370.822185970599</v>
      </c>
      <c r="BD2178" s="53">
        <v>13370.822185970599</v>
      </c>
      <c r="BE2178" s="53">
        <v>13370.822185970599</v>
      </c>
      <c r="BF2178" s="53">
        <v>13370.822185970599</v>
      </c>
      <c r="BG2178" s="53">
        <v>13370.822185970599</v>
      </c>
      <c r="BH2178" s="53">
        <v>13370.822185970599</v>
      </c>
      <c r="BI2178" s="53">
        <v>13370.822185970599</v>
      </c>
      <c r="BJ2178" s="53">
        <v>13370.822185970599</v>
      </c>
      <c r="BK2178" s="53">
        <v>13370.822185970599</v>
      </c>
      <c r="BL2178" s="53">
        <v>13370.822185970599</v>
      </c>
      <c r="BM2178" s="53">
        <v>13370.822185970599</v>
      </c>
      <c r="BN2178" s="53">
        <v>160449.866231647</v>
      </c>
      <c r="BO2178" s="53">
        <v>13370.822185970599</v>
      </c>
      <c r="BP2178" s="53">
        <v>13370.822185970599</v>
      </c>
      <c r="BQ2178" s="53">
        <v>13370.822185970599</v>
      </c>
      <c r="BR2178" s="53">
        <v>13370.822185970599</v>
      </c>
      <c r="BS2178" s="53">
        <v>13370.822185970599</v>
      </c>
      <c r="BT2178" s="53">
        <v>13370.822185970599</v>
      </c>
      <c r="BU2178" s="53">
        <v>13370.822185970599</v>
      </c>
      <c r="BV2178" s="53">
        <v>13370.822185970599</v>
      </c>
      <c r="BW2178" s="53">
        <v>13370.822185970599</v>
      </c>
      <c r="BX2178" s="53">
        <v>13370.822185970599</v>
      </c>
      <c r="BY2178" s="53">
        <v>13370.822185970599</v>
      </c>
      <c r="BZ2178" s="53">
        <v>13370.822185970599</v>
      </c>
      <c r="CA2178" s="53">
        <v>160449.866231647</v>
      </c>
      <c r="CB2178" s="53">
        <v>-4051.8264840182501</v>
      </c>
      <c r="CC2178" s="53">
        <v>-4051.8264840182401</v>
      </c>
      <c r="CD2178" s="53">
        <v>-4051.8264840182401</v>
      </c>
      <c r="CE2178" s="53">
        <v>-4051.8264840182401</v>
      </c>
      <c r="CF2178" s="53">
        <v>-4051.8264840182401</v>
      </c>
      <c r="CG2178" s="53">
        <v>-4051.8264840182501</v>
      </c>
      <c r="CH2178" s="53">
        <v>-4051.8264840182501</v>
      </c>
      <c r="CI2178" s="53">
        <v>-4051.8264840182401</v>
      </c>
      <c r="CJ2178" s="53">
        <v>-4051.8264840182401</v>
      </c>
      <c r="CK2178" s="53">
        <v>-4051.8264840182501</v>
      </c>
      <c r="CL2178" s="53">
        <v>-4051.8264840182401</v>
      </c>
      <c r="CM2178" s="53">
        <v>-4051.8264840182401</v>
      </c>
      <c r="CN2178" s="53">
        <v>-48621.917808218997</v>
      </c>
    </row>
    <row r="2179" spans="1:92" outlineLevel="1">
      <c r="A2179" s="52" t="s">
        <v>725</v>
      </c>
      <c r="B2179" s="53">
        <v>44991.872611464903</v>
      </c>
      <c r="C2179" s="53">
        <v>44991.870967741903</v>
      </c>
      <c r="D2179" s="53">
        <v>44991.8692810457</v>
      </c>
      <c r="E2179" s="53">
        <v>44991.867549668801</v>
      </c>
      <c r="F2179" s="53">
        <v>44991.879194630797</v>
      </c>
      <c r="G2179" s="53">
        <v>44991.8775510204</v>
      </c>
      <c r="H2179" s="53">
        <v>44991.875862068897</v>
      </c>
      <c r="I2179" s="53">
        <v>44991.874125874099</v>
      </c>
      <c r="J2179" s="53">
        <v>44991.8723404255</v>
      </c>
      <c r="K2179" s="53">
        <v>44991.8705035971</v>
      </c>
      <c r="L2179" s="53">
        <v>44991.868613138598</v>
      </c>
      <c r="M2179" s="53">
        <v>44991.866666666603</v>
      </c>
      <c r="N2179" s="53">
        <v>539902.46526734298</v>
      </c>
      <c r="O2179" s="53">
        <v>44991.8796992481</v>
      </c>
      <c r="P2179" s="53">
        <v>44991.8796992481</v>
      </c>
      <c r="Q2179" s="53">
        <v>44991.8796992481</v>
      </c>
      <c r="R2179" s="53">
        <v>44991.8796992481</v>
      </c>
      <c r="S2179" s="53">
        <v>44991.8796992481</v>
      </c>
      <c r="T2179" s="53">
        <v>44991.8796992481</v>
      </c>
      <c r="U2179" s="53">
        <v>44991.8796992481</v>
      </c>
      <c r="V2179" s="53">
        <v>44991.8796992481</v>
      </c>
      <c r="W2179" s="53">
        <v>44991.8796992481</v>
      </c>
      <c r="X2179" s="53">
        <v>44991.8796992481</v>
      </c>
      <c r="Y2179" s="53">
        <v>44991.8796992481</v>
      </c>
      <c r="Z2179" s="53">
        <v>44991.8796992481</v>
      </c>
      <c r="AA2179" s="53">
        <v>539902.556390977</v>
      </c>
      <c r="AB2179" s="53">
        <v>44991.8796992481</v>
      </c>
      <c r="AC2179" s="53">
        <v>44991.8796992481</v>
      </c>
      <c r="AD2179" s="53">
        <v>44991.8796992481</v>
      </c>
      <c r="AE2179" s="53">
        <v>44991.8796992481</v>
      </c>
      <c r="AF2179" s="53">
        <v>44991.8796992481</v>
      </c>
      <c r="AG2179" s="53">
        <v>44991.8796992481</v>
      </c>
      <c r="AH2179" s="53">
        <v>44991.8796992481</v>
      </c>
      <c r="AI2179" s="53">
        <v>44991.8796992481</v>
      </c>
      <c r="AJ2179" s="53">
        <v>44991.8796992481</v>
      </c>
      <c r="AK2179" s="53">
        <v>44991.8796992481</v>
      </c>
      <c r="AL2179" s="53">
        <v>44991.8796992481</v>
      </c>
      <c r="AM2179" s="53">
        <v>44991.8796992481</v>
      </c>
      <c r="AN2179" s="53">
        <v>539902.556390977</v>
      </c>
      <c r="AO2179" s="53">
        <v>44991.8796992481</v>
      </c>
      <c r="AP2179" s="53">
        <v>44991.8796992481</v>
      </c>
      <c r="AQ2179" s="53">
        <v>44991.8796992481</v>
      </c>
      <c r="AR2179" s="53">
        <v>44991.8796992481</v>
      </c>
      <c r="AS2179" s="53">
        <v>44991.8796992481</v>
      </c>
      <c r="AT2179" s="53">
        <v>44991.8796992481</v>
      </c>
      <c r="AU2179" s="53">
        <v>44991.8796992481</v>
      </c>
      <c r="AV2179" s="53">
        <v>44991.8796992481</v>
      </c>
      <c r="AW2179" s="53">
        <v>44991.8796992481</v>
      </c>
      <c r="AX2179" s="53">
        <v>44991.8796992481</v>
      </c>
      <c r="AY2179" s="53">
        <v>44991.8796992481</v>
      </c>
      <c r="AZ2179" s="53">
        <v>44991.8796992481</v>
      </c>
      <c r="BA2179" s="53">
        <v>539902.556390977</v>
      </c>
      <c r="BB2179" s="53">
        <v>44991.8796992481</v>
      </c>
      <c r="BC2179" s="53">
        <v>44991.8796992481</v>
      </c>
      <c r="BD2179" s="53">
        <v>44991.8796992481</v>
      </c>
      <c r="BE2179" s="53">
        <v>44991.8796992481</v>
      </c>
      <c r="BF2179" s="53">
        <v>44991.8796992481</v>
      </c>
      <c r="BG2179" s="53">
        <v>44991.8796992481</v>
      </c>
      <c r="BH2179" s="53">
        <v>44991.8796992481</v>
      </c>
      <c r="BI2179" s="53">
        <v>44991.8796992481</v>
      </c>
      <c r="BJ2179" s="53">
        <v>44991.8796992481</v>
      </c>
      <c r="BK2179" s="53">
        <v>44991.8796992481</v>
      </c>
      <c r="BL2179" s="53">
        <v>44991.8796992481</v>
      </c>
      <c r="BM2179" s="53">
        <v>44991.8796992481</v>
      </c>
      <c r="BN2179" s="53">
        <v>539902.556390977</v>
      </c>
      <c r="BO2179" s="53">
        <v>44991.8796992481</v>
      </c>
      <c r="BP2179" s="53">
        <v>44991.8796992481</v>
      </c>
      <c r="BQ2179" s="53">
        <v>44991.8796992481</v>
      </c>
      <c r="BR2179" s="53">
        <v>44991.8796992481</v>
      </c>
      <c r="BS2179" s="53">
        <v>44991.8796992481</v>
      </c>
      <c r="BT2179" s="53">
        <v>44991.8796992481</v>
      </c>
      <c r="BU2179" s="53">
        <v>44991.8796992481</v>
      </c>
      <c r="BV2179" s="53">
        <v>44991.8796992481</v>
      </c>
      <c r="BW2179" s="53">
        <v>44991.8796992481</v>
      </c>
      <c r="BX2179" s="53">
        <v>44991.8796992481</v>
      </c>
      <c r="BY2179" s="53">
        <v>44991.8796992481</v>
      </c>
      <c r="BZ2179" s="53">
        <v>44991.8796992481</v>
      </c>
      <c r="CA2179" s="53">
        <v>539902.556390977</v>
      </c>
      <c r="CB2179" s="53">
        <v>-3523.40918163673</v>
      </c>
      <c r="CC2179" s="53">
        <v>-3523.40918163673</v>
      </c>
      <c r="CD2179" s="53">
        <v>-3523.40918163673</v>
      </c>
      <c r="CE2179" s="53">
        <v>-3523.40918163673</v>
      </c>
      <c r="CF2179" s="53">
        <v>-3523.40918163673</v>
      </c>
      <c r="CG2179" s="53">
        <v>-3523.40918163673</v>
      </c>
      <c r="CH2179" s="53">
        <v>-3523.40918163673</v>
      </c>
      <c r="CI2179" s="53">
        <v>-3523.40918163673</v>
      </c>
      <c r="CJ2179" s="53">
        <v>-3523.40918163673</v>
      </c>
      <c r="CK2179" s="53">
        <v>-3523.40918163673</v>
      </c>
      <c r="CL2179" s="53">
        <v>-3523.40918163673</v>
      </c>
      <c r="CM2179" s="53">
        <v>-3523.40918163673</v>
      </c>
      <c r="CN2179" s="53">
        <v>-42280.910179640799</v>
      </c>
    </row>
    <row r="2180" spans="1:92" outlineLevel="1">
      <c r="A2180" s="52" t="s">
        <v>726</v>
      </c>
      <c r="B2180" s="53">
        <v>52157.242105263103</v>
      </c>
      <c r="C2180" s="53">
        <v>52157.244680850999</v>
      </c>
      <c r="D2180" s="53">
        <v>52157.247311827901</v>
      </c>
      <c r="E2180" s="53">
        <v>52157.239130434697</v>
      </c>
      <c r="F2180" s="53">
        <v>52157.241758241697</v>
      </c>
      <c r="G2180" s="53">
        <v>52157.244444444397</v>
      </c>
      <c r="H2180" s="53">
        <v>52157.2471910112</v>
      </c>
      <c r="I2180" s="53">
        <v>52157.238636363603</v>
      </c>
      <c r="J2180" s="53">
        <v>52157.241379310297</v>
      </c>
      <c r="K2180" s="53">
        <v>52157.244186046497</v>
      </c>
      <c r="L2180" s="53">
        <v>52157.247058823501</v>
      </c>
      <c r="M2180" s="53">
        <v>52157.238095237997</v>
      </c>
      <c r="N2180" s="53">
        <v>625886.91597785603</v>
      </c>
      <c r="O2180" s="53">
        <v>52157.240963855402</v>
      </c>
      <c r="P2180" s="53">
        <v>52157.240963855402</v>
      </c>
      <c r="Q2180" s="53">
        <v>52157.240963855402</v>
      </c>
      <c r="R2180" s="53">
        <v>52157.240963855402</v>
      </c>
      <c r="S2180" s="53">
        <v>52157.240963855402</v>
      </c>
      <c r="T2180" s="53">
        <v>52157.240963855402</v>
      </c>
      <c r="U2180" s="53">
        <v>52157.240963855402</v>
      </c>
      <c r="V2180" s="53">
        <v>52157.240963855402</v>
      </c>
      <c r="W2180" s="53">
        <v>52157.240963855402</v>
      </c>
      <c r="X2180" s="53">
        <v>52157.240963855402</v>
      </c>
      <c r="Y2180" s="53">
        <v>52157.240963855402</v>
      </c>
      <c r="Z2180" s="53">
        <v>52157.240963855402</v>
      </c>
      <c r="AA2180" s="53">
        <v>625886.89156626503</v>
      </c>
      <c r="AB2180" s="53">
        <v>52157.240963855402</v>
      </c>
      <c r="AC2180" s="53">
        <v>52157.240963855402</v>
      </c>
      <c r="AD2180" s="53">
        <v>52157.240963855402</v>
      </c>
      <c r="AE2180" s="53">
        <v>52157.240963855402</v>
      </c>
      <c r="AF2180" s="53">
        <v>52157.240963855402</v>
      </c>
      <c r="AG2180" s="53">
        <v>52157.240963855402</v>
      </c>
      <c r="AH2180" s="53">
        <v>52157.240963855402</v>
      </c>
      <c r="AI2180" s="53">
        <v>52157.240963855402</v>
      </c>
      <c r="AJ2180" s="53">
        <v>52157.240963855402</v>
      </c>
      <c r="AK2180" s="53">
        <v>52157.240963855402</v>
      </c>
      <c r="AL2180" s="53">
        <v>52157.240963855402</v>
      </c>
      <c r="AM2180" s="53">
        <v>52157.240963855402</v>
      </c>
      <c r="AN2180" s="53">
        <v>625886.89156626503</v>
      </c>
      <c r="AO2180" s="53">
        <v>52157.240963855402</v>
      </c>
      <c r="AP2180" s="53">
        <v>52157.240963855402</v>
      </c>
      <c r="AQ2180" s="53">
        <v>52157.240963855402</v>
      </c>
      <c r="AR2180" s="53">
        <v>52157.240963855402</v>
      </c>
      <c r="AS2180" s="53">
        <v>52157.240963855402</v>
      </c>
      <c r="AT2180" s="53">
        <v>52157.240963855402</v>
      </c>
      <c r="AU2180" s="53">
        <v>52157.240963855402</v>
      </c>
      <c r="AV2180" s="53">
        <v>52157.240963855402</v>
      </c>
      <c r="AW2180" s="53">
        <v>52157.240963855402</v>
      </c>
      <c r="AX2180" s="53">
        <v>52157.240963855402</v>
      </c>
      <c r="AY2180" s="53">
        <v>52157.240963855402</v>
      </c>
      <c r="AZ2180" s="53">
        <v>52157.240963855402</v>
      </c>
      <c r="BA2180" s="53">
        <v>625886.89156626503</v>
      </c>
      <c r="BB2180" s="53">
        <v>52157.240963855402</v>
      </c>
      <c r="BC2180" s="53">
        <v>52157.240963855402</v>
      </c>
      <c r="BD2180" s="53">
        <v>52157.240963855402</v>
      </c>
      <c r="BE2180" s="53">
        <v>52157.240963855402</v>
      </c>
      <c r="BF2180" s="53">
        <v>52157.240963855402</v>
      </c>
      <c r="BG2180" s="53">
        <v>52157.240963855402</v>
      </c>
      <c r="BH2180" s="53">
        <v>52157.240963855402</v>
      </c>
      <c r="BI2180" s="53">
        <v>52157.240963855402</v>
      </c>
      <c r="BJ2180" s="53">
        <v>52157.240963855402</v>
      </c>
      <c r="BK2180" s="53">
        <v>52157.240963855402</v>
      </c>
      <c r="BL2180" s="53">
        <v>52157.240963855402</v>
      </c>
      <c r="BM2180" s="53">
        <v>52157.240963855402</v>
      </c>
      <c r="BN2180" s="53">
        <v>625886.89156626503</v>
      </c>
      <c r="BO2180" s="53">
        <v>52157.240963855402</v>
      </c>
      <c r="BP2180" s="53">
        <v>52157.240963855402</v>
      </c>
      <c r="BQ2180" s="53">
        <v>52157.240963855402</v>
      </c>
      <c r="BR2180" s="53">
        <v>52157.240963855402</v>
      </c>
      <c r="BS2180" s="53">
        <v>52157.240963855402</v>
      </c>
      <c r="BT2180" s="53">
        <v>52157.240963855402</v>
      </c>
      <c r="BU2180" s="53">
        <v>52157.240963855402</v>
      </c>
      <c r="BV2180" s="53">
        <v>52157.240963855402</v>
      </c>
      <c r="BW2180" s="53">
        <v>52157.240963855402</v>
      </c>
      <c r="BX2180" s="53">
        <v>52157.240963855402</v>
      </c>
      <c r="BY2180" s="53">
        <v>52157.240963855402</v>
      </c>
      <c r="BZ2180" s="53">
        <v>52157.240963855402</v>
      </c>
      <c r="CA2180" s="53">
        <v>625886.89156626503</v>
      </c>
      <c r="CB2180" s="53">
        <v>-9347.6262626262305</v>
      </c>
      <c r="CC2180" s="53">
        <v>-9347.6262626262305</v>
      </c>
      <c r="CD2180" s="53">
        <v>-9347.6262626262305</v>
      </c>
      <c r="CE2180" s="53">
        <v>-9347.6262626262305</v>
      </c>
      <c r="CF2180" s="53">
        <v>-9347.6262626262305</v>
      </c>
      <c r="CG2180" s="53">
        <v>-9347.6262626262305</v>
      </c>
      <c r="CH2180" s="53">
        <v>-9347.6262626262305</v>
      </c>
      <c r="CI2180" s="53">
        <v>-9347.6262626262305</v>
      </c>
      <c r="CJ2180" s="53">
        <v>-9347.6262626262305</v>
      </c>
      <c r="CK2180" s="53">
        <v>-9347.6262626262305</v>
      </c>
      <c r="CL2180" s="53">
        <v>-9347.6262626262305</v>
      </c>
      <c r="CM2180" s="53">
        <v>-9347.6262626262305</v>
      </c>
      <c r="CN2180" s="53">
        <v>-112171.515151514</v>
      </c>
    </row>
    <row r="2181" spans="1:92" outlineLevel="1">
      <c r="A2181" s="52" t="s">
        <v>728</v>
      </c>
      <c r="B2181" s="53">
        <v>38996.049261083703</v>
      </c>
      <c r="C2181" s="53">
        <v>38996.0497512437</v>
      </c>
      <c r="D2181" s="53">
        <v>38996.050251256202</v>
      </c>
      <c r="E2181" s="53">
        <v>38996.050761421298</v>
      </c>
      <c r="F2181" s="53">
        <v>38996.051282051201</v>
      </c>
      <c r="G2181" s="53">
        <v>38996.051813471502</v>
      </c>
      <c r="H2181" s="53">
        <v>38996.052356020897</v>
      </c>
      <c r="I2181" s="53">
        <v>38996.052910052902</v>
      </c>
      <c r="J2181" s="53">
        <v>38996.053475935798</v>
      </c>
      <c r="K2181" s="53">
        <v>38996.054054054002</v>
      </c>
      <c r="L2181" s="53">
        <v>38996.054644808697</v>
      </c>
      <c r="M2181" s="53">
        <v>38996.044198894997</v>
      </c>
      <c r="N2181" s="53">
        <v>467952.61476029502</v>
      </c>
      <c r="O2181" s="53">
        <v>38996.0446927374</v>
      </c>
      <c r="P2181" s="53">
        <v>38996.0446927374</v>
      </c>
      <c r="Q2181" s="53">
        <v>38996.0446927374</v>
      </c>
      <c r="R2181" s="53">
        <v>38996.0446927374</v>
      </c>
      <c r="S2181" s="53">
        <v>38996.0446927374</v>
      </c>
      <c r="T2181" s="53">
        <v>38996.0446927374</v>
      </c>
      <c r="U2181" s="53">
        <v>38996.0446927374</v>
      </c>
      <c r="V2181" s="53">
        <v>38996.0446927374</v>
      </c>
      <c r="W2181" s="53">
        <v>38996.0446927374</v>
      </c>
      <c r="X2181" s="53">
        <v>38996.0446927374</v>
      </c>
      <c r="Y2181" s="53">
        <v>38996.0446927374</v>
      </c>
      <c r="Z2181" s="53">
        <v>38996.0446927374</v>
      </c>
      <c r="AA2181" s="53">
        <v>467952.53631284903</v>
      </c>
      <c r="AB2181" s="53">
        <v>38996.0446927374</v>
      </c>
      <c r="AC2181" s="53">
        <v>38996.0446927374</v>
      </c>
      <c r="AD2181" s="53">
        <v>38996.0446927374</v>
      </c>
      <c r="AE2181" s="53">
        <v>38996.0446927374</v>
      </c>
      <c r="AF2181" s="53">
        <v>38996.0446927374</v>
      </c>
      <c r="AG2181" s="53">
        <v>38996.0446927374</v>
      </c>
      <c r="AH2181" s="53">
        <v>38996.0446927374</v>
      </c>
      <c r="AI2181" s="53">
        <v>38996.0446927374</v>
      </c>
      <c r="AJ2181" s="53">
        <v>38996.0446927374</v>
      </c>
      <c r="AK2181" s="53">
        <v>38996.0446927374</v>
      </c>
      <c r="AL2181" s="53">
        <v>38996.0446927374</v>
      </c>
      <c r="AM2181" s="53">
        <v>38996.044692737298</v>
      </c>
      <c r="AN2181" s="53">
        <v>467952.53631284798</v>
      </c>
      <c r="AO2181" s="53">
        <v>38996.044692737298</v>
      </c>
      <c r="AP2181" s="53">
        <v>38996.044692737298</v>
      </c>
      <c r="AQ2181" s="53">
        <v>38996.044692737298</v>
      </c>
      <c r="AR2181" s="53">
        <v>38996.044692737298</v>
      </c>
      <c r="AS2181" s="53">
        <v>38996.044692737298</v>
      </c>
      <c r="AT2181" s="53">
        <v>38996.044692737298</v>
      </c>
      <c r="AU2181" s="53">
        <v>38996.044692737298</v>
      </c>
      <c r="AV2181" s="53">
        <v>38996.044692737298</v>
      </c>
      <c r="AW2181" s="53">
        <v>38996.044692737298</v>
      </c>
      <c r="AX2181" s="53">
        <v>38996.044692737298</v>
      </c>
      <c r="AY2181" s="53">
        <v>38996.044692737298</v>
      </c>
      <c r="AZ2181" s="53">
        <v>38996.044692737298</v>
      </c>
      <c r="BA2181" s="53">
        <v>467952.53631284798</v>
      </c>
      <c r="BB2181" s="53">
        <v>38996.044692737298</v>
      </c>
      <c r="BC2181" s="53">
        <v>38996.044692737298</v>
      </c>
      <c r="BD2181" s="53">
        <v>38996.044692737298</v>
      </c>
      <c r="BE2181" s="53">
        <v>38996.044692737298</v>
      </c>
      <c r="BF2181" s="53">
        <v>38996.044692737298</v>
      </c>
      <c r="BG2181" s="53">
        <v>38996.044692737298</v>
      </c>
      <c r="BH2181" s="53">
        <v>38996.044692737298</v>
      </c>
      <c r="BI2181" s="53">
        <v>38996.044692737298</v>
      </c>
      <c r="BJ2181" s="53">
        <v>38996.044692737298</v>
      </c>
      <c r="BK2181" s="53">
        <v>38996.044692737298</v>
      </c>
      <c r="BL2181" s="53">
        <v>38996.044692737298</v>
      </c>
      <c r="BM2181" s="53">
        <v>38996.044692737298</v>
      </c>
      <c r="BN2181" s="53">
        <v>467952.53631284798</v>
      </c>
      <c r="BO2181" s="53">
        <v>38996.044692737298</v>
      </c>
      <c r="BP2181" s="53">
        <v>38996.044692737298</v>
      </c>
      <c r="BQ2181" s="53">
        <v>38996.044692737298</v>
      </c>
      <c r="BR2181" s="53">
        <v>38996.044692737298</v>
      </c>
      <c r="BS2181" s="53">
        <v>38996.044692737298</v>
      </c>
      <c r="BT2181" s="53">
        <v>38996.044692737298</v>
      </c>
      <c r="BU2181" s="53">
        <v>38996.044692737298</v>
      </c>
      <c r="BV2181" s="53">
        <v>38996.044692737298</v>
      </c>
      <c r="BW2181" s="53">
        <v>38996.044692737298</v>
      </c>
      <c r="BX2181" s="53">
        <v>38996.044692737298</v>
      </c>
      <c r="BY2181" s="53">
        <v>38996.044692737298</v>
      </c>
      <c r="BZ2181" s="53">
        <v>38996.044692737298</v>
      </c>
      <c r="CA2181" s="53">
        <v>467952.53631284798</v>
      </c>
      <c r="CB2181" s="53">
        <v>-1620.19834710743</v>
      </c>
      <c r="CC2181" s="53"/>
      <c r="CD2181" s="53"/>
      <c r="CE2181" s="53"/>
      <c r="CF2181" s="53"/>
      <c r="CG2181" s="53"/>
      <c r="CH2181" s="53"/>
      <c r="CI2181" s="53"/>
      <c r="CJ2181" s="53"/>
      <c r="CK2181" s="53"/>
      <c r="CL2181" s="53"/>
      <c r="CM2181" s="53"/>
      <c r="CN2181" s="53">
        <v>-1620.19834710743</v>
      </c>
    </row>
    <row r="2182" spans="1:92">
      <c r="A2182" s="52" t="s">
        <v>729</v>
      </c>
      <c r="B2182" s="53">
        <v>48595.514644351402</v>
      </c>
      <c r="C2182" s="53">
        <v>48595.510548523198</v>
      </c>
      <c r="D2182" s="53">
        <v>48595.514893617001</v>
      </c>
      <c r="E2182" s="53">
        <v>48595.510729613699</v>
      </c>
      <c r="F2182" s="53">
        <v>48595.515151515101</v>
      </c>
      <c r="G2182" s="53">
        <v>48595.5109170305</v>
      </c>
      <c r="H2182" s="53">
        <v>48595.515418502197</v>
      </c>
      <c r="I2182" s="53">
        <v>48595.511111111096</v>
      </c>
      <c r="J2182" s="53">
        <v>48595.515695067203</v>
      </c>
      <c r="K2182" s="53">
        <v>48595.511312217197</v>
      </c>
      <c r="L2182" s="53">
        <v>48595.515981735101</v>
      </c>
      <c r="M2182" s="53">
        <v>48595.511520737302</v>
      </c>
      <c r="N2182" s="53">
        <v>583146.15792402101</v>
      </c>
      <c r="O2182" s="53">
        <v>48595.5162790697</v>
      </c>
      <c r="P2182" s="53">
        <v>48595.5162790697</v>
      </c>
      <c r="Q2182" s="53">
        <v>48595.5162790697</v>
      </c>
      <c r="R2182" s="53">
        <v>48595.5162790697</v>
      </c>
      <c r="S2182" s="53">
        <v>48595.5162790697</v>
      </c>
      <c r="T2182" s="53">
        <v>48595.5162790697</v>
      </c>
      <c r="U2182" s="53">
        <v>48595.5162790697</v>
      </c>
      <c r="V2182" s="53">
        <v>48595.5162790697</v>
      </c>
      <c r="W2182" s="53">
        <v>48595.5162790697</v>
      </c>
      <c r="X2182" s="53">
        <v>48595.5162790697</v>
      </c>
      <c r="Y2182" s="53">
        <v>48595.5162790697</v>
      </c>
      <c r="Z2182" s="53">
        <v>48595.5162790697</v>
      </c>
      <c r="AA2182" s="53">
        <v>583146.19534883695</v>
      </c>
      <c r="AB2182" s="53">
        <v>48595.5162790697</v>
      </c>
      <c r="AC2182" s="53">
        <v>48595.5162790697</v>
      </c>
      <c r="AD2182" s="53">
        <v>48595.5162790697</v>
      </c>
      <c r="AE2182" s="53">
        <v>48595.5162790697</v>
      </c>
      <c r="AF2182" s="53">
        <v>48595.5162790697</v>
      </c>
      <c r="AG2182" s="53">
        <v>48595.5162790697</v>
      </c>
      <c r="AH2182" s="53">
        <v>48595.5162790697</v>
      </c>
      <c r="AI2182" s="53">
        <v>48595.5162790697</v>
      </c>
      <c r="AJ2182" s="53">
        <v>48595.5162790697</v>
      </c>
      <c r="AK2182" s="53">
        <v>48595.5162790697</v>
      </c>
      <c r="AL2182" s="53">
        <v>48595.5162790697</v>
      </c>
      <c r="AM2182" s="53">
        <v>48595.5162790697</v>
      </c>
      <c r="AN2182" s="53">
        <v>583146.19534883695</v>
      </c>
      <c r="AO2182" s="53">
        <v>48595.516279069801</v>
      </c>
      <c r="AP2182" s="53">
        <v>48595.516279069801</v>
      </c>
      <c r="AQ2182" s="53">
        <v>48595.516279069801</v>
      </c>
      <c r="AR2182" s="53">
        <v>48595.516279069801</v>
      </c>
      <c r="AS2182" s="53">
        <v>48595.516279069801</v>
      </c>
      <c r="AT2182" s="53">
        <v>48595.516279069801</v>
      </c>
      <c r="AU2182" s="53">
        <v>48595.516279069801</v>
      </c>
      <c r="AV2182" s="53">
        <v>48595.516279069801</v>
      </c>
      <c r="AW2182" s="53">
        <v>48595.516279069801</v>
      </c>
      <c r="AX2182" s="53">
        <v>48595.516279069801</v>
      </c>
      <c r="AY2182" s="53">
        <v>48595.516279069801</v>
      </c>
      <c r="AZ2182" s="53">
        <v>48595.516279069801</v>
      </c>
      <c r="BA2182" s="53">
        <v>583146.19534883695</v>
      </c>
      <c r="BB2182" s="53">
        <v>48595.516279069801</v>
      </c>
      <c r="BC2182" s="53">
        <v>48595.516279069801</v>
      </c>
      <c r="BD2182" s="53">
        <v>48595.516279069801</v>
      </c>
      <c r="BE2182" s="53">
        <v>48595.516279069801</v>
      </c>
      <c r="BF2182" s="53">
        <v>48595.516279069801</v>
      </c>
      <c r="BG2182" s="53">
        <v>48595.516279069801</v>
      </c>
      <c r="BH2182" s="53">
        <v>48595.516279069801</v>
      </c>
      <c r="BI2182" s="53">
        <v>48595.516279069801</v>
      </c>
      <c r="BJ2182" s="53">
        <v>48595.516279069801</v>
      </c>
      <c r="BK2182" s="53">
        <v>48595.516279069801</v>
      </c>
      <c r="BL2182" s="53">
        <v>48595.516279069801</v>
      </c>
      <c r="BM2182" s="53">
        <v>48595.516279069801</v>
      </c>
      <c r="BN2182" s="53">
        <v>583146.19534883799</v>
      </c>
      <c r="BO2182" s="53">
        <v>48595.516279069801</v>
      </c>
      <c r="BP2182" s="53">
        <v>48595.516279069801</v>
      </c>
      <c r="BQ2182" s="53">
        <v>48595.516279069801</v>
      </c>
      <c r="BR2182" s="53">
        <v>48595.516279069801</v>
      </c>
      <c r="BS2182" s="53">
        <v>48595.516279069801</v>
      </c>
      <c r="BT2182" s="53">
        <v>48595.516279069801</v>
      </c>
      <c r="BU2182" s="53">
        <v>48595.516279069801</v>
      </c>
      <c r="BV2182" s="53">
        <v>48595.516279069801</v>
      </c>
      <c r="BW2182" s="53">
        <v>48595.516279069801</v>
      </c>
      <c r="BX2182" s="53">
        <v>48595.516279069801</v>
      </c>
      <c r="BY2182" s="53">
        <v>48595.516279069801</v>
      </c>
      <c r="BZ2182" s="53">
        <v>48595.516279069801</v>
      </c>
      <c r="CA2182" s="53">
        <v>583146.19534883799</v>
      </c>
      <c r="CB2182" s="53">
        <v>-1540.86342229199</v>
      </c>
      <c r="CC2182" s="53">
        <v>-1540.86342229199</v>
      </c>
      <c r="CD2182" s="53">
        <v>-1540.86342229199</v>
      </c>
      <c r="CE2182" s="53">
        <v>-1540.86342229199</v>
      </c>
      <c r="CF2182" s="53">
        <v>-1540.86342229199</v>
      </c>
      <c r="CG2182" s="53">
        <v>-1540.86342229199</v>
      </c>
      <c r="CH2182" s="53">
        <v>-1540.86342229199</v>
      </c>
      <c r="CI2182" s="53">
        <v>-1540.86342229199</v>
      </c>
      <c r="CJ2182" s="53">
        <v>-1540.86342229199</v>
      </c>
      <c r="CK2182" s="53">
        <v>-1540.86342229199</v>
      </c>
      <c r="CL2182" s="53">
        <v>-1540.86342229199</v>
      </c>
      <c r="CM2182" s="53">
        <v>-1540.86342229199</v>
      </c>
      <c r="CN2182" s="53">
        <v>-18490.361067503902</v>
      </c>
    </row>
    <row r="2183" spans="1:92">
      <c r="A2183" s="52" t="s">
        <v>730</v>
      </c>
      <c r="B2183" s="53">
        <v>16652.086230876201</v>
      </c>
      <c r="C2183" s="53">
        <v>16652.086471408598</v>
      </c>
      <c r="D2183" s="53">
        <v>16652.086713286699</v>
      </c>
      <c r="E2183" s="53">
        <v>16652.0869565217</v>
      </c>
      <c r="F2183" s="53">
        <v>16652.087201125101</v>
      </c>
      <c r="G2183" s="53">
        <v>16652.087447108599</v>
      </c>
      <c r="H2183" s="53">
        <v>16652.0848656294</v>
      </c>
      <c r="I2183" s="53">
        <v>16652.0851063829</v>
      </c>
      <c r="J2183" s="53">
        <v>16652.0853485064</v>
      </c>
      <c r="K2183" s="53">
        <v>16652.085592011401</v>
      </c>
      <c r="L2183" s="53">
        <v>16652.085836909799</v>
      </c>
      <c r="M2183" s="53">
        <v>16652.0860832137</v>
      </c>
      <c r="N2183" s="53">
        <v>199825.03385298001</v>
      </c>
      <c r="O2183" s="53">
        <v>16652.086330935199</v>
      </c>
      <c r="P2183" s="53">
        <v>16652.086330935199</v>
      </c>
      <c r="Q2183" s="53">
        <v>16652.086330935199</v>
      </c>
      <c r="R2183" s="53">
        <v>16652.086330935199</v>
      </c>
      <c r="S2183" s="53">
        <v>16652.086330935199</v>
      </c>
      <c r="T2183" s="53">
        <v>16652.086330935199</v>
      </c>
      <c r="U2183" s="53">
        <v>16652.086330935199</v>
      </c>
      <c r="V2183" s="53">
        <v>16652.086330935199</v>
      </c>
      <c r="W2183" s="53">
        <v>16652.086330935199</v>
      </c>
      <c r="X2183" s="53">
        <v>16652.086330935199</v>
      </c>
      <c r="Y2183" s="53">
        <v>16652.086330935199</v>
      </c>
      <c r="Z2183" s="53">
        <v>16652.086330935199</v>
      </c>
      <c r="AA2183" s="53">
        <v>199825.035971223</v>
      </c>
      <c r="AB2183" s="53">
        <v>16652.086330935199</v>
      </c>
      <c r="AC2183" s="53">
        <v>16652.086330935199</v>
      </c>
      <c r="AD2183" s="53">
        <v>16652.086330935199</v>
      </c>
      <c r="AE2183" s="53">
        <v>16652.086330935199</v>
      </c>
      <c r="AF2183" s="53">
        <v>16652.086330935199</v>
      </c>
      <c r="AG2183" s="53">
        <v>16652.086330935199</v>
      </c>
      <c r="AH2183" s="53">
        <v>16652.086330935199</v>
      </c>
      <c r="AI2183" s="53">
        <v>16652.086330935199</v>
      </c>
      <c r="AJ2183" s="53">
        <v>16652.086330935199</v>
      </c>
      <c r="AK2183" s="53">
        <v>16652.086330935199</v>
      </c>
      <c r="AL2183" s="53">
        <v>16652.086330935199</v>
      </c>
      <c r="AM2183" s="53">
        <v>16652.086330935199</v>
      </c>
      <c r="AN2183" s="53">
        <v>199825.035971223</v>
      </c>
      <c r="AO2183" s="53">
        <v>16652.086330935199</v>
      </c>
      <c r="AP2183" s="53">
        <v>16652.086330935199</v>
      </c>
      <c r="AQ2183" s="53">
        <v>16652.086330935199</v>
      </c>
      <c r="AR2183" s="53">
        <v>16652.086330935199</v>
      </c>
      <c r="AS2183" s="53">
        <v>16652.086330935199</v>
      </c>
      <c r="AT2183" s="53">
        <v>16652.086330935199</v>
      </c>
      <c r="AU2183" s="53">
        <v>16652.086330935199</v>
      </c>
      <c r="AV2183" s="53">
        <v>16652.086330935199</v>
      </c>
      <c r="AW2183" s="53">
        <v>16652.086330935199</v>
      </c>
      <c r="AX2183" s="53">
        <v>16652.086330935199</v>
      </c>
      <c r="AY2183" s="53">
        <v>16652.086330935199</v>
      </c>
      <c r="AZ2183" s="53">
        <v>16652.086330935199</v>
      </c>
      <c r="BA2183" s="53">
        <v>199825.035971223</v>
      </c>
      <c r="BB2183" s="53">
        <v>16652.086330935199</v>
      </c>
      <c r="BC2183" s="53">
        <v>16652.086330935199</v>
      </c>
      <c r="BD2183" s="53">
        <v>16652.086330935199</v>
      </c>
      <c r="BE2183" s="53">
        <v>16652.086330935199</v>
      </c>
      <c r="BF2183" s="53">
        <v>16652.086330935199</v>
      </c>
      <c r="BG2183" s="53">
        <v>16652.086330935199</v>
      </c>
      <c r="BH2183" s="53">
        <v>16652.086330935199</v>
      </c>
      <c r="BI2183" s="53">
        <v>16652.086330935199</v>
      </c>
      <c r="BJ2183" s="53">
        <v>16652.086330935199</v>
      </c>
      <c r="BK2183" s="53">
        <v>16652.086330935199</v>
      </c>
      <c r="BL2183" s="53">
        <v>16652.086330935199</v>
      </c>
      <c r="BM2183" s="53">
        <v>16652.086330935199</v>
      </c>
      <c r="BN2183" s="53">
        <v>199825.035971223</v>
      </c>
      <c r="BO2183" s="53">
        <v>16652.086330935199</v>
      </c>
      <c r="BP2183" s="53">
        <v>16652.086330935199</v>
      </c>
      <c r="BQ2183" s="53">
        <v>16652.086330935199</v>
      </c>
      <c r="BR2183" s="53">
        <v>16652.086330935199</v>
      </c>
      <c r="BS2183" s="53">
        <v>16652.086330935199</v>
      </c>
      <c r="BT2183" s="53">
        <v>16652.086330935199</v>
      </c>
      <c r="BU2183" s="53">
        <v>16652.086330935199</v>
      </c>
      <c r="BV2183" s="53">
        <v>16652.086330935199</v>
      </c>
      <c r="BW2183" s="53">
        <v>16652.086330935199</v>
      </c>
      <c r="BX2183" s="53">
        <v>16652.086330935199</v>
      </c>
      <c r="BY2183" s="53">
        <v>16652.086330935199</v>
      </c>
      <c r="BZ2183" s="53">
        <v>16652.086330935199</v>
      </c>
      <c r="CA2183" s="53">
        <v>199825.035971223</v>
      </c>
      <c r="CB2183" s="53">
        <v>-9185.2866242038108</v>
      </c>
      <c r="CC2183" s="53">
        <v>-9185.2866242038108</v>
      </c>
      <c r="CD2183" s="53">
        <v>-9185.2866242038108</v>
      </c>
      <c r="CE2183" s="53">
        <v>-9185.2866242038108</v>
      </c>
      <c r="CF2183" s="53">
        <v>-9185.2866242038108</v>
      </c>
      <c r="CG2183" s="53">
        <v>-9185.2866242038108</v>
      </c>
      <c r="CH2183" s="53">
        <v>-9185.2866242038108</v>
      </c>
      <c r="CI2183" s="53">
        <v>-9185.2866242038108</v>
      </c>
      <c r="CJ2183" s="53">
        <v>-9185.2866242038108</v>
      </c>
      <c r="CK2183" s="53">
        <v>-9185.2866242038108</v>
      </c>
      <c r="CL2183" s="53">
        <v>-9185.2866242038108</v>
      </c>
      <c r="CM2183" s="53">
        <v>-9185.2866242038108</v>
      </c>
      <c r="CN2183" s="53">
        <v>-110223.439490445</v>
      </c>
    </row>
    <row r="2184" spans="1:92">
      <c r="A2184" s="52" t="s">
        <v>1565</v>
      </c>
      <c r="B2184" s="53"/>
      <c r="C2184" s="53"/>
      <c r="D2184" s="53"/>
      <c r="E2184" s="53"/>
      <c r="F2184" s="53"/>
      <c r="G2184" s="53"/>
      <c r="H2184" s="53"/>
      <c r="I2184" s="53"/>
      <c r="J2184" s="53"/>
      <c r="K2184" s="53"/>
      <c r="L2184" s="53">
        <v>7791.4932963476604</v>
      </c>
      <c r="M2184" s="53">
        <v>11698.0778859527</v>
      </c>
      <c r="N2184" s="53">
        <v>19489.5711823003</v>
      </c>
      <c r="O2184" s="53">
        <v>11698.0753138075</v>
      </c>
      <c r="P2184" s="53">
        <v>11698.0753138075</v>
      </c>
      <c r="Q2184" s="53">
        <v>11698.0753138075</v>
      </c>
      <c r="R2184" s="53">
        <v>11698.0753138075</v>
      </c>
      <c r="S2184" s="53">
        <v>11698.0753138075</v>
      </c>
      <c r="T2184" s="53">
        <v>11698.0753138075</v>
      </c>
      <c r="U2184" s="53">
        <v>11698.0753138075</v>
      </c>
      <c r="V2184" s="53">
        <v>11698.0753138075</v>
      </c>
      <c r="W2184" s="53">
        <v>11698.0753138075</v>
      </c>
      <c r="X2184" s="53">
        <v>11698.0753138075</v>
      </c>
      <c r="Y2184" s="53">
        <v>11698.0753138075</v>
      </c>
      <c r="Z2184" s="53">
        <v>11698.0753138075</v>
      </c>
      <c r="AA2184" s="53">
        <v>140376.90376568999</v>
      </c>
      <c r="AB2184" s="53">
        <v>11698.0753138075</v>
      </c>
      <c r="AC2184" s="53">
        <v>11698.0753138075</v>
      </c>
      <c r="AD2184" s="53">
        <v>11698.0753138075</v>
      </c>
      <c r="AE2184" s="53">
        <v>11698.0753138075</v>
      </c>
      <c r="AF2184" s="53">
        <v>11698.0753138075</v>
      </c>
      <c r="AG2184" s="53">
        <v>11698.0753138075</v>
      </c>
      <c r="AH2184" s="53">
        <v>11698.0753138075</v>
      </c>
      <c r="AI2184" s="53">
        <v>11698.0753138075</v>
      </c>
      <c r="AJ2184" s="53">
        <v>11698.0753138075</v>
      </c>
      <c r="AK2184" s="53">
        <v>11698.0753138075</v>
      </c>
      <c r="AL2184" s="53">
        <v>11698.0753138075</v>
      </c>
      <c r="AM2184" s="53">
        <v>11698.0753138075</v>
      </c>
      <c r="AN2184" s="53">
        <v>140376.90376568999</v>
      </c>
      <c r="AO2184" s="53">
        <v>11698.0753138075</v>
      </c>
      <c r="AP2184" s="53">
        <v>11698.0753138075</v>
      </c>
      <c r="AQ2184" s="53">
        <v>11698.0753138075</v>
      </c>
      <c r="AR2184" s="53">
        <v>11698.0753138075</v>
      </c>
      <c r="AS2184" s="53">
        <v>11698.0753138075</v>
      </c>
      <c r="AT2184" s="53">
        <v>11698.0753138075</v>
      </c>
      <c r="AU2184" s="53">
        <v>11698.0753138075</v>
      </c>
      <c r="AV2184" s="53">
        <v>11698.0753138075</v>
      </c>
      <c r="AW2184" s="53">
        <v>11698.0753138075</v>
      </c>
      <c r="AX2184" s="53">
        <v>11698.0753138075</v>
      </c>
      <c r="AY2184" s="53">
        <v>11698.0753138075</v>
      </c>
      <c r="AZ2184" s="53">
        <v>11698.0753138075</v>
      </c>
      <c r="BA2184" s="53">
        <v>140376.90376568999</v>
      </c>
      <c r="BB2184" s="53">
        <v>11698.0753138075</v>
      </c>
      <c r="BC2184" s="53">
        <v>11698.0753138075</v>
      </c>
      <c r="BD2184" s="53">
        <v>11698.0753138075</v>
      </c>
      <c r="BE2184" s="53">
        <v>11698.0753138075</v>
      </c>
      <c r="BF2184" s="53">
        <v>11698.0753138075</v>
      </c>
      <c r="BG2184" s="53">
        <v>11698.0753138075</v>
      </c>
      <c r="BH2184" s="53">
        <v>11698.0753138075</v>
      </c>
      <c r="BI2184" s="53">
        <v>11698.0753138075</v>
      </c>
      <c r="BJ2184" s="53">
        <v>11698.0753138075</v>
      </c>
      <c r="BK2184" s="53">
        <v>11698.0753138075</v>
      </c>
      <c r="BL2184" s="53">
        <v>11698.0753138075</v>
      </c>
      <c r="BM2184" s="53">
        <v>11698.0753138075</v>
      </c>
      <c r="BN2184" s="53">
        <v>140376.90376568999</v>
      </c>
      <c r="BO2184" s="53">
        <v>11698.0753138075</v>
      </c>
      <c r="BP2184" s="53">
        <v>11698.0753138075</v>
      </c>
      <c r="BQ2184" s="53">
        <v>11698.0753138075</v>
      </c>
      <c r="BR2184" s="53">
        <v>11698.0753138075</v>
      </c>
      <c r="BS2184" s="53">
        <v>11698.0753138075</v>
      </c>
      <c r="BT2184" s="53">
        <v>11698.0753138075</v>
      </c>
      <c r="BU2184" s="53">
        <v>11698.0753138075</v>
      </c>
      <c r="BV2184" s="53">
        <v>11698.0753138075</v>
      </c>
      <c r="BW2184" s="53">
        <v>11698.0753138075</v>
      </c>
      <c r="BX2184" s="53">
        <v>11698.0753138075</v>
      </c>
      <c r="BY2184" s="53">
        <v>11698.0753138075</v>
      </c>
      <c r="BZ2184" s="53">
        <v>11698.0753138075</v>
      </c>
      <c r="CA2184" s="53">
        <v>140376.90376568999</v>
      </c>
      <c r="CB2184" s="53">
        <v>-3087.3789473684201</v>
      </c>
      <c r="CC2184" s="53">
        <v>-3087.3789473684201</v>
      </c>
      <c r="CD2184" s="53">
        <v>-3087.3789473684201</v>
      </c>
      <c r="CE2184" s="53">
        <v>-3087.3789473684201</v>
      </c>
      <c r="CF2184" s="53">
        <v>-3087.3789473684201</v>
      </c>
      <c r="CG2184" s="53">
        <v>-3087.3789473684201</v>
      </c>
      <c r="CH2184" s="53">
        <v>-3087.3789473684201</v>
      </c>
      <c r="CI2184" s="53">
        <v>-3087.3789473684201</v>
      </c>
      <c r="CJ2184" s="53">
        <v>-3087.3789473684201</v>
      </c>
      <c r="CK2184" s="53">
        <v>-3087.3789473684201</v>
      </c>
      <c r="CL2184" s="53">
        <v>-3087.3789473684201</v>
      </c>
      <c r="CM2184" s="53">
        <v>-3087.3789473684201</v>
      </c>
      <c r="CN2184" s="53">
        <v>-37048.547368421001</v>
      </c>
    </row>
    <row r="2185" spans="1:92">
      <c r="A2185" s="52" t="s">
        <v>732</v>
      </c>
      <c r="B2185" s="53"/>
      <c r="C2185" s="53"/>
      <c r="D2185" s="53"/>
      <c r="E2185" s="53"/>
      <c r="F2185" s="53"/>
      <c r="G2185" s="53"/>
      <c r="H2185" s="53"/>
      <c r="I2185" s="53"/>
      <c r="J2185" s="53"/>
      <c r="K2185" s="53"/>
      <c r="L2185" s="53"/>
      <c r="M2185" s="53"/>
      <c r="N2185" s="53"/>
      <c r="O2185" s="53"/>
      <c r="P2185" s="53"/>
      <c r="Q2185" s="53"/>
      <c r="R2185" s="53"/>
      <c r="S2185" s="53"/>
      <c r="T2185" s="53"/>
      <c r="U2185" s="53"/>
      <c r="V2185" s="53"/>
      <c r="W2185" s="53"/>
      <c r="X2185" s="53"/>
      <c r="Y2185" s="53"/>
      <c r="Z2185" s="53"/>
      <c r="AA2185" s="53"/>
      <c r="AB2185" s="53"/>
      <c r="AC2185" s="53"/>
      <c r="AD2185" s="53"/>
      <c r="AE2185" s="53"/>
      <c r="AF2185" s="53"/>
      <c r="AG2185" s="53"/>
      <c r="AH2185" s="53"/>
      <c r="AI2185" s="53"/>
      <c r="AJ2185" s="53"/>
      <c r="AK2185" s="53"/>
      <c r="AL2185" s="53"/>
      <c r="AM2185" s="53"/>
      <c r="AN2185" s="53"/>
      <c r="AO2185" s="53"/>
      <c r="AP2185" s="53"/>
      <c r="AQ2185" s="53"/>
      <c r="AR2185" s="53"/>
      <c r="AS2185" s="53"/>
      <c r="AT2185" s="53"/>
      <c r="AU2185" s="53"/>
      <c r="AV2185" s="53"/>
      <c r="AW2185" s="53"/>
      <c r="AX2185" s="53"/>
      <c r="AY2185" s="53"/>
      <c r="AZ2185" s="53"/>
      <c r="BA2185" s="53"/>
      <c r="BB2185" s="53"/>
      <c r="BC2185" s="53"/>
      <c r="BD2185" s="53"/>
      <c r="BE2185" s="53"/>
      <c r="BF2185" s="53"/>
      <c r="BG2185" s="53"/>
      <c r="BH2185" s="53"/>
      <c r="BI2185" s="53"/>
      <c r="BJ2185" s="53"/>
      <c r="BK2185" s="53"/>
      <c r="BL2185" s="53"/>
      <c r="BM2185" s="53"/>
      <c r="BN2185" s="53"/>
      <c r="BO2185" s="53"/>
      <c r="BP2185" s="53"/>
      <c r="BQ2185" s="53"/>
      <c r="BR2185" s="53"/>
      <c r="BS2185" s="53"/>
      <c r="BT2185" s="53"/>
      <c r="BU2185" s="53"/>
      <c r="BV2185" s="53"/>
      <c r="BW2185" s="53"/>
      <c r="BX2185" s="53"/>
      <c r="BY2185" s="53"/>
      <c r="BZ2185" s="53"/>
      <c r="CA2185" s="53"/>
      <c r="CB2185" s="53">
        <v>-5700.3251231527101</v>
      </c>
      <c r="CC2185" s="53">
        <v>-5700.3251231527101</v>
      </c>
      <c r="CD2185" s="53">
        <v>-5700.3251231527101</v>
      </c>
      <c r="CE2185" s="53">
        <v>-5700.3251231527101</v>
      </c>
      <c r="CF2185" s="53">
        <v>-5700.3251231527101</v>
      </c>
      <c r="CG2185" s="53">
        <v>-5700.3251231527101</v>
      </c>
      <c r="CH2185" s="53">
        <v>-5700.3251231527101</v>
      </c>
      <c r="CI2185" s="53">
        <v>-5700.3251231527101</v>
      </c>
      <c r="CJ2185" s="53">
        <v>-5700.3251231527101</v>
      </c>
      <c r="CK2185" s="53">
        <v>-5700.3251231527101</v>
      </c>
      <c r="CL2185" s="53">
        <v>-5700.3251231527101</v>
      </c>
      <c r="CM2185" s="53">
        <v>-5700.3251231527101</v>
      </c>
      <c r="CN2185" s="53">
        <v>-68403.901477832507</v>
      </c>
    </row>
    <row r="2186" spans="1:92">
      <c r="A2186" s="52" t="s">
        <v>711</v>
      </c>
      <c r="B2186" s="53">
        <v>1213.9315068493099</v>
      </c>
      <c r="C2186" s="53">
        <v>1213.93055555555</v>
      </c>
      <c r="D2186" s="53">
        <v>1213.9295774647801</v>
      </c>
      <c r="E2186" s="53">
        <v>1213.92857142857</v>
      </c>
      <c r="F2186" s="53">
        <v>1213.9275362318799</v>
      </c>
      <c r="G2186" s="53">
        <v>1213.9264705882299</v>
      </c>
      <c r="H2186" s="53">
        <v>1213.9253731343199</v>
      </c>
      <c r="I2186" s="53">
        <v>1213.92424242424</v>
      </c>
      <c r="J2186" s="53">
        <v>1213.9384615384599</v>
      </c>
      <c r="K2186" s="53">
        <v>1213.9375</v>
      </c>
      <c r="L2186" s="53">
        <v>1213.9365079365</v>
      </c>
      <c r="M2186" s="53">
        <v>1213.9354838709601</v>
      </c>
      <c r="N2186" s="53">
        <v>14567.1717870228</v>
      </c>
      <c r="O2186" s="53">
        <v>1213.9344262295001</v>
      </c>
      <c r="P2186" s="53">
        <v>1213.9344262295001</v>
      </c>
      <c r="Q2186" s="53">
        <v>1213.9344262295001</v>
      </c>
      <c r="R2186" s="53">
        <v>1213.9344262295001</v>
      </c>
      <c r="S2186" s="53">
        <v>1213.9344262295001</v>
      </c>
      <c r="T2186" s="53">
        <v>1213.9344262295001</v>
      </c>
      <c r="U2186" s="53">
        <v>1213.9344262295001</v>
      </c>
      <c r="V2186" s="53">
        <v>1213.9344262295001</v>
      </c>
      <c r="W2186" s="53">
        <v>1213.9344262295001</v>
      </c>
      <c r="X2186" s="53">
        <v>1213.9344262295001</v>
      </c>
      <c r="Y2186" s="53">
        <v>1213.9344262295001</v>
      </c>
      <c r="Z2186" s="53">
        <v>1213.9344262295001</v>
      </c>
      <c r="AA2186" s="53">
        <v>14567.213114754</v>
      </c>
      <c r="AB2186" s="53">
        <v>1213.9344262295001</v>
      </c>
      <c r="AC2186" s="53">
        <v>1213.9344262295001</v>
      </c>
      <c r="AD2186" s="53">
        <v>1213.9344262295001</v>
      </c>
      <c r="AE2186" s="53">
        <v>1213.9344262295001</v>
      </c>
      <c r="AF2186" s="53">
        <v>1213.9344262295001</v>
      </c>
      <c r="AG2186" s="53">
        <v>1213.9344262295001</v>
      </c>
      <c r="AH2186" s="53">
        <v>1213.9344262295001</v>
      </c>
      <c r="AI2186" s="53">
        <v>1213.9344262295001</v>
      </c>
      <c r="AJ2186" s="53">
        <v>1213.9344262295001</v>
      </c>
      <c r="AK2186" s="53">
        <v>1213.9344262295001</v>
      </c>
      <c r="AL2186" s="53">
        <v>1213.9344262295001</v>
      </c>
      <c r="AM2186" s="53">
        <v>1213.9344262295001</v>
      </c>
      <c r="AN2186" s="53">
        <v>14567.213114754</v>
      </c>
      <c r="AO2186" s="53">
        <v>1213.9344262295001</v>
      </c>
      <c r="AP2186" s="53">
        <v>1213.9344262295001</v>
      </c>
      <c r="AQ2186" s="53">
        <v>1213.9344262295001</v>
      </c>
      <c r="AR2186" s="53">
        <v>1213.9344262295001</v>
      </c>
      <c r="AS2186" s="53">
        <v>1213.9344262295001</v>
      </c>
      <c r="AT2186" s="53">
        <v>1213.9344262295001</v>
      </c>
      <c r="AU2186" s="53">
        <v>1213.9344262295001</v>
      </c>
      <c r="AV2186" s="53">
        <v>1213.9344262295001</v>
      </c>
      <c r="AW2186" s="53">
        <v>1213.9344262295001</v>
      </c>
      <c r="AX2186" s="53">
        <v>1213.9344262295001</v>
      </c>
      <c r="AY2186" s="53">
        <v>1213.9344262295001</v>
      </c>
      <c r="AZ2186" s="53">
        <v>1213.9344262295001</v>
      </c>
      <c r="BA2186" s="53">
        <v>14567.213114754</v>
      </c>
      <c r="BB2186" s="53">
        <v>1213.9344262295001</v>
      </c>
      <c r="BC2186" s="53">
        <v>1213.9344262295001</v>
      </c>
      <c r="BD2186" s="53">
        <v>1213.9344262295001</v>
      </c>
      <c r="BE2186" s="53">
        <v>1213.9344262295001</v>
      </c>
      <c r="BF2186" s="53">
        <v>1213.9344262295001</v>
      </c>
      <c r="BG2186" s="53">
        <v>1213.9344262295001</v>
      </c>
      <c r="BH2186" s="53">
        <v>1213.9344262295001</v>
      </c>
      <c r="BI2186" s="53">
        <v>1213.9344262295001</v>
      </c>
      <c r="BJ2186" s="53">
        <v>1213.9344262295001</v>
      </c>
      <c r="BK2186" s="53">
        <v>1213.9344262295001</v>
      </c>
      <c r="BL2186" s="53">
        <v>1213.9344262295001</v>
      </c>
      <c r="BM2186" s="53">
        <v>1213.9344262295001</v>
      </c>
      <c r="BN2186" s="53">
        <v>14567.213114754</v>
      </c>
      <c r="BO2186" s="53">
        <v>1213.9344262295001</v>
      </c>
      <c r="BP2186" s="53">
        <v>1213.9344262295001</v>
      </c>
      <c r="BQ2186" s="53">
        <v>1213.9344262295001</v>
      </c>
      <c r="BR2186" s="53">
        <v>1213.9344262295001</v>
      </c>
      <c r="BS2186" s="53">
        <v>1213.9344262295001</v>
      </c>
      <c r="BT2186" s="53">
        <v>1213.9344262295001</v>
      </c>
      <c r="BU2186" s="53">
        <v>1213.9344262295001</v>
      </c>
      <c r="BV2186" s="53">
        <v>1213.9344262295001</v>
      </c>
      <c r="BW2186" s="53">
        <v>1213.9344262295001</v>
      </c>
      <c r="BX2186" s="53">
        <v>1213.9344262295001</v>
      </c>
      <c r="BY2186" s="53">
        <v>1213.9344262295001</v>
      </c>
      <c r="BZ2186" s="53">
        <v>1213.9344262295001</v>
      </c>
      <c r="CA2186" s="53">
        <v>14567.2131147541</v>
      </c>
      <c r="CB2186" s="53">
        <v>-8149.6234309623196</v>
      </c>
      <c r="CC2186" s="53">
        <v>-8149.6234309623196</v>
      </c>
      <c r="CD2186" s="53">
        <v>-8149.6234309623196</v>
      </c>
      <c r="CE2186" s="53">
        <v>-8149.6234309623196</v>
      </c>
      <c r="CF2186" s="53">
        <v>-8149.6234309623196</v>
      </c>
      <c r="CG2186" s="53">
        <v>-8149.6234309623196</v>
      </c>
      <c r="CH2186" s="53">
        <v>-8149.6234309623196</v>
      </c>
      <c r="CI2186" s="53">
        <v>-8149.6234309623196</v>
      </c>
      <c r="CJ2186" s="53">
        <v>-8149.6234309623196</v>
      </c>
      <c r="CK2186" s="53">
        <v>-8149.6234309623196</v>
      </c>
      <c r="CL2186" s="53">
        <v>-8149.6234309623196</v>
      </c>
      <c r="CM2186" s="53">
        <v>-8149.6234309623196</v>
      </c>
      <c r="CN2186" s="53">
        <v>-97795.481171547799</v>
      </c>
    </row>
    <row r="2187" spans="1:92" outlineLevel="1">
      <c r="A2187" s="52" t="s">
        <v>712</v>
      </c>
      <c r="B2187" s="53">
        <v>1583.15671641791</v>
      </c>
      <c r="C2187" s="53">
        <v>1583.15789473684</v>
      </c>
      <c r="D2187" s="53">
        <v>1583.1590909090901</v>
      </c>
      <c r="E2187" s="53">
        <v>1583.1603053435099</v>
      </c>
      <c r="F2187" s="53">
        <v>1583.15384615384</v>
      </c>
      <c r="G2187" s="53">
        <v>1583.1550387596899</v>
      </c>
      <c r="H2187" s="53">
        <v>1583.15625</v>
      </c>
      <c r="I2187" s="53">
        <v>1583.1574803149599</v>
      </c>
      <c r="J2187" s="53">
        <v>1583.1587301587299</v>
      </c>
      <c r="K2187" s="53">
        <v>1583.16</v>
      </c>
      <c r="L2187" s="53">
        <v>1583.1532258064501</v>
      </c>
      <c r="M2187" s="53">
        <v>1583.1544715447101</v>
      </c>
      <c r="N2187" s="53">
        <v>18997.883050145701</v>
      </c>
      <c r="O2187" s="53">
        <v>1583.1557377049101</v>
      </c>
      <c r="P2187" s="53">
        <v>1583.1557377049101</v>
      </c>
      <c r="Q2187" s="53">
        <v>1583.1557377049101</v>
      </c>
      <c r="R2187" s="53">
        <v>1583.1557377049101</v>
      </c>
      <c r="S2187" s="53">
        <v>1583.1557377049101</v>
      </c>
      <c r="T2187" s="53">
        <v>1583.1557377049101</v>
      </c>
      <c r="U2187" s="53">
        <v>1583.1557377049101</v>
      </c>
      <c r="V2187" s="53">
        <v>1583.1557377049101</v>
      </c>
      <c r="W2187" s="53">
        <v>1583.1557377049101</v>
      </c>
      <c r="X2187" s="53">
        <v>1583.1557377049101</v>
      </c>
      <c r="Y2187" s="53">
        <v>1583.1557377049101</v>
      </c>
      <c r="Z2187" s="53">
        <v>1583.1557377049101</v>
      </c>
      <c r="AA2187" s="53">
        <v>18997.868852459</v>
      </c>
      <c r="AB2187" s="53">
        <v>1583.1557377049101</v>
      </c>
      <c r="AC2187" s="53">
        <v>1583.1557377049101</v>
      </c>
      <c r="AD2187" s="53">
        <v>1583.1557377049101</v>
      </c>
      <c r="AE2187" s="53">
        <v>1583.1557377049101</v>
      </c>
      <c r="AF2187" s="53">
        <v>1583.1557377049101</v>
      </c>
      <c r="AG2187" s="53">
        <v>1583.1557377049101</v>
      </c>
      <c r="AH2187" s="53">
        <v>1583.1557377049101</v>
      </c>
      <c r="AI2187" s="53">
        <v>1583.1557377049101</v>
      </c>
      <c r="AJ2187" s="53">
        <v>1583.1557377049101</v>
      </c>
      <c r="AK2187" s="53">
        <v>1583.1557377049101</v>
      </c>
      <c r="AL2187" s="53">
        <v>1583.1557377049101</v>
      </c>
      <c r="AM2187" s="53">
        <v>1583.1557377049101</v>
      </c>
      <c r="AN2187" s="53">
        <v>18997.868852459</v>
      </c>
      <c r="AO2187" s="53">
        <v>1583.1557377049101</v>
      </c>
      <c r="AP2187" s="53">
        <v>1583.1557377049101</v>
      </c>
      <c r="AQ2187" s="53">
        <v>1583.1557377049101</v>
      </c>
      <c r="AR2187" s="53">
        <v>1583.1557377049101</v>
      </c>
      <c r="AS2187" s="53">
        <v>1583.1557377049101</v>
      </c>
      <c r="AT2187" s="53">
        <v>1583.1557377049101</v>
      </c>
      <c r="AU2187" s="53">
        <v>1583.1557377049101</v>
      </c>
      <c r="AV2187" s="53">
        <v>1583.1557377049101</v>
      </c>
      <c r="AW2187" s="53">
        <v>1583.1557377049101</v>
      </c>
      <c r="AX2187" s="53">
        <v>1583.1557377049101</v>
      </c>
      <c r="AY2187" s="53">
        <v>1583.1557377049101</v>
      </c>
      <c r="AZ2187" s="53">
        <v>1583.1557377049101</v>
      </c>
      <c r="BA2187" s="53">
        <v>18997.868852459</v>
      </c>
      <c r="BB2187" s="53">
        <v>1583.1557377049101</v>
      </c>
      <c r="BC2187" s="53">
        <v>1583.1557377049201</v>
      </c>
      <c r="BD2187" s="53">
        <v>1583.1557377049201</v>
      </c>
      <c r="BE2187" s="53">
        <v>1583.1557377049201</v>
      </c>
      <c r="BF2187" s="53">
        <v>1583.1557377049201</v>
      </c>
      <c r="BG2187" s="53">
        <v>1583.1557377049201</v>
      </c>
      <c r="BH2187" s="53">
        <v>1583.1557377049201</v>
      </c>
      <c r="BI2187" s="53">
        <v>1583.1557377049201</v>
      </c>
      <c r="BJ2187" s="53">
        <v>1583.1557377049201</v>
      </c>
      <c r="BK2187" s="53">
        <v>1583.1557377049201</v>
      </c>
      <c r="BL2187" s="53">
        <v>1583.1557377049201</v>
      </c>
      <c r="BM2187" s="53">
        <v>1583.1557377049201</v>
      </c>
      <c r="BN2187" s="53">
        <v>18997.868852459</v>
      </c>
      <c r="BO2187" s="53">
        <v>1583.1557377049201</v>
      </c>
      <c r="BP2187" s="53">
        <v>1583.1557377049201</v>
      </c>
      <c r="BQ2187" s="53">
        <v>1583.1557377049201</v>
      </c>
      <c r="BR2187" s="53">
        <v>1583.1557377049201</v>
      </c>
      <c r="BS2187" s="53">
        <v>1583.1557377049201</v>
      </c>
      <c r="BT2187" s="53">
        <v>1583.1557377049201</v>
      </c>
      <c r="BU2187" s="53">
        <v>1583.1557377049201</v>
      </c>
      <c r="BV2187" s="53">
        <v>1583.1557377049201</v>
      </c>
      <c r="BW2187" s="53">
        <v>1583.1557377049201</v>
      </c>
      <c r="BX2187" s="53">
        <v>1583.1557377049201</v>
      </c>
      <c r="BY2187" s="53">
        <v>1583.1557377049201</v>
      </c>
      <c r="BZ2187" s="53">
        <v>1583.1557377049201</v>
      </c>
      <c r="CA2187" s="53">
        <v>18997.868852459</v>
      </c>
      <c r="CB2187" s="53">
        <v>-7907.1043115438397</v>
      </c>
      <c r="CC2187" s="53">
        <v>-7907.1043115438397</v>
      </c>
      <c r="CD2187" s="53">
        <v>-7907.1043115438397</v>
      </c>
      <c r="CE2187" s="53">
        <v>-7907.1043115438397</v>
      </c>
      <c r="CF2187" s="53">
        <v>-7907.1043115438397</v>
      </c>
      <c r="CG2187" s="53">
        <v>-7907.1043115438397</v>
      </c>
      <c r="CH2187" s="53">
        <v>-7907.1043115438397</v>
      </c>
      <c r="CI2187" s="53">
        <v>-7907.1043115438397</v>
      </c>
      <c r="CJ2187" s="53">
        <v>-7907.1043115438397</v>
      </c>
      <c r="CK2187" s="53">
        <v>-7907.1043115438397</v>
      </c>
      <c r="CL2187" s="53">
        <v>-7907.1043115438397</v>
      </c>
      <c r="CM2187" s="53">
        <v>-7907.1043115438397</v>
      </c>
      <c r="CN2187" s="53">
        <v>-94885.251738526102</v>
      </c>
    </row>
    <row r="2188" spans="1:92" outlineLevel="1">
      <c r="A2188" s="52" t="s">
        <v>713</v>
      </c>
      <c r="B2188" s="53">
        <v>1833.3899204244001</v>
      </c>
      <c r="C2188" s="53">
        <v>1833.3920000000001</v>
      </c>
      <c r="D2188" s="53">
        <v>1833.3887399463799</v>
      </c>
      <c r="E2188" s="53">
        <v>1833.3908355795099</v>
      </c>
      <c r="F2188" s="53">
        <v>1833.3875338753301</v>
      </c>
      <c r="G2188" s="53">
        <v>1833.38964577656</v>
      </c>
      <c r="H2188" s="53">
        <v>1833.3917808219101</v>
      </c>
      <c r="I2188" s="53">
        <v>1833.3884297520599</v>
      </c>
      <c r="J2188" s="53">
        <v>1833.39058171745</v>
      </c>
      <c r="K2188" s="53">
        <v>1833.3871866295201</v>
      </c>
      <c r="L2188" s="53">
        <v>1833.38935574229</v>
      </c>
      <c r="M2188" s="53">
        <v>1833.3915492957699</v>
      </c>
      <c r="N2188" s="53">
        <v>22000.677559561202</v>
      </c>
      <c r="O2188" s="53">
        <v>1833.3881019830001</v>
      </c>
      <c r="P2188" s="53">
        <v>1833.3881019830001</v>
      </c>
      <c r="Q2188" s="53">
        <v>1833.3881019830001</v>
      </c>
      <c r="R2188" s="53">
        <v>1833.3881019830001</v>
      </c>
      <c r="S2188" s="53">
        <v>1833.3881019830001</v>
      </c>
      <c r="T2188" s="53">
        <v>1833.3881019830001</v>
      </c>
      <c r="U2188" s="53">
        <v>1833.3881019830001</v>
      </c>
      <c r="V2188" s="53">
        <v>1833.3881019830001</v>
      </c>
      <c r="W2188" s="53">
        <v>1833.3881019830001</v>
      </c>
      <c r="X2188" s="53">
        <v>1833.3881019830001</v>
      </c>
      <c r="Y2188" s="53">
        <v>1833.3881019830001</v>
      </c>
      <c r="Z2188" s="53">
        <v>1833.3881019830001</v>
      </c>
      <c r="AA2188" s="53">
        <v>22000.657223795999</v>
      </c>
      <c r="AB2188" s="53">
        <v>1833.3881019830001</v>
      </c>
      <c r="AC2188" s="53">
        <v>1833.3881019830001</v>
      </c>
      <c r="AD2188" s="53">
        <v>1833.3881019830001</v>
      </c>
      <c r="AE2188" s="53">
        <v>1833.3881019830001</v>
      </c>
      <c r="AF2188" s="53">
        <v>1833.3881019830001</v>
      </c>
      <c r="AG2188" s="53">
        <v>1833.3881019830001</v>
      </c>
      <c r="AH2188" s="53">
        <v>1833.3881019830001</v>
      </c>
      <c r="AI2188" s="53">
        <v>1833.3881019830001</v>
      </c>
      <c r="AJ2188" s="53">
        <v>1833.3881019830001</v>
      </c>
      <c r="AK2188" s="53">
        <v>1833.3881019830001</v>
      </c>
      <c r="AL2188" s="53">
        <v>1833.3881019830001</v>
      </c>
      <c r="AM2188" s="53">
        <v>1833.3881019830001</v>
      </c>
      <c r="AN2188" s="53">
        <v>22000.657223795999</v>
      </c>
      <c r="AO2188" s="53">
        <v>1833.3881019830001</v>
      </c>
      <c r="AP2188" s="53">
        <v>1833.3881019830001</v>
      </c>
      <c r="AQ2188" s="53">
        <v>1833.3881019830001</v>
      </c>
      <c r="AR2188" s="53">
        <v>1833.3881019830001</v>
      </c>
      <c r="AS2188" s="53">
        <v>1833.3881019829901</v>
      </c>
      <c r="AT2188" s="53">
        <v>1833.3881019829901</v>
      </c>
      <c r="AU2188" s="53">
        <v>1833.3881019829901</v>
      </c>
      <c r="AV2188" s="53">
        <v>1833.3881019829901</v>
      </c>
      <c r="AW2188" s="53">
        <v>1833.3881019829901</v>
      </c>
      <c r="AX2188" s="53">
        <v>1833.3881019829901</v>
      </c>
      <c r="AY2188" s="53">
        <v>1833.3881019829901</v>
      </c>
      <c r="AZ2188" s="53">
        <v>1833.3881019829901</v>
      </c>
      <c r="BA2188" s="53">
        <v>22000.657223795999</v>
      </c>
      <c r="BB2188" s="53">
        <v>1833.3881019829901</v>
      </c>
      <c r="BC2188" s="53">
        <v>1833.3881019829901</v>
      </c>
      <c r="BD2188" s="53">
        <v>1833.3881019829901</v>
      </c>
      <c r="BE2188" s="53">
        <v>1833.3881019829901</v>
      </c>
      <c r="BF2188" s="53">
        <v>1833.3881019829901</v>
      </c>
      <c r="BG2188" s="53">
        <v>1833.3881019829901</v>
      </c>
      <c r="BH2188" s="53">
        <v>1833.3881019829901</v>
      </c>
      <c r="BI2188" s="53">
        <v>1833.3881019829901</v>
      </c>
      <c r="BJ2188" s="53">
        <v>1833.3881019829901</v>
      </c>
      <c r="BK2188" s="53">
        <v>1833.3881019829901</v>
      </c>
      <c r="BL2188" s="53">
        <v>1833.3881019829901</v>
      </c>
      <c r="BM2188" s="53">
        <v>1833.3881019829901</v>
      </c>
      <c r="BN2188" s="53">
        <v>22000.657223795901</v>
      </c>
      <c r="BO2188" s="53">
        <v>1833.3881019829901</v>
      </c>
      <c r="BP2188" s="53">
        <v>1833.3881019829901</v>
      </c>
      <c r="BQ2188" s="53">
        <v>1833.3881019829901</v>
      </c>
      <c r="BR2188" s="53">
        <v>1833.3881019829901</v>
      </c>
      <c r="BS2188" s="53">
        <v>1833.3881019829901</v>
      </c>
      <c r="BT2188" s="53">
        <v>1833.3881019830001</v>
      </c>
      <c r="BU2188" s="53">
        <v>1833.3881019830001</v>
      </c>
      <c r="BV2188" s="53">
        <v>1833.3881019830001</v>
      </c>
      <c r="BW2188" s="53">
        <v>1833.3881019830001</v>
      </c>
      <c r="BX2188" s="53">
        <v>1833.3881019830001</v>
      </c>
      <c r="BY2188" s="53">
        <v>1833.3881019830001</v>
      </c>
      <c r="BZ2188" s="53">
        <v>1833.3881019830001</v>
      </c>
      <c r="CA2188" s="53">
        <v>22000.657223795999</v>
      </c>
      <c r="CB2188" s="53"/>
      <c r="CC2188" s="53"/>
      <c r="CD2188" s="53"/>
      <c r="CE2188" s="53"/>
      <c r="CF2188" s="53"/>
      <c r="CG2188" s="53"/>
      <c r="CH2188" s="53"/>
      <c r="CI2188" s="53"/>
      <c r="CJ2188" s="53"/>
      <c r="CK2188" s="53"/>
      <c r="CL2188" s="53"/>
      <c r="CM2188" s="53"/>
      <c r="CN2188" s="53"/>
    </row>
    <row r="2189" spans="1:92" outlineLevel="1">
      <c r="A2189" s="52" t="s">
        <v>716</v>
      </c>
      <c r="B2189" s="53">
        <v>11723.4531645569</v>
      </c>
      <c r="C2189" s="53">
        <v>11723.455470737899</v>
      </c>
      <c r="D2189" s="53">
        <v>11723.4526854219</v>
      </c>
      <c r="E2189" s="53">
        <v>11723.455012853399</v>
      </c>
      <c r="F2189" s="53">
        <v>11723.452196382401</v>
      </c>
      <c r="G2189" s="53">
        <v>11723.4545454545</v>
      </c>
      <c r="H2189" s="53">
        <v>11723.451697127901</v>
      </c>
      <c r="I2189" s="53">
        <v>11723.454068241401</v>
      </c>
      <c r="J2189" s="53">
        <v>11723.451187335</v>
      </c>
      <c r="K2189" s="53">
        <v>11723.4535809018</v>
      </c>
      <c r="L2189" s="53">
        <v>11723.4506666666</v>
      </c>
      <c r="M2189" s="53">
        <v>11723.4530831099</v>
      </c>
      <c r="N2189" s="53">
        <v>140681.43735878999</v>
      </c>
      <c r="O2189" s="53">
        <v>11723.4555256064</v>
      </c>
      <c r="P2189" s="53">
        <v>11723.4555256064</v>
      </c>
      <c r="Q2189" s="53">
        <v>11723.4555256064</v>
      </c>
      <c r="R2189" s="53">
        <v>11723.4555256064</v>
      </c>
      <c r="S2189" s="53">
        <v>11723.4555256064</v>
      </c>
      <c r="T2189" s="53">
        <v>11723.4555256064</v>
      </c>
      <c r="U2189" s="53">
        <v>11723.4555256064</v>
      </c>
      <c r="V2189" s="53">
        <v>11723.4555256064</v>
      </c>
      <c r="W2189" s="53">
        <v>11723.4555256064</v>
      </c>
      <c r="X2189" s="53">
        <v>11723.4555256064</v>
      </c>
      <c r="Y2189" s="53">
        <v>11723.4555256064</v>
      </c>
      <c r="Z2189" s="53">
        <v>11723.4555256064</v>
      </c>
      <c r="AA2189" s="53">
        <v>140681.46630727701</v>
      </c>
      <c r="AB2189" s="53">
        <v>11723.4555256064</v>
      </c>
      <c r="AC2189" s="53">
        <v>11723.4555256064</v>
      </c>
      <c r="AD2189" s="53">
        <v>11723.4555256064</v>
      </c>
      <c r="AE2189" s="53">
        <v>11723.4555256064</v>
      </c>
      <c r="AF2189" s="53">
        <v>11723.4555256064</v>
      </c>
      <c r="AG2189" s="53">
        <v>11723.4555256064</v>
      </c>
      <c r="AH2189" s="53">
        <v>11723.4555256064</v>
      </c>
      <c r="AI2189" s="53">
        <v>11723.4555256064</v>
      </c>
      <c r="AJ2189" s="53">
        <v>11723.4555256064</v>
      </c>
      <c r="AK2189" s="53">
        <v>11723.4555256064</v>
      </c>
      <c r="AL2189" s="53">
        <v>11723.4555256064</v>
      </c>
      <c r="AM2189" s="53">
        <v>11723.4555256064</v>
      </c>
      <c r="AN2189" s="53">
        <v>140681.46630727701</v>
      </c>
      <c r="AO2189" s="53">
        <v>11723.4555256064</v>
      </c>
      <c r="AP2189" s="53">
        <v>11723.4555256064</v>
      </c>
      <c r="AQ2189" s="53">
        <v>11723.4555256064</v>
      </c>
      <c r="AR2189" s="53">
        <v>11723.4555256064</v>
      </c>
      <c r="AS2189" s="53">
        <v>11723.4555256064</v>
      </c>
      <c r="AT2189" s="53">
        <v>11723.4555256064</v>
      </c>
      <c r="AU2189" s="53">
        <v>11723.4555256064</v>
      </c>
      <c r="AV2189" s="53">
        <v>11723.4555256064</v>
      </c>
      <c r="AW2189" s="53">
        <v>11723.4555256064</v>
      </c>
      <c r="AX2189" s="53">
        <v>11723.4555256064</v>
      </c>
      <c r="AY2189" s="53">
        <v>11723.4555256064</v>
      </c>
      <c r="AZ2189" s="53">
        <v>11723.4555256064</v>
      </c>
      <c r="BA2189" s="53">
        <v>140681.46630727701</v>
      </c>
      <c r="BB2189" s="53">
        <v>11723.4555256064</v>
      </c>
      <c r="BC2189" s="53">
        <v>11723.4555256064</v>
      </c>
      <c r="BD2189" s="53">
        <v>11723.4555256064</v>
      </c>
      <c r="BE2189" s="53">
        <v>11723.4555256064</v>
      </c>
      <c r="BF2189" s="53">
        <v>11723.4555256064</v>
      </c>
      <c r="BG2189" s="53">
        <v>11723.4555256064</v>
      </c>
      <c r="BH2189" s="53">
        <v>11723.4555256064</v>
      </c>
      <c r="BI2189" s="53">
        <v>11723.4555256064</v>
      </c>
      <c r="BJ2189" s="53">
        <v>11723.4555256064</v>
      </c>
      <c r="BK2189" s="53">
        <v>11723.4555256064</v>
      </c>
      <c r="BL2189" s="53">
        <v>11723.4555256064</v>
      </c>
      <c r="BM2189" s="53">
        <v>11723.4555256064</v>
      </c>
      <c r="BN2189" s="53">
        <v>140681.46630727701</v>
      </c>
      <c r="BO2189" s="53">
        <v>11723.4555256064</v>
      </c>
      <c r="BP2189" s="53">
        <v>11723.4555256064</v>
      </c>
      <c r="BQ2189" s="53">
        <v>11723.4555256064</v>
      </c>
      <c r="BR2189" s="53">
        <v>11723.4555256064</v>
      </c>
      <c r="BS2189" s="53">
        <v>11723.4555256064</v>
      </c>
      <c r="BT2189" s="53">
        <v>11723.4555256064</v>
      </c>
      <c r="BU2189" s="53">
        <v>11723.4555256064</v>
      </c>
      <c r="BV2189" s="53">
        <v>11723.4555256064</v>
      </c>
      <c r="BW2189" s="53">
        <v>11723.4555256064</v>
      </c>
      <c r="BX2189" s="53">
        <v>11723.4555256064</v>
      </c>
      <c r="BY2189" s="53">
        <v>11723.4555256064</v>
      </c>
      <c r="BZ2189" s="53">
        <v>11723.4555256064</v>
      </c>
      <c r="CA2189" s="53">
        <v>140681.46630727701</v>
      </c>
      <c r="CB2189" s="53"/>
      <c r="CC2189" s="53"/>
      <c r="CD2189" s="53"/>
      <c r="CE2189" s="53"/>
      <c r="CF2189" s="53"/>
      <c r="CG2189" s="53"/>
      <c r="CH2189" s="53"/>
      <c r="CI2189" s="53"/>
      <c r="CJ2189" s="53"/>
      <c r="CK2189" s="53"/>
      <c r="CL2189" s="53"/>
      <c r="CM2189" s="53"/>
      <c r="CN2189" s="53"/>
    </row>
    <row r="2190" spans="1:92" outlineLevel="1">
      <c r="A2190" s="52" t="s">
        <v>717</v>
      </c>
      <c r="B2190" s="53">
        <v>4051.8264840182601</v>
      </c>
      <c r="C2190" s="53">
        <v>4051.8256880733902</v>
      </c>
      <c r="D2190" s="53">
        <v>4051.8248847926202</v>
      </c>
      <c r="E2190" s="53">
        <v>4051.8287037036998</v>
      </c>
      <c r="F2190" s="53">
        <v>4051.82790697674</v>
      </c>
      <c r="G2190" s="53">
        <v>4051.8271028037302</v>
      </c>
      <c r="H2190" s="53">
        <v>4051.8262910798098</v>
      </c>
      <c r="I2190" s="53">
        <v>4051.8254716981101</v>
      </c>
      <c r="J2190" s="53">
        <v>4051.8246445497598</v>
      </c>
      <c r="K2190" s="53">
        <v>4051.8285714285698</v>
      </c>
      <c r="L2190" s="53">
        <v>4051.8277511961701</v>
      </c>
      <c r="M2190" s="53">
        <v>4051.8269230769201</v>
      </c>
      <c r="N2190" s="53">
        <v>48621.920423397802</v>
      </c>
      <c r="O2190" s="53">
        <v>4051.8260869565202</v>
      </c>
      <c r="P2190" s="53">
        <v>4051.8260869565202</v>
      </c>
      <c r="Q2190" s="53">
        <v>4051.8260869565202</v>
      </c>
      <c r="R2190" s="53">
        <v>4051.8260869565202</v>
      </c>
      <c r="S2190" s="53">
        <v>4051.8260869565202</v>
      </c>
      <c r="T2190" s="53">
        <v>4051.8260869565202</v>
      </c>
      <c r="U2190" s="53">
        <v>4051.8260869565202</v>
      </c>
      <c r="V2190" s="53">
        <v>4051.8260869565202</v>
      </c>
      <c r="W2190" s="53">
        <v>4051.8260869565102</v>
      </c>
      <c r="X2190" s="53">
        <v>4051.8260869565102</v>
      </c>
      <c r="Y2190" s="53">
        <v>4051.8260869565102</v>
      </c>
      <c r="Z2190" s="53">
        <v>4051.8260869565102</v>
      </c>
      <c r="AA2190" s="53">
        <v>48621.913043478198</v>
      </c>
      <c r="AB2190" s="53">
        <v>4051.8260869565102</v>
      </c>
      <c r="AC2190" s="53">
        <v>4051.8260869565102</v>
      </c>
      <c r="AD2190" s="53">
        <v>4051.8260869565102</v>
      </c>
      <c r="AE2190" s="53">
        <v>4051.8260869565102</v>
      </c>
      <c r="AF2190" s="53">
        <v>4051.8260869565102</v>
      </c>
      <c r="AG2190" s="53">
        <v>4051.8260869565102</v>
      </c>
      <c r="AH2190" s="53">
        <v>4051.8260869565102</v>
      </c>
      <c r="AI2190" s="53">
        <v>4051.8260869565102</v>
      </c>
      <c r="AJ2190" s="53">
        <v>4051.8260869565102</v>
      </c>
      <c r="AK2190" s="53">
        <v>4051.8260869565102</v>
      </c>
      <c r="AL2190" s="53">
        <v>4051.8260869565102</v>
      </c>
      <c r="AM2190" s="53">
        <v>4051.8260869565102</v>
      </c>
      <c r="AN2190" s="53">
        <v>48621.913043478198</v>
      </c>
      <c r="AO2190" s="53">
        <v>4051.8260869565102</v>
      </c>
      <c r="AP2190" s="53">
        <v>4051.8260869565102</v>
      </c>
      <c r="AQ2190" s="53">
        <v>4051.8260869565102</v>
      </c>
      <c r="AR2190" s="53">
        <v>4051.8260869565102</v>
      </c>
      <c r="AS2190" s="53">
        <v>4051.8260869565102</v>
      </c>
      <c r="AT2190" s="53">
        <v>4051.8260869565102</v>
      </c>
      <c r="AU2190" s="53">
        <v>4051.8260869565102</v>
      </c>
      <c r="AV2190" s="53">
        <v>4051.8260869565102</v>
      </c>
      <c r="AW2190" s="53">
        <v>4051.8260869565102</v>
      </c>
      <c r="AX2190" s="53">
        <v>4051.8260869565102</v>
      </c>
      <c r="AY2190" s="53">
        <v>4051.8260869565102</v>
      </c>
      <c r="AZ2190" s="53">
        <v>4051.8260869565102</v>
      </c>
      <c r="BA2190" s="53">
        <v>48621.913043478096</v>
      </c>
      <c r="BB2190" s="53">
        <v>4051.8260869565102</v>
      </c>
      <c r="BC2190" s="53">
        <v>4051.8260869565102</v>
      </c>
      <c r="BD2190" s="53">
        <v>4051.8260869565102</v>
      </c>
      <c r="BE2190" s="53">
        <v>4051.8260869565102</v>
      </c>
      <c r="BF2190" s="53">
        <v>4051.8260869565102</v>
      </c>
      <c r="BG2190" s="53">
        <v>4051.8260869565102</v>
      </c>
      <c r="BH2190" s="53">
        <v>4051.8260869565001</v>
      </c>
      <c r="BI2190" s="53">
        <v>4051.8260869565001</v>
      </c>
      <c r="BJ2190" s="53">
        <v>4051.8260869565001</v>
      </c>
      <c r="BK2190" s="53">
        <v>4051.8260869565102</v>
      </c>
      <c r="BL2190" s="53">
        <v>4051.8260869565001</v>
      </c>
      <c r="BM2190" s="53">
        <v>4051.8260869565001</v>
      </c>
      <c r="BN2190" s="53">
        <v>48621.913043478096</v>
      </c>
      <c r="BO2190" s="53">
        <v>4051.8260869565102</v>
      </c>
      <c r="BP2190" s="53">
        <v>4051.8260869565001</v>
      </c>
      <c r="BQ2190" s="53">
        <v>4051.8260869565001</v>
      </c>
      <c r="BR2190" s="53">
        <v>4051.8260869565001</v>
      </c>
      <c r="BS2190" s="53">
        <v>4051.8260869565001</v>
      </c>
      <c r="BT2190" s="53">
        <v>4051.8260869565102</v>
      </c>
      <c r="BU2190" s="53">
        <v>4051.8260869565102</v>
      </c>
      <c r="BV2190" s="53">
        <v>4051.8260869565001</v>
      </c>
      <c r="BW2190" s="53">
        <v>4051.8260869565001</v>
      </c>
      <c r="BX2190" s="53">
        <v>4051.8260869565102</v>
      </c>
      <c r="BY2190" s="53">
        <v>4051.8260869565001</v>
      </c>
      <c r="BZ2190" s="53">
        <v>4051.8260869565001</v>
      </c>
      <c r="CA2190" s="53">
        <v>48621.913043478096</v>
      </c>
      <c r="CB2190" s="53"/>
      <c r="CC2190" s="53"/>
      <c r="CD2190" s="53"/>
      <c r="CE2190" s="53"/>
      <c r="CF2190" s="53"/>
      <c r="CG2190" s="53"/>
      <c r="CH2190" s="53"/>
      <c r="CI2190" s="53"/>
      <c r="CJ2190" s="53"/>
      <c r="CK2190" s="53"/>
      <c r="CL2190" s="53"/>
      <c r="CM2190" s="53"/>
      <c r="CN2190" s="53"/>
    </row>
    <row r="2191" spans="1:92" outlineLevel="1">
      <c r="A2191" s="52" t="s">
        <v>718</v>
      </c>
      <c r="B2191" s="53">
        <v>3523.4091816367199</v>
      </c>
      <c r="C2191" s="53">
        <v>3523.4108216432801</v>
      </c>
      <c r="D2191" s="53">
        <v>3523.4084507042198</v>
      </c>
      <c r="E2191" s="53">
        <v>3523.4101010100999</v>
      </c>
      <c r="F2191" s="53">
        <v>3523.4077079107501</v>
      </c>
      <c r="G2191" s="53">
        <v>3523.4093686354299</v>
      </c>
      <c r="H2191" s="53">
        <v>3523.4110429447801</v>
      </c>
      <c r="I2191" s="53">
        <v>3523.40862422997</v>
      </c>
      <c r="J2191" s="53">
        <v>3523.4103092783498</v>
      </c>
      <c r="K2191" s="53">
        <v>3523.40786749482</v>
      </c>
      <c r="L2191" s="53">
        <v>3523.4095634095602</v>
      </c>
      <c r="M2191" s="53">
        <v>3523.4070981210798</v>
      </c>
      <c r="N2191" s="53">
        <v>42280.910137019098</v>
      </c>
      <c r="O2191" s="53">
        <v>3523.4088050314399</v>
      </c>
      <c r="P2191" s="53">
        <v>3523.4088050314399</v>
      </c>
      <c r="Q2191" s="53">
        <v>3523.4088050314399</v>
      </c>
      <c r="R2191" s="53">
        <v>3523.4088050314399</v>
      </c>
      <c r="S2191" s="53">
        <v>3523.4088050314399</v>
      </c>
      <c r="T2191" s="53">
        <v>3523.4088050314399</v>
      </c>
      <c r="U2191" s="53">
        <v>3523.4088050314399</v>
      </c>
      <c r="V2191" s="53">
        <v>3523.4088050314399</v>
      </c>
      <c r="W2191" s="53">
        <v>3523.4088050314399</v>
      </c>
      <c r="X2191" s="53">
        <v>3523.4088050314399</v>
      </c>
      <c r="Y2191" s="53">
        <v>3523.4088050314399</v>
      </c>
      <c r="Z2191" s="53">
        <v>3523.4088050314399</v>
      </c>
      <c r="AA2191" s="53">
        <v>42280.905660377299</v>
      </c>
      <c r="AB2191" s="53">
        <v>3523.4088050314399</v>
      </c>
      <c r="AC2191" s="53">
        <v>3523.4088050314399</v>
      </c>
      <c r="AD2191" s="53">
        <v>3523.4088050314399</v>
      </c>
      <c r="AE2191" s="53">
        <v>3523.4088050314399</v>
      </c>
      <c r="AF2191" s="53">
        <v>3523.4088050314399</v>
      </c>
      <c r="AG2191" s="53">
        <v>3523.4088050314399</v>
      </c>
      <c r="AH2191" s="53">
        <v>3523.4088050314499</v>
      </c>
      <c r="AI2191" s="53">
        <v>3523.4088050314399</v>
      </c>
      <c r="AJ2191" s="53">
        <v>3523.4088050314499</v>
      </c>
      <c r="AK2191" s="53">
        <v>3523.4088050314499</v>
      </c>
      <c r="AL2191" s="53">
        <v>3523.4088050314499</v>
      </c>
      <c r="AM2191" s="53">
        <v>3523.4088050314499</v>
      </c>
      <c r="AN2191" s="53">
        <v>42280.905660377401</v>
      </c>
      <c r="AO2191" s="53">
        <v>3523.4088050314499</v>
      </c>
      <c r="AP2191" s="53">
        <v>3523.4088050314499</v>
      </c>
      <c r="AQ2191" s="53">
        <v>3523.4088050314499</v>
      </c>
      <c r="AR2191" s="53">
        <v>3523.4088050314499</v>
      </c>
      <c r="AS2191" s="53">
        <v>3523.4088050314499</v>
      </c>
      <c r="AT2191" s="53">
        <v>3523.4088050314499</v>
      </c>
      <c r="AU2191" s="53">
        <v>3523.4088050314499</v>
      </c>
      <c r="AV2191" s="53">
        <v>3523.4088050314499</v>
      </c>
      <c r="AW2191" s="53">
        <v>3523.4088050314499</v>
      </c>
      <c r="AX2191" s="53">
        <v>3523.4088050314499</v>
      </c>
      <c r="AY2191" s="53">
        <v>3523.4088050314499</v>
      </c>
      <c r="AZ2191" s="53">
        <v>3523.4088050314499</v>
      </c>
      <c r="BA2191" s="53">
        <v>42280.905660377401</v>
      </c>
      <c r="BB2191" s="53">
        <v>3523.4088050314499</v>
      </c>
      <c r="BC2191" s="53">
        <v>3523.4088050314499</v>
      </c>
      <c r="BD2191" s="53">
        <v>3523.4088050314499</v>
      </c>
      <c r="BE2191" s="53">
        <v>3523.4088050314499</v>
      </c>
      <c r="BF2191" s="53">
        <v>3523.4088050314499</v>
      </c>
      <c r="BG2191" s="53">
        <v>3523.4088050314499</v>
      </c>
      <c r="BH2191" s="53">
        <v>3523.4088050314499</v>
      </c>
      <c r="BI2191" s="53">
        <v>3523.4088050314499</v>
      </c>
      <c r="BJ2191" s="53">
        <v>3523.4088050314499</v>
      </c>
      <c r="BK2191" s="53">
        <v>3523.4088050314499</v>
      </c>
      <c r="BL2191" s="53">
        <v>3523.4088050314499</v>
      </c>
      <c r="BM2191" s="53">
        <v>3523.4088050314499</v>
      </c>
      <c r="BN2191" s="53">
        <v>42280.905660377401</v>
      </c>
      <c r="BO2191" s="53">
        <v>3523.4088050314499</v>
      </c>
      <c r="BP2191" s="53">
        <v>3523.4088050314499</v>
      </c>
      <c r="BQ2191" s="53">
        <v>3523.4088050314499</v>
      </c>
      <c r="BR2191" s="53">
        <v>3523.4088050314499</v>
      </c>
      <c r="BS2191" s="53">
        <v>3523.4088050314499</v>
      </c>
      <c r="BT2191" s="53">
        <v>3523.4088050314499</v>
      </c>
      <c r="BU2191" s="53">
        <v>3523.4088050314499</v>
      </c>
      <c r="BV2191" s="53">
        <v>3523.4088050314499</v>
      </c>
      <c r="BW2191" s="53">
        <v>3523.4088050314499</v>
      </c>
      <c r="BX2191" s="53">
        <v>3523.4088050314499</v>
      </c>
      <c r="BY2191" s="53">
        <v>3523.4088050314499</v>
      </c>
      <c r="BZ2191" s="53">
        <v>3523.4088050314499</v>
      </c>
      <c r="CA2191" s="53">
        <v>42280.905660377401</v>
      </c>
      <c r="CB2191" s="53">
        <v>1213.9315068493099</v>
      </c>
      <c r="CC2191" s="53">
        <v>1213.9315068493099</v>
      </c>
      <c r="CD2191" s="53">
        <v>1213.9315068493099</v>
      </c>
      <c r="CE2191" s="53">
        <v>1213.9315068493099</v>
      </c>
      <c r="CF2191" s="53">
        <v>1213.9315068493099</v>
      </c>
      <c r="CG2191" s="53">
        <v>1213.9315068493099</v>
      </c>
      <c r="CH2191" s="53">
        <v>1213.9315068493099</v>
      </c>
      <c r="CI2191" s="53">
        <v>1213.9315068493099</v>
      </c>
      <c r="CJ2191" s="53">
        <v>1213.9315068493099</v>
      </c>
      <c r="CK2191" s="53">
        <v>1213.9315068493099</v>
      </c>
      <c r="CL2191" s="53">
        <v>1213.9315068493099</v>
      </c>
      <c r="CM2191" s="53">
        <v>1213.9315068493099</v>
      </c>
      <c r="CN2191" s="53">
        <v>14567.1780821917</v>
      </c>
    </row>
    <row r="2192" spans="1:92" outlineLevel="1">
      <c r="A2192" s="52" t="s">
        <v>721</v>
      </c>
      <c r="B2192" s="53">
        <v>9347.6262626262596</v>
      </c>
      <c r="C2192" s="53">
        <v>9347.625</v>
      </c>
      <c r="D2192" s="53">
        <v>9347.6271186440608</v>
      </c>
      <c r="E2192" s="53">
        <v>9347.6258503401295</v>
      </c>
      <c r="F2192" s="53">
        <v>9347.6245733788401</v>
      </c>
      <c r="G2192" s="53">
        <v>9347.6267123287598</v>
      </c>
      <c r="H2192" s="53">
        <v>9347.6254295532599</v>
      </c>
      <c r="I2192" s="53">
        <v>9347.6275862068906</v>
      </c>
      <c r="J2192" s="53">
        <v>9347.62629757785</v>
      </c>
      <c r="K2192" s="53">
        <v>9347.6249999999909</v>
      </c>
      <c r="L2192" s="53">
        <v>9347.6271777003403</v>
      </c>
      <c r="M2192" s="53">
        <v>9347.6258741258698</v>
      </c>
      <c r="N2192" s="53">
        <v>112171.512882482</v>
      </c>
      <c r="O2192" s="53">
        <v>9347.6245614034997</v>
      </c>
      <c r="P2192" s="53">
        <v>9347.6245614034997</v>
      </c>
      <c r="Q2192" s="53">
        <v>9347.6245614035106</v>
      </c>
      <c r="R2192" s="53">
        <v>9347.6245614035106</v>
      </c>
      <c r="S2192" s="53">
        <v>9347.6245614035106</v>
      </c>
      <c r="T2192" s="53">
        <v>9347.6245614035106</v>
      </c>
      <c r="U2192" s="53">
        <v>9347.6245614035106</v>
      </c>
      <c r="V2192" s="53">
        <v>9347.6245614035106</v>
      </c>
      <c r="W2192" s="53">
        <v>9347.6245614035106</v>
      </c>
      <c r="X2192" s="53">
        <v>9347.6245614035106</v>
      </c>
      <c r="Y2192" s="53">
        <v>9347.6245614035106</v>
      </c>
      <c r="Z2192" s="53">
        <v>9347.6245614035106</v>
      </c>
      <c r="AA2192" s="53">
        <v>112171.494736842</v>
      </c>
      <c r="AB2192" s="53">
        <v>9347.6245614035106</v>
      </c>
      <c r="AC2192" s="53">
        <v>9347.6245614035106</v>
      </c>
      <c r="AD2192" s="53">
        <v>9347.6245614035106</v>
      </c>
      <c r="AE2192" s="53">
        <v>9347.6245614035197</v>
      </c>
      <c r="AF2192" s="53">
        <v>9347.6245614035197</v>
      </c>
      <c r="AG2192" s="53">
        <v>9347.6245614035197</v>
      </c>
      <c r="AH2192" s="53">
        <v>9347.6245614035197</v>
      </c>
      <c r="AI2192" s="53">
        <v>9347.6245614035197</v>
      </c>
      <c r="AJ2192" s="53">
        <v>9347.6245614035197</v>
      </c>
      <c r="AK2192" s="53">
        <v>9347.6245614035197</v>
      </c>
      <c r="AL2192" s="53">
        <v>9347.6245614035197</v>
      </c>
      <c r="AM2192" s="53">
        <v>9347.6245614035197</v>
      </c>
      <c r="AN2192" s="53">
        <v>112171.494736842</v>
      </c>
      <c r="AO2192" s="53">
        <v>9347.6245614035197</v>
      </c>
      <c r="AP2192" s="53">
        <v>9347.6245614035197</v>
      </c>
      <c r="AQ2192" s="53">
        <v>9347.6245614035197</v>
      </c>
      <c r="AR2192" s="53">
        <v>9347.6245614035197</v>
      </c>
      <c r="AS2192" s="53">
        <v>9347.6245614035197</v>
      </c>
      <c r="AT2192" s="53">
        <v>9347.6245614035197</v>
      </c>
      <c r="AU2192" s="53">
        <v>9347.6245614035197</v>
      </c>
      <c r="AV2192" s="53">
        <v>9347.6245614035197</v>
      </c>
      <c r="AW2192" s="53">
        <v>9347.6245614035197</v>
      </c>
      <c r="AX2192" s="53">
        <v>9347.6245614035197</v>
      </c>
      <c r="AY2192" s="53">
        <v>9347.6245614035306</v>
      </c>
      <c r="AZ2192" s="53">
        <v>9347.6245614035306</v>
      </c>
      <c r="BA2192" s="53">
        <v>112171.494736842</v>
      </c>
      <c r="BB2192" s="53">
        <v>9347.6245614035306</v>
      </c>
      <c r="BC2192" s="53">
        <v>9347.6245614035306</v>
      </c>
      <c r="BD2192" s="53">
        <v>9347.6245614035306</v>
      </c>
      <c r="BE2192" s="53">
        <v>9347.6245614035306</v>
      </c>
      <c r="BF2192" s="53">
        <v>9347.6245614035306</v>
      </c>
      <c r="BG2192" s="53">
        <v>9347.6245614035306</v>
      </c>
      <c r="BH2192" s="53">
        <v>9347.6245614035306</v>
      </c>
      <c r="BI2192" s="53">
        <v>9347.6245614035306</v>
      </c>
      <c r="BJ2192" s="53">
        <v>9347.6245614035397</v>
      </c>
      <c r="BK2192" s="53">
        <v>9347.6245614035397</v>
      </c>
      <c r="BL2192" s="53">
        <v>9347.6245614035397</v>
      </c>
      <c r="BM2192" s="53">
        <v>9347.6245614035397</v>
      </c>
      <c r="BN2192" s="53">
        <v>112171.494736842</v>
      </c>
      <c r="BO2192" s="53">
        <v>9347.6245614035397</v>
      </c>
      <c r="BP2192" s="53">
        <v>9347.6245614035397</v>
      </c>
      <c r="BQ2192" s="53">
        <v>9347.6245614035397</v>
      </c>
      <c r="BR2192" s="53">
        <v>9347.6245614035397</v>
      </c>
      <c r="BS2192" s="53">
        <v>9347.6245614035397</v>
      </c>
      <c r="BT2192" s="53">
        <v>9347.6245614035397</v>
      </c>
      <c r="BU2192" s="53">
        <v>9347.6245614035397</v>
      </c>
      <c r="BV2192" s="53">
        <v>9347.6245614035397</v>
      </c>
      <c r="BW2192" s="53">
        <v>9347.6245614035397</v>
      </c>
      <c r="BX2192" s="53">
        <v>9347.6245614035506</v>
      </c>
      <c r="BY2192" s="53">
        <v>9347.6245614035506</v>
      </c>
      <c r="BZ2192" s="53">
        <v>9347.6245614035506</v>
      </c>
      <c r="CA2192" s="53">
        <v>112171.494736842</v>
      </c>
      <c r="CB2192" s="53">
        <v>1583.15671641791</v>
      </c>
      <c r="CC2192" s="53">
        <v>1583.15671641791</v>
      </c>
      <c r="CD2192" s="53">
        <v>1583.15671641791</v>
      </c>
      <c r="CE2192" s="53">
        <v>1583.15671641791</v>
      </c>
      <c r="CF2192" s="53">
        <v>1583.15671641791</v>
      </c>
      <c r="CG2192" s="53">
        <v>1583.15671641791</v>
      </c>
      <c r="CH2192" s="53">
        <v>1583.15671641791</v>
      </c>
      <c r="CI2192" s="53">
        <v>1583.15671641791</v>
      </c>
      <c r="CJ2192" s="53">
        <v>1583.15671641791</v>
      </c>
      <c r="CK2192" s="53">
        <v>1583.15671641791</v>
      </c>
      <c r="CL2192" s="53">
        <v>1583.15671641791</v>
      </c>
      <c r="CM2192" s="53">
        <v>1583.15671641791</v>
      </c>
      <c r="CN2192" s="53">
        <v>18997.880597014901</v>
      </c>
    </row>
    <row r="2193" spans="1:92" outlineLevel="1">
      <c r="A2193" s="52" t="s">
        <v>723</v>
      </c>
      <c r="B2193" s="53">
        <v>3240.39669421487</v>
      </c>
      <c r="C2193" s="53">
        <v>3240.4033613445299</v>
      </c>
      <c r="D2193" s="53">
        <v>3240.3931623931599</v>
      </c>
      <c r="E2193" s="53">
        <v>3240.4</v>
      </c>
      <c r="F2193" s="53">
        <v>3240.3893805309699</v>
      </c>
      <c r="G2193" s="53">
        <v>3240.3963963963902</v>
      </c>
      <c r="H2193" s="53">
        <v>3240.4036697247702</v>
      </c>
      <c r="I2193" s="53">
        <v>3240.39252336448</v>
      </c>
      <c r="J2193" s="53">
        <v>3240.4</v>
      </c>
      <c r="K2193" s="53">
        <v>3240.3883495145601</v>
      </c>
      <c r="L2193" s="53">
        <v>3240.3960396039602</v>
      </c>
      <c r="M2193" s="53">
        <v>3240.4040404040402</v>
      </c>
      <c r="N2193" s="53">
        <v>38884.763617491699</v>
      </c>
      <c r="O2193" s="53">
        <v>3240.3917525773099</v>
      </c>
      <c r="P2193" s="53">
        <v>3240.3917525773099</v>
      </c>
      <c r="Q2193" s="53">
        <v>3240.3917525773099</v>
      </c>
      <c r="R2193" s="53">
        <v>3240.3917525773099</v>
      </c>
      <c r="S2193" s="53">
        <v>3240.3917525773099</v>
      </c>
      <c r="T2193" s="53">
        <v>3240.3917525773099</v>
      </c>
      <c r="U2193" s="53">
        <v>3240.3917525773099</v>
      </c>
      <c r="V2193" s="53">
        <v>3240.3917525773099</v>
      </c>
      <c r="W2193" s="53">
        <v>3240.3917525773099</v>
      </c>
      <c r="X2193" s="53">
        <v>3240.3917525773099</v>
      </c>
      <c r="Y2193" s="53">
        <v>3240.3917525773099</v>
      </c>
      <c r="Z2193" s="53">
        <v>3240.3917525773099</v>
      </c>
      <c r="AA2193" s="53">
        <v>38884.701030927798</v>
      </c>
      <c r="AB2193" s="53">
        <v>3240.3917525773099</v>
      </c>
      <c r="AC2193" s="53">
        <v>3240.3917525773099</v>
      </c>
      <c r="AD2193" s="53">
        <v>3240.3917525773099</v>
      </c>
      <c r="AE2193" s="53">
        <v>3240.3917525773099</v>
      </c>
      <c r="AF2193" s="53">
        <v>3240.3917525773099</v>
      </c>
      <c r="AG2193" s="53">
        <v>3240.3917525773099</v>
      </c>
      <c r="AH2193" s="53">
        <v>3240.3917525773099</v>
      </c>
      <c r="AI2193" s="53">
        <v>3240.3917525773099</v>
      </c>
      <c r="AJ2193" s="53">
        <v>3240.3917525773099</v>
      </c>
      <c r="AK2193" s="53">
        <v>3240.3917525773099</v>
      </c>
      <c r="AL2193" s="53">
        <v>3240.3917525773099</v>
      </c>
      <c r="AM2193" s="53">
        <v>3240.3917525773099</v>
      </c>
      <c r="AN2193" s="53">
        <v>38884.701030927798</v>
      </c>
      <c r="AO2193" s="53">
        <v>3240.3917525773099</v>
      </c>
      <c r="AP2193" s="53">
        <v>3240.3917525773099</v>
      </c>
      <c r="AQ2193" s="53">
        <v>3240.3917525773099</v>
      </c>
      <c r="AR2193" s="53">
        <v>3240.3917525773099</v>
      </c>
      <c r="AS2193" s="53">
        <v>3240.3917525773099</v>
      </c>
      <c r="AT2193" s="53">
        <v>3240.3917525773099</v>
      </c>
      <c r="AU2193" s="53">
        <v>3240.3917525773099</v>
      </c>
      <c r="AV2193" s="53">
        <v>3240.3917525773099</v>
      </c>
      <c r="AW2193" s="53">
        <v>3240.3917525773099</v>
      </c>
      <c r="AX2193" s="53">
        <v>3240.3917525773099</v>
      </c>
      <c r="AY2193" s="53">
        <v>3240.3917525773099</v>
      </c>
      <c r="AZ2193" s="53">
        <v>3240.3917525773099</v>
      </c>
      <c r="BA2193" s="53">
        <v>38884.701030927703</v>
      </c>
      <c r="BB2193" s="53">
        <v>3240.3917525773099</v>
      </c>
      <c r="BC2193" s="53">
        <v>3240.3917525773099</v>
      </c>
      <c r="BD2193" s="53">
        <v>3240.3917525773099</v>
      </c>
      <c r="BE2193" s="53">
        <v>3240.3917525773099</v>
      </c>
      <c r="BF2193" s="53">
        <v>3240.3917525773099</v>
      </c>
      <c r="BG2193" s="53">
        <v>3240.3917525773099</v>
      </c>
      <c r="BH2193" s="53">
        <v>3240.3917525773099</v>
      </c>
      <c r="BI2193" s="53">
        <v>3240.3917525773099</v>
      </c>
      <c r="BJ2193" s="53">
        <v>3240.3917525773099</v>
      </c>
      <c r="BK2193" s="53">
        <v>3240.3917525773099</v>
      </c>
      <c r="BL2193" s="53">
        <v>3240.3917525773099</v>
      </c>
      <c r="BM2193" s="53">
        <v>3240.3917525773099</v>
      </c>
      <c r="BN2193" s="53">
        <v>38884.701030927703</v>
      </c>
      <c r="BO2193" s="53">
        <v>1620.19587628865</v>
      </c>
      <c r="BP2193" s="53"/>
      <c r="BQ2193" s="53"/>
      <c r="BR2193" s="53"/>
      <c r="BS2193" s="53"/>
      <c r="BT2193" s="53"/>
      <c r="BU2193" s="53"/>
      <c r="BV2193" s="53"/>
      <c r="BW2193" s="53"/>
      <c r="BX2193" s="53"/>
      <c r="BY2193" s="53"/>
      <c r="BZ2193" s="53"/>
      <c r="CA2193" s="53">
        <v>1620.19587628865</v>
      </c>
      <c r="CB2193" s="53">
        <v>1833.3899204244001</v>
      </c>
      <c r="CC2193" s="53">
        <v>1833.3899204244001</v>
      </c>
      <c r="CD2193" s="53">
        <v>1833.3899204244001</v>
      </c>
      <c r="CE2193" s="53">
        <v>1833.3899204244001</v>
      </c>
      <c r="CF2193" s="53">
        <v>1833.3899204244001</v>
      </c>
      <c r="CG2193" s="53">
        <v>1833.3899204244001</v>
      </c>
      <c r="CH2193" s="53">
        <v>1833.3899204244001</v>
      </c>
      <c r="CI2193" s="53">
        <v>1833.3899204244001</v>
      </c>
      <c r="CJ2193" s="53">
        <v>1833.3899204244001</v>
      </c>
      <c r="CK2193" s="53">
        <v>1833.3899204244001</v>
      </c>
      <c r="CL2193" s="53">
        <v>1833.3899204244001</v>
      </c>
      <c r="CM2193" s="53">
        <v>1833.3899204244001</v>
      </c>
      <c r="CN2193" s="53">
        <v>22000.679045092798</v>
      </c>
    </row>
    <row r="2194" spans="1:92" outlineLevel="1">
      <c r="A2194" s="52" t="s">
        <v>724</v>
      </c>
      <c r="B2194" s="53">
        <v>1540.86342229199</v>
      </c>
      <c r="C2194" s="53">
        <v>1540.8629921259801</v>
      </c>
      <c r="D2194" s="53">
        <v>1540.8625592417</v>
      </c>
      <c r="E2194" s="53">
        <v>1540.8621236133099</v>
      </c>
      <c r="F2194" s="53">
        <v>1540.86486486486</v>
      </c>
      <c r="G2194" s="53">
        <v>1540.8644338117999</v>
      </c>
      <c r="H2194" s="53">
        <v>1540.864</v>
      </c>
      <c r="I2194" s="53">
        <v>1540.8635634028799</v>
      </c>
      <c r="J2194" s="53">
        <v>1540.8631239935501</v>
      </c>
      <c r="K2194" s="53">
        <v>1540.86268174474</v>
      </c>
      <c r="L2194" s="53">
        <v>1540.86223662884</v>
      </c>
      <c r="M2194" s="53">
        <v>1540.8650406504</v>
      </c>
      <c r="N2194" s="53">
        <v>18490.361042370099</v>
      </c>
      <c r="O2194" s="53">
        <v>1540.86460032626</v>
      </c>
      <c r="P2194" s="53">
        <v>1540.86460032626</v>
      </c>
      <c r="Q2194" s="53">
        <v>1540.86460032626</v>
      </c>
      <c r="R2194" s="53">
        <v>1540.86460032626</v>
      </c>
      <c r="S2194" s="53">
        <v>1540.86460032626</v>
      </c>
      <c r="T2194" s="53">
        <v>1540.86460032626</v>
      </c>
      <c r="U2194" s="53">
        <v>1540.86460032626</v>
      </c>
      <c r="V2194" s="53">
        <v>1540.86460032626</v>
      </c>
      <c r="W2194" s="53">
        <v>1540.86460032626</v>
      </c>
      <c r="X2194" s="53">
        <v>1540.86460032626</v>
      </c>
      <c r="Y2194" s="53">
        <v>1540.86460032626</v>
      </c>
      <c r="Z2194" s="53">
        <v>1540.86460032626</v>
      </c>
      <c r="AA2194" s="53">
        <v>18490.3752039151</v>
      </c>
      <c r="AB2194" s="53">
        <v>1540.86460032626</v>
      </c>
      <c r="AC2194" s="53">
        <v>1540.86460032626</v>
      </c>
      <c r="AD2194" s="53">
        <v>1540.86460032626</v>
      </c>
      <c r="AE2194" s="53">
        <v>1540.86460032626</v>
      </c>
      <c r="AF2194" s="53">
        <v>1540.86460032626</v>
      </c>
      <c r="AG2194" s="53">
        <v>1540.86460032626</v>
      </c>
      <c r="AH2194" s="53">
        <v>1540.86460032626</v>
      </c>
      <c r="AI2194" s="53">
        <v>1540.86460032626</v>
      </c>
      <c r="AJ2194" s="53">
        <v>1540.86460032626</v>
      </c>
      <c r="AK2194" s="53">
        <v>1540.86460032626</v>
      </c>
      <c r="AL2194" s="53">
        <v>1540.86460032626</v>
      </c>
      <c r="AM2194" s="53">
        <v>1540.86460032626</v>
      </c>
      <c r="AN2194" s="53">
        <v>18490.3752039151</v>
      </c>
      <c r="AO2194" s="53">
        <v>1540.86460032626</v>
      </c>
      <c r="AP2194" s="53">
        <v>1540.86460032626</v>
      </c>
      <c r="AQ2194" s="53">
        <v>1540.86460032626</v>
      </c>
      <c r="AR2194" s="53">
        <v>1540.86460032626</v>
      </c>
      <c r="AS2194" s="53">
        <v>1540.86460032626</v>
      </c>
      <c r="AT2194" s="53">
        <v>1540.86460032626</v>
      </c>
      <c r="AU2194" s="53">
        <v>1540.86460032626</v>
      </c>
      <c r="AV2194" s="53">
        <v>1540.86460032626</v>
      </c>
      <c r="AW2194" s="53">
        <v>1540.86460032626</v>
      </c>
      <c r="AX2194" s="53">
        <v>1540.86460032626</v>
      </c>
      <c r="AY2194" s="53">
        <v>1540.86460032626</v>
      </c>
      <c r="AZ2194" s="53">
        <v>1540.86460032626</v>
      </c>
      <c r="BA2194" s="53">
        <v>18490.3752039151</v>
      </c>
      <c r="BB2194" s="53">
        <v>1540.86460032626</v>
      </c>
      <c r="BC2194" s="53">
        <v>1540.86460032626</v>
      </c>
      <c r="BD2194" s="53">
        <v>1540.86460032626</v>
      </c>
      <c r="BE2194" s="53">
        <v>1540.86460032626</v>
      </c>
      <c r="BF2194" s="53">
        <v>1540.86460032626</v>
      </c>
      <c r="BG2194" s="53">
        <v>1540.86460032626</v>
      </c>
      <c r="BH2194" s="53">
        <v>1540.86460032626</v>
      </c>
      <c r="BI2194" s="53">
        <v>1540.86460032626</v>
      </c>
      <c r="BJ2194" s="53">
        <v>1540.86460032626</v>
      </c>
      <c r="BK2194" s="53">
        <v>1540.86460032626</v>
      </c>
      <c r="BL2194" s="53">
        <v>1540.86460032626</v>
      </c>
      <c r="BM2194" s="53">
        <v>1540.86460032626</v>
      </c>
      <c r="BN2194" s="53">
        <v>18490.375203915199</v>
      </c>
      <c r="BO2194" s="53">
        <v>1540.86460032626</v>
      </c>
      <c r="BP2194" s="53">
        <v>1540.86460032626</v>
      </c>
      <c r="BQ2194" s="53">
        <v>1540.86460032626</v>
      </c>
      <c r="BR2194" s="53">
        <v>1540.86460032626</v>
      </c>
      <c r="BS2194" s="53">
        <v>1540.86460032626</v>
      </c>
      <c r="BT2194" s="53">
        <v>1540.86460032626</v>
      </c>
      <c r="BU2194" s="53">
        <v>1540.86460032626</v>
      </c>
      <c r="BV2194" s="53">
        <v>1540.86460032626</v>
      </c>
      <c r="BW2194" s="53">
        <v>1540.86460032626</v>
      </c>
      <c r="BX2194" s="53">
        <v>1540.86460032626</v>
      </c>
      <c r="BY2194" s="53">
        <v>1540.86460032626</v>
      </c>
      <c r="BZ2194" s="53">
        <v>1540.86460032626</v>
      </c>
      <c r="CA2194" s="53">
        <v>18490.375203915199</v>
      </c>
      <c r="CB2194" s="53"/>
      <c r="CC2194" s="53"/>
      <c r="CD2194" s="53"/>
      <c r="CE2194" s="53"/>
      <c r="CF2194" s="53"/>
      <c r="CG2194" s="53"/>
      <c r="CH2194" s="53"/>
      <c r="CI2194" s="53"/>
      <c r="CJ2194" s="53"/>
      <c r="CK2194" s="53"/>
      <c r="CL2194" s="53"/>
      <c r="CM2194" s="53"/>
      <c r="CN2194" s="53"/>
    </row>
    <row r="2195" spans="1:92" outlineLevel="1">
      <c r="A2195" s="52" t="s">
        <v>725</v>
      </c>
      <c r="B2195" s="53">
        <v>9185.2866242038199</v>
      </c>
      <c r="C2195" s="53">
        <v>9185.2903225806403</v>
      </c>
      <c r="D2195" s="53">
        <v>9185.2810457516298</v>
      </c>
      <c r="E2195" s="53">
        <v>9185.2847682119209</v>
      </c>
      <c r="F2195" s="53">
        <v>9185.2885906040192</v>
      </c>
      <c r="G2195" s="53">
        <v>9185.2925170067992</v>
      </c>
      <c r="H2195" s="53">
        <v>9185.2827586206895</v>
      </c>
      <c r="I2195" s="53">
        <v>9185.2867132867104</v>
      </c>
      <c r="J2195" s="53">
        <v>9185.2907801418405</v>
      </c>
      <c r="K2195" s="53">
        <v>9185.2805755395693</v>
      </c>
      <c r="L2195" s="53">
        <v>9185.2846715328396</v>
      </c>
      <c r="M2195" s="53">
        <v>9185.2888888888792</v>
      </c>
      <c r="N2195" s="53">
        <v>110223.438256369</v>
      </c>
      <c r="O2195" s="53">
        <v>9185.2932330827007</v>
      </c>
      <c r="P2195" s="53">
        <v>9185.2932330827007</v>
      </c>
      <c r="Q2195" s="53">
        <v>9185.2932330827007</v>
      </c>
      <c r="R2195" s="53">
        <v>9185.2932330827007</v>
      </c>
      <c r="S2195" s="53">
        <v>9185.2932330827007</v>
      </c>
      <c r="T2195" s="53">
        <v>9185.2932330827007</v>
      </c>
      <c r="U2195" s="53">
        <v>9185.2932330827007</v>
      </c>
      <c r="V2195" s="53">
        <v>9185.2932330827007</v>
      </c>
      <c r="W2195" s="53">
        <v>9185.2932330827098</v>
      </c>
      <c r="X2195" s="53">
        <v>9185.2932330827098</v>
      </c>
      <c r="Y2195" s="53">
        <v>9185.2932330827098</v>
      </c>
      <c r="Z2195" s="53">
        <v>9185.2932330827098</v>
      </c>
      <c r="AA2195" s="53">
        <v>110223.51879699199</v>
      </c>
      <c r="AB2195" s="53">
        <v>9185.2932330827098</v>
      </c>
      <c r="AC2195" s="53">
        <v>9185.2932330827098</v>
      </c>
      <c r="AD2195" s="53">
        <v>9185.2932330827098</v>
      </c>
      <c r="AE2195" s="53">
        <v>9185.2932330827098</v>
      </c>
      <c r="AF2195" s="53">
        <v>9185.2932330827098</v>
      </c>
      <c r="AG2195" s="53">
        <v>9185.2932330827098</v>
      </c>
      <c r="AH2195" s="53">
        <v>9185.2932330827098</v>
      </c>
      <c r="AI2195" s="53">
        <v>9185.2932330827098</v>
      </c>
      <c r="AJ2195" s="53">
        <v>9185.2932330827098</v>
      </c>
      <c r="AK2195" s="53">
        <v>9185.2932330827098</v>
      </c>
      <c r="AL2195" s="53">
        <v>9185.2932330827098</v>
      </c>
      <c r="AM2195" s="53">
        <v>9185.2932330827098</v>
      </c>
      <c r="AN2195" s="53">
        <v>110223.51879699199</v>
      </c>
      <c r="AO2195" s="53">
        <v>9185.2932330827098</v>
      </c>
      <c r="AP2195" s="53">
        <v>9185.2932330827098</v>
      </c>
      <c r="AQ2195" s="53">
        <v>9185.2932330827098</v>
      </c>
      <c r="AR2195" s="53">
        <v>9185.2932330827098</v>
      </c>
      <c r="AS2195" s="53">
        <v>9185.2932330827098</v>
      </c>
      <c r="AT2195" s="53">
        <v>9185.2932330827098</v>
      </c>
      <c r="AU2195" s="53">
        <v>9185.2932330827098</v>
      </c>
      <c r="AV2195" s="53">
        <v>9185.2932330827098</v>
      </c>
      <c r="AW2195" s="53">
        <v>9185.2932330827098</v>
      </c>
      <c r="AX2195" s="53">
        <v>9185.2932330827098</v>
      </c>
      <c r="AY2195" s="53">
        <v>9185.2932330827098</v>
      </c>
      <c r="AZ2195" s="53">
        <v>9185.2932330827098</v>
      </c>
      <c r="BA2195" s="53">
        <v>110223.51879699199</v>
      </c>
      <c r="BB2195" s="53">
        <v>9185.2932330827098</v>
      </c>
      <c r="BC2195" s="53">
        <v>9185.2932330827098</v>
      </c>
      <c r="BD2195" s="53">
        <v>9185.2932330827098</v>
      </c>
      <c r="BE2195" s="53">
        <v>9185.2932330827098</v>
      </c>
      <c r="BF2195" s="53">
        <v>9185.2932330827098</v>
      </c>
      <c r="BG2195" s="53">
        <v>9185.2932330827098</v>
      </c>
      <c r="BH2195" s="53">
        <v>9185.2932330827098</v>
      </c>
      <c r="BI2195" s="53">
        <v>9185.2932330827098</v>
      </c>
      <c r="BJ2195" s="53">
        <v>9185.2932330827098</v>
      </c>
      <c r="BK2195" s="53">
        <v>9185.2932330827098</v>
      </c>
      <c r="BL2195" s="53">
        <v>9185.2932330827098</v>
      </c>
      <c r="BM2195" s="53">
        <v>9185.2932330827098</v>
      </c>
      <c r="BN2195" s="53">
        <v>110223.51879699199</v>
      </c>
      <c r="BO2195" s="53">
        <v>9185.2932330827207</v>
      </c>
      <c r="BP2195" s="53">
        <v>9185.2932330827098</v>
      </c>
      <c r="BQ2195" s="53">
        <v>9185.2932330827207</v>
      </c>
      <c r="BR2195" s="53">
        <v>9185.2932330827098</v>
      </c>
      <c r="BS2195" s="53">
        <v>9185.2932330827207</v>
      </c>
      <c r="BT2195" s="53">
        <v>9185.2932330827098</v>
      </c>
      <c r="BU2195" s="53">
        <v>9185.2932330827207</v>
      </c>
      <c r="BV2195" s="53">
        <v>9185.2932330827207</v>
      </c>
      <c r="BW2195" s="53">
        <v>9185.2932330827207</v>
      </c>
      <c r="BX2195" s="53">
        <v>9185.2932330827207</v>
      </c>
      <c r="BY2195" s="53">
        <v>9185.2932330827207</v>
      </c>
      <c r="BZ2195" s="53">
        <v>9185.2932330827207</v>
      </c>
      <c r="CA2195" s="53">
        <v>110223.51879699199</v>
      </c>
      <c r="CB2195" s="53"/>
      <c r="CC2195" s="53"/>
      <c r="CD2195" s="53"/>
      <c r="CE2195" s="53"/>
      <c r="CF2195" s="53"/>
      <c r="CG2195" s="53"/>
      <c r="CH2195" s="53"/>
      <c r="CI2195" s="53"/>
      <c r="CJ2195" s="53"/>
      <c r="CK2195" s="53"/>
      <c r="CL2195" s="53"/>
      <c r="CM2195" s="53"/>
      <c r="CN2195" s="53"/>
    </row>
    <row r="2196" spans="1:92" outlineLevel="1">
      <c r="A2196" s="52" t="s">
        <v>726</v>
      </c>
      <c r="B2196" s="53">
        <v>3087.3789473684201</v>
      </c>
      <c r="C2196" s="53">
        <v>3087.3829787233999</v>
      </c>
      <c r="D2196" s="53">
        <v>3087.3763440860198</v>
      </c>
      <c r="E2196" s="53">
        <v>3087.3804347825999</v>
      </c>
      <c r="F2196" s="53">
        <v>3087.37362637362</v>
      </c>
      <c r="G2196" s="53">
        <v>3087.37777777777</v>
      </c>
      <c r="H2196" s="53">
        <v>3087.3820224719002</v>
      </c>
      <c r="I2196" s="53">
        <v>3087.375</v>
      </c>
      <c r="J2196" s="53">
        <v>3087.3793103448202</v>
      </c>
      <c r="K2196" s="53">
        <v>3087.3837209302301</v>
      </c>
      <c r="L2196" s="53">
        <v>3087.3764705882299</v>
      </c>
      <c r="M2196" s="53">
        <v>3087.38095238095</v>
      </c>
      <c r="N2196" s="53">
        <v>37048.547585827997</v>
      </c>
      <c r="O2196" s="53">
        <v>3087.3734939759001</v>
      </c>
      <c r="P2196" s="53">
        <v>3087.3734939759001</v>
      </c>
      <c r="Q2196" s="53">
        <v>3087.3734939759001</v>
      </c>
      <c r="R2196" s="53">
        <v>3087.3734939759001</v>
      </c>
      <c r="S2196" s="53">
        <v>3087.3734939759001</v>
      </c>
      <c r="T2196" s="53">
        <v>3087.3734939759001</v>
      </c>
      <c r="U2196" s="53">
        <v>3087.3734939759001</v>
      </c>
      <c r="V2196" s="53">
        <v>3087.3734939759001</v>
      </c>
      <c r="W2196" s="53">
        <v>3087.3734939759001</v>
      </c>
      <c r="X2196" s="53">
        <v>3087.3734939759001</v>
      </c>
      <c r="Y2196" s="53">
        <v>3087.3734939759001</v>
      </c>
      <c r="Z2196" s="53">
        <v>3087.3734939759001</v>
      </c>
      <c r="AA2196" s="53">
        <v>37048.481927710804</v>
      </c>
      <c r="AB2196" s="53">
        <v>3087.3734939759001</v>
      </c>
      <c r="AC2196" s="53">
        <v>3087.3734939759001</v>
      </c>
      <c r="AD2196" s="53">
        <v>3087.3734939759001</v>
      </c>
      <c r="AE2196" s="53">
        <v>3087.3734939759001</v>
      </c>
      <c r="AF2196" s="53">
        <v>3087.3734939759001</v>
      </c>
      <c r="AG2196" s="53">
        <v>3087.3734939759001</v>
      </c>
      <c r="AH2196" s="53">
        <v>3087.3734939759001</v>
      </c>
      <c r="AI2196" s="53">
        <v>3087.3734939759001</v>
      </c>
      <c r="AJ2196" s="53">
        <v>3087.3734939759001</v>
      </c>
      <c r="AK2196" s="53">
        <v>3087.3734939759001</v>
      </c>
      <c r="AL2196" s="53">
        <v>3087.3734939759001</v>
      </c>
      <c r="AM2196" s="53">
        <v>3087.3734939759001</v>
      </c>
      <c r="AN2196" s="53">
        <v>37048.481927710804</v>
      </c>
      <c r="AO2196" s="53">
        <v>3087.3734939759001</v>
      </c>
      <c r="AP2196" s="53">
        <v>3087.3734939759001</v>
      </c>
      <c r="AQ2196" s="53">
        <v>3087.3734939759001</v>
      </c>
      <c r="AR2196" s="53">
        <v>3087.3734939759001</v>
      </c>
      <c r="AS2196" s="53">
        <v>3087.3734939759001</v>
      </c>
      <c r="AT2196" s="53">
        <v>3087.3734939759001</v>
      </c>
      <c r="AU2196" s="53">
        <v>3087.3734939759001</v>
      </c>
      <c r="AV2196" s="53">
        <v>3087.3734939759001</v>
      </c>
      <c r="AW2196" s="53">
        <v>3087.3734939759001</v>
      </c>
      <c r="AX2196" s="53">
        <v>3087.3734939759001</v>
      </c>
      <c r="AY2196" s="53">
        <v>3087.3734939759001</v>
      </c>
      <c r="AZ2196" s="53">
        <v>3087.3734939759001</v>
      </c>
      <c r="BA2196" s="53">
        <v>37048.481927710804</v>
      </c>
      <c r="BB2196" s="53">
        <v>3087.3734939759001</v>
      </c>
      <c r="BC2196" s="53">
        <v>3087.3734939759001</v>
      </c>
      <c r="BD2196" s="53">
        <v>3087.3734939759001</v>
      </c>
      <c r="BE2196" s="53">
        <v>3087.3734939759001</v>
      </c>
      <c r="BF2196" s="53">
        <v>3087.3734939759001</v>
      </c>
      <c r="BG2196" s="53">
        <v>3087.3734939759001</v>
      </c>
      <c r="BH2196" s="53">
        <v>3087.3734939759001</v>
      </c>
      <c r="BI2196" s="53">
        <v>3087.3734939759001</v>
      </c>
      <c r="BJ2196" s="53">
        <v>3087.3734939759001</v>
      </c>
      <c r="BK2196" s="53">
        <v>3087.3734939759001</v>
      </c>
      <c r="BL2196" s="53">
        <v>3087.3734939759001</v>
      </c>
      <c r="BM2196" s="53">
        <v>3087.3734939759001</v>
      </c>
      <c r="BN2196" s="53">
        <v>37048.481927710804</v>
      </c>
      <c r="BO2196" s="53">
        <v>3087.3734939759001</v>
      </c>
      <c r="BP2196" s="53">
        <v>3087.3734939759001</v>
      </c>
      <c r="BQ2196" s="53">
        <v>3087.3734939759001</v>
      </c>
      <c r="BR2196" s="53">
        <v>3087.3734939759001</v>
      </c>
      <c r="BS2196" s="53">
        <v>3087.3734939759001</v>
      </c>
      <c r="BT2196" s="53">
        <v>3087.3734939759001</v>
      </c>
      <c r="BU2196" s="53">
        <v>3087.3734939759001</v>
      </c>
      <c r="BV2196" s="53">
        <v>3087.3734939759001</v>
      </c>
      <c r="BW2196" s="53">
        <v>3087.3734939759001</v>
      </c>
      <c r="BX2196" s="53">
        <v>3087.3734939759001</v>
      </c>
      <c r="BY2196" s="53">
        <v>3087.3734939759001</v>
      </c>
      <c r="BZ2196" s="53">
        <v>3087.3734939759001</v>
      </c>
      <c r="CA2196" s="53">
        <v>37048.481927710804</v>
      </c>
      <c r="CB2196" s="53">
        <v>11723.4531645569</v>
      </c>
      <c r="CC2196" s="53">
        <v>11723.4531645569</v>
      </c>
      <c r="CD2196" s="53">
        <v>11723.4531645569</v>
      </c>
      <c r="CE2196" s="53">
        <v>11723.4531645569</v>
      </c>
      <c r="CF2196" s="53">
        <v>11723.4531645569</v>
      </c>
      <c r="CG2196" s="53">
        <v>11723.4531645569</v>
      </c>
      <c r="CH2196" s="53">
        <v>11723.4531645569</v>
      </c>
      <c r="CI2196" s="53">
        <v>11723.4531645569</v>
      </c>
      <c r="CJ2196" s="53">
        <v>11723.4531645569</v>
      </c>
      <c r="CK2196" s="53">
        <v>11723.4531645569</v>
      </c>
      <c r="CL2196" s="53">
        <v>11723.4531645569</v>
      </c>
      <c r="CM2196" s="53">
        <v>11723.4531645569</v>
      </c>
      <c r="CN2196" s="53">
        <v>140681.43797468301</v>
      </c>
    </row>
    <row r="2197" spans="1:92" outlineLevel="1">
      <c r="A2197" s="52" t="s">
        <v>728</v>
      </c>
      <c r="B2197" s="53">
        <v>5700.3251231527001</v>
      </c>
      <c r="C2197" s="53">
        <v>5700.3283582089498</v>
      </c>
      <c r="D2197" s="53">
        <v>5700.3216080401999</v>
      </c>
      <c r="E2197" s="53">
        <v>5700.3248730964397</v>
      </c>
      <c r="F2197" s="53">
        <v>5700.3282051282004</v>
      </c>
      <c r="G2197" s="53">
        <v>5700.3212435233099</v>
      </c>
      <c r="H2197" s="53">
        <v>5700.3246073298396</v>
      </c>
      <c r="I2197" s="53">
        <v>5700.3280423280403</v>
      </c>
      <c r="J2197" s="53">
        <v>5700.3208556149702</v>
      </c>
      <c r="K2197" s="53">
        <v>5700.3243243243196</v>
      </c>
      <c r="L2197" s="53">
        <v>5700.3278688524597</v>
      </c>
      <c r="M2197" s="53">
        <v>5700.3204419889498</v>
      </c>
      <c r="N2197" s="53">
        <v>68403.895551588401</v>
      </c>
      <c r="O2197" s="53">
        <v>5700.3240223463599</v>
      </c>
      <c r="P2197" s="53">
        <v>5700.3240223463599</v>
      </c>
      <c r="Q2197" s="53">
        <v>5700.3240223463599</v>
      </c>
      <c r="R2197" s="53">
        <v>5700.3240223463599</v>
      </c>
      <c r="S2197" s="53">
        <v>5700.3240223463599</v>
      </c>
      <c r="T2197" s="53">
        <v>5700.3240223463599</v>
      </c>
      <c r="U2197" s="53">
        <v>5700.3240223463599</v>
      </c>
      <c r="V2197" s="53">
        <v>5700.3240223463599</v>
      </c>
      <c r="W2197" s="53">
        <v>5700.3240223463599</v>
      </c>
      <c r="X2197" s="53">
        <v>5700.3240223463599</v>
      </c>
      <c r="Y2197" s="53">
        <v>5700.3240223463599</v>
      </c>
      <c r="Z2197" s="53">
        <v>5700.3240223463599</v>
      </c>
      <c r="AA2197" s="53">
        <v>68403.888268156399</v>
      </c>
      <c r="AB2197" s="53">
        <v>5700.3240223463599</v>
      </c>
      <c r="AC2197" s="53">
        <v>5700.3240223463599</v>
      </c>
      <c r="AD2197" s="53">
        <v>5700.3240223463599</v>
      </c>
      <c r="AE2197" s="53">
        <v>5700.3240223463599</v>
      </c>
      <c r="AF2197" s="53">
        <v>5700.3240223463599</v>
      </c>
      <c r="AG2197" s="53">
        <v>5700.3240223463599</v>
      </c>
      <c r="AH2197" s="53">
        <v>5700.3240223463599</v>
      </c>
      <c r="AI2197" s="53">
        <v>5700.3240223463599</v>
      </c>
      <c r="AJ2197" s="53">
        <v>5700.3240223463599</v>
      </c>
      <c r="AK2197" s="53">
        <v>5700.3240223463599</v>
      </c>
      <c r="AL2197" s="53">
        <v>5700.3240223463599</v>
      </c>
      <c r="AM2197" s="53">
        <v>5700.3240223463599</v>
      </c>
      <c r="AN2197" s="53">
        <v>68403.888268156399</v>
      </c>
      <c r="AO2197" s="53">
        <v>5700.3240223463599</v>
      </c>
      <c r="AP2197" s="53">
        <v>5700.3240223463599</v>
      </c>
      <c r="AQ2197" s="53">
        <v>5700.3240223463599</v>
      </c>
      <c r="AR2197" s="53">
        <v>5700.3240223463699</v>
      </c>
      <c r="AS2197" s="53">
        <v>5700.3240223463699</v>
      </c>
      <c r="AT2197" s="53">
        <v>5700.3240223463699</v>
      </c>
      <c r="AU2197" s="53">
        <v>5700.3240223463699</v>
      </c>
      <c r="AV2197" s="53">
        <v>5700.3240223463699</v>
      </c>
      <c r="AW2197" s="53">
        <v>5700.3240223463699</v>
      </c>
      <c r="AX2197" s="53">
        <v>5700.3240223463699</v>
      </c>
      <c r="AY2197" s="53">
        <v>5700.3240223463699</v>
      </c>
      <c r="AZ2197" s="53">
        <v>5700.3240223463699</v>
      </c>
      <c r="BA2197" s="53">
        <v>68403.888268156399</v>
      </c>
      <c r="BB2197" s="53">
        <v>5700.3240223463699</v>
      </c>
      <c r="BC2197" s="53">
        <v>5700.3240223463699</v>
      </c>
      <c r="BD2197" s="53">
        <v>5700.3240223463699</v>
      </c>
      <c r="BE2197" s="53">
        <v>5700.3240223463699</v>
      </c>
      <c r="BF2197" s="53">
        <v>5700.3240223463699</v>
      </c>
      <c r="BG2197" s="53">
        <v>5700.3240223463699</v>
      </c>
      <c r="BH2197" s="53">
        <v>5700.3240223463699</v>
      </c>
      <c r="BI2197" s="53">
        <v>5700.3240223463699</v>
      </c>
      <c r="BJ2197" s="53">
        <v>5700.3240223463699</v>
      </c>
      <c r="BK2197" s="53">
        <v>5700.3240223463699</v>
      </c>
      <c r="BL2197" s="53">
        <v>5700.3240223463699</v>
      </c>
      <c r="BM2197" s="53">
        <v>5700.3240223463699</v>
      </c>
      <c r="BN2197" s="53">
        <v>68403.888268156399</v>
      </c>
      <c r="BO2197" s="53">
        <v>5700.3240223463699</v>
      </c>
      <c r="BP2197" s="53">
        <v>5700.3240223463699</v>
      </c>
      <c r="BQ2197" s="53">
        <v>5700.3240223463699</v>
      </c>
      <c r="BR2197" s="53">
        <v>5700.3240223463699</v>
      </c>
      <c r="BS2197" s="53">
        <v>5700.3240223463699</v>
      </c>
      <c r="BT2197" s="53">
        <v>5700.3240223463699</v>
      </c>
      <c r="BU2197" s="53">
        <v>5700.3240223463699</v>
      </c>
      <c r="BV2197" s="53">
        <v>5700.3240223463699</v>
      </c>
      <c r="BW2197" s="53">
        <v>5700.3240223463699</v>
      </c>
      <c r="BX2197" s="53">
        <v>5700.3240223463699</v>
      </c>
      <c r="BY2197" s="53">
        <v>5700.3240223463699</v>
      </c>
      <c r="BZ2197" s="53">
        <v>5700.3240223463699</v>
      </c>
      <c r="CA2197" s="53">
        <v>68403.888268156399</v>
      </c>
      <c r="CB2197" s="53">
        <v>4051.8264840182501</v>
      </c>
      <c r="CC2197" s="53">
        <v>4051.8264840182501</v>
      </c>
      <c r="CD2197" s="53">
        <v>4051.8264840182501</v>
      </c>
      <c r="CE2197" s="53">
        <v>4051.8264840182501</v>
      </c>
      <c r="CF2197" s="53">
        <v>4051.8264840182501</v>
      </c>
      <c r="CG2197" s="53">
        <v>4051.8264840182501</v>
      </c>
      <c r="CH2197" s="53">
        <v>4051.8264840182501</v>
      </c>
      <c r="CI2197" s="53">
        <v>4051.8264840182501</v>
      </c>
      <c r="CJ2197" s="53">
        <v>4051.8264840182501</v>
      </c>
      <c r="CK2197" s="53">
        <v>4051.8264840182501</v>
      </c>
      <c r="CL2197" s="53">
        <v>4051.8264840182401</v>
      </c>
      <c r="CM2197" s="53">
        <v>4051.8264840182401</v>
      </c>
      <c r="CN2197" s="53">
        <v>48621.917808218997</v>
      </c>
    </row>
    <row r="2198" spans="1:92" outlineLevel="1">
      <c r="A2198" s="52" t="s">
        <v>729</v>
      </c>
      <c r="B2198" s="53">
        <v>8149.6234309623396</v>
      </c>
      <c r="C2198" s="53">
        <v>8149.6202531645504</v>
      </c>
      <c r="D2198" s="53">
        <v>8149.6255319148904</v>
      </c>
      <c r="E2198" s="53">
        <v>8149.6223175965597</v>
      </c>
      <c r="F2198" s="53">
        <v>8149.6277056277004</v>
      </c>
      <c r="G2198" s="53">
        <v>8149.6244541484702</v>
      </c>
      <c r="H2198" s="53">
        <v>8149.62114537445</v>
      </c>
      <c r="I2198" s="53">
        <v>8149.6266666666597</v>
      </c>
      <c r="J2198" s="53">
        <v>8149.6233183856502</v>
      </c>
      <c r="K2198" s="53">
        <v>8149.6199095022603</v>
      </c>
      <c r="L2198" s="53">
        <v>8149.6255707762502</v>
      </c>
      <c r="M2198" s="53">
        <v>8149.62211981566</v>
      </c>
      <c r="N2198" s="53">
        <v>97795.482423935493</v>
      </c>
      <c r="O2198" s="53">
        <v>8149.6279069767397</v>
      </c>
      <c r="P2198" s="53">
        <v>8149.6279069767397</v>
      </c>
      <c r="Q2198" s="53">
        <v>8149.6279069767397</v>
      </c>
      <c r="R2198" s="53">
        <v>8149.6279069767397</v>
      </c>
      <c r="S2198" s="53">
        <v>8149.6279069767397</v>
      </c>
      <c r="T2198" s="53">
        <v>8149.6279069767397</v>
      </c>
      <c r="U2198" s="53">
        <v>8149.6279069767397</v>
      </c>
      <c r="V2198" s="53">
        <v>8149.6279069767397</v>
      </c>
      <c r="W2198" s="53">
        <v>8149.6279069767397</v>
      </c>
      <c r="X2198" s="53">
        <v>8149.6279069767397</v>
      </c>
      <c r="Y2198" s="53">
        <v>8149.6279069767397</v>
      </c>
      <c r="Z2198" s="53">
        <v>8149.6279069767397</v>
      </c>
      <c r="AA2198" s="53">
        <v>97795.534883720902</v>
      </c>
      <c r="AB2198" s="53">
        <v>8149.6279069767397</v>
      </c>
      <c r="AC2198" s="53">
        <v>8149.6279069767397</v>
      </c>
      <c r="AD2198" s="53">
        <v>8149.6279069767397</v>
      </c>
      <c r="AE2198" s="53">
        <v>8149.6279069767397</v>
      </c>
      <c r="AF2198" s="53">
        <v>8149.6279069767397</v>
      </c>
      <c r="AG2198" s="53">
        <v>8149.6279069767297</v>
      </c>
      <c r="AH2198" s="53">
        <v>8149.6279069767297</v>
      </c>
      <c r="AI2198" s="53">
        <v>8149.6279069767297</v>
      </c>
      <c r="AJ2198" s="53">
        <v>8149.6279069767297</v>
      </c>
      <c r="AK2198" s="53">
        <v>8149.6279069767297</v>
      </c>
      <c r="AL2198" s="53">
        <v>8149.6279069767297</v>
      </c>
      <c r="AM2198" s="53">
        <v>8149.6279069767297</v>
      </c>
      <c r="AN2198" s="53">
        <v>97795.5348837208</v>
      </c>
      <c r="AO2198" s="53">
        <v>8149.6279069767297</v>
      </c>
      <c r="AP2198" s="53">
        <v>8149.6279069767297</v>
      </c>
      <c r="AQ2198" s="53">
        <v>8149.6279069767297</v>
      </c>
      <c r="AR2198" s="53">
        <v>8149.6279069767297</v>
      </c>
      <c r="AS2198" s="53">
        <v>8149.6279069767297</v>
      </c>
      <c r="AT2198" s="53">
        <v>8149.6279069767297</v>
      </c>
      <c r="AU2198" s="53">
        <v>8149.6279069767297</v>
      </c>
      <c r="AV2198" s="53">
        <v>8149.6279069767297</v>
      </c>
      <c r="AW2198" s="53">
        <v>8149.6279069767297</v>
      </c>
      <c r="AX2198" s="53">
        <v>8149.6279069767297</v>
      </c>
      <c r="AY2198" s="53">
        <v>8149.6279069767297</v>
      </c>
      <c r="AZ2198" s="53">
        <v>8149.6279069767197</v>
      </c>
      <c r="BA2198" s="53">
        <v>97795.534883720698</v>
      </c>
      <c r="BB2198" s="53">
        <v>8149.6279069767197</v>
      </c>
      <c r="BC2198" s="53">
        <v>8149.6279069767197</v>
      </c>
      <c r="BD2198" s="53">
        <v>8149.6279069767197</v>
      </c>
      <c r="BE2198" s="53">
        <v>8149.6279069767197</v>
      </c>
      <c r="BF2198" s="53">
        <v>8149.6279069767197</v>
      </c>
      <c r="BG2198" s="53">
        <v>8149.6279069767197</v>
      </c>
      <c r="BH2198" s="53">
        <v>8149.6279069767197</v>
      </c>
      <c r="BI2198" s="53">
        <v>8149.6279069767197</v>
      </c>
      <c r="BJ2198" s="53">
        <v>8149.6279069767197</v>
      </c>
      <c r="BK2198" s="53">
        <v>8149.6279069767197</v>
      </c>
      <c r="BL2198" s="53">
        <v>8149.6279069767197</v>
      </c>
      <c r="BM2198" s="53">
        <v>8149.6279069767197</v>
      </c>
      <c r="BN2198" s="53">
        <v>97795.534883720698</v>
      </c>
      <c r="BO2198" s="53">
        <v>8149.6279069767197</v>
      </c>
      <c r="BP2198" s="53">
        <v>8149.6279069767197</v>
      </c>
      <c r="BQ2198" s="53">
        <v>8149.6279069767197</v>
      </c>
      <c r="BR2198" s="53">
        <v>8149.6279069767197</v>
      </c>
      <c r="BS2198" s="53">
        <v>8149.6279069767197</v>
      </c>
      <c r="BT2198" s="53">
        <v>8149.6279069767197</v>
      </c>
      <c r="BU2198" s="53">
        <v>8149.6279069767197</v>
      </c>
      <c r="BV2198" s="53">
        <v>8149.6279069767197</v>
      </c>
      <c r="BW2198" s="53">
        <v>8149.6279069767197</v>
      </c>
      <c r="BX2198" s="53">
        <v>8149.6279069767197</v>
      </c>
      <c r="BY2198" s="53">
        <v>8149.6279069767197</v>
      </c>
      <c r="BZ2198" s="53">
        <v>8149.6279069767197</v>
      </c>
      <c r="CA2198" s="53">
        <v>97795.534883720597</v>
      </c>
      <c r="CB2198" s="53">
        <v>3523.40918163673</v>
      </c>
      <c r="CC2198" s="53">
        <v>3523.40918163673</v>
      </c>
      <c r="CD2198" s="53">
        <v>3523.40918163673</v>
      </c>
      <c r="CE2198" s="53">
        <v>3523.40918163673</v>
      </c>
      <c r="CF2198" s="53">
        <v>3523.40918163673</v>
      </c>
      <c r="CG2198" s="53">
        <v>3523.40918163673</v>
      </c>
      <c r="CH2198" s="53">
        <v>3523.40918163673</v>
      </c>
      <c r="CI2198" s="53">
        <v>3523.40918163673</v>
      </c>
      <c r="CJ2198" s="53">
        <v>3523.40918163673</v>
      </c>
      <c r="CK2198" s="53">
        <v>3523.40918163673</v>
      </c>
      <c r="CL2198" s="53">
        <v>3523.40918163673</v>
      </c>
      <c r="CM2198" s="53">
        <v>3523.40918163673</v>
      </c>
      <c r="CN2198" s="53">
        <v>42280.910179640799</v>
      </c>
    </row>
    <row r="2199" spans="1:92" outlineLevel="1">
      <c r="A2199" s="52" t="s">
        <v>730</v>
      </c>
      <c r="B2199" s="53">
        <v>7907.1043115438097</v>
      </c>
      <c r="C2199" s="53">
        <v>7907.1046025104597</v>
      </c>
      <c r="D2199" s="53">
        <v>7907.1048951048897</v>
      </c>
      <c r="E2199" s="53">
        <v>7907.1051893408103</v>
      </c>
      <c r="F2199" s="53">
        <v>7907.1054852320603</v>
      </c>
      <c r="G2199" s="53">
        <v>7907.10296191819</v>
      </c>
      <c r="H2199" s="53">
        <v>7907.1032531824603</v>
      </c>
      <c r="I2199" s="53">
        <v>7907.1035460992898</v>
      </c>
      <c r="J2199" s="53">
        <v>7907.1038406827802</v>
      </c>
      <c r="K2199" s="53">
        <v>7907.1041369472096</v>
      </c>
      <c r="L2199" s="53">
        <v>7907.1044349070098</v>
      </c>
      <c r="M2199" s="53">
        <v>7907.1047345767502</v>
      </c>
      <c r="N2199" s="53">
        <v>94885.251392045699</v>
      </c>
      <c r="O2199" s="53">
        <v>7907.1050359712199</v>
      </c>
      <c r="P2199" s="53">
        <v>7907.1050359712199</v>
      </c>
      <c r="Q2199" s="53">
        <v>7907.1050359712199</v>
      </c>
      <c r="R2199" s="53">
        <v>7907.1050359712199</v>
      </c>
      <c r="S2199" s="53">
        <v>7907.1050359712199</v>
      </c>
      <c r="T2199" s="53">
        <v>7907.1050359712199</v>
      </c>
      <c r="U2199" s="53">
        <v>7907.1050359712199</v>
      </c>
      <c r="V2199" s="53">
        <v>7907.1050359712199</v>
      </c>
      <c r="W2199" s="53">
        <v>7907.1050359712199</v>
      </c>
      <c r="X2199" s="53">
        <v>7907.1050359712199</v>
      </c>
      <c r="Y2199" s="53">
        <v>7907.1050359712199</v>
      </c>
      <c r="Z2199" s="53">
        <v>7907.1050359712199</v>
      </c>
      <c r="AA2199" s="53">
        <v>94885.260431654693</v>
      </c>
      <c r="AB2199" s="53">
        <v>7907.1050359712199</v>
      </c>
      <c r="AC2199" s="53">
        <v>7907.1050359712199</v>
      </c>
      <c r="AD2199" s="53">
        <v>7907.1050359712199</v>
      </c>
      <c r="AE2199" s="53">
        <v>7907.1050359712199</v>
      </c>
      <c r="AF2199" s="53">
        <v>7907.1050359712199</v>
      </c>
      <c r="AG2199" s="53">
        <v>7907.1050359712199</v>
      </c>
      <c r="AH2199" s="53">
        <v>7907.1050359712199</v>
      </c>
      <c r="AI2199" s="53">
        <v>7907.1050359712199</v>
      </c>
      <c r="AJ2199" s="53">
        <v>7907.1050359712199</v>
      </c>
      <c r="AK2199" s="53">
        <v>7907.1050359712199</v>
      </c>
      <c r="AL2199" s="53">
        <v>7907.1050359712199</v>
      </c>
      <c r="AM2199" s="53">
        <v>7907.1050359712199</v>
      </c>
      <c r="AN2199" s="53">
        <v>94885.260431654693</v>
      </c>
      <c r="AO2199" s="53">
        <v>7907.1050359712199</v>
      </c>
      <c r="AP2199" s="53">
        <v>7907.1050359712199</v>
      </c>
      <c r="AQ2199" s="53">
        <v>7907.1050359712199</v>
      </c>
      <c r="AR2199" s="53">
        <v>7907.1050359712199</v>
      </c>
      <c r="AS2199" s="53">
        <v>7907.1050359712199</v>
      </c>
      <c r="AT2199" s="53">
        <v>7907.1050359712199</v>
      </c>
      <c r="AU2199" s="53">
        <v>7907.1050359712199</v>
      </c>
      <c r="AV2199" s="53">
        <v>7907.1050359712199</v>
      </c>
      <c r="AW2199" s="53">
        <v>7907.1050359712199</v>
      </c>
      <c r="AX2199" s="53">
        <v>7907.1050359712199</v>
      </c>
      <c r="AY2199" s="53">
        <v>7907.1050359712199</v>
      </c>
      <c r="AZ2199" s="53">
        <v>7907.1050359712199</v>
      </c>
      <c r="BA2199" s="53">
        <v>94885.260431654693</v>
      </c>
      <c r="BB2199" s="53">
        <v>7907.1050359712199</v>
      </c>
      <c r="BC2199" s="53">
        <v>7907.1050359712199</v>
      </c>
      <c r="BD2199" s="53">
        <v>7907.1050359712199</v>
      </c>
      <c r="BE2199" s="53">
        <v>7907.1050359712199</v>
      </c>
      <c r="BF2199" s="53">
        <v>7907.1050359712199</v>
      </c>
      <c r="BG2199" s="53">
        <v>7907.1050359712199</v>
      </c>
      <c r="BH2199" s="53">
        <v>7907.1050359712199</v>
      </c>
      <c r="BI2199" s="53">
        <v>7907.1050359712199</v>
      </c>
      <c r="BJ2199" s="53">
        <v>7907.1050359712199</v>
      </c>
      <c r="BK2199" s="53">
        <v>7907.1050359712199</v>
      </c>
      <c r="BL2199" s="53">
        <v>7907.1050359712199</v>
      </c>
      <c r="BM2199" s="53">
        <v>7907.1050359712199</v>
      </c>
      <c r="BN2199" s="53">
        <v>94885.260431654693</v>
      </c>
      <c r="BO2199" s="53">
        <v>7907.1050359712199</v>
      </c>
      <c r="BP2199" s="53">
        <v>7907.1050359712199</v>
      </c>
      <c r="BQ2199" s="53">
        <v>7907.1050359712199</v>
      </c>
      <c r="BR2199" s="53">
        <v>7907.1050359712199</v>
      </c>
      <c r="BS2199" s="53">
        <v>7907.1050359712199</v>
      </c>
      <c r="BT2199" s="53">
        <v>7907.1050359712199</v>
      </c>
      <c r="BU2199" s="53">
        <v>7907.1050359712199</v>
      </c>
      <c r="BV2199" s="53">
        <v>7907.1050359712199</v>
      </c>
      <c r="BW2199" s="53">
        <v>7907.1050359712199</v>
      </c>
      <c r="BX2199" s="53">
        <v>7907.1050359712199</v>
      </c>
      <c r="BY2199" s="53">
        <v>7907.1050359712199</v>
      </c>
      <c r="BZ2199" s="53">
        <v>7907.1050359712199</v>
      </c>
      <c r="CA2199" s="53">
        <v>94885.260431654693</v>
      </c>
      <c r="CB2199" s="53">
        <v>9347.6262626262396</v>
      </c>
      <c r="CC2199" s="53">
        <v>9347.6262626262396</v>
      </c>
      <c r="CD2199" s="53">
        <v>9347.6262626262396</v>
      </c>
      <c r="CE2199" s="53">
        <v>9347.6262626262396</v>
      </c>
      <c r="CF2199" s="53">
        <v>9347.6262626262396</v>
      </c>
      <c r="CG2199" s="53">
        <v>9347.6262626262396</v>
      </c>
      <c r="CH2199" s="53">
        <v>9347.6262626262396</v>
      </c>
      <c r="CI2199" s="53">
        <v>9347.6262626262396</v>
      </c>
      <c r="CJ2199" s="53">
        <v>9347.6262626262396</v>
      </c>
      <c r="CK2199" s="53">
        <v>9347.6262626262396</v>
      </c>
      <c r="CL2199" s="53">
        <v>9347.6262626262305</v>
      </c>
      <c r="CM2199" s="53">
        <v>9347.6262626262305</v>
      </c>
      <c r="CN2199" s="53">
        <v>112171.515151514</v>
      </c>
    </row>
    <row r="2200" spans="1:92" outlineLevel="1">
      <c r="A2200" s="52" t="s">
        <v>1565</v>
      </c>
      <c r="B2200" s="53"/>
      <c r="C2200" s="53"/>
      <c r="D2200" s="53"/>
      <c r="E2200" s="53"/>
      <c r="F2200" s="53"/>
      <c r="G2200" s="53"/>
      <c r="H2200" s="53"/>
      <c r="I2200" s="53"/>
      <c r="J2200" s="53"/>
      <c r="K2200" s="53"/>
      <c r="L2200" s="53">
        <v>5899.2140545538596</v>
      </c>
      <c r="M2200" s="53">
        <v>8857.0264255910897</v>
      </c>
      <c r="N2200" s="53">
        <v>14756.240480144899</v>
      </c>
      <c r="O2200" s="53">
        <v>8857.0264993026503</v>
      </c>
      <c r="P2200" s="53">
        <v>8857.0264993026503</v>
      </c>
      <c r="Q2200" s="53">
        <v>8857.0264993026503</v>
      </c>
      <c r="R2200" s="53">
        <v>8857.0264993026503</v>
      </c>
      <c r="S2200" s="53">
        <v>8857.0264993026503</v>
      </c>
      <c r="T2200" s="53">
        <v>8857.0264993026503</v>
      </c>
      <c r="U2200" s="53">
        <v>8857.0264993026503</v>
      </c>
      <c r="V2200" s="53">
        <v>8857.0264993026503</v>
      </c>
      <c r="W2200" s="53">
        <v>8857.0264993026394</v>
      </c>
      <c r="X2200" s="53">
        <v>8857.0264993026394</v>
      </c>
      <c r="Y2200" s="53">
        <v>8857.0264993026394</v>
      </c>
      <c r="Z2200" s="53">
        <v>8857.0264993026394</v>
      </c>
      <c r="AA2200" s="53">
        <v>106284.317991631</v>
      </c>
      <c r="AB2200" s="53">
        <v>8857.0264993026394</v>
      </c>
      <c r="AC2200" s="53">
        <v>8857.0264993026394</v>
      </c>
      <c r="AD2200" s="53">
        <v>8857.0264993026394</v>
      </c>
      <c r="AE2200" s="53">
        <v>8857.0264993026394</v>
      </c>
      <c r="AF2200" s="53">
        <v>8857.0264993026394</v>
      </c>
      <c r="AG2200" s="53">
        <v>8857.0264993026394</v>
      </c>
      <c r="AH2200" s="53">
        <v>8857.0264993026394</v>
      </c>
      <c r="AI2200" s="53">
        <v>8857.0264993026394</v>
      </c>
      <c r="AJ2200" s="53">
        <v>8857.0264993026394</v>
      </c>
      <c r="AK2200" s="53">
        <v>8857.0264993026394</v>
      </c>
      <c r="AL2200" s="53">
        <v>8857.0264993026394</v>
      </c>
      <c r="AM2200" s="53">
        <v>8857.0264993026394</v>
      </c>
      <c r="AN2200" s="53">
        <v>106284.317991631</v>
      </c>
      <c r="AO2200" s="53">
        <v>8857.0264993026394</v>
      </c>
      <c r="AP2200" s="53">
        <v>8857.0264993026394</v>
      </c>
      <c r="AQ2200" s="53">
        <v>8857.0264993026394</v>
      </c>
      <c r="AR2200" s="53">
        <v>8857.0264993026394</v>
      </c>
      <c r="AS2200" s="53">
        <v>8857.0264993026394</v>
      </c>
      <c r="AT2200" s="53">
        <v>8857.0264993026394</v>
      </c>
      <c r="AU2200" s="53">
        <v>8857.0264993026394</v>
      </c>
      <c r="AV2200" s="53">
        <v>8857.0264993026394</v>
      </c>
      <c r="AW2200" s="53">
        <v>8857.0264993026394</v>
      </c>
      <c r="AX2200" s="53">
        <v>8857.0264993026394</v>
      </c>
      <c r="AY2200" s="53">
        <v>8857.0264993026394</v>
      </c>
      <c r="AZ2200" s="53">
        <v>8857.0264993026394</v>
      </c>
      <c r="BA2200" s="53">
        <v>106284.317991631</v>
      </c>
      <c r="BB2200" s="53">
        <v>8857.0264993026394</v>
      </c>
      <c r="BC2200" s="53">
        <v>8857.0264993026394</v>
      </c>
      <c r="BD2200" s="53">
        <v>8857.0264993026394</v>
      </c>
      <c r="BE2200" s="53">
        <v>8857.0264993026394</v>
      </c>
      <c r="BF2200" s="53">
        <v>8857.0264993026394</v>
      </c>
      <c r="BG2200" s="53">
        <v>8857.0264993026394</v>
      </c>
      <c r="BH2200" s="53">
        <v>8857.0264993026394</v>
      </c>
      <c r="BI2200" s="53">
        <v>8857.0264993026394</v>
      </c>
      <c r="BJ2200" s="53">
        <v>8857.0264993026394</v>
      </c>
      <c r="BK2200" s="53">
        <v>8857.0264993026394</v>
      </c>
      <c r="BL2200" s="53">
        <v>8857.0264993026394</v>
      </c>
      <c r="BM2200" s="53">
        <v>8857.0264993026394</v>
      </c>
      <c r="BN2200" s="53">
        <v>106284.317991631</v>
      </c>
      <c r="BO2200" s="53">
        <v>8857.0264993026394</v>
      </c>
      <c r="BP2200" s="53">
        <v>8857.0264993026394</v>
      </c>
      <c r="BQ2200" s="53">
        <v>8857.0264993026394</v>
      </c>
      <c r="BR2200" s="53">
        <v>8857.0264993026394</v>
      </c>
      <c r="BS2200" s="53">
        <v>8857.0264993026394</v>
      </c>
      <c r="BT2200" s="53">
        <v>8857.0264993026394</v>
      </c>
      <c r="BU2200" s="53">
        <v>8857.0264993026303</v>
      </c>
      <c r="BV2200" s="53">
        <v>8857.0264993026303</v>
      </c>
      <c r="BW2200" s="53">
        <v>8857.0264993026303</v>
      </c>
      <c r="BX2200" s="53">
        <v>8857.0264993026303</v>
      </c>
      <c r="BY2200" s="53">
        <v>8857.0264993026303</v>
      </c>
      <c r="BZ2200" s="53">
        <v>8857.0264993026303</v>
      </c>
      <c r="CA2200" s="53">
        <v>106284.317991631</v>
      </c>
      <c r="CB2200" s="53"/>
      <c r="CC2200" s="53"/>
      <c r="CD2200" s="53"/>
      <c r="CE2200" s="53"/>
      <c r="CF2200" s="53"/>
      <c r="CG2200" s="53"/>
      <c r="CH2200" s="53"/>
      <c r="CI2200" s="53"/>
      <c r="CJ2200" s="53"/>
      <c r="CK2200" s="53"/>
      <c r="CL2200" s="53"/>
      <c r="CM2200" s="53"/>
      <c r="CN2200" s="53"/>
    </row>
    <row r="2201" spans="1:92" outlineLevel="1">
      <c r="A2201" s="52" t="s">
        <v>1580</v>
      </c>
      <c r="B2201" s="53"/>
      <c r="C2201" s="53"/>
      <c r="D2201" s="53"/>
      <c r="E2201" s="53"/>
      <c r="F2201" s="53"/>
      <c r="G2201" s="53"/>
      <c r="H2201" s="53"/>
      <c r="I2201" s="53"/>
      <c r="J2201" s="53"/>
      <c r="K2201" s="53"/>
      <c r="L2201" s="53"/>
      <c r="M2201" s="53"/>
      <c r="N2201" s="53"/>
      <c r="O2201" s="53"/>
      <c r="P2201" s="53"/>
      <c r="Q2201" s="53"/>
      <c r="R2201" s="53"/>
      <c r="S2201" s="53"/>
      <c r="T2201" s="53"/>
      <c r="U2201" s="53"/>
      <c r="V2201" s="53"/>
      <c r="W2201" s="53"/>
      <c r="X2201" s="53"/>
      <c r="Y2201" s="53"/>
      <c r="Z2201" s="53"/>
      <c r="AA2201" s="53"/>
      <c r="AB2201" s="53"/>
      <c r="AC2201" s="53"/>
      <c r="AD2201" s="53"/>
      <c r="AE2201" s="53"/>
      <c r="AF2201" s="53"/>
      <c r="AG2201" s="53"/>
      <c r="AH2201" s="53"/>
      <c r="AI2201" s="53"/>
      <c r="AJ2201" s="53"/>
      <c r="AK2201" s="53"/>
      <c r="AL2201" s="53"/>
      <c r="AM2201" s="53"/>
      <c r="AN2201" s="53"/>
      <c r="AO2201" s="53"/>
      <c r="AP2201" s="53"/>
      <c r="AQ2201" s="53"/>
      <c r="AR2201" s="53"/>
      <c r="AS2201" s="53"/>
      <c r="AT2201" s="53"/>
      <c r="AU2201" s="53"/>
      <c r="AV2201" s="53"/>
      <c r="AW2201" s="53"/>
      <c r="AX2201" s="53"/>
      <c r="AY2201" s="53"/>
      <c r="AZ2201" s="53"/>
      <c r="BA2201" s="53"/>
      <c r="BB2201" s="53"/>
      <c r="BC2201" s="53"/>
      <c r="BD2201" s="53"/>
      <c r="BE2201" s="53"/>
      <c r="BF2201" s="53"/>
      <c r="BG2201" s="53"/>
      <c r="BH2201" s="53"/>
      <c r="BI2201" s="53"/>
      <c r="BJ2201" s="53"/>
      <c r="BK2201" s="53"/>
      <c r="BL2201" s="53"/>
      <c r="BM2201" s="53"/>
      <c r="BN2201" s="53"/>
      <c r="BO2201" s="53"/>
      <c r="BP2201" s="53"/>
      <c r="BQ2201" s="53"/>
      <c r="BR2201" s="53"/>
      <c r="BS2201" s="53"/>
      <c r="BT2201" s="53"/>
      <c r="BU2201" s="53"/>
      <c r="BV2201" s="53"/>
      <c r="BW2201" s="53"/>
      <c r="BX2201" s="53"/>
      <c r="BY2201" s="53"/>
      <c r="BZ2201" s="53"/>
      <c r="CA2201" s="53"/>
      <c r="CB2201" s="53">
        <v>3240.39669421487</v>
      </c>
      <c r="CC2201" s="53">
        <v>3240.39669421487</v>
      </c>
      <c r="CD2201" s="53">
        <v>3240.39669421487</v>
      </c>
      <c r="CE2201" s="53">
        <v>3240.39669421487</v>
      </c>
      <c r="CF2201" s="53">
        <v>3240.39669421487</v>
      </c>
      <c r="CG2201" s="53">
        <v>3240.39669421487</v>
      </c>
      <c r="CH2201" s="53">
        <v>3240.39669421487</v>
      </c>
      <c r="CI2201" s="53">
        <v>3240.39669421487</v>
      </c>
      <c r="CJ2201" s="53">
        <v>3240.39669421487</v>
      </c>
      <c r="CK2201" s="53">
        <v>3240.39669421487</v>
      </c>
      <c r="CL2201" s="53">
        <v>3240.39669421487</v>
      </c>
      <c r="CM2201" s="53">
        <v>3240.39669421487</v>
      </c>
      <c r="CN2201" s="53">
        <v>38884.760330578501</v>
      </c>
    </row>
    <row r="2202" spans="1:92" outlineLevel="1">
      <c r="A2202" s="52" t="s">
        <v>711</v>
      </c>
      <c r="B2202" s="53"/>
      <c r="C2202" s="53"/>
      <c r="D2202" s="53"/>
      <c r="E2202" s="53"/>
      <c r="F2202" s="53"/>
      <c r="G2202" s="53"/>
      <c r="H2202" s="53"/>
      <c r="I2202" s="53"/>
      <c r="J2202" s="53"/>
      <c r="K2202" s="53"/>
      <c r="L2202" s="53"/>
      <c r="M2202" s="53"/>
      <c r="N2202" s="53"/>
      <c r="O2202" s="53"/>
      <c r="P2202" s="53"/>
      <c r="Q2202" s="53"/>
      <c r="R2202" s="53"/>
      <c r="S2202" s="53"/>
      <c r="T2202" s="53"/>
      <c r="U2202" s="53"/>
      <c r="V2202" s="53"/>
      <c r="W2202" s="53"/>
      <c r="X2202" s="53"/>
      <c r="Y2202" s="53"/>
      <c r="Z2202" s="53"/>
      <c r="AA2202" s="53"/>
      <c r="AB2202" s="53"/>
      <c r="AC2202" s="53"/>
      <c r="AD2202" s="53"/>
      <c r="AE2202" s="53"/>
      <c r="AF2202" s="53"/>
      <c r="AG2202" s="53"/>
      <c r="AH2202" s="53"/>
      <c r="AI2202" s="53"/>
      <c r="AJ2202" s="53"/>
      <c r="AK2202" s="53"/>
      <c r="AL2202" s="53"/>
      <c r="AM2202" s="53"/>
      <c r="AN2202" s="53"/>
      <c r="AO2202" s="53"/>
      <c r="AP2202" s="53"/>
      <c r="AQ2202" s="53"/>
      <c r="AR2202" s="53"/>
      <c r="AS2202" s="53"/>
      <c r="AT2202" s="53"/>
      <c r="AU2202" s="53"/>
      <c r="AV2202" s="53"/>
      <c r="AW2202" s="53"/>
      <c r="AX2202" s="53"/>
      <c r="AY2202" s="53"/>
      <c r="AZ2202" s="53"/>
      <c r="BA2202" s="53"/>
      <c r="BB2202" s="53"/>
      <c r="BC2202" s="53"/>
      <c r="BD2202" s="53"/>
      <c r="BE2202" s="53"/>
      <c r="BF2202" s="53"/>
      <c r="BG2202" s="53"/>
      <c r="BH2202" s="53"/>
      <c r="BI2202" s="53"/>
      <c r="BJ2202" s="53"/>
      <c r="BK2202" s="53"/>
      <c r="BL2202" s="53"/>
      <c r="BM2202" s="53"/>
      <c r="BN2202" s="53"/>
      <c r="BO2202" s="53"/>
      <c r="BP2202" s="53">
        <v>150000000</v>
      </c>
      <c r="BQ2202" s="53"/>
      <c r="BR2202" s="53"/>
      <c r="BS2202" s="53"/>
      <c r="BT2202" s="53"/>
      <c r="BU2202" s="53"/>
      <c r="BV2202" s="53"/>
      <c r="BW2202" s="53"/>
      <c r="BX2202" s="53"/>
      <c r="BY2202" s="53"/>
      <c r="BZ2202" s="53"/>
      <c r="CA2202" s="53">
        <v>150000000</v>
      </c>
      <c r="CB2202" s="53">
        <v>1540.86342229199</v>
      </c>
      <c r="CC2202" s="53">
        <v>1540.86342229199</v>
      </c>
      <c r="CD2202" s="53">
        <v>1540.86342229199</v>
      </c>
      <c r="CE2202" s="53">
        <v>1540.86342229199</v>
      </c>
      <c r="CF2202" s="53">
        <v>1540.86342229199</v>
      </c>
      <c r="CG2202" s="53">
        <v>1540.86342229199</v>
      </c>
      <c r="CH2202" s="53">
        <v>1540.86342229199</v>
      </c>
      <c r="CI2202" s="53">
        <v>1540.86342229199</v>
      </c>
      <c r="CJ2202" s="53">
        <v>1540.86342229199</v>
      </c>
      <c r="CK2202" s="53">
        <v>1540.86342229199</v>
      </c>
      <c r="CL2202" s="53">
        <v>1540.86342229199</v>
      </c>
      <c r="CM2202" s="53">
        <v>1540.86342229199</v>
      </c>
      <c r="CN2202" s="53">
        <v>18490.361067503902</v>
      </c>
    </row>
    <row r="2203" spans="1:92" outlineLevel="1">
      <c r="A2203" s="52" t="s">
        <v>723</v>
      </c>
      <c r="B2203" s="53"/>
      <c r="C2203" s="53"/>
      <c r="D2203" s="53"/>
      <c r="E2203" s="53"/>
      <c r="F2203" s="53"/>
      <c r="G2203" s="53"/>
      <c r="H2203" s="53"/>
      <c r="I2203" s="53"/>
      <c r="J2203" s="53"/>
      <c r="K2203" s="53"/>
      <c r="L2203" s="53"/>
      <c r="M2203" s="53"/>
      <c r="N2203" s="53"/>
      <c r="O2203" s="53"/>
      <c r="P2203" s="53"/>
      <c r="Q2203" s="53"/>
      <c r="R2203" s="53"/>
      <c r="S2203" s="53"/>
      <c r="T2203" s="53"/>
      <c r="U2203" s="53"/>
      <c r="V2203" s="53"/>
      <c r="W2203" s="53"/>
      <c r="X2203" s="53"/>
      <c r="Y2203" s="53"/>
      <c r="Z2203" s="53"/>
      <c r="AA2203" s="53"/>
      <c r="AB2203" s="53"/>
      <c r="AC2203" s="53"/>
      <c r="AD2203" s="53"/>
      <c r="AE2203" s="53"/>
      <c r="AF2203" s="53"/>
      <c r="AG2203" s="53"/>
      <c r="AH2203" s="53"/>
      <c r="AI2203" s="53"/>
      <c r="AJ2203" s="53"/>
      <c r="AK2203" s="53"/>
      <c r="AL2203" s="53"/>
      <c r="AM2203" s="53"/>
      <c r="AN2203" s="53"/>
      <c r="AO2203" s="53"/>
      <c r="AP2203" s="53"/>
      <c r="AQ2203" s="53"/>
      <c r="AR2203" s="53"/>
      <c r="AS2203" s="53"/>
      <c r="AT2203" s="53"/>
      <c r="AU2203" s="53"/>
      <c r="AV2203" s="53"/>
      <c r="AW2203" s="53"/>
      <c r="AX2203" s="53"/>
      <c r="AY2203" s="53"/>
      <c r="AZ2203" s="53"/>
      <c r="BA2203" s="53"/>
      <c r="BB2203" s="53">
        <v>650000000</v>
      </c>
      <c r="BC2203" s="53"/>
      <c r="BD2203" s="53"/>
      <c r="BE2203" s="53"/>
      <c r="BF2203" s="53"/>
      <c r="BG2203" s="53"/>
      <c r="BH2203" s="53"/>
      <c r="BI2203" s="53"/>
      <c r="BJ2203" s="53"/>
      <c r="BK2203" s="53"/>
      <c r="BL2203" s="53"/>
      <c r="BM2203" s="53"/>
      <c r="BN2203" s="53">
        <v>650000000</v>
      </c>
      <c r="BO2203" s="53"/>
      <c r="BP2203" s="53"/>
      <c r="BQ2203" s="53"/>
      <c r="BR2203" s="53"/>
      <c r="BS2203" s="53"/>
      <c r="BT2203" s="53"/>
      <c r="BU2203" s="53"/>
      <c r="BV2203" s="53"/>
      <c r="BW2203" s="53"/>
      <c r="BX2203" s="53"/>
      <c r="BY2203" s="53"/>
      <c r="BZ2203" s="53"/>
      <c r="CA2203" s="53"/>
      <c r="CB2203" s="53">
        <v>9185.2866242038108</v>
      </c>
      <c r="CC2203" s="53">
        <v>9185.2866242038108</v>
      </c>
      <c r="CD2203" s="53">
        <v>9185.2866242038108</v>
      </c>
      <c r="CE2203" s="53">
        <v>9185.2866242038108</v>
      </c>
      <c r="CF2203" s="53">
        <v>9185.2866242038108</v>
      </c>
      <c r="CG2203" s="53">
        <v>9185.2866242038108</v>
      </c>
      <c r="CH2203" s="53">
        <v>9185.2866242038108</v>
      </c>
      <c r="CI2203" s="53">
        <v>9185.2866242038108</v>
      </c>
      <c r="CJ2203" s="53">
        <v>9185.2866242038108</v>
      </c>
      <c r="CK2203" s="53">
        <v>9185.2866242038108</v>
      </c>
      <c r="CL2203" s="53">
        <v>9185.2866242038108</v>
      </c>
      <c r="CM2203" s="53">
        <v>9185.2866242038108</v>
      </c>
      <c r="CN2203" s="53">
        <v>110223.439490445</v>
      </c>
    </row>
    <row r="2204" spans="1:92" outlineLevel="1">
      <c r="A2204" s="52" t="s">
        <v>725</v>
      </c>
      <c r="B2204" s="53"/>
      <c r="C2204" s="53"/>
      <c r="D2204" s="53"/>
      <c r="E2204" s="53"/>
      <c r="F2204" s="53"/>
      <c r="G2204" s="53"/>
      <c r="H2204" s="53"/>
      <c r="I2204" s="53"/>
      <c r="J2204" s="53"/>
      <c r="K2204" s="53"/>
      <c r="L2204" s="53"/>
      <c r="M2204" s="53"/>
      <c r="N2204" s="53"/>
      <c r="O2204" s="53"/>
      <c r="P2204" s="53"/>
      <c r="Q2204" s="53"/>
      <c r="R2204" s="53"/>
      <c r="S2204" s="53"/>
      <c r="T2204" s="53"/>
      <c r="U2204" s="53"/>
      <c r="V2204" s="53"/>
      <c r="W2204" s="53"/>
      <c r="X2204" s="53"/>
      <c r="Y2204" s="53"/>
      <c r="Z2204" s="53"/>
      <c r="AA2204" s="53"/>
      <c r="AB2204" s="53"/>
      <c r="AC2204" s="53"/>
      <c r="AD2204" s="53"/>
      <c r="AE2204" s="53"/>
      <c r="AF2204" s="53"/>
      <c r="AG2204" s="53"/>
      <c r="AH2204" s="53"/>
      <c r="AI2204" s="53"/>
      <c r="AJ2204" s="53"/>
      <c r="AK2204" s="53"/>
      <c r="AL2204" s="53"/>
      <c r="AM2204" s="53"/>
      <c r="AN2204" s="53"/>
      <c r="AO2204" s="53"/>
      <c r="AP2204" s="53"/>
      <c r="AQ2204" s="53"/>
      <c r="AR2204" s="53"/>
      <c r="AS2204" s="53"/>
      <c r="AT2204" s="53"/>
      <c r="AU2204" s="53"/>
      <c r="AV2204" s="53"/>
      <c r="AW2204" s="53"/>
      <c r="AX2204" s="53"/>
      <c r="AY2204" s="53"/>
      <c r="AZ2204" s="53"/>
      <c r="BA2204" s="53"/>
      <c r="BB2204" s="53"/>
      <c r="BC2204" s="53"/>
      <c r="BD2204" s="53"/>
      <c r="BE2204" s="53"/>
      <c r="BF2204" s="53"/>
      <c r="BG2204" s="53"/>
      <c r="BH2204" s="53"/>
      <c r="BI2204" s="53"/>
      <c r="BJ2204" s="53"/>
      <c r="BK2204" s="53"/>
      <c r="BL2204" s="53"/>
      <c r="BM2204" s="53"/>
      <c r="BN2204" s="53"/>
      <c r="BO2204" s="53"/>
      <c r="BP2204" s="53"/>
      <c r="BQ2204" s="53"/>
      <c r="BR2204" s="53"/>
      <c r="BS2204" s="53"/>
      <c r="BT2204" s="53"/>
      <c r="BU2204" s="53">
        <v>600000000</v>
      </c>
      <c r="BV2204" s="53"/>
      <c r="BW2204" s="53"/>
      <c r="BX2204" s="53"/>
      <c r="BY2204" s="53"/>
      <c r="BZ2204" s="53"/>
      <c r="CA2204" s="53">
        <v>600000000</v>
      </c>
      <c r="CB2204" s="53">
        <v>3087.3789473684201</v>
      </c>
      <c r="CC2204" s="53">
        <v>3087.3789473684201</v>
      </c>
      <c r="CD2204" s="53">
        <v>3087.3789473684201</v>
      </c>
      <c r="CE2204" s="53">
        <v>3087.3789473684201</v>
      </c>
      <c r="CF2204" s="53">
        <v>3087.3789473684201</v>
      </c>
      <c r="CG2204" s="53">
        <v>3087.3789473684201</v>
      </c>
      <c r="CH2204" s="53">
        <v>3087.3789473684201</v>
      </c>
      <c r="CI2204" s="53">
        <v>3087.3789473684201</v>
      </c>
      <c r="CJ2204" s="53">
        <v>3087.3789473684201</v>
      </c>
      <c r="CK2204" s="53">
        <v>3087.3789473684201</v>
      </c>
      <c r="CL2204" s="53">
        <v>3087.3789473684201</v>
      </c>
      <c r="CM2204" s="53">
        <v>3087.3789473684201</v>
      </c>
      <c r="CN2204" s="53">
        <v>37048.547368421001</v>
      </c>
    </row>
    <row r="2205" spans="1:92" outlineLevel="1">
      <c r="A2205" s="52" t="s">
        <v>726</v>
      </c>
      <c r="B2205" s="53"/>
      <c r="C2205" s="53"/>
      <c r="D2205" s="53"/>
      <c r="E2205" s="53"/>
      <c r="F2205" s="53"/>
      <c r="G2205" s="53"/>
      <c r="H2205" s="53"/>
      <c r="I2205" s="53"/>
      <c r="J2205" s="53"/>
      <c r="K2205" s="53"/>
      <c r="L2205" s="53"/>
      <c r="M2205" s="53"/>
      <c r="N2205" s="53"/>
      <c r="O2205" s="53"/>
      <c r="P2205" s="53"/>
      <c r="Q2205" s="53"/>
      <c r="R2205" s="53"/>
      <c r="S2205" s="53"/>
      <c r="T2205" s="53"/>
      <c r="U2205" s="53"/>
      <c r="V2205" s="53"/>
      <c r="W2205" s="53"/>
      <c r="X2205" s="53"/>
      <c r="Y2205" s="53"/>
      <c r="Z2205" s="53"/>
      <c r="AA2205" s="53"/>
      <c r="AB2205" s="53"/>
      <c r="AC2205" s="53"/>
      <c r="AD2205" s="53"/>
      <c r="AE2205" s="53"/>
      <c r="AF2205" s="53"/>
      <c r="AG2205" s="53"/>
      <c r="AH2205" s="53"/>
      <c r="AI2205" s="53"/>
      <c r="AJ2205" s="53"/>
      <c r="AK2205" s="53"/>
      <c r="AL2205" s="53"/>
      <c r="AM2205" s="53"/>
      <c r="AN2205" s="53"/>
      <c r="AO2205" s="53"/>
      <c r="AP2205" s="53"/>
      <c r="AQ2205" s="53"/>
      <c r="AR2205" s="53"/>
      <c r="AS2205" s="53"/>
      <c r="AT2205" s="53"/>
      <c r="AU2205" s="53"/>
      <c r="AV2205" s="53"/>
      <c r="AW2205" s="53"/>
      <c r="AX2205" s="53"/>
      <c r="AY2205" s="53"/>
      <c r="AZ2205" s="53"/>
      <c r="BA2205" s="53"/>
      <c r="BB2205" s="53"/>
      <c r="BC2205" s="53"/>
      <c r="BD2205" s="53"/>
      <c r="BE2205" s="53"/>
      <c r="BF2205" s="53"/>
      <c r="BG2205" s="53"/>
      <c r="BH2205" s="53"/>
      <c r="BI2205" s="53"/>
      <c r="BJ2205" s="53"/>
      <c r="BK2205" s="53"/>
      <c r="BL2205" s="53"/>
      <c r="BM2205" s="53"/>
      <c r="BN2205" s="53"/>
      <c r="BO2205" s="53"/>
      <c r="BP2205" s="53"/>
      <c r="BQ2205" s="53"/>
      <c r="BR2205" s="53"/>
      <c r="BS2205" s="53"/>
      <c r="BT2205" s="53"/>
      <c r="BU2205" s="53"/>
      <c r="BV2205" s="53"/>
      <c r="BW2205" s="53"/>
      <c r="BX2205" s="53"/>
      <c r="BY2205" s="53"/>
      <c r="BZ2205" s="53"/>
      <c r="CA2205" s="53"/>
      <c r="CB2205" s="53">
        <v>5700.3251231527001</v>
      </c>
      <c r="CC2205" s="53">
        <v>5700.3251231527101</v>
      </c>
      <c r="CD2205" s="53">
        <v>5700.3251231527001</v>
      </c>
      <c r="CE2205" s="53">
        <v>5700.3251231527101</v>
      </c>
      <c r="CF2205" s="53">
        <v>5700.3251231527101</v>
      </c>
      <c r="CG2205" s="53">
        <v>5700.3251231527101</v>
      </c>
      <c r="CH2205" s="53">
        <v>5700.3251231527101</v>
      </c>
      <c r="CI2205" s="53">
        <v>5700.3251231527101</v>
      </c>
      <c r="CJ2205" s="53">
        <v>5700.3251231527101</v>
      </c>
      <c r="CK2205" s="53">
        <v>5700.3251231527101</v>
      </c>
      <c r="CL2205" s="53">
        <v>5700.3251231527101</v>
      </c>
      <c r="CM2205" s="53">
        <v>5700.3251231527101</v>
      </c>
      <c r="CN2205" s="53">
        <v>68403.901477832507</v>
      </c>
    </row>
    <row r="2206" spans="1:92" outlineLevel="1">
      <c r="A2206" s="52" t="s">
        <v>1564</v>
      </c>
      <c r="B2206" s="53"/>
      <c r="C2206" s="53"/>
      <c r="D2206" s="53"/>
      <c r="E2206" s="53"/>
      <c r="F2206" s="53"/>
      <c r="G2206" s="53"/>
      <c r="H2206" s="53"/>
      <c r="I2206" s="53"/>
      <c r="J2206" s="53"/>
      <c r="K2206" s="53"/>
      <c r="L2206" s="53"/>
      <c r="M2206" s="53"/>
      <c r="N2206" s="53"/>
      <c r="O2206" s="53"/>
      <c r="P2206" s="53"/>
      <c r="Q2206" s="53"/>
      <c r="R2206" s="53">
        <v>800000000</v>
      </c>
      <c r="S2206" s="53"/>
      <c r="T2206" s="53"/>
      <c r="U2206" s="53"/>
      <c r="V2206" s="53"/>
      <c r="W2206" s="53"/>
      <c r="X2206" s="53"/>
      <c r="Y2206" s="53"/>
      <c r="Z2206" s="53"/>
      <c r="AA2206" s="53">
        <v>800000000</v>
      </c>
      <c r="AB2206" s="53"/>
      <c r="AC2206" s="53"/>
      <c r="AD2206" s="53"/>
      <c r="AE2206" s="53"/>
      <c r="AF2206" s="53"/>
      <c r="AG2206" s="53"/>
      <c r="AH2206" s="53"/>
      <c r="AI2206" s="53"/>
      <c r="AJ2206" s="53"/>
      <c r="AK2206" s="53"/>
      <c r="AL2206" s="53"/>
      <c r="AM2206" s="53"/>
      <c r="AN2206" s="53"/>
      <c r="AO2206" s="53"/>
      <c r="AP2206" s="53"/>
      <c r="AQ2206" s="53"/>
      <c r="AR2206" s="53"/>
      <c r="AS2206" s="53"/>
      <c r="AT2206" s="53"/>
      <c r="AU2206" s="53"/>
      <c r="AV2206" s="53"/>
      <c r="AW2206" s="53"/>
      <c r="AX2206" s="53"/>
      <c r="AY2206" s="53"/>
      <c r="AZ2206" s="53"/>
      <c r="BA2206" s="53"/>
      <c r="BB2206" s="53"/>
      <c r="BC2206" s="53"/>
      <c r="BD2206" s="53"/>
      <c r="BE2206" s="53"/>
      <c r="BF2206" s="53"/>
      <c r="BG2206" s="53"/>
      <c r="BH2206" s="53"/>
      <c r="BI2206" s="53"/>
      <c r="BJ2206" s="53"/>
      <c r="BK2206" s="53"/>
      <c r="BL2206" s="53"/>
      <c r="BM2206" s="53"/>
      <c r="BN2206" s="53"/>
      <c r="BO2206" s="53"/>
      <c r="BP2206" s="53"/>
      <c r="BQ2206" s="53"/>
      <c r="BR2206" s="53"/>
      <c r="BS2206" s="53"/>
      <c r="BT2206" s="53"/>
      <c r="BU2206" s="53"/>
      <c r="BV2206" s="53"/>
      <c r="BW2206" s="53"/>
      <c r="BX2206" s="53"/>
      <c r="BY2206" s="53"/>
      <c r="BZ2206" s="53"/>
      <c r="CA2206" s="53"/>
      <c r="CB2206" s="53">
        <v>8149.6234309623196</v>
      </c>
      <c r="CC2206" s="53">
        <v>8149.6234309623196</v>
      </c>
      <c r="CD2206" s="53">
        <v>8149.6234309623196</v>
      </c>
      <c r="CE2206" s="53">
        <v>8149.6234309623196</v>
      </c>
      <c r="CF2206" s="53">
        <v>8149.6234309623196</v>
      </c>
      <c r="CG2206" s="53">
        <v>8149.6234309623196</v>
      </c>
      <c r="CH2206" s="53">
        <v>8149.6234309623196</v>
      </c>
      <c r="CI2206" s="53">
        <v>8149.6234309623196</v>
      </c>
      <c r="CJ2206" s="53">
        <v>8149.6234309623196</v>
      </c>
      <c r="CK2206" s="53">
        <v>8149.6234309623196</v>
      </c>
      <c r="CL2206" s="53">
        <v>8149.6234309623196</v>
      </c>
      <c r="CM2206" s="53">
        <v>8149.6234309623196</v>
      </c>
      <c r="CN2206" s="53">
        <v>97795.481171547799</v>
      </c>
    </row>
    <row r="2207" spans="1:92" outlineLevel="1">
      <c r="A2207" s="52" t="s">
        <v>1376</v>
      </c>
      <c r="B2207" s="53"/>
      <c r="C2207" s="53"/>
      <c r="D2207" s="53"/>
      <c r="E2207" s="53"/>
      <c r="F2207" s="53"/>
      <c r="G2207" s="53"/>
      <c r="H2207" s="53"/>
      <c r="I2207" s="53"/>
      <c r="J2207" s="53"/>
      <c r="K2207" s="53"/>
      <c r="L2207" s="53"/>
      <c r="M2207" s="53"/>
      <c r="N2207" s="53"/>
      <c r="O2207" s="53"/>
      <c r="P2207" s="53"/>
      <c r="Q2207" s="53"/>
      <c r="R2207" s="53"/>
      <c r="S2207" s="53"/>
      <c r="T2207" s="53"/>
      <c r="U2207" s="53"/>
      <c r="V2207" s="53"/>
      <c r="W2207" s="53"/>
      <c r="X2207" s="53"/>
      <c r="Y2207" s="53"/>
      <c r="Z2207" s="53"/>
      <c r="AA2207" s="53"/>
      <c r="AB2207" s="53"/>
      <c r="AC2207" s="53"/>
      <c r="AD2207" s="53"/>
      <c r="AE2207" s="53"/>
      <c r="AF2207" s="53"/>
      <c r="AG2207" s="53"/>
      <c r="AH2207" s="53"/>
      <c r="AI2207" s="53"/>
      <c r="AJ2207" s="53"/>
      <c r="AK2207" s="53"/>
      <c r="AL2207" s="53"/>
      <c r="AM2207" s="53"/>
      <c r="AN2207" s="53"/>
      <c r="AO2207" s="53"/>
      <c r="AP2207" s="53"/>
      <c r="AQ2207" s="53"/>
      <c r="AR2207" s="53"/>
      <c r="AS2207" s="53"/>
      <c r="AT2207" s="53"/>
      <c r="AU2207" s="53"/>
      <c r="AV2207" s="53"/>
      <c r="AW2207" s="53"/>
      <c r="AX2207" s="53"/>
      <c r="AY2207" s="53"/>
      <c r="AZ2207" s="53"/>
      <c r="BA2207" s="53"/>
      <c r="BB2207" s="53"/>
      <c r="BC2207" s="53"/>
      <c r="BD2207" s="53"/>
      <c r="BE2207" s="53"/>
      <c r="BF2207" s="53"/>
      <c r="BG2207" s="53"/>
      <c r="BH2207" s="53"/>
      <c r="BI2207" s="53"/>
      <c r="BJ2207" s="53"/>
      <c r="BK2207" s="53"/>
      <c r="BL2207" s="53"/>
      <c r="BM2207" s="53"/>
      <c r="BN2207" s="53"/>
      <c r="BO2207" s="53"/>
      <c r="BP2207" s="53"/>
      <c r="BQ2207" s="53"/>
      <c r="BR2207" s="53"/>
      <c r="BS2207" s="53"/>
      <c r="BT2207" s="53"/>
      <c r="BU2207" s="53"/>
      <c r="BV2207" s="53"/>
      <c r="BW2207" s="53"/>
      <c r="BX2207" s="53"/>
      <c r="BY2207" s="53"/>
      <c r="BZ2207" s="53"/>
      <c r="CA2207" s="53"/>
      <c r="CB2207" s="53">
        <v>7907.1043115438297</v>
      </c>
      <c r="CC2207" s="53">
        <v>7907.1043115438297</v>
      </c>
      <c r="CD2207" s="53">
        <v>7907.1043115438297</v>
      </c>
      <c r="CE2207" s="53">
        <v>7907.1043115438297</v>
      </c>
      <c r="CF2207" s="53">
        <v>7907.1043115438297</v>
      </c>
      <c r="CG2207" s="53">
        <v>7907.1043115438297</v>
      </c>
      <c r="CH2207" s="53">
        <v>7907.1043115438297</v>
      </c>
      <c r="CI2207" s="53">
        <v>7907.1043115438297</v>
      </c>
      <c r="CJ2207" s="53">
        <v>7907.1043115438297</v>
      </c>
      <c r="CK2207" s="53">
        <v>7907.1043115438297</v>
      </c>
      <c r="CL2207" s="53">
        <v>7907.1043115438297</v>
      </c>
      <c r="CM2207" s="53">
        <v>7907.1043115438397</v>
      </c>
      <c r="CN2207" s="53">
        <v>94885.251738526</v>
      </c>
    </row>
    <row r="2208" spans="1:92" outlineLevel="1">
      <c r="A2208" s="52" t="s">
        <v>1587</v>
      </c>
      <c r="B2208" s="53"/>
      <c r="C2208" s="53"/>
      <c r="D2208" s="53"/>
      <c r="E2208" s="53"/>
      <c r="F2208" s="53"/>
      <c r="G2208" s="53"/>
      <c r="H2208" s="53"/>
      <c r="I2208" s="53"/>
      <c r="J2208" s="53"/>
      <c r="K2208" s="53"/>
      <c r="L2208" s="53"/>
      <c r="M2208" s="53"/>
      <c r="N2208" s="53"/>
      <c r="O2208" s="53"/>
      <c r="P2208" s="53"/>
      <c r="Q2208" s="53"/>
      <c r="R2208" s="53"/>
      <c r="S2208" s="53"/>
      <c r="T2208" s="53"/>
      <c r="U2208" s="53"/>
      <c r="V2208" s="53"/>
      <c r="W2208" s="53"/>
      <c r="X2208" s="53"/>
      <c r="Y2208" s="53"/>
      <c r="Z2208" s="53"/>
      <c r="AA2208" s="53"/>
      <c r="AB2208" s="53"/>
      <c r="AC2208" s="53"/>
      <c r="AD2208" s="53"/>
      <c r="AE2208" s="53"/>
      <c r="AF2208" s="53"/>
      <c r="AG2208" s="53"/>
      <c r="AH2208" s="53"/>
      <c r="AI2208" s="53"/>
      <c r="AJ2208" s="53"/>
      <c r="AK2208" s="53"/>
      <c r="AL2208" s="53"/>
      <c r="AM2208" s="53"/>
      <c r="AN2208" s="53"/>
      <c r="AO2208" s="53"/>
      <c r="AP2208" s="53"/>
      <c r="AQ2208" s="53"/>
      <c r="AR2208" s="53"/>
      <c r="AS2208" s="53"/>
      <c r="AT2208" s="53"/>
      <c r="AU2208" s="53"/>
      <c r="AV2208" s="53"/>
      <c r="AW2208" s="53"/>
      <c r="AX2208" s="53"/>
      <c r="AY2208" s="53"/>
      <c r="AZ2208" s="53"/>
      <c r="BA2208" s="53"/>
      <c r="BB2208" s="53"/>
      <c r="BC2208" s="53"/>
      <c r="BD2208" s="53"/>
      <c r="BE2208" s="53"/>
      <c r="BF2208" s="53"/>
      <c r="BG2208" s="53"/>
      <c r="BH2208" s="53"/>
      <c r="BI2208" s="53"/>
      <c r="BJ2208" s="53"/>
      <c r="BK2208" s="53"/>
      <c r="BL2208" s="53"/>
      <c r="BM2208" s="53"/>
      <c r="BN2208" s="53"/>
      <c r="BO2208" s="53"/>
      <c r="BP2208" s="53"/>
      <c r="BQ2208" s="53"/>
      <c r="BR2208" s="53"/>
      <c r="BS2208" s="53"/>
      <c r="BT2208" s="53"/>
      <c r="BU2208" s="53"/>
      <c r="BV2208" s="53"/>
      <c r="BW2208" s="53"/>
      <c r="BX2208" s="53"/>
      <c r="BY2208" s="53"/>
      <c r="BZ2208" s="53"/>
      <c r="CA2208" s="53"/>
      <c r="CB2208" s="53">
        <v>1620.19834710743</v>
      </c>
      <c r="CC2208" s="53">
        <v>4860.59504132232</v>
      </c>
      <c r="CD2208" s="53">
        <v>8100.9917355372199</v>
      </c>
      <c r="CE2208" s="53">
        <v>11341.3884297521</v>
      </c>
      <c r="CF2208" s="53">
        <v>14581.785123967</v>
      </c>
      <c r="CG2208" s="53">
        <v>17822.181818181802</v>
      </c>
      <c r="CH2208" s="53">
        <v>21062.5785123967</v>
      </c>
      <c r="CI2208" s="53">
        <v>24302.975206611602</v>
      </c>
      <c r="CJ2208" s="53">
        <v>27543.3719008265</v>
      </c>
      <c r="CK2208" s="53">
        <v>30783.768595041402</v>
      </c>
      <c r="CL2208" s="53">
        <v>34024.165289256198</v>
      </c>
      <c r="CM2208" s="53">
        <v>37264.561983471103</v>
      </c>
      <c r="CN2208" s="53">
        <v>37264.561983471103</v>
      </c>
    </row>
    <row r="2209" spans="1:92" outlineLevel="1">
      <c r="A2209" s="52" t="s">
        <v>1378</v>
      </c>
      <c r="B2209" s="53">
        <v>1204871.6006449901</v>
      </c>
      <c r="C2209" s="53">
        <v>1213613.9481673399</v>
      </c>
      <c r="D2209" s="53">
        <v>661267.92870625702</v>
      </c>
      <c r="E2209" s="53">
        <v>624188.97858562798</v>
      </c>
      <c r="F2209" s="53">
        <v>1173118.9897827399</v>
      </c>
      <c r="G2209" s="53">
        <v>3149849.9456527801</v>
      </c>
      <c r="H2209" s="53">
        <v>3172704.7318834402</v>
      </c>
      <c r="I2209" s="53">
        <v>3195725.34863387</v>
      </c>
      <c r="J2209" s="53">
        <v>1152980.9991426601</v>
      </c>
      <c r="K2209" s="53">
        <v>714658.83710894606</v>
      </c>
      <c r="L2209" s="53">
        <v>719844.28252120304</v>
      </c>
      <c r="M2209" s="53">
        <v>1328096.1526611301</v>
      </c>
      <c r="N2209" s="53">
        <v>18310921.743491001</v>
      </c>
      <c r="O2209" s="53">
        <v>1326741.92699548</v>
      </c>
      <c r="P2209" s="53">
        <v>1336368.5452941</v>
      </c>
      <c r="Q2209" s="53">
        <v>784913.21273066802</v>
      </c>
      <c r="R2209" s="53">
        <v>748731.412183373</v>
      </c>
      <c r="S2209" s="53">
        <v>-3.8769374325073702</v>
      </c>
      <c r="T2209" s="53">
        <v>-3.9050678443614002</v>
      </c>
      <c r="U2209" s="53">
        <v>-3.93340236579545</v>
      </c>
      <c r="V2209" s="53">
        <v>-3.9619424777946</v>
      </c>
      <c r="W2209" s="53">
        <v>-3.9906896720897298</v>
      </c>
      <c r="X2209" s="53">
        <v>-4.0196454512354602</v>
      </c>
      <c r="Y2209" s="53">
        <v>-4.0488113286887204</v>
      </c>
      <c r="Z2209" s="53">
        <v>-4.0781888288877903</v>
      </c>
      <c r="AA2209" s="53">
        <v>4196723.2825182201</v>
      </c>
      <c r="AB2209" s="53">
        <v>-4.1077794873320599</v>
      </c>
      <c r="AC2209" s="53">
        <v>-4.1375848506622299</v>
      </c>
      <c r="AD2209" s="53">
        <v>-4.1676064767411498</v>
      </c>
      <c r="AE2209" s="53">
        <v>-4.1978459347353096</v>
      </c>
      <c r="AF2209" s="53">
        <v>-4.2283048051967498</v>
      </c>
      <c r="AG2209" s="53">
        <v>-4.2589846801457902</v>
      </c>
      <c r="AH2209" s="53">
        <v>-4.28988716315415</v>
      </c>
      <c r="AI2209" s="53">
        <v>-4.3210138694287998</v>
      </c>
      <c r="AJ2209" s="53">
        <v>-4.3523664258963901</v>
      </c>
      <c r="AK2209" s="53">
        <v>-4.3839464712882901</v>
      </c>
      <c r="AL2209" s="53">
        <v>-4.4157556562262101</v>
      </c>
      <c r="AM2209" s="53">
        <v>-4.4477956433085</v>
      </c>
      <c r="AN2209" s="53">
        <v>-51.308871464115597</v>
      </c>
      <c r="AO2209" s="53">
        <v>-4.48006810719707</v>
      </c>
      <c r="AP2209" s="53">
        <v>-4.5125747347048701</v>
      </c>
      <c r="AQ2209" s="53">
        <v>-4.5453172248840996</v>
      </c>
      <c r="AR2209" s="53">
        <v>-4.57829728911498</v>
      </c>
      <c r="AS2209" s="53">
        <v>-4.6115166511952497</v>
      </c>
      <c r="AT2209" s="53">
        <v>-4.6449770474302099</v>
      </c>
      <c r="AU2209" s="53">
        <v>-4.6786802267235101</v>
      </c>
      <c r="AV2209" s="53">
        <v>-4.71262795066857</v>
      </c>
      <c r="AW2209" s="53">
        <v>-4.7468219936406202</v>
      </c>
      <c r="AX2209" s="53">
        <v>-4.7812641428894702</v>
      </c>
      <c r="AY2209" s="53">
        <v>-4.81595619863291</v>
      </c>
      <c r="AZ2209" s="53">
        <v>-4.8508999741508196</v>
      </c>
      <c r="BA2209" s="53">
        <v>-55.959001541232396</v>
      </c>
      <c r="BB2209" s="53">
        <v>-4.8860972958799103</v>
      </c>
      <c r="BC2209" s="53">
        <v>-4.9215500035092301</v>
      </c>
      <c r="BD2209" s="53">
        <v>-4.9572599500763399</v>
      </c>
      <c r="BE2209" s="53">
        <v>-4.9932290020640604</v>
      </c>
      <c r="BF2209" s="53"/>
      <c r="BG2209" s="53"/>
      <c r="BH2209" s="53"/>
      <c r="BI2209" s="53"/>
      <c r="BJ2209" s="53"/>
      <c r="BK2209" s="53"/>
      <c r="BL2209" s="53"/>
      <c r="BM2209" s="53"/>
      <c r="BN2209" s="53">
        <v>-19.7581362515295</v>
      </c>
      <c r="BO2209" s="53"/>
      <c r="BP2209" s="53"/>
      <c r="BQ2209" s="53"/>
      <c r="BR2209" s="53"/>
      <c r="BS2209" s="53"/>
      <c r="BT2209" s="53"/>
      <c r="BU2209" s="53"/>
      <c r="BV2209" s="53"/>
      <c r="BW2209" s="53"/>
      <c r="BX2209" s="53"/>
      <c r="BY2209" s="53"/>
      <c r="BZ2209" s="53"/>
      <c r="CA2209" s="53"/>
      <c r="CB2209" s="53">
        <v>-1.4210854715202E-9</v>
      </c>
      <c r="CC2209" s="53">
        <v>24699.6859504118</v>
      </c>
      <c r="CD2209" s="53">
        <v>74099.057851238307</v>
      </c>
      <c r="CE2209" s="53">
        <v>123498.429752064</v>
      </c>
      <c r="CF2209" s="53">
        <v>172897.80165289101</v>
      </c>
      <c r="CG2209" s="53">
        <v>222297.173553717</v>
      </c>
      <c r="CH2209" s="53">
        <v>271696.54545454402</v>
      </c>
      <c r="CI2209" s="53">
        <v>321095.91735537001</v>
      </c>
      <c r="CJ2209" s="53">
        <v>370495.28925619699</v>
      </c>
      <c r="CK2209" s="53">
        <v>419894.66115702299</v>
      </c>
      <c r="CL2209" s="53">
        <v>469294.03305785003</v>
      </c>
      <c r="CM2209" s="53">
        <v>518693.40495867602</v>
      </c>
      <c r="CN2209" s="53">
        <v>-1.4210854715202E-9</v>
      </c>
    </row>
    <row r="2210" spans="1:92" outlineLevel="1">
      <c r="A2210" s="52" t="s">
        <v>1379</v>
      </c>
      <c r="B2210" s="53">
        <v>310944.68276122899</v>
      </c>
      <c r="C2210" s="53">
        <v>312838.85412038199</v>
      </c>
      <c r="D2210" s="53">
        <v>314744.56414006598</v>
      </c>
      <c r="E2210" s="53">
        <v>316661.88310995197</v>
      </c>
      <c r="F2210" s="53">
        <v>318590.88174789702</v>
      </c>
      <c r="G2210" s="53">
        <v>320531.63120254403</v>
      </c>
      <c r="H2210" s="53">
        <v>322484.20305595302</v>
      </c>
      <c r="I2210" s="53">
        <v>324448.66932623601</v>
      </c>
      <c r="J2210" s="53">
        <v>326425.10247021401</v>
      </c>
      <c r="K2210" s="53">
        <v>328413.57538609498</v>
      </c>
      <c r="L2210" s="53">
        <v>330414.16141615598</v>
      </c>
      <c r="M2210" s="53">
        <v>332426.934349449</v>
      </c>
      <c r="N2210" s="53">
        <v>3858925.1430861698</v>
      </c>
      <c r="O2210" s="53">
        <v>334451.96842452802</v>
      </c>
      <c r="P2210" s="53">
        <v>336489.33833217999</v>
      </c>
      <c r="Q2210" s="53">
        <v>338539.119218187</v>
      </c>
      <c r="R2210" s="53">
        <v>340601.38668609102</v>
      </c>
      <c r="S2210" s="53">
        <v>342676.21679998701</v>
      </c>
      <c r="T2210" s="53">
        <v>344763.68608732702</v>
      </c>
      <c r="U2210" s="53">
        <v>346863.871541742</v>
      </c>
      <c r="V2210" s="53">
        <v>348976.85062588402</v>
      </c>
      <c r="W2210" s="53">
        <v>351102.70127428003</v>
      </c>
      <c r="X2210" s="53">
        <v>353241.50189620903</v>
      </c>
      <c r="Y2210" s="53">
        <v>355393.33137859299</v>
      </c>
      <c r="Z2210" s="53">
        <v>357558.26908890699</v>
      </c>
      <c r="AA2210" s="53">
        <v>4150658.24135391</v>
      </c>
      <c r="AB2210" s="53">
        <v>359736.39487810701</v>
      </c>
      <c r="AC2210" s="53">
        <v>361927.78908357298</v>
      </c>
      <c r="AD2210" s="53">
        <v>364132.53253207402</v>
      </c>
      <c r="AE2210" s="53">
        <v>366350.70654274803</v>
      </c>
      <c r="AF2210" s="53">
        <v>368582.39293010399</v>
      </c>
      <c r="AG2210" s="53">
        <v>370827.67400703701</v>
      </c>
      <c r="AH2210" s="53">
        <v>373086.63258786203</v>
      </c>
      <c r="AI2210" s="53">
        <v>375359.35199137701</v>
      </c>
      <c r="AJ2210" s="53">
        <v>377645.91604392399</v>
      </c>
      <c r="AK2210" s="53">
        <v>379946.40908249101</v>
      </c>
      <c r="AL2210" s="53">
        <v>382260.91595781897</v>
      </c>
      <c r="AM2210" s="53">
        <v>384589.52203752799</v>
      </c>
      <c r="AN2210" s="53">
        <v>4464446.2376746396</v>
      </c>
      <c r="AO2210" s="53">
        <v>386932.31320927298</v>
      </c>
      <c r="AP2210" s="53">
        <v>389289.37588390597</v>
      </c>
      <c r="AQ2210" s="53">
        <v>391660.79699866503</v>
      </c>
      <c r="AR2210" s="53">
        <v>394046.66402038198</v>
      </c>
      <c r="AS2210" s="53">
        <v>396447.06494870601</v>
      </c>
      <c r="AT2210" s="53">
        <v>398862.08831935102</v>
      </c>
      <c r="AU2210" s="53">
        <v>401291.82320736302</v>
      </c>
      <c r="AV2210" s="53">
        <v>403736.3592304</v>
      </c>
      <c r="AW2210" s="53">
        <v>406195.78655204503</v>
      </c>
      <c r="AX2210" s="53">
        <v>408670.19588512398</v>
      </c>
      <c r="AY2210" s="53">
        <v>411159.67849505699</v>
      </c>
      <c r="AZ2210" s="53">
        <v>413664.32620322099</v>
      </c>
      <c r="BA2210" s="53">
        <v>4801956.47295349</v>
      </c>
      <c r="BB2210" s="53">
        <v>416184.23139034002</v>
      </c>
      <c r="BC2210" s="53">
        <v>418719.48699989298</v>
      </c>
      <c r="BD2210" s="53">
        <v>421270.186541526</v>
      </c>
      <c r="BE2210" s="53"/>
      <c r="BF2210" s="53"/>
      <c r="BG2210" s="53"/>
      <c r="BH2210" s="53"/>
      <c r="BI2210" s="53"/>
      <c r="BJ2210" s="53"/>
      <c r="BK2210" s="53"/>
      <c r="BL2210" s="53"/>
      <c r="BM2210" s="53"/>
      <c r="BN2210" s="53">
        <v>1256173.9049317599</v>
      </c>
      <c r="BO2210" s="53"/>
      <c r="BP2210" s="53"/>
      <c r="BQ2210" s="53"/>
      <c r="BR2210" s="53"/>
      <c r="BS2210" s="53"/>
      <c r="BT2210" s="53"/>
      <c r="BU2210" s="53"/>
      <c r="BV2210" s="53"/>
      <c r="BW2210" s="53"/>
      <c r="BX2210" s="53"/>
      <c r="BY2210" s="53"/>
      <c r="BZ2210" s="53"/>
      <c r="CA2210" s="53"/>
      <c r="CB2210" s="53"/>
      <c r="CC2210" s="53"/>
      <c r="CD2210" s="53"/>
      <c r="CE2210" s="53"/>
      <c r="CF2210" s="53"/>
      <c r="CG2210" s="53"/>
      <c r="CH2210" s="53"/>
      <c r="CI2210" s="53"/>
      <c r="CJ2210" s="53"/>
      <c r="CK2210" s="53"/>
      <c r="CL2210" s="53"/>
      <c r="CM2210" s="53"/>
      <c r="CN2210" s="53"/>
    </row>
    <row r="2211" spans="1:92" outlineLevel="1">
      <c r="A2211" s="59" t="s">
        <v>1599</v>
      </c>
      <c r="B2211" s="53">
        <v>20633322.699999999</v>
      </c>
      <c r="C2211" s="53">
        <v>20768137.960000001</v>
      </c>
      <c r="D2211" s="53">
        <v>20903905.859999999</v>
      </c>
      <c r="E2211" s="53">
        <v>21040633.09</v>
      </c>
      <c r="F2211" s="53">
        <v>271178326.50999999</v>
      </c>
      <c r="G2211" s="53">
        <v>271316992.95999998</v>
      </c>
      <c r="H2211" s="53">
        <v>271456639.32999998</v>
      </c>
      <c r="I2211" s="53">
        <v>271597272.58999997</v>
      </c>
      <c r="J2211" s="53">
        <v>271738899.69999999</v>
      </c>
      <c r="K2211" s="53">
        <v>271881527.75</v>
      </c>
      <c r="L2211" s="53">
        <v>272025163.82999998</v>
      </c>
      <c r="M2211" s="53">
        <v>272169815.08999997</v>
      </c>
      <c r="N2211" s="53">
        <v>272169815.08999997</v>
      </c>
      <c r="O2211" s="53">
        <v>272315192.70201302</v>
      </c>
      <c r="P2211" s="53">
        <v>272461597.78335202</v>
      </c>
      <c r="Q2211" s="53">
        <v>272609037.62245399</v>
      </c>
      <c r="R2211" s="53">
        <v>1072757519.55962</v>
      </c>
      <c r="S2211" s="53">
        <v>1071608482.0279599</v>
      </c>
      <c r="T2211" s="53">
        <v>1068482860.23212</v>
      </c>
      <c r="U2211" s="53">
        <v>1065334531.23532</v>
      </c>
      <c r="V2211" s="53">
        <v>1062163330.10604</v>
      </c>
      <c r="W2211" s="53">
        <v>1061035022.71501</v>
      </c>
      <c r="X2211" s="53">
        <v>1060345187.78477</v>
      </c>
      <c r="Y2211" s="53">
        <v>1059650318.6234</v>
      </c>
      <c r="Z2211" s="53">
        <v>1058347349.72729</v>
      </c>
      <c r="AA2211" s="53">
        <v>1058347349.72729</v>
      </c>
      <c r="AB2211" s="53">
        <v>1057045888.11897</v>
      </c>
      <c r="AC2211" s="53">
        <v>1055734953.88684</v>
      </c>
      <c r="AD2211" s="53">
        <v>1054975629.91982</v>
      </c>
      <c r="AE2211" s="53">
        <v>254252643.62965</v>
      </c>
      <c r="AF2211" s="53">
        <v>254278549.45441201</v>
      </c>
      <c r="AG2211" s="53">
        <v>254304613.088415</v>
      </c>
      <c r="AH2211" s="53">
        <v>254330835.49297699</v>
      </c>
      <c r="AI2211" s="53">
        <v>254357217.63527101</v>
      </c>
      <c r="AJ2211" s="53">
        <v>254383760.48836401</v>
      </c>
      <c r="AK2211" s="53">
        <v>254410465.03124899</v>
      </c>
      <c r="AL2211" s="53">
        <v>254437332.24888399</v>
      </c>
      <c r="AM2211" s="53">
        <v>254464363.13222599</v>
      </c>
      <c r="AN2211" s="53">
        <v>254464363.13222599</v>
      </c>
      <c r="AO2211" s="53">
        <v>254491558.67826799</v>
      </c>
      <c r="AP2211" s="53">
        <v>254518919.89007899</v>
      </c>
      <c r="AQ2211" s="53">
        <v>254546447.77683401</v>
      </c>
      <c r="AR2211" s="53">
        <v>254574143.353861</v>
      </c>
      <c r="AS2211" s="53">
        <v>254602007.642667</v>
      </c>
      <c r="AT2211" s="53">
        <v>254630041.67098701</v>
      </c>
      <c r="AU2211" s="53">
        <v>254658246.47281399</v>
      </c>
      <c r="AV2211" s="53">
        <v>254686623.08843899</v>
      </c>
      <c r="AW2211" s="53">
        <v>254715172.564491</v>
      </c>
      <c r="AX2211" s="53">
        <v>254743895.95397601</v>
      </c>
      <c r="AY2211" s="53">
        <v>254772794.316313</v>
      </c>
      <c r="AZ2211" s="53">
        <v>254801868.717374</v>
      </c>
      <c r="BA2211" s="53">
        <v>254801868.717374</v>
      </c>
      <c r="BB2211" s="53">
        <v>904857440.11612403</v>
      </c>
      <c r="BC2211" s="53">
        <v>904939509.59146094</v>
      </c>
      <c r="BD2211" s="53">
        <v>905021758.34225702</v>
      </c>
      <c r="BE2211" s="53">
        <v>904680351.03650105</v>
      </c>
      <c r="BF2211" s="53">
        <v>904336548.356264</v>
      </c>
      <c r="BG2211" s="53">
        <v>903990330.68611801</v>
      </c>
      <c r="BH2211" s="53">
        <v>903641683.31478703</v>
      </c>
      <c r="BI2211" s="53">
        <v>903290591.44138002</v>
      </c>
      <c r="BJ2211" s="53">
        <v>902937040.17484605</v>
      </c>
      <c r="BK2211" s="53">
        <v>902581014.53342104</v>
      </c>
      <c r="BL2211" s="53">
        <v>902222499.44407797</v>
      </c>
      <c r="BM2211" s="53">
        <v>901861479.74197102</v>
      </c>
      <c r="BN2211" s="53">
        <v>901861479.74197102</v>
      </c>
      <c r="BO2211" s="53">
        <v>251471620.28327501</v>
      </c>
      <c r="BP2211" s="53">
        <v>401069471.17684197</v>
      </c>
      <c r="BQ2211" s="53">
        <v>400664771.40657699</v>
      </c>
      <c r="BR2211" s="53">
        <v>400681341.85882199</v>
      </c>
      <c r="BS2211" s="53">
        <v>400697907.31783801</v>
      </c>
      <c r="BT2211" s="53">
        <v>400714472.77685499</v>
      </c>
      <c r="BU2211" s="53">
        <v>1000758126.82233</v>
      </c>
      <c r="BV2211" s="53">
        <v>1000828869.45428</v>
      </c>
      <c r="BW2211" s="53">
        <v>1000899612.08623</v>
      </c>
      <c r="BX2211" s="53">
        <v>1000970354.7181799</v>
      </c>
      <c r="BY2211" s="53">
        <v>1001041097.35013</v>
      </c>
      <c r="BZ2211" s="53">
        <v>1001111839.98208</v>
      </c>
      <c r="CA2211" s="53">
        <v>1001111839.98208</v>
      </c>
      <c r="CB2211" s="53"/>
      <c r="CC2211" s="53"/>
      <c r="CD2211" s="53"/>
      <c r="CE2211" s="53"/>
      <c r="CF2211" s="53"/>
      <c r="CG2211" s="53"/>
      <c r="CH2211" s="53"/>
      <c r="CI2211" s="53"/>
      <c r="CJ2211" s="53"/>
      <c r="CK2211" s="53"/>
      <c r="CL2211" s="53"/>
      <c r="CM2211" s="53"/>
      <c r="CN2211" s="53"/>
    </row>
    <row r="2212" spans="1:92" outlineLevel="1">
      <c r="A2212" s="52" t="s">
        <v>1600</v>
      </c>
      <c r="B2212" s="53"/>
      <c r="C2212" s="53"/>
      <c r="D2212" s="53"/>
      <c r="E2212" s="53"/>
      <c r="F2212" s="53"/>
      <c r="G2212" s="53"/>
      <c r="H2212" s="53"/>
      <c r="I2212" s="53"/>
      <c r="J2212" s="53"/>
      <c r="K2212" s="53"/>
      <c r="L2212" s="53"/>
      <c r="M2212" s="53"/>
      <c r="N2212" s="53"/>
      <c r="O2212" s="53"/>
      <c r="P2212" s="53"/>
      <c r="Q2212" s="53"/>
      <c r="R2212" s="53"/>
      <c r="S2212" s="53"/>
      <c r="T2212" s="53"/>
      <c r="U2212" s="53"/>
      <c r="V2212" s="53"/>
      <c r="W2212" s="53"/>
      <c r="X2212" s="53"/>
      <c r="Y2212" s="53"/>
      <c r="Z2212" s="53"/>
      <c r="AA2212" s="53"/>
      <c r="AB2212" s="53"/>
      <c r="AC2212" s="53"/>
      <c r="AD2212" s="53"/>
      <c r="AE2212" s="53"/>
      <c r="AF2212" s="53"/>
      <c r="AG2212" s="53"/>
      <c r="AH2212" s="53"/>
      <c r="AI2212" s="53"/>
      <c r="AJ2212" s="53"/>
      <c r="AK2212" s="53"/>
      <c r="AL2212" s="53"/>
      <c r="AM2212" s="53"/>
      <c r="AN2212" s="53"/>
      <c r="AO2212" s="53"/>
      <c r="AP2212" s="53"/>
      <c r="AQ2212" s="53"/>
      <c r="AR2212" s="53"/>
      <c r="AS2212" s="53"/>
      <c r="AT2212" s="53"/>
      <c r="AU2212" s="53"/>
      <c r="AV2212" s="53"/>
      <c r="AW2212" s="53"/>
      <c r="AX2212" s="53"/>
      <c r="AY2212" s="53"/>
      <c r="AZ2212" s="53"/>
      <c r="BA2212" s="53"/>
      <c r="BB2212" s="53"/>
      <c r="BC2212" s="53"/>
      <c r="BD2212" s="53"/>
      <c r="BE2212" s="53"/>
      <c r="BF2212" s="53"/>
      <c r="BG2212" s="53"/>
      <c r="BH2212" s="53"/>
      <c r="BI2212" s="53"/>
      <c r="BJ2212" s="53"/>
      <c r="BK2212" s="53"/>
      <c r="BL2212" s="53"/>
      <c r="BM2212" s="53"/>
      <c r="BN2212" s="53"/>
      <c r="BO2212" s="53"/>
      <c r="BP2212" s="53"/>
      <c r="BQ2212" s="53"/>
      <c r="BR2212" s="53"/>
      <c r="BS2212" s="53"/>
      <c r="BT2212" s="53"/>
      <c r="BU2212" s="53"/>
      <c r="BV2212" s="53"/>
      <c r="BW2212" s="53"/>
      <c r="BX2212" s="53"/>
      <c r="BY2212" s="53"/>
      <c r="BZ2212" s="53"/>
      <c r="CA2212" s="53"/>
      <c r="CB2212" s="53"/>
      <c r="CC2212" s="53"/>
      <c r="CD2212" s="53"/>
      <c r="CE2212" s="53"/>
      <c r="CF2212" s="53"/>
      <c r="CG2212" s="53"/>
      <c r="CH2212" s="53"/>
      <c r="CI2212" s="53"/>
      <c r="CJ2212" s="53"/>
      <c r="CK2212" s="53"/>
      <c r="CL2212" s="53"/>
      <c r="CM2212" s="53"/>
      <c r="CN2212" s="53"/>
    </row>
    <row r="2213" spans="1:92" outlineLevel="1">
      <c r="A2213" s="59" t="s">
        <v>1601</v>
      </c>
      <c r="B2213" s="53">
        <v>645622.89</v>
      </c>
      <c r="C2213" s="53">
        <v>645622.89</v>
      </c>
      <c r="D2213" s="53">
        <v>647106.05000000005</v>
      </c>
      <c r="E2213" s="53">
        <v>647106.05000000005</v>
      </c>
      <c r="F2213" s="53">
        <v>647106.05000000005</v>
      </c>
      <c r="G2213" s="53">
        <v>648589.19999999995</v>
      </c>
      <c r="H2213" s="53">
        <v>648589.19999999995</v>
      </c>
      <c r="I2213" s="53">
        <v>648589.19999999995</v>
      </c>
      <c r="J2213" s="53">
        <v>699362.54</v>
      </c>
      <c r="K2213" s="53">
        <v>699362.54</v>
      </c>
      <c r="L2213" s="53">
        <v>699362.54</v>
      </c>
      <c r="M2213" s="53">
        <v>581890.87</v>
      </c>
      <c r="N2213" s="53">
        <v>581890.87</v>
      </c>
      <c r="O2213" s="53">
        <v>581890.87</v>
      </c>
      <c r="P2213" s="53">
        <v>581890.87</v>
      </c>
      <c r="Q2213" s="53">
        <v>581890.87</v>
      </c>
      <c r="R2213" s="53">
        <v>581890.87</v>
      </c>
      <c r="S2213" s="53">
        <v>581890.87</v>
      </c>
      <c r="T2213" s="53">
        <v>581890.87</v>
      </c>
      <c r="U2213" s="53">
        <v>581890.87</v>
      </c>
      <c r="V2213" s="53">
        <v>581890.87</v>
      </c>
      <c r="W2213" s="53">
        <v>581890.87</v>
      </c>
      <c r="X2213" s="53">
        <v>581890.87</v>
      </c>
      <c r="Y2213" s="53">
        <v>581890.87</v>
      </c>
      <c r="Z2213" s="53">
        <v>581890.87</v>
      </c>
      <c r="AA2213" s="53">
        <v>581890.87</v>
      </c>
      <c r="AB2213" s="53">
        <v>581890.87</v>
      </c>
      <c r="AC2213" s="53">
        <v>581890.87</v>
      </c>
      <c r="AD2213" s="53">
        <v>581890.87</v>
      </c>
      <c r="AE2213" s="53">
        <v>581890.87</v>
      </c>
      <c r="AF2213" s="53">
        <v>581890.87</v>
      </c>
      <c r="AG2213" s="53">
        <v>581890.87</v>
      </c>
      <c r="AH2213" s="53">
        <v>581890.87</v>
      </c>
      <c r="AI2213" s="53">
        <v>581890.87</v>
      </c>
      <c r="AJ2213" s="53">
        <v>581890.87</v>
      </c>
      <c r="AK2213" s="53">
        <v>581890.87</v>
      </c>
      <c r="AL2213" s="53">
        <v>581890.87</v>
      </c>
      <c r="AM2213" s="53">
        <v>581890.87</v>
      </c>
      <c r="AN2213" s="53">
        <v>581890.87</v>
      </c>
      <c r="AO2213" s="53">
        <v>581890.87</v>
      </c>
      <c r="AP2213" s="53">
        <v>581890.87</v>
      </c>
      <c r="AQ2213" s="53">
        <v>581890.87</v>
      </c>
      <c r="AR2213" s="53">
        <v>581890.87</v>
      </c>
      <c r="AS2213" s="53">
        <v>581890.87</v>
      </c>
      <c r="AT2213" s="53">
        <v>581890.87</v>
      </c>
      <c r="AU2213" s="53">
        <v>581890.87</v>
      </c>
      <c r="AV2213" s="53">
        <v>581890.87</v>
      </c>
      <c r="AW2213" s="53">
        <v>581890.87</v>
      </c>
      <c r="AX2213" s="53">
        <v>581890.87</v>
      </c>
      <c r="AY2213" s="53">
        <v>581890.87</v>
      </c>
      <c r="AZ2213" s="53">
        <v>581890.87</v>
      </c>
      <c r="BA2213" s="53">
        <v>581890.87</v>
      </c>
      <c r="BB2213" s="53">
        <v>581890.87</v>
      </c>
      <c r="BC2213" s="53">
        <v>581890.87</v>
      </c>
      <c r="BD2213" s="53">
        <v>581890.87</v>
      </c>
      <c r="BE2213" s="53">
        <v>581890.87</v>
      </c>
      <c r="BF2213" s="53">
        <v>581890.87</v>
      </c>
      <c r="BG2213" s="53">
        <v>581890.87</v>
      </c>
      <c r="BH2213" s="53">
        <v>581890.87</v>
      </c>
      <c r="BI2213" s="53">
        <v>581890.87</v>
      </c>
      <c r="BJ2213" s="53">
        <v>581890.87</v>
      </c>
      <c r="BK2213" s="53">
        <v>581890.87</v>
      </c>
      <c r="BL2213" s="53">
        <v>581890.87</v>
      </c>
      <c r="BM2213" s="53">
        <v>581890.87</v>
      </c>
      <c r="BN2213" s="53">
        <v>581890.87</v>
      </c>
      <c r="BO2213" s="53">
        <v>581890.87</v>
      </c>
      <c r="BP2213" s="53">
        <v>581890.87</v>
      </c>
      <c r="BQ2213" s="53">
        <v>581890.87</v>
      </c>
      <c r="BR2213" s="53">
        <v>581890.87</v>
      </c>
      <c r="BS2213" s="53">
        <v>581890.87</v>
      </c>
      <c r="BT2213" s="53">
        <v>581890.87</v>
      </c>
      <c r="BU2213" s="53">
        <v>581890.87</v>
      </c>
      <c r="BV2213" s="53">
        <v>581890.87</v>
      </c>
      <c r="BW2213" s="53">
        <v>581890.87</v>
      </c>
      <c r="BX2213" s="53">
        <v>581890.87</v>
      </c>
      <c r="BY2213" s="53">
        <v>581890.87</v>
      </c>
      <c r="BZ2213" s="53">
        <v>581890.87</v>
      </c>
      <c r="CA2213" s="53">
        <v>581890.87</v>
      </c>
      <c r="CB2213" s="53">
        <v>-15351.5205479452</v>
      </c>
      <c r="CC2213" s="53">
        <v>-15351.5205479452</v>
      </c>
      <c r="CD2213" s="53">
        <v>-15351.5205479452</v>
      </c>
      <c r="CE2213" s="53">
        <v>-15351.5205479452</v>
      </c>
      <c r="CF2213" s="53">
        <v>-15351.5205479452</v>
      </c>
      <c r="CG2213" s="53">
        <v>-15351.5205479452</v>
      </c>
      <c r="CH2213" s="53">
        <v>-15351.5205479452</v>
      </c>
      <c r="CI2213" s="53">
        <v>-15351.5205479452</v>
      </c>
      <c r="CJ2213" s="53">
        <v>-15351.5205479452</v>
      </c>
      <c r="CK2213" s="53">
        <v>-15351.5205479452</v>
      </c>
      <c r="CL2213" s="53">
        <v>-15351.5205479452</v>
      </c>
      <c r="CM2213" s="53">
        <v>-15351.5205479452</v>
      </c>
      <c r="CN2213" s="53">
        <v>-184218.246575342</v>
      </c>
    </row>
    <row r="2214" spans="1:92" outlineLevel="1">
      <c r="A2214" s="52" t="s">
        <v>1602</v>
      </c>
      <c r="B2214" s="53"/>
      <c r="C2214" s="53"/>
      <c r="D2214" s="53"/>
      <c r="E2214" s="53"/>
      <c r="F2214" s="53"/>
      <c r="G2214" s="53"/>
      <c r="H2214" s="53"/>
      <c r="I2214" s="53"/>
      <c r="J2214" s="53"/>
      <c r="K2214" s="53"/>
      <c r="L2214" s="53"/>
      <c r="M2214" s="53"/>
      <c r="N2214" s="53"/>
      <c r="O2214" s="53"/>
      <c r="P2214" s="53"/>
      <c r="Q2214" s="53"/>
      <c r="R2214" s="53"/>
      <c r="S2214" s="53"/>
      <c r="T2214" s="53"/>
      <c r="U2214" s="53"/>
      <c r="V2214" s="53"/>
      <c r="W2214" s="53"/>
      <c r="X2214" s="53"/>
      <c r="Y2214" s="53"/>
      <c r="Z2214" s="53"/>
      <c r="AA2214" s="53"/>
      <c r="AB2214" s="53"/>
      <c r="AC2214" s="53"/>
      <c r="AD2214" s="53"/>
      <c r="AE2214" s="53"/>
      <c r="AF2214" s="53"/>
      <c r="AG2214" s="53"/>
      <c r="AH2214" s="53"/>
      <c r="AI2214" s="53"/>
      <c r="AJ2214" s="53"/>
      <c r="AK2214" s="53"/>
      <c r="AL2214" s="53"/>
      <c r="AM2214" s="53"/>
      <c r="AN2214" s="53"/>
      <c r="AO2214" s="53"/>
      <c r="AP2214" s="53"/>
      <c r="AQ2214" s="53"/>
      <c r="AR2214" s="53"/>
      <c r="AS2214" s="53"/>
      <c r="AT2214" s="53"/>
      <c r="AU2214" s="53"/>
      <c r="AV2214" s="53"/>
      <c r="AW2214" s="53"/>
      <c r="AX2214" s="53"/>
      <c r="AY2214" s="53"/>
      <c r="AZ2214" s="53"/>
      <c r="BA2214" s="53"/>
      <c r="BB2214" s="53"/>
      <c r="BC2214" s="53"/>
      <c r="BD2214" s="53"/>
      <c r="BE2214" s="53"/>
      <c r="BF2214" s="53"/>
      <c r="BG2214" s="53"/>
      <c r="BH2214" s="53"/>
      <c r="BI2214" s="53"/>
      <c r="BJ2214" s="53"/>
      <c r="BK2214" s="53"/>
      <c r="BL2214" s="53"/>
      <c r="BM2214" s="53"/>
      <c r="BN2214" s="53"/>
      <c r="BO2214" s="53"/>
      <c r="BP2214" s="53"/>
      <c r="BQ2214" s="53"/>
      <c r="BR2214" s="53"/>
      <c r="BS2214" s="53"/>
      <c r="BT2214" s="53"/>
      <c r="BU2214" s="53"/>
      <c r="BV2214" s="53"/>
      <c r="BW2214" s="53"/>
      <c r="BX2214" s="53"/>
      <c r="BY2214" s="53"/>
      <c r="BZ2214" s="53"/>
      <c r="CA2214" s="53"/>
      <c r="CB2214" s="53">
        <v>-8310.1044776119197</v>
      </c>
      <c r="CC2214" s="53">
        <v>-8310.1044776119197</v>
      </c>
      <c r="CD2214" s="53">
        <v>-8310.1044776119197</v>
      </c>
      <c r="CE2214" s="53">
        <v>-8310.1044776119197</v>
      </c>
      <c r="CF2214" s="53">
        <v>-8310.1044776119197</v>
      </c>
      <c r="CG2214" s="53">
        <v>-8310.1044776119197</v>
      </c>
      <c r="CH2214" s="53">
        <v>-8310.1044776119197</v>
      </c>
      <c r="CI2214" s="53">
        <v>-8310.1044776119197</v>
      </c>
      <c r="CJ2214" s="53">
        <v>-8310.1044776119197</v>
      </c>
      <c r="CK2214" s="53">
        <v>-8310.1044776119197</v>
      </c>
      <c r="CL2214" s="53">
        <v>-8310.1044776119197</v>
      </c>
      <c r="CM2214" s="53">
        <v>-8310.1044776119197</v>
      </c>
      <c r="CN2214" s="53">
        <v>-99721.253731343095</v>
      </c>
    </row>
    <row r="2215" spans="1:92" outlineLevel="1">
      <c r="A2215" s="52" t="s">
        <v>1603</v>
      </c>
      <c r="B2215" s="53">
        <v>1843143.4</v>
      </c>
      <c r="C2215" s="53">
        <v>0</v>
      </c>
      <c r="D2215" s="53">
        <v>0</v>
      </c>
      <c r="E2215" s="53">
        <v>0</v>
      </c>
      <c r="F2215" s="53">
        <v>0</v>
      </c>
      <c r="G2215" s="53">
        <v>0</v>
      </c>
      <c r="H2215" s="53">
        <v>2338155.7400000002</v>
      </c>
      <c r="I2215" s="53">
        <v>8315001.8399999896</v>
      </c>
      <c r="J2215" s="53">
        <v>15338273.109999999</v>
      </c>
      <c r="K2215" s="53">
        <v>16224326.24</v>
      </c>
      <c r="L2215" s="53">
        <v>12627601.08</v>
      </c>
      <c r="M2215" s="53">
        <v>9472262.0099999998</v>
      </c>
      <c r="N2215" s="53">
        <v>9472262.0099999998</v>
      </c>
      <c r="O2215" s="53">
        <v>9472262.0099999998</v>
      </c>
      <c r="P2215" s="53">
        <v>9472262.0099999998</v>
      </c>
      <c r="Q2215" s="53">
        <v>9472262.0099999998</v>
      </c>
      <c r="R2215" s="53">
        <v>9472262.0099999998</v>
      </c>
      <c r="S2215" s="53">
        <v>9472262.0099999998</v>
      </c>
      <c r="T2215" s="53">
        <v>9472262.0099999998</v>
      </c>
      <c r="U2215" s="53">
        <v>9472262.0099999998</v>
      </c>
      <c r="V2215" s="53">
        <v>9472262.0099999998</v>
      </c>
      <c r="W2215" s="53">
        <v>9472262.0099999998</v>
      </c>
      <c r="X2215" s="53">
        <v>9472262.0099999998</v>
      </c>
      <c r="Y2215" s="53">
        <v>9472262.0099999998</v>
      </c>
      <c r="Z2215" s="53">
        <v>9472262.0099999998</v>
      </c>
      <c r="AA2215" s="53">
        <v>9472262.0099999998</v>
      </c>
      <c r="AB2215" s="53">
        <v>9472262.0099999998</v>
      </c>
      <c r="AC2215" s="53">
        <v>9472262.0099999998</v>
      </c>
      <c r="AD2215" s="53">
        <v>9472262.0099999998</v>
      </c>
      <c r="AE2215" s="53">
        <v>9472262.0099999998</v>
      </c>
      <c r="AF2215" s="53">
        <v>9472262.0099999998</v>
      </c>
      <c r="AG2215" s="53">
        <v>9472262.0099999998</v>
      </c>
      <c r="AH2215" s="53">
        <v>9472262.0099999998</v>
      </c>
      <c r="AI2215" s="53">
        <v>9472262.0099999998</v>
      </c>
      <c r="AJ2215" s="53">
        <v>9472262.0099999998</v>
      </c>
      <c r="AK2215" s="53">
        <v>9472262.0099999998</v>
      </c>
      <c r="AL2215" s="53">
        <v>9472262.0099999998</v>
      </c>
      <c r="AM2215" s="53">
        <v>9472262.0099999998</v>
      </c>
      <c r="AN2215" s="53">
        <v>9472262.0099999998</v>
      </c>
      <c r="AO2215" s="53">
        <v>9472262.0099999998</v>
      </c>
      <c r="AP2215" s="53">
        <v>9472262.0099999998</v>
      </c>
      <c r="AQ2215" s="53">
        <v>9472262.0099999998</v>
      </c>
      <c r="AR2215" s="53">
        <v>9472262.0099999998</v>
      </c>
      <c r="AS2215" s="53">
        <v>9472262.0099999998</v>
      </c>
      <c r="AT2215" s="53">
        <v>9472262.0099999998</v>
      </c>
      <c r="AU2215" s="53">
        <v>9472262.0099999998</v>
      </c>
      <c r="AV2215" s="53">
        <v>9472262.0099999998</v>
      </c>
      <c r="AW2215" s="53">
        <v>9472262.0099999998</v>
      </c>
      <c r="AX2215" s="53">
        <v>9472262.0099999998</v>
      </c>
      <c r="AY2215" s="53">
        <v>9472262.0099999998</v>
      </c>
      <c r="AZ2215" s="53">
        <v>9472262.0099999998</v>
      </c>
      <c r="BA2215" s="53">
        <v>9472262.0099999998</v>
      </c>
      <c r="BB2215" s="53">
        <v>9472262.0099999998</v>
      </c>
      <c r="BC2215" s="53">
        <v>9472262.0099999998</v>
      </c>
      <c r="BD2215" s="53">
        <v>9472262.0099999998</v>
      </c>
      <c r="BE2215" s="53">
        <v>9472262.0099999998</v>
      </c>
      <c r="BF2215" s="53">
        <v>9472262.0099999998</v>
      </c>
      <c r="BG2215" s="53">
        <v>9472262.0099999998</v>
      </c>
      <c r="BH2215" s="53">
        <v>9472262.0099999998</v>
      </c>
      <c r="BI2215" s="53">
        <v>9472262.0099999998</v>
      </c>
      <c r="BJ2215" s="53">
        <v>9472262.0099999998</v>
      </c>
      <c r="BK2215" s="53">
        <v>9472262.0099999998</v>
      </c>
      <c r="BL2215" s="53">
        <v>9472262.0099999998</v>
      </c>
      <c r="BM2215" s="53">
        <v>9472262.0099999998</v>
      </c>
      <c r="BN2215" s="53">
        <v>9472262.0099999998</v>
      </c>
      <c r="BO2215" s="53">
        <v>9472262.0099999998</v>
      </c>
      <c r="BP2215" s="53">
        <v>9472262.0099999998</v>
      </c>
      <c r="BQ2215" s="53">
        <v>9472262.0099999998</v>
      </c>
      <c r="BR2215" s="53">
        <v>9472262.0099999998</v>
      </c>
      <c r="BS2215" s="53">
        <v>9472262.0099999998</v>
      </c>
      <c r="BT2215" s="53">
        <v>9472262.0099999998</v>
      </c>
      <c r="BU2215" s="53">
        <v>9472262.0099999998</v>
      </c>
      <c r="BV2215" s="53">
        <v>9472262.0099999998</v>
      </c>
      <c r="BW2215" s="53">
        <v>9472262.0099999998</v>
      </c>
      <c r="BX2215" s="53">
        <v>9472262.0099999998</v>
      </c>
      <c r="BY2215" s="53">
        <v>9472262.0099999998</v>
      </c>
      <c r="BZ2215" s="53">
        <v>9472262.0099999998</v>
      </c>
      <c r="CA2215" s="53">
        <v>9472262.0099999998</v>
      </c>
      <c r="CB2215" s="53">
        <v>-18632.710875331501</v>
      </c>
      <c r="CC2215" s="53">
        <v>-18632.710875331501</v>
      </c>
      <c r="CD2215" s="53">
        <v>-18632.710875331501</v>
      </c>
      <c r="CE2215" s="53">
        <v>-18632.710875331501</v>
      </c>
      <c r="CF2215" s="53">
        <v>-18632.710875331501</v>
      </c>
      <c r="CG2215" s="53">
        <v>-18632.710875331501</v>
      </c>
      <c r="CH2215" s="53">
        <v>-18632.710875331501</v>
      </c>
      <c r="CI2215" s="53">
        <v>-18632.710875331501</v>
      </c>
      <c r="CJ2215" s="53">
        <v>-18632.710875331501</v>
      </c>
      <c r="CK2215" s="53">
        <v>-18632.710875331501</v>
      </c>
      <c r="CL2215" s="53">
        <v>-18632.710875331501</v>
      </c>
      <c r="CM2215" s="53">
        <v>-18632.710875331501</v>
      </c>
      <c r="CN2215" s="53">
        <v>-223592.53050397799</v>
      </c>
    </row>
    <row r="2216" spans="1:92" outlineLevel="1">
      <c r="A2216" s="52" t="s">
        <v>1218</v>
      </c>
      <c r="B2216" s="53">
        <v>92217154.849999994</v>
      </c>
      <c r="C2216" s="53">
        <v>98675451.890000001</v>
      </c>
      <c r="D2216" s="53">
        <v>98003274.629999906</v>
      </c>
      <c r="E2216" s="53">
        <v>90591009.010000005</v>
      </c>
      <c r="F2216" s="53">
        <v>241700562.53999999</v>
      </c>
      <c r="G2216" s="53">
        <v>247271472.00999999</v>
      </c>
      <c r="H2216" s="53">
        <v>238395342.66999999</v>
      </c>
      <c r="I2216" s="53">
        <v>240188790.59999901</v>
      </c>
      <c r="J2216" s="53">
        <v>256866584.30999899</v>
      </c>
      <c r="K2216" s="53">
        <v>234797299.96999899</v>
      </c>
      <c r="L2216" s="53">
        <v>231597888.12999901</v>
      </c>
      <c r="M2216" s="53">
        <v>252336315.87</v>
      </c>
      <c r="N2216" s="53">
        <v>92217154.849999994</v>
      </c>
      <c r="O2216" s="53">
        <v>234645232.75999999</v>
      </c>
      <c r="P2216" s="53">
        <v>233498350.20021999</v>
      </c>
      <c r="Q2216" s="53">
        <v>232775484.399757</v>
      </c>
      <c r="R2216" s="53">
        <v>231991357.51517001</v>
      </c>
      <c r="S2216" s="53">
        <v>231130999.64891401</v>
      </c>
      <c r="T2216" s="53">
        <v>230103069.18041801</v>
      </c>
      <c r="U2216" s="53">
        <v>229012966.219605</v>
      </c>
      <c r="V2216" s="53">
        <v>227868541.290059</v>
      </c>
      <c r="W2216" s="53">
        <v>226442819.81396201</v>
      </c>
      <c r="X2216" s="53">
        <v>225378205.27214101</v>
      </c>
      <c r="Y2216" s="53">
        <v>224453434.50190201</v>
      </c>
      <c r="Z2216" s="53">
        <v>223713486.65522999</v>
      </c>
      <c r="AA2216" s="53">
        <v>234645232.75999999</v>
      </c>
      <c r="AB2216" s="53">
        <v>222926875.533499</v>
      </c>
      <c r="AC2216" s="53">
        <v>222926875.533499</v>
      </c>
      <c r="AD2216" s="53">
        <v>222926875.533499</v>
      </c>
      <c r="AE2216" s="53">
        <v>222926875.533499</v>
      </c>
      <c r="AF2216" s="53">
        <v>222926875.533499</v>
      </c>
      <c r="AG2216" s="53">
        <v>222926875.533499</v>
      </c>
      <c r="AH2216" s="53">
        <v>222926875.533499</v>
      </c>
      <c r="AI2216" s="53">
        <v>222926875.533499</v>
      </c>
      <c r="AJ2216" s="53">
        <v>222926875.533499</v>
      </c>
      <c r="AK2216" s="53">
        <v>222926875.533499</v>
      </c>
      <c r="AL2216" s="53">
        <v>222926875.533499</v>
      </c>
      <c r="AM2216" s="53">
        <v>222926875.533499</v>
      </c>
      <c r="AN2216" s="53">
        <v>222926875.533499</v>
      </c>
      <c r="AO2216" s="53">
        <v>222926875.533499</v>
      </c>
      <c r="AP2216" s="53">
        <v>222926875.533499</v>
      </c>
      <c r="AQ2216" s="53">
        <v>222926875.533499</v>
      </c>
      <c r="AR2216" s="53">
        <v>222926875.533499</v>
      </c>
      <c r="AS2216" s="53">
        <v>222926875.533499</v>
      </c>
      <c r="AT2216" s="53">
        <v>222926875.533499</v>
      </c>
      <c r="AU2216" s="53">
        <v>222926875.533499</v>
      </c>
      <c r="AV2216" s="53">
        <v>222926875.533499</v>
      </c>
      <c r="AW2216" s="53">
        <v>222926875.533499</v>
      </c>
      <c r="AX2216" s="53">
        <v>222926875.533499</v>
      </c>
      <c r="AY2216" s="53">
        <v>222926875.533499</v>
      </c>
      <c r="AZ2216" s="53">
        <v>222926875.533499</v>
      </c>
      <c r="BA2216" s="53">
        <v>222926875.533499</v>
      </c>
      <c r="BB2216" s="53">
        <v>222926875.533499</v>
      </c>
      <c r="BC2216" s="53">
        <v>222926875.533499</v>
      </c>
      <c r="BD2216" s="53">
        <v>222926875.533499</v>
      </c>
      <c r="BE2216" s="53">
        <v>222926875.533499</v>
      </c>
      <c r="BF2216" s="53">
        <v>222926875.533499</v>
      </c>
      <c r="BG2216" s="53">
        <v>222926875.533499</v>
      </c>
      <c r="BH2216" s="53">
        <v>222926875.533499</v>
      </c>
      <c r="BI2216" s="53">
        <v>222926875.533499</v>
      </c>
      <c r="BJ2216" s="53">
        <v>222926875.533499</v>
      </c>
      <c r="BK2216" s="53">
        <v>222926875.533499</v>
      </c>
      <c r="BL2216" s="53">
        <v>222926875.533499</v>
      </c>
      <c r="BM2216" s="53">
        <v>222926875.533499</v>
      </c>
      <c r="BN2216" s="53">
        <v>222926875.533499</v>
      </c>
      <c r="BO2216" s="53">
        <v>222926875.533499</v>
      </c>
      <c r="BP2216" s="53">
        <v>222926875.533499</v>
      </c>
      <c r="BQ2216" s="53">
        <v>222926875.533499</v>
      </c>
      <c r="BR2216" s="53">
        <v>222926875.533499</v>
      </c>
      <c r="BS2216" s="53">
        <v>222926875.533499</v>
      </c>
      <c r="BT2216" s="53">
        <v>222926875.533499</v>
      </c>
      <c r="BU2216" s="53">
        <v>222926875.533499</v>
      </c>
      <c r="BV2216" s="53">
        <v>222926875.533499</v>
      </c>
      <c r="BW2216" s="53">
        <v>222926875.533499</v>
      </c>
      <c r="BX2216" s="53">
        <v>222926875.533499</v>
      </c>
      <c r="BY2216" s="53">
        <v>222926875.533499</v>
      </c>
      <c r="BZ2216" s="53">
        <v>222926875.533499</v>
      </c>
      <c r="CA2216" s="53">
        <v>222926875.533499</v>
      </c>
      <c r="CB2216" s="53"/>
      <c r="CC2216" s="53"/>
      <c r="CD2216" s="53"/>
      <c r="CE2216" s="53"/>
      <c r="CF2216" s="53"/>
      <c r="CG2216" s="53"/>
      <c r="CH2216" s="53"/>
      <c r="CI2216" s="53"/>
      <c r="CJ2216" s="53"/>
      <c r="CK2216" s="53"/>
      <c r="CL2216" s="53"/>
      <c r="CM2216" s="53"/>
      <c r="CN2216" s="53"/>
    </row>
    <row r="2217" spans="1:92" outlineLevel="1">
      <c r="A2217" s="52" t="s">
        <v>672</v>
      </c>
      <c r="B2217" s="53"/>
      <c r="C2217" s="53"/>
      <c r="D2217" s="53"/>
      <c r="E2217" s="53"/>
      <c r="F2217" s="53"/>
      <c r="G2217" s="53"/>
      <c r="H2217" s="53"/>
      <c r="I2217" s="53"/>
      <c r="J2217" s="53"/>
      <c r="K2217" s="53"/>
      <c r="L2217" s="53"/>
      <c r="M2217" s="53"/>
      <c r="N2217" s="53"/>
      <c r="O2217" s="53"/>
      <c r="P2217" s="53"/>
      <c r="Q2217" s="53"/>
      <c r="R2217" s="53"/>
      <c r="S2217" s="53"/>
      <c r="T2217" s="53"/>
      <c r="U2217" s="53"/>
      <c r="V2217" s="53"/>
      <c r="W2217" s="53"/>
      <c r="X2217" s="53"/>
      <c r="Y2217" s="53"/>
      <c r="Z2217" s="53"/>
      <c r="AA2217" s="53"/>
      <c r="AB2217" s="53"/>
      <c r="AC2217" s="53"/>
      <c r="AD2217" s="53"/>
      <c r="AE2217" s="53"/>
      <c r="AF2217" s="53"/>
      <c r="AG2217" s="53"/>
      <c r="AH2217" s="53"/>
      <c r="AI2217" s="53"/>
      <c r="AJ2217" s="53"/>
      <c r="AK2217" s="53"/>
      <c r="AL2217" s="53"/>
      <c r="AM2217" s="53"/>
      <c r="AN2217" s="53"/>
      <c r="AO2217" s="53"/>
      <c r="AP2217" s="53"/>
      <c r="AQ2217" s="53"/>
      <c r="AR2217" s="53"/>
      <c r="AS2217" s="53"/>
      <c r="AT2217" s="53"/>
      <c r="AU2217" s="53"/>
      <c r="AV2217" s="53"/>
      <c r="AW2217" s="53"/>
      <c r="AX2217" s="53"/>
      <c r="AY2217" s="53"/>
      <c r="AZ2217" s="53"/>
      <c r="BA2217" s="53"/>
      <c r="BB2217" s="53"/>
      <c r="BC2217" s="53"/>
      <c r="BD2217" s="53"/>
      <c r="BE2217" s="53"/>
      <c r="BF2217" s="53"/>
      <c r="BG2217" s="53"/>
      <c r="BH2217" s="53"/>
      <c r="BI2217" s="53"/>
      <c r="BJ2217" s="53"/>
      <c r="BK2217" s="53"/>
      <c r="BL2217" s="53"/>
      <c r="BM2217" s="53"/>
      <c r="BN2217" s="53"/>
      <c r="BO2217" s="53"/>
      <c r="BP2217" s="53"/>
      <c r="BQ2217" s="53"/>
      <c r="BR2217" s="53"/>
      <c r="BS2217" s="53"/>
      <c r="BT2217" s="53"/>
      <c r="BU2217" s="53"/>
      <c r="BV2217" s="53"/>
      <c r="BW2217" s="53"/>
      <c r="BX2217" s="53"/>
      <c r="BY2217" s="53"/>
      <c r="BZ2217" s="53"/>
      <c r="CA2217" s="53"/>
      <c r="CB2217" s="53">
        <v>-36488.334177215103</v>
      </c>
      <c r="CC2217" s="53">
        <v>-36488.334177215103</v>
      </c>
      <c r="CD2217" s="53">
        <v>-36488.334177215103</v>
      </c>
      <c r="CE2217" s="53">
        <v>-36488.334177215103</v>
      </c>
      <c r="CF2217" s="53">
        <v>-36488.334177215103</v>
      </c>
      <c r="CG2217" s="53">
        <v>-36488.334177215103</v>
      </c>
      <c r="CH2217" s="53">
        <v>-36488.334177215103</v>
      </c>
      <c r="CI2217" s="53">
        <v>-36488.334177215103</v>
      </c>
      <c r="CJ2217" s="53">
        <v>-36488.334177215103</v>
      </c>
      <c r="CK2217" s="53">
        <v>-36488.334177215103</v>
      </c>
      <c r="CL2217" s="53">
        <v>-36488.334177215103</v>
      </c>
      <c r="CM2217" s="53">
        <v>-36488.334177215103</v>
      </c>
      <c r="CN2217" s="53">
        <v>-437860.010126582</v>
      </c>
    </row>
    <row r="2218" spans="1:92" outlineLevel="1">
      <c r="A2218" s="52" t="s">
        <v>758</v>
      </c>
      <c r="B2218" s="53"/>
      <c r="C2218" s="53"/>
      <c r="D2218" s="53"/>
      <c r="E2218" s="53"/>
      <c r="F2218" s="53"/>
      <c r="G2218" s="53"/>
      <c r="H2218" s="53"/>
      <c r="I2218" s="53"/>
      <c r="J2218" s="53"/>
      <c r="K2218" s="53"/>
      <c r="L2218" s="53"/>
      <c r="M2218" s="53"/>
      <c r="N2218" s="53"/>
      <c r="O2218" s="53"/>
      <c r="P2218" s="53"/>
      <c r="Q2218" s="53"/>
      <c r="R2218" s="53"/>
      <c r="S2218" s="53"/>
      <c r="T2218" s="53"/>
      <c r="U2218" s="53"/>
      <c r="V2218" s="53"/>
      <c r="W2218" s="53"/>
      <c r="X2218" s="53"/>
      <c r="Y2218" s="53"/>
      <c r="Z2218" s="53"/>
      <c r="AA2218" s="53"/>
      <c r="AB2218" s="53"/>
      <c r="AC2218" s="53"/>
      <c r="AD2218" s="53"/>
      <c r="AE2218" s="53"/>
      <c r="AF2218" s="53"/>
      <c r="AG2218" s="53"/>
      <c r="AH2218" s="53"/>
      <c r="AI2218" s="53"/>
      <c r="AJ2218" s="53"/>
      <c r="AK2218" s="53"/>
      <c r="AL2218" s="53"/>
      <c r="AM2218" s="53"/>
      <c r="AN2218" s="53"/>
      <c r="AO2218" s="53"/>
      <c r="AP2218" s="53"/>
      <c r="AQ2218" s="53"/>
      <c r="AR2218" s="53"/>
      <c r="AS2218" s="53"/>
      <c r="AT2218" s="53"/>
      <c r="AU2218" s="53"/>
      <c r="AV2218" s="53"/>
      <c r="AW2218" s="53"/>
      <c r="AX2218" s="53"/>
      <c r="AY2218" s="53"/>
      <c r="AZ2218" s="53"/>
      <c r="BA2218" s="53"/>
      <c r="BB2218" s="53"/>
      <c r="BC2218" s="53"/>
      <c r="BD2218" s="53"/>
      <c r="BE2218" s="53"/>
      <c r="BF2218" s="53"/>
      <c r="BG2218" s="53"/>
      <c r="BH2218" s="53"/>
      <c r="BI2218" s="53"/>
      <c r="BJ2218" s="53"/>
      <c r="BK2218" s="53"/>
      <c r="BL2218" s="53"/>
      <c r="BM2218" s="53"/>
      <c r="BN2218" s="53"/>
      <c r="BO2218" s="53"/>
      <c r="BP2218" s="53"/>
      <c r="BQ2218" s="53"/>
      <c r="BR2218" s="53"/>
      <c r="BS2218" s="53"/>
      <c r="BT2218" s="53"/>
      <c r="BU2218" s="53"/>
      <c r="BV2218" s="53"/>
      <c r="BW2218" s="53"/>
      <c r="BX2218" s="53"/>
      <c r="BY2218" s="53"/>
      <c r="BZ2218" s="53"/>
      <c r="CA2218" s="53"/>
      <c r="CB2218" s="53">
        <v>-13019.146118721401</v>
      </c>
      <c r="CC2218" s="53">
        <v>-13019.146118721401</v>
      </c>
      <c r="CD2218" s="53">
        <v>-13019.146118721401</v>
      </c>
      <c r="CE2218" s="53">
        <v>-13019.146118721401</v>
      </c>
      <c r="CF2218" s="53">
        <v>-13019.146118721401</v>
      </c>
      <c r="CG2218" s="53">
        <v>-13019.146118721401</v>
      </c>
      <c r="CH2218" s="53">
        <v>-13019.146118721401</v>
      </c>
      <c r="CI2218" s="53">
        <v>-13019.146118721401</v>
      </c>
      <c r="CJ2218" s="53">
        <v>-13019.146118721401</v>
      </c>
      <c r="CK2218" s="53">
        <v>-13019.146118721401</v>
      </c>
      <c r="CL2218" s="53">
        <v>-13019.146118721401</v>
      </c>
      <c r="CM2218" s="53">
        <v>-13019.146118721401</v>
      </c>
      <c r="CN2218" s="53">
        <v>-156229.75342465701</v>
      </c>
    </row>
    <row r="2219" spans="1:92" outlineLevel="1">
      <c r="A2219" s="52" t="s">
        <v>1604</v>
      </c>
      <c r="B2219" s="53"/>
      <c r="C2219" s="53"/>
      <c r="D2219" s="53"/>
      <c r="E2219" s="53"/>
      <c r="F2219" s="53"/>
      <c r="G2219" s="53"/>
      <c r="H2219" s="53"/>
      <c r="I2219" s="53"/>
      <c r="J2219" s="53"/>
      <c r="K2219" s="53"/>
      <c r="L2219" s="53"/>
      <c r="M2219" s="53"/>
      <c r="N2219" s="53"/>
      <c r="O2219" s="53"/>
      <c r="P2219" s="53"/>
      <c r="Q2219" s="53"/>
      <c r="R2219" s="53"/>
      <c r="S2219" s="53"/>
      <c r="T2219" s="53"/>
      <c r="U2219" s="53"/>
      <c r="V2219" s="53"/>
      <c r="W2219" s="53"/>
      <c r="X2219" s="53"/>
      <c r="Y2219" s="53"/>
      <c r="Z2219" s="53"/>
      <c r="AA2219" s="53"/>
      <c r="AB2219" s="53"/>
      <c r="AC2219" s="53"/>
      <c r="AD2219" s="53"/>
      <c r="AE2219" s="53"/>
      <c r="AF2219" s="53"/>
      <c r="AG2219" s="53"/>
      <c r="AH2219" s="53"/>
      <c r="AI2219" s="53"/>
      <c r="AJ2219" s="53"/>
      <c r="AK2219" s="53"/>
      <c r="AL2219" s="53"/>
      <c r="AM2219" s="53"/>
      <c r="AN2219" s="53"/>
      <c r="AO2219" s="53"/>
      <c r="AP2219" s="53"/>
      <c r="AQ2219" s="53"/>
      <c r="AR2219" s="53"/>
      <c r="AS2219" s="53"/>
      <c r="AT2219" s="53"/>
      <c r="AU2219" s="53"/>
      <c r="AV2219" s="53"/>
      <c r="AW2219" s="53"/>
      <c r="AX2219" s="53"/>
      <c r="AY2219" s="53"/>
      <c r="AZ2219" s="53"/>
      <c r="BA2219" s="53"/>
      <c r="BB2219" s="53"/>
      <c r="BC2219" s="53"/>
      <c r="BD2219" s="53"/>
      <c r="BE2219" s="53"/>
      <c r="BF2219" s="53"/>
      <c r="BG2219" s="53"/>
      <c r="BH2219" s="53"/>
      <c r="BI2219" s="53"/>
      <c r="BJ2219" s="53"/>
      <c r="BK2219" s="53"/>
      <c r="BL2219" s="53"/>
      <c r="BM2219" s="53"/>
      <c r="BN2219" s="53"/>
      <c r="BO2219" s="53"/>
      <c r="BP2219" s="53"/>
      <c r="BQ2219" s="53"/>
      <c r="BR2219" s="53"/>
      <c r="BS2219" s="53"/>
      <c r="BT2219" s="53"/>
      <c r="BU2219" s="53"/>
      <c r="BV2219" s="53"/>
      <c r="BW2219" s="53"/>
      <c r="BX2219" s="53"/>
      <c r="BY2219" s="53"/>
      <c r="BZ2219" s="53"/>
      <c r="CA2219" s="53"/>
      <c r="CB2219" s="53">
        <v>-13527.6846307385</v>
      </c>
      <c r="CC2219" s="53">
        <v>-13527.6846307385</v>
      </c>
      <c r="CD2219" s="53">
        <v>-13527.6846307385</v>
      </c>
      <c r="CE2219" s="53">
        <v>-13527.6846307385</v>
      </c>
      <c r="CF2219" s="53">
        <v>-13527.6846307385</v>
      </c>
      <c r="CG2219" s="53">
        <v>-13527.6846307385</v>
      </c>
      <c r="CH2219" s="53">
        <v>-13527.6846307385</v>
      </c>
      <c r="CI2219" s="53">
        <v>-13527.6846307385</v>
      </c>
      <c r="CJ2219" s="53">
        <v>-13527.6846307385</v>
      </c>
      <c r="CK2219" s="53">
        <v>-13527.6846307385</v>
      </c>
      <c r="CL2219" s="53">
        <v>-13527.6846307385</v>
      </c>
      <c r="CM2219" s="53">
        <v>-13527.6846307385</v>
      </c>
      <c r="CN2219" s="53">
        <v>-162332.21556886201</v>
      </c>
    </row>
    <row r="2220" spans="1:92" outlineLevel="1">
      <c r="A2220" s="52" t="s">
        <v>649</v>
      </c>
      <c r="B2220" s="53"/>
      <c r="C2220" s="53"/>
      <c r="D2220" s="53"/>
      <c r="E2220" s="53"/>
      <c r="F2220" s="53"/>
      <c r="G2220" s="53"/>
      <c r="H2220" s="53"/>
      <c r="I2220" s="53"/>
      <c r="J2220" s="53"/>
      <c r="K2220" s="53"/>
      <c r="L2220" s="53"/>
      <c r="M2220" s="53"/>
      <c r="N2220" s="53"/>
      <c r="O2220" s="53">
        <v>-1146882.5597796401</v>
      </c>
      <c r="P2220" s="53">
        <v>-722865.800462496</v>
      </c>
      <c r="Q2220" s="53">
        <v>-784126.88458710897</v>
      </c>
      <c r="R2220" s="53">
        <v>-860357.86625632097</v>
      </c>
      <c r="S2220" s="53">
        <v>-1027930.46849624</v>
      </c>
      <c r="T2220" s="53">
        <v>-1090102.96081228</v>
      </c>
      <c r="U2220" s="53">
        <v>-1144424.9295462801</v>
      </c>
      <c r="V2220" s="53">
        <v>-1425721.4760970999</v>
      </c>
      <c r="W2220" s="53">
        <v>-1064614.5418209401</v>
      </c>
      <c r="X2220" s="53">
        <v>-924770.77023946098</v>
      </c>
      <c r="Y2220" s="53">
        <v>-739947.846671229</v>
      </c>
      <c r="Z2220" s="53">
        <v>-786611.12173092598</v>
      </c>
      <c r="AA2220" s="53">
        <v>-11718357.226500001</v>
      </c>
      <c r="AB2220" s="53"/>
      <c r="AC2220" s="53"/>
      <c r="AD2220" s="53"/>
      <c r="AE2220" s="53"/>
      <c r="AF2220" s="53"/>
      <c r="AG2220" s="53"/>
      <c r="AH2220" s="53"/>
      <c r="AI2220" s="53"/>
      <c r="AJ2220" s="53"/>
      <c r="AK2220" s="53"/>
      <c r="AL2220" s="53"/>
      <c r="AM2220" s="53"/>
      <c r="AN2220" s="53"/>
      <c r="AO2220" s="53"/>
      <c r="AP2220" s="53"/>
      <c r="AQ2220" s="53"/>
      <c r="AR2220" s="53"/>
      <c r="AS2220" s="53"/>
      <c r="AT2220" s="53"/>
      <c r="AU2220" s="53"/>
      <c r="AV2220" s="53"/>
      <c r="AW2220" s="53"/>
      <c r="AX2220" s="53"/>
      <c r="AY2220" s="53"/>
      <c r="AZ2220" s="53"/>
      <c r="BA2220" s="53"/>
      <c r="BB2220" s="53"/>
      <c r="BC2220" s="53"/>
      <c r="BD2220" s="53"/>
      <c r="BE2220" s="53"/>
      <c r="BF2220" s="53"/>
      <c r="BG2220" s="53"/>
      <c r="BH2220" s="53"/>
      <c r="BI2220" s="53"/>
      <c r="BJ2220" s="53"/>
      <c r="BK2220" s="53"/>
      <c r="BL2220" s="53"/>
      <c r="BM2220" s="53"/>
      <c r="BN2220" s="53"/>
      <c r="BO2220" s="53"/>
      <c r="BP2220" s="53"/>
      <c r="BQ2220" s="53"/>
      <c r="BR2220" s="53"/>
      <c r="BS2220" s="53"/>
      <c r="BT2220" s="53"/>
      <c r="BU2220" s="53"/>
      <c r="BV2220" s="53"/>
      <c r="BW2220" s="53"/>
      <c r="BX2220" s="53"/>
      <c r="BY2220" s="53"/>
      <c r="BZ2220" s="53"/>
      <c r="CA2220" s="53"/>
      <c r="CB2220" s="53">
        <v>-20148.9797979797</v>
      </c>
      <c r="CC2220" s="53">
        <v>-20148.9797979797</v>
      </c>
      <c r="CD2220" s="53">
        <v>-20148.9797979797</v>
      </c>
      <c r="CE2220" s="53">
        <v>-20148.9797979797</v>
      </c>
      <c r="CF2220" s="53">
        <v>-20148.9797979797</v>
      </c>
      <c r="CG2220" s="53">
        <v>-20148.9797979797</v>
      </c>
      <c r="CH2220" s="53">
        <v>-20148.9797979797</v>
      </c>
      <c r="CI2220" s="53">
        <v>-20148.9797979797</v>
      </c>
      <c r="CJ2220" s="53">
        <v>-20148.9797979797</v>
      </c>
      <c r="CK2220" s="53">
        <v>-20148.9797979797</v>
      </c>
      <c r="CL2220" s="53">
        <v>-20148.9797979797</v>
      </c>
      <c r="CM2220" s="53">
        <v>-20148.9797979797</v>
      </c>
      <c r="CN2220" s="53">
        <v>-241787.75757575699</v>
      </c>
    </row>
    <row r="2221" spans="1:92" outlineLevel="1">
      <c r="A2221" s="52" t="s">
        <v>1605</v>
      </c>
      <c r="B2221" s="53">
        <v>98675451.890000001</v>
      </c>
      <c r="C2221" s="53">
        <v>98003274.629999906</v>
      </c>
      <c r="D2221" s="53">
        <v>90591009.010000005</v>
      </c>
      <c r="E2221" s="53">
        <v>241700562.53999999</v>
      </c>
      <c r="F2221" s="53">
        <v>247271472.00999999</v>
      </c>
      <c r="G2221" s="53">
        <v>238395342.66999999</v>
      </c>
      <c r="H2221" s="53">
        <v>240188790.59999901</v>
      </c>
      <c r="I2221" s="53">
        <v>256866584.30999899</v>
      </c>
      <c r="J2221" s="53">
        <v>234797299.96999899</v>
      </c>
      <c r="K2221" s="53">
        <v>231597888.12999901</v>
      </c>
      <c r="L2221" s="53">
        <v>252336315.87</v>
      </c>
      <c r="M2221" s="53">
        <v>234645232.75999999</v>
      </c>
      <c r="N2221" s="53">
        <v>234645232.75999999</v>
      </c>
      <c r="O2221" s="53">
        <v>233498350.20021999</v>
      </c>
      <c r="P2221" s="53">
        <v>232775484.399757</v>
      </c>
      <c r="Q2221" s="53">
        <v>231991357.51517001</v>
      </c>
      <c r="R2221" s="53">
        <v>231130999.64891401</v>
      </c>
      <c r="S2221" s="53">
        <v>230103069.18041801</v>
      </c>
      <c r="T2221" s="53">
        <v>229012966.219605</v>
      </c>
      <c r="U2221" s="53">
        <v>227868541.290059</v>
      </c>
      <c r="V2221" s="53">
        <v>226442819.81396201</v>
      </c>
      <c r="W2221" s="53">
        <v>225378205.27214101</v>
      </c>
      <c r="X2221" s="53">
        <v>224453434.50190201</v>
      </c>
      <c r="Y2221" s="53">
        <v>223713486.65522999</v>
      </c>
      <c r="Z2221" s="53">
        <v>222926875.533499</v>
      </c>
      <c r="AA2221" s="53">
        <v>222926875.533499</v>
      </c>
      <c r="AB2221" s="53">
        <v>222926875.533499</v>
      </c>
      <c r="AC2221" s="53">
        <v>222926875.533499</v>
      </c>
      <c r="AD2221" s="53">
        <v>222926875.533499</v>
      </c>
      <c r="AE2221" s="53">
        <v>222926875.533499</v>
      </c>
      <c r="AF2221" s="53">
        <v>222926875.533499</v>
      </c>
      <c r="AG2221" s="53">
        <v>222926875.533499</v>
      </c>
      <c r="AH2221" s="53">
        <v>222926875.533499</v>
      </c>
      <c r="AI2221" s="53">
        <v>222926875.533499</v>
      </c>
      <c r="AJ2221" s="53">
        <v>222926875.533499</v>
      </c>
      <c r="AK2221" s="53">
        <v>222926875.533499</v>
      </c>
      <c r="AL2221" s="53">
        <v>222926875.533499</v>
      </c>
      <c r="AM2221" s="53">
        <v>222926875.533499</v>
      </c>
      <c r="AN2221" s="53">
        <v>222926875.533499</v>
      </c>
      <c r="AO2221" s="53">
        <v>222926875.533499</v>
      </c>
      <c r="AP2221" s="53">
        <v>222926875.533499</v>
      </c>
      <c r="AQ2221" s="53">
        <v>222926875.533499</v>
      </c>
      <c r="AR2221" s="53">
        <v>222926875.533499</v>
      </c>
      <c r="AS2221" s="53">
        <v>222926875.533499</v>
      </c>
      <c r="AT2221" s="53">
        <v>222926875.533499</v>
      </c>
      <c r="AU2221" s="53">
        <v>222926875.533499</v>
      </c>
      <c r="AV2221" s="53">
        <v>222926875.533499</v>
      </c>
      <c r="AW2221" s="53">
        <v>222926875.533499</v>
      </c>
      <c r="AX2221" s="53">
        <v>222926875.533499</v>
      </c>
      <c r="AY2221" s="53">
        <v>222926875.533499</v>
      </c>
      <c r="AZ2221" s="53">
        <v>222926875.533499</v>
      </c>
      <c r="BA2221" s="53">
        <v>222926875.533499</v>
      </c>
      <c r="BB2221" s="53">
        <v>222926875.533499</v>
      </c>
      <c r="BC2221" s="53">
        <v>222926875.533499</v>
      </c>
      <c r="BD2221" s="53">
        <v>222926875.533499</v>
      </c>
      <c r="BE2221" s="53">
        <v>222926875.533499</v>
      </c>
      <c r="BF2221" s="53">
        <v>222926875.533499</v>
      </c>
      <c r="BG2221" s="53">
        <v>222926875.533499</v>
      </c>
      <c r="BH2221" s="53">
        <v>222926875.533499</v>
      </c>
      <c r="BI2221" s="53">
        <v>222926875.533499</v>
      </c>
      <c r="BJ2221" s="53">
        <v>222926875.533499</v>
      </c>
      <c r="BK2221" s="53">
        <v>222926875.533499</v>
      </c>
      <c r="BL2221" s="53">
        <v>222926875.533499</v>
      </c>
      <c r="BM2221" s="53">
        <v>222926875.533499</v>
      </c>
      <c r="BN2221" s="53">
        <v>222926875.533499</v>
      </c>
      <c r="BO2221" s="53">
        <v>222926875.533499</v>
      </c>
      <c r="BP2221" s="53">
        <v>222926875.533499</v>
      </c>
      <c r="BQ2221" s="53">
        <v>222926875.533499</v>
      </c>
      <c r="BR2221" s="53">
        <v>222926875.533499</v>
      </c>
      <c r="BS2221" s="53">
        <v>222926875.533499</v>
      </c>
      <c r="BT2221" s="53">
        <v>222926875.533499</v>
      </c>
      <c r="BU2221" s="53">
        <v>222926875.533499</v>
      </c>
      <c r="BV2221" s="53">
        <v>222926875.533499</v>
      </c>
      <c r="BW2221" s="53">
        <v>222926875.533499</v>
      </c>
      <c r="BX2221" s="53">
        <v>222926875.533499</v>
      </c>
      <c r="BY2221" s="53">
        <v>222926875.533499</v>
      </c>
      <c r="BZ2221" s="53">
        <v>222926875.533499</v>
      </c>
      <c r="CA2221" s="53">
        <v>222926875.533499</v>
      </c>
      <c r="CB2221" s="53">
        <v>-24699.685950413201</v>
      </c>
      <c r="CC2221" s="53"/>
      <c r="CD2221" s="53"/>
      <c r="CE2221" s="53"/>
      <c r="CF2221" s="53"/>
      <c r="CG2221" s="53"/>
      <c r="CH2221" s="53"/>
      <c r="CI2221" s="53"/>
      <c r="CJ2221" s="53"/>
      <c r="CK2221" s="53"/>
      <c r="CL2221" s="53"/>
      <c r="CM2221" s="53"/>
      <c r="CN2221" s="53">
        <v>-24699.685950413201</v>
      </c>
    </row>
    <row r="2222" spans="1:92" outlineLevel="1">
      <c r="A2222" s="52" t="s">
        <v>1606</v>
      </c>
      <c r="B2222" s="53">
        <v>0</v>
      </c>
      <c r="C2222" s="53">
        <v>0</v>
      </c>
      <c r="D2222" s="53">
        <v>0</v>
      </c>
      <c r="E2222" s="53">
        <v>0</v>
      </c>
      <c r="F2222" s="53">
        <v>0</v>
      </c>
      <c r="G2222" s="53">
        <v>0</v>
      </c>
      <c r="H2222" s="53">
        <v>0</v>
      </c>
      <c r="I2222" s="53">
        <v>0</v>
      </c>
      <c r="J2222" s="53">
        <v>0</v>
      </c>
      <c r="K2222" s="53">
        <v>0</v>
      </c>
      <c r="L2222" s="53">
        <v>0</v>
      </c>
      <c r="M2222" s="53">
        <v>0</v>
      </c>
      <c r="N2222" s="53">
        <v>0</v>
      </c>
      <c r="O2222" s="53">
        <v>0</v>
      </c>
      <c r="P2222" s="53">
        <v>0</v>
      </c>
      <c r="Q2222" s="53">
        <v>0</v>
      </c>
      <c r="R2222" s="53">
        <v>0</v>
      </c>
      <c r="S2222" s="53">
        <v>0</v>
      </c>
      <c r="T2222" s="53">
        <v>0</v>
      </c>
      <c r="U2222" s="53">
        <v>0</v>
      </c>
      <c r="V2222" s="53">
        <v>0</v>
      </c>
      <c r="W2222" s="53">
        <v>0</v>
      </c>
      <c r="X2222" s="53">
        <v>0</v>
      </c>
      <c r="Y2222" s="53">
        <v>0</v>
      </c>
      <c r="Z2222" s="53">
        <v>0</v>
      </c>
      <c r="AA2222" s="53">
        <v>0</v>
      </c>
      <c r="AB2222" s="53">
        <v>0</v>
      </c>
      <c r="AC2222" s="53">
        <v>0</v>
      </c>
      <c r="AD2222" s="53">
        <v>0</v>
      </c>
      <c r="AE2222" s="53">
        <v>0</v>
      </c>
      <c r="AF2222" s="53">
        <v>0</v>
      </c>
      <c r="AG2222" s="53">
        <v>0</v>
      </c>
      <c r="AH2222" s="53">
        <v>0</v>
      </c>
      <c r="AI2222" s="53">
        <v>0</v>
      </c>
      <c r="AJ2222" s="53">
        <v>0</v>
      </c>
      <c r="AK2222" s="53">
        <v>0</v>
      </c>
      <c r="AL2222" s="53">
        <v>0</v>
      </c>
      <c r="AM2222" s="53">
        <v>0</v>
      </c>
      <c r="AN2222" s="53">
        <v>0</v>
      </c>
      <c r="AO2222" s="53">
        <v>0</v>
      </c>
      <c r="AP2222" s="53">
        <v>0</v>
      </c>
      <c r="AQ2222" s="53">
        <v>0</v>
      </c>
      <c r="AR2222" s="53">
        <v>0</v>
      </c>
      <c r="AS2222" s="53">
        <v>0</v>
      </c>
      <c r="AT2222" s="53">
        <v>0</v>
      </c>
      <c r="AU2222" s="53">
        <v>0</v>
      </c>
      <c r="AV2222" s="53">
        <v>0</v>
      </c>
      <c r="AW2222" s="53">
        <v>0</v>
      </c>
      <c r="AX2222" s="53">
        <v>0</v>
      </c>
      <c r="AY2222" s="53">
        <v>0</v>
      </c>
      <c r="AZ2222" s="53">
        <v>0</v>
      </c>
      <c r="BA2222" s="53">
        <v>0</v>
      </c>
      <c r="BB2222" s="53">
        <v>0</v>
      </c>
      <c r="BC2222" s="53">
        <v>0</v>
      </c>
      <c r="BD2222" s="53">
        <v>0</v>
      </c>
      <c r="BE2222" s="53">
        <v>0</v>
      </c>
      <c r="BF2222" s="53">
        <v>0</v>
      </c>
      <c r="BG2222" s="53">
        <v>0</v>
      </c>
      <c r="BH2222" s="53">
        <v>0</v>
      </c>
      <c r="BI2222" s="53">
        <v>0</v>
      </c>
      <c r="BJ2222" s="53">
        <v>0</v>
      </c>
      <c r="BK2222" s="53">
        <v>0</v>
      </c>
      <c r="BL2222" s="53">
        <v>0</v>
      </c>
      <c r="BM2222" s="53">
        <v>0</v>
      </c>
      <c r="BN2222" s="53">
        <v>0</v>
      </c>
      <c r="BO2222" s="53">
        <v>0</v>
      </c>
      <c r="BP2222" s="53">
        <v>0</v>
      </c>
      <c r="BQ2222" s="53">
        <v>0</v>
      </c>
      <c r="BR2222" s="53">
        <v>0</v>
      </c>
      <c r="BS2222" s="53">
        <v>0</v>
      </c>
      <c r="BT2222" s="53">
        <v>0</v>
      </c>
      <c r="BU2222" s="53">
        <v>0</v>
      </c>
      <c r="BV2222" s="53">
        <v>0</v>
      </c>
      <c r="BW2222" s="53">
        <v>0</v>
      </c>
      <c r="BX2222" s="53">
        <v>0</v>
      </c>
      <c r="BY2222" s="53">
        <v>0</v>
      </c>
      <c r="BZ2222" s="53">
        <v>0</v>
      </c>
      <c r="CA2222" s="53">
        <v>0</v>
      </c>
      <c r="CB2222" s="53">
        <v>-13370.822605965401</v>
      </c>
      <c r="CC2222" s="53">
        <v>-13370.822605965401</v>
      </c>
      <c r="CD2222" s="53">
        <v>-13370.822605965401</v>
      </c>
      <c r="CE2222" s="53">
        <v>-13370.822605965401</v>
      </c>
      <c r="CF2222" s="53">
        <v>-13370.822605965401</v>
      </c>
      <c r="CG2222" s="53">
        <v>-13370.822605965401</v>
      </c>
      <c r="CH2222" s="53">
        <v>-13370.822605965401</v>
      </c>
      <c r="CI2222" s="53">
        <v>-13370.822605965401</v>
      </c>
      <c r="CJ2222" s="53">
        <v>-13370.822605965401</v>
      </c>
      <c r="CK2222" s="53">
        <v>-13370.822605965401</v>
      </c>
      <c r="CL2222" s="53">
        <v>-13370.822605965401</v>
      </c>
      <c r="CM2222" s="53">
        <v>-13370.822605965401</v>
      </c>
      <c r="CN2222" s="53">
        <v>-160449.871271585</v>
      </c>
    </row>
    <row r="2223" spans="1:92" outlineLevel="1">
      <c r="A2223" s="52" t="s">
        <v>1218</v>
      </c>
      <c r="B2223" s="53">
        <v>97781943.529999897</v>
      </c>
      <c r="C2223" s="53">
        <v>100518595.28999899</v>
      </c>
      <c r="D2223" s="53">
        <v>98003274.629999906</v>
      </c>
      <c r="E2223" s="53">
        <v>90591009.010000005</v>
      </c>
      <c r="F2223" s="53">
        <v>241700562.53999999</v>
      </c>
      <c r="G2223" s="53">
        <v>247271472.00999999</v>
      </c>
      <c r="H2223" s="53">
        <v>238395342.66999999</v>
      </c>
      <c r="I2223" s="53">
        <v>242526946.33999899</v>
      </c>
      <c r="J2223" s="53">
        <v>265181586.14999899</v>
      </c>
      <c r="K2223" s="53">
        <v>250135573.079999</v>
      </c>
      <c r="L2223" s="53">
        <v>247822214.36999899</v>
      </c>
      <c r="M2223" s="53">
        <v>264963916.94999999</v>
      </c>
      <c r="N2223" s="53">
        <v>97781943.529999897</v>
      </c>
      <c r="O2223" s="53">
        <v>244117494.769999</v>
      </c>
      <c r="P2223" s="53">
        <v>242970612.21022001</v>
      </c>
      <c r="Q2223" s="53">
        <v>242247746.40975699</v>
      </c>
      <c r="R2223" s="53">
        <v>241463619.52517</v>
      </c>
      <c r="S2223" s="53">
        <v>240603261.658914</v>
      </c>
      <c r="T2223" s="53">
        <v>239575331.190418</v>
      </c>
      <c r="U2223" s="53">
        <v>238485228.22960499</v>
      </c>
      <c r="V2223" s="53">
        <v>237340803.30005899</v>
      </c>
      <c r="W2223" s="53">
        <v>235915081.823962</v>
      </c>
      <c r="X2223" s="53">
        <v>234850467.282141</v>
      </c>
      <c r="Y2223" s="53">
        <v>233925696.511902</v>
      </c>
      <c r="Z2223" s="53">
        <v>233185748.66523001</v>
      </c>
      <c r="AA2223" s="53">
        <v>244117494.769999</v>
      </c>
      <c r="AB2223" s="53">
        <v>232399137.54349899</v>
      </c>
      <c r="AC2223" s="53">
        <v>232399137.54349899</v>
      </c>
      <c r="AD2223" s="53">
        <v>232399137.54349899</v>
      </c>
      <c r="AE2223" s="53">
        <v>232399137.54349899</v>
      </c>
      <c r="AF2223" s="53">
        <v>232399137.54349899</v>
      </c>
      <c r="AG2223" s="53">
        <v>232399137.54349899</v>
      </c>
      <c r="AH2223" s="53">
        <v>232399137.54349899</v>
      </c>
      <c r="AI2223" s="53">
        <v>232399137.54349899</v>
      </c>
      <c r="AJ2223" s="53">
        <v>232399137.54349899</v>
      </c>
      <c r="AK2223" s="53">
        <v>232399137.54349899</v>
      </c>
      <c r="AL2223" s="53">
        <v>232399137.54349899</v>
      </c>
      <c r="AM2223" s="53">
        <v>232399137.54349899</v>
      </c>
      <c r="AN2223" s="53">
        <v>232399137.54349899</v>
      </c>
      <c r="AO2223" s="53">
        <v>232399137.54349899</v>
      </c>
      <c r="AP2223" s="53">
        <v>232399137.54349899</v>
      </c>
      <c r="AQ2223" s="53">
        <v>232399137.54349899</v>
      </c>
      <c r="AR2223" s="53">
        <v>232399137.54349899</v>
      </c>
      <c r="AS2223" s="53">
        <v>232399137.54349899</v>
      </c>
      <c r="AT2223" s="53">
        <v>232399137.54349899</v>
      </c>
      <c r="AU2223" s="53">
        <v>232399137.54349899</v>
      </c>
      <c r="AV2223" s="53">
        <v>232399137.54349899</v>
      </c>
      <c r="AW2223" s="53">
        <v>232399137.54349899</v>
      </c>
      <c r="AX2223" s="53">
        <v>232399137.54349899</v>
      </c>
      <c r="AY2223" s="53">
        <v>232399137.54349899</v>
      </c>
      <c r="AZ2223" s="53">
        <v>232399137.54349899</v>
      </c>
      <c r="BA2223" s="53">
        <v>232399137.54349899</v>
      </c>
      <c r="BB2223" s="53">
        <v>232399137.54349899</v>
      </c>
      <c r="BC2223" s="53">
        <v>232399137.54349899</v>
      </c>
      <c r="BD2223" s="53">
        <v>232399137.54349899</v>
      </c>
      <c r="BE2223" s="53">
        <v>232399137.54349899</v>
      </c>
      <c r="BF2223" s="53">
        <v>232399137.54349899</v>
      </c>
      <c r="BG2223" s="53">
        <v>232399137.54349899</v>
      </c>
      <c r="BH2223" s="53">
        <v>232399137.54349899</v>
      </c>
      <c r="BI2223" s="53">
        <v>232399137.54349899</v>
      </c>
      <c r="BJ2223" s="53">
        <v>232399137.54349899</v>
      </c>
      <c r="BK2223" s="53">
        <v>232399137.54349899</v>
      </c>
      <c r="BL2223" s="53">
        <v>232399137.54349899</v>
      </c>
      <c r="BM2223" s="53">
        <v>232399137.54349899</v>
      </c>
      <c r="BN2223" s="53">
        <v>232399137.54349899</v>
      </c>
      <c r="BO2223" s="53">
        <v>232399137.54349899</v>
      </c>
      <c r="BP2223" s="53">
        <v>232399137.54349899</v>
      </c>
      <c r="BQ2223" s="53">
        <v>232399137.54349899</v>
      </c>
      <c r="BR2223" s="53">
        <v>232399137.54349899</v>
      </c>
      <c r="BS2223" s="53">
        <v>232399137.54349899</v>
      </c>
      <c r="BT2223" s="53">
        <v>232399137.54349899</v>
      </c>
      <c r="BU2223" s="53">
        <v>232399137.54349899</v>
      </c>
      <c r="BV2223" s="53">
        <v>232399137.54349899</v>
      </c>
      <c r="BW2223" s="53">
        <v>232399137.54349899</v>
      </c>
      <c r="BX2223" s="53">
        <v>232399137.54349899</v>
      </c>
      <c r="BY2223" s="53">
        <v>232399137.54349899</v>
      </c>
      <c r="BZ2223" s="53">
        <v>232399137.54349899</v>
      </c>
      <c r="CA2223" s="53">
        <v>232399137.54349899</v>
      </c>
      <c r="CB2223" s="53">
        <v>-44991.872611464903</v>
      </c>
      <c r="CC2223" s="53">
        <v>-44991.872611464903</v>
      </c>
      <c r="CD2223" s="53">
        <v>-44991.872611464903</v>
      </c>
      <c r="CE2223" s="53">
        <v>-44991.872611464903</v>
      </c>
      <c r="CF2223" s="53">
        <v>-44991.872611464903</v>
      </c>
      <c r="CG2223" s="53">
        <v>-44991.872611464903</v>
      </c>
      <c r="CH2223" s="53">
        <v>-44991.872611464903</v>
      </c>
      <c r="CI2223" s="53">
        <v>-44991.872611464903</v>
      </c>
      <c r="CJ2223" s="53">
        <v>-44991.872611464903</v>
      </c>
      <c r="CK2223" s="53">
        <v>-44991.872611464903</v>
      </c>
      <c r="CL2223" s="53">
        <v>-44991.872611464903</v>
      </c>
      <c r="CM2223" s="53">
        <v>-44991.872611464903</v>
      </c>
      <c r="CN2223" s="53">
        <v>-539902.47133757896</v>
      </c>
    </row>
    <row r="2224" spans="1:92" outlineLevel="1">
      <c r="A2224" s="52" t="s">
        <v>672</v>
      </c>
      <c r="B2224" s="53"/>
      <c r="C2224" s="53"/>
      <c r="D2224" s="53"/>
      <c r="E2224" s="53"/>
      <c r="F2224" s="53"/>
      <c r="G2224" s="53"/>
      <c r="H2224" s="53"/>
      <c r="I2224" s="53"/>
      <c r="J2224" s="53"/>
      <c r="K2224" s="53"/>
      <c r="L2224" s="53"/>
      <c r="M2224" s="53"/>
      <c r="N2224" s="53"/>
      <c r="O2224" s="53"/>
      <c r="P2224" s="53"/>
      <c r="Q2224" s="53"/>
      <c r="R2224" s="53"/>
      <c r="S2224" s="53"/>
      <c r="T2224" s="53"/>
      <c r="U2224" s="53"/>
      <c r="V2224" s="53"/>
      <c r="W2224" s="53"/>
      <c r="X2224" s="53"/>
      <c r="Y2224" s="53"/>
      <c r="Z2224" s="53"/>
      <c r="AA2224" s="53"/>
      <c r="AB2224" s="53"/>
      <c r="AC2224" s="53"/>
      <c r="AD2224" s="53"/>
      <c r="AE2224" s="53"/>
      <c r="AF2224" s="53"/>
      <c r="AG2224" s="53"/>
      <c r="AH2224" s="53"/>
      <c r="AI2224" s="53"/>
      <c r="AJ2224" s="53"/>
      <c r="AK2224" s="53"/>
      <c r="AL2224" s="53"/>
      <c r="AM2224" s="53"/>
      <c r="AN2224" s="53"/>
      <c r="AO2224" s="53"/>
      <c r="AP2224" s="53"/>
      <c r="AQ2224" s="53"/>
      <c r="AR2224" s="53"/>
      <c r="AS2224" s="53"/>
      <c r="AT2224" s="53"/>
      <c r="AU2224" s="53"/>
      <c r="AV2224" s="53"/>
      <c r="AW2224" s="53"/>
      <c r="AX2224" s="53"/>
      <c r="AY2224" s="53"/>
      <c r="AZ2224" s="53"/>
      <c r="BA2224" s="53"/>
      <c r="BB2224" s="53"/>
      <c r="BC2224" s="53"/>
      <c r="BD2224" s="53"/>
      <c r="BE2224" s="53"/>
      <c r="BF2224" s="53"/>
      <c r="BG2224" s="53"/>
      <c r="BH2224" s="53"/>
      <c r="BI2224" s="53"/>
      <c r="BJ2224" s="53"/>
      <c r="BK2224" s="53"/>
      <c r="BL2224" s="53"/>
      <c r="BM2224" s="53"/>
      <c r="BN2224" s="53"/>
      <c r="BO2224" s="53"/>
      <c r="BP2224" s="53"/>
      <c r="BQ2224" s="53"/>
      <c r="BR2224" s="53"/>
      <c r="BS2224" s="53"/>
      <c r="BT2224" s="53"/>
      <c r="BU2224" s="53"/>
      <c r="BV2224" s="53"/>
      <c r="BW2224" s="53"/>
      <c r="BX2224" s="53"/>
      <c r="BY2224" s="53"/>
      <c r="BZ2224" s="53"/>
      <c r="CA2224" s="53"/>
      <c r="CB2224" s="53">
        <v>-52157.242105263002</v>
      </c>
      <c r="CC2224" s="53">
        <v>-52157.242105263002</v>
      </c>
      <c r="CD2224" s="53">
        <v>-52157.242105263002</v>
      </c>
      <c r="CE2224" s="53">
        <v>-52157.242105263002</v>
      </c>
      <c r="CF2224" s="53">
        <v>-52157.242105263002</v>
      </c>
      <c r="CG2224" s="53">
        <v>-52157.242105263002</v>
      </c>
      <c r="CH2224" s="53">
        <v>-52157.242105263002</v>
      </c>
      <c r="CI2224" s="53">
        <v>-52157.242105263002</v>
      </c>
      <c r="CJ2224" s="53">
        <v>-52157.242105263002</v>
      </c>
      <c r="CK2224" s="53">
        <v>-52157.242105263002</v>
      </c>
      <c r="CL2224" s="53">
        <v>-52157.242105263002</v>
      </c>
      <c r="CM2224" s="53">
        <v>-52157.242105263002</v>
      </c>
      <c r="CN2224" s="53">
        <v>-625886.90526315698</v>
      </c>
    </row>
    <row r="2225" spans="1:92" outlineLevel="1">
      <c r="A2225" s="52" t="s">
        <v>758</v>
      </c>
      <c r="B2225" s="53"/>
      <c r="C2225" s="53"/>
      <c r="D2225" s="53"/>
      <c r="E2225" s="53"/>
      <c r="F2225" s="53"/>
      <c r="G2225" s="53"/>
      <c r="H2225" s="53"/>
      <c r="I2225" s="53"/>
      <c r="J2225" s="53"/>
      <c r="K2225" s="53"/>
      <c r="L2225" s="53"/>
      <c r="M2225" s="53"/>
      <c r="N2225" s="53"/>
      <c r="O2225" s="53"/>
      <c r="P2225" s="53"/>
      <c r="Q2225" s="53"/>
      <c r="R2225" s="53"/>
      <c r="S2225" s="53"/>
      <c r="T2225" s="53"/>
      <c r="U2225" s="53"/>
      <c r="V2225" s="53"/>
      <c r="W2225" s="53"/>
      <c r="X2225" s="53"/>
      <c r="Y2225" s="53"/>
      <c r="Z2225" s="53"/>
      <c r="AA2225" s="53"/>
      <c r="AB2225" s="53"/>
      <c r="AC2225" s="53"/>
      <c r="AD2225" s="53"/>
      <c r="AE2225" s="53"/>
      <c r="AF2225" s="53"/>
      <c r="AG2225" s="53"/>
      <c r="AH2225" s="53"/>
      <c r="AI2225" s="53"/>
      <c r="AJ2225" s="53"/>
      <c r="AK2225" s="53"/>
      <c r="AL2225" s="53"/>
      <c r="AM2225" s="53"/>
      <c r="AN2225" s="53"/>
      <c r="AO2225" s="53"/>
      <c r="AP2225" s="53"/>
      <c r="AQ2225" s="53"/>
      <c r="AR2225" s="53"/>
      <c r="AS2225" s="53"/>
      <c r="AT2225" s="53"/>
      <c r="AU2225" s="53"/>
      <c r="AV2225" s="53"/>
      <c r="AW2225" s="53"/>
      <c r="AX2225" s="53"/>
      <c r="AY2225" s="53"/>
      <c r="AZ2225" s="53"/>
      <c r="BA2225" s="53"/>
      <c r="BB2225" s="53"/>
      <c r="BC2225" s="53"/>
      <c r="BD2225" s="53"/>
      <c r="BE2225" s="53"/>
      <c r="BF2225" s="53"/>
      <c r="BG2225" s="53"/>
      <c r="BH2225" s="53"/>
      <c r="BI2225" s="53"/>
      <c r="BJ2225" s="53"/>
      <c r="BK2225" s="53"/>
      <c r="BL2225" s="53"/>
      <c r="BM2225" s="53"/>
      <c r="BN2225" s="53"/>
      <c r="BO2225" s="53"/>
      <c r="BP2225" s="53"/>
      <c r="BQ2225" s="53"/>
      <c r="BR2225" s="53"/>
      <c r="BS2225" s="53"/>
      <c r="BT2225" s="53"/>
      <c r="BU2225" s="53"/>
      <c r="BV2225" s="53"/>
      <c r="BW2225" s="53"/>
      <c r="BX2225" s="53"/>
      <c r="BY2225" s="53"/>
      <c r="BZ2225" s="53"/>
      <c r="CA2225" s="53"/>
      <c r="CB2225" s="53"/>
      <c r="CC2225" s="53"/>
      <c r="CD2225" s="53"/>
      <c r="CE2225" s="53"/>
      <c r="CF2225" s="53"/>
      <c r="CG2225" s="53"/>
      <c r="CH2225" s="53"/>
      <c r="CI2225" s="53"/>
      <c r="CJ2225" s="53"/>
      <c r="CK2225" s="53"/>
      <c r="CL2225" s="53"/>
      <c r="CM2225" s="53"/>
      <c r="CN2225" s="53"/>
    </row>
    <row r="2226" spans="1:92" outlineLevel="1">
      <c r="A2226" s="52" t="s">
        <v>1604</v>
      </c>
      <c r="B2226" s="53"/>
      <c r="C2226" s="53"/>
      <c r="D2226" s="53"/>
      <c r="E2226" s="53"/>
      <c r="F2226" s="53"/>
      <c r="G2226" s="53"/>
      <c r="H2226" s="53"/>
      <c r="I2226" s="53"/>
      <c r="J2226" s="53"/>
      <c r="K2226" s="53"/>
      <c r="L2226" s="53"/>
      <c r="M2226" s="53"/>
      <c r="N2226" s="53"/>
      <c r="O2226" s="53"/>
      <c r="P2226" s="53"/>
      <c r="Q2226" s="53"/>
      <c r="R2226" s="53"/>
      <c r="S2226" s="53"/>
      <c r="T2226" s="53"/>
      <c r="U2226" s="53"/>
      <c r="V2226" s="53"/>
      <c r="W2226" s="53"/>
      <c r="X2226" s="53"/>
      <c r="Y2226" s="53"/>
      <c r="Z2226" s="53"/>
      <c r="AA2226" s="53"/>
      <c r="AB2226" s="53"/>
      <c r="AC2226" s="53"/>
      <c r="AD2226" s="53"/>
      <c r="AE2226" s="53"/>
      <c r="AF2226" s="53"/>
      <c r="AG2226" s="53"/>
      <c r="AH2226" s="53"/>
      <c r="AI2226" s="53"/>
      <c r="AJ2226" s="53"/>
      <c r="AK2226" s="53"/>
      <c r="AL2226" s="53"/>
      <c r="AM2226" s="53"/>
      <c r="AN2226" s="53"/>
      <c r="AO2226" s="53"/>
      <c r="AP2226" s="53"/>
      <c r="AQ2226" s="53"/>
      <c r="AR2226" s="53"/>
      <c r="AS2226" s="53"/>
      <c r="AT2226" s="53"/>
      <c r="AU2226" s="53"/>
      <c r="AV2226" s="53"/>
      <c r="AW2226" s="53"/>
      <c r="AX2226" s="53"/>
      <c r="AY2226" s="53"/>
      <c r="AZ2226" s="53"/>
      <c r="BA2226" s="53"/>
      <c r="BB2226" s="53"/>
      <c r="BC2226" s="53"/>
      <c r="BD2226" s="53"/>
      <c r="BE2226" s="53"/>
      <c r="BF2226" s="53"/>
      <c r="BG2226" s="53"/>
      <c r="BH2226" s="53"/>
      <c r="BI2226" s="53"/>
      <c r="BJ2226" s="53"/>
      <c r="BK2226" s="53"/>
      <c r="BL2226" s="53"/>
      <c r="BM2226" s="53"/>
      <c r="BN2226" s="53"/>
      <c r="BO2226" s="53"/>
      <c r="BP2226" s="53"/>
      <c r="BQ2226" s="53"/>
      <c r="BR2226" s="53"/>
      <c r="BS2226" s="53"/>
      <c r="BT2226" s="53"/>
      <c r="BU2226" s="53"/>
      <c r="BV2226" s="53"/>
      <c r="BW2226" s="53"/>
      <c r="BX2226" s="53"/>
      <c r="BY2226" s="53"/>
      <c r="BZ2226" s="53"/>
      <c r="CA2226" s="53"/>
      <c r="CB2226" s="53">
        <v>-38996.049261083703</v>
      </c>
      <c r="CC2226" s="53">
        <v>-38996.049261083703</v>
      </c>
      <c r="CD2226" s="53">
        <v>-38996.049261083703</v>
      </c>
      <c r="CE2226" s="53">
        <v>-38996.049261083703</v>
      </c>
      <c r="CF2226" s="53">
        <v>-38996.049261083703</v>
      </c>
      <c r="CG2226" s="53">
        <v>-38996.049261083703</v>
      </c>
      <c r="CH2226" s="53">
        <v>-38996.049261083703</v>
      </c>
      <c r="CI2226" s="53">
        <v>-38996.049261083703</v>
      </c>
      <c r="CJ2226" s="53">
        <v>-38996.049261083703</v>
      </c>
      <c r="CK2226" s="53">
        <v>-38996.049261083703</v>
      </c>
      <c r="CL2226" s="53">
        <v>-38996.049261083703</v>
      </c>
      <c r="CM2226" s="53">
        <v>-38996.049261083703</v>
      </c>
      <c r="CN2226" s="53">
        <v>-467952.591133004</v>
      </c>
    </row>
    <row r="2227" spans="1:92" outlineLevel="1">
      <c r="A2227" s="52" t="s">
        <v>649</v>
      </c>
      <c r="B2227" s="53"/>
      <c r="C2227" s="53"/>
      <c r="D2227" s="53"/>
      <c r="E2227" s="53"/>
      <c r="F2227" s="53"/>
      <c r="G2227" s="53"/>
      <c r="H2227" s="53"/>
      <c r="I2227" s="53"/>
      <c r="J2227" s="53"/>
      <c r="K2227" s="53"/>
      <c r="L2227" s="53"/>
      <c r="M2227" s="53"/>
      <c r="N2227" s="53"/>
      <c r="O2227" s="53">
        <v>-1146882.5597796401</v>
      </c>
      <c r="P2227" s="53">
        <v>-722865.800462496</v>
      </c>
      <c r="Q2227" s="53">
        <v>-784126.88458710897</v>
      </c>
      <c r="R2227" s="53">
        <v>-860357.86625632097</v>
      </c>
      <c r="S2227" s="53">
        <v>-1027930.46849624</v>
      </c>
      <c r="T2227" s="53">
        <v>-1090102.96081228</v>
      </c>
      <c r="U2227" s="53">
        <v>-1144424.9295462801</v>
      </c>
      <c r="V2227" s="53">
        <v>-1425721.4760970999</v>
      </c>
      <c r="W2227" s="53">
        <v>-1064614.5418209401</v>
      </c>
      <c r="X2227" s="53">
        <v>-924770.77023946098</v>
      </c>
      <c r="Y2227" s="53">
        <v>-739947.846671229</v>
      </c>
      <c r="Z2227" s="53">
        <v>-786611.12173092598</v>
      </c>
      <c r="AA2227" s="53">
        <v>-11718357.226500001</v>
      </c>
      <c r="AB2227" s="53"/>
      <c r="AC2227" s="53"/>
      <c r="AD2227" s="53"/>
      <c r="AE2227" s="53"/>
      <c r="AF2227" s="53"/>
      <c r="AG2227" s="53"/>
      <c r="AH2227" s="53"/>
      <c r="AI2227" s="53"/>
      <c r="AJ2227" s="53"/>
      <c r="AK2227" s="53"/>
      <c r="AL2227" s="53"/>
      <c r="AM2227" s="53"/>
      <c r="AN2227" s="53"/>
      <c r="AO2227" s="53"/>
      <c r="AP2227" s="53"/>
      <c r="AQ2227" s="53"/>
      <c r="AR2227" s="53"/>
      <c r="AS2227" s="53"/>
      <c r="AT2227" s="53"/>
      <c r="AU2227" s="53"/>
      <c r="AV2227" s="53"/>
      <c r="AW2227" s="53"/>
      <c r="AX2227" s="53"/>
      <c r="AY2227" s="53"/>
      <c r="AZ2227" s="53"/>
      <c r="BA2227" s="53"/>
      <c r="BB2227" s="53"/>
      <c r="BC2227" s="53"/>
      <c r="BD2227" s="53"/>
      <c r="BE2227" s="53"/>
      <c r="BF2227" s="53"/>
      <c r="BG2227" s="53"/>
      <c r="BH2227" s="53"/>
      <c r="BI2227" s="53"/>
      <c r="BJ2227" s="53"/>
      <c r="BK2227" s="53"/>
      <c r="BL2227" s="53"/>
      <c r="BM2227" s="53"/>
      <c r="BN2227" s="53"/>
      <c r="BO2227" s="53"/>
      <c r="BP2227" s="53"/>
      <c r="BQ2227" s="53"/>
      <c r="BR2227" s="53"/>
      <c r="BS2227" s="53"/>
      <c r="BT2227" s="53"/>
      <c r="BU2227" s="53"/>
      <c r="BV2227" s="53"/>
      <c r="BW2227" s="53"/>
      <c r="BX2227" s="53"/>
      <c r="BY2227" s="53"/>
      <c r="BZ2227" s="53"/>
      <c r="CA2227" s="53"/>
      <c r="CB2227" s="53">
        <v>-48595.514644351497</v>
      </c>
      <c r="CC2227" s="53">
        <v>-48595.514644351497</v>
      </c>
      <c r="CD2227" s="53">
        <v>-48595.514644351497</v>
      </c>
      <c r="CE2227" s="53">
        <v>-48595.514644351497</v>
      </c>
      <c r="CF2227" s="53">
        <v>-48595.514644351497</v>
      </c>
      <c r="CG2227" s="53">
        <v>-48595.514644351497</v>
      </c>
      <c r="CH2227" s="53">
        <v>-48595.514644351497</v>
      </c>
      <c r="CI2227" s="53">
        <v>-48595.514644351497</v>
      </c>
      <c r="CJ2227" s="53">
        <v>-48595.514644351497</v>
      </c>
      <c r="CK2227" s="53">
        <v>-48595.514644351497</v>
      </c>
      <c r="CL2227" s="53">
        <v>-48595.514644351497</v>
      </c>
      <c r="CM2227" s="53">
        <v>-48595.514644351497</v>
      </c>
      <c r="CN2227" s="53">
        <v>-583146.17573221796</v>
      </c>
    </row>
    <row r="2228" spans="1:92" outlineLevel="1">
      <c r="A2228" s="59" t="s">
        <v>1607</v>
      </c>
      <c r="B2228" s="53">
        <v>100518595.28999899</v>
      </c>
      <c r="C2228" s="53">
        <v>98003274.629999906</v>
      </c>
      <c r="D2228" s="53">
        <v>90591009.010000005</v>
      </c>
      <c r="E2228" s="53">
        <v>241700562.53999999</v>
      </c>
      <c r="F2228" s="53">
        <v>247271472.00999999</v>
      </c>
      <c r="G2228" s="53">
        <v>238395342.66999999</v>
      </c>
      <c r="H2228" s="53">
        <v>242526946.33999899</v>
      </c>
      <c r="I2228" s="53">
        <v>265181586.14999899</v>
      </c>
      <c r="J2228" s="53">
        <v>250135573.079999</v>
      </c>
      <c r="K2228" s="53">
        <v>247822214.36999899</v>
      </c>
      <c r="L2228" s="53">
        <v>264963916.94999999</v>
      </c>
      <c r="M2228" s="53">
        <v>244117494.769999</v>
      </c>
      <c r="N2228" s="53">
        <v>244117494.769999</v>
      </c>
      <c r="O2228" s="53">
        <v>242970612.21022001</v>
      </c>
      <c r="P2228" s="53">
        <v>242247746.40975699</v>
      </c>
      <c r="Q2228" s="53">
        <v>241463619.52517</v>
      </c>
      <c r="R2228" s="53">
        <v>240603261.658914</v>
      </c>
      <c r="S2228" s="53">
        <v>239575331.190418</v>
      </c>
      <c r="T2228" s="53">
        <v>238485228.22960499</v>
      </c>
      <c r="U2228" s="53">
        <v>237340803.30005899</v>
      </c>
      <c r="V2228" s="53">
        <v>235915081.823962</v>
      </c>
      <c r="W2228" s="53">
        <v>234850467.282141</v>
      </c>
      <c r="X2228" s="53">
        <v>233925696.511902</v>
      </c>
      <c r="Y2228" s="53">
        <v>233185748.66523001</v>
      </c>
      <c r="Z2228" s="53">
        <v>232399137.54349899</v>
      </c>
      <c r="AA2228" s="53">
        <v>232399137.54349899</v>
      </c>
      <c r="AB2228" s="53">
        <v>232399137.54349899</v>
      </c>
      <c r="AC2228" s="53">
        <v>232399137.54349899</v>
      </c>
      <c r="AD2228" s="53">
        <v>232399137.54349899</v>
      </c>
      <c r="AE2228" s="53">
        <v>232399137.54349899</v>
      </c>
      <c r="AF2228" s="53">
        <v>232399137.54349899</v>
      </c>
      <c r="AG2228" s="53">
        <v>232399137.54349899</v>
      </c>
      <c r="AH2228" s="53">
        <v>232399137.54349899</v>
      </c>
      <c r="AI2228" s="53">
        <v>232399137.54349899</v>
      </c>
      <c r="AJ2228" s="53">
        <v>232399137.54349899</v>
      </c>
      <c r="AK2228" s="53">
        <v>232399137.54349899</v>
      </c>
      <c r="AL2228" s="53">
        <v>232399137.54349899</v>
      </c>
      <c r="AM2228" s="53">
        <v>232399137.54349899</v>
      </c>
      <c r="AN2228" s="53">
        <v>232399137.54349899</v>
      </c>
      <c r="AO2228" s="53">
        <v>232399137.54349899</v>
      </c>
      <c r="AP2228" s="53">
        <v>232399137.54349899</v>
      </c>
      <c r="AQ2228" s="53">
        <v>232399137.54349899</v>
      </c>
      <c r="AR2228" s="53">
        <v>232399137.54349899</v>
      </c>
      <c r="AS2228" s="53">
        <v>232399137.54349899</v>
      </c>
      <c r="AT2228" s="53">
        <v>232399137.54349899</v>
      </c>
      <c r="AU2228" s="53">
        <v>232399137.54349899</v>
      </c>
      <c r="AV2228" s="53">
        <v>232399137.54349899</v>
      </c>
      <c r="AW2228" s="53">
        <v>232399137.54349899</v>
      </c>
      <c r="AX2228" s="53">
        <v>232399137.54349899</v>
      </c>
      <c r="AY2228" s="53">
        <v>232399137.54349899</v>
      </c>
      <c r="AZ2228" s="53">
        <v>232399137.54349899</v>
      </c>
      <c r="BA2228" s="53">
        <v>232399137.54349899</v>
      </c>
      <c r="BB2228" s="53">
        <v>232399137.54349899</v>
      </c>
      <c r="BC2228" s="53">
        <v>232399137.54349899</v>
      </c>
      <c r="BD2228" s="53">
        <v>232399137.54349899</v>
      </c>
      <c r="BE2228" s="53">
        <v>232399137.54349899</v>
      </c>
      <c r="BF2228" s="53">
        <v>232399137.54349899</v>
      </c>
      <c r="BG2228" s="53">
        <v>232399137.54349899</v>
      </c>
      <c r="BH2228" s="53">
        <v>232399137.54349899</v>
      </c>
      <c r="BI2228" s="53">
        <v>232399137.54349899</v>
      </c>
      <c r="BJ2228" s="53">
        <v>232399137.54349899</v>
      </c>
      <c r="BK2228" s="53">
        <v>232399137.54349899</v>
      </c>
      <c r="BL2228" s="53">
        <v>232399137.54349899</v>
      </c>
      <c r="BM2228" s="53">
        <v>232399137.54349899</v>
      </c>
      <c r="BN2228" s="53">
        <v>232399137.54349899</v>
      </c>
      <c r="BO2228" s="53">
        <v>232399137.54349899</v>
      </c>
      <c r="BP2228" s="53">
        <v>232399137.54349899</v>
      </c>
      <c r="BQ2228" s="53">
        <v>232399137.54349899</v>
      </c>
      <c r="BR2228" s="53">
        <v>232399137.54349899</v>
      </c>
      <c r="BS2228" s="53">
        <v>232399137.54349899</v>
      </c>
      <c r="BT2228" s="53">
        <v>232399137.54349899</v>
      </c>
      <c r="BU2228" s="53">
        <v>232399137.54349899</v>
      </c>
      <c r="BV2228" s="53">
        <v>232399137.54349899</v>
      </c>
      <c r="BW2228" s="53">
        <v>232399137.54349899</v>
      </c>
      <c r="BX2228" s="53">
        <v>232399137.54349899</v>
      </c>
      <c r="BY2228" s="53">
        <v>232399137.54349899</v>
      </c>
      <c r="BZ2228" s="53">
        <v>232399137.54349899</v>
      </c>
      <c r="CA2228" s="53">
        <v>232399137.54349899</v>
      </c>
      <c r="CB2228" s="53">
        <v>-16652.086230876201</v>
      </c>
      <c r="CC2228" s="53">
        <v>-16652.086230876201</v>
      </c>
      <c r="CD2228" s="53">
        <v>-16652.086230876201</v>
      </c>
      <c r="CE2228" s="53">
        <v>-16652.086230876201</v>
      </c>
      <c r="CF2228" s="53">
        <v>-16652.086230876201</v>
      </c>
      <c r="CG2228" s="53">
        <v>-16652.086230876201</v>
      </c>
      <c r="CH2228" s="53">
        <v>-16652.086230876201</v>
      </c>
      <c r="CI2228" s="53">
        <v>-16652.086230876201</v>
      </c>
      <c r="CJ2228" s="53">
        <v>-16652.086230876201</v>
      </c>
      <c r="CK2228" s="53">
        <v>-16652.086230876201</v>
      </c>
      <c r="CL2228" s="53">
        <v>-16652.086230876201</v>
      </c>
      <c r="CM2228" s="53">
        <v>-16652.086230876201</v>
      </c>
      <c r="CN2228" s="53">
        <v>-199825.034770514</v>
      </c>
    </row>
    <row r="2229" spans="1:92" outlineLevel="1">
      <c r="A2229" s="52" t="s">
        <v>1608</v>
      </c>
      <c r="B2229" s="53"/>
      <c r="C2229" s="53"/>
      <c r="D2229" s="53"/>
      <c r="E2229" s="53"/>
      <c r="F2229" s="53"/>
      <c r="G2229" s="53"/>
      <c r="H2229" s="53"/>
      <c r="I2229" s="53"/>
      <c r="J2229" s="53"/>
      <c r="K2229" s="53"/>
      <c r="L2229" s="53"/>
      <c r="M2229" s="53"/>
      <c r="N2229" s="53"/>
      <c r="O2229" s="53"/>
      <c r="P2229" s="53"/>
      <c r="Q2229" s="53"/>
      <c r="R2229" s="53"/>
      <c r="S2229" s="53"/>
      <c r="T2229" s="53"/>
      <c r="U2229" s="53"/>
      <c r="V2229" s="53"/>
      <c r="W2229" s="53"/>
      <c r="X2229" s="53"/>
      <c r="Y2229" s="53"/>
      <c r="Z2229" s="53"/>
      <c r="AA2229" s="53"/>
      <c r="AB2229" s="53"/>
      <c r="AC2229" s="53"/>
      <c r="AD2229" s="53"/>
      <c r="AE2229" s="53"/>
      <c r="AF2229" s="53"/>
      <c r="AG2229" s="53"/>
      <c r="AH2229" s="53"/>
      <c r="AI2229" s="53"/>
      <c r="AJ2229" s="53"/>
      <c r="AK2229" s="53"/>
      <c r="AL2229" s="53"/>
      <c r="AM2229" s="53"/>
      <c r="AN2229" s="53"/>
      <c r="AO2229" s="53"/>
      <c r="AP2229" s="53"/>
      <c r="AQ2229" s="53"/>
      <c r="AR2229" s="53"/>
      <c r="AS2229" s="53"/>
      <c r="AT2229" s="53"/>
      <c r="AU2229" s="53"/>
      <c r="AV2229" s="53"/>
      <c r="AW2229" s="53"/>
      <c r="AX2229" s="53"/>
      <c r="AY2229" s="53"/>
      <c r="AZ2229" s="53"/>
      <c r="BA2229" s="53"/>
      <c r="BB2229" s="53"/>
      <c r="BC2229" s="53"/>
      <c r="BD2229" s="53"/>
      <c r="BE2229" s="53"/>
      <c r="BF2229" s="53"/>
      <c r="BG2229" s="53"/>
      <c r="BH2229" s="53"/>
      <c r="BI2229" s="53"/>
      <c r="BJ2229" s="53"/>
      <c r="BK2229" s="53"/>
      <c r="BL2229" s="53"/>
      <c r="BM2229" s="53"/>
      <c r="BN2229" s="53"/>
      <c r="BO2229" s="53"/>
      <c r="BP2229" s="53"/>
      <c r="BQ2229" s="53"/>
      <c r="BR2229" s="53"/>
      <c r="BS2229" s="53"/>
      <c r="BT2229" s="53"/>
      <c r="BU2229" s="53"/>
      <c r="BV2229" s="53"/>
      <c r="BW2229" s="53"/>
      <c r="BX2229" s="53"/>
      <c r="BY2229" s="53"/>
      <c r="BZ2229" s="53"/>
      <c r="CA2229" s="53"/>
      <c r="CB2229" s="53"/>
      <c r="CC2229" s="53"/>
      <c r="CD2229" s="53"/>
      <c r="CE2229" s="53"/>
      <c r="CF2229" s="53"/>
      <c r="CG2229" s="53"/>
      <c r="CH2229" s="53"/>
      <c r="CI2229" s="53"/>
      <c r="CJ2229" s="53"/>
      <c r="CK2229" s="53"/>
      <c r="CL2229" s="53"/>
      <c r="CM2229" s="53"/>
      <c r="CN2229" s="53"/>
    </row>
    <row r="2230" spans="1:92" outlineLevel="1">
      <c r="A2230" s="52" t="s">
        <v>1609</v>
      </c>
      <c r="B2230" s="53">
        <v>335141.13</v>
      </c>
      <c r="C2230" s="53">
        <v>-34982.04</v>
      </c>
      <c r="D2230" s="53">
        <v>-49989.57</v>
      </c>
      <c r="E2230" s="53">
        <v>-61076.94</v>
      </c>
      <c r="F2230" s="53">
        <v>125722.36</v>
      </c>
      <c r="G2230" s="53">
        <v>-417623.3</v>
      </c>
      <c r="H2230" s="53">
        <v>-35698.22</v>
      </c>
      <c r="I2230" s="53">
        <v>-48854.53</v>
      </c>
      <c r="J2230" s="53">
        <v>-60609.34</v>
      </c>
      <c r="K2230" s="53">
        <v>-73600.91</v>
      </c>
      <c r="L2230" s="53">
        <v>86148.47</v>
      </c>
      <c r="M2230" s="53">
        <v>-34025.32</v>
      </c>
      <c r="N2230" s="53">
        <v>-34025.32</v>
      </c>
      <c r="O2230" s="53">
        <v>-34025.32</v>
      </c>
      <c r="P2230" s="53">
        <v>-34025.32</v>
      </c>
      <c r="Q2230" s="53">
        <v>-34025.32</v>
      </c>
      <c r="R2230" s="53">
        <v>-34025.32</v>
      </c>
      <c r="S2230" s="53">
        <v>-34025.32</v>
      </c>
      <c r="T2230" s="53">
        <v>-34025.32</v>
      </c>
      <c r="U2230" s="53">
        <v>-34025.32</v>
      </c>
      <c r="V2230" s="53">
        <v>-34025.32</v>
      </c>
      <c r="W2230" s="53">
        <v>-34025.32</v>
      </c>
      <c r="X2230" s="53">
        <v>-34025.32</v>
      </c>
      <c r="Y2230" s="53">
        <v>-34025.32</v>
      </c>
      <c r="Z2230" s="53">
        <v>-34025.32</v>
      </c>
      <c r="AA2230" s="53">
        <v>-34025.32</v>
      </c>
      <c r="AB2230" s="53">
        <v>-34025.32</v>
      </c>
      <c r="AC2230" s="53">
        <v>-34025.32</v>
      </c>
      <c r="AD2230" s="53">
        <v>-34025.32</v>
      </c>
      <c r="AE2230" s="53">
        <v>-34025.32</v>
      </c>
      <c r="AF2230" s="53">
        <v>-34025.32</v>
      </c>
      <c r="AG2230" s="53">
        <v>-34025.32</v>
      </c>
      <c r="AH2230" s="53">
        <v>-34025.32</v>
      </c>
      <c r="AI2230" s="53">
        <v>-34025.32</v>
      </c>
      <c r="AJ2230" s="53">
        <v>-34025.32</v>
      </c>
      <c r="AK2230" s="53">
        <v>-34025.32</v>
      </c>
      <c r="AL2230" s="53">
        <v>-34025.32</v>
      </c>
      <c r="AM2230" s="53">
        <v>-34025.32</v>
      </c>
      <c r="AN2230" s="53">
        <v>-34025.32</v>
      </c>
      <c r="AO2230" s="53">
        <v>-34025.32</v>
      </c>
      <c r="AP2230" s="53">
        <v>-34025.32</v>
      </c>
      <c r="AQ2230" s="53">
        <v>-34025.32</v>
      </c>
      <c r="AR2230" s="53">
        <v>-34025.32</v>
      </c>
      <c r="AS2230" s="53">
        <v>-34025.32</v>
      </c>
      <c r="AT2230" s="53">
        <v>-34025.32</v>
      </c>
      <c r="AU2230" s="53">
        <v>-34025.32</v>
      </c>
      <c r="AV2230" s="53">
        <v>-34025.32</v>
      </c>
      <c r="AW2230" s="53">
        <v>-34025.32</v>
      </c>
      <c r="AX2230" s="53">
        <v>-34025.32</v>
      </c>
      <c r="AY2230" s="53">
        <v>-34025.32</v>
      </c>
      <c r="AZ2230" s="53">
        <v>-34025.32</v>
      </c>
      <c r="BA2230" s="53">
        <v>-34025.32</v>
      </c>
      <c r="BB2230" s="53">
        <v>-34025.32</v>
      </c>
      <c r="BC2230" s="53">
        <v>-34025.32</v>
      </c>
      <c r="BD2230" s="53">
        <v>-34025.32</v>
      </c>
      <c r="BE2230" s="53">
        <v>-34025.32</v>
      </c>
      <c r="BF2230" s="53">
        <v>-34025.32</v>
      </c>
      <c r="BG2230" s="53">
        <v>-34025.32</v>
      </c>
      <c r="BH2230" s="53">
        <v>-34025.32</v>
      </c>
      <c r="BI2230" s="53">
        <v>-34025.32</v>
      </c>
      <c r="BJ2230" s="53">
        <v>-34025.32</v>
      </c>
      <c r="BK2230" s="53">
        <v>-34025.32</v>
      </c>
      <c r="BL2230" s="53">
        <v>-34025.32</v>
      </c>
      <c r="BM2230" s="53">
        <v>-34025.32</v>
      </c>
      <c r="BN2230" s="53">
        <v>-34025.32</v>
      </c>
      <c r="BO2230" s="53">
        <v>-34025.32</v>
      </c>
      <c r="BP2230" s="53">
        <v>-34025.32</v>
      </c>
      <c r="BQ2230" s="53">
        <v>-34025.32</v>
      </c>
      <c r="BR2230" s="53">
        <v>-34025.32</v>
      </c>
      <c r="BS2230" s="53">
        <v>-34025.32</v>
      </c>
      <c r="BT2230" s="53">
        <v>-34025.32</v>
      </c>
      <c r="BU2230" s="53">
        <v>-34025.32</v>
      </c>
      <c r="BV2230" s="53">
        <v>-34025.32</v>
      </c>
      <c r="BW2230" s="53">
        <v>-34025.32</v>
      </c>
      <c r="BX2230" s="53">
        <v>-34025.32</v>
      </c>
      <c r="BY2230" s="53">
        <v>-34025.32</v>
      </c>
      <c r="BZ2230" s="53">
        <v>-34025.32</v>
      </c>
      <c r="CA2230" s="53">
        <v>-34025.32</v>
      </c>
      <c r="CB2230" s="53"/>
      <c r="CC2230" s="53"/>
      <c r="CD2230" s="53"/>
      <c r="CE2230" s="53"/>
      <c r="CF2230" s="53"/>
      <c r="CG2230" s="53"/>
      <c r="CH2230" s="53"/>
      <c r="CI2230" s="53"/>
      <c r="CJ2230" s="53"/>
      <c r="CK2230" s="53"/>
      <c r="CL2230" s="53"/>
      <c r="CM2230" s="53"/>
      <c r="CN2230" s="53"/>
    </row>
    <row r="2231" spans="1:92" outlineLevel="1">
      <c r="A2231" s="52" t="s">
        <v>1610</v>
      </c>
      <c r="B2231" s="53">
        <v>0</v>
      </c>
      <c r="C2231" s="53">
        <v>0</v>
      </c>
      <c r="D2231" s="53">
        <v>0</v>
      </c>
      <c r="E2231" s="53">
        <v>0</v>
      </c>
      <c r="F2231" s="53">
        <v>0</v>
      </c>
      <c r="G2231" s="53">
        <v>0</v>
      </c>
      <c r="H2231" s="53">
        <v>0</v>
      </c>
      <c r="I2231" s="53">
        <v>0</v>
      </c>
      <c r="J2231" s="53">
        <v>0</v>
      </c>
      <c r="K2231" s="53">
        <v>0</v>
      </c>
      <c r="L2231" s="53">
        <v>0</v>
      </c>
      <c r="M2231" s="53">
        <v>0</v>
      </c>
      <c r="N2231" s="53">
        <v>0</v>
      </c>
      <c r="O2231" s="53">
        <v>0</v>
      </c>
      <c r="P2231" s="53">
        <v>0</v>
      </c>
      <c r="Q2231" s="53">
        <v>0</v>
      </c>
      <c r="R2231" s="53">
        <v>0</v>
      </c>
      <c r="S2231" s="53">
        <v>0</v>
      </c>
      <c r="T2231" s="53">
        <v>0</v>
      </c>
      <c r="U2231" s="53">
        <v>0</v>
      </c>
      <c r="V2231" s="53">
        <v>0</v>
      </c>
      <c r="W2231" s="53">
        <v>0</v>
      </c>
      <c r="X2231" s="53">
        <v>0</v>
      </c>
      <c r="Y2231" s="53">
        <v>0</v>
      </c>
      <c r="Z2231" s="53">
        <v>0</v>
      </c>
      <c r="AA2231" s="53">
        <v>0</v>
      </c>
      <c r="AB2231" s="53">
        <v>0</v>
      </c>
      <c r="AC2231" s="53">
        <v>0</v>
      </c>
      <c r="AD2231" s="53">
        <v>0</v>
      </c>
      <c r="AE2231" s="53">
        <v>0</v>
      </c>
      <c r="AF2231" s="53">
        <v>0</v>
      </c>
      <c r="AG2231" s="53">
        <v>0</v>
      </c>
      <c r="AH2231" s="53">
        <v>0</v>
      </c>
      <c r="AI2231" s="53">
        <v>0</v>
      </c>
      <c r="AJ2231" s="53">
        <v>0</v>
      </c>
      <c r="AK2231" s="53">
        <v>0</v>
      </c>
      <c r="AL2231" s="53">
        <v>0</v>
      </c>
      <c r="AM2231" s="53">
        <v>0</v>
      </c>
      <c r="AN2231" s="53">
        <v>0</v>
      </c>
      <c r="AO2231" s="53">
        <v>0</v>
      </c>
      <c r="AP2231" s="53">
        <v>0</v>
      </c>
      <c r="AQ2231" s="53">
        <v>0</v>
      </c>
      <c r="AR2231" s="53">
        <v>0</v>
      </c>
      <c r="AS2231" s="53">
        <v>0</v>
      </c>
      <c r="AT2231" s="53">
        <v>0</v>
      </c>
      <c r="AU2231" s="53">
        <v>0</v>
      </c>
      <c r="AV2231" s="53">
        <v>0</v>
      </c>
      <c r="AW2231" s="53">
        <v>0</v>
      </c>
      <c r="AX2231" s="53">
        <v>0</v>
      </c>
      <c r="AY2231" s="53">
        <v>0</v>
      </c>
      <c r="AZ2231" s="53">
        <v>0</v>
      </c>
      <c r="BA2231" s="53">
        <v>0</v>
      </c>
      <c r="BB2231" s="53">
        <v>0</v>
      </c>
      <c r="BC2231" s="53">
        <v>0</v>
      </c>
      <c r="BD2231" s="53">
        <v>0</v>
      </c>
      <c r="BE2231" s="53">
        <v>0</v>
      </c>
      <c r="BF2231" s="53">
        <v>0</v>
      </c>
      <c r="BG2231" s="53">
        <v>0</v>
      </c>
      <c r="BH2231" s="53">
        <v>0</v>
      </c>
      <c r="BI2231" s="53">
        <v>0</v>
      </c>
      <c r="BJ2231" s="53">
        <v>0</v>
      </c>
      <c r="BK2231" s="53">
        <v>0</v>
      </c>
      <c r="BL2231" s="53">
        <v>0</v>
      </c>
      <c r="BM2231" s="53">
        <v>0</v>
      </c>
      <c r="BN2231" s="53">
        <v>0</v>
      </c>
      <c r="BO2231" s="53">
        <v>0</v>
      </c>
      <c r="BP2231" s="53">
        <v>0</v>
      </c>
      <c r="BQ2231" s="53">
        <v>0</v>
      </c>
      <c r="BR2231" s="53">
        <v>0</v>
      </c>
      <c r="BS2231" s="53">
        <v>0</v>
      </c>
      <c r="BT2231" s="53">
        <v>0</v>
      </c>
      <c r="BU2231" s="53">
        <v>0</v>
      </c>
      <c r="BV2231" s="53">
        <v>0</v>
      </c>
      <c r="BW2231" s="53">
        <v>0</v>
      </c>
      <c r="BX2231" s="53">
        <v>0</v>
      </c>
      <c r="BY2231" s="53">
        <v>0</v>
      </c>
      <c r="BZ2231" s="53">
        <v>0</v>
      </c>
      <c r="CA2231" s="53">
        <v>0</v>
      </c>
      <c r="CB2231" s="53"/>
      <c r="CC2231" s="53"/>
      <c r="CD2231" s="53"/>
      <c r="CE2231" s="53"/>
      <c r="CF2231" s="53"/>
      <c r="CG2231" s="53"/>
      <c r="CH2231" s="53"/>
      <c r="CI2231" s="53"/>
      <c r="CJ2231" s="53"/>
      <c r="CK2231" s="53"/>
      <c r="CL2231" s="53"/>
      <c r="CM2231" s="53"/>
      <c r="CN2231" s="53"/>
    </row>
    <row r="2232" spans="1:92" outlineLevel="1">
      <c r="A2232" s="52" t="s">
        <v>1611</v>
      </c>
      <c r="B2232" s="53">
        <v>0</v>
      </c>
      <c r="C2232" s="53">
        <v>0</v>
      </c>
      <c r="D2232" s="53">
        <v>0</v>
      </c>
      <c r="E2232" s="53">
        <v>0</v>
      </c>
      <c r="F2232" s="53">
        <v>0</v>
      </c>
      <c r="G2232" s="53">
        <v>0</v>
      </c>
      <c r="H2232" s="53">
        <v>0</v>
      </c>
      <c r="I2232" s="53">
        <v>0</v>
      </c>
      <c r="J2232" s="53">
        <v>0</v>
      </c>
      <c r="K2232" s="53">
        <v>0</v>
      </c>
      <c r="L2232" s="53">
        <v>0</v>
      </c>
      <c r="M2232" s="53">
        <v>0</v>
      </c>
      <c r="N2232" s="53">
        <v>0</v>
      </c>
      <c r="O2232" s="53">
        <v>0</v>
      </c>
      <c r="P2232" s="53">
        <v>0</v>
      </c>
      <c r="Q2232" s="53">
        <v>0</v>
      </c>
      <c r="R2232" s="53">
        <v>0</v>
      </c>
      <c r="S2232" s="53">
        <v>0</v>
      </c>
      <c r="T2232" s="53">
        <v>0</v>
      </c>
      <c r="U2232" s="53">
        <v>0</v>
      </c>
      <c r="V2232" s="53">
        <v>0</v>
      </c>
      <c r="W2232" s="53">
        <v>0</v>
      </c>
      <c r="X2232" s="53">
        <v>0</v>
      </c>
      <c r="Y2232" s="53">
        <v>0</v>
      </c>
      <c r="Z2232" s="53">
        <v>0</v>
      </c>
      <c r="AA2232" s="53">
        <v>0</v>
      </c>
      <c r="AB2232" s="53">
        <v>0</v>
      </c>
      <c r="AC2232" s="53">
        <v>0</v>
      </c>
      <c r="AD2232" s="53">
        <v>0</v>
      </c>
      <c r="AE2232" s="53">
        <v>0</v>
      </c>
      <c r="AF2232" s="53">
        <v>0</v>
      </c>
      <c r="AG2232" s="53">
        <v>0</v>
      </c>
      <c r="AH2232" s="53">
        <v>0</v>
      </c>
      <c r="AI2232" s="53">
        <v>0</v>
      </c>
      <c r="AJ2232" s="53">
        <v>0</v>
      </c>
      <c r="AK2232" s="53">
        <v>0</v>
      </c>
      <c r="AL2232" s="53">
        <v>0</v>
      </c>
      <c r="AM2232" s="53">
        <v>0</v>
      </c>
      <c r="AN2232" s="53">
        <v>0</v>
      </c>
      <c r="AO2232" s="53">
        <v>0</v>
      </c>
      <c r="AP2232" s="53">
        <v>0</v>
      </c>
      <c r="AQ2232" s="53">
        <v>0</v>
      </c>
      <c r="AR2232" s="53">
        <v>0</v>
      </c>
      <c r="AS2232" s="53">
        <v>0</v>
      </c>
      <c r="AT2232" s="53">
        <v>0</v>
      </c>
      <c r="AU2232" s="53">
        <v>0</v>
      </c>
      <c r="AV2232" s="53">
        <v>0</v>
      </c>
      <c r="AW2232" s="53">
        <v>0</v>
      </c>
      <c r="AX2232" s="53">
        <v>0</v>
      </c>
      <c r="AY2232" s="53">
        <v>0</v>
      </c>
      <c r="AZ2232" s="53">
        <v>0</v>
      </c>
      <c r="BA2232" s="53">
        <v>0</v>
      </c>
      <c r="BB2232" s="53">
        <v>0</v>
      </c>
      <c r="BC2232" s="53">
        <v>0</v>
      </c>
      <c r="BD2232" s="53">
        <v>0</v>
      </c>
      <c r="BE2232" s="53">
        <v>0</v>
      </c>
      <c r="BF2232" s="53">
        <v>0</v>
      </c>
      <c r="BG2232" s="53">
        <v>0</v>
      </c>
      <c r="BH2232" s="53">
        <v>0</v>
      </c>
      <c r="BI2232" s="53">
        <v>0</v>
      </c>
      <c r="BJ2232" s="53">
        <v>0</v>
      </c>
      <c r="BK2232" s="53">
        <v>0</v>
      </c>
      <c r="BL2232" s="53">
        <v>0</v>
      </c>
      <c r="BM2232" s="53">
        <v>0</v>
      </c>
      <c r="BN2232" s="53">
        <v>0</v>
      </c>
      <c r="BO2232" s="53">
        <v>0</v>
      </c>
      <c r="BP2232" s="53">
        <v>0</v>
      </c>
      <c r="BQ2232" s="53">
        <v>0</v>
      </c>
      <c r="BR2232" s="53">
        <v>0</v>
      </c>
      <c r="BS2232" s="53">
        <v>0</v>
      </c>
      <c r="BT2232" s="53">
        <v>0</v>
      </c>
      <c r="BU2232" s="53">
        <v>0</v>
      </c>
      <c r="BV2232" s="53">
        <v>0</v>
      </c>
      <c r="BW2232" s="53">
        <v>0</v>
      </c>
      <c r="BX2232" s="53">
        <v>0</v>
      </c>
      <c r="BY2232" s="53">
        <v>0</v>
      </c>
      <c r="BZ2232" s="53">
        <v>0</v>
      </c>
      <c r="CA2232" s="53">
        <v>0</v>
      </c>
      <c r="CB2232" s="53">
        <v>15351.5205479452</v>
      </c>
      <c r="CC2232" s="53">
        <v>15351.5205479452</v>
      </c>
      <c r="CD2232" s="53">
        <v>15351.5205479452</v>
      </c>
      <c r="CE2232" s="53">
        <v>15351.5205479452</v>
      </c>
      <c r="CF2232" s="53">
        <v>15351.5205479452</v>
      </c>
      <c r="CG2232" s="53">
        <v>15351.5205479452</v>
      </c>
      <c r="CH2232" s="53">
        <v>15351.5205479452</v>
      </c>
      <c r="CI2232" s="53">
        <v>15351.5205479452</v>
      </c>
      <c r="CJ2232" s="53">
        <v>15351.5205479452</v>
      </c>
      <c r="CK2232" s="53">
        <v>15351.5205479452</v>
      </c>
      <c r="CL2232" s="53">
        <v>15351.5205479452</v>
      </c>
      <c r="CM2232" s="53">
        <v>15351.5205479452</v>
      </c>
      <c r="CN2232" s="53">
        <v>184218.246575342</v>
      </c>
    </row>
    <row r="2233" spans="1:92" outlineLevel="1">
      <c r="A2233" s="52" t="s">
        <v>1612</v>
      </c>
      <c r="B2233" s="53">
        <v>0</v>
      </c>
      <c r="C2233" s="53">
        <v>0</v>
      </c>
      <c r="D2233" s="53">
        <v>0</v>
      </c>
      <c r="E2233" s="53">
        <v>0</v>
      </c>
      <c r="F2233" s="53">
        <v>0</v>
      </c>
      <c r="G2233" s="53">
        <v>0</v>
      </c>
      <c r="H2233" s="53">
        <v>0</v>
      </c>
      <c r="I2233" s="53">
        <v>0</v>
      </c>
      <c r="J2233" s="53">
        <v>0</v>
      </c>
      <c r="K2233" s="53">
        <v>0</v>
      </c>
      <c r="L2233" s="53">
        <v>0</v>
      </c>
      <c r="M2233" s="53">
        <v>0</v>
      </c>
      <c r="N2233" s="53">
        <v>0</v>
      </c>
      <c r="O2233" s="53">
        <v>0</v>
      </c>
      <c r="P2233" s="53">
        <v>0</v>
      </c>
      <c r="Q2233" s="53">
        <v>0</v>
      </c>
      <c r="R2233" s="53">
        <v>0</v>
      </c>
      <c r="S2233" s="53">
        <v>0</v>
      </c>
      <c r="T2233" s="53">
        <v>0</v>
      </c>
      <c r="U2233" s="53">
        <v>0</v>
      </c>
      <c r="V2233" s="53">
        <v>0</v>
      </c>
      <c r="W2233" s="53">
        <v>0</v>
      </c>
      <c r="X2233" s="53">
        <v>0</v>
      </c>
      <c r="Y2233" s="53">
        <v>0</v>
      </c>
      <c r="Z2233" s="53">
        <v>0</v>
      </c>
      <c r="AA2233" s="53">
        <v>0</v>
      </c>
      <c r="AB2233" s="53">
        <v>0</v>
      </c>
      <c r="AC2233" s="53">
        <v>0</v>
      </c>
      <c r="AD2233" s="53">
        <v>0</v>
      </c>
      <c r="AE2233" s="53">
        <v>0</v>
      </c>
      <c r="AF2233" s="53">
        <v>0</v>
      </c>
      <c r="AG2233" s="53">
        <v>0</v>
      </c>
      <c r="AH2233" s="53">
        <v>0</v>
      </c>
      <c r="AI2233" s="53">
        <v>0</v>
      </c>
      <c r="AJ2233" s="53">
        <v>0</v>
      </c>
      <c r="AK2233" s="53">
        <v>0</v>
      </c>
      <c r="AL2233" s="53">
        <v>0</v>
      </c>
      <c r="AM2233" s="53">
        <v>0</v>
      </c>
      <c r="AN2233" s="53">
        <v>0</v>
      </c>
      <c r="AO2233" s="53">
        <v>0</v>
      </c>
      <c r="AP2233" s="53">
        <v>0</v>
      </c>
      <c r="AQ2233" s="53">
        <v>0</v>
      </c>
      <c r="AR2233" s="53">
        <v>0</v>
      </c>
      <c r="AS2233" s="53">
        <v>0</v>
      </c>
      <c r="AT2233" s="53">
        <v>0</v>
      </c>
      <c r="AU2233" s="53">
        <v>0</v>
      </c>
      <c r="AV2233" s="53">
        <v>0</v>
      </c>
      <c r="AW2233" s="53">
        <v>0</v>
      </c>
      <c r="AX2233" s="53">
        <v>0</v>
      </c>
      <c r="AY2233" s="53">
        <v>0</v>
      </c>
      <c r="AZ2233" s="53">
        <v>0</v>
      </c>
      <c r="BA2233" s="53">
        <v>0</v>
      </c>
      <c r="BB2233" s="53">
        <v>0</v>
      </c>
      <c r="BC2233" s="53">
        <v>0</v>
      </c>
      <c r="BD2233" s="53">
        <v>0</v>
      </c>
      <c r="BE2233" s="53">
        <v>0</v>
      </c>
      <c r="BF2233" s="53">
        <v>0</v>
      </c>
      <c r="BG2233" s="53">
        <v>0</v>
      </c>
      <c r="BH2233" s="53">
        <v>0</v>
      </c>
      <c r="BI2233" s="53">
        <v>0</v>
      </c>
      <c r="BJ2233" s="53">
        <v>0</v>
      </c>
      <c r="BK2233" s="53">
        <v>0</v>
      </c>
      <c r="BL2233" s="53">
        <v>0</v>
      </c>
      <c r="BM2233" s="53">
        <v>0</v>
      </c>
      <c r="BN2233" s="53">
        <v>0</v>
      </c>
      <c r="BO2233" s="53">
        <v>0</v>
      </c>
      <c r="BP2233" s="53">
        <v>0</v>
      </c>
      <c r="BQ2233" s="53">
        <v>0</v>
      </c>
      <c r="BR2233" s="53">
        <v>0</v>
      </c>
      <c r="BS2233" s="53">
        <v>0</v>
      </c>
      <c r="BT2233" s="53">
        <v>0</v>
      </c>
      <c r="BU2233" s="53">
        <v>0</v>
      </c>
      <c r="BV2233" s="53">
        <v>0</v>
      </c>
      <c r="BW2233" s="53">
        <v>0</v>
      </c>
      <c r="BX2233" s="53">
        <v>0</v>
      </c>
      <c r="BY2233" s="53">
        <v>0</v>
      </c>
      <c r="BZ2233" s="53">
        <v>0</v>
      </c>
      <c r="CA2233" s="53">
        <v>0</v>
      </c>
      <c r="CB2233" s="53">
        <v>8310.1044776119306</v>
      </c>
      <c r="CC2233" s="53">
        <v>8310.1044776119306</v>
      </c>
      <c r="CD2233" s="53">
        <v>8310.1044776119306</v>
      </c>
      <c r="CE2233" s="53">
        <v>8310.1044776119306</v>
      </c>
      <c r="CF2233" s="53">
        <v>8310.1044776119306</v>
      </c>
      <c r="CG2233" s="53">
        <v>8310.1044776119197</v>
      </c>
      <c r="CH2233" s="53">
        <v>8310.1044776119197</v>
      </c>
      <c r="CI2233" s="53">
        <v>8310.1044776119197</v>
      </c>
      <c r="CJ2233" s="53">
        <v>8310.1044776119197</v>
      </c>
      <c r="CK2233" s="53">
        <v>8310.1044776119197</v>
      </c>
      <c r="CL2233" s="53">
        <v>8310.1044776119197</v>
      </c>
      <c r="CM2233" s="53">
        <v>8310.1044776119197</v>
      </c>
      <c r="CN2233" s="53">
        <v>99721.253731343095</v>
      </c>
    </row>
    <row r="2234" spans="1:92" outlineLevel="1">
      <c r="A2234" s="52" t="s">
        <v>1613</v>
      </c>
      <c r="B2234" s="53">
        <v>5830000</v>
      </c>
      <c r="C2234" s="53">
        <v>5830000</v>
      </c>
      <c r="D2234" s="53">
        <v>6900000</v>
      </c>
      <c r="E2234" s="53">
        <v>6900000</v>
      </c>
      <c r="F2234" s="53">
        <v>6900000</v>
      </c>
      <c r="G2234" s="53">
        <v>6900000</v>
      </c>
      <c r="H2234" s="53">
        <v>6900000</v>
      </c>
      <c r="I2234" s="53">
        <v>6900000</v>
      </c>
      <c r="J2234" s="53">
        <v>6900000</v>
      </c>
      <c r="K2234" s="53">
        <v>6900000</v>
      </c>
      <c r="L2234" s="53">
        <v>4180000</v>
      </c>
      <c r="M2234" s="53">
        <v>-1695.02</v>
      </c>
      <c r="N2234" s="53">
        <v>-1695.02</v>
      </c>
      <c r="O2234" s="53">
        <v>-1695.02</v>
      </c>
      <c r="P2234" s="53">
        <v>-1695.02</v>
      </c>
      <c r="Q2234" s="53">
        <v>-1695.02</v>
      </c>
      <c r="R2234" s="53">
        <v>-1695.02</v>
      </c>
      <c r="S2234" s="53">
        <v>-1695.02</v>
      </c>
      <c r="T2234" s="53">
        <v>-1695.02</v>
      </c>
      <c r="U2234" s="53">
        <v>-1695.02</v>
      </c>
      <c r="V2234" s="53">
        <v>-1695.02</v>
      </c>
      <c r="W2234" s="53">
        <v>-1695.02</v>
      </c>
      <c r="X2234" s="53">
        <v>-1695.02</v>
      </c>
      <c r="Y2234" s="53">
        <v>-1695.02</v>
      </c>
      <c r="Z2234" s="53">
        <v>-1695.02</v>
      </c>
      <c r="AA2234" s="53">
        <v>-1695.02</v>
      </c>
      <c r="AB2234" s="53">
        <v>-1695.02</v>
      </c>
      <c r="AC2234" s="53">
        <v>-1695.02</v>
      </c>
      <c r="AD2234" s="53">
        <v>-1695.02</v>
      </c>
      <c r="AE2234" s="53">
        <v>-1695.02</v>
      </c>
      <c r="AF2234" s="53">
        <v>-1695.02</v>
      </c>
      <c r="AG2234" s="53">
        <v>-1695.02</v>
      </c>
      <c r="AH2234" s="53">
        <v>-1695.02</v>
      </c>
      <c r="AI2234" s="53">
        <v>-1695.02</v>
      </c>
      <c r="AJ2234" s="53">
        <v>-1695.02</v>
      </c>
      <c r="AK2234" s="53">
        <v>-1695.02</v>
      </c>
      <c r="AL2234" s="53">
        <v>-1695.02</v>
      </c>
      <c r="AM2234" s="53">
        <v>-1695.02</v>
      </c>
      <c r="AN2234" s="53">
        <v>-1695.02</v>
      </c>
      <c r="AO2234" s="53">
        <v>-1695.02</v>
      </c>
      <c r="AP2234" s="53">
        <v>-1695.02</v>
      </c>
      <c r="AQ2234" s="53">
        <v>-1695.02</v>
      </c>
      <c r="AR2234" s="53">
        <v>-1695.02</v>
      </c>
      <c r="AS2234" s="53">
        <v>-1695.02</v>
      </c>
      <c r="AT2234" s="53">
        <v>-1695.02</v>
      </c>
      <c r="AU2234" s="53">
        <v>-1695.02</v>
      </c>
      <c r="AV2234" s="53">
        <v>-1695.02</v>
      </c>
      <c r="AW2234" s="53">
        <v>-1695.02</v>
      </c>
      <c r="AX2234" s="53">
        <v>-1695.02</v>
      </c>
      <c r="AY2234" s="53">
        <v>-1695.02</v>
      </c>
      <c r="AZ2234" s="53">
        <v>-1695.02</v>
      </c>
      <c r="BA2234" s="53">
        <v>-1695.02</v>
      </c>
      <c r="BB2234" s="53">
        <v>-1695.02</v>
      </c>
      <c r="BC2234" s="53">
        <v>-1695.02</v>
      </c>
      <c r="BD2234" s="53">
        <v>-1695.02</v>
      </c>
      <c r="BE2234" s="53">
        <v>-1695.02</v>
      </c>
      <c r="BF2234" s="53">
        <v>-1695.02</v>
      </c>
      <c r="BG2234" s="53">
        <v>-1695.02</v>
      </c>
      <c r="BH2234" s="53">
        <v>-1695.02</v>
      </c>
      <c r="BI2234" s="53">
        <v>-1695.02</v>
      </c>
      <c r="BJ2234" s="53">
        <v>-1695.02</v>
      </c>
      <c r="BK2234" s="53">
        <v>-1695.02</v>
      </c>
      <c r="BL2234" s="53">
        <v>-1695.02</v>
      </c>
      <c r="BM2234" s="53">
        <v>-1695.02</v>
      </c>
      <c r="BN2234" s="53">
        <v>-1695.02</v>
      </c>
      <c r="BO2234" s="53">
        <v>-1695.02</v>
      </c>
      <c r="BP2234" s="53">
        <v>-1695.02</v>
      </c>
      <c r="BQ2234" s="53">
        <v>-1695.02</v>
      </c>
      <c r="BR2234" s="53">
        <v>-1695.02</v>
      </c>
      <c r="BS2234" s="53">
        <v>-1695.02</v>
      </c>
      <c r="BT2234" s="53">
        <v>-1695.02</v>
      </c>
      <c r="BU2234" s="53">
        <v>-1695.02</v>
      </c>
      <c r="BV2234" s="53">
        <v>-1695.02</v>
      </c>
      <c r="BW2234" s="53">
        <v>-1695.02</v>
      </c>
      <c r="BX2234" s="53">
        <v>-1695.02</v>
      </c>
      <c r="BY2234" s="53">
        <v>-1695.02</v>
      </c>
      <c r="BZ2234" s="53">
        <v>-1695.02</v>
      </c>
      <c r="CA2234" s="53">
        <v>-1695.02</v>
      </c>
      <c r="CB2234" s="53">
        <v>18632.710875331501</v>
      </c>
      <c r="CC2234" s="53">
        <v>18632.710875331501</v>
      </c>
      <c r="CD2234" s="53">
        <v>18632.710875331501</v>
      </c>
      <c r="CE2234" s="53">
        <v>18632.710875331501</v>
      </c>
      <c r="CF2234" s="53">
        <v>18632.710875331501</v>
      </c>
      <c r="CG2234" s="53">
        <v>18632.710875331501</v>
      </c>
      <c r="CH2234" s="53">
        <v>18632.710875331501</v>
      </c>
      <c r="CI2234" s="53">
        <v>18632.710875331501</v>
      </c>
      <c r="CJ2234" s="53">
        <v>18632.710875331501</v>
      </c>
      <c r="CK2234" s="53">
        <v>18632.710875331501</v>
      </c>
      <c r="CL2234" s="53">
        <v>18632.710875331501</v>
      </c>
      <c r="CM2234" s="53">
        <v>18632.710875331501</v>
      </c>
      <c r="CN2234" s="53">
        <v>223592.53050397799</v>
      </c>
    </row>
    <row r="2235" spans="1:92" outlineLevel="1">
      <c r="A2235" s="52" t="s">
        <v>1614</v>
      </c>
      <c r="B2235" s="53">
        <v>200357358.62999901</v>
      </c>
      <c r="C2235" s="53">
        <v>200357358.62999901</v>
      </c>
      <c r="D2235" s="53">
        <v>200357358.62999901</v>
      </c>
      <c r="E2235" s="53">
        <v>200357358.62999901</v>
      </c>
      <c r="F2235" s="53">
        <v>200357358.62999901</v>
      </c>
      <c r="G2235" s="53">
        <v>200357358.62999901</v>
      </c>
      <c r="H2235" s="53">
        <v>200357358.62999901</v>
      </c>
      <c r="I2235" s="53">
        <v>200357358.62999901</v>
      </c>
      <c r="J2235" s="53">
        <v>200357358.62999901</v>
      </c>
      <c r="K2235" s="53">
        <v>200357358.62999901</v>
      </c>
      <c r="L2235" s="53">
        <v>200357358.62999901</v>
      </c>
      <c r="M2235" s="53">
        <v>200357358.62999901</v>
      </c>
      <c r="N2235" s="53">
        <v>200357358.62999901</v>
      </c>
      <c r="O2235" s="53">
        <v>200357358.62999901</v>
      </c>
      <c r="P2235" s="53">
        <v>200357358.62999901</v>
      </c>
      <c r="Q2235" s="53">
        <v>200357358.62999901</v>
      </c>
      <c r="R2235" s="53">
        <v>200357358.62999901</v>
      </c>
      <c r="S2235" s="53">
        <v>200357358.62999901</v>
      </c>
      <c r="T2235" s="53">
        <v>200357358.62999901</v>
      </c>
      <c r="U2235" s="53">
        <v>200357358.62999901</v>
      </c>
      <c r="V2235" s="53">
        <v>200357358.62999901</v>
      </c>
      <c r="W2235" s="53">
        <v>200357358.62999901</v>
      </c>
      <c r="X2235" s="53">
        <v>200357358.62999901</v>
      </c>
      <c r="Y2235" s="53">
        <v>200357358.62999901</v>
      </c>
      <c r="Z2235" s="53">
        <v>200357358.62999901</v>
      </c>
      <c r="AA2235" s="53">
        <v>200357358.62999901</v>
      </c>
      <c r="AB2235" s="53">
        <v>200357358.62999901</v>
      </c>
      <c r="AC2235" s="53">
        <v>200357358.62999901</v>
      </c>
      <c r="AD2235" s="53">
        <v>200357358.62999901</v>
      </c>
      <c r="AE2235" s="53">
        <v>200357358.62999901</v>
      </c>
      <c r="AF2235" s="53">
        <v>200357358.62999901</v>
      </c>
      <c r="AG2235" s="53">
        <v>200357358.62999901</v>
      </c>
      <c r="AH2235" s="53">
        <v>200357358.62999901</v>
      </c>
      <c r="AI2235" s="53">
        <v>200357358.62999901</v>
      </c>
      <c r="AJ2235" s="53">
        <v>200357358.62999901</v>
      </c>
      <c r="AK2235" s="53">
        <v>200357358.62999901</v>
      </c>
      <c r="AL2235" s="53">
        <v>200357358.62999901</v>
      </c>
      <c r="AM2235" s="53">
        <v>200357358.62999901</v>
      </c>
      <c r="AN2235" s="53">
        <v>200357358.62999901</v>
      </c>
      <c r="AO2235" s="53">
        <v>200357358.62999901</v>
      </c>
      <c r="AP2235" s="53">
        <v>200357358.62999901</v>
      </c>
      <c r="AQ2235" s="53">
        <v>200357358.62999901</v>
      </c>
      <c r="AR2235" s="53">
        <v>200357358.62999901</v>
      </c>
      <c r="AS2235" s="53">
        <v>200357358.62999901</v>
      </c>
      <c r="AT2235" s="53">
        <v>200357358.62999901</v>
      </c>
      <c r="AU2235" s="53">
        <v>200357358.62999901</v>
      </c>
      <c r="AV2235" s="53">
        <v>200357358.62999901</v>
      </c>
      <c r="AW2235" s="53">
        <v>200357358.62999901</v>
      </c>
      <c r="AX2235" s="53">
        <v>200357358.62999901</v>
      </c>
      <c r="AY2235" s="53">
        <v>200357358.62999901</v>
      </c>
      <c r="AZ2235" s="53">
        <v>200357358.62999901</v>
      </c>
      <c r="BA2235" s="53">
        <v>200357358.62999901</v>
      </c>
      <c r="BB2235" s="53">
        <v>200357358.62999901</v>
      </c>
      <c r="BC2235" s="53">
        <v>200357358.62999901</v>
      </c>
      <c r="BD2235" s="53">
        <v>200357358.62999901</v>
      </c>
      <c r="BE2235" s="53">
        <v>200357358.62999901</v>
      </c>
      <c r="BF2235" s="53">
        <v>200357358.62999901</v>
      </c>
      <c r="BG2235" s="53">
        <v>200357358.62999901</v>
      </c>
      <c r="BH2235" s="53">
        <v>200357358.62999901</v>
      </c>
      <c r="BI2235" s="53">
        <v>200357358.62999901</v>
      </c>
      <c r="BJ2235" s="53">
        <v>200357358.62999901</v>
      </c>
      <c r="BK2235" s="53">
        <v>200357358.62999901</v>
      </c>
      <c r="BL2235" s="53">
        <v>200357358.62999901</v>
      </c>
      <c r="BM2235" s="53">
        <v>200357358.62999901</v>
      </c>
      <c r="BN2235" s="53">
        <v>200357358.62999901</v>
      </c>
      <c r="BO2235" s="53">
        <v>200357358.62999901</v>
      </c>
      <c r="BP2235" s="53">
        <v>200357358.62999901</v>
      </c>
      <c r="BQ2235" s="53">
        <v>200357358.62999901</v>
      </c>
      <c r="BR2235" s="53">
        <v>200357358.62999901</v>
      </c>
      <c r="BS2235" s="53">
        <v>200357358.62999901</v>
      </c>
      <c r="BT2235" s="53">
        <v>200357358.62999901</v>
      </c>
      <c r="BU2235" s="53">
        <v>200357358.62999901</v>
      </c>
      <c r="BV2235" s="53">
        <v>200357358.62999901</v>
      </c>
      <c r="BW2235" s="53">
        <v>200357358.62999901</v>
      </c>
      <c r="BX2235" s="53">
        <v>200357358.62999901</v>
      </c>
      <c r="BY2235" s="53">
        <v>200357358.62999901</v>
      </c>
      <c r="BZ2235" s="53">
        <v>200357358.62999901</v>
      </c>
      <c r="CA2235" s="53">
        <v>200357358.62999901</v>
      </c>
      <c r="CB2235" s="53"/>
      <c r="CC2235" s="53"/>
      <c r="CD2235" s="53"/>
      <c r="CE2235" s="53"/>
      <c r="CF2235" s="53"/>
      <c r="CG2235" s="53"/>
      <c r="CH2235" s="53"/>
      <c r="CI2235" s="53"/>
      <c r="CJ2235" s="53"/>
      <c r="CK2235" s="53"/>
      <c r="CL2235" s="53"/>
      <c r="CM2235" s="53"/>
      <c r="CN2235" s="53"/>
    </row>
    <row r="2236" spans="1:92" outlineLevel="1">
      <c r="A2236" s="52" t="s">
        <v>1218</v>
      </c>
      <c r="B2236" s="53">
        <v>79523485.571999997</v>
      </c>
      <c r="C2236" s="53">
        <v>81467812.920000002</v>
      </c>
      <c r="D2236" s="53">
        <v>83621622.439999998</v>
      </c>
      <c r="E2236" s="53">
        <v>50965277.710000001</v>
      </c>
      <c r="F2236" s="53">
        <v>53165449.899999999</v>
      </c>
      <c r="G2236" s="53">
        <v>55352280.659999996</v>
      </c>
      <c r="H2236" s="53">
        <v>62853550.450000003</v>
      </c>
      <c r="I2236" s="53">
        <v>65340441.789999999</v>
      </c>
      <c r="J2236" s="53">
        <v>67575108.459999993</v>
      </c>
      <c r="K2236" s="53">
        <v>64935602.18</v>
      </c>
      <c r="L2236" s="53">
        <v>65456022.689999901</v>
      </c>
      <c r="M2236" s="53">
        <v>68218909.459999993</v>
      </c>
      <c r="N2236" s="53">
        <v>79523485.571999997</v>
      </c>
      <c r="O2236" s="53">
        <v>73292349.430000007</v>
      </c>
      <c r="P2236" s="53">
        <v>75535890.9799999</v>
      </c>
      <c r="Q2236" s="53">
        <v>77887961.120000005</v>
      </c>
      <c r="R2236" s="53">
        <v>46264684.6228</v>
      </c>
      <c r="S2236" s="53">
        <v>48595103.962800004</v>
      </c>
      <c r="T2236" s="53">
        <v>50915697.952799998</v>
      </c>
      <c r="U2236" s="53">
        <v>53474794.262800001</v>
      </c>
      <c r="V2236" s="53">
        <v>55727808.602799997</v>
      </c>
      <c r="W2236" s="53">
        <v>57991230.242799997</v>
      </c>
      <c r="X2236" s="53">
        <v>60208202.102799997</v>
      </c>
      <c r="Y2236" s="53">
        <v>62475054.422799997</v>
      </c>
      <c r="Z2236" s="53">
        <v>64679285.532799996</v>
      </c>
      <c r="AA2236" s="53">
        <v>73292349.430000007</v>
      </c>
      <c r="AB2236" s="53">
        <v>67057303.862800002</v>
      </c>
      <c r="AC2236" s="53">
        <v>69308431.102799997</v>
      </c>
      <c r="AD2236" s="53">
        <v>71652384.452800006</v>
      </c>
      <c r="AE2236" s="53">
        <v>46281067.362800002</v>
      </c>
      <c r="AF2236" s="53">
        <v>48679076.522799999</v>
      </c>
      <c r="AG2236" s="53">
        <v>51236267.652800001</v>
      </c>
      <c r="AH2236" s="53">
        <v>53736434.462800004</v>
      </c>
      <c r="AI2236" s="53">
        <v>56093008.782799996</v>
      </c>
      <c r="AJ2236" s="53">
        <v>58469170.522799999</v>
      </c>
      <c r="AK2236" s="53">
        <v>60812547.572800003</v>
      </c>
      <c r="AL2236" s="53">
        <v>63199542.6228</v>
      </c>
      <c r="AM2236" s="53">
        <v>65692617.5528</v>
      </c>
      <c r="AN2236" s="53">
        <v>67057303.862800002</v>
      </c>
      <c r="AO2236" s="53">
        <v>68032145.822799996</v>
      </c>
      <c r="AP2236" s="53">
        <v>70425675.662799999</v>
      </c>
      <c r="AQ2236" s="53">
        <v>72819205.502800003</v>
      </c>
      <c r="AR2236" s="53">
        <v>46490377.262800001</v>
      </c>
      <c r="AS2236" s="53">
        <v>48883907.102799997</v>
      </c>
      <c r="AT2236" s="53">
        <v>51277436.9428</v>
      </c>
      <c r="AU2236" s="53">
        <v>53670966.782799996</v>
      </c>
      <c r="AV2236" s="53">
        <v>56064496.6228</v>
      </c>
      <c r="AW2236" s="53">
        <v>58458026.462800004</v>
      </c>
      <c r="AX2236" s="53">
        <v>60851556.3028</v>
      </c>
      <c r="AY2236" s="53">
        <v>63245086.142800003</v>
      </c>
      <c r="AZ2236" s="53">
        <v>65638615.982799903</v>
      </c>
      <c r="BA2236" s="53">
        <v>68032145.822799996</v>
      </c>
      <c r="BB2236" s="53">
        <v>68032145.822799996</v>
      </c>
      <c r="BC2236" s="53">
        <v>70425675.662799999</v>
      </c>
      <c r="BD2236" s="53">
        <v>72819205.502800003</v>
      </c>
      <c r="BE2236" s="53">
        <v>46490377.262799896</v>
      </c>
      <c r="BF2236" s="53">
        <v>48883907.1027999</v>
      </c>
      <c r="BG2236" s="53">
        <v>51277436.942799903</v>
      </c>
      <c r="BH2236" s="53">
        <v>53670966.7827999</v>
      </c>
      <c r="BI2236" s="53">
        <v>56064496.622799903</v>
      </c>
      <c r="BJ2236" s="53">
        <v>58458026.462799899</v>
      </c>
      <c r="BK2236" s="53">
        <v>60851556.302799903</v>
      </c>
      <c r="BL2236" s="53">
        <v>63245086.142799899</v>
      </c>
      <c r="BM2236" s="53">
        <v>65638615.982799903</v>
      </c>
      <c r="BN2236" s="53">
        <v>68032145.822799996</v>
      </c>
      <c r="BO2236" s="53">
        <v>68032145.822799906</v>
      </c>
      <c r="BP2236" s="53">
        <v>70425675.662799895</v>
      </c>
      <c r="BQ2236" s="53">
        <v>72819205.502799898</v>
      </c>
      <c r="BR2236" s="53">
        <v>46490377.262799896</v>
      </c>
      <c r="BS2236" s="53">
        <v>48883907.1027999</v>
      </c>
      <c r="BT2236" s="53">
        <v>51277436.942799903</v>
      </c>
      <c r="BU2236" s="53">
        <v>53670966.7827999</v>
      </c>
      <c r="BV2236" s="53">
        <v>56064496.622799903</v>
      </c>
      <c r="BW2236" s="53">
        <v>58458026.462799899</v>
      </c>
      <c r="BX2236" s="53">
        <v>60851556.302799903</v>
      </c>
      <c r="BY2236" s="53">
        <v>63245086.142799899</v>
      </c>
      <c r="BZ2236" s="53">
        <v>65638615.982799903</v>
      </c>
      <c r="CA2236" s="53">
        <v>68032145.822799906</v>
      </c>
      <c r="CB2236" s="53"/>
      <c r="CC2236" s="53"/>
      <c r="CD2236" s="53"/>
      <c r="CE2236" s="53"/>
      <c r="CF2236" s="53"/>
      <c r="CG2236" s="53"/>
      <c r="CH2236" s="53"/>
      <c r="CI2236" s="53"/>
      <c r="CJ2236" s="53"/>
      <c r="CK2236" s="53"/>
      <c r="CL2236" s="53"/>
      <c r="CM2236" s="53"/>
      <c r="CN2236" s="53"/>
    </row>
    <row r="2237" spans="1:92" outlineLevel="1">
      <c r="A2237" s="52" t="s">
        <v>699</v>
      </c>
      <c r="B2237" s="53"/>
      <c r="C2237" s="53"/>
      <c r="D2237" s="53"/>
      <c r="E2237" s="53"/>
      <c r="F2237" s="53"/>
      <c r="G2237" s="53"/>
      <c r="H2237" s="53"/>
      <c r="I2237" s="53"/>
      <c r="J2237" s="53"/>
      <c r="K2237" s="53"/>
      <c r="L2237" s="53"/>
      <c r="M2237" s="53"/>
      <c r="N2237" s="53"/>
      <c r="O2237" s="53"/>
      <c r="P2237" s="53"/>
      <c r="Q2237" s="53"/>
      <c r="R2237" s="53"/>
      <c r="S2237" s="53"/>
      <c r="T2237" s="53"/>
      <c r="U2237" s="53"/>
      <c r="V2237" s="53"/>
      <c r="W2237" s="53"/>
      <c r="X2237" s="53"/>
      <c r="Y2237" s="53"/>
      <c r="Z2237" s="53"/>
      <c r="AA2237" s="53"/>
      <c r="AB2237" s="53"/>
      <c r="AC2237" s="53"/>
      <c r="AD2237" s="53"/>
      <c r="AE2237" s="53"/>
      <c r="AF2237" s="53"/>
      <c r="AG2237" s="53"/>
      <c r="AH2237" s="53"/>
      <c r="AI2237" s="53"/>
      <c r="AJ2237" s="53"/>
      <c r="AK2237" s="53"/>
      <c r="AL2237" s="53"/>
      <c r="AM2237" s="53"/>
      <c r="AN2237" s="53"/>
      <c r="AO2237" s="53"/>
      <c r="AP2237" s="53"/>
      <c r="AQ2237" s="53"/>
      <c r="AR2237" s="53"/>
      <c r="AS2237" s="53"/>
      <c r="AT2237" s="53"/>
      <c r="AU2237" s="53"/>
      <c r="AV2237" s="53"/>
      <c r="AW2237" s="53"/>
      <c r="AX2237" s="53"/>
      <c r="AY2237" s="53"/>
      <c r="AZ2237" s="53"/>
      <c r="BA2237" s="53"/>
      <c r="BB2237" s="53"/>
      <c r="BC2237" s="53"/>
      <c r="BD2237" s="53"/>
      <c r="BE2237" s="53"/>
      <c r="BF2237" s="53"/>
      <c r="BG2237" s="53"/>
      <c r="BH2237" s="53"/>
      <c r="BI2237" s="53"/>
      <c r="BJ2237" s="53"/>
      <c r="BK2237" s="53"/>
      <c r="BL2237" s="53"/>
      <c r="BM2237" s="53"/>
      <c r="BN2237" s="53"/>
      <c r="BO2237" s="53"/>
      <c r="BP2237" s="53"/>
      <c r="BQ2237" s="53"/>
      <c r="BR2237" s="53"/>
      <c r="BS2237" s="53"/>
      <c r="BT2237" s="53"/>
      <c r="BU2237" s="53"/>
      <c r="BV2237" s="53"/>
      <c r="BW2237" s="53"/>
      <c r="BX2237" s="53"/>
      <c r="BY2237" s="53"/>
      <c r="BZ2237" s="53"/>
      <c r="CA2237" s="53"/>
      <c r="CB2237" s="53">
        <v>36488.334177215103</v>
      </c>
      <c r="CC2237" s="53">
        <v>36488.334177215103</v>
      </c>
      <c r="CD2237" s="53">
        <v>36488.334177215103</v>
      </c>
      <c r="CE2237" s="53">
        <v>36488.334177215103</v>
      </c>
      <c r="CF2237" s="53">
        <v>36488.334177215103</v>
      </c>
      <c r="CG2237" s="53">
        <v>36488.334177215103</v>
      </c>
      <c r="CH2237" s="53">
        <v>36488.334177215103</v>
      </c>
      <c r="CI2237" s="53">
        <v>36488.334177215103</v>
      </c>
      <c r="CJ2237" s="53">
        <v>36488.334177215103</v>
      </c>
      <c r="CK2237" s="53">
        <v>36488.334177215103</v>
      </c>
      <c r="CL2237" s="53">
        <v>36488.334177215103</v>
      </c>
      <c r="CM2237" s="53">
        <v>36488.334177215103</v>
      </c>
      <c r="CN2237" s="53">
        <v>437860.010126582</v>
      </c>
    </row>
    <row r="2238" spans="1:92" outlineLevel="1">
      <c r="A2238" s="52" t="s">
        <v>1615</v>
      </c>
      <c r="B2238" s="53"/>
      <c r="C2238" s="53"/>
      <c r="D2238" s="53"/>
      <c r="E2238" s="53"/>
      <c r="F2238" s="53"/>
      <c r="G2238" s="53"/>
      <c r="H2238" s="53"/>
      <c r="I2238" s="53"/>
      <c r="J2238" s="53"/>
      <c r="K2238" s="53"/>
      <c r="L2238" s="53"/>
      <c r="M2238" s="53"/>
      <c r="N2238" s="53"/>
      <c r="O2238" s="53"/>
      <c r="P2238" s="53"/>
      <c r="Q2238" s="53"/>
      <c r="R2238" s="53"/>
      <c r="S2238" s="53"/>
      <c r="T2238" s="53"/>
      <c r="U2238" s="53"/>
      <c r="V2238" s="53"/>
      <c r="W2238" s="53"/>
      <c r="X2238" s="53"/>
      <c r="Y2238" s="53"/>
      <c r="Z2238" s="53"/>
      <c r="AA2238" s="53"/>
      <c r="AB2238" s="53"/>
      <c r="AC2238" s="53"/>
      <c r="AD2238" s="53"/>
      <c r="AE2238" s="53"/>
      <c r="AF2238" s="53"/>
      <c r="AG2238" s="53"/>
      <c r="AH2238" s="53"/>
      <c r="AI2238" s="53"/>
      <c r="AJ2238" s="53"/>
      <c r="AK2238" s="53"/>
      <c r="AL2238" s="53"/>
      <c r="AM2238" s="53"/>
      <c r="AN2238" s="53"/>
      <c r="AO2238" s="53"/>
      <c r="AP2238" s="53"/>
      <c r="AQ2238" s="53"/>
      <c r="AR2238" s="53"/>
      <c r="AS2238" s="53"/>
      <c r="AT2238" s="53"/>
      <c r="AU2238" s="53"/>
      <c r="AV2238" s="53"/>
      <c r="AW2238" s="53"/>
      <c r="AX2238" s="53"/>
      <c r="AY2238" s="53"/>
      <c r="AZ2238" s="53"/>
      <c r="BA2238" s="53"/>
      <c r="BB2238" s="53"/>
      <c r="BC2238" s="53"/>
      <c r="BD2238" s="53"/>
      <c r="BE2238" s="53"/>
      <c r="BF2238" s="53"/>
      <c r="BG2238" s="53"/>
      <c r="BH2238" s="53"/>
      <c r="BI2238" s="53"/>
      <c r="BJ2238" s="53"/>
      <c r="BK2238" s="53"/>
      <c r="BL2238" s="53"/>
      <c r="BM2238" s="53"/>
      <c r="BN2238" s="53"/>
      <c r="BO2238" s="53"/>
      <c r="BP2238" s="53"/>
      <c r="BQ2238" s="53"/>
      <c r="BR2238" s="53"/>
      <c r="BS2238" s="53"/>
      <c r="BT2238" s="53"/>
      <c r="BU2238" s="53"/>
      <c r="BV2238" s="53"/>
      <c r="BW2238" s="53"/>
      <c r="BX2238" s="53"/>
      <c r="BY2238" s="53"/>
      <c r="BZ2238" s="53"/>
      <c r="CA2238" s="53"/>
      <c r="CB2238" s="53">
        <v>13019.146118721401</v>
      </c>
      <c r="CC2238" s="53">
        <v>13019.146118721401</v>
      </c>
      <c r="CD2238" s="53">
        <v>13019.146118721401</v>
      </c>
      <c r="CE2238" s="53">
        <v>13019.146118721401</v>
      </c>
      <c r="CF2238" s="53">
        <v>13019.146118721401</v>
      </c>
      <c r="CG2238" s="53">
        <v>13019.146118721401</v>
      </c>
      <c r="CH2238" s="53">
        <v>13019.146118721401</v>
      </c>
      <c r="CI2238" s="53">
        <v>13019.146118721401</v>
      </c>
      <c r="CJ2238" s="53">
        <v>13019.146118721401</v>
      </c>
      <c r="CK2238" s="53">
        <v>13019.146118721401</v>
      </c>
      <c r="CL2238" s="53">
        <v>13019.146118721401</v>
      </c>
      <c r="CM2238" s="53">
        <v>13019.146118721401</v>
      </c>
      <c r="CN2238" s="53">
        <v>156229.75342465701</v>
      </c>
    </row>
    <row r="2239" spans="1:92" outlineLevel="1">
      <c r="A2239" s="52" t="s">
        <v>1616</v>
      </c>
      <c r="B2239" s="53"/>
      <c r="C2239" s="53"/>
      <c r="D2239" s="53"/>
      <c r="E2239" s="53"/>
      <c r="F2239" s="53"/>
      <c r="G2239" s="53"/>
      <c r="H2239" s="53"/>
      <c r="I2239" s="53"/>
      <c r="J2239" s="53"/>
      <c r="K2239" s="53"/>
      <c r="L2239" s="53"/>
      <c r="M2239" s="53"/>
      <c r="N2239" s="53"/>
      <c r="O2239" s="53"/>
      <c r="P2239" s="53"/>
      <c r="Q2239" s="53"/>
      <c r="R2239" s="53"/>
      <c r="S2239" s="53"/>
      <c r="T2239" s="53"/>
      <c r="U2239" s="53"/>
      <c r="V2239" s="53"/>
      <c r="W2239" s="53"/>
      <c r="X2239" s="53"/>
      <c r="Y2239" s="53"/>
      <c r="Z2239" s="53"/>
      <c r="AA2239" s="53"/>
      <c r="AB2239" s="53"/>
      <c r="AC2239" s="53"/>
      <c r="AD2239" s="53"/>
      <c r="AE2239" s="53"/>
      <c r="AF2239" s="53"/>
      <c r="AG2239" s="53"/>
      <c r="AH2239" s="53"/>
      <c r="AI2239" s="53"/>
      <c r="AJ2239" s="53"/>
      <c r="AK2239" s="53"/>
      <c r="AL2239" s="53"/>
      <c r="AM2239" s="53"/>
      <c r="AN2239" s="53"/>
      <c r="AO2239" s="53"/>
      <c r="AP2239" s="53"/>
      <c r="AQ2239" s="53"/>
      <c r="AR2239" s="53"/>
      <c r="AS2239" s="53"/>
      <c r="AT2239" s="53"/>
      <c r="AU2239" s="53"/>
      <c r="AV2239" s="53"/>
      <c r="AW2239" s="53"/>
      <c r="AX2239" s="53"/>
      <c r="AY2239" s="53"/>
      <c r="AZ2239" s="53"/>
      <c r="BA2239" s="53"/>
      <c r="BB2239" s="53"/>
      <c r="BC2239" s="53"/>
      <c r="BD2239" s="53"/>
      <c r="BE2239" s="53"/>
      <c r="BF2239" s="53"/>
      <c r="BG2239" s="53"/>
      <c r="BH2239" s="53"/>
      <c r="BI2239" s="53"/>
      <c r="BJ2239" s="53"/>
      <c r="BK2239" s="53"/>
      <c r="BL2239" s="53"/>
      <c r="BM2239" s="53"/>
      <c r="BN2239" s="53"/>
      <c r="BO2239" s="53"/>
      <c r="BP2239" s="53"/>
      <c r="BQ2239" s="53"/>
      <c r="BR2239" s="53"/>
      <c r="BS2239" s="53"/>
      <c r="BT2239" s="53"/>
      <c r="BU2239" s="53"/>
      <c r="BV2239" s="53"/>
      <c r="BW2239" s="53"/>
      <c r="BX2239" s="53"/>
      <c r="BY2239" s="53"/>
      <c r="BZ2239" s="53"/>
      <c r="CA2239" s="53"/>
      <c r="CB2239" s="53">
        <v>13527.6846307385</v>
      </c>
      <c r="CC2239" s="53">
        <v>13527.6846307385</v>
      </c>
      <c r="CD2239" s="53">
        <v>13527.6846307385</v>
      </c>
      <c r="CE2239" s="53">
        <v>13527.6846307385</v>
      </c>
      <c r="CF2239" s="53">
        <v>13527.6846307385</v>
      </c>
      <c r="CG2239" s="53">
        <v>13527.6846307385</v>
      </c>
      <c r="CH2239" s="53">
        <v>13527.6846307385</v>
      </c>
      <c r="CI2239" s="53">
        <v>13527.6846307385</v>
      </c>
      <c r="CJ2239" s="53">
        <v>13527.6846307385</v>
      </c>
      <c r="CK2239" s="53">
        <v>13527.6846307385</v>
      </c>
      <c r="CL2239" s="53">
        <v>13527.6846307385</v>
      </c>
      <c r="CM2239" s="53">
        <v>13527.6846307385</v>
      </c>
      <c r="CN2239" s="53">
        <v>162332.21556886201</v>
      </c>
    </row>
    <row r="2240" spans="1:92" outlineLevel="1">
      <c r="A2240" s="52" t="s">
        <v>649</v>
      </c>
      <c r="B2240" s="53"/>
      <c r="C2240" s="53"/>
      <c r="D2240" s="53">
        <v>-18368678.310159098</v>
      </c>
      <c r="E2240" s="53"/>
      <c r="F2240" s="53"/>
      <c r="G2240" s="53"/>
      <c r="H2240" s="53"/>
      <c r="I2240" s="53"/>
      <c r="J2240" s="53"/>
      <c r="K2240" s="53"/>
      <c r="L2240" s="53"/>
      <c r="M2240" s="53"/>
      <c r="N2240" s="53">
        <v>-18368678.310159098</v>
      </c>
      <c r="O2240" s="53"/>
      <c r="P2240" s="53"/>
      <c r="Q2240" s="53">
        <v>-30073063.440000001</v>
      </c>
      <c r="R2240" s="53"/>
      <c r="S2240" s="53"/>
      <c r="T2240" s="53"/>
      <c r="U2240" s="53"/>
      <c r="V2240" s="53"/>
      <c r="W2240" s="53"/>
      <c r="X2240" s="53"/>
      <c r="Y2240" s="53"/>
      <c r="Z2240" s="53"/>
      <c r="AA2240" s="53">
        <v>-30073063.440000001</v>
      </c>
      <c r="AB2240" s="53"/>
      <c r="AC2240" s="53"/>
      <c r="AD2240" s="53">
        <v>-9325982.9999999907</v>
      </c>
      <c r="AE2240" s="53"/>
      <c r="AF2240" s="53"/>
      <c r="AG2240" s="53"/>
      <c r="AH2240" s="53"/>
      <c r="AI2240" s="53"/>
      <c r="AJ2240" s="53"/>
      <c r="AK2240" s="53"/>
      <c r="AL2240" s="53"/>
      <c r="AM2240" s="53"/>
      <c r="AN2240" s="53">
        <v>-9325982.9999999907</v>
      </c>
      <c r="AO2240" s="53"/>
      <c r="AP2240" s="53"/>
      <c r="AQ2240" s="53">
        <v>-9672873.9999999907</v>
      </c>
      <c r="AR2240" s="53"/>
      <c r="AS2240" s="53"/>
      <c r="AT2240" s="53"/>
      <c r="AU2240" s="53"/>
      <c r="AV2240" s="53"/>
      <c r="AW2240" s="53"/>
      <c r="AX2240" s="53"/>
      <c r="AY2240" s="53"/>
      <c r="AZ2240" s="53"/>
      <c r="BA2240" s="53">
        <v>-9672873.9999999907</v>
      </c>
      <c r="BB2240" s="53"/>
      <c r="BC2240" s="53"/>
      <c r="BD2240" s="53">
        <v>-9672874</v>
      </c>
      <c r="BE2240" s="53"/>
      <c r="BF2240" s="53"/>
      <c r="BG2240" s="53"/>
      <c r="BH2240" s="53"/>
      <c r="BI2240" s="53"/>
      <c r="BJ2240" s="53"/>
      <c r="BK2240" s="53"/>
      <c r="BL2240" s="53"/>
      <c r="BM2240" s="53"/>
      <c r="BN2240" s="53">
        <v>-9672874</v>
      </c>
      <c r="BO2240" s="53"/>
      <c r="BP2240" s="53"/>
      <c r="BQ2240" s="53">
        <v>-9672874</v>
      </c>
      <c r="BR2240" s="53"/>
      <c r="BS2240" s="53"/>
      <c r="BT2240" s="53"/>
      <c r="BU2240" s="53"/>
      <c r="BV2240" s="53"/>
      <c r="BW2240" s="53"/>
      <c r="BX2240" s="53"/>
      <c r="BY2240" s="53"/>
      <c r="BZ2240" s="53"/>
      <c r="CA2240" s="53">
        <v>-9672874</v>
      </c>
      <c r="CB2240" s="53">
        <v>20148.9797979797</v>
      </c>
      <c r="CC2240" s="53">
        <v>20148.9797979797</v>
      </c>
      <c r="CD2240" s="53">
        <v>20148.9797979797</v>
      </c>
      <c r="CE2240" s="53">
        <v>20148.9797979797</v>
      </c>
      <c r="CF2240" s="53">
        <v>20148.9797979797</v>
      </c>
      <c r="CG2240" s="53">
        <v>20148.9797979797</v>
      </c>
      <c r="CH2240" s="53">
        <v>20148.9797979797</v>
      </c>
      <c r="CI2240" s="53">
        <v>20148.9797979797</v>
      </c>
      <c r="CJ2240" s="53">
        <v>20148.9797979797</v>
      </c>
      <c r="CK2240" s="53">
        <v>20148.9797979797</v>
      </c>
      <c r="CL2240" s="53">
        <v>20148.9797979797</v>
      </c>
      <c r="CM2240" s="53">
        <v>20148.9797979797</v>
      </c>
      <c r="CN2240" s="53">
        <v>241787.75757575699</v>
      </c>
    </row>
    <row r="2241" spans="1:92" outlineLevel="1">
      <c r="A2241" s="52" t="s">
        <v>1617</v>
      </c>
      <c r="B2241" s="53"/>
      <c r="C2241" s="53"/>
      <c r="D2241" s="53"/>
      <c r="E2241" s="53"/>
      <c r="F2241" s="53"/>
      <c r="G2241" s="53"/>
      <c r="H2241" s="53"/>
      <c r="I2241" s="53"/>
      <c r="J2241" s="53"/>
      <c r="K2241" s="53"/>
      <c r="L2241" s="53"/>
      <c r="M2241" s="53"/>
      <c r="N2241" s="53"/>
      <c r="O2241" s="53"/>
      <c r="P2241" s="53"/>
      <c r="Q2241" s="53"/>
      <c r="R2241" s="53"/>
      <c r="S2241" s="53"/>
      <c r="T2241" s="53"/>
      <c r="U2241" s="53"/>
      <c r="V2241" s="53"/>
      <c r="W2241" s="53"/>
      <c r="X2241" s="53"/>
      <c r="Y2241" s="53"/>
      <c r="Z2241" s="53"/>
      <c r="AA2241" s="53"/>
      <c r="AB2241" s="53"/>
      <c r="AC2241" s="53"/>
      <c r="AD2241" s="53"/>
      <c r="AE2241" s="53"/>
      <c r="AF2241" s="53"/>
      <c r="AG2241" s="53"/>
      <c r="AH2241" s="53"/>
      <c r="AI2241" s="53"/>
      <c r="AJ2241" s="53"/>
      <c r="AK2241" s="53"/>
      <c r="AL2241" s="53"/>
      <c r="AM2241" s="53"/>
      <c r="AN2241" s="53"/>
      <c r="AO2241" s="53"/>
      <c r="AP2241" s="53"/>
      <c r="AQ2241" s="53"/>
      <c r="AR2241" s="53"/>
      <c r="AS2241" s="53"/>
      <c r="AT2241" s="53"/>
      <c r="AU2241" s="53"/>
      <c r="AV2241" s="53"/>
      <c r="AW2241" s="53"/>
      <c r="AX2241" s="53"/>
      <c r="AY2241" s="53"/>
      <c r="AZ2241" s="53"/>
      <c r="BA2241" s="53"/>
      <c r="BB2241" s="53"/>
      <c r="BC2241" s="53"/>
      <c r="BD2241" s="53"/>
      <c r="BE2241" s="53"/>
      <c r="BF2241" s="53"/>
      <c r="BG2241" s="53"/>
      <c r="BH2241" s="53"/>
      <c r="BI2241" s="53"/>
      <c r="BJ2241" s="53"/>
      <c r="BK2241" s="53"/>
      <c r="BL2241" s="53"/>
      <c r="BM2241" s="53"/>
      <c r="BN2241" s="53"/>
      <c r="BO2241" s="53"/>
      <c r="BP2241" s="53"/>
      <c r="BQ2241" s="53"/>
      <c r="BR2241" s="53"/>
      <c r="BS2241" s="53"/>
      <c r="BT2241" s="53"/>
      <c r="BU2241" s="53"/>
      <c r="BV2241" s="53"/>
      <c r="BW2241" s="53"/>
      <c r="BX2241" s="53"/>
      <c r="BY2241" s="53"/>
      <c r="BZ2241" s="53"/>
      <c r="CA2241" s="53"/>
      <c r="CB2241" s="53"/>
      <c r="CC2241" s="53"/>
      <c r="CD2241" s="53"/>
      <c r="CE2241" s="53"/>
      <c r="CF2241" s="53"/>
      <c r="CG2241" s="53"/>
      <c r="CH2241" s="53"/>
      <c r="CI2241" s="53"/>
      <c r="CJ2241" s="53"/>
      <c r="CK2241" s="53"/>
      <c r="CL2241" s="53"/>
      <c r="CM2241" s="53"/>
      <c r="CN2241" s="53"/>
    </row>
    <row r="2242" spans="1:92" outlineLevel="1">
      <c r="A2242" s="52" t="s">
        <v>649</v>
      </c>
      <c r="B2242" s="53"/>
      <c r="C2242" s="53"/>
      <c r="D2242" s="53">
        <v>-9115615.0960685201</v>
      </c>
      <c r="E2242" s="53"/>
      <c r="F2242" s="53"/>
      <c r="G2242" s="53"/>
      <c r="H2242" s="53"/>
      <c r="I2242" s="53"/>
      <c r="J2242" s="53"/>
      <c r="K2242" s="53"/>
      <c r="L2242" s="53"/>
      <c r="M2242" s="53"/>
      <c r="N2242" s="53">
        <v>-9115615.0960685201</v>
      </c>
      <c r="O2242" s="53"/>
      <c r="P2242" s="53"/>
      <c r="Q2242" s="53"/>
      <c r="R2242" s="53"/>
      <c r="S2242" s="53"/>
      <c r="T2242" s="53"/>
      <c r="U2242" s="53"/>
      <c r="V2242" s="53"/>
      <c r="W2242" s="53"/>
      <c r="X2242" s="53"/>
      <c r="Y2242" s="53"/>
      <c r="Z2242" s="53"/>
      <c r="AA2242" s="53"/>
      <c r="AB2242" s="53"/>
      <c r="AC2242" s="53"/>
      <c r="AD2242" s="53">
        <v>-9607062</v>
      </c>
      <c r="AE2242" s="53"/>
      <c r="AF2242" s="53"/>
      <c r="AG2242" s="53"/>
      <c r="AH2242" s="53"/>
      <c r="AI2242" s="53"/>
      <c r="AJ2242" s="53"/>
      <c r="AK2242" s="53"/>
      <c r="AL2242" s="53"/>
      <c r="AM2242" s="53"/>
      <c r="AN2242" s="53">
        <v>-9607062</v>
      </c>
      <c r="AO2242" s="53"/>
      <c r="AP2242" s="53"/>
      <c r="AQ2242" s="53">
        <v>-10062894.999999899</v>
      </c>
      <c r="AR2242" s="53"/>
      <c r="AS2242" s="53"/>
      <c r="AT2242" s="53"/>
      <c r="AU2242" s="53"/>
      <c r="AV2242" s="53"/>
      <c r="AW2242" s="53"/>
      <c r="AX2242" s="53"/>
      <c r="AY2242" s="53"/>
      <c r="AZ2242" s="53"/>
      <c r="BA2242" s="53">
        <v>-10062894.999999899</v>
      </c>
      <c r="BB2242" s="53"/>
      <c r="BC2242" s="53"/>
      <c r="BD2242" s="53">
        <v>-10062894</v>
      </c>
      <c r="BE2242" s="53"/>
      <c r="BF2242" s="53"/>
      <c r="BG2242" s="53"/>
      <c r="BH2242" s="53"/>
      <c r="BI2242" s="53"/>
      <c r="BJ2242" s="53"/>
      <c r="BK2242" s="53"/>
      <c r="BL2242" s="53"/>
      <c r="BM2242" s="53"/>
      <c r="BN2242" s="53">
        <v>-10062894</v>
      </c>
      <c r="BO2242" s="53"/>
      <c r="BP2242" s="53"/>
      <c r="BQ2242" s="53">
        <v>-10062894</v>
      </c>
      <c r="BR2242" s="53"/>
      <c r="BS2242" s="53"/>
      <c r="BT2242" s="53"/>
      <c r="BU2242" s="53"/>
      <c r="BV2242" s="53"/>
      <c r="BW2242" s="53"/>
      <c r="BX2242" s="53"/>
      <c r="BY2242" s="53"/>
      <c r="BZ2242" s="53"/>
      <c r="CA2242" s="53">
        <v>-10062894</v>
      </c>
      <c r="CB2242" s="53">
        <v>49399.371900826503</v>
      </c>
      <c r="CC2242" s="53">
        <v>49399.371900826402</v>
      </c>
      <c r="CD2242" s="53">
        <v>49399.371900826402</v>
      </c>
      <c r="CE2242" s="53">
        <v>49399.371900826402</v>
      </c>
      <c r="CF2242" s="53">
        <v>49399.371900826402</v>
      </c>
      <c r="CG2242" s="53">
        <v>49399.371900826402</v>
      </c>
      <c r="CH2242" s="53">
        <v>49399.371900826402</v>
      </c>
      <c r="CI2242" s="53">
        <v>49399.371900826402</v>
      </c>
      <c r="CJ2242" s="53">
        <v>49399.371900826402</v>
      </c>
      <c r="CK2242" s="53">
        <v>49399.371900826402</v>
      </c>
      <c r="CL2242" s="53">
        <v>49399.371900826503</v>
      </c>
      <c r="CM2242" s="53">
        <v>49399.371900826402</v>
      </c>
      <c r="CN2242" s="53">
        <v>592792.46280991798</v>
      </c>
    </row>
    <row r="2243" spans="1:92" outlineLevel="1">
      <c r="A2243" s="52" t="s">
        <v>1618</v>
      </c>
      <c r="B2243" s="53"/>
      <c r="C2243" s="53"/>
      <c r="D2243" s="53"/>
      <c r="E2243" s="53"/>
      <c r="F2243" s="53"/>
      <c r="G2243" s="53"/>
      <c r="H2243" s="53"/>
      <c r="I2243" s="53"/>
      <c r="J2243" s="53"/>
      <c r="K2243" s="53"/>
      <c r="L2243" s="53"/>
      <c r="M2243" s="53"/>
      <c r="N2243" s="53"/>
      <c r="O2243" s="53"/>
      <c r="P2243" s="53"/>
      <c r="Q2243" s="53"/>
      <c r="R2243" s="53"/>
      <c r="S2243" s="53"/>
      <c r="T2243" s="53"/>
      <c r="U2243" s="53"/>
      <c r="V2243" s="53"/>
      <c r="W2243" s="53"/>
      <c r="X2243" s="53"/>
      <c r="Y2243" s="53"/>
      <c r="Z2243" s="53"/>
      <c r="AA2243" s="53"/>
      <c r="AB2243" s="53"/>
      <c r="AC2243" s="53"/>
      <c r="AD2243" s="53"/>
      <c r="AE2243" s="53"/>
      <c r="AF2243" s="53"/>
      <c r="AG2243" s="53"/>
      <c r="AH2243" s="53"/>
      <c r="AI2243" s="53"/>
      <c r="AJ2243" s="53"/>
      <c r="AK2243" s="53"/>
      <c r="AL2243" s="53"/>
      <c r="AM2243" s="53"/>
      <c r="AN2243" s="53"/>
      <c r="AO2243" s="53"/>
      <c r="AP2243" s="53"/>
      <c r="AQ2243" s="53"/>
      <c r="AR2243" s="53"/>
      <c r="AS2243" s="53"/>
      <c r="AT2243" s="53"/>
      <c r="AU2243" s="53"/>
      <c r="AV2243" s="53"/>
      <c r="AW2243" s="53"/>
      <c r="AX2243" s="53"/>
      <c r="AY2243" s="53"/>
      <c r="AZ2243" s="53"/>
      <c r="BA2243" s="53"/>
      <c r="BB2243" s="53"/>
      <c r="BC2243" s="53"/>
      <c r="BD2243" s="53"/>
      <c r="BE2243" s="53"/>
      <c r="BF2243" s="53"/>
      <c r="BG2243" s="53"/>
      <c r="BH2243" s="53"/>
      <c r="BI2243" s="53"/>
      <c r="BJ2243" s="53"/>
      <c r="BK2243" s="53"/>
      <c r="BL2243" s="53"/>
      <c r="BM2243" s="53"/>
      <c r="BN2243" s="53"/>
      <c r="BO2243" s="53"/>
      <c r="BP2243" s="53"/>
      <c r="BQ2243" s="53"/>
      <c r="BR2243" s="53"/>
      <c r="BS2243" s="53"/>
      <c r="BT2243" s="53"/>
      <c r="BU2243" s="53"/>
      <c r="BV2243" s="53"/>
      <c r="BW2243" s="53"/>
      <c r="BX2243" s="53"/>
      <c r="BY2243" s="53"/>
      <c r="BZ2243" s="53"/>
      <c r="CA2243" s="53"/>
      <c r="CB2243" s="53">
        <v>13370.822605965401</v>
      </c>
      <c r="CC2243" s="53">
        <v>13370.822605965401</v>
      </c>
      <c r="CD2243" s="53">
        <v>13370.822605965401</v>
      </c>
      <c r="CE2243" s="53">
        <v>13370.822605965401</v>
      </c>
      <c r="CF2243" s="53">
        <v>13370.822605965401</v>
      </c>
      <c r="CG2243" s="53">
        <v>13370.822605965401</v>
      </c>
      <c r="CH2243" s="53">
        <v>13370.822605965401</v>
      </c>
      <c r="CI2243" s="53">
        <v>13370.822605965401</v>
      </c>
      <c r="CJ2243" s="53">
        <v>13370.822605965401</v>
      </c>
      <c r="CK2243" s="53">
        <v>13370.822605965401</v>
      </c>
      <c r="CL2243" s="53">
        <v>13370.822605965401</v>
      </c>
      <c r="CM2243" s="53">
        <v>13370.822605965401</v>
      </c>
      <c r="CN2243" s="53">
        <v>160449.871271585</v>
      </c>
    </row>
    <row r="2244" spans="1:92" outlineLevel="1">
      <c r="A2244" s="52" t="s">
        <v>649</v>
      </c>
      <c r="B2244" s="53"/>
      <c r="C2244" s="53"/>
      <c r="D2244" s="53">
        <v>-10815639.5637723</v>
      </c>
      <c r="E2244" s="53"/>
      <c r="F2244" s="53"/>
      <c r="G2244" s="53"/>
      <c r="H2244" s="53"/>
      <c r="I2244" s="53"/>
      <c r="J2244" s="53"/>
      <c r="K2244" s="53"/>
      <c r="L2244" s="53"/>
      <c r="M2244" s="53"/>
      <c r="N2244" s="53">
        <v>-10815639.5637723</v>
      </c>
      <c r="O2244" s="53"/>
      <c r="P2244" s="53"/>
      <c r="Q2244" s="53"/>
      <c r="R2244" s="53"/>
      <c r="S2244" s="53"/>
      <c r="T2244" s="53"/>
      <c r="U2244" s="53"/>
      <c r="V2244" s="53"/>
      <c r="W2244" s="53"/>
      <c r="X2244" s="53"/>
      <c r="Y2244" s="53"/>
      <c r="Z2244" s="53"/>
      <c r="AA2244" s="53"/>
      <c r="AB2244" s="53"/>
      <c r="AC2244" s="53"/>
      <c r="AD2244" s="53">
        <v>-5622279</v>
      </c>
      <c r="AE2244" s="53"/>
      <c r="AF2244" s="53"/>
      <c r="AG2244" s="53"/>
      <c r="AH2244" s="53"/>
      <c r="AI2244" s="53"/>
      <c r="AJ2244" s="53"/>
      <c r="AK2244" s="53"/>
      <c r="AL2244" s="53"/>
      <c r="AM2244" s="53"/>
      <c r="AN2244" s="53">
        <v>-5622279</v>
      </c>
      <c r="AO2244" s="53"/>
      <c r="AP2244" s="53"/>
      <c r="AQ2244" s="53">
        <v>-5682246.9999999898</v>
      </c>
      <c r="AR2244" s="53"/>
      <c r="AS2244" s="53"/>
      <c r="AT2244" s="53"/>
      <c r="AU2244" s="53"/>
      <c r="AV2244" s="53"/>
      <c r="AW2244" s="53"/>
      <c r="AX2244" s="53"/>
      <c r="AY2244" s="53"/>
      <c r="AZ2244" s="53"/>
      <c r="BA2244" s="53">
        <v>-5682246.9999999898</v>
      </c>
      <c r="BB2244" s="53"/>
      <c r="BC2244" s="53"/>
      <c r="BD2244" s="53">
        <v>-5682248</v>
      </c>
      <c r="BE2244" s="53"/>
      <c r="BF2244" s="53"/>
      <c r="BG2244" s="53"/>
      <c r="BH2244" s="53"/>
      <c r="BI2244" s="53"/>
      <c r="BJ2244" s="53"/>
      <c r="BK2244" s="53"/>
      <c r="BL2244" s="53"/>
      <c r="BM2244" s="53"/>
      <c r="BN2244" s="53">
        <v>-5682248</v>
      </c>
      <c r="BO2244" s="53"/>
      <c r="BP2244" s="53"/>
      <c r="BQ2244" s="53">
        <v>-5682248</v>
      </c>
      <c r="BR2244" s="53"/>
      <c r="BS2244" s="53"/>
      <c r="BT2244" s="53"/>
      <c r="BU2244" s="53"/>
      <c r="BV2244" s="53"/>
      <c r="BW2244" s="53"/>
      <c r="BX2244" s="53"/>
      <c r="BY2244" s="53"/>
      <c r="BZ2244" s="53"/>
      <c r="CA2244" s="53">
        <v>-5682248</v>
      </c>
      <c r="CB2244" s="53">
        <v>44991.872611464903</v>
      </c>
      <c r="CC2244" s="53">
        <v>44991.872611464903</v>
      </c>
      <c r="CD2244" s="53">
        <v>44991.872611464903</v>
      </c>
      <c r="CE2244" s="53">
        <v>44991.872611464903</v>
      </c>
      <c r="CF2244" s="53">
        <v>44991.872611464903</v>
      </c>
      <c r="CG2244" s="53">
        <v>44991.872611464903</v>
      </c>
      <c r="CH2244" s="53">
        <v>44991.872611464903</v>
      </c>
      <c r="CI2244" s="53">
        <v>44991.872611464903</v>
      </c>
      <c r="CJ2244" s="53">
        <v>44991.872611464903</v>
      </c>
      <c r="CK2244" s="53">
        <v>44991.872611464903</v>
      </c>
      <c r="CL2244" s="53">
        <v>44991.872611464903</v>
      </c>
      <c r="CM2244" s="53">
        <v>44991.872611464903</v>
      </c>
      <c r="CN2244" s="53">
        <v>539902.47133757896</v>
      </c>
    </row>
    <row r="2245" spans="1:92" outlineLevel="1">
      <c r="A2245" s="52" t="s">
        <v>1619</v>
      </c>
      <c r="B2245" s="53"/>
      <c r="C2245" s="53"/>
      <c r="D2245" s="53"/>
      <c r="E2245" s="53"/>
      <c r="F2245" s="53"/>
      <c r="G2245" s="53"/>
      <c r="H2245" s="53"/>
      <c r="I2245" s="53"/>
      <c r="J2245" s="53"/>
      <c r="K2245" s="53"/>
      <c r="L2245" s="53"/>
      <c r="M2245" s="53"/>
      <c r="N2245" s="53"/>
      <c r="O2245" s="53"/>
      <c r="P2245" s="53"/>
      <c r="Q2245" s="53"/>
      <c r="R2245" s="53"/>
      <c r="S2245" s="53"/>
      <c r="T2245" s="53"/>
      <c r="U2245" s="53"/>
      <c r="V2245" s="53"/>
      <c r="W2245" s="53"/>
      <c r="X2245" s="53"/>
      <c r="Y2245" s="53"/>
      <c r="Z2245" s="53"/>
      <c r="AA2245" s="53"/>
      <c r="AB2245" s="53"/>
      <c r="AC2245" s="53"/>
      <c r="AD2245" s="53"/>
      <c r="AE2245" s="53"/>
      <c r="AF2245" s="53"/>
      <c r="AG2245" s="53"/>
      <c r="AH2245" s="53"/>
      <c r="AI2245" s="53"/>
      <c r="AJ2245" s="53"/>
      <c r="AK2245" s="53"/>
      <c r="AL2245" s="53"/>
      <c r="AM2245" s="53"/>
      <c r="AN2245" s="53"/>
      <c r="AO2245" s="53"/>
      <c r="AP2245" s="53"/>
      <c r="AQ2245" s="53"/>
      <c r="AR2245" s="53"/>
      <c r="AS2245" s="53"/>
      <c r="AT2245" s="53"/>
      <c r="AU2245" s="53"/>
      <c r="AV2245" s="53"/>
      <c r="AW2245" s="53"/>
      <c r="AX2245" s="53"/>
      <c r="AY2245" s="53"/>
      <c r="AZ2245" s="53"/>
      <c r="BA2245" s="53"/>
      <c r="BB2245" s="53"/>
      <c r="BC2245" s="53"/>
      <c r="BD2245" s="53"/>
      <c r="BE2245" s="53"/>
      <c r="BF2245" s="53"/>
      <c r="BG2245" s="53"/>
      <c r="BH2245" s="53"/>
      <c r="BI2245" s="53"/>
      <c r="BJ2245" s="53"/>
      <c r="BK2245" s="53"/>
      <c r="BL2245" s="53"/>
      <c r="BM2245" s="53"/>
      <c r="BN2245" s="53"/>
      <c r="BO2245" s="53"/>
      <c r="BP2245" s="53"/>
      <c r="BQ2245" s="53"/>
      <c r="BR2245" s="53"/>
      <c r="BS2245" s="53"/>
      <c r="BT2245" s="53"/>
      <c r="BU2245" s="53"/>
      <c r="BV2245" s="53"/>
      <c r="BW2245" s="53"/>
      <c r="BX2245" s="53"/>
      <c r="BY2245" s="53"/>
      <c r="BZ2245" s="53"/>
      <c r="CA2245" s="53"/>
      <c r="CB2245" s="53">
        <v>52157.242105263002</v>
      </c>
      <c r="CC2245" s="53">
        <v>52157.242105263002</v>
      </c>
      <c r="CD2245" s="53">
        <v>52157.242105263103</v>
      </c>
      <c r="CE2245" s="53">
        <v>52157.242105263002</v>
      </c>
      <c r="CF2245" s="53">
        <v>52157.242105263002</v>
      </c>
      <c r="CG2245" s="53">
        <v>52157.242105263002</v>
      </c>
      <c r="CH2245" s="53">
        <v>52157.242105263103</v>
      </c>
      <c r="CI2245" s="53">
        <v>52157.242105263002</v>
      </c>
      <c r="CJ2245" s="53">
        <v>52157.242105263002</v>
      </c>
      <c r="CK2245" s="53">
        <v>52157.242105263002</v>
      </c>
      <c r="CL2245" s="53">
        <v>52157.242105263002</v>
      </c>
      <c r="CM2245" s="53">
        <v>52157.242105263002</v>
      </c>
      <c r="CN2245" s="53">
        <v>625886.90526315698</v>
      </c>
    </row>
    <row r="2246" spans="1:92" outlineLevel="1">
      <c r="A2246" s="52" t="s">
        <v>649</v>
      </c>
      <c r="B2246" s="53"/>
      <c r="C2246" s="53"/>
      <c r="D2246" s="53">
        <v>-2387928.1803206801</v>
      </c>
      <c r="E2246" s="53"/>
      <c r="F2246" s="53"/>
      <c r="G2246" s="53"/>
      <c r="H2246" s="53"/>
      <c r="I2246" s="53"/>
      <c r="J2246" s="53"/>
      <c r="K2246" s="53"/>
      <c r="L2246" s="53"/>
      <c r="M2246" s="53"/>
      <c r="N2246" s="53">
        <v>-2387928.1803206801</v>
      </c>
      <c r="O2246" s="53"/>
      <c r="P2246" s="53"/>
      <c r="Q2246" s="53">
        <v>-3909498.2472000001</v>
      </c>
      <c r="R2246" s="53"/>
      <c r="S2246" s="53"/>
      <c r="T2246" s="53"/>
      <c r="U2246" s="53"/>
      <c r="V2246" s="53"/>
      <c r="W2246" s="53"/>
      <c r="X2246" s="53"/>
      <c r="Y2246" s="53"/>
      <c r="Z2246" s="53"/>
      <c r="AA2246" s="53">
        <v>-3909498.2472000001</v>
      </c>
      <c r="AB2246" s="53"/>
      <c r="AC2246" s="53"/>
      <c r="AD2246" s="53">
        <v>-1212377.78999999</v>
      </c>
      <c r="AE2246" s="53"/>
      <c r="AF2246" s="53"/>
      <c r="AG2246" s="53"/>
      <c r="AH2246" s="53"/>
      <c r="AI2246" s="53"/>
      <c r="AJ2246" s="53"/>
      <c r="AK2246" s="53"/>
      <c r="AL2246" s="53"/>
      <c r="AM2246" s="53"/>
      <c r="AN2246" s="53">
        <v>-1212377.78999999</v>
      </c>
      <c r="AO2246" s="53"/>
      <c r="AP2246" s="53"/>
      <c r="AQ2246" s="53">
        <v>-1257473.6199999901</v>
      </c>
      <c r="AR2246" s="53"/>
      <c r="AS2246" s="53"/>
      <c r="AT2246" s="53"/>
      <c r="AU2246" s="53"/>
      <c r="AV2246" s="53"/>
      <c r="AW2246" s="53"/>
      <c r="AX2246" s="53"/>
      <c r="AY2246" s="53"/>
      <c r="AZ2246" s="53"/>
      <c r="BA2246" s="53">
        <v>-1257473.6199999901</v>
      </c>
      <c r="BB2246" s="53"/>
      <c r="BC2246" s="53"/>
      <c r="BD2246" s="53">
        <v>-1257473.6200000001</v>
      </c>
      <c r="BE2246" s="53"/>
      <c r="BF2246" s="53"/>
      <c r="BG2246" s="53"/>
      <c r="BH2246" s="53"/>
      <c r="BI2246" s="53"/>
      <c r="BJ2246" s="53"/>
      <c r="BK2246" s="53"/>
      <c r="BL2246" s="53"/>
      <c r="BM2246" s="53"/>
      <c r="BN2246" s="53">
        <v>-1257473.6200000001</v>
      </c>
      <c r="BO2246" s="53"/>
      <c r="BP2246" s="53"/>
      <c r="BQ2246" s="53">
        <v>-1257473.6200000001</v>
      </c>
      <c r="BR2246" s="53"/>
      <c r="BS2246" s="53"/>
      <c r="BT2246" s="53"/>
      <c r="BU2246" s="53"/>
      <c r="BV2246" s="53"/>
      <c r="BW2246" s="53"/>
      <c r="BX2246" s="53"/>
      <c r="BY2246" s="53"/>
      <c r="BZ2246" s="53"/>
      <c r="CA2246" s="53">
        <v>-1257473.6200000001</v>
      </c>
      <c r="CB2246" s="53"/>
      <c r="CC2246" s="53"/>
      <c r="CD2246" s="53"/>
      <c r="CE2246" s="53"/>
      <c r="CF2246" s="53"/>
      <c r="CG2246" s="53"/>
      <c r="CH2246" s="53"/>
      <c r="CI2246" s="53"/>
      <c r="CJ2246" s="53"/>
      <c r="CK2246" s="53"/>
      <c r="CL2246" s="53"/>
      <c r="CM2246" s="53"/>
      <c r="CN2246" s="53"/>
    </row>
    <row r="2247" spans="1:92" outlineLevel="1">
      <c r="A2247" s="52" t="s">
        <v>1620</v>
      </c>
      <c r="B2247" s="53"/>
      <c r="C2247" s="53"/>
      <c r="D2247" s="53"/>
      <c r="E2247" s="53"/>
      <c r="F2247" s="53"/>
      <c r="G2247" s="53"/>
      <c r="H2247" s="53"/>
      <c r="I2247" s="53"/>
      <c r="J2247" s="53"/>
      <c r="K2247" s="53"/>
      <c r="L2247" s="53"/>
      <c r="M2247" s="53"/>
      <c r="N2247" s="53"/>
      <c r="O2247" s="53"/>
      <c r="P2247" s="53"/>
      <c r="Q2247" s="53"/>
      <c r="R2247" s="53"/>
      <c r="S2247" s="53"/>
      <c r="T2247" s="53"/>
      <c r="U2247" s="53"/>
      <c r="V2247" s="53"/>
      <c r="W2247" s="53"/>
      <c r="X2247" s="53"/>
      <c r="Y2247" s="53"/>
      <c r="Z2247" s="53"/>
      <c r="AA2247" s="53"/>
      <c r="AB2247" s="53"/>
      <c r="AC2247" s="53"/>
      <c r="AD2247" s="53"/>
      <c r="AE2247" s="53"/>
      <c r="AF2247" s="53"/>
      <c r="AG2247" s="53"/>
      <c r="AH2247" s="53"/>
      <c r="AI2247" s="53"/>
      <c r="AJ2247" s="53"/>
      <c r="AK2247" s="53"/>
      <c r="AL2247" s="53"/>
      <c r="AM2247" s="53"/>
      <c r="AN2247" s="53"/>
      <c r="AO2247" s="53"/>
      <c r="AP2247" s="53"/>
      <c r="AQ2247" s="53"/>
      <c r="AR2247" s="53"/>
      <c r="AS2247" s="53"/>
      <c r="AT2247" s="53"/>
      <c r="AU2247" s="53"/>
      <c r="AV2247" s="53"/>
      <c r="AW2247" s="53"/>
      <c r="AX2247" s="53"/>
      <c r="AY2247" s="53"/>
      <c r="AZ2247" s="53"/>
      <c r="BA2247" s="53"/>
      <c r="BB2247" s="53"/>
      <c r="BC2247" s="53"/>
      <c r="BD2247" s="53"/>
      <c r="BE2247" s="53"/>
      <c r="BF2247" s="53"/>
      <c r="BG2247" s="53"/>
      <c r="BH2247" s="53"/>
      <c r="BI2247" s="53"/>
      <c r="BJ2247" s="53"/>
      <c r="BK2247" s="53"/>
      <c r="BL2247" s="53"/>
      <c r="BM2247" s="53"/>
      <c r="BN2247" s="53"/>
      <c r="BO2247" s="53"/>
      <c r="BP2247" s="53"/>
      <c r="BQ2247" s="53"/>
      <c r="BR2247" s="53"/>
      <c r="BS2247" s="53"/>
      <c r="BT2247" s="53"/>
      <c r="BU2247" s="53"/>
      <c r="BV2247" s="53"/>
      <c r="BW2247" s="53"/>
      <c r="BX2247" s="53"/>
      <c r="BY2247" s="53"/>
      <c r="BZ2247" s="53"/>
      <c r="CA2247" s="53"/>
      <c r="CB2247" s="53">
        <v>38996.049261083703</v>
      </c>
      <c r="CC2247" s="53">
        <v>38996.049261083703</v>
      </c>
      <c r="CD2247" s="53">
        <v>38996.049261083703</v>
      </c>
      <c r="CE2247" s="53">
        <v>38996.049261083703</v>
      </c>
      <c r="CF2247" s="53">
        <v>38996.049261083703</v>
      </c>
      <c r="CG2247" s="53">
        <v>38996.049261083703</v>
      </c>
      <c r="CH2247" s="53">
        <v>38996.049261083703</v>
      </c>
      <c r="CI2247" s="53">
        <v>38996.049261083703</v>
      </c>
      <c r="CJ2247" s="53">
        <v>38996.049261083703</v>
      </c>
      <c r="CK2247" s="53">
        <v>38996.049261083703</v>
      </c>
      <c r="CL2247" s="53">
        <v>38996.049261083703</v>
      </c>
      <c r="CM2247" s="53">
        <v>38996.049261083703</v>
      </c>
      <c r="CN2247" s="53">
        <v>467952.591133004</v>
      </c>
    </row>
    <row r="2248" spans="1:92" outlineLevel="1">
      <c r="A2248" s="52" t="s">
        <v>649</v>
      </c>
      <c r="B2248" s="53"/>
      <c r="C2248" s="53"/>
      <c r="D2248" s="53">
        <v>-1185029.9624888999</v>
      </c>
      <c r="E2248" s="53"/>
      <c r="F2248" s="53"/>
      <c r="G2248" s="53"/>
      <c r="H2248" s="53"/>
      <c r="I2248" s="53"/>
      <c r="J2248" s="53"/>
      <c r="K2248" s="53"/>
      <c r="L2248" s="53"/>
      <c r="M2248" s="53"/>
      <c r="N2248" s="53">
        <v>-1185029.9624888999</v>
      </c>
      <c r="O2248" s="53"/>
      <c r="P2248" s="53"/>
      <c r="Q2248" s="53"/>
      <c r="R2248" s="53"/>
      <c r="S2248" s="53"/>
      <c r="T2248" s="53"/>
      <c r="U2248" s="53"/>
      <c r="V2248" s="53"/>
      <c r="W2248" s="53"/>
      <c r="X2248" s="53"/>
      <c r="Y2248" s="53"/>
      <c r="Z2248" s="53"/>
      <c r="AA2248" s="53"/>
      <c r="AB2248" s="53"/>
      <c r="AC2248" s="53"/>
      <c r="AD2248" s="53">
        <v>-1248918.06</v>
      </c>
      <c r="AE2248" s="53"/>
      <c r="AF2248" s="53"/>
      <c r="AG2248" s="53"/>
      <c r="AH2248" s="53"/>
      <c r="AI2248" s="53"/>
      <c r="AJ2248" s="53"/>
      <c r="AK2248" s="53"/>
      <c r="AL2248" s="53"/>
      <c r="AM2248" s="53"/>
      <c r="AN2248" s="53">
        <v>-1248918.06</v>
      </c>
      <c r="AO2248" s="53"/>
      <c r="AP2248" s="53"/>
      <c r="AQ2248" s="53">
        <v>-1308176.3499999901</v>
      </c>
      <c r="AR2248" s="53"/>
      <c r="AS2248" s="53"/>
      <c r="AT2248" s="53"/>
      <c r="AU2248" s="53"/>
      <c r="AV2248" s="53"/>
      <c r="AW2248" s="53"/>
      <c r="AX2248" s="53"/>
      <c r="AY2248" s="53"/>
      <c r="AZ2248" s="53"/>
      <c r="BA2248" s="53">
        <v>-1308176.3499999901</v>
      </c>
      <c r="BB2248" s="53"/>
      <c r="BC2248" s="53"/>
      <c r="BD2248" s="53">
        <v>-1308176.22</v>
      </c>
      <c r="BE2248" s="53"/>
      <c r="BF2248" s="53"/>
      <c r="BG2248" s="53"/>
      <c r="BH2248" s="53"/>
      <c r="BI2248" s="53"/>
      <c r="BJ2248" s="53"/>
      <c r="BK2248" s="53"/>
      <c r="BL2248" s="53"/>
      <c r="BM2248" s="53"/>
      <c r="BN2248" s="53">
        <v>-1308176.22</v>
      </c>
      <c r="BO2248" s="53"/>
      <c r="BP2248" s="53"/>
      <c r="BQ2248" s="53">
        <v>-1308176.22</v>
      </c>
      <c r="BR2248" s="53"/>
      <c r="BS2248" s="53"/>
      <c r="BT2248" s="53"/>
      <c r="BU2248" s="53"/>
      <c r="BV2248" s="53"/>
      <c r="BW2248" s="53"/>
      <c r="BX2248" s="53"/>
      <c r="BY2248" s="53"/>
      <c r="BZ2248" s="53"/>
      <c r="CA2248" s="53">
        <v>-1308176.22</v>
      </c>
      <c r="CB2248" s="53">
        <v>48595.514644351497</v>
      </c>
      <c r="CC2248" s="53">
        <v>48595.514644351497</v>
      </c>
      <c r="CD2248" s="53">
        <v>48595.514644351497</v>
      </c>
      <c r="CE2248" s="53">
        <v>48595.514644351497</v>
      </c>
      <c r="CF2248" s="53">
        <v>48595.514644351497</v>
      </c>
      <c r="CG2248" s="53">
        <v>48595.514644351497</v>
      </c>
      <c r="CH2248" s="53">
        <v>48595.514644351497</v>
      </c>
      <c r="CI2248" s="53">
        <v>48595.514644351497</v>
      </c>
      <c r="CJ2248" s="53">
        <v>48595.514644351497</v>
      </c>
      <c r="CK2248" s="53">
        <v>48595.514644351497</v>
      </c>
      <c r="CL2248" s="53">
        <v>48595.514644351497</v>
      </c>
      <c r="CM2248" s="53">
        <v>48595.514644351497</v>
      </c>
      <c r="CN2248" s="53">
        <v>583146.17573221796</v>
      </c>
    </row>
    <row r="2249" spans="1:92" outlineLevel="1">
      <c r="A2249" s="52" t="s">
        <v>1621</v>
      </c>
      <c r="B2249" s="53"/>
      <c r="C2249" s="53"/>
      <c r="D2249" s="53"/>
      <c r="E2249" s="53"/>
      <c r="F2249" s="53"/>
      <c r="G2249" s="53"/>
      <c r="H2249" s="53"/>
      <c r="I2249" s="53"/>
      <c r="J2249" s="53"/>
      <c r="K2249" s="53"/>
      <c r="L2249" s="53"/>
      <c r="M2249" s="53"/>
      <c r="N2249" s="53"/>
      <c r="O2249" s="53"/>
      <c r="P2249" s="53"/>
      <c r="Q2249" s="53"/>
      <c r="R2249" s="53"/>
      <c r="S2249" s="53"/>
      <c r="T2249" s="53"/>
      <c r="U2249" s="53"/>
      <c r="V2249" s="53"/>
      <c r="W2249" s="53"/>
      <c r="X2249" s="53"/>
      <c r="Y2249" s="53"/>
      <c r="Z2249" s="53"/>
      <c r="AA2249" s="53"/>
      <c r="AB2249" s="53"/>
      <c r="AC2249" s="53"/>
      <c r="AD2249" s="53"/>
      <c r="AE2249" s="53"/>
      <c r="AF2249" s="53"/>
      <c r="AG2249" s="53"/>
      <c r="AH2249" s="53"/>
      <c r="AI2249" s="53"/>
      <c r="AJ2249" s="53"/>
      <c r="AK2249" s="53"/>
      <c r="AL2249" s="53"/>
      <c r="AM2249" s="53"/>
      <c r="AN2249" s="53"/>
      <c r="AO2249" s="53"/>
      <c r="AP2249" s="53"/>
      <c r="AQ2249" s="53"/>
      <c r="AR2249" s="53"/>
      <c r="AS2249" s="53"/>
      <c r="AT2249" s="53"/>
      <c r="AU2249" s="53"/>
      <c r="AV2249" s="53"/>
      <c r="AW2249" s="53"/>
      <c r="AX2249" s="53"/>
      <c r="AY2249" s="53"/>
      <c r="AZ2249" s="53"/>
      <c r="BA2249" s="53"/>
      <c r="BB2249" s="53"/>
      <c r="BC2249" s="53"/>
      <c r="BD2249" s="53"/>
      <c r="BE2249" s="53"/>
      <c r="BF2249" s="53"/>
      <c r="BG2249" s="53"/>
      <c r="BH2249" s="53"/>
      <c r="BI2249" s="53"/>
      <c r="BJ2249" s="53"/>
      <c r="BK2249" s="53"/>
      <c r="BL2249" s="53"/>
      <c r="BM2249" s="53"/>
      <c r="BN2249" s="53"/>
      <c r="BO2249" s="53"/>
      <c r="BP2249" s="53"/>
      <c r="BQ2249" s="53"/>
      <c r="BR2249" s="53"/>
      <c r="BS2249" s="53"/>
      <c r="BT2249" s="53"/>
      <c r="BU2249" s="53"/>
      <c r="BV2249" s="53"/>
      <c r="BW2249" s="53"/>
      <c r="BX2249" s="53"/>
      <c r="BY2249" s="53"/>
      <c r="BZ2249" s="53"/>
      <c r="CA2249" s="53"/>
      <c r="CB2249" s="53">
        <v>16652.086230876201</v>
      </c>
      <c r="CC2249" s="53">
        <v>16652.086230876201</v>
      </c>
      <c r="CD2249" s="53">
        <v>16652.086230876201</v>
      </c>
      <c r="CE2249" s="53">
        <v>16652.086230876201</v>
      </c>
      <c r="CF2249" s="53">
        <v>16652.086230876201</v>
      </c>
      <c r="CG2249" s="53">
        <v>16652.086230876201</v>
      </c>
      <c r="CH2249" s="53">
        <v>16652.086230876201</v>
      </c>
      <c r="CI2249" s="53">
        <v>16652.086230876201</v>
      </c>
      <c r="CJ2249" s="53">
        <v>16652.086230876201</v>
      </c>
      <c r="CK2249" s="53">
        <v>16652.086230876201</v>
      </c>
      <c r="CL2249" s="53">
        <v>16652.086230876201</v>
      </c>
      <c r="CM2249" s="53">
        <v>16652.086230876201</v>
      </c>
      <c r="CN2249" s="53">
        <v>199825.034770514</v>
      </c>
    </row>
    <row r="2250" spans="1:92" outlineLevel="1">
      <c r="A2250" s="52" t="s">
        <v>649</v>
      </c>
      <c r="B2250" s="53"/>
      <c r="C2250" s="53"/>
      <c r="D2250" s="53">
        <v>-1406033.1432904</v>
      </c>
      <c r="E2250" s="53"/>
      <c r="F2250" s="53"/>
      <c r="G2250" s="53"/>
      <c r="H2250" s="53"/>
      <c r="I2250" s="53"/>
      <c r="J2250" s="53"/>
      <c r="K2250" s="53"/>
      <c r="L2250" s="53"/>
      <c r="M2250" s="53"/>
      <c r="N2250" s="53">
        <v>-1406033.1432904</v>
      </c>
      <c r="O2250" s="53"/>
      <c r="P2250" s="53"/>
      <c r="Q2250" s="53"/>
      <c r="R2250" s="53"/>
      <c r="S2250" s="53"/>
      <c r="T2250" s="53"/>
      <c r="U2250" s="53"/>
      <c r="V2250" s="53"/>
      <c r="W2250" s="53"/>
      <c r="X2250" s="53"/>
      <c r="Y2250" s="53"/>
      <c r="Z2250" s="53"/>
      <c r="AA2250" s="53"/>
      <c r="AB2250" s="53"/>
      <c r="AC2250" s="53"/>
      <c r="AD2250" s="53">
        <v>-730896.27</v>
      </c>
      <c r="AE2250" s="53"/>
      <c r="AF2250" s="53"/>
      <c r="AG2250" s="53"/>
      <c r="AH2250" s="53"/>
      <c r="AI2250" s="53"/>
      <c r="AJ2250" s="53"/>
      <c r="AK2250" s="53"/>
      <c r="AL2250" s="53"/>
      <c r="AM2250" s="53"/>
      <c r="AN2250" s="53">
        <v>-730896.27</v>
      </c>
      <c r="AO2250" s="53"/>
      <c r="AP2250" s="53"/>
      <c r="AQ2250" s="53">
        <v>-738692.11</v>
      </c>
      <c r="AR2250" s="53"/>
      <c r="AS2250" s="53"/>
      <c r="AT2250" s="53"/>
      <c r="AU2250" s="53"/>
      <c r="AV2250" s="53"/>
      <c r="AW2250" s="53"/>
      <c r="AX2250" s="53"/>
      <c r="AY2250" s="53"/>
      <c r="AZ2250" s="53"/>
      <c r="BA2250" s="53">
        <v>-738692.11</v>
      </c>
      <c r="BB2250" s="53"/>
      <c r="BC2250" s="53"/>
      <c r="BD2250" s="53">
        <v>-738692.24</v>
      </c>
      <c r="BE2250" s="53"/>
      <c r="BF2250" s="53"/>
      <c r="BG2250" s="53"/>
      <c r="BH2250" s="53"/>
      <c r="BI2250" s="53"/>
      <c r="BJ2250" s="53"/>
      <c r="BK2250" s="53"/>
      <c r="BL2250" s="53"/>
      <c r="BM2250" s="53"/>
      <c r="BN2250" s="53">
        <v>-738692.24</v>
      </c>
      <c r="BO2250" s="53"/>
      <c r="BP2250" s="53"/>
      <c r="BQ2250" s="53">
        <v>-738692.24</v>
      </c>
      <c r="BR2250" s="53"/>
      <c r="BS2250" s="53"/>
      <c r="BT2250" s="53"/>
      <c r="BU2250" s="53"/>
      <c r="BV2250" s="53"/>
      <c r="BW2250" s="53"/>
      <c r="BX2250" s="53"/>
      <c r="BY2250" s="53"/>
      <c r="BZ2250" s="53"/>
      <c r="CA2250" s="53">
        <v>-738692.24</v>
      </c>
      <c r="CB2250" s="53">
        <v>24699.6859504118</v>
      </c>
      <c r="CC2250" s="53">
        <v>74099.057851238307</v>
      </c>
      <c r="CD2250" s="53">
        <v>123498.429752064</v>
      </c>
      <c r="CE2250" s="53">
        <v>172897.80165289101</v>
      </c>
      <c r="CF2250" s="53">
        <v>222297.173553717</v>
      </c>
      <c r="CG2250" s="53">
        <v>271696.54545454402</v>
      </c>
      <c r="CH2250" s="53">
        <v>321095.91735537001</v>
      </c>
      <c r="CI2250" s="53">
        <v>370495.28925619699</v>
      </c>
      <c r="CJ2250" s="53">
        <v>419894.66115702299</v>
      </c>
      <c r="CK2250" s="53">
        <v>469294.03305785003</v>
      </c>
      <c r="CL2250" s="53">
        <v>518693.40495867602</v>
      </c>
      <c r="CM2250" s="53">
        <v>568092.77685950301</v>
      </c>
      <c r="CN2250" s="53">
        <v>568092.77685950301</v>
      </c>
    </row>
    <row r="2251" spans="1:92" outlineLevel="1">
      <c r="A2251" s="52" t="s">
        <v>672</v>
      </c>
      <c r="B2251" s="53"/>
      <c r="C2251" s="53"/>
      <c r="D2251" s="53"/>
      <c r="E2251" s="53"/>
      <c r="F2251" s="53"/>
      <c r="G2251" s="53"/>
      <c r="H2251" s="53"/>
      <c r="I2251" s="53"/>
      <c r="J2251" s="53"/>
      <c r="K2251" s="53"/>
      <c r="L2251" s="53"/>
      <c r="M2251" s="53"/>
      <c r="N2251" s="53"/>
      <c r="O2251" s="53"/>
      <c r="P2251" s="53"/>
      <c r="Q2251" s="53"/>
      <c r="R2251" s="53"/>
      <c r="S2251" s="53"/>
      <c r="T2251" s="53"/>
      <c r="U2251" s="53"/>
      <c r="V2251" s="53"/>
      <c r="W2251" s="53"/>
      <c r="X2251" s="53"/>
      <c r="Y2251" s="53"/>
      <c r="Z2251" s="53"/>
      <c r="AA2251" s="53"/>
      <c r="AB2251" s="53"/>
      <c r="AC2251" s="53"/>
      <c r="AD2251" s="53"/>
      <c r="AE2251" s="53"/>
      <c r="AF2251" s="53"/>
      <c r="AG2251" s="53"/>
      <c r="AH2251" s="53"/>
      <c r="AI2251" s="53"/>
      <c r="AJ2251" s="53"/>
      <c r="AK2251" s="53"/>
      <c r="AL2251" s="53"/>
      <c r="AM2251" s="53"/>
      <c r="AN2251" s="53"/>
      <c r="AO2251" s="53"/>
      <c r="AP2251" s="53"/>
      <c r="AQ2251" s="53"/>
      <c r="AR2251" s="53"/>
      <c r="AS2251" s="53"/>
      <c r="AT2251" s="53"/>
      <c r="AU2251" s="53"/>
      <c r="AV2251" s="53"/>
      <c r="AW2251" s="53"/>
      <c r="AX2251" s="53"/>
      <c r="AY2251" s="53"/>
      <c r="AZ2251" s="53"/>
      <c r="BA2251" s="53"/>
      <c r="BB2251" s="53"/>
      <c r="BC2251" s="53"/>
      <c r="BD2251" s="53"/>
      <c r="BE2251" s="53"/>
      <c r="BF2251" s="53"/>
      <c r="BG2251" s="53"/>
      <c r="BH2251" s="53"/>
      <c r="BI2251" s="53"/>
      <c r="BJ2251" s="53"/>
      <c r="BK2251" s="53"/>
      <c r="BL2251" s="53"/>
      <c r="BM2251" s="53"/>
      <c r="BN2251" s="53"/>
      <c r="BO2251" s="53"/>
      <c r="BP2251" s="53"/>
      <c r="BQ2251" s="53"/>
      <c r="BR2251" s="53"/>
      <c r="BS2251" s="53"/>
      <c r="BT2251" s="53"/>
      <c r="BU2251" s="53"/>
      <c r="BV2251" s="53"/>
      <c r="BW2251" s="53"/>
      <c r="BX2251" s="53"/>
      <c r="BY2251" s="53"/>
      <c r="BZ2251" s="53"/>
      <c r="CA2251" s="53"/>
      <c r="CB2251" s="53">
        <v>0</v>
      </c>
      <c r="CC2251" s="53">
        <v>0</v>
      </c>
      <c r="CD2251" s="53">
        <v>0</v>
      </c>
      <c r="CE2251" s="53">
        <v>0</v>
      </c>
      <c r="CF2251" s="53">
        <v>0</v>
      </c>
      <c r="CG2251" s="53">
        <v>0</v>
      </c>
      <c r="CH2251" s="53">
        <v>0</v>
      </c>
      <c r="CI2251" s="53">
        <v>0</v>
      </c>
      <c r="CJ2251" s="53">
        <v>0</v>
      </c>
      <c r="CK2251" s="53">
        <v>0</v>
      </c>
      <c r="CL2251" s="53">
        <v>0</v>
      </c>
      <c r="CM2251" s="53">
        <v>0</v>
      </c>
      <c r="CN2251" s="53">
        <v>0</v>
      </c>
    </row>
    <row r="2252" spans="1:92" outlineLevel="1">
      <c r="A2252" s="52" t="s">
        <v>1615</v>
      </c>
      <c r="B2252" s="53"/>
      <c r="C2252" s="53"/>
      <c r="D2252" s="53"/>
      <c r="E2252" s="53"/>
      <c r="F2252" s="53"/>
      <c r="G2252" s="53"/>
      <c r="H2252" s="53"/>
      <c r="I2252" s="53"/>
      <c r="J2252" s="53"/>
      <c r="K2252" s="53"/>
      <c r="L2252" s="53"/>
      <c r="M2252" s="53"/>
      <c r="N2252" s="53"/>
      <c r="O2252" s="53"/>
      <c r="P2252" s="53"/>
      <c r="Q2252" s="53"/>
      <c r="R2252" s="53"/>
      <c r="S2252" s="53"/>
      <c r="T2252" s="53"/>
      <c r="U2252" s="53"/>
      <c r="V2252" s="53"/>
      <c r="W2252" s="53"/>
      <c r="X2252" s="53"/>
      <c r="Y2252" s="53"/>
      <c r="Z2252" s="53"/>
      <c r="AA2252" s="53"/>
      <c r="AB2252" s="53"/>
      <c r="AC2252" s="53"/>
      <c r="AD2252" s="53"/>
      <c r="AE2252" s="53"/>
      <c r="AF2252" s="53"/>
      <c r="AG2252" s="53"/>
      <c r="AH2252" s="53"/>
      <c r="AI2252" s="53"/>
      <c r="AJ2252" s="53"/>
      <c r="AK2252" s="53"/>
      <c r="AL2252" s="53"/>
      <c r="AM2252" s="53"/>
      <c r="AN2252" s="53"/>
      <c r="AO2252" s="53"/>
      <c r="AP2252" s="53"/>
      <c r="AQ2252" s="53"/>
      <c r="AR2252" s="53"/>
      <c r="AS2252" s="53"/>
      <c r="AT2252" s="53"/>
      <c r="AU2252" s="53"/>
      <c r="AV2252" s="53"/>
      <c r="AW2252" s="53"/>
      <c r="AX2252" s="53"/>
      <c r="AY2252" s="53"/>
      <c r="AZ2252" s="53"/>
      <c r="BA2252" s="53"/>
      <c r="BB2252" s="53"/>
      <c r="BC2252" s="53"/>
      <c r="BD2252" s="53"/>
      <c r="BE2252" s="53"/>
      <c r="BF2252" s="53"/>
      <c r="BG2252" s="53"/>
      <c r="BH2252" s="53"/>
      <c r="BI2252" s="53"/>
      <c r="BJ2252" s="53"/>
      <c r="BK2252" s="53"/>
      <c r="BL2252" s="53"/>
      <c r="BM2252" s="53"/>
      <c r="BN2252" s="53"/>
      <c r="BO2252" s="53"/>
      <c r="BP2252" s="53"/>
      <c r="BQ2252" s="53"/>
      <c r="BR2252" s="53"/>
      <c r="BS2252" s="53"/>
      <c r="BT2252" s="53"/>
      <c r="BU2252" s="53"/>
      <c r="BV2252" s="53"/>
      <c r="BW2252" s="53"/>
      <c r="BX2252" s="53"/>
      <c r="BY2252" s="53"/>
      <c r="BZ2252" s="53"/>
      <c r="CA2252" s="53"/>
      <c r="CB2252" s="53">
        <v>0</v>
      </c>
      <c r="CC2252" s="53">
        <v>0</v>
      </c>
      <c r="CD2252" s="53">
        <v>0</v>
      </c>
      <c r="CE2252" s="53">
        <v>0</v>
      </c>
      <c r="CF2252" s="53">
        <v>0</v>
      </c>
      <c r="CG2252" s="53">
        <v>0</v>
      </c>
      <c r="CH2252" s="53">
        <v>0</v>
      </c>
      <c r="CI2252" s="53">
        <v>0</v>
      </c>
      <c r="CJ2252" s="53">
        <v>0</v>
      </c>
      <c r="CK2252" s="53">
        <v>0</v>
      </c>
      <c r="CL2252" s="53">
        <v>0</v>
      </c>
      <c r="CM2252" s="53">
        <v>0</v>
      </c>
      <c r="CN2252" s="53">
        <v>0</v>
      </c>
    </row>
    <row r="2253" spans="1:92" outlineLevel="1">
      <c r="A2253" s="52" t="s">
        <v>1622</v>
      </c>
      <c r="B2253" s="53"/>
      <c r="C2253" s="53"/>
      <c r="D2253" s="53"/>
      <c r="E2253" s="53"/>
      <c r="F2253" s="53"/>
      <c r="G2253" s="53"/>
      <c r="H2253" s="53"/>
      <c r="I2253" s="53"/>
      <c r="J2253" s="53"/>
      <c r="K2253" s="53"/>
      <c r="L2253" s="53"/>
      <c r="M2253" s="53"/>
      <c r="N2253" s="53"/>
      <c r="O2253" s="53"/>
      <c r="P2253" s="53"/>
      <c r="Q2253" s="53"/>
      <c r="R2253" s="53"/>
      <c r="S2253" s="53"/>
      <c r="T2253" s="53"/>
      <c r="U2253" s="53"/>
      <c r="V2253" s="53"/>
      <c r="W2253" s="53"/>
      <c r="X2253" s="53"/>
      <c r="Y2253" s="53"/>
      <c r="Z2253" s="53"/>
      <c r="AA2253" s="53"/>
      <c r="AB2253" s="53"/>
      <c r="AC2253" s="53"/>
      <c r="AD2253" s="53"/>
      <c r="AE2253" s="53"/>
      <c r="AF2253" s="53"/>
      <c r="AG2253" s="53"/>
      <c r="AH2253" s="53"/>
      <c r="AI2253" s="53"/>
      <c r="AJ2253" s="53"/>
      <c r="AK2253" s="53"/>
      <c r="AL2253" s="53"/>
      <c r="AM2253" s="53"/>
      <c r="AN2253" s="53"/>
      <c r="AO2253" s="53"/>
      <c r="AP2253" s="53"/>
      <c r="AQ2253" s="53"/>
      <c r="AR2253" s="53"/>
      <c r="AS2253" s="53"/>
      <c r="AT2253" s="53"/>
      <c r="AU2253" s="53"/>
      <c r="AV2253" s="53"/>
      <c r="AW2253" s="53"/>
      <c r="AX2253" s="53"/>
      <c r="AY2253" s="53"/>
      <c r="AZ2253" s="53"/>
      <c r="BA2253" s="53"/>
      <c r="BB2253" s="53"/>
      <c r="BC2253" s="53"/>
      <c r="BD2253" s="53"/>
      <c r="BE2253" s="53"/>
      <c r="BF2253" s="53"/>
      <c r="BG2253" s="53"/>
      <c r="BH2253" s="53"/>
      <c r="BI2253" s="53"/>
      <c r="BJ2253" s="53"/>
      <c r="BK2253" s="53"/>
      <c r="BL2253" s="53"/>
      <c r="BM2253" s="53"/>
      <c r="BN2253" s="53"/>
      <c r="BO2253" s="53"/>
      <c r="BP2253" s="53"/>
      <c r="BQ2253" s="53"/>
      <c r="BR2253" s="53"/>
      <c r="BS2253" s="53"/>
      <c r="BT2253" s="53"/>
      <c r="BU2253" s="53"/>
      <c r="BV2253" s="53"/>
      <c r="BW2253" s="53"/>
      <c r="BX2253" s="53"/>
      <c r="BY2253" s="53"/>
      <c r="BZ2253" s="53"/>
      <c r="CA2253" s="53"/>
      <c r="CB2253" s="53">
        <v>0</v>
      </c>
      <c r="CC2253" s="53">
        <v>0</v>
      </c>
      <c r="CD2253" s="53">
        <v>0</v>
      </c>
      <c r="CE2253" s="53">
        <v>0</v>
      </c>
      <c r="CF2253" s="53">
        <v>0</v>
      </c>
      <c r="CG2253" s="53">
        <v>0</v>
      </c>
      <c r="CH2253" s="53">
        <v>0</v>
      </c>
      <c r="CI2253" s="53">
        <v>0</v>
      </c>
      <c r="CJ2253" s="53">
        <v>0</v>
      </c>
      <c r="CK2253" s="53">
        <v>0</v>
      </c>
      <c r="CL2253" s="53">
        <v>0</v>
      </c>
      <c r="CM2253" s="53">
        <v>0</v>
      </c>
      <c r="CN2253" s="53">
        <v>0</v>
      </c>
    </row>
    <row r="2254" spans="1:92" outlineLevel="1">
      <c r="A2254" s="52" t="s">
        <v>649</v>
      </c>
      <c r="B2254" s="53">
        <v>1992746.08333332</v>
      </c>
      <c r="C2254" s="53">
        <v>1992746.08333332</v>
      </c>
      <c r="D2254" s="53">
        <v>1992746.08333332</v>
      </c>
      <c r="E2254" s="53">
        <v>1992746.08333332</v>
      </c>
      <c r="F2254" s="53">
        <v>1992746.08333332</v>
      </c>
      <c r="G2254" s="53">
        <v>1992746.08333332</v>
      </c>
      <c r="H2254" s="53">
        <v>1992746.08333332</v>
      </c>
      <c r="I2254" s="53">
        <v>1992746.08333332</v>
      </c>
      <c r="J2254" s="53">
        <v>1992746.08333332</v>
      </c>
      <c r="K2254" s="53">
        <v>1992746.08333332</v>
      </c>
      <c r="L2254" s="53">
        <v>1992746.08333332</v>
      </c>
      <c r="M2254" s="53">
        <v>1992746.08333332</v>
      </c>
      <c r="N2254" s="53">
        <v>23912952.999999799</v>
      </c>
      <c r="O2254" s="53">
        <v>732992</v>
      </c>
      <c r="P2254" s="53">
        <v>746864</v>
      </c>
      <c r="Q2254" s="53">
        <v>753263</v>
      </c>
      <c r="R2254" s="53">
        <v>759019</v>
      </c>
      <c r="S2254" s="53">
        <v>752356</v>
      </c>
      <c r="T2254" s="53">
        <v>896129</v>
      </c>
      <c r="U2254" s="53">
        <v>767722</v>
      </c>
      <c r="V2254" s="53">
        <v>754615</v>
      </c>
      <c r="W2254" s="53">
        <v>750330</v>
      </c>
      <c r="X2254" s="53">
        <v>754157</v>
      </c>
      <c r="Y2254" s="53">
        <v>759561</v>
      </c>
      <c r="Z2254" s="53">
        <v>898975</v>
      </c>
      <c r="AA2254" s="53">
        <v>9325983</v>
      </c>
      <c r="AB2254" s="53">
        <v>761409</v>
      </c>
      <c r="AC2254" s="53">
        <v>775439</v>
      </c>
      <c r="AD2254" s="53">
        <v>783671</v>
      </c>
      <c r="AE2254" s="53">
        <v>789011</v>
      </c>
      <c r="AF2254" s="53">
        <v>900671</v>
      </c>
      <c r="AG2254" s="53">
        <v>813488</v>
      </c>
      <c r="AH2254" s="53">
        <v>796944</v>
      </c>
      <c r="AI2254" s="53">
        <v>784000</v>
      </c>
      <c r="AJ2254" s="53">
        <v>779402</v>
      </c>
      <c r="AK2254" s="53">
        <v>781156</v>
      </c>
      <c r="AL2254" s="53">
        <v>899467</v>
      </c>
      <c r="AM2254" s="53">
        <v>808216</v>
      </c>
      <c r="AN2254" s="53">
        <v>9672874</v>
      </c>
      <c r="AO2254" s="53">
        <v>806072.83333333302</v>
      </c>
      <c r="AP2254" s="53">
        <v>806072.83333333302</v>
      </c>
      <c r="AQ2254" s="53">
        <v>806072.83333333302</v>
      </c>
      <c r="AR2254" s="53">
        <v>806072.83333333302</v>
      </c>
      <c r="AS2254" s="53">
        <v>806072.83333333302</v>
      </c>
      <c r="AT2254" s="53">
        <v>806072.83333333302</v>
      </c>
      <c r="AU2254" s="53">
        <v>806072.83333333302</v>
      </c>
      <c r="AV2254" s="53">
        <v>806072.83333333302</v>
      </c>
      <c r="AW2254" s="53">
        <v>806072.83333333302</v>
      </c>
      <c r="AX2254" s="53">
        <v>806072.83333333302</v>
      </c>
      <c r="AY2254" s="53">
        <v>806072.83333333302</v>
      </c>
      <c r="AZ2254" s="53">
        <v>806072.83333333302</v>
      </c>
      <c r="BA2254" s="53">
        <v>9672874</v>
      </c>
      <c r="BB2254" s="53">
        <v>806072.83333333302</v>
      </c>
      <c r="BC2254" s="53">
        <v>806072.83333333302</v>
      </c>
      <c r="BD2254" s="53">
        <v>806072.83333333302</v>
      </c>
      <c r="BE2254" s="53">
        <v>806072.83333333302</v>
      </c>
      <c r="BF2254" s="53">
        <v>806072.83333333302</v>
      </c>
      <c r="BG2254" s="53">
        <v>806072.83333333302</v>
      </c>
      <c r="BH2254" s="53">
        <v>806072.83333333302</v>
      </c>
      <c r="BI2254" s="53">
        <v>806072.83333333302</v>
      </c>
      <c r="BJ2254" s="53">
        <v>806072.83333333302</v>
      </c>
      <c r="BK2254" s="53">
        <v>806072.83333333302</v>
      </c>
      <c r="BL2254" s="53">
        <v>806072.83333333302</v>
      </c>
      <c r="BM2254" s="53">
        <v>806072.83333333302</v>
      </c>
      <c r="BN2254" s="53">
        <v>9672874</v>
      </c>
      <c r="BO2254" s="53">
        <v>806072.83333333302</v>
      </c>
      <c r="BP2254" s="53">
        <v>806072.83333333302</v>
      </c>
      <c r="BQ2254" s="53">
        <v>806072.83333333302</v>
      </c>
      <c r="BR2254" s="53">
        <v>806072.83333333302</v>
      </c>
      <c r="BS2254" s="53">
        <v>806072.83333333302</v>
      </c>
      <c r="BT2254" s="53">
        <v>806072.83333333302</v>
      </c>
      <c r="BU2254" s="53">
        <v>806072.83333333302</v>
      </c>
      <c r="BV2254" s="53">
        <v>806072.83333333302</v>
      </c>
      <c r="BW2254" s="53">
        <v>806072.83333333302</v>
      </c>
      <c r="BX2254" s="53">
        <v>806072.83333333302</v>
      </c>
      <c r="BY2254" s="53">
        <v>806072.83333333302</v>
      </c>
      <c r="BZ2254" s="53">
        <v>806072.83333333302</v>
      </c>
      <c r="CA2254" s="53">
        <v>9672874</v>
      </c>
      <c r="CB2254" s="53">
        <v>0</v>
      </c>
      <c r="CC2254" s="53">
        <v>0</v>
      </c>
      <c r="CD2254" s="53">
        <v>0</v>
      </c>
      <c r="CE2254" s="53">
        <v>0</v>
      </c>
      <c r="CF2254" s="53">
        <v>0</v>
      </c>
      <c r="CG2254" s="53">
        <v>0</v>
      </c>
      <c r="CH2254" s="53">
        <v>0</v>
      </c>
      <c r="CI2254" s="53">
        <v>0</v>
      </c>
      <c r="CJ2254" s="53">
        <v>0</v>
      </c>
      <c r="CK2254" s="53">
        <v>0</v>
      </c>
      <c r="CL2254" s="53">
        <v>0</v>
      </c>
      <c r="CM2254" s="53">
        <v>0</v>
      </c>
      <c r="CN2254" s="53">
        <v>0</v>
      </c>
    </row>
    <row r="2255" spans="1:92" outlineLevel="1">
      <c r="A2255" s="52" t="s">
        <v>1623</v>
      </c>
      <c r="B2255" s="53"/>
      <c r="C2255" s="53"/>
      <c r="D2255" s="53"/>
      <c r="E2255" s="53"/>
      <c r="F2255" s="53"/>
      <c r="G2255" s="53"/>
      <c r="H2255" s="53"/>
      <c r="I2255" s="53"/>
      <c r="J2255" s="53"/>
      <c r="K2255" s="53"/>
      <c r="L2255" s="53"/>
      <c r="M2255" s="53"/>
      <c r="N2255" s="53"/>
      <c r="O2255" s="53"/>
      <c r="P2255" s="53"/>
      <c r="Q2255" s="53"/>
      <c r="R2255" s="53"/>
      <c r="S2255" s="53"/>
      <c r="T2255" s="53"/>
      <c r="U2255" s="53"/>
      <c r="V2255" s="53"/>
      <c r="W2255" s="53"/>
      <c r="X2255" s="53"/>
      <c r="Y2255" s="53"/>
      <c r="Z2255" s="53"/>
      <c r="AA2255" s="53"/>
      <c r="AB2255" s="53"/>
      <c r="AC2255" s="53"/>
      <c r="AD2255" s="53"/>
      <c r="AE2255" s="53"/>
      <c r="AF2255" s="53"/>
      <c r="AG2255" s="53"/>
      <c r="AH2255" s="53"/>
      <c r="AI2255" s="53"/>
      <c r="AJ2255" s="53"/>
      <c r="AK2255" s="53"/>
      <c r="AL2255" s="53"/>
      <c r="AM2255" s="53"/>
      <c r="AN2255" s="53"/>
      <c r="AO2255" s="53"/>
      <c r="AP2255" s="53"/>
      <c r="AQ2255" s="53"/>
      <c r="AR2255" s="53"/>
      <c r="AS2255" s="53"/>
      <c r="AT2255" s="53"/>
      <c r="AU2255" s="53"/>
      <c r="AV2255" s="53"/>
      <c r="AW2255" s="53"/>
      <c r="AX2255" s="53"/>
      <c r="AY2255" s="53"/>
      <c r="AZ2255" s="53"/>
      <c r="BA2255" s="53"/>
      <c r="BB2255" s="53"/>
      <c r="BC2255" s="53"/>
      <c r="BD2255" s="53"/>
      <c r="BE2255" s="53"/>
      <c r="BF2255" s="53"/>
      <c r="BG2255" s="53"/>
      <c r="BH2255" s="53"/>
      <c r="BI2255" s="53"/>
      <c r="BJ2255" s="53"/>
      <c r="BK2255" s="53"/>
      <c r="BL2255" s="53"/>
      <c r="BM2255" s="53"/>
      <c r="BN2255" s="53"/>
      <c r="BO2255" s="53"/>
      <c r="BP2255" s="53"/>
      <c r="BQ2255" s="53"/>
      <c r="BR2255" s="53"/>
      <c r="BS2255" s="53"/>
      <c r="BT2255" s="53"/>
      <c r="BU2255" s="53"/>
      <c r="BV2255" s="53"/>
      <c r="BW2255" s="53"/>
      <c r="BX2255" s="53"/>
      <c r="BY2255" s="53"/>
      <c r="BZ2255" s="53"/>
      <c r="CA2255" s="53"/>
      <c r="CB2255" s="53">
        <v>4801848.42396338</v>
      </c>
      <c r="CC2255" s="53">
        <v>654857419.82140899</v>
      </c>
      <c r="CD2255" s="53">
        <v>654939489.29314804</v>
      </c>
      <c r="CE2255" s="53">
        <v>655021738.04035401</v>
      </c>
      <c r="CF2255" s="53">
        <v>654680330.72704101</v>
      </c>
      <c r="CG2255" s="53">
        <v>654336528.03028405</v>
      </c>
      <c r="CH2255" s="53">
        <v>653990310.34353399</v>
      </c>
      <c r="CI2255" s="53">
        <v>653641662.95551598</v>
      </c>
      <c r="CJ2255" s="53">
        <v>653290571.06534004</v>
      </c>
      <c r="CK2255" s="53">
        <v>652937019.78195202</v>
      </c>
      <c r="CL2255" s="53">
        <v>652580994.12358904</v>
      </c>
      <c r="CM2255" s="53">
        <v>652222479.017223</v>
      </c>
      <c r="CN2255" s="53">
        <v>4801848.42396338</v>
      </c>
    </row>
    <row r="2256" spans="1:92" outlineLevel="1">
      <c r="A2256" s="52" t="s">
        <v>649</v>
      </c>
      <c r="B2256" s="53"/>
      <c r="C2256" s="53"/>
      <c r="D2256" s="53"/>
      <c r="E2256" s="53"/>
      <c r="F2256" s="53"/>
      <c r="G2256" s="53"/>
      <c r="H2256" s="53"/>
      <c r="I2256" s="53"/>
      <c r="J2256" s="53"/>
      <c r="K2256" s="53"/>
      <c r="L2256" s="53"/>
      <c r="M2256" s="53"/>
      <c r="N2256" s="53"/>
      <c r="O2256" s="53">
        <v>804163</v>
      </c>
      <c r="P2256" s="53">
        <v>858562</v>
      </c>
      <c r="Q2256" s="53">
        <v>855481</v>
      </c>
      <c r="R2256" s="53">
        <v>831116</v>
      </c>
      <c r="S2256" s="53">
        <v>823382</v>
      </c>
      <c r="T2256" s="53">
        <v>878777</v>
      </c>
      <c r="U2256" s="53">
        <v>765162</v>
      </c>
      <c r="V2256" s="53">
        <v>766313</v>
      </c>
      <c r="W2256" s="53">
        <v>746586</v>
      </c>
      <c r="X2256" s="53">
        <v>767535</v>
      </c>
      <c r="Y2256" s="53">
        <v>737556</v>
      </c>
      <c r="Z2256" s="53">
        <v>772429</v>
      </c>
      <c r="AA2256" s="53">
        <v>9607062</v>
      </c>
      <c r="AB2256" s="53">
        <v>777882</v>
      </c>
      <c r="AC2256" s="53">
        <v>818227</v>
      </c>
      <c r="AD2256" s="53">
        <v>834389</v>
      </c>
      <c r="AE2256" s="53">
        <v>856023</v>
      </c>
      <c r="AF2256" s="53">
        <v>862806</v>
      </c>
      <c r="AG2256" s="53">
        <v>920512</v>
      </c>
      <c r="AH2256" s="53">
        <v>822671</v>
      </c>
      <c r="AI2256" s="53">
        <v>831782</v>
      </c>
      <c r="AJ2256" s="53">
        <v>824462</v>
      </c>
      <c r="AK2256" s="53">
        <v>841941</v>
      </c>
      <c r="AL2256" s="53">
        <v>831614</v>
      </c>
      <c r="AM2256" s="53">
        <v>840586</v>
      </c>
      <c r="AN2256" s="53">
        <v>10062895</v>
      </c>
      <c r="AO2256" s="53">
        <v>838574.5</v>
      </c>
      <c r="AP2256" s="53">
        <v>838574.5</v>
      </c>
      <c r="AQ2256" s="53">
        <v>838574.5</v>
      </c>
      <c r="AR2256" s="53">
        <v>838574.5</v>
      </c>
      <c r="AS2256" s="53">
        <v>838574.5</v>
      </c>
      <c r="AT2256" s="53">
        <v>838574.5</v>
      </c>
      <c r="AU2256" s="53">
        <v>838574.5</v>
      </c>
      <c r="AV2256" s="53">
        <v>838574.5</v>
      </c>
      <c r="AW2256" s="53">
        <v>838574.5</v>
      </c>
      <c r="AX2256" s="53">
        <v>838574.5</v>
      </c>
      <c r="AY2256" s="53">
        <v>838574.5</v>
      </c>
      <c r="AZ2256" s="53">
        <v>838574.5</v>
      </c>
      <c r="BA2256" s="53">
        <v>10062894</v>
      </c>
      <c r="BB2256" s="53">
        <v>838574.5</v>
      </c>
      <c r="BC2256" s="53">
        <v>838574.5</v>
      </c>
      <c r="BD2256" s="53">
        <v>838574.5</v>
      </c>
      <c r="BE2256" s="53">
        <v>838574.5</v>
      </c>
      <c r="BF2256" s="53">
        <v>838574.5</v>
      </c>
      <c r="BG2256" s="53">
        <v>838574.5</v>
      </c>
      <c r="BH2256" s="53">
        <v>838574.5</v>
      </c>
      <c r="BI2256" s="53">
        <v>838574.5</v>
      </c>
      <c r="BJ2256" s="53">
        <v>838574.5</v>
      </c>
      <c r="BK2256" s="53">
        <v>838574.5</v>
      </c>
      <c r="BL2256" s="53">
        <v>838574.5</v>
      </c>
      <c r="BM2256" s="53">
        <v>838574.5</v>
      </c>
      <c r="BN2256" s="53">
        <v>10062894</v>
      </c>
      <c r="BO2256" s="53">
        <v>838574.5</v>
      </c>
      <c r="BP2256" s="53">
        <v>838574.5</v>
      </c>
      <c r="BQ2256" s="53">
        <v>838574.5</v>
      </c>
      <c r="BR2256" s="53">
        <v>838574.5</v>
      </c>
      <c r="BS2256" s="53">
        <v>838574.5</v>
      </c>
      <c r="BT2256" s="53">
        <v>838574.5</v>
      </c>
      <c r="BU2256" s="53">
        <v>838574.5</v>
      </c>
      <c r="BV2256" s="53">
        <v>838574.5</v>
      </c>
      <c r="BW2256" s="53">
        <v>838574.5</v>
      </c>
      <c r="BX2256" s="53">
        <v>838574.5</v>
      </c>
      <c r="BY2256" s="53">
        <v>838574.5</v>
      </c>
      <c r="BZ2256" s="53">
        <v>838574.5</v>
      </c>
      <c r="CA2256" s="53">
        <v>10062894</v>
      </c>
      <c r="CB2256" s="53"/>
      <c r="CC2256" s="53"/>
      <c r="CD2256" s="53"/>
      <c r="CE2256" s="53"/>
      <c r="CF2256" s="53"/>
      <c r="CG2256" s="53"/>
      <c r="CH2256" s="53"/>
      <c r="CI2256" s="53"/>
      <c r="CJ2256" s="53"/>
      <c r="CK2256" s="53"/>
      <c r="CL2256" s="53"/>
      <c r="CM2256" s="53"/>
      <c r="CN2256" s="53"/>
    </row>
    <row r="2257" spans="1:92" outlineLevel="1">
      <c r="A2257" s="52" t="s">
        <v>1624</v>
      </c>
      <c r="B2257" s="53"/>
      <c r="C2257" s="53"/>
      <c r="D2257" s="53"/>
      <c r="E2257" s="53"/>
      <c r="F2257" s="53"/>
      <c r="G2257" s="53"/>
      <c r="H2257" s="53"/>
      <c r="I2257" s="53"/>
      <c r="J2257" s="53"/>
      <c r="K2257" s="53"/>
      <c r="L2257" s="53"/>
      <c r="M2257" s="53"/>
      <c r="N2257" s="53"/>
      <c r="O2257" s="53"/>
      <c r="P2257" s="53"/>
      <c r="Q2257" s="53"/>
      <c r="R2257" s="53"/>
      <c r="S2257" s="53"/>
      <c r="T2257" s="53"/>
      <c r="U2257" s="53"/>
      <c r="V2257" s="53"/>
      <c r="W2257" s="53"/>
      <c r="X2257" s="53"/>
      <c r="Y2257" s="53"/>
      <c r="Z2257" s="53"/>
      <c r="AA2257" s="53"/>
      <c r="AB2257" s="53"/>
      <c r="AC2257" s="53"/>
      <c r="AD2257" s="53"/>
      <c r="AE2257" s="53"/>
      <c r="AF2257" s="53"/>
      <c r="AG2257" s="53"/>
      <c r="AH2257" s="53"/>
      <c r="AI2257" s="53"/>
      <c r="AJ2257" s="53"/>
      <c r="AK2257" s="53"/>
      <c r="AL2257" s="53"/>
      <c r="AM2257" s="53"/>
      <c r="AN2257" s="53"/>
      <c r="AO2257" s="53"/>
      <c r="AP2257" s="53"/>
      <c r="AQ2257" s="53"/>
      <c r="AR2257" s="53"/>
      <c r="AS2257" s="53"/>
      <c r="AT2257" s="53"/>
      <c r="AU2257" s="53"/>
      <c r="AV2257" s="53"/>
      <c r="AW2257" s="53"/>
      <c r="AX2257" s="53"/>
      <c r="AY2257" s="53"/>
      <c r="AZ2257" s="53"/>
      <c r="BA2257" s="53"/>
      <c r="BB2257" s="53"/>
      <c r="BC2257" s="53"/>
      <c r="BD2257" s="53"/>
      <c r="BE2257" s="53"/>
      <c r="BF2257" s="53"/>
      <c r="BG2257" s="53"/>
      <c r="BH2257" s="53"/>
      <c r="BI2257" s="53"/>
      <c r="BJ2257" s="53"/>
      <c r="BK2257" s="53"/>
      <c r="BL2257" s="53"/>
      <c r="BM2257" s="53"/>
      <c r="BN2257" s="53"/>
      <c r="BO2257" s="53"/>
      <c r="BP2257" s="53"/>
      <c r="BQ2257" s="53"/>
      <c r="BR2257" s="53"/>
      <c r="BS2257" s="53"/>
      <c r="BT2257" s="53"/>
      <c r="BU2257" s="53"/>
      <c r="BV2257" s="53"/>
      <c r="BW2257" s="53"/>
      <c r="BX2257" s="53"/>
      <c r="BY2257" s="53"/>
      <c r="BZ2257" s="53"/>
      <c r="CA2257" s="53"/>
      <c r="CB2257" s="53"/>
      <c r="CC2257" s="53"/>
      <c r="CD2257" s="53"/>
      <c r="CE2257" s="53"/>
      <c r="CF2257" s="53"/>
      <c r="CG2257" s="53"/>
      <c r="CH2257" s="53"/>
      <c r="CI2257" s="53"/>
      <c r="CJ2257" s="53"/>
      <c r="CK2257" s="53"/>
      <c r="CL2257" s="53"/>
      <c r="CM2257" s="53"/>
      <c r="CN2257" s="53"/>
    </row>
    <row r="2258" spans="1:92" outlineLevel="1">
      <c r="A2258" s="52" t="s">
        <v>649</v>
      </c>
      <c r="B2258" s="53"/>
      <c r="C2258" s="53"/>
      <c r="D2258" s="53"/>
      <c r="E2258" s="53"/>
      <c r="F2258" s="53"/>
      <c r="G2258" s="53"/>
      <c r="H2258" s="53"/>
      <c r="I2258" s="53"/>
      <c r="J2258" s="53"/>
      <c r="K2258" s="53"/>
      <c r="L2258" s="53"/>
      <c r="M2258" s="53"/>
      <c r="N2258" s="53"/>
      <c r="O2258" s="53">
        <v>448280</v>
      </c>
      <c r="P2258" s="53">
        <v>476052</v>
      </c>
      <c r="Q2258" s="53">
        <v>479119</v>
      </c>
      <c r="R2258" s="53">
        <v>472183</v>
      </c>
      <c r="S2258" s="53">
        <v>477885</v>
      </c>
      <c r="T2258" s="53">
        <v>489781</v>
      </c>
      <c r="U2258" s="53">
        <v>460934</v>
      </c>
      <c r="V2258" s="53">
        <v>482100</v>
      </c>
      <c r="W2258" s="53">
        <v>465006</v>
      </c>
      <c r="X2258" s="53">
        <v>484372</v>
      </c>
      <c r="Y2258" s="53">
        <v>453530</v>
      </c>
      <c r="Z2258" s="53">
        <v>433037</v>
      </c>
      <c r="AA2258" s="53">
        <v>5622279</v>
      </c>
      <c r="AB2258" s="53">
        <v>452857</v>
      </c>
      <c r="AC2258" s="53">
        <v>480629</v>
      </c>
      <c r="AD2258" s="53">
        <v>484771</v>
      </c>
      <c r="AE2258" s="53">
        <v>477098</v>
      </c>
      <c r="AF2258" s="53">
        <v>499524</v>
      </c>
      <c r="AG2258" s="53">
        <v>478537</v>
      </c>
      <c r="AH2258" s="53">
        <v>465849</v>
      </c>
      <c r="AI2258" s="53">
        <v>487016</v>
      </c>
      <c r="AJ2258" s="53">
        <v>469921</v>
      </c>
      <c r="AK2258" s="53">
        <v>489288</v>
      </c>
      <c r="AL2258" s="53">
        <v>475180</v>
      </c>
      <c r="AM2258" s="53">
        <v>421577</v>
      </c>
      <c r="AN2258" s="53">
        <v>5682247</v>
      </c>
      <c r="AO2258" s="53">
        <v>473520.66666666599</v>
      </c>
      <c r="AP2258" s="53">
        <v>473520.66666666599</v>
      </c>
      <c r="AQ2258" s="53">
        <v>473520.66666666599</v>
      </c>
      <c r="AR2258" s="53">
        <v>473520.66666666599</v>
      </c>
      <c r="AS2258" s="53">
        <v>473520.66666666599</v>
      </c>
      <c r="AT2258" s="53">
        <v>473520.66666666599</v>
      </c>
      <c r="AU2258" s="53">
        <v>473520.66666666599</v>
      </c>
      <c r="AV2258" s="53">
        <v>473520.66666666599</v>
      </c>
      <c r="AW2258" s="53">
        <v>473520.66666666599</v>
      </c>
      <c r="AX2258" s="53">
        <v>473520.66666666599</v>
      </c>
      <c r="AY2258" s="53">
        <v>473520.66666666599</v>
      </c>
      <c r="AZ2258" s="53">
        <v>473520.66666666599</v>
      </c>
      <c r="BA2258" s="53">
        <v>5682247.9999999898</v>
      </c>
      <c r="BB2258" s="53">
        <v>473520.66666666599</v>
      </c>
      <c r="BC2258" s="53">
        <v>473520.66666666599</v>
      </c>
      <c r="BD2258" s="53">
        <v>473520.66666666599</v>
      </c>
      <c r="BE2258" s="53">
        <v>473520.66666666599</v>
      </c>
      <c r="BF2258" s="53">
        <v>473520.66666666599</v>
      </c>
      <c r="BG2258" s="53">
        <v>473520.66666666599</v>
      </c>
      <c r="BH2258" s="53">
        <v>473520.66666666599</v>
      </c>
      <c r="BI2258" s="53">
        <v>473520.66666666599</v>
      </c>
      <c r="BJ2258" s="53">
        <v>473520.66666666599</v>
      </c>
      <c r="BK2258" s="53">
        <v>473520.66666666599</v>
      </c>
      <c r="BL2258" s="53">
        <v>473520.66666666599</v>
      </c>
      <c r="BM2258" s="53">
        <v>473520.66666666599</v>
      </c>
      <c r="BN2258" s="53">
        <v>5682247.9999999898</v>
      </c>
      <c r="BO2258" s="53">
        <v>473520.66666666599</v>
      </c>
      <c r="BP2258" s="53">
        <v>473520.66666666599</v>
      </c>
      <c r="BQ2258" s="53">
        <v>473520.66666666599</v>
      </c>
      <c r="BR2258" s="53">
        <v>473520.66666666599</v>
      </c>
      <c r="BS2258" s="53">
        <v>473520.66666666599</v>
      </c>
      <c r="BT2258" s="53">
        <v>473520.66666666599</v>
      </c>
      <c r="BU2258" s="53">
        <v>473520.66666666599</v>
      </c>
      <c r="BV2258" s="53">
        <v>473520.66666666599</v>
      </c>
      <c r="BW2258" s="53">
        <v>473520.66666666599</v>
      </c>
      <c r="BX2258" s="53">
        <v>473520.66666666599</v>
      </c>
      <c r="BY2258" s="53">
        <v>473520.66666666599</v>
      </c>
      <c r="BZ2258" s="53">
        <v>473520.66666666599</v>
      </c>
      <c r="CA2258" s="53">
        <v>5682247.9999999898</v>
      </c>
      <c r="CB2258" s="53"/>
      <c r="CC2258" s="53"/>
      <c r="CD2258" s="53"/>
      <c r="CE2258" s="53"/>
      <c r="CF2258" s="53"/>
      <c r="CG2258" s="53"/>
      <c r="CH2258" s="53"/>
      <c r="CI2258" s="53"/>
      <c r="CJ2258" s="53"/>
      <c r="CK2258" s="53"/>
      <c r="CL2258" s="53"/>
      <c r="CM2258" s="53"/>
      <c r="CN2258" s="53"/>
    </row>
    <row r="2259" spans="1:92" outlineLevel="1">
      <c r="A2259" s="52" t="s">
        <v>1625</v>
      </c>
      <c r="B2259" s="53"/>
      <c r="C2259" s="53"/>
      <c r="D2259" s="53"/>
      <c r="E2259" s="53"/>
      <c r="F2259" s="53"/>
      <c r="G2259" s="53"/>
      <c r="H2259" s="53"/>
      <c r="I2259" s="53"/>
      <c r="J2259" s="53"/>
      <c r="K2259" s="53"/>
      <c r="L2259" s="53"/>
      <c r="M2259" s="53"/>
      <c r="N2259" s="53"/>
      <c r="O2259" s="53"/>
      <c r="P2259" s="53"/>
      <c r="Q2259" s="53"/>
      <c r="R2259" s="53"/>
      <c r="S2259" s="53"/>
      <c r="T2259" s="53"/>
      <c r="U2259" s="53"/>
      <c r="V2259" s="53"/>
      <c r="W2259" s="53"/>
      <c r="X2259" s="53"/>
      <c r="Y2259" s="53"/>
      <c r="Z2259" s="53"/>
      <c r="AA2259" s="53"/>
      <c r="AB2259" s="53"/>
      <c r="AC2259" s="53"/>
      <c r="AD2259" s="53"/>
      <c r="AE2259" s="53"/>
      <c r="AF2259" s="53"/>
      <c r="AG2259" s="53"/>
      <c r="AH2259" s="53"/>
      <c r="AI2259" s="53"/>
      <c r="AJ2259" s="53"/>
      <c r="AK2259" s="53"/>
      <c r="AL2259" s="53"/>
      <c r="AM2259" s="53"/>
      <c r="AN2259" s="53"/>
      <c r="AO2259" s="53"/>
      <c r="AP2259" s="53"/>
      <c r="AQ2259" s="53"/>
      <c r="AR2259" s="53"/>
      <c r="AS2259" s="53"/>
      <c r="AT2259" s="53"/>
      <c r="AU2259" s="53"/>
      <c r="AV2259" s="53"/>
      <c r="AW2259" s="53"/>
      <c r="AX2259" s="53"/>
      <c r="AY2259" s="53"/>
      <c r="AZ2259" s="53"/>
      <c r="BA2259" s="53"/>
      <c r="BB2259" s="53"/>
      <c r="BC2259" s="53"/>
      <c r="BD2259" s="53"/>
      <c r="BE2259" s="53"/>
      <c r="BF2259" s="53"/>
      <c r="BG2259" s="53"/>
      <c r="BH2259" s="53"/>
      <c r="BI2259" s="53"/>
      <c r="BJ2259" s="53"/>
      <c r="BK2259" s="53"/>
      <c r="BL2259" s="53"/>
      <c r="BM2259" s="53"/>
      <c r="BN2259" s="53"/>
      <c r="BO2259" s="53"/>
      <c r="BP2259" s="53"/>
      <c r="BQ2259" s="53"/>
      <c r="BR2259" s="53"/>
      <c r="BS2259" s="53"/>
      <c r="BT2259" s="53"/>
      <c r="BU2259" s="53"/>
      <c r="BV2259" s="53"/>
      <c r="BW2259" s="53"/>
      <c r="BX2259" s="53"/>
      <c r="BY2259" s="53"/>
      <c r="BZ2259" s="53"/>
      <c r="CA2259" s="53"/>
      <c r="CB2259" s="53"/>
      <c r="CC2259" s="53"/>
      <c r="CD2259" s="53"/>
      <c r="CE2259" s="53"/>
      <c r="CF2259" s="53"/>
      <c r="CG2259" s="53"/>
      <c r="CH2259" s="53"/>
      <c r="CI2259" s="53"/>
      <c r="CJ2259" s="53"/>
      <c r="CK2259" s="53"/>
      <c r="CL2259" s="53"/>
      <c r="CM2259" s="53"/>
      <c r="CN2259" s="53"/>
    </row>
    <row r="2260" spans="1:92" outlineLevel="1">
      <c r="A2260" s="52" t="s">
        <v>649</v>
      </c>
      <c r="B2260" s="53">
        <v>259056.99083333201</v>
      </c>
      <c r="C2260" s="53">
        <v>259056.99083333201</v>
      </c>
      <c r="D2260" s="53">
        <v>259056.99083333201</v>
      </c>
      <c r="E2260" s="53">
        <v>259056.99083333201</v>
      </c>
      <c r="F2260" s="53">
        <v>259056.99083333201</v>
      </c>
      <c r="G2260" s="53">
        <v>259056.99083333201</v>
      </c>
      <c r="H2260" s="53">
        <v>259056.99083333201</v>
      </c>
      <c r="I2260" s="53">
        <v>259056.99083333201</v>
      </c>
      <c r="J2260" s="53">
        <v>259056.99083333201</v>
      </c>
      <c r="K2260" s="53">
        <v>259056.99083333201</v>
      </c>
      <c r="L2260" s="53">
        <v>259056.99083333201</v>
      </c>
      <c r="M2260" s="53">
        <v>259056.99083333201</v>
      </c>
      <c r="N2260" s="53">
        <v>3108683.8899999801</v>
      </c>
      <c r="O2260" s="53">
        <v>95288.960000000006</v>
      </c>
      <c r="P2260" s="53">
        <v>97092.32</v>
      </c>
      <c r="Q2260" s="53">
        <v>97924.19</v>
      </c>
      <c r="R2260" s="53">
        <v>98672.47</v>
      </c>
      <c r="S2260" s="53">
        <v>97806.28</v>
      </c>
      <c r="T2260" s="53">
        <v>116496.77</v>
      </c>
      <c r="U2260" s="53">
        <v>99803.86</v>
      </c>
      <c r="V2260" s="53">
        <v>98099.95</v>
      </c>
      <c r="W2260" s="53">
        <v>97542.9</v>
      </c>
      <c r="X2260" s="53">
        <v>98040.41</v>
      </c>
      <c r="Y2260" s="53">
        <v>98742.93</v>
      </c>
      <c r="Z2260" s="53">
        <v>116866.75</v>
      </c>
      <c r="AA2260" s="53">
        <v>1212377.78999999</v>
      </c>
      <c r="AB2260" s="53">
        <v>98983.17</v>
      </c>
      <c r="AC2260" s="53">
        <v>100807.069999999</v>
      </c>
      <c r="AD2260" s="53">
        <v>101877.23</v>
      </c>
      <c r="AE2260" s="53">
        <v>102571.43</v>
      </c>
      <c r="AF2260" s="53">
        <v>117087.23</v>
      </c>
      <c r="AG2260" s="53">
        <v>105753.44</v>
      </c>
      <c r="AH2260" s="53">
        <v>103602.72</v>
      </c>
      <c r="AI2260" s="53">
        <v>101920</v>
      </c>
      <c r="AJ2260" s="53">
        <v>101322.26</v>
      </c>
      <c r="AK2260" s="53">
        <v>101550.28</v>
      </c>
      <c r="AL2260" s="53">
        <v>116930.71</v>
      </c>
      <c r="AM2260" s="53">
        <v>105068.08</v>
      </c>
      <c r="AN2260" s="53">
        <v>1257473.6199999901</v>
      </c>
      <c r="AO2260" s="53">
        <v>104789.468333333</v>
      </c>
      <c r="AP2260" s="53">
        <v>104789.468333333</v>
      </c>
      <c r="AQ2260" s="53">
        <v>104789.468333333</v>
      </c>
      <c r="AR2260" s="53">
        <v>104789.468333333</v>
      </c>
      <c r="AS2260" s="53">
        <v>104789.468333333</v>
      </c>
      <c r="AT2260" s="53">
        <v>104789.468333333</v>
      </c>
      <c r="AU2260" s="53">
        <v>104789.468333333</v>
      </c>
      <c r="AV2260" s="53">
        <v>104789.468333333</v>
      </c>
      <c r="AW2260" s="53">
        <v>104789.468333333</v>
      </c>
      <c r="AX2260" s="53">
        <v>104789.468333333</v>
      </c>
      <c r="AY2260" s="53">
        <v>104789.468333333</v>
      </c>
      <c r="AZ2260" s="53">
        <v>104789.468333333</v>
      </c>
      <c r="BA2260" s="53">
        <v>1257473.6200000001</v>
      </c>
      <c r="BB2260" s="53">
        <v>104789.468333333</v>
      </c>
      <c r="BC2260" s="53">
        <v>104789.468333333</v>
      </c>
      <c r="BD2260" s="53">
        <v>104789.468333333</v>
      </c>
      <c r="BE2260" s="53">
        <v>104789.468333333</v>
      </c>
      <c r="BF2260" s="53">
        <v>104789.468333333</v>
      </c>
      <c r="BG2260" s="53">
        <v>104789.468333333</v>
      </c>
      <c r="BH2260" s="53">
        <v>104789.468333333</v>
      </c>
      <c r="BI2260" s="53">
        <v>104789.468333333</v>
      </c>
      <c r="BJ2260" s="53">
        <v>104789.468333333</v>
      </c>
      <c r="BK2260" s="53">
        <v>104789.468333333</v>
      </c>
      <c r="BL2260" s="53">
        <v>104789.468333333</v>
      </c>
      <c r="BM2260" s="53">
        <v>104789.468333333</v>
      </c>
      <c r="BN2260" s="53">
        <v>1257473.6200000001</v>
      </c>
      <c r="BO2260" s="53">
        <v>104789.468333333</v>
      </c>
      <c r="BP2260" s="53">
        <v>104789.468333333</v>
      </c>
      <c r="BQ2260" s="53">
        <v>104789.468333333</v>
      </c>
      <c r="BR2260" s="53">
        <v>104789.468333333</v>
      </c>
      <c r="BS2260" s="53">
        <v>104789.468333333</v>
      </c>
      <c r="BT2260" s="53">
        <v>104789.468333333</v>
      </c>
      <c r="BU2260" s="53">
        <v>104789.468333333</v>
      </c>
      <c r="BV2260" s="53">
        <v>104789.468333333</v>
      </c>
      <c r="BW2260" s="53">
        <v>104789.468333333</v>
      </c>
      <c r="BX2260" s="53">
        <v>104789.468333333</v>
      </c>
      <c r="BY2260" s="53">
        <v>104789.468333333</v>
      </c>
      <c r="BZ2260" s="53">
        <v>104789.468333333</v>
      </c>
      <c r="CA2260" s="53">
        <v>1257473.6200000001</v>
      </c>
      <c r="CB2260" s="53"/>
      <c r="CC2260" s="53"/>
      <c r="CD2260" s="53"/>
      <c r="CE2260" s="53"/>
      <c r="CF2260" s="53"/>
      <c r="CG2260" s="53"/>
      <c r="CH2260" s="53"/>
      <c r="CI2260" s="53"/>
      <c r="CJ2260" s="53"/>
      <c r="CK2260" s="53"/>
      <c r="CL2260" s="53"/>
      <c r="CM2260" s="53"/>
      <c r="CN2260" s="53"/>
    </row>
    <row r="2261" spans="1:92" outlineLevel="1">
      <c r="A2261" s="52" t="s">
        <v>1626</v>
      </c>
      <c r="B2261" s="53"/>
      <c r="C2261" s="53"/>
      <c r="D2261" s="53"/>
      <c r="E2261" s="53"/>
      <c r="F2261" s="53"/>
      <c r="G2261" s="53"/>
      <c r="H2261" s="53"/>
      <c r="I2261" s="53"/>
      <c r="J2261" s="53"/>
      <c r="K2261" s="53"/>
      <c r="L2261" s="53"/>
      <c r="M2261" s="53"/>
      <c r="N2261" s="53"/>
      <c r="O2261" s="53"/>
      <c r="P2261" s="53"/>
      <c r="Q2261" s="53"/>
      <c r="R2261" s="53"/>
      <c r="S2261" s="53"/>
      <c r="T2261" s="53"/>
      <c r="U2261" s="53"/>
      <c r="V2261" s="53"/>
      <c r="W2261" s="53"/>
      <c r="X2261" s="53"/>
      <c r="Y2261" s="53"/>
      <c r="Z2261" s="53"/>
      <c r="AA2261" s="53"/>
      <c r="AB2261" s="53"/>
      <c r="AC2261" s="53"/>
      <c r="AD2261" s="53"/>
      <c r="AE2261" s="53"/>
      <c r="AF2261" s="53"/>
      <c r="AG2261" s="53"/>
      <c r="AH2261" s="53"/>
      <c r="AI2261" s="53"/>
      <c r="AJ2261" s="53"/>
      <c r="AK2261" s="53"/>
      <c r="AL2261" s="53"/>
      <c r="AM2261" s="53"/>
      <c r="AN2261" s="53"/>
      <c r="AO2261" s="53"/>
      <c r="AP2261" s="53"/>
      <c r="AQ2261" s="53"/>
      <c r="AR2261" s="53"/>
      <c r="AS2261" s="53"/>
      <c r="AT2261" s="53"/>
      <c r="AU2261" s="53"/>
      <c r="AV2261" s="53"/>
      <c r="AW2261" s="53"/>
      <c r="AX2261" s="53"/>
      <c r="AY2261" s="53"/>
      <c r="AZ2261" s="53"/>
      <c r="BA2261" s="53"/>
      <c r="BB2261" s="53"/>
      <c r="BC2261" s="53"/>
      <c r="BD2261" s="53"/>
      <c r="BE2261" s="53"/>
      <c r="BF2261" s="53"/>
      <c r="BG2261" s="53"/>
      <c r="BH2261" s="53"/>
      <c r="BI2261" s="53"/>
      <c r="BJ2261" s="53"/>
      <c r="BK2261" s="53"/>
      <c r="BL2261" s="53"/>
      <c r="BM2261" s="53"/>
      <c r="BN2261" s="53"/>
      <c r="BO2261" s="53"/>
      <c r="BP2261" s="53"/>
      <c r="BQ2261" s="53"/>
      <c r="BR2261" s="53"/>
      <c r="BS2261" s="53"/>
      <c r="BT2261" s="53"/>
      <c r="BU2261" s="53"/>
      <c r="BV2261" s="53"/>
      <c r="BW2261" s="53"/>
      <c r="BX2261" s="53"/>
      <c r="BY2261" s="53"/>
      <c r="BZ2261" s="53"/>
      <c r="CA2261" s="53"/>
      <c r="CB2261" s="53"/>
      <c r="CC2261" s="53"/>
      <c r="CD2261" s="53"/>
      <c r="CE2261" s="53"/>
      <c r="CF2261" s="53"/>
      <c r="CG2261" s="53"/>
      <c r="CH2261" s="53"/>
      <c r="CI2261" s="53"/>
      <c r="CJ2261" s="53"/>
      <c r="CK2261" s="53"/>
      <c r="CL2261" s="53"/>
      <c r="CM2261" s="53"/>
      <c r="CN2261" s="53"/>
    </row>
    <row r="2262" spans="1:92" outlineLevel="1">
      <c r="A2262" s="52" t="s">
        <v>649</v>
      </c>
      <c r="B2262" s="53"/>
      <c r="C2262" s="53"/>
      <c r="D2262" s="53"/>
      <c r="E2262" s="53"/>
      <c r="F2262" s="53"/>
      <c r="G2262" s="53"/>
      <c r="H2262" s="53"/>
      <c r="I2262" s="53"/>
      <c r="J2262" s="53"/>
      <c r="K2262" s="53"/>
      <c r="L2262" s="53"/>
      <c r="M2262" s="53"/>
      <c r="N2262" s="53"/>
      <c r="O2262" s="53">
        <v>104541.19</v>
      </c>
      <c r="P2262" s="53">
        <v>111613.06</v>
      </c>
      <c r="Q2262" s="53">
        <v>111212.53</v>
      </c>
      <c r="R2262" s="53">
        <v>108045.08</v>
      </c>
      <c r="S2262" s="53">
        <v>107039.66</v>
      </c>
      <c r="T2262" s="53">
        <v>114241.01</v>
      </c>
      <c r="U2262" s="53">
        <v>99471.06</v>
      </c>
      <c r="V2262" s="53">
        <v>99620.69</v>
      </c>
      <c r="W2262" s="53">
        <v>97056.18</v>
      </c>
      <c r="X2262" s="53">
        <v>99779.55</v>
      </c>
      <c r="Y2262" s="53">
        <v>95882.28</v>
      </c>
      <c r="Z2262" s="53">
        <v>100415.769999999</v>
      </c>
      <c r="AA2262" s="53">
        <v>1248918.06</v>
      </c>
      <c r="AB2262" s="53">
        <v>101124.659999999</v>
      </c>
      <c r="AC2262" s="53">
        <v>106369.51</v>
      </c>
      <c r="AD2262" s="53">
        <v>108470.57</v>
      </c>
      <c r="AE2262" s="53">
        <v>111282.99</v>
      </c>
      <c r="AF2262" s="53">
        <v>112164.78</v>
      </c>
      <c r="AG2262" s="53">
        <v>119666.55999999899</v>
      </c>
      <c r="AH2262" s="53">
        <v>106947.23</v>
      </c>
      <c r="AI2262" s="53">
        <v>108131.66</v>
      </c>
      <c r="AJ2262" s="53">
        <v>107180.06</v>
      </c>
      <c r="AK2262" s="53">
        <v>109452.33</v>
      </c>
      <c r="AL2262" s="53">
        <v>108109.82</v>
      </c>
      <c r="AM2262" s="53">
        <v>109276.18</v>
      </c>
      <c r="AN2262" s="53">
        <v>1308176.3500000001</v>
      </c>
      <c r="AO2262" s="53">
        <v>109014.685</v>
      </c>
      <c r="AP2262" s="53">
        <v>109014.685</v>
      </c>
      <c r="AQ2262" s="53">
        <v>109014.685</v>
      </c>
      <c r="AR2262" s="53">
        <v>109014.685</v>
      </c>
      <c r="AS2262" s="53">
        <v>109014.685</v>
      </c>
      <c r="AT2262" s="53">
        <v>109014.685</v>
      </c>
      <c r="AU2262" s="53">
        <v>109014.685</v>
      </c>
      <c r="AV2262" s="53">
        <v>109014.685</v>
      </c>
      <c r="AW2262" s="53">
        <v>109014.685</v>
      </c>
      <c r="AX2262" s="53">
        <v>109014.685</v>
      </c>
      <c r="AY2262" s="53">
        <v>109014.685</v>
      </c>
      <c r="AZ2262" s="53">
        <v>109014.685</v>
      </c>
      <c r="BA2262" s="53">
        <v>1308176.22</v>
      </c>
      <c r="BB2262" s="53">
        <v>109014.685</v>
      </c>
      <c r="BC2262" s="53">
        <v>109014.685</v>
      </c>
      <c r="BD2262" s="53">
        <v>109014.685</v>
      </c>
      <c r="BE2262" s="53">
        <v>109014.685</v>
      </c>
      <c r="BF2262" s="53">
        <v>109014.685</v>
      </c>
      <c r="BG2262" s="53">
        <v>109014.685</v>
      </c>
      <c r="BH2262" s="53">
        <v>109014.685</v>
      </c>
      <c r="BI2262" s="53">
        <v>109014.685</v>
      </c>
      <c r="BJ2262" s="53">
        <v>109014.685</v>
      </c>
      <c r="BK2262" s="53">
        <v>109014.685</v>
      </c>
      <c r="BL2262" s="53">
        <v>109014.685</v>
      </c>
      <c r="BM2262" s="53">
        <v>109014.685</v>
      </c>
      <c r="BN2262" s="53">
        <v>1308176.22</v>
      </c>
      <c r="BO2262" s="53">
        <v>109014.685</v>
      </c>
      <c r="BP2262" s="53">
        <v>109014.685</v>
      </c>
      <c r="BQ2262" s="53">
        <v>109014.685</v>
      </c>
      <c r="BR2262" s="53">
        <v>109014.685</v>
      </c>
      <c r="BS2262" s="53">
        <v>109014.685</v>
      </c>
      <c r="BT2262" s="53">
        <v>109014.685</v>
      </c>
      <c r="BU2262" s="53">
        <v>109014.685</v>
      </c>
      <c r="BV2262" s="53">
        <v>109014.685</v>
      </c>
      <c r="BW2262" s="53">
        <v>109014.685</v>
      </c>
      <c r="BX2262" s="53">
        <v>109014.685</v>
      </c>
      <c r="BY2262" s="53">
        <v>109014.685</v>
      </c>
      <c r="BZ2262" s="53">
        <v>109014.685</v>
      </c>
      <c r="CA2262" s="53">
        <v>1308176.22</v>
      </c>
      <c r="CB2262" s="53"/>
      <c r="CC2262" s="53"/>
      <c r="CD2262" s="53"/>
      <c r="CE2262" s="53"/>
      <c r="CF2262" s="53"/>
      <c r="CG2262" s="53"/>
      <c r="CH2262" s="53"/>
      <c r="CI2262" s="53"/>
      <c r="CJ2262" s="53"/>
      <c r="CK2262" s="53"/>
      <c r="CL2262" s="53"/>
      <c r="CM2262" s="53"/>
      <c r="CN2262" s="53"/>
    </row>
    <row r="2263" spans="1:92" outlineLevel="1">
      <c r="A2263" s="52" t="s">
        <v>1627</v>
      </c>
      <c r="B2263" s="53"/>
      <c r="C2263" s="53"/>
      <c r="D2263" s="53"/>
      <c r="E2263" s="53"/>
      <c r="F2263" s="53"/>
      <c r="G2263" s="53"/>
      <c r="H2263" s="53"/>
      <c r="I2263" s="53"/>
      <c r="J2263" s="53"/>
      <c r="K2263" s="53"/>
      <c r="L2263" s="53"/>
      <c r="M2263" s="53"/>
      <c r="N2263" s="53"/>
      <c r="O2263" s="53"/>
      <c r="P2263" s="53"/>
      <c r="Q2263" s="53"/>
      <c r="R2263" s="53"/>
      <c r="S2263" s="53"/>
      <c r="T2263" s="53"/>
      <c r="U2263" s="53"/>
      <c r="V2263" s="53"/>
      <c r="W2263" s="53"/>
      <c r="X2263" s="53"/>
      <c r="Y2263" s="53"/>
      <c r="Z2263" s="53"/>
      <c r="AA2263" s="53"/>
      <c r="AB2263" s="53"/>
      <c r="AC2263" s="53"/>
      <c r="AD2263" s="53"/>
      <c r="AE2263" s="53"/>
      <c r="AF2263" s="53"/>
      <c r="AG2263" s="53"/>
      <c r="AH2263" s="53"/>
      <c r="AI2263" s="53"/>
      <c r="AJ2263" s="53"/>
      <c r="AK2263" s="53"/>
      <c r="AL2263" s="53"/>
      <c r="AM2263" s="53"/>
      <c r="AN2263" s="53"/>
      <c r="AO2263" s="53"/>
      <c r="AP2263" s="53"/>
      <c r="AQ2263" s="53"/>
      <c r="AR2263" s="53"/>
      <c r="AS2263" s="53"/>
      <c r="AT2263" s="53"/>
      <c r="AU2263" s="53"/>
      <c r="AV2263" s="53"/>
      <c r="AW2263" s="53"/>
      <c r="AX2263" s="53"/>
      <c r="AY2263" s="53"/>
      <c r="AZ2263" s="53"/>
      <c r="BA2263" s="53"/>
      <c r="BB2263" s="53"/>
      <c r="BC2263" s="53"/>
      <c r="BD2263" s="53"/>
      <c r="BE2263" s="53"/>
      <c r="BF2263" s="53"/>
      <c r="BG2263" s="53"/>
      <c r="BH2263" s="53"/>
      <c r="BI2263" s="53"/>
      <c r="BJ2263" s="53"/>
      <c r="BK2263" s="53"/>
      <c r="BL2263" s="53"/>
      <c r="BM2263" s="53"/>
      <c r="BN2263" s="53"/>
      <c r="BO2263" s="53"/>
      <c r="BP2263" s="53"/>
      <c r="BQ2263" s="53"/>
      <c r="BR2263" s="53"/>
      <c r="BS2263" s="53"/>
      <c r="BT2263" s="53"/>
      <c r="BU2263" s="53"/>
      <c r="BV2263" s="53"/>
      <c r="BW2263" s="53"/>
      <c r="BX2263" s="53"/>
      <c r="BY2263" s="53"/>
      <c r="BZ2263" s="53"/>
      <c r="CA2263" s="53"/>
      <c r="CB2263" s="53"/>
      <c r="CC2263" s="53"/>
      <c r="CD2263" s="53"/>
      <c r="CE2263" s="53"/>
      <c r="CF2263" s="53"/>
      <c r="CG2263" s="53"/>
      <c r="CH2263" s="53"/>
      <c r="CI2263" s="53"/>
      <c r="CJ2263" s="53"/>
      <c r="CK2263" s="53"/>
      <c r="CL2263" s="53"/>
      <c r="CM2263" s="53"/>
      <c r="CN2263" s="53"/>
    </row>
    <row r="2264" spans="1:92" outlineLevel="1">
      <c r="A2264" s="52" t="s">
        <v>649</v>
      </c>
      <c r="B2264" s="53"/>
      <c r="C2264" s="53"/>
      <c r="D2264" s="53"/>
      <c r="E2264" s="53"/>
      <c r="F2264" s="53"/>
      <c r="G2264" s="53"/>
      <c r="H2264" s="53"/>
      <c r="I2264" s="53"/>
      <c r="J2264" s="53"/>
      <c r="K2264" s="53"/>
      <c r="L2264" s="53"/>
      <c r="M2264" s="53"/>
      <c r="N2264" s="53"/>
      <c r="O2264" s="53">
        <v>58276.3999999999</v>
      </c>
      <c r="P2264" s="53">
        <v>61886.76</v>
      </c>
      <c r="Q2264" s="53">
        <v>62285.47</v>
      </c>
      <c r="R2264" s="53">
        <v>61383.79</v>
      </c>
      <c r="S2264" s="53">
        <v>62125.05</v>
      </c>
      <c r="T2264" s="53">
        <v>63671.53</v>
      </c>
      <c r="U2264" s="53">
        <v>59921.42</v>
      </c>
      <c r="V2264" s="53">
        <v>62673</v>
      </c>
      <c r="W2264" s="53">
        <v>60450.78</v>
      </c>
      <c r="X2264" s="53">
        <v>62968.36</v>
      </c>
      <c r="Y2264" s="53">
        <v>58958.9</v>
      </c>
      <c r="Z2264" s="53">
        <v>56294.81</v>
      </c>
      <c r="AA2264" s="53">
        <v>730896.26999999897</v>
      </c>
      <c r="AB2264" s="53">
        <v>58871.41</v>
      </c>
      <c r="AC2264" s="53">
        <v>62481.77</v>
      </c>
      <c r="AD2264" s="53">
        <v>63020.23</v>
      </c>
      <c r="AE2264" s="53">
        <v>62022.74</v>
      </c>
      <c r="AF2264" s="53">
        <v>64938.119999999901</v>
      </c>
      <c r="AG2264" s="53">
        <v>62209.81</v>
      </c>
      <c r="AH2264" s="53">
        <v>60560.369999999901</v>
      </c>
      <c r="AI2264" s="53">
        <v>63312.08</v>
      </c>
      <c r="AJ2264" s="53">
        <v>61089.73</v>
      </c>
      <c r="AK2264" s="53">
        <v>63607.44</v>
      </c>
      <c r="AL2264" s="53">
        <v>61773.4</v>
      </c>
      <c r="AM2264" s="53">
        <v>54805.01</v>
      </c>
      <c r="AN2264" s="53">
        <v>738692.11</v>
      </c>
      <c r="AO2264" s="53">
        <v>61557.686666666603</v>
      </c>
      <c r="AP2264" s="53">
        <v>61557.686666666603</v>
      </c>
      <c r="AQ2264" s="53">
        <v>61557.686666666603</v>
      </c>
      <c r="AR2264" s="53">
        <v>61557.686666666603</v>
      </c>
      <c r="AS2264" s="53">
        <v>61557.686666666603</v>
      </c>
      <c r="AT2264" s="53">
        <v>61557.686666666603</v>
      </c>
      <c r="AU2264" s="53">
        <v>61557.686666666603</v>
      </c>
      <c r="AV2264" s="53">
        <v>61557.686666666603</v>
      </c>
      <c r="AW2264" s="53">
        <v>61557.686666666603</v>
      </c>
      <c r="AX2264" s="53">
        <v>61557.686666666603</v>
      </c>
      <c r="AY2264" s="53">
        <v>61557.686666666603</v>
      </c>
      <c r="AZ2264" s="53">
        <v>61557.686666666603</v>
      </c>
      <c r="BA2264" s="53">
        <v>738692.24</v>
      </c>
      <c r="BB2264" s="53">
        <v>61557.686666666603</v>
      </c>
      <c r="BC2264" s="53">
        <v>61557.686666666603</v>
      </c>
      <c r="BD2264" s="53">
        <v>61557.686666666603</v>
      </c>
      <c r="BE2264" s="53">
        <v>61557.686666666603</v>
      </c>
      <c r="BF2264" s="53">
        <v>61557.686666666603</v>
      </c>
      <c r="BG2264" s="53">
        <v>61557.686666666603</v>
      </c>
      <c r="BH2264" s="53">
        <v>61557.686666666603</v>
      </c>
      <c r="BI2264" s="53">
        <v>61557.686666666603</v>
      </c>
      <c r="BJ2264" s="53">
        <v>61557.686666666603</v>
      </c>
      <c r="BK2264" s="53">
        <v>61557.686666666603</v>
      </c>
      <c r="BL2264" s="53">
        <v>61557.686666666603</v>
      </c>
      <c r="BM2264" s="53">
        <v>61557.686666666603</v>
      </c>
      <c r="BN2264" s="53">
        <v>738692.24</v>
      </c>
      <c r="BO2264" s="53">
        <v>61557.686666666603</v>
      </c>
      <c r="BP2264" s="53">
        <v>61557.686666666603</v>
      </c>
      <c r="BQ2264" s="53">
        <v>61557.686666666603</v>
      </c>
      <c r="BR2264" s="53">
        <v>61557.686666666603</v>
      </c>
      <c r="BS2264" s="53">
        <v>61557.686666666603</v>
      </c>
      <c r="BT2264" s="53">
        <v>61557.686666666603</v>
      </c>
      <c r="BU2264" s="53">
        <v>61557.686666666603</v>
      </c>
      <c r="BV2264" s="53">
        <v>61557.686666666603</v>
      </c>
      <c r="BW2264" s="53">
        <v>61557.686666666603</v>
      </c>
      <c r="BX2264" s="53">
        <v>61557.686666666603</v>
      </c>
      <c r="BY2264" s="53">
        <v>61557.686666666603</v>
      </c>
      <c r="BZ2264" s="53">
        <v>61557.686666666603</v>
      </c>
      <c r="CA2264" s="53">
        <v>738692.24</v>
      </c>
      <c r="CB2264" s="53"/>
      <c r="CC2264" s="53"/>
      <c r="CD2264" s="53"/>
      <c r="CE2264" s="53"/>
      <c r="CF2264" s="53"/>
      <c r="CG2264" s="53"/>
      <c r="CH2264" s="53"/>
      <c r="CI2264" s="53"/>
      <c r="CJ2264" s="53"/>
      <c r="CK2264" s="53"/>
      <c r="CL2264" s="53"/>
      <c r="CM2264" s="53"/>
      <c r="CN2264" s="53"/>
    </row>
    <row r="2265" spans="1:92" outlineLevel="1">
      <c r="A2265" s="52" t="s">
        <v>1628</v>
      </c>
      <c r="B2265" s="53">
        <v>81467812.920000002</v>
      </c>
      <c r="C2265" s="53">
        <v>83621622.439999998</v>
      </c>
      <c r="D2265" s="53">
        <v>50965277.710000001</v>
      </c>
      <c r="E2265" s="53">
        <v>53165449.899999999</v>
      </c>
      <c r="F2265" s="53">
        <v>55352280.659999996</v>
      </c>
      <c r="G2265" s="53">
        <v>62853550.450000003</v>
      </c>
      <c r="H2265" s="53">
        <v>65340441.789999999</v>
      </c>
      <c r="I2265" s="53">
        <v>67575108.459999993</v>
      </c>
      <c r="J2265" s="53">
        <v>64935602.18</v>
      </c>
      <c r="K2265" s="53">
        <v>65456022.689999901</v>
      </c>
      <c r="L2265" s="53">
        <v>68218909.459999993</v>
      </c>
      <c r="M2265" s="53">
        <v>73292349.430000007</v>
      </c>
      <c r="N2265" s="53">
        <v>73292349.430000007</v>
      </c>
      <c r="O2265" s="53">
        <v>75535890.9799999</v>
      </c>
      <c r="P2265" s="53">
        <v>77887961.120000005</v>
      </c>
      <c r="Q2265" s="53">
        <v>46264684.6228</v>
      </c>
      <c r="R2265" s="53">
        <v>48595103.962800004</v>
      </c>
      <c r="S2265" s="53">
        <v>50915697.952799998</v>
      </c>
      <c r="T2265" s="53">
        <v>53474794.262800001</v>
      </c>
      <c r="U2265" s="53">
        <v>55727808.602799997</v>
      </c>
      <c r="V2265" s="53">
        <v>57991230.242799997</v>
      </c>
      <c r="W2265" s="53">
        <v>60208202.102799997</v>
      </c>
      <c r="X2265" s="53">
        <v>62475054.422799997</v>
      </c>
      <c r="Y2265" s="53">
        <v>64679285.532799996</v>
      </c>
      <c r="Z2265" s="53">
        <v>67057303.862800002</v>
      </c>
      <c r="AA2265" s="53">
        <v>67057303.862800002</v>
      </c>
      <c r="AB2265" s="53">
        <v>69308431.102799997</v>
      </c>
      <c r="AC2265" s="53">
        <v>71652384.452800006</v>
      </c>
      <c r="AD2265" s="53">
        <v>46281067.362800002</v>
      </c>
      <c r="AE2265" s="53">
        <v>48679076.522799999</v>
      </c>
      <c r="AF2265" s="53">
        <v>51236267.652800001</v>
      </c>
      <c r="AG2265" s="53">
        <v>53736434.462800004</v>
      </c>
      <c r="AH2265" s="53">
        <v>56093008.782799996</v>
      </c>
      <c r="AI2265" s="53">
        <v>58469170.522799999</v>
      </c>
      <c r="AJ2265" s="53">
        <v>60812547.572800003</v>
      </c>
      <c r="AK2265" s="53">
        <v>63199542.6228</v>
      </c>
      <c r="AL2265" s="53">
        <v>65692617.5528</v>
      </c>
      <c r="AM2265" s="53">
        <v>68032145.822799996</v>
      </c>
      <c r="AN2265" s="53">
        <v>68032145.822799996</v>
      </c>
      <c r="AO2265" s="53">
        <v>70425675.662799999</v>
      </c>
      <c r="AP2265" s="53">
        <v>72819205.502800003</v>
      </c>
      <c r="AQ2265" s="53">
        <v>46490377.262800001</v>
      </c>
      <c r="AR2265" s="53">
        <v>48883907.102799997</v>
      </c>
      <c r="AS2265" s="53">
        <v>51277436.9428</v>
      </c>
      <c r="AT2265" s="53">
        <v>53670966.782799996</v>
      </c>
      <c r="AU2265" s="53">
        <v>56064496.6228</v>
      </c>
      <c r="AV2265" s="53">
        <v>58458026.462800004</v>
      </c>
      <c r="AW2265" s="53">
        <v>60851556.3028</v>
      </c>
      <c r="AX2265" s="53">
        <v>63245086.142800003</v>
      </c>
      <c r="AY2265" s="53">
        <v>65638615.982799903</v>
      </c>
      <c r="AZ2265" s="53">
        <v>68032145.822799996</v>
      </c>
      <c r="BA2265" s="53">
        <v>68032145.822799996</v>
      </c>
      <c r="BB2265" s="53">
        <v>70425675.662799999</v>
      </c>
      <c r="BC2265" s="53">
        <v>72819205.502800003</v>
      </c>
      <c r="BD2265" s="53">
        <v>46490377.262799896</v>
      </c>
      <c r="BE2265" s="53">
        <v>48883907.1027999</v>
      </c>
      <c r="BF2265" s="53">
        <v>51277436.942799903</v>
      </c>
      <c r="BG2265" s="53">
        <v>53670966.7827999</v>
      </c>
      <c r="BH2265" s="53">
        <v>56064496.622799903</v>
      </c>
      <c r="BI2265" s="53">
        <v>58458026.462799899</v>
      </c>
      <c r="BJ2265" s="53">
        <v>60851556.302799903</v>
      </c>
      <c r="BK2265" s="53">
        <v>63245086.142799899</v>
      </c>
      <c r="BL2265" s="53">
        <v>65638615.982799903</v>
      </c>
      <c r="BM2265" s="53">
        <v>68032145.822799906</v>
      </c>
      <c r="BN2265" s="53">
        <v>68032145.822799906</v>
      </c>
      <c r="BO2265" s="53">
        <v>70425675.662799895</v>
      </c>
      <c r="BP2265" s="53">
        <v>72819205.502799898</v>
      </c>
      <c r="BQ2265" s="53">
        <v>46490377.262799896</v>
      </c>
      <c r="BR2265" s="53">
        <v>48883907.1027999</v>
      </c>
      <c r="BS2265" s="53">
        <v>51277436.942799903</v>
      </c>
      <c r="BT2265" s="53">
        <v>53670966.7827999</v>
      </c>
      <c r="BU2265" s="53">
        <v>56064496.622799903</v>
      </c>
      <c r="BV2265" s="53">
        <v>58458026.462799899</v>
      </c>
      <c r="BW2265" s="53">
        <v>60851556.302799903</v>
      </c>
      <c r="BX2265" s="53">
        <v>63245086.142799899</v>
      </c>
      <c r="BY2265" s="53">
        <v>65638615.982799903</v>
      </c>
      <c r="BZ2265" s="53">
        <v>68032145.822799906</v>
      </c>
      <c r="CA2265" s="53">
        <v>68032145.822799906</v>
      </c>
      <c r="CB2265" s="53"/>
      <c r="CC2265" s="53"/>
      <c r="CD2265" s="53"/>
      <c r="CE2265" s="53"/>
      <c r="CF2265" s="53"/>
      <c r="CG2265" s="53"/>
      <c r="CH2265" s="53"/>
      <c r="CI2265" s="53"/>
      <c r="CJ2265" s="53"/>
      <c r="CK2265" s="53"/>
      <c r="CL2265" s="53"/>
      <c r="CM2265" s="53"/>
      <c r="CN2265" s="53"/>
    </row>
    <row r="2266" spans="1:92" outlineLevel="1">
      <c r="A2266" s="52" t="s">
        <v>1629</v>
      </c>
      <c r="B2266" s="53">
        <v>35102575.549999997</v>
      </c>
      <c r="C2266" s="53">
        <v>36221877.069999903</v>
      </c>
      <c r="D2266" s="53">
        <v>43920736.310000002</v>
      </c>
      <c r="E2266" s="53">
        <v>30837707.300000001</v>
      </c>
      <c r="F2266" s="53">
        <v>31091426.109999899</v>
      </c>
      <c r="G2266" s="53">
        <v>40639172.629999898</v>
      </c>
      <c r="H2266" s="53">
        <v>28747971.989999998</v>
      </c>
      <c r="I2266" s="53">
        <v>12348546.599999901</v>
      </c>
      <c r="J2266" s="53">
        <v>22010602.07</v>
      </c>
      <c r="K2266" s="53">
        <v>15255719.42</v>
      </c>
      <c r="L2266" s="53">
        <v>10482933.84</v>
      </c>
      <c r="M2266" s="53">
        <v>15846012.15</v>
      </c>
      <c r="N2266" s="53">
        <v>15846012.15</v>
      </c>
      <c r="O2266" s="53">
        <v>15846012.15</v>
      </c>
      <c r="P2266" s="53">
        <v>15846012.15</v>
      </c>
      <c r="Q2266" s="53">
        <v>15846012.15</v>
      </c>
      <c r="R2266" s="53">
        <v>15846012.15</v>
      </c>
      <c r="S2266" s="53">
        <v>15846012.15</v>
      </c>
      <c r="T2266" s="53">
        <v>15846012.15</v>
      </c>
      <c r="U2266" s="53">
        <v>15846012.15</v>
      </c>
      <c r="V2266" s="53">
        <v>15846012.15</v>
      </c>
      <c r="W2266" s="53">
        <v>15846012.15</v>
      </c>
      <c r="X2266" s="53">
        <v>15846012.15</v>
      </c>
      <c r="Y2266" s="53">
        <v>15846012.15</v>
      </c>
      <c r="Z2266" s="53">
        <v>15846012.15</v>
      </c>
      <c r="AA2266" s="53">
        <v>15846012.15</v>
      </c>
      <c r="AB2266" s="53">
        <v>15846012.15</v>
      </c>
      <c r="AC2266" s="53">
        <v>15846012.15</v>
      </c>
      <c r="AD2266" s="53">
        <v>15846012.15</v>
      </c>
      <c r="AE2266" s="53">
        <v>15846012.15</v>
      </c>
      <c r="AF2266" s="53">
        <v>15846012.15</v>
      </c>
      <c r="AG2266" s="53">
        <v>15846012.15</v>
      </c>
      <c r="AH2266" s="53">
        <v>15846012.15</v>
      </c>
      <c r="AI2266" s="53">
        <v>15846012.15</v>
      </c>
      <c r="AJ2266" s="53">
        <v>15846012.15</v>
      </c>
      <c r="AK2266" s="53">
        <v>15846012.15</v>
      </c>
      <c r="AL2266" s="53">
        <v>15846012.15</v>
      </c>
      <c r="AM2266" s="53">
        <v>15846012.15</v>
      </c>
      <c r="AN2266" s="53">
        <v>15846012.15</v>
      </c>
      <c r="AO2266" s="53">
        <v>15846012.15</v>
      </c>
      <c r="AP2266" s="53">
        <v>15846012.15</v>
      </c>
      <c r="AQ2266" s="53">
        <v>15846012.15</v>
      </c>
      <c r="AR2266" s="53">
        <v>15846012.15</v>
      </c>
      <c r="AS2266" s="53">
        <v>15846012.15</v>
      </c>
      <c r="AT2266" s="53">
        <v>15846012.15</v>
      </c>
      <c r="AU2266" s="53">
        <v>15846012.15</v>
      </c>
      <c r="AV2266" s="53">
        <v>15846012.15</v>
      </c>
      <c r="AW2266" s="53">
        <v>15846012.15</v>
      </c>
      <c r="AX2266" s="53">
        <v>15846012.15</v>
      </c>
      <c r="AY2266" s="53">
        <v>15846012.15</v>
      </c>
      <c r="AZ2266" s="53">
        <v>15846012.15</v>
      </c>
      <c r="BA2266" s="53">
        <v>15846012.15</v>
      </c>
      <c r="BB2266" s="53">
        <v>15846012.15</v>
      </c>
      <c r="BC2266" s="53">
        <v>15846012.15</v>
      </c>
      <c r="BD2266" s="53">
        <v>15846012.15</v>
      </c>
      <c r="BE2266" s="53">
        <v>15846012.15</v>
      </c>
      <c r="BF2266" s="53">
        <v>15846012.15</v>
      </c>
      <c r="BG2266" s="53">
        <v>15846012.15</v>
      </c>
      <c r="BH2266" s="53">
        <v>15846012.15</v>
      </c>
      <c r="BI2266" s="53">
        <v>15846012.15</v>
      </c>
      <c r="BJ2266" s="53">
        <v>15846012.15</v>
      </c>
      <c r="BK2266" s="53">
        <v>15846012.15</v>
      </c>
      <c r="BL2266" s="53">
        <v>15846012.15</v>
      </c>
      <c r="BM2266" s="53">
        <v>15846012.15</v>
      </c>
      <c r="BN2266" s="53">
        <v>15846012.15</v>
      </c>
      <c r="BO2266" s="53">
        <v>15846012.15</v>
      </c>
      <c r="BP2266" s="53">
        <v>15846012.15</v>
      </c>
      <c r="BQ2266" s="53">
        <v>15846012.15</v>
      </c>
      <c r="BR2266" s="53">
        <v>15846012.15</v>
      </c>
      <c r="BS2266" s="53">
        <v>15846012.15</v>
      </c>
      <c r="BT2266" s="53">
        <v>15846012.15</v>
      </c>
      <c r="BU2266" s="53">
        <v>15846012.15</v>
      </c>
      <c r="BV2266" s="53">
        <v>15846012.15</v>
      </c>
      <c r="BW2266" s="53">
        <v>15846012.15</v>
      </c>
      <c r="BX2266" s="53">
        <v>15846012.15</v>
      </c>
      <c r="BY2266" s="53">
        <v>15846012.15</v>
      </c>
      <c r="BZ2266" s="53">
        <v>15846012.15</v>
      </c>
      <c r="CA2266" s="53">
        <v>15846012.15</v>
      </c>
      <c r="CB2266" s="53">
        <v>-15351.5205479452</v>
      </c>
      <c r="CC2266" s="53">
        <v>-15351.5205479452</v>
      </c>
      <c r="CD2266" s="53">
        <v>-15351.5205479452</v>
      </c>
      <c r="CE2266" s="53">
        <v>-15351.5205479452</v>
      </c>
      <c r="CF2266" s="53">
        <v>-15351.5205479452</v>
      </c>
      <c r="CG2266" s="53">
        <v>-15351.5205479452</v>
      </c>
      <c r="CH2266" s="53">
        <v>-15351.5205479452</v>
      </c>
      <c r="CI2266" s="53">
        <v>-15351.5205479452</v>
      </c>
      <c r="CJ2266" s="53">
        <v>-15351.5205479452</v>
      </c>
      <c r="CK2266" s="53">
        <v>-15351.5205479452</v>
      </c>
      <c r="CL2266" s="53">
        <v>-15351.5205479452</v>
      </c>
      <c r="CM2266" s="53">
        <v>-15351.5205479452</v>
      </c>
      <c r="CN2266" s="53">
        <v>-184218.246575342</v>
      </c>
    </row>
    <row r="2267" spans="1:92" outlineLevel="1">
      <c r="A2267" s="52" t="s">
        <v>1630</v>
      </c>
      <c r="B2267" s="53">
        <v>44004194.529999897</v>
      </c>
      <c r="C2267" s="53">
        <v>44142364.130000003</v>
      </c>
      <c r="D2267" s="53">
        <v>44280970.25</v>
      </c>
      <c r="E2267" s="53">
        <v>44420010.369999997</v>
      </c>
      <c r="F2267" s="53">
        <v>44556953.490000002</v>
      </c>
      <c r="G2267" s="53">
        <v>44694326.049999997</v>
      </c>
      <c r="H2267" s="53">
        <v>44832131.209999897</v>
      </c>
      <c r="I2267" s="53">
        <v>44970370.380000003</v>
      </c>
      <c r="J2267" s="53">
        <v>45109041.950000003</v>
      </c>
      <c r="K2267" s="53">
        <v>45248152.079999998</v>
      </c>
      <c r="L2267" s="53">
        <v>45387698.259999998</v>
      </c>
      <c r="M2267" s="53">
        <v>45527682.789999999</v>
      </c>
      <c r="N2267" s="53">
        <v>45527682.789999999</v>
      </c>
      <c r="O2267" s="53">
        <v>45527682.789999999</v>
      </c>
      <c r="P2267" s="53">
        <v>45527682.789999999</v>
      </c>
      <c r="Q2267" s="53">
        <v>45527682.789999999</v>
      </c>
      <c r="R2267" s="53">
        <v>45527682.789999999</v>
      </c>
      <c r="S2267" s="53">
        <v>45527682.789999999</v>
      </c>
      <c r="T2267" s="53">
        <v>45527682.789999999</v>
      </c>
      <c r="U2267" s="53">
        <v>45527682.789999999</v>
      </c>
      <c r="V2267" s="53">
        <v>45527682.789999999</v>
      </c>
      <c r="W2267" s="53">
        <v>45527682.789999999</v>
      </c>
      <c r="X2267" s="53">
        <v>45527682.789999999</v>
      </c>
      <c r="Y2267" s="53">
        <v>45527682.789999999</v>
      </c>
      <c r="Z2267" s="53">
        <v>45527682.789999999</v>
      </c>
      <c r="AA2267" s="53">
        <v>45527682.789999999</v>
      </c>
      <c r="AB2267" s="53">
        <v>45527682.789999999</v>
      </c>
      <c r="AC2267" s="53">
        <v>45527682.789999999</v>
      </c>
      <c r="AD2267" s="53">
        <v>45527682.789999999</v>
      </c>
      <c r="AE2267" s="53">
        <v>45527682.789999999</v>
      </c>
      <c r="AF2267" s="53">
        <v>45527682.789999999</v>
      </c>
      <c r="AG2267" s="53">
        <v>45527682.789999999</v>
      </c>
      <c r="AH2267" s="53">
        <v>45527682.789999999</v>
      </c>
      <c r="AI2267" s="53">
        <v>45527682.789999999</v>
      </c>
      <c r="AJ2267" s="53">
        <v>45527682.789999999</v>
      </c>
      <c r="AK2267" s="53">
        <v>45527682.789999999</v>
      </c>
      <c r="AL2267" s="53">
        <v>45527682.789999999</v>
      </c>
      <c r="AM2267" s="53">
        <v>45527682.789999999</v>
      </c>
      <c r="AN2267" s="53">
        <v>45527682.789999999</v>
      </c>
      <c r="AO2267" s="53">
        <v>45527682.789999999</v>
      </c>
      <c r="AP2267" s="53">
        <v>45527682.789999999</v>
      </c>
      <c r="AQ2267" s="53">
        <v>45527682.789999999</v>
      </c>
      <c r="AR2267" s="53">
        <v>45527682.789999999</v>
      </c>
      <c r="AS2267" s="53">
        <v>45527682.789999999</v>
      </c>
      <c r="AT2267" s="53">
        <v>45527682.789999999</v>
      </c>
      <c r="AU2267" s="53">
        <v>45527682.789999999</v>
      </c>
      <c r="AV2267" s="53">
        <v>45527682.789999999</v>
      </c>
      <c r="AW2267" s="53">
        <v>45527682.789999999</v>
      </c>
      <c r="AX2267" s="53">
        <v>45527682.789999999</v>
      </c>
      <c r="AY2267" s="53">
        <v>45527682.789999999</v>
      </c>
      <c r="AZ2267" s="53">
        <v>45527682.789999999</v>
      </c>
      <c r="BA2267" s="53">
        <v>45527682.789999999</v>
      </c>
      <c r="BB2267" s="53">
        <v>45527682.789999999</v>
      </c>
      <c r="BC2267" s="53">
        <v>45527682.789999999</v>
      </c>
      <c r="BD2267" s="53">
        <v>45527682.789999999</v>
      </c>
      <c r="BE2267" s="53">
        <v>45527682.789999999</v>
      </c>
      <c r="BF2267" s="53">
        <v>45527682.789999999</v>
      </c>
      <c r="BG2267" s="53">
        <v>45527682.789999999</v>
      </c>
      <c r="BH2267" s="53">
        <v>45527682.789999999</v>
      </c>
      <c r="BI2267" s="53">
        <v>45527682.789999999</v>
      </c>
      <c r="BJ2267" s="53">
        <v>45527682.789999999</v>
      </c>
      <c r="BK2267" s="53">
        <v>45527682.789999999</v>
      </c>
      <c r="BL2267" s="53">
        <v>45527682.789999999</v>
      </c>
      <c r="BM2267" s="53">
        <v>45527682.789999999</v>
      </c>
      <c r="BN2267" s="53">
        <v>45527682.789999999</v>
      </c>
      <c r="BO2267" s="53">
        <v>45527682.789999999</v>
      </c>
      <c r="BP2267" s="53">
        <v>45527682.789999999</v>
      </c>
      <c r="BQ2267" s="53">
        <v>45527682.789999999</v>
      </c>
      <c r="BR2267" s="53">
        <v>45527682.789999999</v>
      </c>
      <c r="BS2267" s="53">
        <v>45527682.789999999</v>
      </c>
      <c r="BT2267" s="53">
        <v>45527682.789999999</v>
      </c>
      <c r="BU2267" s="53">
        <v>45527682.789999999</v>
      </c>
      <c r="BV2267" s="53">
        <v>45527682.789999999</v>
      </c>
      <c r="BW2267" s="53">
        <v>45527682.789999999</v>
      </c>
      <c r="BX2267" s="53">
        <v>45527682.789999999</v>
      </c>
      <c r="BY2267" s="53">
        <v>45527682.789999999</v>
      </c>
      <c r="BZ2267" s="53">
        <v>45527682.789999999</v>
      </c>
      <c r="CA2267" s="53">
        <v>45527682.789999999</v>
      </c>
      <c r="CB2267" s="53">
        <v>-8310.1044776119197</v>
      </c>
      <c r="CC2267" s="53">
        <v>-8310.1044776119197</v>
      </c>
      <c r="CD2267" s="53">
        <v>-8310.1044776119197</v>
      </c>
      <c r="CE2267" s="53">
        <v>-8310.1044776119197</v>
      </c>
      <c r="CF2267" s="53">
        <v>-8310.1044776119197</v>
      </c>
      <c r="CG2267" s="53">
        <v>-8310.1044776119197</v>
      </c>
      <c r="CH2267" s="53">
        <v>-8310.1044776119197</v>
      </c>
      <c r="CI2267" s="53">
        <v>-8310.1044776119197</v>
      </c>
      <c r="CJ2267" s="53">
        <v>-8310.1044776119197</v>
      </c>
      <c r="CK2267" s="53">
        <v>-8310.1044776119197</v>
      </c>
      <c r="CL2267" s="53">
        <v>-8310.1044776119197</v>
      </c>
      <c r="CM2267" s="53">
        <v>-8310.1044776119197</v>
      </c>
      <c r="CN2267" s="53">
        <v>-99721.253731343095</v>
      </c>
    </row>
    <row r="2268" spans="1:92" outlineLevel="1">
      <c r="A2268" s="52" t="s">
        <v>1631</v>
      </c>
      <c r="B2268" s="53">
        <v>0</v>
      </c>
      <c r="C2268" s="53">
        <v>0</v>
      </c>
      <c r="D2268" s="53">
        <v>0</v>
      </c>
      <c r="E2268" s="53">
        <v>0</v>
      </c>
      <c r="F2268" s="53">
        <v>0</v>
      </c>
      <c r="G2268" s="53">
        <v>0</v>
      </c>
      <c r="H2268" s="53">
        <v>0</v>
      </c>
      <c r="I2268" s="53">
        <v>0</v>
      </c>
      <c r="J2268" s="53">
        <v>0</v>
      </c>
      <c r="K2268" s="53">
        <v>0</v>
      </c>
      <c r="L2268" s="53">
        <v>0</v>
      </c>
      <c r="M2268" s="53">
        <v>0</v>
      </c>
      <c r="N2268" s="53">
        <v>0</v>
      </c>
      <c r="O2268" s="53">
        <v>0</v>
      </c>
      <c r="P2268" s="53">
        <v>0</v>
      </c>
      <c r="Q2268" s="53">
        <v>0</v>
      </c>
      <c r="R2268" s="53">
        <v>0</v>
      </c>
      <c r="S2268" s="53">
        <v>0</v>
      </c>
      <c r="T2268" s="53">
        <v>0</v>
      </c>
      <c r="U2268" s="53">
        <v>0</v>
      </c>
      <c r="V2268" s="53">
        <v>0</v>
      </c>
      <c r="W2268" s="53">
        <v>0</v>
      </c>
      <c r="X2268" s="53">
        <v>0</v>
      </c>
      <c r="Y2268" s="53">
        <v>0</v>
      </c>
      <c r="Z2268" s="53">
        <v>0</v>
      </c>
      <c r="AA2268" s="53">
        <v>0</v>
      </c>
      <c r="AB2268" s="53">
        <v>0</v>
      </c>
      <c r="AC2268" s="53">
        <v>0</v>
      </c>
      <c r="AD2268" s="53">
        <v>0</v>
      </c>
      <c r="AE2268" s="53">
        <v>0</v>
      </c>
      <c r="AF2268" s="53">
        <v>0</v>
      </c>
      <c r="AG2268" s="53">
        <v>0</v>
      </c>
      <c r="AH2268" s="53">
        <v>0</v>
      </c>
      <c r="AI2268" s="53">
        <v>0</v>
      </c>
      <c r="AJ2268" s="53">
        <v>0</v>
      </c>
      <c r="AK2268" s="53">
        <v>0</v>
      </c>
      <c r="AL2268" s="53">
        <v>0</v>
      </c>
      <c r="AM2268" s="53">
        <v>0</v>
      </c>
      <c r="AN2268" s="53">
        <v>0</v>
      </c>
      <c r="AO2268" s="53">
        <v>0</v>
      </c>
      <c r="AP2268" s="53">
        <v>0</v>
      </c>
      <c r="AQ2268" s="53">
        <v>0</v>
      </c>
      <c r="AR2268" s="53">
        <v>0</v>
      </c>
      <c r="AS2268" s="53">
        <v>0</v>
      </c>
      <c r="AT2268" s="53">
        <v>0</v>
      </c>
      <c r="AU2268" s="53">
        <v>0</v>
      </c>
      <c r="AV2268" s="53">
        <v>0</v>
      </c>
      <c r="AW2268" s="53">
        <v>0</v>
      </c>
      <c r="AX2268" s="53">
        <v>0</v>
      </c>
      <c r="AY2268" s="53">
        <v>0</v>
      </c>
      <c r="AZ2268" s="53">
        <v>0</v>
      </c>
      <c r="BA2268" s="53">
        <v>0</v>
      </c>
      <c r="BB2268" s="53">
        <v>0</v>
      </c>
      <c r="BC2268" s="53">
        <v>0</v>
      </c>
      <c r="BD2268" s="53">
        <v>0</v>
      </c>
      <c r="BE2268" s="53">
        <v>0</v>
      </c>
      <c r="BF2268" s="53">
        <v>0</v>
      </c>
      <c r="BG2268" s="53">
        <v>0</v>
      </c>
      <c r="BH2268" s="53">
        <v>0</v>
      </c>
      <c r="BI2268" s="53">
        <v>0</v>
      </c>
      <c r="BJ2268" s="53">
        <v>0</v>
      </c>
      <c r="BK2268" s="53">
        <v>0</v>
      </c>
      <c r="BL2268" s="53">
        <v>0</v>
      </c>
      <c r="BM2268" s="53">
        <v>0</v>
      </c>
      <c r="BN2268" s="53">
        <v>0</v>
      </c>
      <c r="BO2268" s="53">
        <v>0</v>
      </c>
      <c r="BP2268" s="53">
        <v>0</v>
      </c>
      <c r="BQ2268" s="53">
        <v>0</v>
      </c>
      <c r="BR2268" s="53">
        <v>0</v>
      </c>
      <c r="BS2268" s="53">
        <v>0</v>
      </c>
      <c r="BT2268" s="53">
        <v>0</v>
      </c>
      <c r="BU2268" s="53">
        <v>0</v>
      </c>
      <c r="BV2268" s="53">
        <v>0</v>
      </c>
      <c r="BW2268" s="53">
        <v>0</v>
      </c>
      <c r="BX2268" s="53">
        <v>0</v>
      </c>
      <c r="BY2268" s="53">
        <v>0</v>
      </c>
      <c r="BZ2268" s="53">
        <v>0</v>
      </c>
      <c r="CA2268" s="53">
        <v>0</v>
      </c>
      <c r="CB2268" s="53">
        <v>-18632.710875331501</v>
      </c>
      <c r="CC2268" s="53">
        <v>-18632.710875331501</v>
      </c>
      <c r="CD2268" s="53">
        <v>-18632.710875331501</v>
      </c>
      <c r="CE2268" s="53">
        <v>-18632.710875331501</v>
      </c>
      <c r="CF2268" s="53">
        <v>-18632.710875331501</v>
      </c>
      <c r="CG2268" s="53">
        <v>-18632.710875331501</v>
      </c>
      <c r="CH2268" s="53">
        <v>-18632.710875331501</v>
      </c>
      <c r="CI2268" s="53">
        <v>-18632.710875331501</v>
      </c>
      <c r="CJ2268" s="53">
        <v>-18632.710875331501</v>
      </c>
      <c r="CK2268" s="53">
        <v>-18632.710875331501</v>
      </c>
      <c r="CL2268" s="53">
        <v>-18632.710875331501</v>
      </c>
      <c r="CM2268" s="53">
        <v>-18632.710875331501</v>
      </c>
      <c r="CN2268" s="53">
        <v>-223592.53050397799</v>
      </c>
    </row>
    <row r="2269" spans="1:92" outlineLevel="1">
      <c r="A2269" s="52" t="s">
        <v>1218</v>
      </c>
      <c r="B2269" s="53">
        <v>1464535.01</v>
      </c>
      <c r="C2269" s="53">
        <v>1209335.69</v>
      </c>
      <c r="D2269" s="53">
        <v>1167569.5999999901</v>
      </c>
      <c r="E2269" s="53">
        <v>913567.01</v>
      </c>
      <c r="F2269" s="53">
        <v>909486.07999999996</v>
      </c>
      <c r="G2269" s="53">
        <v>906062.58</v>
      </c>
      <c r="H2269" s="53">
        <v>895194.63999999897</v>
      </c>
      <c r="I2269" s="53">
        <v>893537.23</v>
      </c>
      <c r="J2269" s="53">
        <v>891879.82</v>
      </c>
      <c r="K2269" s="53">
        <v>939248.22999999905</v>
      </c>
      <c r="L2269" s="53">
        <v>939248.22999999905</v>
      </c>
      <c r="M2269" s="53">
        <v>939248.22999999905</v>
      </c>
      <c r="N2269" s="53">
        <v>1464535.01</v>
      </c>
      <c r="O2269" s="53">
        <v>2376799.16</v>
      </c>
      <c r="P2269" s="53">
        <v>1764919.59</v>
      </c>
      <c r="Q2269" s="53">
        <v>1764919.59</v>
      </c>
      <c r="R2269" s="53">
        <v>1764919.59</v>
      </c>
      <c r="S2269" s="53">
        <v>1764919.59</v>
      </c>
      <c r="T2269" s="53">
        <v>1764919.59</v>
      </c>
      <c r="U2269" s="53">
        <v>1764919.59</v>
      </c>
      <c r="V2269" s="53">
        <v>1764919.59</v>
      </c>
      <c r="W2269" s="53">
        <v>1764919.59</v>
      </c>
      <c r="X2269" s="53">
        <v>1764919.59</v>
      </c>
      <c r="Y2269" s="53">
        <v>1764919.59</v>
      </c>
      <c r="Z2269" s="53">
        <v>1764919.59</v>
      </c>
      <c r="AA2269" s="53">
        <v>2376799.16</v>
      </c>
      <c r="AB2269" s="53">
        <v>1764919.59</v>
      </c>
      <c r="AC2269" s="53">
        <v>755678.41</v>
      </c>
      <c r="AD2269" s="53">
        <v>755678.41</v>
      </c>
      <c r="AE2269" s="53">
        <v>755678.41</v>
      </c>
      <c r="AF2269" s="53">
        <v>755678.41</v>
      </c>
      <c r="AG2269" s="53">
        <v>755678.41</v>
      </c>
      <c r="AH2269" s="53">
        <v>755678.41</v>
      </c>
      <c r="AI2269" s="53">
        <v>755678.41</v>
      </c>
      <c r="AJ2269" s="53">
        <v>755678.41</v>
      </c>
      <c r="AK2269" s="53">
        <v>755678.41</v>
      </c>
      <c r="AL2269" s="53">
        <v>755678.41</v>
      </c>
      <c r="AM2269" s="53">
        <v>755678.41</v>
      </c>
      <c r="AN2269" s="53">
        <v>1764919.59</v>
      </c>
      <c r="AO2269" s="53">
        <v>755678.41</v>
      </c>
      <c r="AP2269" s="53">
        <v>755678.41</v>
      </c>
      <c r="AQ2269" s="53">
        <v>755678.41</v>
      </c>
      <c r="AR2269" s="53">
        <v>755678.41</v>
      </c>
      <c r="AS2269" s="53">
        <v>755678.41</v>
      </c>
      <c r="AT2269" s="53">
        <v>755678.41</v>
      </c>
      <c r="AU2269" s="53">
        <v>755678.41</v>
      </c>
      <c r="AV2269" s="53">
        <v>755678.41</v>
      </c>
      <c r="AW2269" s="53">
        <v>755678.41</v>
      </c>
      <c r="AX2269" s="53">
        <v>755678.41</v>
      </c>
      <c r="AY2269" s="53">
        <v>755678.41</v>
      </c>
      <c r="AZ2269" s="53">
        <v>755678.41</v>
      </c>
      <c r="BA2269" s="53">
        <v>755678.41</v>
      </c>
      <c r="BB2269" s="53">
        <v>755678.41</v>
      </c>
      <c r="BC2269" s="53">
        <v>755678.41</v>
      </c>
      <c r="BD2269" s="53">
        <v>755678.41</v>
      </c>
      <c r="BE2269" s="53">
        <v>755678.41</v>
      </c>
      <c r="BF2269" s="53">
        <v>755678.41</v>
      </c>
      <c r="BG2269" s="53">
        <v>755678.41</v>
      </c>
      <c r="BH2269" s="53">
        <v>755678.41</v>
      </c>
      <c r="BI2269" s="53">
        <v>755678.41</v>
      </c>
      <c r="BJ2269" s="53">
        <v>755678.41</v>
      </c>
      <c r="BK2269" s="53">
        <v>755678.41</v>
      </c>
      <c r="BL2269" s="53">
        <v>755678.41</v>
      </c>
      <c r="BM2269" s="53">
        <v>755678.41</v>
      </c>
      <c r="BN2269" s="53">
        <v>755678.41</v>
      </c>
      <c r="BO2269" s="53">
        <v>755678.41</v>
      </c>
      <c r="BP2269" s="53">
        <v>755678.41</v>
      </c>
      <c r="BQ2269" s="53">
        <v>755678.41</v>
      </c>
      <c r="BR2269" s="53">
        <v>755678.41</v>
      </c>
      <c r="BS2269" s="53">
        <v>755678.41</v>
      </c>
      <c r="BT2269" s="53">
        <v>755678.41</v>
      </c>
      <c r="BU2269" s="53">
        <v>755678.41</v>
      </c>
      <c r="BV2269" s="53">
        <v>755678.41</v>
      </c>
      <c r="BW2269" s="53">
        <v>755678.41</v>
      </c>
      <c r="BX2269" s="53">
        <v>755678.41</v>
      </c>
      <c r="BY2269" s="53">
        <v>755678.41</v>
      </c>
      <c r="BZ2269" s="53">
        <v>755678.41</v>
      </c>
      <c r="CA2269" s="53">
        <v>755678.41</v>
      </c>
      <c r="CB2269" s="53"/>
      <c r="CC2269" s="53"/>
      <c r="CD2269" s="53"/>
      <c r="CE2269" s="53"/>
      <c r="CF2269" s="53"/>
      <c r="CG2269" s="53"/>
      <c r="CH2269" s="53"/>
      <c r="CI2269" s="53"/>
      <c r="CJ2269" s="53"/>
      <c r="CK2269" s="53"/>
      <c r="CL2269" s="53"/>
      <c r="CM2269" s="53"/>
      <c r="CN2269" s="53"/>
    </row>
    <row r="2270" spans="1:92" outlineLevel="1">
      <c r="A2270" s="52" t="s">
        <v>699</v>
      </c>
      <c r="B2270" s="53"/>
      <c r="C2270" s="53"/>
      <c r="D2270" s="53"/>
      <c r="E2270" s="53"/>
      <c r="F2270" s="53"/>
      <c r="G2270" s="53"/>
      <c r="H2270" s="53"/>
      <c r="I2270" s="53"/>
      <c r="J2270" s="53"/>
      <c r="K2270" s="53"/>
      <c r="L2270" s="53"/>
      <c r="M2270" s="53"/>
      <c r="N2270" s="53"/>
      <c r="O2270" s="53"/>
      <c r="P2270" s="53"/>
      <c r="Q2270" s="53"/>
      <c r="R2270" s="53"/>
      <c r="S2270" s="53"/>
      <c r="T2270" s="53"/>
      <c r="U2270" s="53"/>
      <c r="V2270" s="53"/>
      <c r="W2270" s="53"/>
      <c r="X2270" s="53"/>
      <c r="Y2270" s="53"/>
      <c r="Z2270" s="53"/>
      <c r="AA2270" s="53"/>
      <c r="AB2270" s="53"/>
      <c r="AC2270" s="53"/>
      <c r="AD2270" s="53"/>
      <c r="AE2270" s="53"/>
      <c r="AF2270" s="53"/>
      <c r="AG2270" s="53"/>
      <c r="AH2270" s="53"/>
      <c r="AI2270" s="53"/>
      <c r="AJ2270" s="53"/>
      <c r="AK2270" s="53"/>
      <c r="AL2270" s="53"/>
      <c r="AM2270" s="53"/>
      <c r="AN2270" s="53"/>
      <c r="AO2270" s="53"/>
      <c r="AP2270" s="53"/>
      <c r="AQ2270" s="53"/>
      <c r="AR2270" s="53"/>
      <c r="AS2270" s="53"/>
      <c r="AT2270" s="53"/>
      <c r="AU2270" s="53"/>
      <c r="AV2270" s="53"/>
      <c r="AW2270" s="53"/>
      <c r="AX2270" s="53"/>
      <c r="AY2270" s="53"/>
      <c r="AZ2270" s="53"/>
      <c r="BA2270" s="53"/>
      <c r="BB2270" s="53"/>
      <c r="BC2270" s="53"/>
      <c r="BD2270" s="53"/>
      <c r="BE2270" s="53"/>
      <c r="BF2270" s="53"/>
      <c r="BG2270" s="53"/>
      <c r="BH2270" s="53"/>
      <c r="BI2270" s="53"/>
      <c r="BJ2270" s="53"/>
      <c r="BK2270" s="53"/>
      <c r="BL2270" s="53"/>
      <c r="BM2270" s="53"/>
      <c r="BN2270" s="53"/>
      <c r="BO2270" s="53"/>
      <c r="BP2270" s="53"/>
      <c r="BQ2270" s="53"/>
      <c r="BR2270" s="53"/>
      <c r="BS2270" s="53"/>
      <c r="BT2270" s="53"/>
      <c r="BU2270" s="53"/>
      <c r="BV2270" s="53"/>
      <c r="BW2270" s="53"/>
      <c r="BX2270" s="53"/>
      <c r="BY2270" s="53"/>
      <c r="BZ2270" s="53"/>
      <c r="CA2270" s="53"/>
      <c r="CB2270" s="53">
        <v>-36488.334177215103</v>
      </c>
      <c r="CC2270" s="53">
        <v>-36488.334177215103</v>
      </c>
      <c r="CD2270" s="53">
        <v>-36488.334177215103</v>
      </c>
      <c r="CE2270" s="53">
        <v>-36488.334177215103</v>
      </c>
      <c r="CF2270" s="53">
        <v>-36488.334177215103</v>
      </c>
      <c r="CG2270" s="53">
        <v>-36488.334177215103</v>
      </c>
      <c r="CH2270" s="53">
        <v>-36488.334177215103</v>
      </c>
      <c r="CI2270" s="53">
        <v>-36488.334177215103</v>
      </c>
      <c r="CJ2270" s="53">
        <v>-36488.334177215103</v>
      </c>
      <c r="CK2270" s="53">
        <v>-36488.334177215103</v>
      </c>
      <c r="CL2270" s="53">
        <v>-36488.334177215103</v>
      </c>
      <c r="CM2270" s="53">
        <v>-36488.334177215103</v>
      </c>
      <c r="CN2270" s="53">
        <v>-437860.010126582</v>
      </c>
    </row>
    <row r="2271" spans="1:92" outlineLevel="1">
      <c r="A2271" s="52" t="s">
        <v>741</v>
      </c>
      <c r="B2271" s="53"/>
      <c r="C2271" s="53"/>
      <c r="D2271" s="53"/>
      <c r="E2271" s="53"/>
      <c r="F2271" s="53"/>
      <c r="G2271" s="53"/>
      <c r="H2271" s="53"/>
      <c r="I2271" s="53"/>
      <c r="J2271" s="53"/>
      <c r="K2271" s="53"/>
      <c r="L2271" s="53"/>
      <c r="M2271" s="53"/>
      <c r="N2271" s="53"/>
      <c r="O2271" s="53"/>
      <c r="P2271" s="53"/>
      <c r="Q2271" s="53"/>
      <c r="R2271" s="53"/>
      <c r="S2271" s="53"/>
      <c r="T2271" s="53"/>
      <c r="U2271" s="53"/>
      <c r="V2271" s="53"/>
      <c r="W2271" s="53"/>
      <c r="X2271" s="53"/>
      <c r="Y2271" s="53"/>
      <c r="Z2271" s="53"/>
      <c r="AA2271" s="53"/>
      <c r="AB2271" s="53"/>
      <c r="AC2271" s="53"/>
      <c r="AD2271" s="53"/>
      <c r="AE2271" s="53"/>
      <c r="AF2271" s="53"/>
      <c r="AG2271" s="53"/>
      <c r="AH2271" s="53"/>
      <c r="AI2271" s="53"/>
      <c r="AJ2271" s="53"/>
      <c r="AK2271" s="53"/>
      <c r="AL2271" s="53"/>
      <c r="AM2271" s="53"/>
      <c r="AN2271" s="53"/>
      <c r="AO2271" s="53"/>
      <c r="AP2271" s="53"/>
      <c r="AQ2271" s="53"/>
      <c r="AR2271" s="53"/>
      <c r="AS2271" s="53"/>
      <c r="AT2271" s="53"/>
      <c r="AU2271" s="53"/>
      <c r="AV2271" s="53"/>
      <c r="AW2271" s="53"/>
      <c r="AX2271" s="53"/>
      <c r="AY2271" s="53"/>
      <c r="AZ2271" s="53"/>
      <c r="BA2271" s="53"/>
      <c r="BB2271" s="53"/>
      <c r="BC2271" s="53"/>
      <c r="BD2271" s="53"/>
      <c r="BE2271" s="53"/>
      <c r="BF2271" s="53"/>
      <c r="BG2271" s="53"/>
      <c r="BH2271" s="53"/>
      <c r="BI2271" s="53"/>
      <c r="BJ2271" s="53"/>
      <c r="BK2271" s="53"/>
      <c r="BL2271" s="53"/>
      <c r="BM2271" s="53"/>
      <c r="BN2271" s="53"/>
      <c r="BO2271" s="53"/>
      <c r="BP2271" s="53"/>
      <c r="BQ2271" s="53"/>
      <c r="BR2271" s="53"/>
      <c r="BS2271" s="53"/>
      <c r="BT2271" s="53"/>
      <c r="BU2271" s="53"/>
      <c r="BV2271" s="53"/>
      <c r="BW2271" s="53"/>
      <c r="BX2271" s="53"/>
      <c r="BY2271" s="53"/>
      <c r="BZ2271" s="53"/>
      <c r="CA2271" s="53"/>
      <c r="CB2271" s="53">
        <v>-13019.146118721401</v>
      </c>
      <c r="CC2271" s="53">
        <v>-13019.146118721401</v>
      </c>
      <c r="CD2271" s="53">
        <v>-13019.146118721401</v>
      </c>
      <c r="CE2271" s="53">
        <v>-13019.146118721401</v>
      </c>
      <c r="CF2271" s="53">
        <v>-13019.146118721401</v>
      </c>
      <c r="CG2271" s="53">
        <v>-13019.146118721401</v>
      </c>
      <c r="CH2271" s="53">
        <v>-13019.146118721401</v>
      </c>
      <c r="CI2271" s="53">
        <v>-13019.146118721401</v>
      </c>
      <c r="CJ2271" s="53">
        <v>-13019.146118721401</v>
      </c>
      <c r="CK2271" s="53">
        <v>-13019.146118721401</v>
      </c>
      <c r="CL2271" s="53">
        <v>-13019.146118721401</v>
      </c>
      <c r="CM2271" s="53">
        <v>-13019.146118721401</v>
      </c>
      <c r="CN2271" s="53">
        <v>-156229.75342465701</v>
      </c>
    </row>
    <row r="2272" spans="1:92" outlineLevel="1">
      <c r="A2272" s="52" t="s">
        <v>1632</v>
      </c>
      <c r="B2272" s="53"/>
      <c r="C2272" s="53"/>
      <c r="D2272" s="53"/>
      <c r="E2272" s="53"/>
      <c r="F2272" s="53"/>
      <c r="G2272" s="53"/>
      <c r="H2272" s="53"/>
      <c r="I2272" s="53"/>
      <c r="J2272" s="53"/>
      <c r="K2272" s="53"/>
      <c r="L2272" s="53"/>
      <c r="M2272" s="53"/>
      <c r="N2272" s="53"/>
      <c r="O2272" s="53"/>
      <c r="P2272" s="53"/>
      <c r="Q2272" s="53"/>
      <c r="R2272" s="53"/>
      <c r="S2272" s="53"/>
      <c r="T2272" s="53"/>
      <c r="U2272" s="53"/>
      <c r="V2272" s="53"/>
      <c r="W2272" s="53"/>
      <c r="X2272" s="53"/>
      <c r="Y2272" s="53"/>
      <c r="Z2272" s="53"/>
      <c r="AA2272" s="53"/>
      <c r="AB2272" s="53"/>
      <c r="AC2272" s="53"/>
      <c r="AD2272" s="53"/>
      <c r="AE2272" s="53"/>
      <c r="AF2272" s="53"/>
      <c r="AG2272" s="53"/>
      <c r="AH2272" s="53"/>
      <c r="AI2272" s="53"/>
      <c r="AJ2272" s="53"/>
      <c r="AK2272" s="53"/>
      <c r="AL2272" s="53"/>
      <c r="AM2272" s="53"/>
      <c r="AN2272" s="53"/>
      <c r="AO2272" s="53"/>
      <c r="AP2272" s="53"/>
      <c r="AQ2272" s="53"/>
      <c r="AR2272" s="53"/>
      <c r="AS2272" s="53"/>
      <c r="AT2272" s="53"/>
      <c r="AU2272" s="53"/>
      <c r="AV2272" s="53"/>
      <c r="AW2272" s="53"/>
      <c r="AX2272" s="53"/>
      <c r="AY2272" s="53"/>
      <c r="AZ2272" s="53"/>
      <c r="BA2272" s="53"/>
      <c r="BB2272" s="53"/>
      <c r="BC2272" s="53"/>
      <c r="BD2272" s="53"/>
      <c r="BE2272" s="53"/>
      <c r="BF2272" s="53"/>
      <c r="BG2272" s="53"/>
      <c r="BH2272" s="53"/>
      <c r="BI2272" s="53"/>
      <c r="BJ2272" s="53"/>
      <c r="BK2272" s="53"/>
      <c r="BL2272" s="53"/>
      <c r="BM2272" s="53"/>
      <c r="BN2272" s="53"/>
      <c r="BO2272" s="53"/>
      <c r="BP2272" s="53"/>
      <c r="BQ2272" s="53"/>
      <c r="BR2272" s="53"/>
      <c r="BS2272" s="53"/>
      <c r="BT2272" s="53"/>
      <c r="BU2272" s="53"/>
      <c r="BV2272" s="53"/>
      <c r="BW2272" s="53"/>
      <c r="BX2272" s="53"/>
      <c r="BY2272" s="53"/>
      <c r="BZ2272" s="53"/>
      <c r="CA2272" s="53"/>
      <c r="CB2272" s="53">
        <v>-13527.6846307385</v>
      </c>
      <c r="CC2272" s="53">
        <v>-13527.6846307385</v>
      </c>
      <c r="CD2272" s="53">
        <v>-13527.6846307385</v>
      </c>
      <c r="CE2272" s="53">
        <v>-13527.6846307385</v>
      </c>
      <c r="CF2272" s="53">
        <v>-13527.6846307385</v>
      </c>
      <c r="CG2272" s="53">
        <v>-13527.6846307385</v>
      </c>
      <c r="CH2272" s="53">
        <v>-13527.6846307385</v>
      </c>
      <c r="CI2272" s="53">
        <v>-13527.6846307385</v>
      </c>
      <c r="CJ2272" s="53">
        <v>-13527.6846307385</v>
      </c>
      <c r="CK2272" s="53">
        <v>-13527.6846307385</v>
      </c>
      <c r="CL2272" s="53">
        <v>-13527.6846307385</v>
      </c>
      <c r="CM2272" s="53">
        <v>-13527.6846307385</v>
      </c>
      <c r="CN2272" s="53">
        <v>-162332.21556886201</v>
      </c>
    </row>
    <row r="2273" spans="1:92" outlineLevel="1">
      <c r="A2273" s="52" t="s">
        <v>649</v>
      </c>
      <c r="B2273" s="53"/>
      <c r="C2273" s="53"/>
      <c r="D2273" s="53"/>
      <c r="E2273" s="53"/>
      <c r="F2273" s="53"/>
      <c r="G2273" s="53"/>
      <c r="H2273" s="53"/>
      <c r="I2273" s="53"/>
      <c r="J2273" s="53"/>
      <c r="K2273" s="53"/>
      <c r="L2273" s="53"/>
      <c r="M2273" s="53"/>
      <c r="N2273" s="53"/>
      <c r="O2273" s="53">
        <v>-611879.56999999995</v>
      </c>
      <c r="P2273" s="53"/>
      <c r="Q2273" s="53"/>
      <c r="R2273" s="53"/>
      <c r="S2273" s="53"/>
      <c r="T2273" s="53"/>
      <c r="U2273" s="53"/>
      <c r="V2273" s="53"/>
      <c r="W2273" s="53"/>
      <c r="X2273" s="53"/>
      <c r="Y2273" s="53"/>
      <c r="Z2273" s="53"/>
      <c r="AA2273" s="53">
        <v>-611879.56999999995</v>
      </c>
      <c r="AB2273" s="53">
        <v>-1009241.17999999</v>
      </c>
      <c r="AC2273" s="53"/>
      <c r="AD2273" s="53"/>
      <c r="AE2273" s="53"/>
      <c r="AF2273" s="53"/>
      <c r="AG2273" s="53"/>
      <c r="AH2273" s="53"/>
      <c r="AI2273" s="53"/>
      <c r="AJ2273" s="53"/>
      <c r="AK2273" s="53"/>
      <c r="AL2273" s="53"/>
      <c r="AM2273" s="53"/>
      <c r="AN2273" s="53">
        <v>-1009241.17999999</v>
      </c>
      <c r="AO2273" s="53"/>
      <c r="AP2273" s="53"/>
      <c r="AQ2273" s="53"/>
      <c r="AR2273" s="53"/>
      <c r="AS2273" s="53"/>
      <c r="AT2273" s="53"/>
      <c r="AU2273" s="53"/>
      <c r="AV2273" s="53"/>
      <c r="AW2273" s="53"/>
      <c r="AX2273" s="53"/>
      <c r="AY2273" s="53"/>
      <c r="AZ2273" s="53"/>
      <c r="BA2273" s="53"/>
      <c r="BB2273" s="53"/>
      <c r="BC2273" s="53"/>
      <c r="BD2273" s="53"/>
      <c r="BE2273" s="53"/>
      <c r="BF2273" s="53"/>
      <c r="BG2273" s="53"/>
      <c r="BH2273" s="53"/>
      <c r="BI2273" s="53"/>
      <c r="BJ2273" s="53"/>
      <c r="BK2273" s="53"/>
      <c r="BL2273" s="53"/>
      <c r="BM2273" s="53"/>
      <c r="BN2273" s="53"/>
      <c r="BO2273" s="53"/>
      <c r="BP2273" s="53"/>
      <c r="BQ2273" s="53"/>
      <c r="BR2273" s="53"/>
      <c r="BS2273" s="53"/>
      <c r="BT2273" s="53"/>
      <c r="BU2273" s="53"/>
      <c r="BV2273" s="53"/>
      <c r="BW2273" s="53"/>
      <c r="BX2273" s="53"/>
      <c r="BY2273" s="53"/>
      <c r="BZ2273" s="53"/>
      <c r="CA2273" s="53"/>
      <c r="CB2273" s="53">
        <v>-20148.9797979797</v>
      </c>
      <c r="CC2273" s="53">
        <v>-20148.9797979797</v>
      </c>
      <c r="CD2273" s="53">
        <v>-20148.9797979797</v>
      </c>
      <c r="CE2273" s="53">
        <v>-20148.9797979797</v>
      </c>
      <c r="CF2273" s="53">
        <v>-20148.9797979797</v>
      </c>
      <c r="CG2273" s="53">
        <v>-20148.9797979797</v>
      </c>
      <c r="CH2273" s="53">
        <v>-20148.9797979797</v>
      </c>
      <c r="CI2273" s="53">
        <v>-20148.9797979797</v>
      </c>
      <c r="CJ2273" s="53">
        <v>-20148.9797979797</v>
      </c>
      <c r="CK2273" s="53">
        <v>-20148.9797979797</v>
      </c>
      <c r="CL2273" s="53">
        <v>-20148.9797979797</v>
      </c>
      <c r="CM2273" s="53">
        <v>-20148.9797979797</v>
      </c>
      <c r="CN2273" s="53">
        <v>-241787.75757575699</v>
      </c>
    </row>
    <row r="2274" spans="1:92" outlineLevel="1">
      <c r="A2274" s="52" t="s">
        <v>1633</v>
      </c>
      <c r="B2274" s="53">
        <v>1209335.69</v>
      </c>
      <c r="C2274" s="53">
        <v>1167569.5999999901</v>
      </c>
      <c r="D2274" s="53">
        <v>913567.01</v>
      </c>
      <c r="E2274" s="53">
        <v>909486.07999999996</v>
      </c>
      <c r="F2274" s="53">
        <v>906062.58</v>
      </c>
      <c r="G2274" s="53">
        <v>895194.63999999897</v>
      </c>
      <c r="H2274" s="53">
        <v>893537.23</v>
      </c>
      <c r="I2274" s="53">
        <v>891879.82</v>
      </c>
      <c r="J2274" s="53">
        <v>939248.22999999905</v>
      </c>
      <c r="K2274" s="53">
        <v>939248.22999999905</v>
      </c>
      <c r="L2274" s="53">
        <v>939248.22999999905</v>
      </c>
      <c r="M2274" s="53">
        <v>2376799.16</v>
      </c>
      <c r="N2274" s="53">
        <v>2376799.16</v>
      </c>
      <c r="O2274" s="53">
        <v>1764919.59</v>
      </c>
      <c r="P2274" s="53">
        <v>1764919.59</v>
      </c>
      <c r="Q2274" s="53">
        <v>1764919.59</v>
      </c>
      <c r="R2274" s="53">
        <v>1764919.59</v>
      </c>
      <c r="S2274" s="53">
        <v>1764919.59</v>
      </c>
      <c r="T2274" s="53">
        <v>1764919.59</v>
      </c>
      <c r="U2274" s="53">
        <v>1764919.59</v>
      </c>
      <c r="V2274" s="53">
        <v>1764919.59</v>
      </c>
      <c r="W2274" s="53">
        <v>1764919.59</v>
      </c>
      <c r="X2274" s="53">
        <v>1764919.59</v>
      </c>
      <c r="Y2274" s="53">
        <v>1764919.59</v>
      </c>
      <c r="Z2274" s="53">
        <v>1764919.59</v>
      </c>
      <c r="AA2274" s="53">
        <v>1764919.59</v>
      </c>
      <c r="AB2274" s="53">
        <v>755678.41</v>
      </c>
      <c r="AC2274" s="53">
        <v>755678.41</v>
      </c>
      <c r="AD2274" s="53">
        <v>755678.41</v>
      </c>
      <c r="AE2274" s="53">
        <v>755678.41</v>
      </c>
      <c r="AF2274" s="53">
        <v>755678.41</v>
      </c>
      <c r="AG2274" s="53">
        <v>755678.41</v>
      </c>
      <c r="AH2274" s="53">
        <v>755678.41</v>
      </c>
      <c r="AI2274" s="53">
        <v>755678.41</v>
      </c>
      <c r="AJ2274" s="53">
        <v>755678.41</v>
      </c>
      <c r="AK2274" s="53">
        <v>755678.41</v>
      </c>
      <c r="AL2274" s="53">
        <v>755678.41</v>
      </c>
      <c r="AM2274" s="53">
        <v>755678.41</v>
      </c>
      <c r="AN2274" s="53">
        <v>755678.41</v>
      </c>
      <c r="AO2274" s="53">
        <v>755678.41</v>
      </c>
      <c r="AP2274" s="53">
        <v>755678.41</v>
      </c>
      <c r="AQ2274" s="53">
        <v>755678.41</v>
      </c>
      <c r="AR2274" s="53">
        <v>755678.41</v>
      </c>
      <c r="AS2274" s="53">
        <v>755678.41</v>
      </c>
      <c r="AT2274" s="53">
        <v>755678.41</v>
      </c>
      <c r="AU2274" s="53">
        <v>755678.41</v>
      </c>
      <c r="AV2274" s="53">
        <v>755678.41</v>
      </c>
      <c r="AW2274" s="53">
        <v>755678.41</v>
      </c>
      <c r="AX2274" s="53">
        <v>755678.41</v>
      </c>
      <c r="AY2274" s="53">
        <v>755678.41</v>
      </c>
      <c r="AZ2274" s="53">
        <v>755678.41</v>
      </c>
      <c r="BA2274" s="53">
        <v>755678.41</v>
      </c>
      <c r="BB2274" s="53">
        <v>755678.41</v>
      </c>
      <c r="BC2274" s="53">
        <v>755678.41</v>
      </c>
      <c r="BD2274" s="53">
        <v>755678.41</v>
      </c>
      <c r="BE2274" s="53">
        <v>755678.41</v>
      </c>
      <c r="BF2274" s="53">
        <v>755678.41</v>
      </c>
      <c r="BG2274" s="53">
        <v>755678.41</v>
      </c>
      <c r="BH2274" s="53">
        <v>755678.41</v>
      </c>
      <c r="BI2274" s="53">
        <v>755678.41</v>
      </c>
      <c r="BJ2274" s="53">
        <v>755678.41</v>
      </c>
      <c r="BK2274" s="53">
        <v>755678.41</v>
      </c>
      <c r="BL2274" s="53">
        <v>755678.41</v>
      </c>
      <c r="BM2274" s="53">
        <v>755678.41</v>
      </c>
      <c r="BN2274" s="53">
        <v>755678.41</v>
      </c>
      <c r="BO2274" s="53">
        <v>755678.41</v>
      </c>
      <c r="BP2274" s="53">
        <v>755678.41</v>
      </c>
      <c r="BQ2274" s="53">
        <v>755678.41</v>
      </c>
      <c r="BR2274" s="53">
        <v>755678.41</v>
      </c>
      <c r="BS2274" s="53">
        <v>755678.41</v>
      </c>
      <c r="BT2274" s="53">
        <v>755678.41</v>
      </c>
      <c r="BU2274" s="53">
        <v>755678.41</v>
      </c>
      <c r="BV2274" s="53">
        <v>755678.41</v>
      </c>
      <c r="BW2274" s="53">
        <v>755678.41</v>
      </c>
      <c r="BX2274" s="53">
        <v>755678.41</v>
      </c>
      <c r="BY2274" s="53">
        <v>755678.41</v>
      </c>
      <c r="BZ2274" s="53">
        <v>755678.41</v>
      </c>
      <c r="CA2274" s="53">
        <v>755678.41</v>
      </c>
      <c r="CB2274" s="53">
        <v>-24699.685950413201</v>
      </c>
      <c r="CC2274" s="53"/>
      <c r="CD2274" s="53"/>
      <c r="CE2274" s="53"/>
      <c r="CF2274" s="53"/>
      <c r="CG2274" s="53"/>
      <c r="CH2274" s="53"/>
      <c r="CI2274" s="53"/>
      <c r="CJ2274" s="53"/>
      <c r="CK2274" s="53"/>
      <c r="CL2274" s="53"/>
      <c r="CM2274" s="53"/>
      <c r="CN2274" s="53">
        <v>-24699.685950413201</v>
      </c>
    </row>
    <row r="2275" spans="1:92" outlineLevel="1">
      <c r="A2275" s="52" t="s">
        <v>1634</v>
      </c>
      <c r="B2275" s="53">
        <v>6137076</v>
      </c>
      <c r="C2275" s="53">
        <v>6137076</v>
      </c>
      <c r="D2275" s="53">
        <v>6137076</v>
      </c>
      <c r="E2275" s="53">
        <v>6137076</v>
      </c>
      <c r="F2275" s="53">
        <v>6137076</v>
      </c>
      <c r="G2275" s="53">
        <v>6137076</v>
      </c>
      <c r="H2275" s="53">
        <v>6137076</v>
      </c>
      <c r="I2275" s="53">
        <v>6137076</v>
      </c>
      <c r="J2275" s="53">
        <v>6137076</v>
      </c>
      <c r="K2275" s="53">
        <v>6137076</v>
      </c>
      <c r="L2275" s="53">
        <v>933421</v>
      </c>
      <c r="M2275" s="53">
        <v>6162964</v>
      </c>
      <c r="N2275" s="53">
        <v>6162964</v>
      </c>
      <c r="O2275" s="53">
        <v>6162964</v>
      </c>
      <c r="P2275" s="53">
        <v>6162964</v>
      </c>
      <c r="Q2275" s="53">
        <v>6162964</v>
      </c>
      <c r="R2275" s="53">
        <v>6162964</v>
      </c>
      <c r="S2275" s="53">
        <v>6162964</v>
      </c>
      <c r="T2275" s="53">
        <v>6162964</v>
      </c>
      <c r="U2275" s="53">
        <v>6162964</v>
      </c>
      <c r="V2275" s="53">
        <v>6162964</v>
      </c>
      <c r="W2275" s="53">
        <v>6162964</v>
      </c>
      <c r="X2275" s="53">
        <v>6162964</v>
      </c>
      <c r="Y2275" s="53">
        <v>6162964</v>
      </c>
      <c r="Z2275" s="53">
        <v>6162964</v>
      </c>
      <c r="AA2275" s="53">
        <v>6162964</v>
      </c>
      <c r="AB2275" s="53">
        <v>6162964</v>
      </c>
      <c r="AC2275" s="53">
        <v>6162964</v>
      </c>
      <c r="AD2275" s="53">
        <v>6162964</v>
      </c>
      <c r="AE2275" s="53">
        <v>6162964</v>
      </c>
      <c r="AF2275" s="53">
        <v>6162964</v>
      </c>
      <c r="AG2275" s="53">
        <v>6162964</v>
      </c>
      <c r="AH2275" s="53">
        <v>6162964</v>
      </c>
      <c r="AI2275" s="53">
        <v>6162964</v>
      </c>
      <c r="AJ2275" s="53">
        <v>6162964</v>
      </c>
      <c r="AK2275" s="53">
        <v>6162964</v>
      </c>
      <c r="AL2275" s="53">
        <v>6162964</v>
      </c>
      <c r="AM2275" s="53">
        <v>6162964</v>
      </c>
      <c r="AN2275" s="53">
        <v>6162964</v>
      </c>
      <c r="AO2275" s="53">
        <v>6162964</v>
      </c>
      <c r="AP2275" s="53">
        <v>6162964</v>
      </c>
      <c r="AQ2275" s="53">
        <v>6162964</v>
      </c>
      <c r="AR2275" s="53">
        <v>6162964</v>
      </c>
      <c r="AS2275" s="53">
        <v>6162964</v>
      </c>
      <c r="AT2275" s="53">
        <v>6162964</v>
      </c>
      <c r="AU2275" s="53">
        <v>6162964</v>
      </c>
      <c r="AV2275" s="53">
        <v>6162964</v>
      </c>
      <c r="AW2275" s="53">
        <v>6162964</v>
      </c>
      <c r="AX2275" s="53">
        <v>6162964</v>
      </c>
      <c r="AY2275" s="53">
        <v>6162964</v>
      </c>
      <c r="AZ2275" s="53">
        <v>6162964</v>
      </c>
      <c r="BA2275" s="53">
        <v>6162964</v>
      </c>
      <c r="BB2275" s="53">
        <v>6162964</v>
      </c>
      <c r="BC2275" s="53">
        <v>6162964</v>
      </c>
      <c r="BD2275" s="53">
        <v>6162964</v>
      </c>
      <c r="BE2275" s="53">
        <v>6162964</v>
      </c>
      <c r="BF2275" s="53">
        <v>6162964</v>
      </c>
      <c r="BG2275" s="53">
        <v>6162964</v>
      </c>
      <c r="BH2275" s="53">
        <v>6162964</v>
      </c>
      <c r="BI2275" s="53">
        <v>6162964</v>
      </c>
      <c r="BJ2275" s="53">
        <v>6162964</v>
      </c>
      <c r="BK2275" s="53">
        <v>6162964</v>
      </c>
      <c r="BL2275" s="53">
        <v>6162964</v>
      </c>
      <c r="BM2275" s="53">
        <v>6162964</v>
      </c>
      <c r="BN2275" s="53">
        <v>6162964</v>
      </c>
      <c r="BO2275" s="53">
        <v>6162964</v>
      </c>
      <c r="BP2275" s="53">
        <v>6162964</v>
      </c>
      <c r="BQ2275" s="53">
        <v>6162964</v>
      </c>
      <c r="BR2275" s="53">
        <v>6162964</v>
      </c>
      <c r="BS2275" s="53">
        <v>6162964</v>
      </c>
      <c r="BT2275" s="53">
        <v>6162964</v>
      </c>
      <c r="BU2275" s="53">
        <v>6162964</v>
      </c>
      <c r="BV2275" s="53">
        <v>6162964</v>
      </c>
      <c r="BW2275" s="53">
        <v>6162964</v>
      </c>
      <c r="BX2275" s="53">
        <v>6162964</v>
      </c>
      <c r="BY2275" s="53">
        <v>6162964</v>
      </c>
      <c r="BZ2275" s="53">
        <v>6162964</v>
      </c>
      <c r="CA2275" s="53">
        <v>6162964</v>
      </c>
      <c r="CB2275" s="53">
        <v>-13370.822605965401</v>
      </c>
      <c r="CC2275" s="53">
        <v>-13370.822605965401</v>
      </c>
      <c r="CD2275" s="53">
        <v>-13370.822605965401</v>
      </c>
      <c r="CE2275" s="53">
        <v>-13370.822605965401</v>
      </c>
      <c r="CF2275" s="53">
        <v>-13370.822605965401</v>
      </c>
      <c r="CG2275" s="53">
        <v>-13370.822605965401</v>
      </c>
      <c r="CH2275" s="53">
        <v>-13370.822605965401</v>
      </c>
      <c r="CI2275" s="53">
        <v>-13370.822605965401</v>
      </c>
      <c r="CJ2275" s="53">
        <v>-13370.822605965401</v>
      </c>
      <c r="CK2275" s="53">
        <v>-13370.822605965401</v>
      </c>
      <c r="CL2275" s="53">
        <v>-13370.822605965401</v>
      </c>
      <c r="CM2275" s="53">
        <v>-13370.822605965401</v>
      </c>
      <c r="CN2275" s="53">
        <v>-160449.871271585</v>
      </c>
    </row>
    <row r="2276" spans="1:92" outlineLevel="1">
      <c r="A2276" s="52" t="s">
        <v>1635</v>
      </c>
      <c r="B2276" s="53">
        <v>0</v>
      </c>
      <c r="C2276" s="53">
        <v>0</v>
      </c>
      <c r="D2276" s="53">
        <v>0</v>
      </c>
      <c r="E2276" s="53">
        <v>0</v>
      </c>
      <c r="F2276" s="53">
        <v>0</v>
      </c>
      <c r="G2276" s="53">
        <v>0</v>
      </c>
      <c r="H2276" s="53">
        <v>0</v>
      </c>
      <c r="I2276" s="53">
        <v>0</v>
      </c>
      <c r="J2276" s="53">
        <v>0</v>
      </c>
      <c r="K2276" s="53">
        <v>0</v>
      </c>
      <c r="L2276" s="53">
        <v>0</v>
      </c>
      <c r="M2276" s="53">
        <v>0</v>
      </c>
      <c r="N2276" s="53">
        <v>0</v>
      </c>
      <c r="O2276" s="53">
        <v>0</v>
      </c>
      <c r="P2276" s="53">
        <v>0</v>
      </c>
      <c r="Q2276" s="53">
        <v>0</v>
      </c>
      <c r="R2276" s="53">
        <v>0</v>
      </c>
      <c r="S2276" s="53">
        <v>0</v>
      </c>
      <c r="T2276" s="53">
        <v>0</v>
      </c>
      <c r="U2276" s="53">
        <v>0</v>
      </c>
      <c r="V2276" s="53">
        <v>0</v>
      </c>
      <c r="W2276" s="53">
        <v>0</v>
      </c>
      <c r="X2276" s="53">
        <v>0</v>
      </c>
      <c r="Y2276" s="53">
        <v>0</v>
      </c>
      <c r="Z2276" s="53">
        <v>0</v>
      </c>
      <c r="AA2276" s="53">
        <v>0</v>
      </c>
      <c r="AB2276" s="53">
        <v>0</v>
      </c>
      <c r="AC2276" s="53">
        <v>0</v>
      </c>
      <c r="AD2276" s="53">
        <v>0</v>
      </c>
      <c r="AE2276" s="53">
        <v>0</v>
      </c>
      <c r="AF2276" s="53">
        <v>0</v>
      </c>
      <c r="AG2276" s="53">
        <v>0</v>
      </c>
      <c r="AH2276" s="53">
        <v>0</v>
      </c>
      <c r="AI2276" s="53">
        <v>0</v>
      </c>
      <c r="AJ2276" s="53">
        <v>0</v>
      </c>
      <c r="AK2276" s="53">
        <v>0</v>
      </c>
      <c r="AL2276" s="53">
        <v>0</v>
      </c>
      <c r="AM2276" s="53">
        <v>0</v>
      </c>
      <c r="AN2276" s="53">
        <v>0</v>
      </c>
      <c r="AO2276" s="53">
        <v>0</v>
      </c>
      <c r="AP2276" s="53">
        <v>0</v>
      </c>
      <c r="AQ2276" s="53">
        <v>0</v>
      </c>
      <c r="AR2276" s="53">
        <v>0</v>
      </c>
      <c r="AS2276" s="53">
        <v>0</v>
      </c>
      <c r="AT2276" s="53">
        <v>0</v>
      </c>
      <c r="AU2276" s="53">
        <v>0</v>
      </c>
      <c r="AV2276" s="53">
        <v>0</v>
      </c>
      <c r="AW2276" s="53">
        <v>0</v>
      </c>
      <c r="AX2276" s="53">
        <v>0</v>
      </c>
      <c r="AY2276" s="53">
        <v>0</v>
      </c>
      <c r="AZ2276" s="53">
        <v>0</v>
      </c>
      <c r="BA2276" s="53">
        <v>0</v>
      </c>
      <c r="BB2276" s="53">
        <v>0</v>
      </c>
      <c r="BC2276" s="53">
        <v>0</v>
      </c>
      <c r="BD2276" s="53">
        <v>0</v>
      </c>
      <c r="BE2276" s="53">
        <v>0</v>
      </c>
      <c r="BF2276" s="53">
        <v>0</v>
      </c>
      <c r="BG2276" s="53">
        <v>0</v>
      </c>
      <c r="BH2276" s="53">
        <v>0</v>
      </c>
      <c r="BI2276" s="53">
        <v>0</v>
      </c>
      <c r="BJ2276" s="53">
        <v>0</v>
      </c>
      <c r="BK2276" s="53">
        <v>0</v>
      </c>
      <c r="BL2276" s="53">
        <v>0</v>
      </c>
      <c r="BM2276" s="53">
        <v>0</v>
      </c>
      <c r="BN2276" s="53">
        <v>0</v>
      </c>
      <c r="BO2276" s="53">
        <v>0</v>
      </c>
      <c r="BP2276" s="53">
        <v>0</v>
      </c>
      <c r="BQ2276" s="53">
        <v>0</v>
      </c>
      <c r="BR2276" s="53">
        <v>0</v>
      </c>
      <c r="BS2276" s="53">
        <v>0</v>
      </c>
      <c r="BT2276" s="53">
        <v>0</v>
      </c>
      <c r="BU2276" s="53">
        <v>0</v>
      </c>
      <c r="BV2276" s="53">
        <v>0</v>
      </c>
      <c r="BW2276" s="53">
        <v>0</v>
      </c>
      <c r="BX2276" s="53">
        <v>0</v>
      </c>
      <c r="BY2276" s="53">
        <v>0</v>
      </c>
      <c r="BZ2276" s="53">
        <v>0</v>
      </c>
      <c r="CA2276" s="53">
        <v>0</v>
      </c>
      <c r="CB2276" s="53">
        <v>-44991.872611464903</v>
      </c>
      <c r="CC2276" s="53">
        <v>-44991.872611464903</v>
      </c>
      <c r="CD2276" s="53">
        <v>-44991.872611464903</v>
      </c>
      <c r="CE2276" s="53">
        <v>-44991.872611464903</v>
      </c>
      <c r="CF2276" s="53">
        <v>-44991.872611464903</v>
      </c>
      <c r="CG2276" s="53">
        <v>-44991.872611464903</v>
      </c>
      <c r="CH2276" s="53">
        <v>-44991.872611464903</v>
      </c>
      <c r="CI2276" s="53">
        <v>-44991.872611464903</v>
      </c>
      <c r="CJ2276" s="53">
        <v>-44991.872611464903</v>
      </c>
      <c r="CK2276" s="53">
        <v>-44991.872611464903</v>
      </c>
      <c r="CL2276" s="53">
        <v>-44991.872611464903</v>
      </c>
      <c r="CM2276" s="53">
        <v>-44991.872611464903</v>
      </c>
      <c r="CN2276" s="53">
        <v>-539902.47133757896</v>
      </c>
    </row>
    <row r="2277" spans="1:92" outlineLevel="1">
      <c r="A2277" s="52" t="s">
        <v>1636</v>
      </c>
      <c r="B2277" s="53">
        <v>0</v>
      </c>
      <c r="C2277" s="53">
        <v>0</v>
      </c>
      <c r="D2277" s="53">
        <v>0</v>
      </c>
      <c r="E2277" s="53">
        <v>0</v>
      </c>
      <c r="F2277" s="53">
        <v>0</v>
      </c>
      <c r="G2277" s="53">
        <v>0</v>
      </c>
      <c r="H2277" s="53">
        <v>0</v>
      </c>
      <c r="I2277" s="53">
        <v>0</v>
      </c>
      <c r="J2277" s="53">
        <v>0</v>
      </c>
      <c r="K2277" s="53">
        <v>0</v>
      </c>
      <c r="L2277" s="53">
        <v>0</v>
      </c>
      <c r="M2277" s="53">
        <v>0</v>
      </c>
      <c r="N2277" s="53">
        <v>0</v>
      </c>
      <c r="O2277" s="53">
        <v>0</v>
      </c>
      <c r="P2277" s="53">
        <v>0</v>
      </c>
      <c r="Q2277" s="53">
        <v>0</v>
      </c>
      <c r="R2277" s="53">
        <v>0</v>
      </c>
      <c r="S2277" s="53">
        <v>0</v>
      </c>
      <c r="T2277" s="53">
        <v>0</v>
      </c>
      <c r="U2277" s="53">
        <v>0</v>
      </c>
      <c r="V2277" s="53">
        <v>0</v>
      </c>
      <c r="W2277" s="53">
        <v>0</v>
      </c>
      <c r="X2277" s="53">
        <v>0</v>
      </c>
      <c r="Y2277" s="53">
        <v>0</v>
      </c>
      <c r="Z2277" s="53">
        <v>0</v>
      </c>
      <c r="AA2277" s="53">
        <v>0</v>
      </c>
      <c r="AB2277" s="53">
        <v>0</v>
      </c>
      <c r="AC2277" s="53">
        <v>0</v>
      </c>
      <c r="AD2277" s="53">
        <v>0</v>
      </c>
      <c r="AE2277" s="53">
        <v>0</v>
      </c>
      <c r="AF2277" s="53">
        <v>0</v>
      </c>
      <c r="AG2277" s="53">
        <v>0</v>
      </c>
      <c r="AH2277" s="53">
        <v>0</v>
      </c>
      <c r="AI2277" s="53">
        <v>0</v>
      </c>
      <c r="AJ2277" s="53">
        <v>0</v>
      </c>
      <c r="AK2277" s="53">
        <v>0</v>
      </c>
      <c r="AL2277" s="53">
        <v>0</v>
      </c>
      <c r="AM2277" s="53">
        <v>0</v>
      </c>
      <c r="AN2277" s="53">
        <v>0</v>
      </c>
      <c r="AO2277" s="53">
        <v>0</v>
      </c>
      <c r="AP2277" s="53">
        <v>0</v>
      </c>
      <c r="AQ2277" s="53">
        <v>0</v>
      </c>
      <c r="AR2277" s="53">
        <v>0</v>
      </c>
      <c r="AS2277" s="53">
        <v>0</v>
      </c>
      <c r="AT2277" s="53">
        <v>0</v>
      </c>
      <c r="AU2277" s="53">
        <v>0</v>
      </c>
      <c r="AV2277" s="53">
        <v>0</v>
      </c>
      <c r="AW2277" s="53">
        <v>0</v>
      </c>
      <c r="AX2277" s="53">
        <v>0</v>
      </c>
      <c r="AY2277" s="53">
        <v>0</v>
      </c>
      <c r="AZ2277" s="53">
        <v>0</v>
      </c>
      <c r="BA2277" s="53">
        <v>0</v>
      </c>
      <c r="BB2277" s="53">
        <v>0</v>
      </c>
      <c r="BC2277" s="53">
        <v>0</v>
      </c>
      <c r="BD2277" s="53">
        <v>0</v>
      </c>
      <c r="BE2277" s="53">
        <v>0</v>
      </c>
      <c r="BF2277" s="53">
        <v>0</v>
      </c>
      <c r="BG2277" s="53">
        <v>0</v>
      </c>
      <c r="BH2277" s="53">
        <v>0</v>
      </c>
      <c r="BI2277" s="53">
        <v>0</v>
      </c>
      <c r="BJ2277" s="53">
        <v>0</v>
      </c>
      <c r="BK2277" s="53">
        <v>0</v>
      </c>
      <c r="BL2277" s="53">
        <v>0</v>
      </c>
      <c r="BM2277" s="53">
        <v>0</v>
      </c>
      <c r="BN2277" s="53">
        <v>0</v>
      </c>
      <c r="BO2277" s="53">
        <v>0</v>
      </c>
      <c r="BP2277" s="53">
        <v>0</v>
      </c>
      <c r="BQ2277" s="53">
        <v>0</v>
      </c>
      <c r="BR2277" s="53">
        <v>0</v>
      </c>
      <c r="BS2277" s="53">
        <v>0</v>
      </c>
      <c r="BT2277" s="53">
        <v>0</v>
      </c>
      <c r="BU2277" s="53">
        <v>0</v>
      </c>
      <c r="BV2277" s="53">
        <v>0</v>
      </c>
      <c r="BW2277" s="53">
        <v>0</v>
      </c>
      <c r="BX2277" s="53">
        <v>0</v>
      </c>
      <c r="BY2277" s="53">
        <v>0</v>
      </c>
      <c r="BZ2277" s="53">
        <v>0</v>
      </c>
      <c r="CA2277" s="53">
        <v>0</v>
      </c>
      <c r="CB2277" s="53">
        <v>-52157.242105263002</v>
      </c>
      <c r="CC2277" s="53">
        <v>-52157.242105263002</v>
      </c>
      <c r="CD2277" s="53">
        <v>-52157.242105263002</v>
      </c>
      <c r="CE2277" s="53">
        <v>-52157.242105263002</v>
      </c>
      <c r="CF2277" s="53">
        <v>-52157.242105263002</v>
      </c>
      <c r="CG2277" s="53">
        <v>-52157.242105263002</v>
      </c>
      <c r="CH2277" s="53">
        <v>-52157.242105263002</v>
      </c>
      <c r="CI2277" s="53">
        <v>-52157.242105263002</v>
      </c>
      <c r="CJ2277" s="53">
        <v>-52157.242105263002</v>
      </c>
      <c r="CK2277" s="53">
        <v>-52157.242105263002</v>
      </c>
      <c r="CL2277" s="53">
        <v>-52157.242105263002</v>
      </c>
      <c r="CM2277" s="53">
        <v>-52157.242105263002</v>
      </c>
      <c r="CN2277" s="53">
        <v>-625886.90526315698</v>
      </c>
    </row>
    <row r="2278" spans="1:92" outlineLevel="1">
      <c r="A2278" s="52" t="s">
        <v>1637</v>
      </c>
      <c r="B2278" s="53">
        <v>0</v>
      </c>
      <c r="C2278" s="53">
        <v>0</v>
      </c>
      <c r="D2278" s="53">
        <v>0</v>
      </c>
      <c r="E2278" s="53">
        <v>0</v>
      </c>
      <c r="F2278" s="53">
        <v>0</v>
      </c>
      <c r="G2278" s="53">
        <v>0</v>
      </c>
      <c r="H2278" s="53">
        <v>0</v>
      </c>
      <c r="I2278" s="53">
        <v>0</v>
      </c>
      <c r="J2278" s="53">
        <v>0</v>
      </c>
      <c r="K2278" s="53">
        <v>0</v>
      </c>
      <c r="L2278" s="53">
        <v>0</v>
      </c>
      <c r="M2278" s="53">
        <v>0</v>
      </c>
      <c r="N2278" s="53">
        <v>0</v>
      </c>
      <c r="O2278" s="53">
        <v>0</v>
      </c>
      <c r="P2278" s="53">
        <v>0</v>
      </c>
      <c r="Q2278" s="53">
        <v>0</v>
      </c>
      <c r="R2278" s="53">
        <v>0</v>
      </c>
      <c r="S2278" s="53">
        <v>0</v>
      </c>
      <c r="T2278" s="53">
        <v>0</v>
      </c>
      <c r="U2278" s="53">
        <v>0</v>
      </c>
      <c r="V2278" s="53">
        <v>0</v>
      </c>
      <c r="W2278" s="53">
        <v>0</v>
      </c>
      <c r="X2278" s="53">
        <v>0</v>
      </c>
      <c r="Y2278" s="53">
        <v>0</v>
      </c>
      <c r="Z2278" s="53">
        <v>0</v>
      </c>
      <c r="AA2278" s="53">
        <v>0</v>
      </c>
      <c r="AB2278" s="53">
        <v>0</v>
      </c>
      <c r="AC2278" s="53">
        <v>0</v>
      </c>
      <c r="AD2278" s="53">
        <v>0</v>
      </c>
      <c r="AE2278" s="53">
        <v>0</v>
      </c>
      <c r="AF2278" s="53">
        <v>0</v>
      </c>
      <c r="AG2278" s="53">
        <v>0</v>
      </c>
      <c r="AH2278" s="53">
        <v>0</v>
      </c>
      <c r="AI2278" s="53">
        <v>0</v>
      </c>
      <c r="AJ2278" s="53">
        <v>0</v>
      </c>
      <c r="AK2278" s="53">
        <v>0</v>
      </c>
      <c r="AL2278" s="53">
        <v>0</v>
      </c>
      <c r="AM2278" s="53">
        <v>0</v>
      </c>
      <c r="AN2278" s="53">
        <v>0</v>
      </c>
      <c r="AO2278" s="53">
        <v>0</v>
      </c>
      <c r="AP2278" s="53">
        <v>0</v>
      </c>
      <c r="AQ2278" s="53">
        <v>0</v>
      </c>
      <c r="AR2278" s="53">
        <v>0</v>
      </c>
      <c r="AS2278" s="53">
        <v>0</v>
      </c>
      <c r="AT2278" s="53">
        <v>0</v>
      </c>
      <c r="AU2278" s="53">
        <v>0</v>
      </c>
      <c r="AV2278" s="53">
        <v>0</v>
      </c>
      <c r="AW2278" s="53">
        <v>0</v>
      </c>
      <c r="AX2278" s="53">
        <v>0</v>
      </c>
      <c r="AY2278" s="53">
        <v>0</v>
      </c>
      <c r="AZ2278" s="53">
        <v>0</v>
      </c>
      <c r="BA2278" s="53">
        <v>0</v>
      </c>
      <c r="BB2278" s="53">
        <v>0</v>
      </c>
      <c r="BC2278" s="53">
        <v>0</v>
      </c>
      <c r="BD2278" s="53">
        <v>0</v>
      </c>
      <c r="BE2278" s="53">
        <v>0</v>
      </c>
      <c r="BF2278" s="53">
        <v>0</v>
      </c>
      <c r="BG2278" s="53">
        <v>0</v>
      </c>
      <c r="BH2278" s="53">
        <v>0</v>
      </c>
      <c r="BI2278" s="53">
        <v>0</v>
      </c>
      <c r="BJ2278" s="53">
        <v>0</v>
      </c>
      <c r="BK2278" s="53">
        <v>0</v>
      </c>
      <c r="BL2278" s="53">
        <v>0</v>
      </c>
      <c r="BM2278" s="53">
        <v>0</v>
      </c>
      <c r="BN2278" s="53">
        <v>0</v>
      </c>
      <c r="BO2278" s="53">
        <v>0</v>
      </c>
      <c r="BP2278" s="53">
        <v>0</v>
      </c>
      <c r="BQ2278" s="53">
        <v>0</v>
      </c>
      <c r="BR2278" s="53">
        <v>0</v>
      </c>
      <c r="BS2278" s="53">
        <v>0</v>
      </c>
      <c r="BT2278" s="53">
        <v>0</v>
      </c>
      <c r="BU2278" s="53">
        <v>0</v>
      </c>
      <c r="BV2278" s="53">
        <v>0</v>
      </c>
      <c r="BW2278" s="53">
        <v>0</v>
      </c>
      <c r="BX2278" s="53">
        <v>0</v>
      </c>
      <c r="BY2278" s="53">
        <v>0</v>
      </c>
      <c r="BZ2278" s="53">
        <v>0</v>
      </c>
      <c r="CA2278" s="53">
        <v>0</v>
      </c>
      <c r="CB2278" s="53"/>
      <c r="CC2278" s="53"/>
      <c r="CD2278" s="53"/>
      <c r="CE2278" s="53"/>
      <c r="CF2278" s="53"/>
      <c r="CG2278" s="53"/>
      <c r="CH2278" s="53"/>
      <c r="CI2278" s="53"/>
      <c r="CJ2278" s="53"/>
      <c r="CK2278" s="53"/>
      <c r="CL2278" s="53"/>
      <c r="CM2278" s="53"/>
      <c r="CN2278" s="53"/>
    </row>
    <row r="2279" spans="1:92" outlineLevel="1">
      <c r="A2279" s="52" t="s">
        <v>1638</v>
      </c>
      <c r="B2279" s="53">
        <v>0</v>
      </c>
      <c r="C2279" s="53">
        <v>0</v>
      </c>
      <c r="D2279" s="53">
        <v>0</v>
      </c>
      <c r="E2279" s="53">
        <v>0</v>
      </c>
      <c r="F2279" s="53">
        <v>0</v>
      </c>
      <c r="G2279" s="53">
        <v>0</v>
      </c>
      <c r="H2279" s="53">
        <v>0</v>
      </c>
      <c r="I2279" s="53">
        <v>0</v>
      </c>
      <c r="J2279" s="53">
        <v>0</v>
      </c>
      <c r="K2279" s="53">
        <v>0</v>
      </c>
      <c r="L2279" s="53">
        <v>0</v>
      </c>
      <c r="M2279" s="53">
        <v>0</v>
      </c>
      <c r="N2279" s="53">
        <v>0</v>
      </c>
      <c r="O2279" s="53">
        <v>0</v>
      </c>
      <c r="P2279" s="53">
        <v>0</v>
      </c>
      <c r="Q2279" s="53">
        <v>0</v>
      </c>
      <c r="R2279" s="53">
        <v>0</v>
      </c>
      <c r="S2279" s="53">
        <v>0</v>
      </c>
      <c r="T2279" s="53">
        <v>0</v>
      </c>
      <c r="U2279" s="53">
        <v>0</v>
      </c>
      <c r="V2279" s="53">
        <v>0</v>
      </c>
      <c r="W2279" s="53">
        <v>0</v>
      </c>
      <c r="X2279" s="53">
        <v>0</v>
      </c>
      <c r="Y2279" s="53">
        <v>0</v>
      </c>
      <c r="Z2279" s="53">
        <v>0</v>
      </c>
      <c r="AA2279" s="53">
        <v>0</v>
      </c>
      <c r="AB2279" s="53">
        <v>0</v>
      </c>
      <c r="AC2279" s="53">
        <v>0</v>
      </c>
      <c r="AD2279" s="53">
        <v>0</v>
      </c>
      <c r="AE2279" s="53">
        <v>0</v>
      </c>
      <c r="AF2279" s="53">
        <v>0</v>
      </c>
      <c r="AG2279" s="53">
        <v>0</v>
      </c>
      <c r="AH2279" s="53">
        <v>0</v>
      </c>
      <c r="AI2279" s="53">
        <v>0</v>
      </c>
      <c r="AJ2279" s="53">
        <v>0</v>
      </c>
      <c r="AK2279" s="53">
        <v>0</v>
      </c>
      <c r="AL2279" s="53">
        <v>0</v>
      </c>
      <c r="AM2279" s="53">
        <v>0</v>
      </c>
      <c r="AN2279" s="53">
        <v>0</v>
      </c>
      <c r="AO2279" s="53">
        <v>0</v>
      </c>
      <c r="AP2279" s="53">
        <v>0</v>
      </c>
      <c r="AQ2279" s="53">
        <v>0</v>
      </c>
      <c r="AR2279" s="53">
        <v>0</v>
      </c>
      <c r="AS2279" s="53">
        <v>0</v>
      </c>
      <c r="AT2279" s="53">
        <v>0</v>
      </c>
      <c r="AU2279" s="53">
        <v>0</v>
      </c>
      <c r="AV2279" s="53">
        <v>0</v>
      </c>
      <c r="AW2279" s="53">
        <v>0</v>
      </c>
      <c r="AX2279" s="53">
        <v>0</v>
      </c>
      <c r="AY2279" s="53">
        <v>0</v>
      </c>
      <c r="AZ2279" s="53">
        <v>0</v>
      </c>
      <c r="BA2279" s="53">
        <v>0</v>
      </c>
      <c r="BB2279" s="53">
        <v>0</v>
      </c>
      <c r="BC2279" s="53">
        <v>0</v>
      </c>
      <c r="BD2279" s="53">
        <v>0</v>
      </c>
      <c r="BE2279" s="53">
        <v>0</v>
      </c>
      <c r="BF2279" s="53">
        <v>0</v>
      </c>
      <c r="BG2279" s="53">
        <v>0</v>
      </c>
      <c r="BH2279" s="53">
        <v>0</v>
      </c>
      <c r="BI2279" s="53">
        <v>0</v>
      </c>
      <c r="BJ2279" s="53">
        <v>0</v>
      </c>
      <c r="BK2279" s="53">
        <v>0</v>
      </c>
      <c r="BL2279" s="53">
        <v>0</v>
      </c>
      <c r="BM2279" s="53">
        <v>0</v>
      </c>
      <c r="BN2279" s="53">
        <v>0</v>
      </c>
      <c r="BO2279" s="53">
        <v>0</v>
      </c>
      <c r="BP2279" s="53">
        <v>0</v>
      </c>
      <c r="BQ2279" s="53">
        <v>0</v>
      </c>
      <c r="BR2279" s="53">
        <v>0</v>
      </c>
      <c r="BS2279" s="53">
        <v>0</v>
      </c>
      <c r="BT2279" s="53">
        <v>0</v>
      </c>
      <c r="BU2279" s="53">
        <v>0</v>
      </c>
      <c r="BV2279" s="53">
        <v>0</v>
      </c>
      <c r="BW2279" s="53">
        <v>0</v>
      </c>
      <c r="BX2279" s="53">
        <v>0</v>
      </c>
      <c r="BY2279" s="53">
        <v>0</v>
      </c>
      <c r="BZ2279" s="53">
        <v>0</v>
      </c>
      <c r="CA2279" s="53">
        <v>0</v>
      </c>
      <c r="CB2279" s="53">
        <v>-38996.049261083703</v>
      </c>
      <c r="CC2279" s="53">
        <v>-38996.049261083703</v>
      </c>
      <c r="CD2279" s="53">
        <v>-38996.049261083703</v>
      </c>
      <c r="CE2279" s="53">
        <v>-38996.049261083703</v>
      </c>
      <c r="CF2279" s="53">
        <v>-38996.049261083703</v>
      </c>
      <c r="CG2279" s="53">
        <v>-38996.049261083703</v>
      </c>
      <c r="CH2279" s="53">
        <v>-38996.049261083703</v>
      </c>
      <c r="CI2279" s="53">
        <v>-38996.049261083703</v>
      </c>
      <c r="CJ2279" s="53">
        <v>-38996.049261083703</v>
      </c>
      <c r="CK2279" s="53">
        <v>-38996.049261083703</v>
      </c>
      <c r="CL2279" s="53">
        <v>-38996.049261083703</v>
      </c>
      <c r="CM2279" s="53">
        <v>-38996.049261083703</v>
      </c>
      <c r="CN2279" s="53">
        <v>-467952.591133004</v>
      </c>
    </row>
    <row r="2280" spans="1:92" outlineLevel="1">
      <c r="A2280" s="52" t="s">
        <v>1639</v>
      </c>
      <c r="B2280" s="53">
        <v>-951867.94999999902</v>
      </c>
      <c r="C2280" s="53">
        <v>-2798829.68</v>
      </c>
      <c r="D2280" s="53">
        <v>-5430287.8899999997</v>
      </c>
      <c r="E2280" s="53">
        <v>-7548097.4199999999</v>
      </c>
      <c r="F2280" s="53">
        <v>-8173939.4199999999</v>
      </c>
      <c r="G2280" s="53">
        <v>-9959255.7100000009</v>
      </c>
      <c r="H2280" s="53">
        <v>-10279411.329999899</v>
      </c>
      <c r="I2280" s="53">
        <v>-10989964.08</v>
      </c>
      <c r="J2280" s="53">
        <v>-11992894.949999901</v>
      </c>
      <c r="K2280" s="53">
        <v>-10905476.1499999</v>
      </c>
      <c r="L2280" s="53">
        <v>-8876020.5199999996</v>
      </c>
      <c r="M2280" s="53">
        <v>-8794980.7200000007</v>
      </c>
      <c r="N2280" s="53">
        <v>-8794980.7200000007</v>
      </c>
      <c r="O2280" s="53">
        <v>-8794980.7200000007</v>
      </c>
      <c r="P2280" s="53">
        <v>-8794980.7200000007</v>
      </c>
      <c r="Q2280" s="53">
        <v>-8794980.7200000007</v>
      </c>
      <c r="R2280" s="53">
        <v>-8794980.7200000007</v>
      </c>
      <c r="S2280" s="53">
        <v>-8794980.7200000007</v>
      </c>
      <c r="T2280" s="53">
        <v>-8794980.7200000007</v>
      </c>
      <c r="U2280" s="53">
        <v>-8794980.7200000007</v>
      </c>
      <c r="V2280" s="53">
        <v>-8794980.7200000007</v>
      </c>
      <c r="W2280" s="53">
        <v>-8794980.7200000007</v>
      </c>
      <c r="X2280" s="53">
        <v>-8794980.7200000007</v>
      </c>
      <c r="Y2280" s="53">
        <v>-8794980.7200000007</v>
      </c>
      <c r="Z2280" s="53">
        <v>-8794980.7200000007</v>
      </c>
      <c r="AA2280" s="53">
        <v>-8794980.7200000007</v>
      </c>
      <c r="AB2280" s="53">
        <v>-8794980.7200000007</v>
      </c>
      <c r="AC2280" s="53">
        <v>-8794980.7200000007</v>
      </c>
      <c r="AD2280" s="53">
        <v>-8794980.7200000007</v>
      </c>
      <c r="AE2280" s="53">
        <v>-8794980.7200000007</v>
      </c>
      <c r="AF2280" s="53">
        <v>-8794980.7200000007</v>
      </c>
      <c r="AG2280" s="53">
        <v>-8794980.7200000007</v>
      </c>
      <c r="AH2280" s="53">
        <v>-8794980.7200000007</v>
      </c>
      <c r="AI2280" s="53">
        <v>-8794980.7200000007</v>
      </c>
      <c r="AJ2280" s="53">
        <v>-8794980.7200000007</v>
      </c>
      <c r="AK2280" s="53">
        <v>-8794980.7200000007</v>
      </c>
      <c r="AL2280" s="53">
        <v>-8794980.7200000007</v>
      </c>
      <c r="AM2280" s="53">
        <v>-8794980.7200000007</v>
      </c>
      <c r="AN2280" s="53">
        <v>-8794980.7200000007</v>
      </c>
      <c r="AO2280" s="53">
        <v>-8794980.7200000007</v>
      </c>
      <c r="AP2280" s="53">
        <v>-8794980.7200000007</v>
      </c>
      <c r="AQ2280" s="53">
        <v>-8794980.7200000007</v>
      </c>
      <c r="AR2280" s="53">
        <v>-8794980.7200000007</v>
      </c>
      <c r="AS2280" s="53">
        <v>-8794980.7200000007</v>
      </c>
      <c r="AT2280" s="53">
        <v>-8794980.7200000007</v>
      </c>
      <c r="AU2280" s="53">
        <v>-8794980.7200000007</v>
      </c>
      <c r="AV2280" s="53">
        <v>-8794980.7200000007</v>
      </c>
      <c r="AW2280" s="53">
        <v>-8794980.7200000007</v>
      </c>
      <c r="AX2280" s="53">
        <v>-8794980.7200000007</v>
      </c>
      <c r="AY2280" s="53">
        <v>-8794980.7200000007</v>
      </c>
      <c r="AZ2280" s="53">
        <v>-8794980.7200000007</v>
      </c>
      <c r="BA2280" s="53">
        <v>-8794980.7200000007</v>
      </c>
      <c r="BB2280" s="53">
        <v>-8794980.7200000007</v>
      </c>
      <c r="BC2280" s="53">
        <v>-8794980.7200000007</v>
      </c>
      <c r="BD2280" s="53">
        <v>-8794980.7200000007</v>
      </c>
      <c r="BE2280" s="53">
        <v>-8794980.7200000007</v>
      </c>
      <c r="BF2280" s="53">
        <v>-8794980.7200000007</v>
      </c>
      <c r="BG2280" s="53">
        <v>-8794980.7200000007</v>
      </c>
      <c r="BH2280" s="53">
        <v>-8794980.7200000007</v>
      </c>
      <c r="BI2280" s="53">
        <v>-8794980.7200000007</v>
      </c>
      <c r="BJ2280" s="53">
        <v>-8794980.7200000007</v>
      </c>
      <c r="BK2280" s="53">
        <v>-8794980.7200000007</v>
      </c>
      <c r="BL2280" s="53">
        <v>-8794980.7200000007</v>
      </c>
      <c r="BM2280" s="53">
        <v>-8794980.7200000007</v>
      </c>
      <c r="BN2280" s="53">
        <v>-8794980.7200000007</v>
      </c>
      <c r="BO2280" s="53">
        <v>-8794980.7200000007</v>
      </c>
      <c r="BP2280" s="53">
        <v>-8794980.7200000007</v>
      </c>
      <c r="BQ2280" s="53">
        <v>-8794980.7200000007</v>
      </c>
      <c r="BR2280" s="53">
        <v>-8794980.7200000007</v>
      </c>
      <c r="BS2280" s="53">
        <v>-8794980.7200000007</v>
      </c>
      <c r="BT2280" s="53">
        <v>-8794980.7200000007</v>
      </c>
      <c r="BU2280" s="53">
        <v>-8794980.7200000007</v>
      </c>
      <c r="BV2280" s="53">
        <v>-8794980.7200000007</v>
      </c>
      <c r="BW2280" s="53">
        <v>-8794980.7200000007</v>
      </c>
      <c r="BX2280" s="53">
        <v>-8794980.7200000007</v>
      </c>
      <c r="BY2280" s="53">
        <v>-8794980.7200000007</v>
      </c>
      <c r="BZ2280" s="53">
        <v>-8794980.7200000007</v>
      </c>
      <c r="CA2280" s="53">
        <v>-8794980.7200000007</v>
      </c>
      <c r="CB2280" s="53">
        <v>-48595.514644351497</v>
      </c>
      <c r="CC2280" s="53">
        <v>-48595.514644351497</v>
      </c>
      <c r="CD2280" s="53">
        <v>-48595.514644351497</v>
      </c>
      <c r="CE2280" s="53">
        <v>-48595.514644351497</v>
      </c>
      <c r="CF2280" s="53">
        <v>-48595.514644351497</v>
      </c>
      <c r="CG2280" s="53">
        <v>-48595.514644351497</v>
      </c>
      <c r="CH2280" s="53">
        <v>-48595.514644351497</v>
      </c>
      <c r="CI2280" s="53">
        <v>-48595.514644351497</v>
      </c>
      <c r="CJ2280" s="53">
        <v>-48595.514644351497</v>
      </c>
      <c r="CK2280" s="53">
        <v>-48595.514644351497</v>
      </c>
      <c r="CL2280" s="53">
        <v>-48595.514644351497</v>
      </c>
      <c r="CM2280" s="53">
        <v>-48595.514644351497</v>
      </c>
      <c r="CN2280" s="53">
        <v>-583146.17573221796</v>
      </c>
    </row>
    <row r="2281" spans="1:92" outlineLevel="1">
      <c r="A2281" s="52" t="s">
        <v>1640</v>
      </c>
      <c r="B2281" s="53">
        <v>0</v>
      </c>
      <c r="C2281" s="53">
        <v>0</v>
      </c>
      <c r="D2281" s="53">
        <v>0</v>
      </c>
      <c r="E2281" s="53">
        <v>0</v>
      </c>
      <c r="F2281" s="53">
        <v>0</v>
      </c>
      <c r="G2281" s="53">
        <v>0</v>
      </c>
      <c r="H2281" s="53">
        <v>0</v>
      </c>
      <c r="I2281" s="53">
        <v>0</v>
      </c>
      <c r="J2281" s="53">
        <v>0</v>
      </c>
      <c r="K2281" s="53">
        <v>0</v>
      </c>
      <c r="L2281" s="53">
        <v>0</v>
      </c>
      <c r="M2281" s="53">
        <v>0</v>
      </c>
      <c r="N2281" s="53">
        <v>0</v>
      </c>
      <c r="O2281" s="53">
        <v>0</v>
      </c>
      <c r="P2281" s="53">
        <v>0</v>
      </c>
      <c r="Q2281" s="53">
        <v>0</v>
      </c>
      <c r="R2281" s="53">
        <v>0</v>
      </c>
      <c r="S2281" s="53">
        <v>0</v>
      </c>
      <c r="T2281" s="53">
        <v>0</v>
      </c>
      <c r="U2281" s="53">
        <v>0</v>
      </c>
      <c r="V2281" s="53">
        <v>0</v>
      </c>
      <c r="W2281" s="53">
        <v>0</v>
      </c>
      <c r="X2281" s="53">
        <v>0</v>
      </c>
      <c r="Y2281" s="53">
        <v>0</v>
      </c>
      <c r="Z2281" s="53">
        <v>0</v>
      </c>
      <c r="AA2281" s="53">
        <v>0</v>
      </c>
      <c r="AB2281" s="53">
        <v>0</v>
      </c>
      <c r="AC2281" s="53">
        <v>0</v>
      </c>
      <c r="AD2281" s="53">
        <v>0</v>
      </c>
      <c r="AE2281" s="53">
        <v>0</v>
      </c>
      <c r="AF2281" s="53">
        <v>0</v>
      </c>
      <c r="AG2281" s="53">
        <v>0</v>
      </c>
      <c r="AH2281" s="53">
        <v>0</v>
      </c>
      <c r="AI2281" s="53">
        <v>0</v>
      </c>
      <c r="AJ2281" s="53">
        <v>0</v>
      </c>
      <c r="AK2281" s="53">
        <v>0</v>
      </c>
      <c r="AL2281" s="53">
        <v>0</v>
      </c>
      <c r="AM2281" s="53">
        <v>0</v>
      </c>
      <c r="AN2281" s="53">
        <v>0</v>
      </c>
      <c r="AO2281" s="53">
        <v>0</v>
      </c>
      <c r="AP2281" s="53">
        <v>0</v>
      </c>
      <c r="AQ2281" s="53">
        <v>0</v>
      </c>
      <c r="AR2281" s="53">
        <v>0</v>
      </c>
      <c r="AS2281" s="53">
        <v>0</v>
      </c>
      <c r="AT2281" s="53">
        <v>0</v>
      </c>
      <c r="AU2281" s="53">
        <v>0</v>
      </c>
      <c r="AV2281" s="53">
        <v>0</v>
      </c>
      <c r="AW2281" s="53">
        <v>0</v>
      </c>
      <c r="AX2281" s="53">
        <v>0</v>
      </c>
      <c r="AY2281" s="53">
        <v>0</v>
      </c>
      <c r="AZ2281" s="53">
        <v>0</v>
      </c>
      <c r="BA2281" s="53">
        <v>0</v>
      </c>
      <c r="BB2281" s="53">
        <v>0</v>
      </c>
      <c r="BC2281" s="53">
        <v>0</v>
      </c>
      <c r="BD2281" s="53">
        <v>0</v>
      </c>
      <c r="BE2281" s="53">
        <v>0</v>
      </c>
      <c r="BF2281" s="53">
        <v>0</v>
      </c>
      <c r="BG2281" s="53">
        <v>0</v>
      </c>
      <c r="BH2281" s="53">
        <v>0</v>
      </c>
      <c r="BI2281" s="53">
        <v>0</v>
      </c>
      <c r="BJ2281" s="53">
        <v>0</v>
      </c>
      <c r="BK2281" s="53">
        <v>0</v>
      </c>
      <c r="BL2281" s="53">
        <v>0</v>
      </c>
      <c r="BM2281" s="53">
        <v>0</v>
      </c>
      <c r="BN2281" s="53">
        <v>0</v>
      </c>
      <c r="BO2281" s="53">
        <v>0</v>
      </c>
      <c r="BP2281" s="53">
        <v>0</v>
      </c>
      <c r="BQ2281" s="53">
        <v>0</v>
      </c>
      <c r="BR2281" s="53">
        <v>0</v>
      </c>
      <c r="BS2281" s="53">
        <v>0</v>
      </c>
      <c r="BT2281" s="53">
        <v>0</v>
      </c>
      <c r="BU2281" s="53">
        <v>0</v>
      </c>
      <c r="BV2281" s="53">
        <v>0</v>
      </c>
      <c r="BW2281" s="53">
        <v>0</v>
      </c>
      <c r="BX2281" s="53">
        <v>0</v>
      </c>
      <c r="BY2281" s="53">
        <v>0</v>
      </c>
      <c r="BZ2281" s="53">
        <v>0</v>
      </c>
      <c r="CA2281" s="53">
        <v>0</v>
      </c>
      <c r="CB2281" s="53">
        <v>-16652.086230876201</v>
      </c>
      <c r="CC2281" s="53">
        <v>-16652.086230876201</v>
      </c>
      <c r="CD2281" s="53">
        <v>-16652.086230876201</v>
      </c>
      <c r="CE2281" s="53">
        <v>-16652.086230876201</v>
      </c>
      <c r="CF2281" s="53">
        <v>-16652.086230876201</v>
      </c>
      <c r="CG2281" s="53">
        <v>-16652.086230876201</v>
      </c>
      <c r="CH2281" s="53">
        <v>-16652.086230876201</v>
      </c>
      <c r="CI2281" s="53">
        <v>-16652.086230876201</v>
      </c>
      <c r="CJ2281" s="53">
        <v>-16652.086230876201</v>
      </c>
      <c r="CK2281" s="53">
        <v>-16652.086230876201</v>
      </c>
      <c r="CL2281" s="53">
        <v>-16652.086230876201</v>
      </c>
      <c r="CM2281" s="53">
        <v>-16652.086230876201</v>
      </c>
      <c r="CN2281" s="53">
        <v>-199825.034770514</v>
      </c>
    </row>
    <row r="2282" spans="1:92">
      <c r="A2282" s="52" t="s">
        <v>1641</v>
      </c>
      <c r="B2282" s="53">
        <v>14139393.439999999</v>
      </c>
      <c r="C2282" s="53">
        <v>14139393.439999999</v>
      </c>
      <c r="D2282" s="53">
        <v>0</v>
      </c>
      <c r="E2282" s="53">
        <v>0</v>
      </c>
      <c r="F2282" s="53">
        <v>0</v>
      </c>
      <c r="G2282" s="53">
        <v>32585107.379999999</v>
      </c>
      <c r="H2282" s="53">
        <v>32585107.379999999</v>
      </c>
      <c r="I2282" s="53">
        <v>32585107.379999999</v>
      </c>
      <c r="J2282" s="53">
        <v>0</v>
      </c>
      <c r="K2282" s="53">
        <v>0</v>
      </c>
      <c r="L2282" s="53">
        <v>0</v>
      </c>
      <c r="M2282" s="53">
        <v>18570146.829999998</v>
      </c>
      <c r="N2282" s="53">
        <v>18570146.829999998</v>
      </c>
      <c r="O2282" s="53">
        <v>18570146.829999998</v>
      </c>
      <c r="P2282" s="53">
        <v>18570146.829999998</v>
      </c>
      <c r="Q2282" s="53">
        <v>18570146.829999998</v>
      </c>
      <c r="R2282" s="53">
        <v>18570146.829999998</v>
      </c>
      <c r="S2282" s="53">
        <v>18570146.829999998</v>
      </c>
      <c r="T2282" s="53">
        <v>18570146.829999998</v>
      </c>
      <c r="U2282" s="53">
        <v>18570146.829999998</v>
      </c>
      <c r="V2282" s="53">
        <v>18570146.829999998</v>
      </c>
      <c r="W2282" s="53">
        <v>18570146.829999998</v>
      </c>
      <c r="X2282" s="53">
        <v>18570146.829999998</v>
      </c>
      <c r="Y2282" s="53">
        <v>18570146.829999998</v>
      </c>
      <c r="Z2282" s="53">
        <v>18570146.829999998</v>
      </c>
      <c r="AA2282" s="53">
        <v>18570146.829999998</v>
      </c>
      <c r="AB2282" s="53">
        <v>18570146.829999998</v>
      </c>
      <c r="AC2282" s="53">
        <v>18570146.829999998</v>
      </c>
      <c r="AD2282" s="53">
        <v>18570146.829999998</v>
      </c>
      <c r="AE2282" s="53">
        <v>18570146.829999998</v>
      </c>
      <c r="AF2282" s="53">
        <v>18570146.829999998</v>
      </c>
      <c r="AG2282" s="53">
        <v>18570146.829999998</v>
      </c>
      <c r="AH2282" s="53">
        <v>18570146.829999998</v>
      </c>
      <c r="AI2282" s="53">
        <v>18570146.829999998</v>
      </c>
      <c r="AJ2282" s="53">
        <v>18570146.829999998</v>
      </c>
      <c r="AK2282" s="53">
        <v>18570146.829999998</v>
      </c>
      <c r="AL2282" s="53">
        <v>18570146.829999998</v>
      </c>
      <c r="AM2282" s="53">
        <v>18570146.829999998</v>
      </c>
      <c r="AN2282" s="53">
        <v>18570146.829999998</v>
      </c>
      <c r="AO2282" s="53">
        <v>18570146.829999998</v>
      </c>
      <c r="AP2282" s="53">
        <v>18570146.829999998</v>
      </c>
      <c r="AQ2282" s="53">
        <v>18570146.829999998</v>
      </c>
      <c r="AR2282" s="53">
        <v>18570146.829999998</v>
      </c>
      <c r="AS2282" s="53">
        <v>18570146.829999998</v>
      </c>
      <c r="AT2282" s="53">
        <v>18570146.829999998</v>
      </c>
      <c r="AU2282" s="53">
        <v>18570146.829999998</v>
      </c>
      <c r="AV2282" s="53">
        <v>18570146.829999998</v>
      </c>
      <c r="AW2282" s="53">
        <v>18570146.829999998</v>
      </c>
      <c r="AX2282" s="53">
        <v>18570146.829999998</v>
      </c>
      <c r="AY2282" s="53">
        <v>18570146.829999998</v>
      </c>
      <c r="AZ2282" s="53">
        <v>18570146.829999998</v>
      </c>
      <c r="BA2282" s="53">
        <v>18570146.829999998</v>
      </c>
      <c r="BB2282" s="53">
        <v>18570146.829999998</v>
      </c>
      <c r="BC2282" s="53">
        <v>18570146.829999998</v>
      </c>
      <c r="BD2282" s="53">
        <v>18570146.829999998</v>
      </c>
      <c r="BE2282" s="53">
        <v>18570146.829999998</v>
      </c>
      <c r="BF2282" s="53">
        <v>18570146.829999998</v>
      </c>
      <c r="BG2282" s="53">
        <v>18570146.829999998</v>
      </c>
      <c r="BH2282" s="53">
        <v>18570146.829999998</v>
      </c>
      <c r="BI2282" s="53">
        <v>18570146.829999998</v>
      </c>
      <c r="BJ2282" s="53">
        <v>18570146.829999998</v>
      </c>
      <c r="BK2282" s="53">
        <v>18570146.829999998</v>
      </c>
      <c r="BL2282" s="53">
        <v>18570146.829999998</v>
      </c>
      <c r="BM2282" s="53">
        <v>18570146.829999998</v>
      </c>
      <c r="BN2282" s="53">
        <v>18570146.829999998</v>
      </c>
      <c r="BO2282" s="53">
        <v>18570146.829999998</v>
      </c>
      <c r="BP2282" s="53">
        <v>18570146.829999998</v>
      </c>
      <c r="BQ2282" s="53">
        <v>18570146.829999998</v>
      </c>
      <c r="BR2282" s="53">
        <v>18570146.829999998</v>
      </c>
      <c r="BS2282" s="53">
        <v>18570146.829999998</v>
      </c>
      <c r="BT2282" s="53">
        <v>18570146.829999998</v>
      </c>
      <c r="BU2282" s="53">
        <v>18570146.829999998</v>
      </c>
      <c r="BV2282" s="53">
        <v>18570146.829999998</v>
      </c>
      <c r="BW2282" s="53">
        <v>18570146.829999998</v>
      </c>
      <c r="BX2282" s="53">
        <v>18570146.829999998</v>
      </c>
      <c r="BY2282" s="53">
        <v>18570146.829999998</v>
      </c>
      <c r="BZ2282" s="53">
        <v>18570146.829999998</v>
      </c>
      <c r="CA2282" s="53">
        <v>18570146.829999998</v>
      </c>
      <c r="CB2282" s="53"/>
      <c r="CC2282" s="53"/>
      <c r="CD2282" s="53"/>
      <c r="CE2282" s="53"/>
      <c r="CF2282" s="53"/>
      <c r="CG2282" s="53"/>
      <c r="CH2282" s="53"/>
      <c r="CI2282" s="53"/>
      <c r="CJ2282" s="53"/>
      <c r="CK2282" s="53"/>
      <c r="CL2282" s="53"/>
      <c r="CM2282" s="53"/>
      <c r="CN2282" s="53"/>
    </row>
    <row r="2283" spans="1:92">
      <c r="A2283" s="52" t="s">
        <v>1642</v>
      </c>
      <c r="B2283" s="53">
        <v>0</v>
      </c>
      <c r="C2283" s="53">
        <v>0</v>
      </c>
      <c r="D2283" s="53">
        <v>0</v>
      </c>
      <c r="E2283" s="53">
        <v>0</v>
      </c>
      <c r="F2283" s="53">
        <v>0</v>
      </c>
      <c r="G2283" s="53">
        <v>0</v>
      </c>
      <c r="H2283" s="53">
        <v>0</v>
      </c>
      <c r="I2283" s="53">
        <v>0</v>
      </c>
      <c r="J2283" s="53">
        <v>0</v>
      </c>
      <c r="K2283" s="53">
        <v>0</v>
      </c>
      <c r="L2283" s="53">
        <v>0</v>
      </c>
      <c r="M2283" s="53">
        <v>0</v>
      </c>
      <c r="N2283" s="53">
        <v>0</v>
      </c>
      <c r="O2283" s="53">
        <v>0</v>
      </c>
      <c r="P2283" s="53">
        <v>0</v>
      </c>
      <c r="Q2283" s="53">
        <v>0</v>
      </c>
      <c r="R2283" s="53">
        <v>0</v>
      </c>
      <c r="S2283" s="53">
        <v>0</v>
      </c>
      <c r="T2283" s="53">
        <v>0</v>
      </c>
      <c r="U2283" s="53">
        <v>0</v>
      </c>
      <c r="V2283" s="53">
        <v>0</v>
      </c>
      <c r="W2283" s="53">
        <v>0</v>
      </c>
      <c r="X2283" s="53">
        <v>0</v>
      </c>
      <c r="Y2283" s="53">
        <v>0</v>
      </c>
      <c r="Z2283" s="53">
        <v>0</v>
      </c>
      <c r="AA2283" s="53">
        <v>0</v>
      </c>
      <c r="AB2283" s="53">
        <v>0</v>
      </c>
      <c r="AC2283" s="53">
        <v>0</v>
      </c>
      <c r="AD2283" s="53">
        <v>0</v>
      </c>
      <c r="AE2283" s="53">
        <v>0</v>
      </c>
      <c r="AF2283" s="53">
        <v>0</v>
      </c>
      <c r="AG2283" s="53">
        <v>0</v>
      </c>
      <c r="AH2283" s="53">
        <v>0</v>
      </c>
      <c r="AI2283" s="53">
        <v>0</v>
      </c>
      <c r="AJ2283" s="53">
        <v>0</v>
      </c>
      <c r="AK2283" s="53">
        <v>0</v>
      </c>
      <c r="AL2283" s="53">
        <v>0</v>
      </c>
      <c r="AM2283" s="53">
        <v>0</v>
      </c>
      <c r="AN2283" s="53">
        <v>0</v>
      </c>
      <c r="AO2283" s="53">
        <v>0</v>
      </c>
      <c r="AP2283" s="53">
        <v>0</v>
      </c>
      <c r="AQ2283" s="53">
        <v>0</v>
      </c>
      <c r="AR2283" s="53">
        <v>0</v>
      </c>
      <c r="AS2283" s="53">
        <v>0</v>
      </c>
      <c r="AT2283" s="53">
        <v>0</v>
      </c>
      <c r="AU2283" s="53">
        <v>0</v>
      </c>
      <c r="AV2283" s="53">
        <v>0</v>
      </c>
      <c r="AW2283" s="53">
        <v>0</v>
      </c>
      <c r="AX2283" s="53">
        <v>0</v>
      </c>
      <c r="AY2283" s="53">
        <v>0</v>
      </c>
      <c r="AZ2283" s="53">
        <v>0</v>
      </c>
      <c r="BA2283" s="53">
        <v>0</v>
      </c>
      <c r="BB2283" s="53">
        <v>0</v>
      </c>
      <c r="BC2283" s="53">
        <v>0</v>
      </c>
      <c r="BD2283" s="53">
        <v>0</v>
      </c>
      <c r="BE2283" s="53">
        <v>0</v>
      </c>
      <c r="BF2283" s="53">
        <v>0</v>
      </c>
      <c r="BG2283" s="53">
        <v>0</v>
      </c>
      <c r="BH2283" s="53">
        <v>0</v>
      </c>
      <c r="BI2283" s="53">
        <v>0</v>
      </c>
      <c r="BJ2283" s="53">
        <v>0</v>
      </c>
      <c r="BK2283" s="53">
        <v>0</v>
      </c>
      <c r="BL2283" s="53">
        <v>0</v>
      </c>
      <c r="BM2283" s="53">
        <v>0</v>
      </c>
      <c r="BN2283" s="53">
        <v>0</v>
      </c>
      <c r="BO2283" s="53">
        <v>0</v>
      </c>
      <c r="BP2283" s="53">
        <v>0</v>
      </c>
      <c r="BQ2283" s="53">
        <v>0</v>
      </c>
      <c r="BR2283" s="53">
        <v>0</v>
      </c>
      <c r="BS2283" s="53">
        <v>0</v>
      </c>
      <c r="BT2283" s="53">
        <v>0</v>
      </c>
      <c r="BU2283" s="53">
        <v>0</v>
      </c>
      <c r="BV2283" s="53">
        <v>0</v>
      </c>
      <c r="BW2283" s="53">
        <v>0</v>
      </c>
      <c r="BX2283" s="53">
        <v>0</v>
      </c>
      <c r="BY2283" s="53">
        <v>0</v>
      </c>
      <c r="BZ2283" s="53">
        <v>0</v>
      </c>
      <c r="CA2283" s="53">
        <v>0</v>
      </c>
      <c r="CB2283" s="53">
        <v>-1213.9315068493099</v>
      </c>
      <c r="CC2283" s="53">
        <v>-1213.9315068493099</v>
      </c>
      <c r="CD2283" s="53">
        <v>-1213.9315068493099</v>
      </c>
      <c r="CE2283" s="53">
        <v>-1213.9315068493099</v>
      </c>
      <c r="CF2283" s="53">
        <v>-1213.9315068493099</v>
      </c>
      <c r="CG2283" s="53">
        <v>-1213.9315068493099</v>
      </c>
      <c r="CH2283" s="53">
        <v>-1213.9315068493099</v>
      </c>
      <c r="CI2283" s="53">
        <v>-1213.9315068493099</v>
      </c>
      <c r="CJ2283" s="53">
        <v>-1213.9315068493099</v>
      </c>
      <c r="CK2283" s="53">
        <v>-1213.9315068493099</v>
      </c>
      <c r="CL2283" s="53">
        <v>-1213.9315068493099</v>
      </c>
      <c r="CM2283" s="53">
        <v>-1213.9315068493099</v>
      </c>
      <c r="CN2283" s="53">
        <v>-14567.1780821917</v>
      </c>
    </row>
    <row r="2284" spans="1:92">
      <c r="A2284" s="52" t="s">
        <v>1643</v>
      </c>
      <c r="B2284" s="53">
        <v>0</v>
      </c>
      <c r="C2284" s="53">
        <v>0</v>
      </c>
      <c r="D2284" s="53">
        <v>0</v>
      </c>
      <c r="E2284" s="53">
        <v>0</v>
      </c>
      <c r="F2284" s="53">
        <v>0</v>
      </c>
      <c r="G2284" s="53">
        <v>0</v>
      </c>
      <c r="H2284" s="53">
        <v>0</v>
      </c>
      <c r="I2284" s="53">
        <v>0</v>
      </c>
      <c r="J2284" s="53">
        <v>0</v>
      </c>
      <c r="K2284" s="53">
        <v>0</v>
      </c>
      <c r="L2284" s="53">
        <v>0</v>
      </c>
      <c r="M2284" s="53">
        <v>0</v>
      </c>
      <c r="N2284" s="53">
        <v>0</v>
      </c>
      <c r="O2284" s="53">
        <v>0</v>
      </c>
      <c r="P2284" s="53">
        <v>0</v>
      </c>
      <c r="Q2284" s="53">
        <v>0</v>
      </c>
      <c r="R2284" s="53">
        <v>0</v>
      </c>
      <c r="S2284" s="53">
        <v>0</v>
      </c>
      <c r="T2284" s="53">
        <v>0</v>
      </c>
      <c r="U2284" s="53">
        <v>0</v>
      </c>
      <c r="V2284" s="53">
        <v>0</v>
      </c>
      <c r="W2284" s="53">
        <v>0</v>
      </c>
      <c r="X2284" s="53">
        <v>0</v>
      </c>
      <c r="Y2284" s="53">
        <v>0</v>
      </c>
      <c r="Z2284" s="53">
        <v>0</v>
      </c>
      <c r="AA2284" s="53">
        <v>0</v>
      </c>
      <c r="AB2284" s="53">
        <v>0</v>
      </c>
      <c r="AC2284" s="53">
        <v>0</v>
      </c>
      <c r="AD2284" s="53">
        <v>0</v>
      </c>
      <c r="AE2284" s="53">
        <v>0</v>
      </c>
      <c r="AF2284" s="53">
        <v>0</v>
      </c>
      <c r="AG2284" s="53">
        <v>0</v>
      </c>
      <c r="AH2284" s="53">
        <v>0</v>
      </c>
      <c r="AI2284" s="53">
        <v>0</v>
      </c>
      <c r="AJ2284" s="53">
        <v>0</v>
      </c>
      <c r="AK2284" s="53">
        <v>0</v>
      </c>
      <c r="AL2284" s="53">
        <v>0</v>
      </c>
      <c r="AM2284" s="53">
        <v>0</v>
      </c>
      <c r="AN2284" s="53">
        <v>0</v>
      </c>
      <c r="AO2284" s="53">
        <v>0</v>
      </c>
      <c r="AP2284" s="53">
        <v>0</v>
      </c>
      <c r="AQ2284" s="53">
        <v>0</v>
      </c>
      <c r="AR2284" s="53">
        <v>0</v>
      </c>
      <c r="AS2284" s="53">
        <v>0</v>
      </c>
      <c r="AT2284" s="53">
        <v>0</v>
      </c>
      <c r="AU2284" s="53">
        <v>0</v>
      </c>
      <c r="AV2284" s="53">
        <v>0</v>
      </c>
      <c r="AW2284" s="53">
        <v>0</v>
      </c>
      <c r="AX2284" s="53">
        <v>0</v>
      </c>
      <c r="AY2284" s="53">
        <v>0</v>
      </c>
      <c r="AZ2284" s="53">
        <v>0</v>
      </c>
      <c r="BA2284" s="53">
        <v>0</v>
      </c>
      <c r="BB2284" s="53">
        <v>0</v>
      </c>
      <c r="BC2284" s="53">
        <v>0</v>
      </c>
      <c r="BD2284" s="53">
        <v>0</v>
      </c>
      <c r="BE2284" s="53">
        <v>0</v>
      </c>
      <c r="BF2284" s="53">
        <v>0</v>
      </c>
      <c r="BG2284" s="53">
        <v>0</v>
      </c>
      <c r="BH2284" s="53">
        <v>0</v>
      </c>
      <c r="BI2284" s="53">
        <v>0</v>
      </c>
      <c r="BJ2284" s="53">
        <v>0</v>
      </c>
      <c r="BK2284" s="53">
        <v>0</v>
      </c>
      <c r="BL2284" s="53">
        <v>0</v>
      </c>
      <c r="BM2284" s="53">
        <v>0</v>
      </c>
      <c r="BN2284" s="53">
        <v>0</v>
      </c>
      <c r="BO2284" s="53">
        <v>0</v>
      </c>
      <c r="BP2284" s="53">
        <v>0</v>
      </c>
      <c r="BQ2284" s="53">
        <v>0</v>
      </c>
      <c r="BR2284" s="53">
        <v>0</v>
      </c>
      <c r="BS2284" s="53">
        <v>0</v>
      </c>
      <c r="BT2284" s="53">
        <v>0</v>
      </c>
      <c r="BU2284" s="53">
        <v>0</v>
      </c>
      <c r="BV2284" s="53">
        <v>0</v>
      </c>
      <c r="BW2284" s="53">
        <v>0</v>
      </c>
      <c r="BX2284" s="53">
        <v>0</v>
      </c>
      <c r="BY2284" s="53">
        <v>0</v>
      </c>
      <c r="BZ2284" s="53">
        <v>0</v>
      </c>
      <c r="CA2284" s="53">
        <v>0</v>
      </c>
      <c r="CB2284" s="53">
        <v>-1583.15671641791</v>
      </c>
      <c r="CC2284" s="53">
        <v>-1583.15671641791</v>
      </c>
      <c r="CD2284" s="53">
        <v>-1583.15671641791</v>
      </c>
      <c r="CE2284" s="53">
        <v>-1583.15671641791</v>
      </c>
      <c r="CF2284" s="53">
        <v>-1583.15671641791</v>
      </c>
      <c r="CG2284" s="53">
        <v>-1583.15671641791</v>
      </c>
      <c r="CH2284" s="53">
        <v>-1583.15671641791</v>
      </c>
      <c r="CI2284" s="53">
        <v>-1583.15671641791</v>
      </c>
      <c r="CJ2284" s="53">
        <v>-1583.15671641791</v>
      </c>
      <c r="CK2284" s="53">
        <v>-1583.15671641791</v>
      </c>
      <c r="CL2284" s="53">
        <v>-1583.15671641791</v>
      </c>
      <c r="CM2284" s="53">
        <v>-1583.15671641791</v>
      </c>
      <c r="CN2284" s="53">
        <v>-18997.880597014901</v>
      </c>
    </row>
    <row r="2285" spans="1:92">
      <c r="A2285" s="52" t="s">
        <v>1644</v>
      </c>
      <c r="B2285" s="53">
        <v>0</v>
      </c>
      <c r="C2285" s="53">
        <v>0</v>
      </c>
      <c r="D2285" s="53">
        <v>0</v>
      </c>
      <c r="E2285" s="53">
        <v>0</v>
      </c>
      <c r="F2285" s="53">
        <v>0</v>
      </c>
      <c r="G2285" s="53">
        <v>0</v>
      </c>
      <c r="H2285" s="53">
        <v>0</v>
      </c>
      <c r="I2285" s="53">
        <v>0</v>
      </c>
      <c r="J2285" s="53">
        <v>0</v>
      </c>
      <c r="K2285" s="53">
        <v>0</v>
      </c>
      <c r="L2285" s="53">
        <v>0</v>
      </c>
      <c r="M2285" s="53">
        <v>0</v>
      </c>
      <c r="N2285" s="53">
        <v>0</v>
      </c>
      <c r="O2285" s="53">
        <v>0</v>
      </c>
      <c r="P2285" s="53">
        <v>0</v>
      </c>
      <c r="Q2285" s="53">
        <v>0</v>
      </c>
      <c r="R2285" s="53">
        <v>0</v>
      </c>
      <c r="S2285" s="53">
        <v>0</v>
      </c>
      <c r="T2285" s="53">
        <v>0</v>
      </c>
      <c r="U2285" s="53">
        <v>0</v>
      </c>
      <c r="V2285" s="53">
        <v>0</v>
      </c>
      <c r="W2285" s="53">
        <v>0</v>
      </c>
      <c r="X2285" s="53">
        <v>0</v>
      </c>
      <c r="Y2285" s="53">
        <v>0</v>
      </c>
      <c r="Z2285" s="53">
        <v>0</v>
      </c>
      <c r="AA2285" s="53">
        <v>0</v>
      </c>
      <c r="AB2285" s="53">
        <v>0</v>
      </c>
      <c r="AC2285" s="53">
        <v>0</v>
      </c>
      <c r="AD2285" s="53">
        <v>0</v>
      </c>
      <c r="AE2285" s="53">
        <v>0</v>
      </c>
      <c r="AF2285" s="53">
        <v>0</v>
      </c>
      <c r="AG2285" s="53">
        <v>0</v>
      </c>
      <c r="AH2285" s="53">
        <v>0</v>
      </c>
      <c r="AI2285" s="53">
        <v>0</v>
      </c>
      <c r="AJ2285" s="53">
        <v>0</v>
      </c>
      <c r="AK2285" s="53">
        <v>0</v>
      </c>
      <c r="AL2285" s="53">
        <v>0</v>
      </c>
      <c r="AM2285" s="53">
        <v>0</v>
      </c>
      <c r="AN2285" s="53">
        <v>0</v>
      </c>
      <c r="AO2285" s="53">
        <v>0</v>
      </c>
      <c r="AP2285" s="53">
        <v>0</v>
      </c>
      <c r="AQ2285" s="53">
        <v>0</v>
      </c>
      <c r="AR2285" s="53">
        <v>0</v>
      </c>
      <c r="AS2285" s="53">
        <v>0</v>
      </c>
      <c r="AT2285" s="53">
        <v>0</v>
      </c>
      <c r="AU2285" s="53">
        <v>0</v>
      </c>
      <c r="AV2285" s="53">
        <v>0</v>
      </c>
      <c r="AW2285" s="53">
        <v>0</v>
      </c>
      <c r="AX2285" s="53">
        <v>0</v>
      </c>
      <c r="AY2285" s="53">
        <v>0</v>
      </c>
      <c r="AZ2285" s="53">
        <v>0</v>
      </c>
      <c r="BA2285" s="53">
        <v>0</v>
      </c>
      <c r="BB2285" s="53">
        <v>0</v>
      </c>
      <c r="BC2285" s="53">
        <v>0</v>
      </c>
      <c r="BD2285" s="53">
        <v>0</v>
      </c>
      <c r="BE2285" s="53">
        <v>0</v>
      </c>
      <c r="BF2285" s="53">
        <v>0</v>
      </c>
      <c r="BG2285" s="53">
        <v>0</v>
      </c>
      <c r="BH2285" s="53">
        <v>0</v>
      </c>
      <c r="BI2285" s="53">
        <v>0</v>
      </c>
      <c r="BJ2285" s="53">
        <v>0</v>
      </c>
      <c r="BK2285" s="53">
        <v>0</v>
      </c>
      <c r="BL2285" s="53">
        <v>0</v>
      </c>
      <c r="BM2285" s="53">
        <v>0</v>
      </c>
      <c r="BN2285" s="53">
        <v>0</v>
      </c>
      <c r="BO2285" s="53">
        <v>0</v>
      </c>
      <c r="BP2285" s="53">
        <v>0</v>
      </c>
      <c r="BQ2285" s="53">
        <v>0</v>
      </c>
      <c r="BR2285" s="53">
        <v>0</v>
      </c>
      <c r="BS2285" s="53">
        <v>0</v>
      </c>
      <c r="BT2285" s="53">
        <v>0</v>
      </c>
      <c r="BU2285" s="53">
        <v>0</v>
      </c>
      <c r="BV2285" s="53">
        <v>0</v>
      </c>
      <c r="BW2285" s="53">
        <v>0</v>
      </c>
      <c r="BX2285" s="53">
        <v>0</v>
      </c>
      <c r="BY2285" s="53">
        <v>0</v>
      </c>
      <c r="BZ2285" s="53">
        <v>0</v>
      </c>
      <c r="CA2285" s="53">
        <v>0</v>
      </c>
      <c r="CB2285" s="53">
        <v>-1833.3899204244001</v>
      </c>
      <c r="CC2285" s="53">
        <v>-1833.3899204244001</v>
      </c>
      <c r="CD2285" s="53">
        <v>-1833.3899204244001</v>
      </c>
      <c r="CE2285" s="53">
        <v>-1833.3899204244001</v>
      </c>
      <c r="CF2285" s="53">
        <v>-1833.3899204244001</v>
      </c>
      <c r="CG2285" s="53">
        <v>-1833.3899204244001</v>
      </c>
      <c r="CH2285" s="53">
        <v>-1833.3899204244001</v>
      </c>
      <c r="CI2285" s="53">
        <v>-1833.3899204244001</v>
      </c>
      <c r="CJ2285" s="53">
        <v>-1833.3899204244001</v>
      </c>
      <c r="CK2285" s="53">
        <v>-1833.3899204244001</v>
      </c>
      <c r="CL2285" s="53">
        <v>-1833.3899204244001</v>
      </c>
      <c r="CM2285" s="53">
        <v>-1833.3899204244001</v>
      </c>
      <c r="CN2285" s="53">
        <v>-22000.679045092798</v>
      </c>
    </row>
    <row r="2286" spans="1:92">
      <c r="A2286" s="52" t="s">
        <v>1218</v>
      </c>
      <c r="B2286" s="53">
        <v>399368703.852</v>
      </c>
      <c r="C2286" s="53">
        <v>387631019.93999898</v>
      </c>
      <c r="D2286" s="53">
        <v>388783449.58999902</v>
      </c>
      <c r="E2286" s="53">
        <v>347994708.44999999</v>
      </c>
      <c r="F2286" s="53">
        <v>335117913.919999</v>
      </c>
      <c r="G2286" s="53">
        <v>337252940.40999901</v>
      </c>
      <c r="H2286" s="53">
        <v>384684906.76999998</v>
      </c>
      <c r="I2286" s="53">
        <v>375478514.68000001</v>
      </c>
      <c r="J2286" s="53">
        <v>360726628.65999901</v>
      </c>
      <c r="K2286" s="53">
        <v>334335424.76999998</v>
      </c>
      <c r="L2286" s="53">
        <v>329314499.99000001</v>
      </c>
      <c r="M2286" s="53">
        <v>321709697.36999899</v>
      </c>
      <c r="N2286" s="53">
        <v>399368703.852</v>
      </c>
      <c r="O2286" s="53">
        <v>353302611.92999899</v>
      </c>
      <c r="P2286" s="53">
        <v>354934273.90999901</v>
      </c>
      <c r="Q2286" s="53">
        <v>357286344.049999</v>
      </c>
      <c r="R2286" s="53">
        <v>325663067.55279899</v>
      </c>
      <c r="S2286" s="53">
        <v>327993486.89279997</v>
      </c>
      <c r="T2286" s="53">
        <v>330314080.88279998</v>
      </c>
      <c r="U2286" s="53">
        <v>332873177.19279999</v>
      </c>
      <c r="V2286" s="53">
        <v>335126191.53279901</v>
      </c>
      <c r="W2286" s="53">
        <v>337389613.1728</v>
      </c>
      <c r="X2286" s="53">
        <v>339606585.03279901</v>
      </c>
      <c r="Y2286" s="53">
        <v>341873437.35280001</v>
      </c>
      <c r="Z2286" s="53">
        <v>344077668.46279901</v>
      </c>
      <c r="AA2286" s="53">
        <v>353302611.92999899</v>
      </c>
      <c r="AB2286" s="53">
        <v>346455686.792799</v>
      </c>
      <c r="AC2286" s="53">
        <v>347697572.852799</v>
      </c>
      <c r="AD2286" s="53">
        <v>350041526.20279902</v>
      </c>
      <c r="AE2286" s="53">
        <v>324670209.11279899</v>
      </c>
      <c r="AF2286" s="53">
        <v>327068218.27279902</v>
      </c>
      <c r="AG2286" s="53">
        <v>329625409.40279901</v>
      </c>
      <c r="AH2286" s="53">
        <v>332125576.21279901</v>
      </c>
      <c r="AI2286" s="53">
        <v>334482150.53279901</v>
      </c>
      <c r="AJ2286" s="53">
        <v>336858312.27279902</v>
      </c>
      <c r="AK2286" s="53">
        <v>339201689.32279998</v>
      </c>
      <c r="AL2286" s="53">
        <v>341588684.37279898</v>
      </c>
      <c r="AM2286" s="53">
        <v>344081759.30279899</v>
      </c>
      <c r="AN2286" s="53">
        <v>346455686.792799</v>
      </c>
      <c r="AO2286" s="53">
        <v>346421287.57279903</v>
      </c>
      <c r="AP2286" s="53">
        <v>348814817.412799</v>
      </c>
      <c r="AQ2286" s="53">
        <v>351208347.25279897</v>
      </c>
      <c r="AR2286" s="53">
        <v>324879519.01279998</v>
      </c>
      <c r="AS2286" s="53">
        <v>327273048.852799</v>
      </c>
      <c r="AT2286" s="53">
        <v>329666578.69279999</v>
      </c>
      <c r="AU2286" s="53">
        <v>332060108.53279901</v>
      </c>
      <c r="AV2286" s="53">
        <v>334453638.37279999</v>
      </c>
      <c r="AW2286" s="53">
        <v>336847168.21279901</v>
      </c>
      <c r="AX2286" s="53">
        <v>339240698.05279899</v>
      </c>
      <c r="AY2286" s="53">
        <v>341634227.89279902</v>
      </c>
      <c r="AZ2286" s="53">
        <v>344027757.73279899</v>
      </c>
      <c r="BA2286" s="53">
        <v>346421287.57279903</v>
      </c>
      <c r="BB2286" s="53">
        <v>346421287.57279903</v>
      </c>
      <c r="BC2286" s="53">
        <v>348814817.412799</v>
      </c>
      <c r="BD2286" s="53">
        <v>351208347.25279897</v>
      </c>
      <c r="BE2286" s="53">
        <v>324879519.01279998</v>
      </c>
      <c r="BF2286" s="53">
        <v>327273048.852799</v>
      </c>
      <c r="BG2286" s="53">
        <v>329666578.69279897</v>
      </c>
      <c r="BH2286" s="53">
        <v>332060108.53279901</v>
      </c>
      <c r="BI2286" s="53">
        <v>334453638.37279898</v>
      </c>
      <c r="BJ2286" s="53">
        <v>336847168.21279901</v>
      </c>
      <c r="BK2286" s="53">
        <v>339240698.05279899</v>
      </c>
      <c r="BL2286" s="53">
        <v>341634227.89279902</v>
      </c>
      <c r="BM2286" s="53">
        <v>344027757.73279899</v>
      </c>
      <c r="BN2286" s="53">
        <v>346421287.57279903</v>
      </c>
      <c r="BO2286" s="53">
        <v>346421287.57279903</v>
      </c>
      <c r="BP2286" s="53">
        <v>348814817.412799</v>
      </c>
      <c r="BQ2286" s="53">
        <v>351208347.25279897</v>
      </c>
      <c r="BR2286" s="53">
        <v>324879519.01279902</v>
      </c>
      <c r="BS2286" s="53">
        <v>327273048.852799</v>
      </c>
      <c r="BT2286" s="53">
        <v>329666578.69279897</v>
      </c>
      <c r="BU2286" s="53">
        <v>332060108.53279901</v>
      </c>
      <c r="BV2286" s="53">
        <v>334453638.37279898</v>
      </c>
      <c r="BW2286" s="53">
        <v>336847168.21279901</v>
      </c>
      <c r="BX2286" s="53">
        <v>339240698.05279899</v>
      </c>
      <c r="BY2286" s="53">
        <v>341634227.89279902</v>
      </c>
      <c r="BZ2286" s="53">
        <v>344027757.73279899</v>
      </c>
      <c r="CA2286" s="53">
        <v>346421287.57279903</v>
      </c>
      <c r="CB2286" s="53"/>
      <c r="CC2286" s="53"/>
      <c r="CD2286" s="53"/>
      <c r="CE2286" s="53"/>
      <c r="CF2286" s="53"/>
      <c r="CG2286" s="53"/>
      <c r="CH2286" s="53"/>
      <c r="CI2286" s="53"/>
      <c r="CJ2286" s="53"/>
      <c r="CK2286" s="53"/>
      <c r="CL2286" s="53"/>
      <c r="CM2286" s="53"/>
      <c r="CN2286" s="53"/>
    </row>
    <row r="2287" spans="1:92">
      <c r="A2287" s="52" t="s">
        <v>699</v>
      </c>
      <c r="B2287" s="53"/>
      <c r="C2287" s="53"/>
      <c r="D2287" s="53"/>
      <c r="E2287" s="53"/>
      <c r="F2287" s="53"/>
      <c r="G2287" s="53"/>
      <c r="H2287" s="53"/>
      <c r="I2287" s="53"/>
      <c r="J2287" s="53"/>
      <c r="K2287" s="53"/>
      <c r="L2287" s="53"/>
      <c r="M2287" s="53"/>
      <c r="N2287" s="53"/>
      <c r="O2287" s="53"/>
      <c r="P2287" s="53"/>
      <c r="Q2287" s="53"/>
      <c r="R2287" s="53"/>
      <c r="S2287" s="53"/>
      <c r="T2287" s="53"/>
      <c r="U2287" s="53"/>
      <c r="V2287" s="53"/>
      <c r="W2287" s="53"/>
      <c r="X2287" s="53"/>
      <c r="Y2287" s="53"/>
      <c r="Z2287" s="53"/>
      <c r="AA2287" s="53"/>
      <c r="AB2287" s="53"/>
      <c r="AC2287" s="53"/>
      <c r="AD2287" s="53"/>
      <c r="AE2287" s="53"/>
      <c r="AF2287" s="53"/>
      <c r="AG2287" s="53"/>
      <c r="AH2287" s="53"/>
      <c r="AI2287" s="53"/>
      <c r="AJ2287" s="53"/>
      <c r="AK2287" s="53"/>
      <c r="AL2287" s="53"/>
      <c r="AM2287" s="53"/>
      <c r="AN2287" s="53"/>
      <c r="AO2287" s="53"/>
      <c r="AP2287" s="53"/>
      <c r="AQ2287" s="53"/>
      <c r="AR2287" s="53"/>
      <c r="AS2287" s="53"/>
      <c r="AT2287" s="53"/>
      <c r="AU2287" s="53"/>
      <c r="AV2287" s="53"/>
      <c r="AW2287" s="53"/>
      <c r="AX2287" s="53"/>
      <c r="AY2287" s="53"/>
      <c r="AZ2287" s="53"/>
      <c r="BA2287" s="53"/>
      <c r="BB2287" s="53"/>
      <c r="BC2287" s="53"/>
      <c r="BD2287" s="53"/>
      <c r="BE2287" s="53"/>
      <c r="BF2287" s="53"/>
      <c r="BG2287" s="53"/>
      <c r="BH2287" s="53"/>
      <c r="BI2287" s="53"/>
      <c r="BJ2287" s="53"/>
      <c r="BK2287" s="53"/>
      <c r="BL2287" s="53"/>
      <c r="BM2287" s="53"/>
      <c r="BN2287" s="53"/>
      <c r="BO2287" s="53"/>
      <c r="BP2287" s="53"/>
      <c r="BQ2287" s="53"/>
      <c r="BR2287" s="53"/>
      <c r="BS2287" s="53"/>
      <c r="BT2287" s="53"/>
      <c r="BU2287" s="53"/>
      <c r="BV2287" s="53"/>
      <c r="BW2287" s="53"/>
      <c r="BX2287" s="53"/>
      <c r="BY2287" s="53"/>
      <c r="BZ2287" s="53"/>
      <c r="CA2287" s="53"/>
      <c r="CB2287" s="53">
        <v>-11723.4531645569</v>
      </c>
      <c r="CC2287" s="53">
        <v>-11723.4531645569</v>
      </c>
      <c r="CD2287" s="53">
        <v>-11723.4531645569</v>
      </c>
      <c r="CE2287" s="53">
        <v>-11723.4531645569</v>
      </c>
      <c r="CF2287" s="53">
        <v>-11723.4531645569</v>
      </c>
      <c r="CG2287" s="53">
        <v>-11723.4531645569</v>
      </c>
      <c r="CH2287" s="53">
        <v>-11723.4531645569</v>
      </c>
      <c r="CI2287" s="53">
        <v>-11723.4531645569</v>
      </c>
      <c r="CJ2287" s="53">
        <v>-11723.4531645569</v>
      </c>
      <c r="CK2287" s="53">
        <v>-11723.4531645569</v>
      </c>
      <c r="CL2287" s="53">
        <v>-11723.4531645569</v>
      </c>
      <c r="CM2287" s="53">
        <v>-11723.4531645569</v>
      </c>
      <c r="CN2287" s="53">
        <v>-140681.43797468301</v>
      </c>
    </row>
    <row r="2288" spans="1:92">
      <c r="A2288" s="52" t="s">
        <v>741</v>
      </c>
      <c r="B2288" s="53"/>
      <c r="C2288" s="53"/>
      <c r="D2288" s="53"/>
      <c r="E2288" s="53"/>
      <c r="F2288" s="53"/>
      <c r="G2288" s="53"/>
      <c r="H2288" s="53"/>
      <c r="I2288" s="53"/>
      <c r="J2288" s="53"/>
      <c r="K2288" s="53"/>
      <c r="L2288" s="53"/>
      <c r="M2288" s="53"/>
      <c r="N2288" s="53"/>
      <c r="O2288" s="53"/>
      <c r="P2288" s="53"/>
      <c r="Q2288" s="53"/>
      <c r="R2288" s="53"/>
      <c r="S2288" s="53"/>
      <c r="T2288" s="53"/>
      <c r="U2288" s="53"/>
      <c r="V2288" s="53"/>
      <c r="W2288" s="53"/>
      <c r="X2288" s="53"/>
      <c r="Y2288" s="53"/>
      <c r="Z2288" s="53"/>
      <c r="AA2288" s="53"/>
      <c r="AB2288" s="53"/>
      <c r="AC2288" s="53"/>
      <c r="AD2288" s="53"/>
      <c r="AE2288" s="53"/>
      <c r="AF2288" s="53"/>
      <c r="AG2288" s="53"/>
      <c r="AH2288" s="53"/>
      <c r="AI2288" s="53"/>
      <c r="AJ2288" s="53"/>
      <c r="AK2288" s="53"/>
      <c r="AL2288" s="53"/>
      <c r="AM2288" s="53"/>
      <c r="AN2288" s="53"/>
      <c r="AO2288" s="53"/>
      <c r="AP2288" s="53"/>
      <c r="AQ2288" s="53"/>
      <c r="AR2288" s="53"/>
      <c r="AS2288" s="53"/>
      <c r="AT2288" s="53"/>
      <c r="AU2288" s="53"/>
      <c r="AV2288" s="53"/>
      <c r="AW2288" s="53"/>
      <c r="AX2288" s="53"/>
      <c r="AY2288" s="53"/>
      <c r="AZ2288" s="53"/>
      <c r="BA2288" s="53"/>
      <c r="BB2288" s="53"/>
      <c r="BC2288" s="53"/>
      <c r="BD2288" s="53"/>
      <c r="BE2288" s="53"/>
      <c r="BF2288" s="53"/>
      <c r="BG2288" s="53"/>
      <c r="BH2288" s="53"/>
      <c r="BI2288" s="53"/>
      <c r="BJ2288" s="53"/>
      <c r="BK2288" s="53"/>
      <c r="BL2288" s="53"/>
      <c r="BM2288" s="53"/>
      <c r="BN2288" s="53"/>
      <c r="BO2288" s="53"/>
      <c r="BP2288" s="53"/>
      <c r="BQ2288" s="53"/>
      <c r="BR2288" s="53"/>
      <c r="BS2288" s="53"/>
      <c r="BT2288" s="53"/>
      <c r="BU2288" s="53"/>
      <c r="BV2288" s="53"/>
      <c r="BW2288" s="53"/>
      <c r="BX2288" s="53"/>
      <c r="BY2288" s="53"/>
      <c r="BZ2288" s="53"/>
      <c r="CA2288" s="53"/>
      <c r="CB2288" s="53">
        <v>-4051.8264840182501</v>
      </c>
      <c r="CC2288" s="53">
        <v>-4051.8264840182401</v>
      </c>
      <c r="CD2288" s="53">
        <v>-4051.8264840182401</v>
      </c>
      <c r="CE2288" s="53">
        <v>-4051.8264840182401</v>
      </c>
      <c r="CF2288" s="53">
        <v>-4051.8264840182401</v>
      </c>
      <c r="CG2288" s="53">
        <v>-4051.8264840182501</v>
      </c>
      <c r="CH2288" s="53">
        <v>-4051.8264840182501</v>
      </c>
      <c r="CI2288" s="53">
        <v>-4051.8264840182401</v>
      </c>
      <c r="CJ2288" s="53">
        <v>-4051.8264840182401</v>
      </c>
      <c r="CK2288" s="53">
        <v>-4051.8264840182501</v>
      </c>
      <c r="CL2288" s="53">
        <v>-4051.8264840182401</v>
      </c>
      <c r="CM2288" s="53">
        <v>-4051.8264840182401</v>
      </c>
      <c r="CN2288" s="53">
        <v>-48621.917808218997</v>
      </c>
    </row>
    <row r="2289" spans="1:92">
      <c r="A2289" s="52" t="s">
        <v>1632</v>
      </c>
      <c r="B2289" s="53"/>
      <c r="C2289" s="53"/>
      <c r="D2289" s="53"/>
      <c r="E2289" s="53"/>
      <c r="F2289" s="53"/>
      <c r="G2289" s="53"/>
      <c r="H2289" s="53"/>
      <c r="I2289" s="53"/>
      <c r="J2289" s="53"/>
      <c r="K2289" s="53"/>
      <c r="L2289" s="53"/>
      <c r="M2289" s="53"/>
      <c r="N2289" s="53"/>
      <c r="O2289" s="53"/>
      <c r="P2289" s="53"/>
      <c r="Q2289" s="53"/>
      <c r="R2289" s="53"/>
      <c r="S2289" s="53"/>
      <c r="T2289" s="53"/>
      <c r="U2289" s="53"/>
      <c r="V2289" s="53"/>
      <c r="W2289" s="53"/>
      <c r="X2289" s="53"/>
      <c r="Y2289" s="53"/>
      <c r="Z2289" s="53"/>
      <c r="AA2289" s="53"/>
      <c r="AB2289" s="53"/>
      <c r="AC2289" s="53"/>
      <c r="AD2289" s="53"/>
      <c r="AE2289" s="53"/>
      <c r="AF2289" s="53"/>
      <c r="AG2289" s="53"/>
      <c r="AH2289" s="53"/>
      <c r="AI2289" s="53"/>
      <c r="AJ2289" s="53"/>
      <c r="AK2289" s="53"/>
      <c r="AL2289" s="53"/>
      <c r="AM2289" s="53"/>
      <c r="AN2289" s="53"/>
      <c r="AO2289" s="53"/>
      <c r="AP2289" s="53"/>
      <c r="AQ2289" s="53"/>
      <c r="AR2289" s="53"/>
      <c r="AS2289" s="53"/>
      <c r="AT2289" s="53"/>
      <c r="AU2289" s="53"/>
      <c r="AV2289" s="53"/>
      <c r="AW2289" s="53"/>
      <c r="AX2289" s="53"/>
      <c r="AY2289" s="53"/>
      <c r="AZ2289" s="53"/>
      <c r="BA2289" s="53"/>
      <c r="BB2289" s="53"/>
      <c r="BC2289" s="53"/>
      <c r="BD2289" s="53"/>
      <c r="BE2289" s="53"/>
      <c r="BF2289" s="53"/>
      <c r="BG2289" s="53"/>
      <c r="BH2289" s="53"/>
      <c r="BI2289" s="53"/>
      <c r="BJ2289" s="53"/>
      <c r="BK2289" s="53"/>
      <c r="BL2289" s="53"/>
      <c r="BM2289" s="53"/>
      <c r="BN2289" s="53"/>
      <c r="BO2289" s="53"/>
      <c r="BP2289" s="53"/>
      <c r="BQ2289" s="53"/>
      <c r="BR2289" s="53"/>
      <c r="BS2289" s="53"/>
      <c r="BT2289" s="53"/>
      <c r="BU2289" s="53"/>
      <c r="BV2289" s="53"/>
      <c r="BW2289" s="53"/>
      <c r="BX2289" s="53"/>
      <c r="BY2289" s="53"/>
      <c r="BZ2289" s="53"/>
      <c r="CA2289" s="53"/>
      <c r="CB2289" s="53">
        <v>-3523.40918163673</v>
      </c>
      <c r="CC2289" s="53">
        <v>-3523.40918163673</v>
      </c>
      <c r="CD2289" s="53">
        <v>-3523.40918163673</v>
      </c>
      <c r="CE2289" s="53">
        <v>-3523.40918163673</v>
      </c>
      <c r="CF2289" s="53">
        <v>-3523.40918163673</v>
      </c>
      <c r="CG2289" s="53">
        <v>-3523.40918163673</v>
      </c>
      <c r="CH2289" s="53">
        <v>-3523.40918163673</v>
      </c>
      <c r="CI2289" s="53">
        <v>-3523.40918163673</v>
      </c>
      <c r="CJ2289" s="53">
        <v>-3523.40918163673</v>
      </c>
      <c r="CK2289" s="53">
        <v>-3523.40918163673</v>
      </c>
      <c r="CL2289" s="53">
        <v>-3523.40918163673</v>
      </c>
      <c r="CM2289" s="53">
        <v>-3523.40918163673</v>
      </c>
      <c r="CN2289" s="53">
        <v>-42280.910179640799</v>
      </c>
    </row>
    <row r="2290" spans="1:92">
      <c r="A2290" s="52" t="s">
        <v>649</v>
      </c>
      <c r="B2290" s="53"/>
      <c r="C2290" s="53"/>
      <c r="D2290" s="53"/>
      <c r="E2290" s="53"/>
      <c r="F2290" s="53"/>
      <c r="G2290" s="53"/>
      <c r="H2290" s="53"/>
      <c r="I2290" s="53"/>
      <c r="J2290" s="53"/>
      <c r="K2290" s="53"/>
      <c r="L2290" s="53"/>
      <c r="M2290" s="53"/>
      <c r="N2290" s="53"/>
      <c r="O2290" s="53">
        <v>-611879.56999999995</v>
      </c>
      <c r="P2290" s="53"/>
      <c r="Q2290" s="53"/>
      <c r="R2290" s="53"/>
      <c r="S2290" s="53"/>
      <c r="T2290" s="53"/>
      <c r="U2290" s="53"/>
      <c r="V2290" s="53"/>
      <c r="W2290" s="53"/>
      <c r="X2290" s="53"/>
      <c r="Y2290" s="53"/>
      <c r="Z2290" s="53"/>
      <c r="AA2290" s="53">
        <v>-611879.56999999995</v>
      </c>
      <c r="AB2290" s="53">
        <v>-1009241.17999999</v>
      </c>
      <c r="AC2290" s="53"/>
      <c r="AD2290" s="53"/>
      <c r="AE2290" s="53"/>
      <c r="AF2290" s="53"/>
      <c r="AG2290" s="53"/>
      <c r="AH2290" s="53"/>
      <c r="AI2290" s="53"/>
      <c r="AJ2290" s="53"/>
      <c r="AK2290" s="53"/>
      <c r="AL2290" s="53"/>
      <c r="AM2290" s="53"/>
      <c r="AN2290" s="53">
        <v>-1009241.17999999</v>
      </c>
      <c r="AO2290" s="53"/>
      <c r="AP2290" s="53"/>
      <c r="AQ2290" s="53"/>
      <c r="AR2290" s="53"/>
      <c r="AS2290" s="53"/>
      <c r="AT2290" s="53"/>
      <c r="AU2290" s="53"/>
      <c r="AV2290" s="53"/>
      <c r="AW2290" s="53"/>
      <c r="AX2290" s="53"/>
      <c r="AY2290" s="53"/>
      <c r="AZ2290" s="53"/>
      <c r="BA2290" s="53"/>
      <c r="BB2290" s="53"/>
      <c r="BC2290" s="53"/>
      <c r="BD2290" s="53"/>
      <c r="BE2290" s="53"/>
      <c r="BF2290" s="53"/>
      <c r="BG2290" s="53"/>
      <c r="BH2290" s="53"/>
      <c r="BI2290" s="53"/>
      <c r="BJ2290" s="53"/>
      <c r="BK2290" s="53"/>
      <c r="BL2290" s="53"/>
      <c r="BM2290" s="53"/>
      <c r="BN2290" s="53"/>
      <c r="BO2290" s="53"/>
      <c r="BP2290" s="53"/>
      <c r="BQ2290" s="53"/>
      <c r="BR2290" s="53"/>
      <c r="BS2290" s="53"/>
      <c r="BT2290" s="53"/>
      <c r="BU2290" s="53"/>
      <c r="BV2290" s="53"/>
      <c r="BW2290" s="53"/>
      <c r="BX2290" s="53"/>
      <c r="BY2290" s="53"/>
      <c r="BZ2290" s="53"/>
      <c r="CA2290" s="53"/>
      <c r="CB2290" s="53">
        <v>-9347.6262626262305</v>
      </c>
      <c r="CC2290" s="53">
        <v>-9347.6262626262305</v>
      </c>
      <c r="CD2290" s="53">
        <v>-9347.6262626262305</v>
      </c>
      <c r="CE2290" s="53">
        <v>-9347.6262626262305</v>
      </c>
      <c r="CF2290" s="53">
        <v>-9347.6262626262305</v>
      </c>
      <c r="CG2290" s="53">
        <v>-9347.6262626262305</v>
      </c>
      <c r="CH2290" s="53">
        <v>-9347.6262626262305</v>
      </c>
      <c r="CI2290" s="53">
        <v>-9347.6262626262305</v>
      </c>
      <c r="CJ2290" s="53">
        <v>-9347.6262626262305</v>
      </c>
      <c r="CK2290" s="53">
        <v>-9347.6262626262305</v>
      </c>
      <c r="CL2290" s="53">
        <v>-9347.6262626262305</v>
      </c>
      <c r="CM2290" s="53">
        <v>-9347.6262626262305</v>
      </c>
      <c r="CN2290" s="53">
        <v>-112171.515151514</v>
      </c>
    </row>
    <row r="2291" spans="1:92">
      <c r="A2291" s="52" t="s">
        <v>1615</v>
      </c>
      <c r="B2291" s="53"/>
      <c r="C2291" s="53"/>
      <c r="D2291" s="53"/>
      <c r="E2291" s="53"/>
      <c r="F2291" s="53"/>
      <c r="G2291" s="53"/>
      <c r="H2291" s="53"/>
      <c r="I2291" s="53"/>
      <c r="J2291" s="53"/>
      <c r="K2291" s="53"/>
      <c r="L2291" s="53"/>
      <c r="M2291" s="53"/>
      <c r="N2291" s="53"/>
      <c r="O2291" s="53"/>
      <c r="P2291" s="53"/>
      <c r="Q2291" s="53"/>
      <c r="R2291" s="53"/>
      <c r="S2291" s="53"/>
      <c r="T2291" s="53"/>
      <c r="U2291" s="53"/>
      <c r="V2291" s="53"/>
      <c r="W2291" s="53"/>
      <c r="X2291" s="53"/>
      <c r="Y2291" s="53"/>
      <c r="Z2291" s="53"/>
      <c r="AA2291" s="53"/>
      <c r="AB2291" s="53"/>
      <c r="AC2291" s="53"/>
      <c r="AD2291" s="53"/>
      <c r="AE2291" s="53"/>
      <c r="AF2291" s="53"/>
      <c r="AG2291" s="53"/>
      <c r="AH2291" s="53"/>
      <c r="AI2291" s="53"/>
      <c r="AJ2291" s="53"/>
      <c r="AK2291" s="53"/>
      <c r="AL2291" s="53"/>
      <c r="AM2291" s="53"/>
      <c r="AN2291" s="53"/>
      <c r="AO2291" s="53"/>
      <c r="AP2291" s="53"/>
      <c r="AQ2291" s="53"/>
      <c r="AR2291" s="53"/>
      <c r="AS2291" s="53"/>
      <c r="AT2291" s="53"/>
      <c r="AU2291" s="53"/>
      <c r="AV2291" s="53"/>
      <c r="AW2291" s="53"/>
      <c r="AX2291" s="53"/>
      <c r="AY2291" s="53"/>
      <c r="AZ2291" s="53"/>
      <c r="BA2291" s="53"/>
      <c r="BB2291" s="53"/>
      <c r="BC2291" s="53"/>
      <c r="BD2291" s="53"/>
      <c r="BE2291" s="53"/>
      <c r="BF2291" s="53"/>
      <c r="BG2291" s="53"/>
      <c r="BH2291" s="53"/>
      <c r="BI2291" s="53"/>
      <c r="BJ2291" s="53"/>
      <c r="BK2291" s="53"/>
      <c r="BL2291" s="53"/>
      <c r="BM2291" s="53"/>
      <c r="BN2291" s="53"/>
      <c r="BO2291" s="53"/>
      <c r="BP2291" s="53"/>
      <c r="BQ2291" s="53"/>
      <c r="BR2291" s="53"/>
      <c r="BS2291" s="53"/>
      <c r="BT2291" s="53"/>
      <c r="BU2291" s="53"/>
      <c r="BV2291" s="53"/>
      <c r="BW2291" s="53"/>
      <c r="BX2291" s="53"/>
      <c r="BY2291" s="53"/>
      <c r="BZ2291" s="53"/>
      <c r="CA2291" s="53"/>
      <c r="CB2291" s="53">
        <v>-1620.19834710743</v>
      </c>
      <c r="CC2291" s="53"/>
      <c r="CD2291" s="53"/>
      <c r="CE2291" s="53"/>
      <c r="CF2291" s="53"/>
      <c r="CG2291" s="53"/>
      <c r="CH2291" s="53"/>
      <c r="CI2291" s="53"/>
      <c r="CJ2291" s="53"/>
      <c r="CK2291" s="53"/>
      <c r="CL2291" s="53"/>
      <c r="CM2291" s="53"/>
      <c r="CN2291" s="53">
        <v>-1620.19834710743</v>
      </c>
    </row>
    <row r="2292" spans="1:92">
      <c r="A2292" s="52" t="s">
        <v>1616</v>
      </c>
      <c r="B2292" s="53"/>
      <c r="C2292" s="53"/>
      <c r="D2292" s="53"/>
      <c r="E2292" s="53"/>
      <c r="F2292" s="53"/>
      <c r="G2292" s="53"/>
      <c r="H2292" s="53"/>
      <c r="I2292" s="53"/>
      <c r="J2292" s="53"/>
      <c r="K2292" s="53"/>
      <c r="L2292" s="53"/>
      <c r="M2292" s="53"/>
      <c r="N2292" s="53"/>
      <c r="O2292" s="53"/>
      <c r="P2292" s="53"/>
      <c r="Q2292" s="53"/>
      <c r="R2292" s="53"/>
      <c r="S2292" s="53"/>
      <c r="T2292" s="53"/>
      <c r="U2292" s="53"/>
      <c r="V2292" s="53"/>
      <c r="W2292" s="53"/>
      <c r="X2292" s="53"/>
      <c r="Y2292" s="53"/>
      <c r="Z2292" s="53"/>
      <c r="AA2292" s="53"/>
      <c r="AB2292" s="53"/>
      <c r="AC2292" s="53"/>
      <c r="AD2292" s="53"/>
      <c r="AE2292" s="53"/>
      <c r="AF2292" s="53"/>
      <c r="AG2292" s="53"/>
      <c r="AH2292" s="53"/>
      <c r="AI2292" s="53"/>
      <c r="AJ2292" s="53"/>
      <c r="AK2292" s="53"/>
      <c r="AL2292" s="53"/>
      <c r="AM2292" s="53"/>
      <c r="AN2292" s="53"/>
      <c r="AO2292" s="53"/>
      <c r="AP2292" s="53"/>
      <c r="AQ2292" s="53"/>
      <c r="AR2292" s="53"/>
      <c r="AS2292" s="53"/>
      <c r="AT2292" s="53"/>
      <c r="AU2292" s="53"/>
      <c r="AV2292" s="53"/>
      <c r="AW2292" s="53"/>
      <c r="AX2292" s="53"/>
      <c r="AY2292" s="53"/>
      <c r="AZ2292" s="53"/>
      <c r="BA2292" s="53"/>
      <c r="BB2292" s="53"/>
      <c r="BC2292" s="53"/>
      <c r="BD2292" s="53"/>
      <c r="BE2292" s="53"/>
      <c r="BF2292" s="53"/>
      <c r="BG2292" s="53"/>
      <c r="BH2292" s="53"/>
      <c r="BI2292" s="53"/>
      <c r="BJ2292" s="53"/>
      <c r="BK2292" s="53"/>
      <c r="BL2292" s="53"/>
      <c r="BM2292" s="53"/>
      <c r="BN2292" s="53"/>
      <c r="BO2292" s="53"/>
      <c r="BP2292" s="53"/>
      <c r="BQ2292" s="53"/>
      <c r="BR2292" s="53"/>
      <c r="BS2292" s="53"/>
      <c r="BT2292" s="53"/>
      <c r="BU2292" s="53"/>
      <c r="BV2292" s="53"/>
      <c r="BW2292" s="53"/>
      <c r="BX2292" s="53"/>
      <c r="BY2292" s="53"/>
      <c r="BZ2292" s="53"/>
      <c r="CA2292" s="53"/>
      <c r="CB2292" s="53">
        <v>-1540.86342229199</v>
      </c>
      <c r="CC2292" s="53">
        <v>-1540.86342229199</v>
      </c>
      <c r="CD2292" s="53">
        <v>-1540.86342229199</v>
      </c>
      <c r="CE2292" s="53">
        <v>-1540.86342229199</v>
      </c>
      <c r="CF2292" s="53">
        <v>-1540.86342229199</v>
      </c>
      <c r="CG2292" s="53">
        <v>-1540.86342229199</v>
      </c>
      <c r="CH2292" s="53">
        <v>-1540.86342229199</v>
      </c>
      <c r="CI2292" s="53">
        <v>-1540.86342229199</v>
      </c>
      <c r="CJ2292" s="53">
        <v>-1540.86342229199</v>
      </c>
      <c r="CK2292" s="53">
        <v>-1540.86342229199</v>
      </c>
      <c r="CL2292" s="53">
        <v>-1540.86342229199</v>
      </c>
      <c r="CM2292" s="53">
        <v>-1540.86342229199</v>
      </c>
      <c r="CN2292" s="53">
        <v>-18490.361067503902</v>
      </c>
    </row>
    <row r="2293" spans="1:92">
      <c r="A2293" s="52" t="s">
        <v>649</v>
      </c>
      <c r="B2293" s="53"/>
      <c r="C2293" s="53"/>
      <c r="D2293" s="53">
        <v>-18368678.310159098</v>
      </c>
      <c r="E2293" s="53"/>
      <c r="F2293" s="53"/>
      <c r="G2293" s="53"/>
      <c r="H2293" s="53"/>
      <c r="I2293" s="53"/>
      <c r="J2293" s="53"/>
      <c r="K2293" s="53"/>
      <c r="L2293" s="53"/>
      <c r="M2293" s="53"/>
      <c r="N2293" s="53">
        <v>-18368678.310159098</v>
      </c>
      <c r="O2293" s="53"/>
      <c r="P2293" s="53"/>
      <c r="Q2293" s="53">
        <v>-30073063.440000001</v>
      </c>
      <c r="R2293" s="53"/>
      <c r="S2293" s="53"/>
      <c r="T2293" s="53"/>
      <c r="U2293" s="53"/>
      <c r="V2293" s="53"/>
      <c r="W2293" s="53"/>
      <c r="X2293" s="53"/>
      <c r="Y2293" s="53"/>
      <c r="Z2293" s="53"/>
      <c r="AA2293" s="53">
        <v>-30073063.440000001</v>
      </c>
      <c r="AB2293" s="53"/>
      <c r="AC2293" s="53"/>
      <c r="AD2293" s="53">
        <v>-9325982.9999999907</v>
      </c>
      <c r="AE2293" s="53"/>
      <c r="AF2293" s="53"/>
      <c r="AG2293" s="53"/>
      <c r="AH2293" s="53"/>
      <c r="AI2293" s="53"/>
      <c r="AJ2293" s="53"/>
      <c r="AK2293" s="53"/>
      <c r="AL2293" s="53"/>
      <c r="AM2293" s="53"/>
      <c r="AN2293" s="53">
        <v>-9325982.9999999907</v>
      </c>
      <c r="AO2293" s="53"/>
      <c r="AP2293" s="53"/>
      <c r="AQ2293" s="53">
        <v>-9672873.9999999907</v>
      </c>
      <c r="AR2293" s="53"/>
      <c r="AS2293" s="53"/>
      <c r="AT2293" s="53"/>
      <c r="AU2293" s="53"/>
      <c r="AV2293" s="53"/>
      <c r="AW2293" s="53"/>
      <c r="AX2293" s="53"/>
      <c r="AY2293" s="53"/>
      <c r="AZ2293" s="53"/>
      <c r="BA2293" s="53">
        <v>-9672873.9999999907</v>
      </c>
      <c r="BB2293" s="53"/>
      <c r="BC2293" s="53"/>
      <c r="BD2293" s="53">
        <v>-9672874</v>
      </c>
      <c r="BE2293" s="53"/>
      <c r="BF2293" s="53"/>
      <c r="BG2293" s="53"/>
      <c r="BH2293" s="53"/>
      <c r="BI2293" s="53"/>
      <c r="BJ2293" s="53"/>
      <c r="BK2293" s="53"/>
      <c r="BL2293" s="53"/>
      <c r="BM2293" s="53"/>
      <c r="BN2293" s="53">
        <v>-9672874</v>
      </c>
      <c r="BO2293" s="53"/>
      <c r="BP2293" s="53"/>
      <c r="BQ2293" s="53">
        <v>-9672874</v>
      </c>
      <c r="BR2293" s="53"/>
      <c r="BS2293" s="53"/>
      <c r="BT2293" s="53"/>
      <c r="BU2293" s="53"/>
      <c r="BV2293" s="53"/>
      <c r="BW2293" s="53"/>
      <c r="BX2293" s="53"/>
      <c r="BY2293" s="53"/>
      <c r="BZ2293" s="53"/>
      <c r="CA2293" s="53">
        <v>-9672874</v>
      </c>
      <c r="CB2293" s="53">
        <v>-9185.2866242038108</v>
      </c>
      <c r="CC2293" s="53">
        <v>-9185.2866242038108</v>
      </c>
      <c r="CD2293" s="53">
        <v>-9185.2866242038108</v>
      </c>
      <c r="CE2293" s="53">
        <v>-9185.2866242038108</v>
      </c>
      <c r="CF2293" s="53">
        <v>-9185.2866242038108</v>
      </c>
      <c r="CG2293" s="53">
        <v>-9185.2866242038108</v>
      </c>
      <c r="CH2293" s="53">
        <v>-9185.2866242038108</v>
      </c>
      <c r="CI2293" s="53">
        <v>-9185.2866242038108</v>
      </c>
      <c r="CJ2293" s="53">
        <v>-9185.2866242038108</v>
      </c>
      <c r="CK2293" s="53">
        <v>-9185.2866242038108</v>
      </c>
      <c r="CL2293" s="53">
        <v>-9185.2866242038108</v>
      </c>
      <c r="CM2293" s="53">
        <v>-9185.2866242038108</v>
      </c>
      <c r="CN2293" s="53">
        <v>-110223.439490445</v>
      </c>
    </row>
    <row r="2294" spans="1:92">
      <c r="A2294" s="52" t="s">
        <v>1617</v>
      </c>
      <c r="B2294" s="53"/>
      <c r="C2294" s="53"/>
      <c r="D2294" s="53"/>
      <c r="E2294" s="53"/>
      <c r="F2294" s="53"/>
      <c r="G2294" s="53"/>
      <c r="H2294" s="53"/>
      <c r="I2294" s="53"/>
      <c r="J2294" s="53"/>
      <c r="K2294" s="53"/>
      <c r="L2294" s="53"/>
      <c r="M2294" s="53"/>
      <c r="N2294" s="53"/>
      <c r="O2294" s="53"/>
      <c r="P2294" s="53"/>
      <c r="Q2294" s="53"/>
      <c r="R2294" s="53"/>
      <c r="S2294" s="53"/>
      <c r="T2294" s="53"/>
      <c r="U2294" s="53"/>
      <c r="V2294" s="53"/>
      <c r="W2294" s="53"/>
      <c r="X2294" s="53"/>
      <c r="Y2294" s="53"/>
      <c r="Z2294" s="53"/>
      <c r="AA2294" s="53"/>
      <c r="AB2294" s="53"/>
      <c r="AC2294" s="53"/>
      <c r="AD2294" s="53"/>
      <c r="AE2294" s="53"/>
      <c r="AF2294" s="53"/>
      <c r="AG2294" s="53"/>
      <c r="AH2294" s="53"/>
      <c r="AI2294" s="53"/>
      <c r="AJ2294" s="53"/>
      <c r="AK2294" s="53"/>
      <c r="AL2294" s="53"/>
      <c r="AM2294" s="53"/>
      <c r="AN2294" s="53"/>
      <c r="AO2294" s="53"/>
      <c r="AP2294" s="53"/>
      <c r="AQ2294" s="53"/>
      <c r="AR2294" s="53"/>
      <c r="AS2294" s="53"/>
      <c r="AT2294" s="53"/>
      <c r="AU2294" s="53"/>
      <c r="AV2294" s="53"/>
      <c r="AW2294" s="53"/>
      <c r="AX2294" s="53"/>
      <c r="AY2294" s="53"/>
      <c r="AZ2294" s="53"/>
      <c r="BA2294" s="53"/>
      <c r="BB2294" s="53"/>
      <c r="BC2294" s="53"/>
      <c r="BD2294" s="53"/>
      <c r="BE2294" s="53"/>
      <c r="BF2294" s="53"/>
      <c r="BG2294" s="53"/>
      <c r="BH2294" s="53"/>
      <c r="BI2294" s="53"/>
      <c r="BJ2294" s="53"/>
      <c r="BK2294" s="53"/>
      <c r="BL2294" s="53"/>
      <c r="BM2294" s="53"/>
      <c r="BN2294" s="53"/>
      <c r="BO2294" s="53"/>
      <c r="BP2294" s="53"/>
      <c r="BQ2294" s="53"/>
      <c r="BR2294" s="53"/>
      <c r="BS2294" s="53"/>
      <c r="BT2294" s="53"/>
      <c r="BU2294" s="53"/>
      <c r="BV2294" s="53"/>
      <c r="BW2294" s="53"/>
      <c r="BX2294" s="53"/>
      <c r="BY2294" s="53"/>
      <c r="BZ2294" s="53"/>
      <c r="CA2294" s="53"/>
      <c r="CB2294" s="53">
        <v>-3087.3789473684201</v>
      </c>
      <c r="CC2294" s="53">
        <v>-3087.3789473684201</v>
      </c>
      <c r="CD2294" s="53">
        <v>-3087.3789473684201</v>
      </c>
      <c r="CE2294" s="53">
        <v>-3087.3789473684201</v>
      </c>
      <c r="CF2294" s="53">
        <v>-3087.3789473684201</v>
      </c>
      <c r="CG2294" s="53">
        <v>-3087.3789473684201</v>
      </c>
      <c r="CH2294" s="53">
        <v>-3087.3789473684201</v>
      </c>
      <c r="CI2294" s="53">
        <v>-3087.3789473684201</v>
      </c>
      <c r="CJ2294" s="53">
        <v>-3087.3789473684201</v>
      </c>
      <c r="CK2294" s="53">
        <v>-3087.3789473684201</v>
      </c>
      <c r="CL2294" s="53">
        <v>-3087.3789473684201</v>
      </c>
      <c r="CM2294" s="53">
        <v>-3087.3789473684201</v>
      </c>
      <c r="CN2294" s="53">
        <v>-37048.547368421001</v>
      </c>
    </row>
    <row r="2295" spans="1:92">
      <c r="A2295" s="52" t="s">
        <v>649</v>
      </c>
      <c r="B2295" s="53"/>
      <c r="C2295" s="53"/>
      <c r="D2295" s="53">
        <v>-9115615.0960685201</v>
      </c>
      <c r="E2295" s="53"/>
      <c r="F2295" s="53"/>
      <c r="G2295" s="53"/>
      <c r="H2295" s="53"/>
      <c r="I2295" s="53"/>
      <c r="J2295" s="53"/>
      <c r="K2295" s="53"/>
      <c r="L2295" s="53"/>
      <c r="M2295" s="53"/>
      <c r="N2295" s="53">
        <v>-9115615.0960685201</v>
      </c>
      <c r="O2295" s="53"/>
      <c r="P2295" s="53"/>
      <c r="Q2295" s="53"/>
      <c r="R2295" s="53"/>
      <c r="S2295" s="53"/>
      <c r="T2295" s="53"/>
      <c r="U2295" s="53"/>
      <c r="V2295" s="53"/>
      <c r="W2295" s="53"/>
      <c r="X2295" s="53"/>
      <c r="Y2295" s="53"/>
      <c r="Z2295" s="53"/>
      <c r="AA2295" s="53"/>
      <c r="AB2295" s="53"/>
      <c r="AC2295" s="53"/>
      <c r="AD2295" s="53">
        <v>-9607062</v>
      </c>
      <c r="AE2295" s="53"/>
      <c r="AF2295" s="53"/>
      <c r="AG2295" s="53"/>
      <c r="AH2295" s="53"/>
      <c r="AI2295" s="53"/>
      <c r="AJ2295" s="53"/>
      <c r="AK2295" s="53"/>
      <c r="AL2295" s="53"/>
      <c r="AM2295" s="53"/>
      <c r="AN2295" s="53">
        <v>-9607062</v>
      </c>
      <c r="AO2295" s="53"/>
      <c r="AP2295" s="53"/>
      <c r="AQ2295" s="53">
        <v>-10062894.999999899</v>
      </c>
      <c r="AR2295" s="53"/>
      <c r="AS2295" s="53"/>
      <c r="AT2295" s="53"/>
      <c r="AU2295" s="53"/>
      <c r="AV2295" s="53"/>
      <c r="AW2295" s="53"/>
      <c r="AX2295" s="53"/>
      <c r="AY2295" s="53"/>
      <c r="AZ2295" s="53"/>
      <c r="BA2295" s="53">
        <v>-10062894.999999899</v>
      </c>
      <c r="BB2295" s="53"/>
      <c r="BC2295" s="53"/>
      <c r="BD2295" s="53">
        <v>-10062894</v>
      </c>
      <c r="BE2295" s="53"/>
      <c r="BF2295" s="53"/>
      <c r="BG2295" s="53"/>
      <c r="BH2295" s="53"/>
      <c r="BI2295" s="53"/>
      <c r="BJ2295" s="53"/>
      <c r="BK2295" s="53"/>
      <c r="BL2295" s="53"/>
      <c r="BM2295" s="53"/>
      <c r="BN2295" s="53">
        <v>-10062894</v>
      </c>
      <c r="BO2295" s="53"/>
      <c r="BP2295" s="53"/>
      <c r="BQ2295" s="53">
        <v>-10062894</v>
      </c>
      <c r="BR2295" s="53"/>
      <c r="BS2295" s="53"/>
      <c r="BT2295" s="53"/>
      <c r="BU2295" s="53"/>
      <c r="BV2295" s="53"/>
      <c r="BW2295" s="53"/>
      <c r="BX2295" s="53"/>
      <c r="BY2295" s="53"/>
      <c r="BZ2295" s="53"/>
      <c r="CA2295" s="53">
        <v>-10062894</v>
      </c>
      <c r="CB2295" s="53">
        <v>-5700.3251231527101</v>
      </c>
      <c r="CC2295" s="53">
        <v>-5700.3251231527101</v>
      </c>
      <c r="CD2295" s="53">
        <v>-5700.3251231527101</v>
      </c>
      <c r="CE2295" s="53">
        <v>-5700.3251231527101</v>
      </c>
      <c r="CF2295" s="53">
        <v>-5700.3251231527101</v>
      </c>
      <c r="CG2295" s="53">
        <v>-5700.3251231527101</v>
      </c>
      <c r="CH2295" s="53">
        <v>-5700.3251231527101</v>
      </c>
      <c r="CI2295" s="53">
        <v>-5700.3251231527101</v>
      </c>
      <c r="CJ2295" s="53">
        <v>-5700.3251231527101</v>
      </c>
      <c r="CK2295" s="53">
        <v>-5700.3251231527101</v>
      </c>
      <c r="CL2295" s="53">
        <v>-5700.3251231527101</v>
      </c>
      <c r="CM2295" s="53">
        <v>-5700.3251231527101</v>
      </c>
      <c r="CN2295" s="53">
        <v>-68403.901477832507</v>
      </c>
    </row>
    <row r="2296" spans="1:92">
      <c r="A2296" s="52" t="s">
        <v>1618</v>
      </c>
      <c r="B2296" s="53"/>
      <c r="C2296" s="53"/>
      <c r="D2296" s="53"/>
      <c r="E2296" s="53"/>
      <c r="F2296" s="53"/>
      <c r="G2296" s="53"/>
      <c r="H2296" s="53"/>
      <c r="I2296" s="53"/>
      <c r="J2296" s="53"/>
      <c r="K2296" s="53"/>
      <c r="L2296" s="53"/>
      <c r="M2296" s="53"/>
      <c r="N2296" s="53"/>
      <c r="O2296" s="53"/>
      <c r="P2296" s="53"/>
      <c r="Q2296" s="53"/>
      <c r="R2296" s="53"/>
      <c r="S2296" s="53"/>
      <c r="T2296" s="53"/>
      <c r="U2296" s="53"/>
      <c r="V2296" s="53"/>
      <c r="W2296" s="53"/>
      <c r="X2296" s="53"/>
      <c r="Y2296" s="53"/>
      <c r="Z2296" s="53"/>
      <c r="AA2296" s="53"/>
      <c r="AB2296" s="53"/>
      <c r="AC2296" s="53"/>
      <c r="AD2296" s="53"/>
      <c r="AE2296" s="53"/>
      <c r="AF2296" s="53"/>
      <c r="AG2296" s="53"/>
      <c r="AH2296" s="53"/>
      <c r="AI2296" s="53"/>
      <c r="AJ2296" s="53"/>
      <c r="AK2296" s="53"/>
      <c r="AL2296" s="53"/>
      <c r="AM2296" s="53"/>
      <c r="AN2296" s="53"/>
      <c r="AO2296" s="53"/>
      <c r="AP2296" s="53"/>
      <c r="AQ2296" s="53"/>
      <c r="AR2296" s="53"/>
      <c r="AS2296" s="53"/>
      <c r="AT2296" s="53"/>
      <c r="AU2296" s="53"/>
      <c r="AV2296" s="53"/>
      <c r="AW2296" s="53"/>
      <c r="AX2296" s="53"/>
      <c r="AY2296" s="53"/>
      <c r="AZ2296" s="53"/>
      <c r="BA2296" s="53"/>
      <c r="BB2296" s="53"/>
      <c r="BC2296" s="53"/>
      <c r="BD2296" s="53"/>
      <c r="BE2296" s="53"/>
      <c r="BF2296" s="53"/>
      <c r="BG2296" s="53"/>
      <c r="BH2296" s="53"/>
      <c r="BI2296" s="53"/>
      <c r="BJ2296" s="53"/>
      <c r="BK2296" s="53"/>
      <c r="BL2296" s="53"/>
      <c r="BM2296" s="53"/>
      <c r="BN2296" s="53"/>
      <c r="BO2296" s="53"/>
      <c r="BP2296" s="53"/>
      <c r="BQ2296" s="53"/>
      <c r="BR2296" s="53"/>
      <c r="BS2296" s="53"/>
      <c r="BT2296" s="53"/>
      <c r="BU2296" s="53"/>
      <c r="BV2296" s="53"/>
      <c r="BW2296" s="53"/>
      <c r="BX2296" s="53"/>
      <c r="BY2296" s="53"/>
      <c r="BZ2296" s="53"/>
      <c r="CA2296" s="53"/>
      <c r="CB2296" s="53">
        <v>-8149.6234309623196</v>
      </c>
      <c r="CC2296" s="53">
        <v>-8149.6234309623196</v>
      </c>
      <c r="CD2296" s="53">
        <v>-8149.6234309623196</v>
      </c>
      <c r="CE2296" s="53">
        <v>-8149.6234309623196</v>
      </c>
      <c r="CF2296" s="53">
        <v>-8149.6234309623196</v>
      </c>
      <c r="CG2296" s="53">
        <v>-8149.6234309623196</v>
      </c>
      <c r="CH2296" s="53">
        <v>-8149.6234309623196</v>
      </c>
      <c r="CI2296" s="53">
        <v>-8149.6234309623196</v>
      </c>
      <c r="CJ2296" s="53">
        <v>-8149.6234309623196</v>
      </c>
      <c r="CK2296" s="53">
        <v>-8149.6234309623196</v>
      </c>
      <c r="CL2296" s="53">
        <v>-8149.6234309623196</v>
      </c>
      <c r="CM2296" s="53">
        <v>-8149.6234309623196</v>
      </c>
      <c r="CN2296" s="53">
        <v>-97795.481171547799</v>
      </c>
    </row>
    <row r="2297" spans="1:92" outlineLevel="1">
      <c r="A2297" s="52" t="s">
        <v>649</v>
      </c>
      <c r="B2297" s="53"/>
      <c r="C2297" s="53"/>
      <c r="D2297" s="53">
        <v>-10815639.5637723</v>
      </c>
      <c r="E2297" s="53"/>
      <c r="F2297" s="53"/>
      <c r="G2297" s="53"/>
      <c r="H2297" s="53"/>
      <c r="I2297" s="53"/>
      <c r="J2297" s="53"/>
      <c r="K2297" s="53"/>
      <c r="L2297" s="53"/>
      <c r="M2297" s="53"/>
      <c r="N2297" s="53">
        <v>-10815639.5637723</v>
      </c>
      <c r="O2297" s="53"/>
      <c r="P2297" s="53"/>
      <c r="Q2297" s="53"/>
      <c r="R2297" s="53"/>
      <c r="S2297" s="53"/>
      <c r="T2297" s="53"/>
      <c r="U2297" s="53"/>
      <c r="V2297" s="53"/>
      <c r="W2297" s="53"/>
      <c r="X2297" s="53"/>
      <c r="Y2297" s="53"/>
      <c r="Z2297" s="53"/>
      <c r="AA2297" s="53"/>
      <c r="AB2297" s="53"/>
      <c r="AC2297" s="53"/>
      <c r="AD2297" s="53">
        <v>-5622279</v>
      </c>
      <c r="AE2297" s="53"/>
      <c r="AF2297" s="53"/>
      <c r="AG2297" s="53"/>
      <c r="AH2297" s="53"/>
      <c r="AI2297" s="53"/>
      <c r="AJ2297" s="53"/>
      <c r="AK2297" s="53"/>
      <c r="AL2297" s="53"/>
      <c r="AM2297" s="53"/>
      <c r="AN2297" s="53">
        <v>-5622279</v>
      </c>
      <c r="AO2297" s="53"/>
      <c r="AP2297" s="53"/>
      <c r="AQ2297" s="53">
        <v>-5682246.9999999898</v>
      </c>
      <c r="AR2297" s="53"/>
      <c r="AS2297" s="53"/>
      <c r="AT2297" s="53"/>
      <c r="AU2297" s="53"/>
      <c r="AV2297" s="53"/>
      <c r="AW2297" s="53"/>
      <c r="AX2297" s="53"/>
      <c r="AY2297" s="53"/>
      <c r="AZ2297" s="53"/>
      <c r="BA2297" s="53">
        <v>-5682246.9999999898</v>
      </c>
      <c r="BB2297" s="53"/>
      <c r="BC2297" s="53"/>
      <c r="BD2297" s="53">
        <v>-5682248</v>
      </c>
      <c r="BE2297" s="53"/>
      <c r="BF2297" s="53"/>
      <c r="BG2297" s="53"/>
      <c r="BH2297" s="53"/>
      <c r="BI2297" s="53"/>
      <c r="BJ2297" s="53"/>
      <c r="BK2297" s="53"/>
      <c r="BL2297" s="53"/>
      <c r="BM2297" s="53"/>
      <c r="BN2297" s="53">
        <v>-5682248</v>
      </c>
      <c r="BO2297" s="53"/>
      <c r="BP2297" s="53"/>
      <c r="BQ2297" s="53">
        <v>-5682248</v>
      </c>
      <c r="BR2297" s="53"/>
      <c r="BS2297" s="53"/>
      <c r="BT2297" s="53"/>
      <c r="BU2297" s="53"/>
      <c r="BV2297" s="53"/>
      <c r="BW2297" s="53"/>
      <c r="BX2297" s="53"/>
      <c r="BY2297" s="53"/>
      <c r="BZ2297" s="53"/>
      <c r="CA2297" s="53">
        <v>-5682248</v>
      </c>
      <c r="CB2297" s="53">
        <v>-7907.1043115438397</v>
      </c>
      <c r="CC2297" s="53">
        <v>-7907.1043115438397</v>
      </c>
      <c r="CD2297" s="53">
        <v>-7907.1043115438397</v>
      </c>
      <c r="CE2297" s="53">
        <v>-7907.1043115438397</v>
      </c>
      <c r="CF2297" s="53">
        <v>-7907.1043115438397</v>
      </c>
      <c r="CG2297" s="53">
        <v>-7907.1043115438397</v>
      </c>
      <c r="CH2297" s="53">
        <v>-7907.1043115438397</v>
      </c>
      <c r="CI2297" s="53">
        <v>-7907.1043115438397</v>
      </c>
      <c r="CJ2297" s="53">
        <v>-7907.1043115438397</v>
      </c>
      <c r="CK2297" s="53">
        <v>-7907.1043115438397</v>
      </c>
      <c r="CL2297" s="53">
        <v>-7907.1043115438397</v>
      </c>
      <c r="CM2297" s="53">
        <v>-7907.1043115438397</v>
      </c>
      <c r="CN2297" s="53">
        <v>-94885.251738526102</v>
      </c>
    </row>
    <row r="2298" spans="1:92" outlineLevel="1">
      <c r="A2298" s="52" t="s">
        <v>1619</v>
      </c>
      <c r="B2298" s="53"/>
      <c r="C2298" s="53"/>
      <c r="D2298" s="53"/>
      <c r="E2298" s="53"/>
      <c r="F2298" s="53"/>
      <c r="G2298" s="53"/>
      <c r="H2298" s="53"/>
      <c r="I2298" s="53"/>
      <c r="J2298" s="53"/>
      <c r="K2298" s="53"/>
      <c r="L2298" s="53"/>
      <c r="M2298" s="53"/>
      <c r="N2298" s="53"/>
      <c r="O2298" s="53"/>
      <c r="P2298" s="53"/>
      <c r="Q2298" s="53"/>
      <c r="R2298" s="53"/>
      <c r="S2298" s="53"/>
      <c r="T2298" s="53"/>
      <c r="U2298" s="53"/>
      <c r="V2298" s="53"/>
      <c r="W2298" s="53"/>
      <c r="X2298" s="53"/>
      <c r="Y2298" s="53"/>
      <c r="Z2298" s="53"/>
      <c r="AA2298" s="53"/>
      <c r="AB2298" s="53"/>
      <c r="AC2298" s="53"/>
      <c r="AD2298" s="53"/>
      <c r="AE2298" s="53"/>
      <c r="AF2298" s="53"/>
      <c r="AG2298" s="53"/>
      <c r="AH2298" s="53"/>
      <c r="AI2298" s="53"/>
      <c r="AJ2298" s="53"/>
      <c r="AK2298" s="53"/>
      <c r="AL2298" s="53"/>
      <c r="AM2298" s="53"/>
      <c r="AN2298" s="53"/>
      <c r="AO2298" s="53"/>
      <c r="AP2298" s="53"/>
      <c r="AQ2298" s="53"/>
      <c r="AR2298" s="53"/>
      <c r="AS2298" s="53"/>
      <c r="AT2298" s="53"/>
      <c r="AU2298" s="53"/>
      <c r="AV2298" s="53"/>
      <c r="AW2298" s="53"/>
      <c r="AX2298" s="53"/>
      <c r="AY2298" s="53"/>
      <c r="AZ2298" s="53"/>
      <c r="BA2298" s="53"/>
      <c r="BB2298" s="53"/>
      <c r="BC2298" s="53"/>
      <c r="BD2298" s="53"/>
      <c r="BE2298" s="53"/>
      <c r="BF2298" s="53"/>
      <c r="BG2298" s="53"/>
      <c r="BH2298" s="53"/>
      <c r="BI2298" s="53"/>
      <c r="BJ2298" s="53"/>
      <c r="BK2298" s="53"/>
      <c r="BL2298" s="53"/>
      <c r="BM2298" s="53"/>
      <c r="BN2298" s="53"/>
      <c r="BO2298" s="53"/>
      <c r="BP2298" s="53"/>
      <c r="BQ2298" s="53"/>
      <c r="BR2298" s="53"/>
      <c r="BS2298" s="53"/>
      <c r="BT2298" s="53"/>
      <c r="BU2298" s="53"/>
      <c r="BV2298" s="53"/>
      <c r="BW2298" s="53"/>
      <c r="BX2298" s="53"/>
      <c r="BY2298" s="53"/>
      <c r="BZ2298" s="53"/>
      <c r="CA2298" s="53"/>
      <c r="CB2298" s="53"/>
      <c r="CC2298" s="53"/>
      <c r="CD2298" s="53"/>
      <c r="CE2298" s="53"/>
      <c r="CF2298" s="53"/>
      <c r="CG2298" s="53"/>
      <c r="CH2298" s="53"/>
      <c r="CI2298" s="53"/>
      <c r="CJ2298" s="53"/>
      <c r="CK2298" s="53"/>
      <c r="CL2298" s="53"/>
      <c r="CM2298" s="53"/>
      <c r="CN2298" s="53"/>
    </row>
    <row r="2299" spans="1:92" outlineLevel="1">
      <c r="A2299" s="52" t="s">
        <v>649</v>
      </c>
      <c r="B2299" s="53"/>
      <c r="C2299" s="53"/>
      <c r="D2299" s="53">
        <v>-2387928.1803206801</v>
      </c>
      <c r="E2299" s="53"/>
      <c r="F2299" s="53"/>
      <c r="G2299" s="53"/>
      <c r="H2299" s="53"/>
      <c r="I2299" s="53"/>
      <c r="J2299" s="53"/>
      <c r="K2299" s="53"/>
      <c r="L2299" s="53"/>
      <c r="M2299" s="53"/>
      <c r="N2299" s="53">
        <v>-2387928.1803206801</v>
      </c>
      <c r="O2299" s="53"/>
      <c r="P2299" s="53"/>
      <c r="Q2299" s="53">
        <v>-3909498.2472000001</v>
      </c>
      <c r="R2299" s="53"/>
      <c r="S2299" s="53"/>
      <c r="T2299" s="53"/>
      <c r="U2299" s="53"/>
      <c r="V2299" s="53"/>
      <c r="W2299" s="53"/>
      <c r="X2299" s="53"/>
      <c r="Y2299" s="53"/>
      <c r="Z2299" s="53"/>
      <c r="AA2299" s="53">
        <v>-3909498.2472000001</v>
      </c>
      <c r="AB2299" s="53"/>
      <c r="AC2299" s="53"/>
      <c r="AD2299" s="53">
        <v>-1212377.78999999</v>
      </c>
      <c r="AE2299" s="53"/>
      <c r="AF2299" s="53"/>
      <c r="AG2299" s="53"/>
      <c r="AH2299" s="53"/>
      <c r="AI2299" s="53"/>
      <c r="AJ2299" s="53"/>
      <c r="AK2299" s="53"/>
      <c r="AL2299" s="53"/>
      <c r="AM2299" s="53"/>
      <c r="AN2299" s="53">
        <v>-1212377.78999999</v>
      </c>
      <c r="AO2299" s="53"/>
      <c r="AP2299" s="53"/>
      <c r="AQ2299" s="53">
        <v>-1257473.6199999901</v>
      </c>
      <c r="AR2299" s="53"/>
      <c r="AS2299" s="53"/>
      <c r="AT2299" s="53"/>
      <c r="AU2299" s="53"/>
      <c r="AV2299" s="53"/>
      <c r="AW2299" s="53"/>
      <c r="AX2299" s="53"/>
      <c r="AY2299" s="53"/>
      <c r="AZ2299" s="53"/>
      <c r="BA2299" s="53">
        <v>-1257473.6199999901</v>
      </c>
      <c r="BB2299" s="53"/>
      <c r="BC2299" s="53"/>
      <c r="BD2299" s="53">
        <v>-1257473.6200000001</v>
      </c>
      <c r="BE2299" s="53"/>
      <c r="BF2299" s="53"/>
      <c r="BG2299" s="53"/>
      <c r="BH2299" s="53"/>
      <c r="BI2299" s="53"/>
      <c r="BJ2299" s="53"/>
      <c r="BK2299" s="53"/>
      <c r="BL2299" s="53"/>
      <c r="BM2299" s="53"/>
      <c r="BN2299" s="53">
        <v>-1257473.6200000001</v>
      </c>
      <c r="BO2299" s="53"/>
      <c r="BP2299" s="53"/>
      <c r="BQ2299" s="53">
        <v>-1257473.6200000001</v>
      </c>
      <c r="BR2299" s="53"/>
      <c r="BS2299" s="53"/>
      <c r="BT2299" s="53"/>
      <c r="BU2299" s="53"/>
      <c r="BV2299" s="53"/>
      <c r="BW2299" s="53"/>
      <c r="BX2299" s="53"/>
      <c r="BY2299" s="53"/>
      <c r="BZ2299" s="53"/>
      <c r="CA2299" s="53">
        <v>-1257473.6200000001</v>
      </c>
      <c r="CB2299" s="53"/>
      <c r="CC2299" s="53"/>
      <c r="CD2299" s="53"/>
      <c r="CE2299" s="53"/>
      <c r="CF2299" s="53"/>
      <c r="CG2299" s="53"/>
      <c r="CH2299" s="53"/>
      <c r="CI2299" s="53"/>
      <c r="CJ2299" s="53"/>
      <c r="CK2299" s="53"/>
      <c r="CL2299" s="53"/>
      <c r="CM2299" s="53"/>
      <c r="CN2299" s="53"/>
    </row>
    <row r="2300" spans="1:92" outlineLevel="1">
      <c r="A2300" s="52" t="s">
        <v>1620</v>
      </c>
      <c r="B2300" s="53"/>
      <c r="C2300" s="53"/>
      <c r="D2300" s="53"/>
      <c r="E2300" s="53"/>
      <c r="F2300" s="53"/>
      <c r="G2300" s="53"/>
      <c r="H2300" s="53"/>
      <c r="I2300" s="53"/>
      <c r="J2300" s="53"/>
      <c r="K2300" s="53"/>
      <c r="L2300" s="53"/>
      <c r="M2300" s="53"/>
      <c r="N2300" s="53"/>
      <c r="O2300" s="53"/>
      <c r="P2300" s="53"/>
      <c r="Q2300" s="53"/>
      <c r="R2300" s="53"/>
      <c r="S2300" s="53"/>
      <c r="T2300" s="53"/>
      <c r="U2300" s="53"/>
      <c r="V2300" s="53"/>
      <c r="W2300" s="53"/>
      <c r="X2300" s="53"/>
      <c r="Y2300" s="53"/>
      <c r="Z2300" s="53"/>
      <c r="AA2300" s="53"/>
      <c r="AB2300" s="53"/>
      <c r="AC2300" s="53"/>
      <c r="AD2300" s="53"/>
      <c r="AE2300" s="53"/>
      <c r="AF2300" s="53"/>
      <c r="AG2300" s="53"/>
      <c r="AH2300" s="53"/>
      <c r="AI2300" s="53"/>
      <c r="AJ2300" s="53"/>
      <c r="AK2300" s="53"/>
      <c r="AL2300" s="53"/>
      <c r="AM2300" s="53"/>
      <c r="AN2300" s="53"/>
      <c r="AO2300" s="53"/>
      <c r="AP2300" s="53"/>
      <c r="AQ2300" s="53"/>
      <c r="AR2300" s="53"/>
      <c r="AS2300" s="53"/>
      <c r="AT2300" s="53"/>
      <c r="AU2300" s="53"/>
      <c r="AV2300" s="53"/>
      <c r="AW2300" s="53"/>
      <c r="AX2300" s="53"/>
      <c r="AY2300" s="53"/>
      <c r="AZ2300" s="53"/>
      <c r="BA2300" s="53"/>
      <c r="BB2300" s="53"/>
      <c r="BC2300" s="53"/>
      <c r="BD2300" s="53"/>
      <c r="BE2300" s="53"/>
      <c r="BF2300" s="53"/>
      <c r="BG2300" s="53"/>
      <c r="BH2300" s="53"/>
      <c r="BI2300" s="53"/>
      <c r="BJ2300" s="53"/>
      <c r="BK2300" s="53"/>
      <c r="BL2300" s="53"/>
      <c r="BM2300" s="53"/>
      <c r="BN2300" s="53"/>
      <c r="BO2300" s="53"/>
      <c r="BP2300" s="53"/>
      <c r="BQ2300" s="53"/>
      <c r="BR2300" s="53"/>
      <c r="BS2300" s="53"/>
      <c r="BT2300" s="53"/>
      <c r="BU2300" s="53"/>
      <c r="BV2300" s="53"/>
      <c r="BW2300" s="53"/>
      <c r="BX2300" s="53"/>
      <c r="BY2300" s="53"/>
      <c r="BZ2300" s="53"/>
      <c r="CA2300" s="53"/>
      <c r="CB2300" s="53">
        <v>4.4720973724483297</v>
      </c>
      <c r="CC2300" s="53">
        <v>4.5045461656332497</v>
      </c>
      <c r="CD2300" s="53">
        <v>4.5372304018533898</v>
      </c>
      <c r="CE2300" s="53">
        <v>4.5701517894441599</v>
      </c>
      <c r="CF2300" s="53">
        <v>4.6033120491363997</v>
      </c>
      <c r="CG2300" s="53">
        <v>4.6367129141462602</v>
      </c>
      <c r="CH2300" s="53">
        <v>4.6703561302658096</v>
      </c>
      <c r="CI2300" s="53">
        <v>4.7042434559543196</v>
      </c>
      <c r="CJ2300" s="53">
        <v>4.7383766624301398</v>
      </c>
      <c r="CK2300" s="53">
        <v>4.7727575337632802</v>
      </c>
      <c r="CL2300" s="53">
        <v>4.8073878669686696</v>
      </c>
      <c r="CM2300" s="53">
        <v>4.8422694721000799</v>
      </c>
      <c r="CN2300" s="53">
        <v>55.859441814144098</v>
      </c>
    </row>
    <row r="2301" spans="1:92" outlineLevel="1">
      <c r="A2301" s="52" t="s">
        <v>649</v>
      </c>
      <c r="B2301" s="53"/>
      <c r="C2301" s="53"/>
      <c r="D2301" s="53">
        <v>-1185029.9624888999</v>
      </c>
      <c r="E2301" s="53"/>
      <c r="F2301" s="53"/>
      <c r="G2301" s="53"/>
      <c r="H2301" s="53"/>
      <c r="I2301" s="53"/>
      <c r="J2301" s="53"/>
      <c r="K2301" s="53"/>
      <c r="L2301" s="53"/>
      <c r="M2301" s="53"/>
      <c r="N2301" s="53">
        <v>-1185029.9624888999</v>
      </c>
      <c r="O2301" s="53"/>
      <c r="P2301" s="53"/>
      <c r="Q2301" s="53"/>
      <c r="R2301" s="53"/>
      <c r="S2301" s="53"/>
      <c r="T2301" s="53"/>
      <c r="U2301" s="53"/>
      <c r="V2301" s="53"/>
      <c r="W2301" s="53"/>
      <c r="X2301" s="53"/>
      <c r="Y2301" s="53"/>
      <c r="Z2301" s="53"/>
      <c r="AA2301" s="53"/>
      <c r="AB2301" s="53"/>
      <c r="AC2301" s="53"/>
      <c r="AD2301" s="53">
        <v>-1248918.06</v>
      </c>
      <c r="AE2301" s="53"/>
      <c r="AF2301" s="53"/>
      <c r="AG2301" s="53"/>
      <c r="AH2301" s="53"/>
      <c r="AI2301" s="53"/>
      <c r="AJ2301" s="53"/>
      <c r="AK2301" s="53"/>
      <c r="AL2301" s="53"/>
      <c r="AM2301" s="53"/>
      <c r="AN2301" s="53">
        <v>-1248918.06</v>
      </c>
      <c r="AO2301" s="53"/>
      <c r="AP2301" s="53"/>
      <c r="AQ2301" s="53">
        <v>-1308176.3499999901</v>
      </c>
      <c r="AR2301" s="53"/>
      <c r="AS2301" s="53"/>
      <c r="AT2301" s="53"/>
      <c r="AU2301" s="53"/>
      <c r="AV2301" s="53"/>
      <c r="AW2301" s="53"/>
      <c r="AX2301" s="53"/>
      <c r="AY2301" s="53"/>
      <c r="AZ2301" s="53"/>
      <c r="BA2301" s="53">
        <v>-1308176.3499999901</v>
      </c>
      <c r="BB2301" s="53"/>
      <c r="BC2301" s="53"/>
      <c r="BD2301" s="53">
        <v>-1308176.22</v>
      </c>
      <c r="BE2301" s="53"/>
      <c r="BF2301" s="53"/>
      <c r="BG2301" s="53"/>
      <c r="BH2301" s="53"/>
      <c r="BI2301" s="53"/>
      <c r="BJ2301" s="53"/>
      <c r="BK2301" s="53"/>
      <c r="BL2301" s="53"/>
      <c r="BM2301" s="53"/>
      <c r="BN2301" s="53">
        <v>-1308176.22</v>
      </c>
      <c r="BO2301" s="53"/>
      <c r="BP2301" s="53"/>
      <c r="BQ2301" s="53">
        <v>-1308176.22</v>
      </c>
      <c r="BR2301" s="53"/>
      <c r="BS2301" s="53"/>
      <c r="BT2301" s="53"/>
      <c r="BU2301" s="53"/>
      <c r="BV2301" s="53"/>
      <c r="BW2301" s="53"/>
      <c r="BX2301" s="53"/>
      <c r="BY2301" s="53"/>
      <c r="BZ2301" s="53"/>
      <c r="CA2301" s="53">
        <v>-1308176.22</v>
      </c>
      <c r="CB2301" s="53">
        <v>-386932.316836135</v>
      </c>
      <c r="CC2301" s="53">
        <v>-389289.379532861</v>
      </c>
      <c r="CD2301" s="53">
        <v>-391660.80066984898</v>
      </c>
      <c r="CE2301" s="53">
        <v>-394046.66771392903</v>
      </c>
      <c r="CF2301" s="53">
        <v>-396447.06866475299</v>
      </c>
      <c r="CG2301" s="53">
        <v>-398862.09205803502</v>
      </c>
      <c r="CH2301" s="53">
        <v>-401291.82696882199</v>
      </c>
      <c r="CI2301" s="53">
        <v>-403736.363014773</v>
      </c>
      <c r="CJ2301" s="53">
        <v>-406195.79035947099</v>
      </c>
      <c r="CK2301" s="53">
        <v>-408670.19971574302</v>
      </c>
      <c r="CL2301" s="53">
        <v>-411159.68234901101</v>
      </c>
      <c r="CM2301" s="53">
        <v>-413664.33008065203</v>
      </c>
      <c r="CN2301" s="53">
        <v>-4801956.5179640297</v>
      </c>
    </row>
    <row r="2302" spans="1:92" outlineLevel="1">
      <c r="A2302" s="52" t="s">
        <v>1621</v>
      </c>
      <c r="B2302" s="53"/>
      <c r="C2302" s="53"/>
      <c r="D2302" s="53"/>
      <c r="E2302" s="53"/>
      <c r="F2302" s="53"/>
      <c r="G2302" s="53"/>
      <c r="H2302" s="53"/>
      <c r="I2302" s="53"/>
      <c r="J2302" s="53"/>
      <c r="K2302" s="53"/>
      <c r="L2302" s="53"/>
      <c r="M2302" s="53"/>
      <c r="N2302" s="53"/>
      <c r="O2302" s="53"/>
      <c r="P2302" s="53"/>
      <c r="Q2302" s="53"/>
      <c r="R2302" s="53"/>
      <c r="S2302" s="53"/>
      <c r="T2302" s="53"/>
      <c r="U2302" s="53"/>
      <c r="V2302" s="53"/>
      <c r="W2302" s="53"/>
      <c r="X2302" s="53"/>
      <c r="Y2302" s="53"/>
      <c r="Z2302" s="53"/>
      <c r="AA2302" s="53"/>
      <c r="AB2302" s="53"/>
      <c r="AC2302" s="53"/>
      <c r="AD2302" s="53"/>
      <c r="AE2302" s="53"/>
      <c r="AF2302" s="53"/>
      <c r="AG2302" s="53"/>
      <c r="AH2302" s="53"/>
      <c r="AI2302" s="53"/>
      <c r="AJ2302" s="53"/>
      <c r="AK2302" s="53"/>
      <c r="AL2302" s="53"/>
      <c r="AM2302" s="53"/>
      <c r="AN2302" s="53"/>
      <c r="AO2302" s="53"/>
      <c r="AP2302" s="53"/>
      <c r="AQ2302" s="53"/>
      <c r="AR2302" s="53"/>
      <c r="AS2302" s="53"/>
      <c r="AT2302" s="53"/>
      <c r="AU2302" s="53"/>
      <c r="AV2302" s="53"/>
      <c r="AW2302" s="53"/>
      <c r="AX2302" s="53"/>
      <c r="AY2302" s="53"/>
      <c r="AZ2302" s="53"/>
      <c r="BA2302" s="53"/>
      <c r="BB2302" s="53"/>
      <c r="BC2302" s="53"/>
      <c r="BD2302" s="53"/>
      <c r="BE2302" s="53"/>
      <c r="BF2302" s="53"/>
      <c r="BG2302" s="53"/>
      <c r="BH2302" s="53"/>
      <c r="BI2302" s="53"/>
      <c r="BJ2302" s="53"/>
      <c r="BK2302" s="53"/>
      <c r="BL2302" s="53"/>
      <c r="BM2302" s="53"/>
      <c r="BN2302" s="53"/>
      <c r="BO2302" s="53"/>
      <c r="BP2302" s="53"/>
      <c r="BQ2302" s="53"/>
      <c r="BR2302" s="53"/>
      <c r="BS2302" s="53"/>
      <c r="BT2302" s="53"/>
      <c r="BU2302" s="53"/>
      <c r="BV2302" s="53"/>
      <c r="BW2302" s="53"/>
      <c r="BX2302" s="53"/>
      <c r="BY2302" s="53"/>
      <c r="BZ2302" s="53"/>
      <c r="CA2302" s="53"/>
      <c r="CB2302" s="53"/>
      <c r="CC2302" s="53"/>
      <c r="CD2302" s="53"/>
      <c r="CE2302" s="53"/>
      <c r="CF2302" s="53"/>
      <c r="CG2302" s="53"/>
      <c r="CH2302" s="53"/>
      <c r="CI2302" s="53"/>
      <c r="CJ2302" s="53"/>
      <c r="CK2302" s="53"/>
      <c r="CL2302" s="53"/>
      <c r="CM2302" s="53"/>
      <c r="CN2302" s="53"/>
    </row>
    <row r="2303" spans="1:92" outlineLevel="1">
      <c r="A2303" s="52" t="s">
        <v>649</v>
      </c>
      <c r="B2303" s="53"/>
      <c r="C2303" s="53"/>
      <c r="D2303" s="53">
        <v>-1406033.1432904</v>
      </c>
      <c r="E2303" s="53"/>
      <c r="F2303" s="53"/>
      <c r="G2303" s="53"/>
      <c r="H2303" s="53"/>
      <c r="I2303" s="53"/>
      <c r="J2303" s="53"/>
      <c r="K2303" s="53"/>
      <c r="L2303" s="53"/>
      <c r="M2303" s="53"/>
      <c r="N2303" s="53">
        <v>-1406033.1432904</v>
      </c>
      <c r="O2303" s="53"/>
      <c r="P2303" s="53"/>
      <c r="Q2303" s="53"/>
      <c r="R2303" s="53"/>
      <c r="S2303" s="53"/>
      <c r="T2303" s="53"/>
      <c r="U2303" s="53"/>
      <c r="V2303" s="53"/>
      <c r="W2303" s="53"/>
      <c r="X2303" s="53"/>
      <c r="Y2303" s="53"/>
      <c r="Z2303" s="53"/>
      <c r="AA2303" s="53"/>
      <c r="AB2303" s="53"/>
      <c r="AC2303" s="53"/>
      <c r="AD2303" s="53">
        <v>-730896.27</v>
      </c>
      <c r="AE2303" s="53"/>
      <c r="AF2303" s="53"/>
      <c r="AG2303" s="53"/>
      <c r="AH2303" s="53"/>
      <c r="AI2303" s="53"/>
      <c r="AJ2303" s="53"/>
      <c r="AK2303" s="53"/>
      <c r="AL2303" s="53"/>
      <c r="AM2303" s="53"/>
      <c r="AN2303" s="53">
        <v>-730896.27</v>
      </c>
      <c r="AO2303" s="53"/>
      <c r="AP2303" s="53"/>
      <c r="AQ2303" s="53">
        <v>-738692.11</v>
      </c>
      <c r="AR2303" s="53"/>
      <c r="AS2303" s="53"/>
      <c r="AT2303" s="53"/>
      <c r="AU2303" s="53"/>
      <c r="AV2303" s="53"/>
      <c r="AW2303" s="53"/>
      <c r="AX2303" s="53"/>
      <c r="AY2303" s="53"/>
      <c r="AZ2303" s="53"/>
      <c r="BA2303" s="53">
        <v>-738692.11</v>
      </c>
      <c r="BB2303" s="53"/>
      <c r="BC2303" s="53"/>
      <c r="BD2303" s="53">
        <v>-738692.24</v>
      </c>
      <c r="BE2303" s="53"/>
      <c r="BF2303" s="53"/>
      <c r="BG2303" s="53"/>
      <c r="BH2303" s="53"/>
      <c r="BI2303" s="53"/>
      <c r="BJ2303" s="53"/>
      <c r="BK2303" s="53"/>
      <c r="BL2303" s="53"/>
      <c r="BM2303" s="53"/>
      <c r="BN2303" s="53">
        <v>-738692.24</v>
      </c>
      <c r="BO2303" s="53"/>
      <c r="BP2303" s="53"/>
      <c r="BQ2303" s="53">
        <v>-738692.24</v>
      </c>
      <c r="BR2303" s="53"/>
      <c r="BS2303" s="53"/>
      <c r="BT2303" s="53"/>
      <c r="BU2303" s="53"/>
      <c r="BV2303" s="53"/>
      <c r="BW2303" s="53"/>
      <c r="BX2303" s="53"/>
      <c r="BY2303" s="53"/>
      <c r="BZ2303" s="53"/>
      <c r="CA2303" s="53">
        <v>-738692.24</v>
      </c>
      <c r="CB2303" s="53"/>
      <c r="CC2303" s="53"/>
      <c r="CD2303" s="53"/>
      <c r="CE2303" s="53"/>
      <c r="CF2303" s="53"/>
      <c r="CG2303" s="53"/>
      <c r="CH2303" s="53"/>
      <c r="CI2303" s="53"/>
      <c r="CJ2303" s="53"/>
      <c r="CK2303" s="53"/>
      <c r="CL2303" s="53"/>
      <c r="CM2303" s="53"/>
      <c r="CN2303" s="53"/>
    </row>
    <row r="2304" spans="1:92" outlineLevel="1">
      <c r="A2304" s="52" t="s">
        <v>672</v>
      </c>
      <c r="B2304" s="53"/>
      <c r="C2304" s="53"/>
      <c r="D2304" s="53"/>
      <c r="E2304" s="53"/>
      <c r="F2304" s="53"/>
      <c r="G2304" s="53"/>
      <c r="H2304" s="53"/>
      <c r="I2304" s="53"/>
      <c r="J2304" s="53"/>
      <c r="K2304" s="53"/>
      <c r="L2304" s="53"/>
      <c r="M2304" s="53"/>
      <c r="N2304" s="53"/>
      <c r="O2304" s="53"/>
      <c r="P2304" s="53"/>
      <c r="Q2304" s="53"/>
      <c r="R2304" s="53"/>
      <c r="S2304" s="53"/>
      <c r="T2304" s="53"/>
      <c r="U2304" s="53"/>
      <c r="V2304" s="53"/>
      <c r="W2304" s="53"/>
      <c r="X2304" s="53"/>
      <c r="Y2304" s="53"/>
      <c r="Z2304" s="53"/>
      <c r="AA2304" s="53"/>
      <c r="AB2304" s="53"/>
      <c r="AC2304" s="53"/>
      <c r="AD2304" s="53"/>
      <c r="AE2304" s="53"/>
      <c r="AF2304" s="53"/>
      <c r="AG2304" s="53"/>
      <c r="AH2304" s="53"/>
      <c r="AI2304" s="53"/>
      <c r="AJ2304" s="53"/>
      <c r="AK2304" s="53"/>
      <c r="AL2304" s="53"/>
      <c r="AM2304" s="53"/>
      <c r="AN2304" s="53"/>
      <c r="AO2304" s="53"/>
      <c r="AP2304" s="53"/>
      <c r="AQ2304" s="53"/>
      <c r="AR2304" s="53"/>
      <c r="AS2304" s="53"/>
      <c r="AT2304" s="53"/>
      <c r="AU2304" s="53"/>
      <c r="AV2304" s="53"/>
      <c r="AW2304" s="53"/>
      <c r="AX2304" s="53"/>
      <c r="AY2304" s="53"/>
      <c r="AZ2304" s="53"/>
      <c r="BA2304" s="53"/>
      <c r="BB2304" s="53"/>
      <c r="BC2304" s="53"/>
      <c r="BD2304" s="53"/>
      <c r="BE2304" s="53"/>
      <c r="BF2304" s="53"/>
      <c r="BG2304" s="53"/>
      <c r="BH2304" s="53"/>
      <c r="BI2304" s="53"/>
      <c r="BJ2304" s="53"/>
      <c r="BK2304" s="53"/>
      <c r="BL2304" s="53"/>
      <c r="BM2304" s="53"/>
      <c r="BN2304" s="53"/>
      <c r="BO2304" s="53"/>
      <c r="BP2304" s="53"/>
      <c r="BQ2304" s="53"/>
      <c r="BR2304" s="53"/>
      <c r="BS2304" s="53"/>
      <c r="BT2304" s="53"/>
      <c r="BU2304" s="53"/>
      <c r="BV2304" s="53"/>
      <c r="BW2304" s="53"/>
      <c r="BX2304" s="53"/>
      <c r="BY2304" s="53"/>
      <c r="BZ2304" s="53"/>
      <c r="CA2304" s="53"/>
      <c r="CB2304" s="53"/>
      <c r="CC2304" s="53"/>
      <c r="CD2304" s="53"/>
      <c r="CE2304" s="53"/>
      <c r="CF2304" s="53"/>
      <c r="CG2304" s="53"/>
      <c r="CH2304" s="53"/>
      <c r="CI2304" s="53"/>
      <c r="CJ2304" s="53"/>
      <c r="CK2304" s="53"/>
      <c r="CL2304" s="53"/>
      <c r="CM2304" s="53"/>
      <c r="CN2304" s="53"/>
    </row>
    <row r="2305" spans="1:92" outlineLevel="1">
      <c r="A2305" s="52" t="s">
        <v>1615</v>
      </c>
      <c r="B2305" s="53"/>
      <c r="C2305" s="53"/>
      <c r="D2305" s="53"/>
      <c r="E2305" s="53"/>
      <c r="F2305" s="53"/>
      <c r="G2305" s="53"/>
      <c r="H2305" s="53"/>
      <c r="I2305" s="53"/>
      <c r="J2305" s="53"/>
      <c r="K2305" s="53"/>
      <c r="L2305" s="53"/>
      <c r="M2305" s="53"/>
      <c r="N2305" s="53"/>
      <c r="O2305" s="53"/>
      <c r="P2305" s="53"/>
      <c r="Q2305" s="53"/>
      <c r="R2305" s="53"/>
      <c r="S2305" s="53"/>
      <c r="T2305" s="53"/>
      <c r="U2305" s="53"/>
      <c r="V2305" s="53"/>
      <c r="W2305" s="53"/>
      <c r="X2305" s="53"/>
      <c r="Y2305" s="53"/>
      <c r="Z2305" s="53"/>
      <c r="AA2305" s="53"/>
      <c r="AB2305" s="53"/>
      <c r="AC2305" s="53"/>
      <c r="AD2305" s="53"/>
      <c r="AE2305" s="53"/>
      <c r="AF2305" s="53"/>
      <c r="AG2305" s="53"/>
      <c r="AH2305" s="53"/>
      <c r="AI2305" s="53"/>
      <c r="AJ2305" s="53"/>
      <c r="AK2305" s="53"/>
      <c r="AL2305" s="53"/>
      <c r="AM2305" s="53"/>
      <c r="AN2305" s="53"/>
      <c r="AO2305" s="53"/>
      <c r="AP2305" s="53"/>
      <c r="AQ2305" s="53"/>
      <c r="AR2305" s="53"/>
      <c r="AS2305" s="53"/>
      <c r="AT2305" s="53"/>
      <c r="AU2305" s="53"/>
      <c r="AV2305" s="53"/>
      <c r="AW2305" s="53"/>
      <c r="AX2305" s="53"/>
      <c r="AY2305" s="53"/>
      <c r="AZ2305" s="53"/>
      <c r="BA2305" s="53"/>
      <c r="BB2305" s="53"/>
      <c r="BC2305" s="53"/>
      <c r="BD2305" s="53"/>
      <c r="BE2305" s="53"/>
      <c r="BF2305" s="53"/>
      <c r="BG2305" s="53"/>
      <c r="BH2305" s="53"/>
      <c r="BI2305" s="53"/>
      <c r="BJ2305" s="53"/>
      <c r="BK2305" s="53"/>
      <c r="BL2305" s="53"/>
      <c r="BM2305" s="53"/>
      <c r="BN2305" s="53"/>
      <c r="BO2305" s="53"/>
      <c r="BP2305" s="53"/>
      <c r="BQ2305" s="53"/>
      <c r="BR2305" s="53"/>
      <c r="BS2305" s="53"/>
      <c r="BT2305" s="53"/>
      <c r="BU2305" s="53"/>
      <c r="BV2305" s="53"/>
      <c r="BW2305" s="53"/>
      <c r="BX2305" s="53"/>
      <c r="BY2305" s="53"/>
      <c r="BZ2305" s="53"/>
      <c r="CA2305" s="53"/>
      <c r="CB2305" s="53">
        <v>15351.5205479452</v>
      </c>
      <c r="CC2305" s="53">
        <v>15351.5205479452</v>
      </c>
      <c r="CD2305" s="53">
        <v>15351.5205479452</v>
      </c>
      <c r="CE2305" s="53">
        <v>15351.5205479452</v>
      </c>
      <c r="CF2305" s="53">
        <v>15351.5205479452</v>
      </c>
      <c r="CG2305" s="53">
        <v>15351.5205479452</v>
      </c>
      <c r="CH2305" s="53">
        <v>15351.5205479452</v>
      </c>
      <c r="CI2305" s="53">
        <v>15351.5205479452</v>
      </c>
      <c r="CJ2305" s="53">
        <v>15351.5205479452</v>
      </c>
      <c r="CK2305" s="53">
        <v>15351.5205479452</v>
      </c>
      <c r="CL2305" s="53">
        <v>15351.5205479452</v>
      </c>
      <c r="CM2305" s="53">
        <v>15351.5205479452</v>
      </c>
      <c r="CN2305" s="53">
        <v>184218.246575342</v>
      </c>
    </row>
    <row r="2306" spans="1:92" outlineLevel="1">
      <c r="A2306" s="52" t="s">
        <v>1622</v>
      </c>
      <c r="B2306" s="53"/>
      <c r="C2306" s="53"/>
      <c r="D2306" s="53"/>
      <c r="E2306" s="53"/>
      <c r="F2306" s="53"/>
      <c r="G2306" s="53"/>
      <c r="H2306" s="53"/>
      <c r="I2306" s="53"/>
      <c r="J2306" s="53"/>
      <c r="K2306" s="53"/>
      <c r="L2306" s="53"/>
      <c r="M2306" s="53"/>
      <c r="N2306" s="53"/>
      <c r="O2306" s="53"/>
      <c r="P2306" s="53"/>
      <c r="Q2306" s="53"/>
      <c r="R2306" s="53"/>
      <c r="S2306" s="53"/>
      <c r="T2306" s="53"/>
      <c r="U2306" s="53"/>
      <c r="V2306" s="53"/>
      <c r="W2306" s="53"/>
      <c r="X2306" s="53"/>
      <c r="Y2306" s="53"/>
      <c r="Z2306" s="53"/>
      <c r="AA2306" s="53"/>
      <c r="AB2306" s="53"/>
      <c r="AC2306" s="53"/>
      <c r="AD2306" s="53"/>
      <c r="AE2306" s="53"/>
      <c r="AF2306" s="53"/>
      <c r="AG2306" s="53"/>
      <c r="AH2306" s="53"/>
      <c r="AI2306" s="53"/>
      <c r="AJ2306" s="53"/>
      <c r="AK2306" s="53"/>
      <c r="AL2306" s="53"/>
      <c r="AM2306" s="53"/>
      <c r="AN2306" s="53"/>
      <c r="AO2306" s="53"/>
      <c r="AP2306" s="53"/>
      <c r="AQ2306" s="53"/>
      <c r="AR2306" s="53"/>
      <c r="AS2306" s="53"/>
      <c r="AT2306" s="53"/>
      <c r="AU2306" s="53"/>
      <c r="AV2306" s="53"/>
      <c r="AW2306" s="53"/>
      <c r="AX2306" s="53"/>
      <c r="AY2306" s="53"/>
      <c r="AZ2306" s="53"/>
      <c r="BA2306" s="53"/>
      <c r="BB2306" s="53"/>
      <c r="BC2306" s="53"/>
      <c r="BD2306" s="53"/>
      <c r="BE2306" s="53"/>
      <c r="BF2306" s="53"/>
      <c r="BG2306" s="53"/>
      <c r="BH2306" s="53"/>
      <c r="BI2306" s="53"/>
      <c r="BJ2306" s="53"/>
      <c r="BK2306" s="53"/>
      <c r="BL2306" s="53"/>
      <c r="BM2306" s="53"/>
      <c r="BN2306" s="53"/>
      <c r="BO2306" s="53"/>
      <c r="BP2306" s="53"/>
      <c r="BQ2306" s="53"/>
      <c r="BR2306" s="53"/>
      <c r="BS2306" s="53"/>
      <c r="BT2306" s="53"/>
      <c r="BU2306" s="53"/>
      <c r="BV2306" s="53"/>
      <c r="BW2306" s="53"/>
      <c r="BX2306" s="53"/>
      <c r="BY2306" s="53"/>
      <c r="BZ2306" s="53"/>
      <c r="CA2306" s="53"/>
      <c r="CB2306" s="53">
        <v>8310.1044776119306</v>
      </c>
      <c r="CC2306" s="53">
        <v>8310.1044776119306</v>
      </c>
      <c r="CD2306" s="53">
        <v>8310.1044776119306</v>
      </c>
      <c r="CE2306" s="53">
        <v>8310.1044776119306</v>
      </c>
      <c r="CF2306" s="53">
        <v>8310.1044776119306</v>
      </c>
      <c r="CG2306" s="53">
        <v>8310.1044776119197</v>
      </c>
      <c r="CH2306" s="53">
        <v>8310.1044776119197</v>
      </c>
      <c r="CI2306" s="53">
        <v>8310.1044776119197</v>
      </c>
      <c r="CJ2306" s="53">
        <v>8310.1044776119197</v>
      </c>
      <c r="CK2306" s="53">
        <v>8310.1044776119197</v>
      </c>
      <c r="CL2306" s="53">
        <v>8310.1044776119197</v>
      </c>
      <c r="CM2306" s="53">
        <v>8310.1044776119197</v>
      </c>
      <c r="CN2306" s="53">
        <v>99721.253731343095</v>
      </c>
    </row>
    <row r="2307" spans="1:92" outlineLevel="1">
      <c r="A2307" s="52" t="s">
        <v>649</v>
      </c>
      <c r="B2307" s="53">
        <v>1992746.08333332</v>
      </c>
      <c r="C2307" s="53">
        <v>1992746.08333332</v>
      </c>
      <c r="D2307" s="53">
        <v>1992746.08333332</v>
      </c>
      <c r="E2307" s="53">
        <v>1992746.08333332</v>
      </c>
      <c r="F2307" s="53">
        <v>1992746.08333332</v>
      </c>
      <c r="G2307" s="53">
        <v>1992746.08333332</v>
      </c>
      <c r="H2307" s="53">
        <v>1992746.08333332</v>
      </c>
      <c r="I2307" s="53">
        <v>1992746.08333332</v>
      </c>
      <c r="J2307" s="53">
        <v>1992746.08333332</v>
      </c>
      <c r="K2307" s="53">
        <v>1992746.08333332</v>
      </c>
      <c r="L2307" s="53">
        <v>1992746.08333332</v>
      </c>
      <c r="M2307" s="53">
        <v>1992746.08333332</v>
      </c>
      <c r="N2307" s="53">
        <v>23912952.999999799</v>
      </c>
      <c r="O2307" s="53">
        <v>732992</v>
      </c>
      <c r="P2307" s="53">
        <v>746864</v>
      </c>
      <c r="Q2307" s="53">
        <v>753263</v>
      </c>
      <c r="R2307" s="53">
        <v>759019</v>
      </c>
      <c r="S2307" s="53">
        <v>752356</v>
      </c>
      <c r="T2307" s="53">
        <v>896129</v>
      </c>
      <c r="U2307" s="53">
        <v>767722</v>
      </c>
      <c r="V2307" s="53">
        <v>754615</v>
      </c>
      <c r="W2307" s="53">
        <v>750330</v>
      </c>
      <c r="X2307" s="53">
        <v>754157</v>
      </c>
      <c r="Y2307" s="53">
        <v>759561</v>
      </c>
      <c r="Z2307" s="53">
        <v>898975</v>
      </c>
      <c r="AA2307" s="53">
        <v>9325983</v>
      </c>
      <c r="AB2307" s="53">
        <v>761409</v>
      </c>
      <c r="AC2307" s="53">
        <v>775439</v>
      </c>
      <c r="AD2307" s="53">
        <v>783671</v>
      </c>
      <c r="AE2307" s="53">
        <v>789011</v>
      </c>
      <c r="AF2307" s="53">
        <v>900671</v>
      </c>
      <c r="AG2307" s="53">
        <v>813488</v>
      </c>
      <c r="AH2307" s="53">
        <v>796944</v>
      </c>
      <c r="AI2307" s="53">
        <v>784000</v>
      </c>
      <c r="AJ2307" s="53">
        <v>779402</v>
      </c>
      <c r="AK2307" s="53">
        <v>781156</v>
      </c>
      <c r="AL2307" s="53">
        <v>899467</v>
      </c>
      <c r="AM2307" s="53">
        <v>808216</v>
      </c>
      <c r="AN2307" s="53">
        <v>9672874</v>
      </c>
      <c r="AO2307" s="53">
        <v>806072.83333333302</v>
      </c>
      <c r="AP2307" s="53">
        <v>806072.83333333302</v>
      </c>
      <c r="AQ2307" s="53">
        <v>806072.83333333302</v>
      </c>
      <c r="AR2307" s="53">
        <v>806072.83333333302</v>
      </c>
      <c r="AS2307" s="53">
        <v>806072.83333333302</v>
      </c>
      <c r="AT2307" s="53">
        <v>806072.83333333302</v>
      </c>
      <c r="AU2307" s="53">
        <v>806072.83333333302</v>
      </c>
      <c r="AV2307" s="53">
        <v>806072.83333333302</v>
      </c>
      <c r="AW2307" s="53">
        <v>806072.83333333302</v>
      </c>
      <c r="AX2307" s="53">
        <v>806072.83333333302</v>
      </c>
      <c r="AY2307" s="53">
        <v>806072.83333333302</v>
      </c>
      <c r="AZ2307" s="53">
        <v>806072.83333333302</v>
      </c>
      <c r="BA2307" s="53">
        <v>9672874</v>
      </c>
      <c r="BB2307" s="53">
        <v>806072.83333333302</v>
      </c>
      <c r="BC2307" s="53">
        <v>806072.83333333302</v>
      </c>
      <c r="BD2307" s="53">
        <v>806072.83333333302</v>
      </c>
      <c r="BE2307" s="53">
        <v>806072.83333333302</v>
      </c>
      <c r="BF2307" s="53">
        <v>806072.83333333302</v>
      </c>
      <c r="BG2307" s="53">
        <v>806072.83333333302</v>
      </c>
      <c r="BH2307" s="53">
        <v>806072.83333333302</v>
      </c>
      <c r="BI2307" s="53">
        <v>806072.83333333302</v>
      </c>
      <c r="BJ2307" s="53">
        <v>806072.83333333302</v>
      </c>
      <c r="BK2307" s="53">
        <v>806072.83333333302</v>
      </c>
      <c r="BL2307" s="53">
        <v>806072.83333333302</v>
      </c>
      <c r="BM2307" s="53">
        <v>806072.83333333302</v>
      </c>
      <c r="BN2307" s="53">
        <v>9672874</v>
      </c>
      <c r="BO2307" s="53">
        <v>806072.83333333302</v>
      </c>
      <c r="BP2307" s="53">
        <v>806072.83333333302</v>
      </c>
      <c r="BQ2307" s="53">
        <v>806072.83333333302</v>
      </c>
      <c r="BR2307" s="53">
        <v>806072.83333333302</v>
      </c>
      <c r="BS2307" s="53">
        <v>806072.83333333302</v>
      </c>
      <c r="BT2307" s="53">
        <v>806072.83333333302</v>
      </c>
      <c r="BU2307" s="53">
        <v>806072.83333333302</v>
      </c>
      <c r="BV2307" s="53">
        <v>806072.83333333302</v>
      </c>
      <c r="BW2307" s="53">
        <v>806072.83333333302</v>
      </c>
      <c r="BX2307" s="53">
        <v>806072.83333333302</v>
      </c>
      <c r="BY2307" s="53">
        <v>806072.83333333302</v>
      </c>
      <c r="BZ2307" s="53">
        <v>806072.83333333302</v>
      </c>
      <c r="CA2307" s="53">
        <v>9672874</v>
      </c>
      <c r="CB2307" s="53">
        <v>18632.710875331501</v>
      </c>
      <c r="CC2307" s="53">
        <v>18632.710875331501</v>
      </c>
      <c r="CD2307" s="53">
        <v>18632.710875331501</v>
      </c>
      <c r="CE2307" s="53">
        <v>18632.710875331501</v>
      </c>
      <c r="CF2307" s="53">
        <v>18632.710875331501</v>
      </c>
      <c r="CG2307" s="53">
        <v>18632.710875331501</v>
      </c>
      <c r="CH2307" s="53">
        <v>18632.710875331501</v>
      </c>
      <c r="CI2307" s="53">
        <v>18632.710875331501</v>
      </c>
      <c r="CJ2307" s="53">
        <v>18632.710875331501</v>
      </c>
      <c r="CK2307" s="53">
        <v>18632.710875331501</v>
      </c>
      <c r="CL2307" s="53">
        <v>18632.710875331501</v>
      </c>
      <c r="CM2307" s="53">
        <v>18632.710875331501</v>
      </c>
      <c r="CN2307" s="53">
        <v>223592.53050397799</v>
      </c>
    </row>
    <row r="2308" spans="1:92" outlineLevel="1">
      <c r="A2308" s="52" t="s">
        <v>1623</v>
      </c>
      <c r="B2308" s="53"/>
      <c r="C2308" s="53"/>
      <c r="D2308" s="53"/>
      <c r="E2308" s="53"/>
      <c r="F2308" s="53"/>
      <c r="G2308" s="53"/>
      <c r="H2308" s="53"/>
      <c r="I2308" s="53"/>
      <c r="J2308" s="53"/>
      <c r="K2308" s="53"/>
      <c r="L2308" s="53"/>
      <c r="M2308" s="53"/>
      <c r="N2308" s="53"/>
      <c r="O2308" s="53"/>
      <c r="P2308" s="53"/>
      <c r="Q2308" s="53"/>
      <c r="R2308" s="53"/>
      <c r="S2308" s="53"/>
      <c r="T2308" s="53"/>
      <c r="U2308" s="53"/>
      <c r="V2308" s="53"/>
      <c r="W2308" s="53"/>
      <c r="X2308" s="53"/>
      <c r="Y2308" s="53"/>
      <c r="Z2308" s="53"/>
      <c r="AA2308" s="53"/>
      <c r="AB2308" s="53"/>
      <c r="AC2308" s="53"/>
      <c r="AD2308" s="53"/>
      <c r="AE2308" s="53"/>
      <c r="AF2308" s="53"/>
      <c r="AG2308" s="53"/>
      <c r="AH2308" s="53"/>
      <c r="AI2308" s="53"/>
      <c r="AJ2308" s="53"/>
      <c r="AK2308" s="53"/>
      <c r="AL2308" s="53"/>
      <c r="AM2308" s="53"/>
      <c r="AN2308" s="53"/>
      <c r="AO2308" s="53"/>
      <c r="AP2308" s="53"/>
      <c r="AQ2308" s="53"/>
      <c r="AR2308" s="53"/>
      <c r="AS2308" s="53"/>
      <c r="AT2308" s="53"/>
      <c r="AU2308" s="53"/>
      <c r="AV2308" s="53"/>
      <c r="AW2308" s="53"/>
      <c r="AX2308" s="53"/>
      <c r="AY2308" s="53"/>
      <c r="AZ2308" s="53"/>
      <c r="BA2308" s="53"/>
      <c r="BB2308" s="53"/>
      <c r="BC2308" s="53"/>
      <c r="BD2308" s="53"/>
      <c r="BE2308" s="53"/>
      <c r="BF2308" s="53"/>
      <c r="BG2308" s="53"/>
      <c r="BH2308" s="53"/>
      <c r="BI2308" s="53"/>
      <c r="BJ2308" s="53"/>
      <c r="BK2308" s="53"/>
      <c r="BL2308" s="53"/>
      <c r="BM2308" s="53"/>
      <c r="BN2308" s="53"/>
      <c r="BO2308" s="53"/>
      <c r="BP2308" s="53"/>
      <c r="BQ2308" s="53"/>
      <c r="BR2308" s="53"/>
      <c r="BS2308" s="53"/>
      <c r="BT2308" s="53"/>
      <c r="BU2308" s="53"/>
      <c r="BV2308" s="53"/>
      <c r="BW2308" s="53"/>
      <c r="BX2308" s="53"/>
      <c r="BY2308" s="53"/>
      <c r="BZ2308" s="53"/>
      <c r="CA2308" s="53"/>
      <c r="CB2308" s="53"/>
      <c r="CC2308" s="53"/>
      <c r="CD2308" s="53"/>
      <c r="CE2308" s="53"/>
      <c r="CF2308" s="53"/>
      <c r="CG2308" s="53"/>
      <c r="CH2308" s="53"/>
      <c r="CI2308" s="53"/>
      <c r="CJ2308" s="53"/>
      <c r="CK2308" s="53"/>
      <c r="CL2308" s="53"/>
      <c r="CM2308" s="53"/>
      <c r="CN2308" s="53"/>
    </row>
    <row r="2309" spans="1:92" outlineLevel="1">
      <c r="A2309" s="52" t="s">
        <v>649</v>
      </c>
      <c r="B2309" s="53"/>
      <c r="C2309" s="53"/>
      <c r="D2309" s="53"/>
      <c r="E2309" s="53"/>
      <c r="F2309" s="53"/>
      <c r="G2309" s="53"/>
      <c r="H2309" s="53"/>
      <c r="I2309" s="53"/>
      <c r="J2309" s="53"/>
      <c r="K2309" s="53"/>
      <c r="L2309" s="53"/>
      <c r="M2309" s="53"/>
      <c r="N2309" s="53"/>
      <c r="O2309" s="53">
        <v>804163</v>
      </c>
      <c r="P2309" s="53">
        <v>858562</v>
      </c>
      <c r="Q2309" s="53">
        <v>855481</v>
      </c>
      <c r="R2309" s="53">
        <v>831116</v>
      </c>
      <c r="S2309" s="53">
        <v>823382</v>
      </c>
      <c r="T2309" s="53">
        <v>878777</v>
      </c>
      <c r="U2309" s="53">
        <v>765162</v>
      </c>
      <c r="V2309" s="53">
        <v>766313</v>
      </c>
      <c r="W2309" s="53">
        <v>746586</v>
      </c>
      <c r="X2309" s="53">
        <v>767535</v>
      </c>
      <c r="Y2309" s="53">
        <v>737556</v>
      </c>
      <c r="Z2309" s="53">
        <v>772429</v>
      </c>
      <c r="AA2309" s="53">
        <v>9607062</v>
      </c>
      <c r="AB2309" s="53">
        <v>777882</v>
      </c>
      <c r="AC2309" s="53">
        <v>818227</v>
      </c>
      <c r="AD2309" s="53">
        <v>834389</v>
      </c>
      <c r="AE2309" s="53">
        <v>856023</v>
      </c>
      <c r="AF2309" s="53">
        <v>862806</v>
      </c>
      <c r="AG2309" s="53">
        <v>920512</v>
      </c>
      <c r="AH2309" s="53">
        <v>822671</v>
      </c>
      <c r="AI2309" s="53">
        <v>831782</v>
      </c>
      <c r="AJ2309" s="53">
        <v>824462</v>
      </c>
      <c r="AK2309" s="53">
        <v>841941</v>
      </c>
      <c r="AL2309" s="53">
        <v>831614</v>
      </c>
      <c r="AM2309" s="53">
        <v>840586</v>
      </c>
      <c r="AN2309" s="53">
        <v>10062895</v>
      </c>
      <c r="AO2309" s="53">
        <v>838574.5</v>
      </c>
      <c r="AP2309" s="53">
        <v>838574.5</v>
      </c>
      <c r="AQ2309" s="53">
        <v>838574.5</v>
      </c>
      <c r="AR2309" s="53">
        <v>838574.5</v>
      </c>
      <c r="AS2309" s="53">
        <v>838574.5</v>
      </c>
      <c r="AT2309" s="53">
        <v>838574.5</v>
      </c>
      <c r="AU2309" s="53">
        <v>838574.5</v>
      </c>
      <c r="AV2309" s="53">
        <v>838574.5</v>
      </c>
      <c r="AW2309" s="53">
        <v>838574.5</v>
      </c>
      <c r="AX2309" s="53">
        <v>838574.5</v>
      </c>
      <c r="AY2309" s="53">
        <v>838574.5</v>
      </c>
      <c r="AZ2309" s="53">
        <v>838574.5</v>
      </c>
      <c r="BA2309" s="53">
        <v>10062894</v>
      </c>
      <c r="BB2309" s="53">
        <v>838574.5</v>
      </c>
      <c r="BC2309" s="53">
        <v>838574.5</v>
      </c>
      <c r="BD2309" s="53">
        <v>838574.5</v>
      </c>
      <c r="BE2309" s="53">
        <v>838574.5</v>
      </c>
      <c r="BF2309" s="53">
        <v>838574.5</v>
      </c>
      <c r="BG2309" s="53">
        <v>838574.5</v>
      </c>
      <c r="BH2309" s="53">
        <v>838574.5</v>
      </c>
      <c r="BI2309" s="53">
        <v>838574.5</v>
      </c>
      <c r="BJ2309" s="53">
        <v>838574.5</v>
      </c>
      <c r="BK2309" s="53">
        <v>838574.5</v>
      </c>
      <c r="BL2309" s="53">
        <v>838574.5</v>
      </c>
      <c r="BM2309" s="53">
        <v>838574.5</v>
      </c>
      <c r="BN2309" s="53">
        <v>10062894</v>
      </c>
      <c r="BO2309" s="53">
        <v>838574.5</v>
      </c>
      <c r="BP2309" s="53">
        <v>838574.5</v>
      </c>
      <c r="BQ2309" s="53">
        <v>838574.5</v>
      </c>
      <c r="BR2309" s="53">
        <v>838574.5</v>
      </c>
      <c r="BS2309" s="53">
        <v>838574.5</v>
      </c>
      <c r="BT2309" s="53">
        <v>838574.5</v>
      </c>
      <c r="BU2309" s="53">
        <v>838574.5</v>
      </c>
      <c r="BV2309" s="53">
        <v>838574.5</v>
      </c>
      <c r="BW2309" s="53">
        <v>838574.5</v>
      </c>
      <c r="BX2309" s="53">
        <v>838574.5</v>
      </c>
      <c r="BY2309" s="53">
        <v>838574.5</v>
      </c>
      <c r="BZ2309" s="53">
        <v>838574.5</v>
      </c>
      <c r="CA2309" s="53">
        <v>10062894</v>
      </c>
      <c r="CB2309" s="53"/>
      <c r="CC2309" s="53"/>
      <c r="CD2309" s="53"/>
      <c r="CE2309" s="53"/>
      <c r="CF2309" s="53"/>
      <c r="CG2309" s="53"/>
      <c r="CH2309" s="53"/>
      <c r="CI2309" s="53"/>
      <c r="CJ2309" s="53"/>
      <c r="CK2309" s="53"/>
      <c r="CL2309" s="53"/>
      <c r="CM2309" s="53"/>
      <c r="CN2309" s="53"/>
    </row>
    <row r="2310" spans="1:92" outlineLevel="1">
      <c r="A2310" s="52" t="s">
        <v>1624</v>
      </c>
      <c r="B2310" s="53"/>
      <c r="C2310" s="53"/>
      <c r="D2310" s="53"/>
      <c r="E2310" s="53"/>
      <c r="F2310" s="53"/>
      <c r="G2310" s="53"/>
      <c r="H2310" s="53"/>
      <c r="I2310" s="53"/>
      <c r="J2310" s="53"/>
      <c r="K2310" s="53"/>
      <c r="L2310" s="53"/>
      <c r="M2310" s="53"/>
      <c r="N2310" s="53"/>
      <c r="O2310" s="53"/>
      <c r="P2310" s="53"/>
      <c r="Q2310" s="53"/>
      <c r="R2310" s="53"/>
      <c r="S2310" s="53"/>
      <c r="T2310" s="53"/>
      <c r="U2310" s="53"/>
      <c r="V2310" s="53"/>
      <c r="W2310" s="53"/>
      <c r="X2310" s="53"/>
      <c r="Y2310" s="53"/>
      <c r="Z2310" s="53"/>
      <c r="AA2310" s="53"/>
      <c r="AB2310" s="53"/>
      <c r="AC2310" s="53"/>
      <c r="AD2310" s="53"/>
      <c r="AE2310" s="53"/>
      <c r="AF2310" s="53"/>
      <c r="AG2310" s="53"/>
      <c r="AH2310" s="53"/>
      <c r="AI2310" s="53"/>
      <c r="AJ2310" s="53"/>
      <c r="AK2310" s="53"/>
      <c r="AL2310" s="53"/>
      <c r="AM2310" s="53"/>
      <c r="AN2310" s="53"/>
      <c r="AO2310" s="53"/>
      <c r="AP2310" s="53"/>
      <c r="AQ2310" s="53"/>
      <c r="AR2310" s="53"/>
      <c r="AS2310" s="53"/>
      <c r="AT2310" s="53"/>
      <c r="AU2310" s="53"/>
      <c r="AV2310" s="53"/>
      <c r="AW2310" s="53"/>
      <c r="AX2310" s="53"/>
      <c r="AY2310" s="53"/>
      <c r="AZ2310" s="53"/>
      <c r="BA2310" s="53"/>
      <c r="BB2310" s="53"/>
      <c r="BC2310" s="53"/>
      <c r="BD2310" s="53"/>
      <c r="BE2310" s="53"/>
      <c r="BF2310" s="53"/>
      <c r="BG2310" s="53"/>
      <c r="BH2310" s="53"/>
      <c r="BI2310" s="53"/>
      <c r="BJ2310" s="53"/>
      <c r="BK2310" s="53"/>
      <c r="BL2310" s="53"/>
      <c r="BM2310" s="53"/>
      <c r="BN2310" s="53"/>
      <c r="BO2310" s="53"/>
      <c r="BP2310" s="53"/>
      <c r="BQ2310" s="53"/>
      <c r="BR2310" s="53"/>
      <c r="BS2310" s="53"/>
      <c r="BT2310" s="53"/>
      <c r="BU2310" s="53"/>
      <c r="BV2310" s="53"/>
      <c r="BW2310" s="53"/>
      <c r="BX2310" s="53"/>
      <c r="BY2310" s="53"/>
      <c r="BZ2310" s="53"/>
      <c r="CA2310" s="53"/>
      <c r="CB2310" s="53">
        <v>36488.334177215103</v>
      </c>
      <c r="CC2310" s="53">
        <v>36488.334177215103</v>
      </c>
      <c r="CD2310" s="53">
        <v>36488.334177215103</v>
      </c>
      <c r="CE2310" s="53">
        <v>36488.334177215103</v>
      </c>
      <c r="CF2310" s="53">
        <v>36488.334177215103</v>
      </c>
      <c r="CG2310" s="53">
        <v>36488.334177215103</v>
      </c>
      <c r="CH2310" s="53">
        <v>36488.334177215103</v>
      </c>
      <c r="CI2310" s="53">
        <v>36488.334177215103</v>
      </c>
      <c r="CJ2310" s="53">
        <v>36488.334177215103</v>
      </c>
      <c r="CK2310" s="53">
        <v>36488.334177215103</v>
      </c>
      <c r="CL2310" s="53">
        <v>36488.334177215103</v>
      </c>
      <c r="CM2310" s="53">
        <v>36488.334177215103</v>
      </c>
      <c r="CN2310" s="53">
        <v>437860.010126582</v>
      </c>
    </row>
    <row r="2311" spans="1:92" outlineLevel="1">
      <c r="A2311" s="52" t="s">
        <v>649</v>
      </c>
      <c r="B2311" s="53"/>
      <c r="C2311" s="53"/>
      <c r="D2311" s="53"/>
      <c r="E2311" s="53"/>
      <c r="F2311" s="53"/>
      <c r="G2311" s="53"/>
      <c r="H2311" s="53"/>
      <c r="I2311" s="53"/>
      <c r="J2311" s="53"/>
      <c r="K2311" s="53"/>
      <c r="L2311" s="53"/>
      <c r="M2311" s="53"/>
      <c r="N2311" s="53"/>
      <c r="O2311" s="53">
        <v>448280</v>
      </c>
      <c r="P2311" s="53">
        <v>476052</v>
      </c>
      <c r="Q2311" s="53">
        <v>479119</v>
      </c>
      <c r="R2311" s="53">
        <v>472183</v>
      </c>
      <c r="S2311" s="53">
        <v>477885</v>
      </c>
      <c r="T2311" s="53">
        <v>489781</v>
      </c>
      <c r="U2311" s="53">
        <v>460934</v>
      </c>
      <c r="V2311" s="53">
        <v>482100</v>
      </c>
      <c r="W2311" s="53">
        <v>465006</v>
      </c>
      <c r="X2311" s="53">
        <v>484372</v>
      </c>
      <c r="Y2311" s="53">
        <v>453530</v>
      </c>
      <c r="Z2311" s="53">
        <v>433037</v>
      </c>
      <c r="AA2311" s="53">
        <v>5622279</v>
      </c>
      <c r="AB2311" s="53">
        <v>452857</v>
      </c>
      <c r="AC2311" s="53">
        <v>480629</v>
      </c>
      <c r="AD2311" s="53">
        <v>484771</v>
      </c>
      <c r="AE2311" s="53">
        <v>477098</v>
      </c>
      <c r="AF2311" s="53">
        <v>499524</v>
      </c>
      <c r="AG2311" s="53">
        <v>478537</v>
      </c>
      <c r="AH2311" s="53">
        <v>465849</v>
      </c>
      <c r="AI2311" s="53">
        <v>487016</v>
      </c>
      <c r="AJ2311" s="53">
        <v>469921</v>
      </c>
      <c r="AK2311" s="53">
        <v>489288</v>
      </c>
      <c r="AL2311" s="53">
        <v>475180</v>
      </c>
      <c r="AM2311" s="53">
        <v>421577</v>
      </c>
      <c r="AN2311" s="53">
        <v>5682247</v>
      </c>
      <c r="AO2311" s="53">
        <v>473520.66666666599</v>
      </c>
      <c r="AP2311" s="53">
        <v>473520.66666666599</v>
      </c>
      <c r="AQ2311" s="53">
        <v>473520.66666666599</v>
      </c>
      <c r="AR2311" s="53">
        <v>473520.66666666599</v>
      </c>
      <c r="AS2311" s="53">
        <v>473520.66666666599</v>
      </c>
      <c r="AT2311" s="53">
        <v>473520.66666666599</v>
      </c>
      <c r="AU2311" s="53">
        <v>473520.66666666599</v>
      </c>
      <c r="AV2311" s="53">
        <v>473520.66666666599</v>
      </c>
      <c r="AW2311" s="53">
        <v>473520.66666666599</v>
      </c>
      <c r="AX2311" s="53">
        <v>473520.66666666599</v>
      </c>
      <c r="AY2311" s="53">
        <v>473520.66666666599</v>
      </c>
      <c r="AZ2311" s="53">
        <v>473520.66666666599</v>
      </c>
      <c r="BA2311" s="53">
        <v>5682247.9999999898</v>
      </c>
      <c r="BB2311" s="53">
        <v>473520.66666666599</v>
      </c>
      <c r="BC2311" s="53">
        <v>473520.66666666599</v>
      </c>
      <c r="BD2311" s="53">
        <v>473520.66666666599</v>
      </c>
      <c r="BE2311" s="53">
        <v>473520.66666666599</v>
      </c>
      <c r="BF2311" s="53">
        <v>473520.66666666599</v>
      </c>
      <c r="BG2311" s="53">
        <v>473520.66666666599</v>
      </c>
      <c r="BH2311" s="53">
        <v>473520.66666666599</v>
      </c>
      <c r="BI2311" s="53">
        <v>473520.66666666599</v>
      </c>
      <c r="BJ2311" s="53">
        <v>473520.66666666599</v>
      </c>
      <c r="BK2311" s="53">
        <v>473520.66666666599</v>
      </c>
      <c r="BL2311" s="53">
        <v>473520.66666666599</v>
      </c>
      <c r="BM2311" s="53">
        <v>473520.66666666599</v>
      </c>
      <c r="BN2311" s="53">
        <v>5682247.9999999898</v>
      </c>
      <c r="BO2311" s="53">
        <v>473520.66666666599</v>
      </c>
      <c r="BP2311" s="53">
        <v>473520.66666666599</v>
      </c>
      <c r="BQ2311" s="53">
        <v>473520.66666666599</v>
      </c>
      <c r="BR2311" s="53">
        <v>473520.66666666599</v>
      </c>
      <c r="BS2311" s="53">
        <v>473520.66666666599</v>
      </c>
      <c r="BT2311" s="53">
        <v>473520.66666666599</v>
      </c>
      <c r="BU2311" s="53">
        <v>473520.66666666599</v>
      </c>
      <c r="BV2311" s="53">
        <v>473520.66666666599</v>
      </c>
      <c r="BW2311" s="53">
        <v>473520.66666666599</v>
      </c>
      <c r="BX2311" s="53">
        <v>473520.66666666599</v>
      </c>
      <c r="BY2311" s="53">
        <v>473520.66666666599</v>
      </c>
      <c r="BZ2311" s="53">
        <v>473520.66666666599</v>
      </c>
      <c r="CA2311" s="53">
        <v>5682247.9999999898</v>
      </c>
      <c r="CB2311" s="53">
        <v>13019.146118721401</v>
      </c>
      <c r="CC2311" s="53">
        <v>13019.146118721401</v>
      </c>
      <c r="CD2311" s="53">
        <v>13019.146118721401</v>
      </c>
      <c r="CE2311" s="53">
        <v>13019.146118721401</v>
      </c>
      <c r="CF2311" s="53">
        <v>13019.146118721401</v>
      </c>
      <c r="CG2311" s="53">
        <v>13019.146118721401</v>
      </c>
      <c r="CH2311" s="53">
        <v>13019.146118721401</v>
      </c>
      <c r="CI2311" s="53">
        <v>13019.146118721401</v>
      </c>
      <c r="CJ2311" s="53">
        <v>13019.146118721401</v>
      </c>
      <c r="CK2311" s="53">
        <v>13019.146118721401</v>
      </c>
      <c r="CL2311" s="53">
        <v>13019.146118721401</v>
      </c>
      <c r="CM2311" s="53">
        <v>13019.146118721401</v>
      </c>
      <c r="CN2311" s="53">
        <v>156229.75342465701</v>
      </c>
    </row>
    <row r="2312" spans="1:92" outlineLevel="1">
      <c r="A2312" s="52" t="s">
        <v>1625</v>
      </c>
      <c r="B2312" s="53"/>
      <c r="C2312" s="53"/>
      <c r="D2312" s="53"/>
      <c r="E2312" s="53"/>
      <c r="F2312" s="53"/>
      <c r="G2312" s="53"/>
      <c r="H2312" s="53"/>
      <c r="I2312" s="53"/>
      <c r="J2312" s="53"/>
      <c r="K2312" s="53"/>
      <c r="L2312" s="53"/>
      <c r="M2312" s="53"/>
      <c r="N2312" s="53"/>
      <c r="O2312" s="53"/>
      <c r="P2312" s="53"/>
      <c r="Q2312" s="53"/>
      <c r="R2312" s="53"/>
      <c r="S2312" s="53"/>
      <c r="T2312" s="53"/>
      <c r="U2312" s="53"/>
      <c r="V2312" s="53"/>
      <c r="W2312" s="53"/>
      <c r="X2312" s="53"/>
      <c r="Y2312" s="53"/>
      <c r="Z2312" s="53"/>
      <c r="AA2312" s="53"/>
      <c r="AB2312" s="53"/>
      <c r="AC2312" s="53"/>
      <c r="AD2312" s="53"/>
      <c r="AE2312" s="53"/>
      <c r="AF2312" s="53"/>
      <c r="AG2312" s="53"/>
      <c r="AH2312" s="53"/>
      <c r="AI2312" s="53"/>
      <c r="AJ2312" s="53"/>
      <c r="AK2312" s="53"/>
      <c r="AL2312" s="53"/>
      <c r="AM2312" s="53"/>
      <c r="AN2312" s="53"/>
      <c r="AO2312" s="53"/>
      <c r="AP2312" s="53"/>
      <c r="AQ2312" s="53"/>
      <c r="AR2312" s="53"/>
      <c r="AS2312" s="53"/>
      <c r="AT2312" s="53"/>
      <c r="AU2312" s="53"/>
      <c r="AV2312" s="53"/>
      <c r="AW2312" s="53"/>
      <c r="AX2312" s="53"/>
      <c r="AY2312" s="53"/>
      <c r="AZ2312" s="53"/>
      <c r="BA2312" s="53"/>
      <c r="BB2312" s="53"/>
      <c r="BC2312" s="53"/>
      <c r="BD2312" s="53"/>
      <c r="BE2312" s="53"/>
      <c r="BF2312" s="53"/>
      <c r="BG2312" s="53"/>
      <c r="BH2312" s="53"/>
      <c r="BI2312" s="53"/>
      <c r="BJ2312" s="53"/>
      <c r="BK2312" s="53"/>
      <c r="BL2312" s="53"/>
      <c r="BM2312" s="53"/>
      <c r="BN2312" s="53"/>
      <c r="BO2312" s="53"/>
      <c r="BP2312" s="53"/>
      <c r="BQ2312" s="53"/>
      <c r="BR2312" s="53"/>
      <c r="BS2312" s="53"/>
      <c r="BT2312" s="53"/>
      <c r="BU2312" s="53"/>
      <c r="BV2312" s="53"/>
      <c r="BW2312" s="53"/>
      <c r="BX2312" s="53"/>
      <c r="BY2312" s="53"/>
      <c r="BZ2312" s="53"/>
      <c r="CA2312" s="53"/>
      <c r="CB2312" s="53">
        <v>13527.6846307385</v>
      </c>
      <c r="CC2312" s="53">
        <v>13527.6846307385</v>
      </c>
      <c r="CD2312" s="53">
        <v>13527.6846307385</v>
      </c>
      <c r="CE2312" s="53">
        <v>13527.6846307385</v>
      </c>
      <c r="CF2312" s="53">
        <v>13527.6846307385</v>
      </c>
      <c r="CG2312" s="53">
        <v>13527.6846307385</v>
      </c>
      <c r="CH2312" s="53">
        <v>13527.6846307385</v>
      </c>
      <c r="CI2312" s="53">
        <v>13527.6846307385</v>
      </c>
      <c r="CJ2312" s="53">
        <v>13527.6846307385</v>
      </c>
      <c r="CK2312" s="53">
        <v>13527.6846307385</v>
      </c>
      <c r="CL2312" s="53">
        <v>13527.6846307385</v>
      </c>
      <c r="CM2312" s="53">
        <v>13527.6846307385</v>
      </c>
      <c r="CN2312" s="53">
        <v>162332.21556886201</v>
      </c>
    </row>
    <row r="2313" spans="1:92" outlineLevel="1">
      <c r="A2313" s="52" t="s">
        <v>649</v>
      </c>
      <c r="B2313" s="53">
        <v>259056.99083333201</v>
      </c>
      <c r="C2313" s="53">
        <v>259056.99083333201</v>
      </c>
      <c r="D2313" s="53">
        <v>259056.99083333201</v>
      </c>
      <c r="E2313" s="53">
        <v>259056.99083333201</v>
      </c>
      <c r="F2313" s="53">
        <v>259056.99083333201</v>
      </c>
      <c r="G2313" s="53">
        <v>259056.99083333201</v>
      </c>
      <c r="H2313" s="53">
        <v>259056.99083333201</v>
      </c>
      <c r="I2313" s="53">
        <v>259056.99083333201</v>
      </c>
      <c r="J2313" s="53">
        <v>259056.99083333201</v>
      </c>
      <c r="K2313" s="53">
        <v>259056.99083333201</v>
      </c>
      <c r="L2313" s="53">
        <v>259056.99083333201</v>
      </c>
      <c r="M2313" s="53">
        <v>259056.99083333201</v>
      </c>
      <c r="N2313" s="53">
        <v>3108683.8899999801</v>
      </c>
      <c r="O2313" s="53">
        <v>95288.960000000006</v>
      </c>
      <c r="P2313" s="53">
        <v>97092.32</v>
      </c>
      <c r="Q2313" s="53">
        <v>97924.19</v>
      </c>
      <c r="R2313" s="53">
        <v>98672.47</v>
      </c>
      <c r="S2313" s="53">
        <v>97806.28</v>
      </c>
      <c r="T2313" s="53">
        <v>116496.77</v>
      </c>
      <c r="U2313" s="53">
        <v>99803.86</v>
      </c>
      <c r="V2313" s="53">
        <v>98099.95</v>
      </c>
      <c r="W2313" s="53">
        <v>97542.9</v>
      </c>
      <c r="X2313" s="53">
        <v>98040.41</v>
      </c>
      <c r="Y2313" s="53">
        <v>98742.93</v>
      </c>
      <c r="Z2313" s="53">
        <v>116866.75</v>
      </c>
      <c r="AA2313" s="53">
        <v>1212377.78999999</v>
      </c>
      <c r="AB2313" s="53">
        <v>98983.17</v>
      </c>
      <c r="AC2313" s="53">
        <v>100807.069999999</v>
      </c>
      <c r="AD2313" s="53">
        <v>101877.23</v>
      </c>
      <c r="AE2313" s="53">
        <v>102571.43</v>
      </c>
      <c r="AF2313" s="53">
        <v>117087.23</v>
      </c>
      <c r="AG2313" s="53">
        <v>105753.44</v>
      </c>
      <c r="AH2313" s="53">
        <v>103602.72</v>
      </c>
      <c r="AI2313" s="53">
        <v>101920</v>
      </c>
      <c r="AJ2313" s="53">
        <v>101322.26</v>
      </c>
      <c r="AK2313" s="53">
        <v>101550.28</v>
      </c>
      <c r="AL2313" s="53">
        <v>116930.71</v>
      </c>
      <c r="AM2313" s="53">
        <v>105068.08</v>
      </c>
      <c r="AN2313" s="53">
        <v>1257473.6199999901</v>
      </c>
      <c r="AO2313" s="53">
        <v>104789.468333333</v>
      </c>
      <c r="AP2313" s="53">
        <v>104789.468333333</v>
      </c>
      <c r="AQ2313" s="53">
        <v>104789.468333333</v>
      </c>
      <c r="AR2313" s="53">
        <v>104789.468333333</v>
      </c>
      <c r="AS2313" s="53">
        <v>104789.468333333</v>
      </c>
      <c r="AT2313" s="53">
        <v>104789.468333333</v>
      </c>
      <c r="AU2313" s="53">
        <v>104789.468333333</v>
      </c>
      <c r="AV2313" s="53">
        <v>104789.468333333</v>
      </c>
      <c r="AW2313" s="53">
        <v>104789.468333333</v>
      </c>
      <c r="AX2313" s="53">
        <v>104789.468333333</v>
      </c>
      <c r="AY2313" s="53">
        <v>104789.468333333</v>
      </c>
      <c r="AZ2313" s="53">
        <v>104789.468333333</v>
      </c>
      <c r="BA2313" s="53">
        <v>1257473.6200000001</v>
      </c>
      <c r="BB2313" s="53">
        <v>104789.468333333</v>
      </c>
      <c r="BC2313" s="53">
        <v>104789.468333333</v>
      </c>
      <c r="BD2313" s="53">
        <v>104789.468333333</v>
      </c>
      <c r="BE2313" s="53">
        <v>104789.468333333</v>
      </c>
      <c r="BF2313" s="53">
        <v>104789.468333333</v>
      </c>
      <c r="BG2313" s="53">
        <v>104789.468333333</v>
      </c>
      <c r="BH2313" s="53">
        <v>104789.468333333</v>
      </c>
      <c r="BI2313" s="53">
        <v>104789.468333333</v>
      </c>
      <c r="BJ2313" s="53">
        <v>104789.468333333</v>
      </c>
      <c r="BK2313" s="53">
        <v>104789.468333333</v>
      </c>
      <c r="BL2313" s="53">
        <v>104789.468333333</v>
      </c>
      <c r="BM2313" s="53">
        <v>104789.468333333</v>
      </c>
      <c r="BN2313" s="53">
        <v>1257473.6200000001</v>
      </c>
      <c r="BO2313" s="53">
        <v>104789.468333333</v>
      </c>
      <c r="BP2313" s="53">
        <v>104789.468333333</v>
      </c>
      <c r="BQ2313" s="53">
        <v>104789.468333333</v>
      </c>
      <c r="BR2313" s="53">
        <v>104789.468333333</v>
      </c>
      <c r="BS2313" s="53">
        <v>104789.468333333</v>
      </c>
      <c r="BT2313" s="53">
        <v>104789.468333333</v>
      </c>
      <c r="BU2313" s="53">
        <v>104789.468333333</v>
      </c>
      <c r="BV2313" s="53">
        <v>104789.468333333</v>
      </c>
      <c r="BW2313" s="53">
        <v>104789.468333333</v>
      </c>
      <c r="BX2313" s="53">
        <v>104789.468333333</v>
      </c>
      <c r="BY2313" s="53">
        <v>104789.468333333</v>
      </c>
      <c r="BZ2313" s="53">
        <v>104789.468333333</v>
      </c>
      <c r="CA2313" s="53">
        <v>1257473.6200000001</v>
      </c>
      <c r="CB2313" s="53">
        <v>20148.9797979797</v>
      </c>
      <c r="CC2313" s="53">
        <v>20148.9797979797</v>
      </c>
      <c r="CD2313" s="53">
        <v>20148.9797979797</v>
      </c>
      <c r="CE2313" s="53">
        <v>20148.9797979797</v>
      </c>
      <c r="CF2313" s="53">
        <v>20148.9797979797</v>
      </c>
      <c r="CG2313" s="53">
        <v>20148.9797979797</v>
      </c>
      <c r="CH2313" s="53">
        <v>20148.9797979797</v>
      </c>
      <c r="CI2313" s="53">
        <v>20148.9797979797</v>
      </c>
      <c r="CJ2313" s="53">
        <v>20148.9797979797</v>
      </c>
      <c r="CK2313" s="53">
        <v>20148.9797979797</v>
      </c>
      <c r="CL2313" s="53">
        <v>20148.9797979797</v>
      </c>
      <c r="CM2313" s="53">
        <v>20148.9797979797</v>
      </c>
      <c r="CN2313" s="53">
        <v>241787.75757575699</v>
      </c>
    </row>
    <row r="2314" spans="1:92" outlineLevel="1">
      <c r="A2314" s="52" t="s">
        <v>1626</v>
      </c>
      <c r="B2314" s="53"/>
      <c r="C2314" s="53"/>
      <c r="D2314" s="53"/>
      <c r="E2314" s="53"/>
      <c r="F2314" s="53"/>
      <c r="G2314" s="53"/>
      <c r="H2314" s="53"/>
      <c r="I2314" s="53"/>
      <c r="J2314" s="53"/>
      <c r="K2314" s="53"/>
      <c r="L2314" s="53"/>
      <c r="M2314" s="53"/>
      <c r="N2314" s="53"/>
      <c r="O2314" s="53"/>
      <c r="P2314" s="53"/>
      <c r="Q2314" s="53"/>
      <c r="R2314" s="53"/>
      <c r="S2314" s="53"/>
      <c r="T2314" s="53"/>
      <c r="U2314" s="53"/>
      <c r="V2314" s="53"/>
      <c r="W2314" s="53"/>
      <c r="X2314" s="53"/>
      <c r="Y2314" s="53"/>
      <c r="Z2314" s="53"/>
      <c r="AA2314" s="53"/>
      <c r="AB2314" s="53"/>
      <c r="AC2314" s="53"/>
      <c r="AD2314" s="53"/>
      <c r="AE2314" s="53"/>
      <c r="AF2314" s="53"/>
      <c r="AG2314" s="53"/>
      <c r="AH2314" s="53"/>
      <c r="AI2314" s="53"/>
      <c r="AJ2314" s="53"/>
      <c r="AK2314" s="53"/>
      <c r="AL2314" s="53"/>
      <c r="AM2314" s="53"/>
      <c r="AN2314" s="53"/>
      <c r="AO2314" s="53"/>
      <c r="AP2314" s="53"/>
      <c r="AQ2314" s="53"/>
      <c r="AR2314" s="53"/>
      <c r="AS2314" s="53"/>
      <c r="AT2314" s="53"/>
      <c r="AU2314" s="53"/>
      <c r="AV2314" s="53"/>
      <c r="AW2314" s="53"/>
      <c r="AX2314" s="53"/>
      <c r="AY2314" s="53"/>
      <c r="AZ2314" s="53"/>
      <c r="BA2314" s="53"/>
      <c r="BB2314" s="53"/>
      <c r="BC2314" s="53"/>
      <c r="BD2314" s="53"/>
      <c r="BE2314" s="53"/>
      <c r="BF2314" s="53"/>
      <c r="BG2314" s="53"/>
      <c r="BH2314" s="53"/>
      <c r="BI2314" s="53"/>
      <c r="BJ2314" s="53"/>
      <c r="BK2314" s="53"/>
      <c r="BL2314" s="53"/>
      <c r="BM2314" s="53"/>
      <c r="BN2314" s="53"/>
      <c r="BO2314" s="53"/>
      <c r="BP2314" s="53"/>
      <c r="BQ2314" s="53"/>
      <c r="BR2314" s="53"/>
      <c r="BS2314" s="53"/>
      <c r="BT2314" s="53"/>
      <c r="BU2314" s="53"/>
      <c r="BV2314" s="53"/>
      <c r="BW2314" s="53"/>
      <c r="BX2314" s="53"/>
      <c r="BY2314" s="53"/>
      <c r="BZ2314" s="53"/>
      <c r="CA2314" s="53"/>
      <c r="CB2314" s="53"/>
      <c r="CC2314" s="53"/>
      <c r="CD2314" s="53"/>
      <c r="CE2314" s="53"/>
      <c r="CF2314" s="53"/>
      <c r="CG2314" s="53"/>
      <c r="CH2314" s="53"/>
      <c r="CI2314" s="53"/>
      <c r="CJ2314" s="53"/>
      <c r="CK2314" s="53"/>
      <c r="CL2314" s="53"/>
      <c r="CM2314" s="53"/>
      <c r="CN2314" s="53"/>
    </row>
    <row r="2315" spans="1:92" outlineLevel="1">
      <c r="A2315" s="52" t="s">
        <v>649</v>
      </c>
      <c r="B2315" s="53"/>
      <c r="C2315" s="53"/>
      <c r="D2315" s="53"/>
      <c r="E2315" s="53"/>
      <c r="F2315" s="53"/>
      <c r="G2315" s="53"/>
      <c r="H2315" s="53"/>
      <c r="I2315" s="53"/>
      <c r="J2315" s="53"/>
      <c r="K2315" s="53"/>
      <c r="L2315" s="53"/>
      <c r="M2315" s="53"/>
      <c r="N2315" s="53"/>
      <c r="O2315" s="53">
        <v>104541.19</v>
      </c>
      <c r="P2315" s="53">
        <v>111613.06</v>
      </c>
      <c r="Q2315" s="53">
        <v>111212.53</v>
      </c>
      <c r="R2315" s="53">
        <v>108045.08</v>
      </c>
      <c r="S2315" s="53">
        <v>107039.66</v>
      </c>
      <c r="T2315" s="53">
        <v>114241.01</v>
      </c>
      <c r="U2315" s="53">
        <v>99471.06</v>
      </c>
      <c r="V2315" s="53">
        <v>99620.69</v>
      </c>
      <c r="W2315" s="53">
        <v>97056.18</v>
      </c>
      <c r="X2315" s="53">
        <v>99779.55</v>
      </c>
      <c r="Y2315" s="53">
        <v>95882.28</v>
      </c>
      <c r="Z2315" s="53">
        <v>100415.769999999</v>
      </c>
      <c r="AA2315" s="53">
        <v>1248918.06</v>
      </c>
      <c r="AB2315" s="53">
        <v>101124.659999999</v>
      </c>
      <c r="AC2315" s="53">
        <v>106369.51</v>
      </c>
      <c r="AD2315" s="53">
        <v>108470.57</v>
      </c>
      <c r="AE2315" s="53">
        <v>111282.99</v>
      </c>
      <c r="AF2315" s="53">
        <v>112164.78</v>
      </c>
      <c r="AG2315" s="53">
        <v>119666.55999999899</v>
      </c>
      <c r="AH2315" s="53">
        <v>106947.23</v>
      </c>
      <c r="AI2315" s="53">
        <v>108131.66</v>
      </c>
      <c r="AJ2315" s="53">
        <v>107180.06</v>
      </c>
      <c r="AK2315" s="53">
        <v>109452.33</v>
      </c>
      <c r="AL2315" s="53">
        <v>108109.82</v>
      </c>
      <c r="AM2315" s="53">
        <v>109276.18</v>
      </c>
      <c r="AN2315" s="53">
        <v>1308176.3500000001</v>
      </c>
      <c r="AO2315" s="53">
        <v>109014.685</v>
      </c>
      <c r="AP2315" s="53">
        <v>109014.685</v>
      </c>
      <c r="AQ2315" s="53">
        <v>109014.685</v>
      </c>
      <c r="AR2315" s="53">
        <v>109014.685</v>
      </c>
      <c r="AS2315" s="53">
        <v>109014.685</v>
      </c>
      <c r="AT2315" s="53">
        <v>109014.685</v>
      </c>
      <c r="AU2315" s="53">
        <v>109014.685</v>
      </c>
      <c r="AV2315" s="53">
        <v>109014.685</v>
      </c>
      <c r="AW2315" s="53">
        <v>109014.685</v>
      </c>
      <c r="AX2315" s="53">
        <v>109014.685</v>
      </c>
      <c r="AY2315" s="53">
        <v>109014.685</v>
      </c>
      <c r="AZ2315" s="53">
        <v>109014.685</v>
      </c>
      <c r="BA2315" s="53">
        <v>1308176.22</v>
      </c>
      <c r="BB2315" s="53">
        <v>109014.685</v>
      </c>
      <c r="BC2315" s="53">
        <v>109014.685</v>
      </c>
      <c r="BD2315" s="53">
        <v>109014.685</v>
      </c>
      <c r="BE2315" s="53">
        <v>109014.685</v>
      </c>
      <c r="BF2315" s="53">
        <v>109014.685</v>
      </c>
      <c r="BG2315" s="53">
        <v>109014.685</v>
      </c>
      <c r="BH2315" s="53">
        <v>109014.685</v>
      </c>
      <c r="BI2315" s="53">
        <v>109014.685</v>
      </c>
      <c r="BJ2315" s="53">
        <v>109014.685</v>
      </c>
      <c r="BK2315" s="53">
        <v>109014.685</v>
      </c>
      <c r="BL2315" s="53">
        <v>109014.685</v>
      </c>
      <c r="BM2315" s="53">
        <v>109014.685</v>
      </c>
      <c r="BN2315" s="53">
        <v>1308176.22</v>
      </c>
      <c r="BO2315" s="53">
        <v>109014.685</v>
      </c>
      <c r="BP2315" s="53">
        <v>109014.685</v>
      </c>
      <c r="BQ2315" s="53">
        <v>109014.685</v>
      </c>
      <c r="BR2315" s="53">
        <v>109014.685</v>
      </c>
      <c r="BS2315" s="53">
        <v>109014.685</v>
      </c>
      <c r="BT2315" s="53">
        <v>109014.685</v>
      </c>
      <c r="BU2315" s="53">
        <v>109014.685</v>
      </c>
      <c r="BV2315" s="53">
        <v>109014.685</v>
      </c>
      <c r="BW2315" s="53">
        <v>109014.685</v>
      </c>
      <c r="BX2315" s="53">
        <v>109014.685</v>
      </c>
      <c r="BY2315" s="53">
        <v>109014.685</v>
      </c>
      <c r="BZ2315" s="53">
        <v>109014.685</v>
      </c>
      <c r="CA2315" s="53">
        <v>1308176.22</v>
      </c>
      <c r="CB2315" s="53">
        <v>49399.371900826503</v>
      </c>
      <c r="CC2315" s="53">
        <v>49399.371900826402</v>
      </c>
      <c r="CD2315" s="53">
        <v>49399.371900826402</v>
      </c>
      <c r="CE2315" s="53">
        <v>49399.371900826402</v>
      </c>
      <c r="CF2315" s="53">
        <v>49399.371900826402</v>
      </c>
      <c r="CG2315" s="53">
        <v>49399.371900826402</v>
      </c>
      <c r="CH2315" s="53">
        <v>49399.371900826402</v>
      </c>
      <c r="CI2315" s="53">
        <v>49399.371900826402</v>
      </c>
      <c r="CJ2315" s="53">
        <v>49399.371900826402</v>
      </c>
      <c r="CK2315" s="53">
        <v>49399.371900826402</v>
      </c>
      <c r="CL2315" s="53">
        <v>49399.371900826503</v>
      </c>
      <c r="CM2315" s="53">
        <v>49399.371900826402</v>
      </c>
      <c r="CN2315" s="53">
        <v>592792.46280991798</v>
      </c>
    </row>
    <row r="2316" spans="1:92" outlineLevel="1">
      <c r="A2316" s="52" t="s">
        <v>1627</v>
      </c>
      <c r="B2316" s="53"/>
      <c r="C2316" s="53"/>
      <c r="D2316" s="53"/>
      <c r="E2316" s="53"/>
      <c r="F2316" s="53"/>
      <c r="G2316" s="53"/>
      <c r="H2316" s="53"/>
      <c r="I2316" s="53"/>
      <c r="J2316" s="53"/>
      <c r="K2316" s="53"/>
      <c r="L2316" s="53"/>
      <c r="M2316" s="53"/>
      <c r="N2316" s="53"/>
      <c r="O2316" s="53"/>
      <c r="P2316" s="53"/>
      <c r="Q2316" s="53"/>
      <c r="R2316" s="53"/>
      <c r="S2316" s="53"/>
      <c r="T2316" s="53"/>
      <c r="U2316" s="53"/>
      <c r="V2316" s="53"/>
      <c r="W2316" s="53"/>
      <c r="X2316" s="53"/>
      <c r="Y2316" s="53"/>
      <c r="Z2316" s="53"/>
      <c r="AA2316" s="53"/>
      <c r="AB2316" s="53"/>
      <c r="AC2316" s="53"/>
      <c r="AD2316" s="53"/>
      <c r="AE2316" s="53"/>
      <c r="AF2316" s="53"/>
      <c r="AG2316" s="53"/>
      <c r="AH2316" s="53"/>
      <c r="AI2316" s="53"/>
      <c r="AJ2316" s="53"/>
      <c r="AK2316" s="53"/>
      <c r="AL2316" s="53"/>
      <c r="AM2316" s="53"/>
      <c r="AN2316" s="53"/>
      <c r="AO2316" s="53"/>
      <c r="AP2316" s="53"/>
      <c r="AQ2316" s="53"/>
      <c r="AR2316" s="53"/>
      <c r="AS2316" s="53"/>
      <c r="AT2316" s="53"/>
      <c r="AU2316" s="53"/>
      <c r="AV2316" s="53"/>
      <c r="AW2316" s="53"/>
      <c r="AX2316" s="53"/>
      <c r="AY2316" s="53"/>
      <c r="AZ2316" s="53"/>
      <c r="BA2316" s="53"/>
      <c r="BB2316" s="53"/>
      <c r="BC2316" s="53"/>
      <c r="BD2316" s="53"/>
      <c r="BE2316" s="53"/>
      <c r="BF2316" s="53"/>
      <c r="BG2316" s="53"/>
      <c r="BH2316" s="53"/>
      <c r="BI2316" s="53"/>
      <c r="BJ2316" s="53"/>
      <c r="BK2316" s="53"/>
      <c r="BL2316" s="53"/>
      <c r="BM2316" s="53"/>
      <c r="BN2316" s="53"/>
      <c r="BO2316" s="53"/>
      <c r="BP2316" s="53"/>
      <c r="BQ2316" s="53"/>
      <c r="BR2316" s="53"/>
      <c r="BS2316" s="53"/>
      <c r="BT2316" s="53"/>
      <c r="BU2316" s="53"/>
      <c r="BV2316" s="53"/>
      <c r="BW2316" s="53"/>
      <c r="BX2316" s="53"/>
      <c r="BY2316" s="53"/>
      <c r="BZ2316" s="53"/>
      <c r="CA2316" s="53"/>
      <c r="CB2316" s="53">
        <v>13370.822605965401</v>
      </c>
      <c r="CC2316" s="53">
        <v>13370.822605965401</v>
      </c>
      <c r="CD2316" s="53">
        <v>13370.822605965401</v>
      </c>
      <c r="CE2316" s="53">
        <v>13370.822605965401</v>
      </c>
      <c r="CF2316" s="53">
        <v>13370.822605965401</v>
      </c>
      <c r="CG2316" s="53">
        <v>13370.822605965401</v>
      </c>
      <c r="CH2316" s="53">
        <v>13370.822605965401</v>
      </c>
      <c r="CI2316" s="53">
        <v>13370.822605965401</v>
      </c>
      <c r="CJ2316" s="53">
        <v>13370.822605965401</v>
      </c>
      <c r="CK2316" s="53">
        <v>13370.822605965401</v>
      </c>
      <c r="CL2316" s="53">
        <v>13370.822605965401</v>
      </c>
      <c r="CM2316" s="53">
        <v>13370.822605965401</v>
      </c>
      <c r="CN2316" s="53">
        <v>160449.871271585</v>
      </c>
    </row>
    <row r="2317" spans="1:92" outlineLevel="1">
      <c r="A2317" s="52" t="s">
        <v>649</v>
      </c>
      <c r="B2317" s="53"/>
      <c r="C2317" s="53"/>
      <c r="D2317" s="53"/>
      <c r="E2317" s="53"/>
      <c r="F2317" s="53"/>
      <c r="G2317" s="53"/>
      <c r="H2317" s="53"/>
      <c r="I2317" s="53"/>
      <c r="J2317" s="53"/>
      <c r="K2317" s="53"/>
      <c r="L2317" s="53"/>
      <c r="M2317" s="53"/>
      <c r="N2317" s="53"/>
      <c r="O2317" s="53">
        <v>58276.3999999999</v>
      </c>
      <c r="P2317" s="53">
        <v>61886.76</v>
      </c>
      <c r="Q2317" s="53">
        <v>62285.47</v>
      </c>
      <c r="R2317" s="53">
        <v>61383.79</v>
      </c>
      <c r="S2317" s="53">
        <v>62125.05</v>
      </c>
      <c r="T2317" s="53">
        <v>63671.53</v>
      </c>
      <c r="U2317" s="53">
        <v>59921.42</v>
      </c>
      <c r="V2317" s="53">
        <v>62673</v>
      </c>
      <c r="W2317" s="53">
        <v>60450.78</v>
      </c>
      <c r="X2317" s="53">
        <v>62968.36</v>
      </c>
      <c r="Y2317" s="53">
        <v>58958.9</v>
      </c>
      <c r="Z2317" s="53">
        <v>56294.81</v>
      </c>
      <c r="AA2317" s="53">
        <v>730896.26999999897</v>
      </c>
      <c r="AB2317" s="53">
        <v>58871.41</v>
      </c>
      <c r="AC2317" s="53">
        <v>62481.77</v>
      </c>
      <c r="AD2317" s="53">
        <v>63020.23</v>
      </c>
      <c r="AE2317" s="53">
        <v>62022.74</v>
      </c>
      <c r="AF2317" s="53">
        <v>64938.119999999901</v>
      </c>
      <c r="AG2317" s="53">
        <v>62209.81</v>
      </c>
      <c r="AH2317" s="53">
        <v>60560.369999999901</v>
      </c>
      <c r="AI2317" s="53">
        <v>63312.08</v>
      </c>
      <c r="AJ2317" s="53">
        <v>61089.73</v>
      </c>
      <c r="AK2317" s="53">
        <v>63607.44</v>
      </c>
      <c r="AL2317" s="53">
        <v>61773.4</v>
      </c>
      <c r="AM2317" s="53">
        <v>54805.01</v>
      </c>
      <c r="AN2317" s="53">
        <v>738692.11</v>
      </c>
      <c r="AO2317" s="53">
        <v>61557.686666666603</v>
      </c>
      <c r="AP2317" s="53">
        <v>61557.686666666603</v>
      </c>
      <c r="AQ2317" s="53">
        <v>61557.686666666603</v>
      </c>
      <c r="AR2317" s="53">
        <v>61557.686666666603</v>
      </c>
      <c r="AS2317" s="53">
        <v>61557.686666666603</v>
      </c>
      <c r="AT2317" s="53">
        <v>61557.686666666603</v>
      </c>
      <c r="AU2317" s="53">
        <v>61557.686666666603</v>
      </c>
      <c r="AV2317" s="53">
        <v>61557.686666666603</v>
      </c>
      <c r="AW2317" s="53">
        <v>61557.686666666603</v>
      </c>
      <c r="AX2317" s="53">
        <v>61557.686666666603</v>
      </c>
      <c r="AY2317" s="53">
        <v>61557.686666666603</v>
      </c>
      <c r="AZ2317" s="53">
        <v>61557.686666666603</v>
      </c>
      <c r="BA2317" s="53">
        <v>738692.24</v>
      </c>
      <c r="BB2317" s="53">
        <v>61557.686666666603</v>
      </c>
      <c r="BC2317" s="53">
        <v>61557.686666666603</v>
      </c>
      <c r="BD2317" s="53">
        <v>61557.686666666603</v>
      </c>
      <c r="BE2317" s="53">
        <v>61557.686666666603</v>
      </c>
      <c r="BF2317" s="53">
        <v>61557.686666666603</v>
      </c>
      <c r="BG2317" s="53">
        <v>61557.686666666603</v>
      </c>
      <c r="BH2317" s="53">
        <v>61557.686666666603</v>
      </c>
      <c r="BI2317" s="53">
        <v>61557.686666666603</v>
      </c>
      <c r="BJ2317" s="53">
        <v>61557.686666666603</v>
      </c>
      <c r="BK2317" s="53">
        <v>61557.686666666603</v>
      </c>
      <c r="BL2317" s="53">
        <v>61557.686666666603</v>
      </c>
      <c r="BM2317" s="53">
        <v>61557.686666666603</v>
      </c>
      <c r="BN2317" s="53">
        <v>738692.24</v>
      </c>
      <c r="BO2317" s="53">
        <v>61557.686666666603</v>
      </c>
      <c r="BP2317" s="53">
        <v>61557.686666666603</v>
      </c>
      <c r="BQ2317" s="53">
        <v>61557.686666666603</v>
      </c>
      <c r="BR2317" s="53">
        <v>61557.686666666603</v>
      </c>
      <c r="BS2317" s="53">
        <v>61557.686666666603</v>
      </c>
      <c r="BT2317" s="53">
        <v>61557.686666666603</v>
      </c>
      <c r="BU2317" s="53">
        <v>61557.686666666603</v>
      </c>
      <c r="BV2317" s="53">
        <v>61557.686666666603</v>
      </c>
      <c r="BW2317" s="53">
        <v>61557.686666666603</v>
      </c>
      <c r="BX2317" s="53">
        <v>61557.686666666603</v>
      </c>
      <c r="BY2317" s="53">
        <v>61557.686666666603</v>
      </c>
      <c r="BZ2317" s="53">
        <v>61557.686666666603</v>
      </c>
      <c r="CA2317" s="53">
        <v>738692.24</v>
      </c>
      <c r="CB2317" s="53">
        <v>44991.872611464903</v>
      </c>
      <c r="CC2317" s="53">
        <v>44991.872611464903</v>
      </c>
      <c r="CD2317" s="53">
        <v>44991.872611464903</v>
      </c>
      <c r="CE2317" s="53">
        <v>44991.872611464903</v>
      </c>
      <c r="CF2317" s="53">
        <v>44991.872611464903</v>
      </c>
      <c r="CG2317" s="53">
        <v>44991.872611464903</v>
      </c>
      <c r="CH2317" s="53">
        <v>44991.872611464903</v>
      </c>
      <c r="CI2317" s="53">
        <v>44991.872611464903</v>
      </c>
      <c r="CJ2317" s="53">
        <v>44991.872611464903</v>
      </c>
      <c r="CK2317" s="53">
        <v>44991.872611464903</v>
      </c>
      <c r="CL2317" s="53">
        <v>44991.872611464903</v>
      </c>
      <c r="CM2317" s="53">
        <v>44991.872611464903</v>
      </c>
      <c r="CN2317" s="53">
        <v>539902.47133757896</v>
      </c>
    </row>
    <row r="2318" spans="1:92" outlineLevel="1">
      <c r="A2318" s="59" t="s">
        <v>1645</v>
      </c>
      <c r="B2318" s="53">
        <v>387631019.93999898</v>
      </c>
      <c r="C2318" s="53">
        <v>388783449.58999902</v>
      </c>
      <c r="D2318" s="53">
        <v>347994708.44999999</v>
      </c>
      <c r="E2318" s="53">
        <v>335117913.919999</v>
      </c>
      <c r="F2318" s="53">
        <v>337252940.40999901</v>
      </c>
      <c r="G2318" s="53">
        <v>384684906.76999998</v>
      </c>
      <c r="H2318" s="53">
        <v>375478514.68000001</v>
      </c>
      <c r="I2318" s="53">
        <v>360726628.65999901</v>
      </c>
      <c r="J2318" s="53">
        <v>334335424.76999998</v>
      </c>
      <c r="K2318" s="53">
        <v>329314499.99000001</v>
      </c>
      <c r="L2318" s="53">
        <v>321709697.36999899</v>
      </c>
      <c r="M2318" s="53">
        <v>353302611.92999899</v>
      </c>
      <c r="N2318" s="53">
        <v>353302611.92999899</v>
      </c>
      <c r="O2318" s="53">
        <v>354934273.90999901</v>
      </c>
      <c r="P2318" s="53">
        <v>357286344.049999</v>
      </c>
      <c r="Q2318" s="53">
        <v>325663067.55279899</v>
      </c>
      <c r="R2318" s="53">
        <v>327993486.89279997</v>
      </c>
      <c r="S2318" s="53">
        <v>330314080.88279998</v>
      </c>
      <c r="T2318" s="53">
        <v>332873177.19279999</v>
      </c>
      <c r="U2318" s="53">
        <v>335126191.53279901</v>
      </c>
      <c r="V2318" s="53">
        <v>337389613.1728</v>
      </c>
      <c r="W2318" s="53">
        <v>339606585.03279901</v>
      </c>
      <c r="X2318" s="53">
        <v>341873437.35280001</v>
      </c>
      <c r="Y2318" s="53">
        <v>344077668.46279901</v>
      </c>
      <c r="Z2318" s="53">
        <v>346455686.792799</v>
      </c>
      <c r="AA2318" s="53">
        <v>346455686.792799</v>
      </c>
      <c r="AB2318" s="53">
        <v>347697572.852799</v>
      </c>
      <c r="AC2318" s="53">
        <v>350041526.20279902</v>
      </c>
      <c r="AD2318" s="53">
        <v>324670209.11279899</v>
      </c>
      <c r="AE2318" s="53">
        <v>327068218.27279902</v>
      </c>
      <c r="AF2318" s="53">
        <v>329625409.40279901</v>
      </c>
      <c r="AG2318" s="53">
        <v>332125576.21279901</v>
      </c>
      <c r="AH2318" s="53">
        <v>334482150.53279901</v>
      </c>
      <c r="AI2318" s="53">
        <v>336858312.27279902</v>
      </c>
      <c r="AJ2318" s="53">
        <v>339201689.32279998</v>
      </c>
      <c r="AK2318" s="53">
        <v>341588684.37279898</v>
      </c>
      <c r="AL2318" s="53">
        <v>344081759.30279899</v>
      </c>
      <c r="AM2318" s="53">
        <v>346421287.57279903</v>
      </c>
      <c r="AN2318" s="53">
        <v>346421287.57279903</v>
      </c>
      <c r="AO2318" s="53">
        <v>348814817.412799</v>
      </c>
      <c r="AP2318" s="53">
        <v>351208347.25279897</v>
      </c>
      <c r="AQ2318" s="53">
        <v>324879519.01279998</v>
      </c>
      <c r="AR2318" s="53">
        <v>327273048.852799</v>
      </c>
      <c r="AS2318" s="53">
        <v>329666578.69279999</v>
      </c>
      <c r="AT2318" s="53">
        <v>332060108.53279901</v>
      </c>
      <c r="AU2318" s="53">
        <v>334453638.37279999</v>
      </c>
      <c r="AV2318" s="53">
        <v>336847168.21279901</v>
      </c>
      <c r="AW2318" s="53">
        <v>339240698.05279899</v>
      </c>
      <c r="AX2318" s="53">
        <v>341634227.89279902</v>
      </c>
      <c r="AY2318" s="53">
        <v>344027757.73279899</v>
      </c>
      <c r="AZ2318" s="53">
        <v>346421287.57279903</v>
      </c>
      <c r="BA2318" s="53">
        <v>346421287.57279903</v>
      </c>
      <c r="BB2318" s="53">
        <v>348814817.412799</v>
      </c>
      <c r="BC2318" s="53">
        <v>351208347.25279897</v>
      </c>
      <c r="BD2318" s="53">
        <v>324879519.01279998</v>
      </c>
      <c r="BE2318" s="53">
        <v>327273048.852799</v>
      </c>
      <c r="BF2318" s="53">
        <v>329666578.69279897</v>
      </c>
      <c r="BG2318" s="53">
        <v>332060108.53279901</v>
      </c>
      <c r="BH2318" s="53">
        <v>334453638.37279898</v>
      </c>
      <c r="BI2318" s="53">
        <v>336847168.21279901</v>
      </c>
      <c r="BJ2318" s="53">
        <v>339240698.05279899</v>
      </c>
      <c r="BK2318" s="53">
        <v>341634227.89279902</v>
      </c>
      <c r="BL2318" s="53">
        <v>344027757.73279899</v>
      </c>
      <c r="BM2318" s="53">
        <v>346421287.57279903</v>
      </c>
      <c r="BN2318" s="53">
        <v>346421287.57279903</v>
      </c>
      <c r="BO2318" s="53">
        <v>348814817.412799</v>
      </c>
      <c r="BP2318" s="53">
        <v>351208347.25279897</v>
      </c>
      <c r="BQ2318" s="53">
        <v>324879519.01279902</v>
      </c>
      <c r="BR2318" s="53">
        <v>327273048.852799</v>
      </c>
      <c r="BS2318" s="53">
        <v>329666578.69279897</v>
      </c>
      <c r="BT2318" s="53">
        <v>332060108.53279901</v>
      </c>
      <c r="BU2318" s="53">
        <v>334453638.37279898</v>
      </c>
      <c r="BV2318" s="53">
        <v>336847168.21279901</v>
      </c>
      <c r="BW2318" s="53">
        <v>339240698.05279899</v>
      </c>
      <c r="BX2318" s="53">
        <v>341634227.89279902</v>
      </c>
      <c r="BY2318" s="53">
        <v>344027757.73279899</v>
      </c>
      <c r="BZ2318" s="53">
        <v>346421287.57279903</v>
      </c>
      <c r="CA2318" s="53">
        <v>346421287.57279903</v>
      </c>
      <c r="CB2318" s="53">
        <v>52157.242105263002</v>
      </c>
      <c r="CC2318" s="53">
        <v>52157.242105263002</v>
      </c>
      <c r="CD2318" s="53">
        <v>52157.242105263103</v>
      </c>
      <c r="CE2318" s="53">
        <v>52157.242105263002</v>
      </c>
      <c r="CF2318" s="53">
        <v>52157.242105263002</v>
      </c>
      <c r="CG2318" s="53">
        <v>52157.242105263002</v>
      </c>
      <c r="CH2318" s="53">
        <v>52157.242105263103</v>
      </c>
      <c r="CI2318" s="53">
        <v>52157.242105263002</v>
      </c>
      <c r="CJ2318" s="53">
        <v>52157.242105263002</v>
      </c>
      <c r="CK2318" s="53">
        <v>52157.242105263002</v>
      </c>
      <c r="CL2318" s="53">
        <v>52157.242105263002</v>
      </c>
      <c r="CM2318" s="53">
        <v>52157.242105263002</v>
      </c>
      <c r="CN2318" s="53">
        <v>625886.90526315698</v>
      </c>
    </row>
    <row r="2319" spans="1:92" outlineLevel="1">
      <c r="A2319" s="52" t="s">
        <v>1218</v>
      </c>
      <c r="B2319" s="53">
        <v>1669176276.1730001</v>
      </c>
      <c r="C2319" s="53">
        <v>1746573059.22</v>
      </c>
      <c r="D2319" s="53">
        <v>1806046044.6599901</v>
      </c>
      <c r="E2319" s="53">
        <v>1760201657.55</v>
      </c>
      <c r="F2319" s="53">
        <v>2034314508.48</v>
      </c>
      <c r="G2319" s="53">
        <v>2496476497.6900001</v>
      </c>
      <c r="H2319" s="53">
        <v>2553720672.6900001</v>
      </c>
      <c r="I2319" s="53">
        <v>2723671889.01999</v>
      </c>
      <c r="J2319" s="53">
        <v>2914604600.96</v>
      </c>
      <c r="K2319" s="53">
        <v>3142389611.4000001</v>
      </c>
      <c r="L2319" s="53">
        <v>2591310361.4499998</v>
      </c>
      <c r="M2319" s="53">
        <v>2349286856.23</v>
      </c>
      <c r="N2319" s="53">
        <v>1669176276.1730001</v>
      </c>
      <c r="O2319" s="53">
        <v>2669594272.8399901</v>
      </c>
      <c r="P2319" s="53">
        <v>2814093964.5229802</v>
      </c>
      <c r="Q2319" s="53">
        <v>2801794081.2615499</v>
      </c>
      <c r="R2319" s="53">
        <v>2925699133.8776898</v>
      </c>
      <c r="S2319" s="53">
        <v>3805625147.6563702</v>
      </c>
      <c r="T2319" s="53">
        <v>3904100776.2922401</v>
      </c>
      <c r="U2319" s="53">
        <v>3284840006.2287698</v>
      </c>
      <c r="V2319" s="53">
        <v>3227105615.7275901</v>
      </c>
      <c r="W2319" s="53">
        <v>3183636539.98597</v>
      </c>
      <c r="X2319" s="53">
        <v>3137614484.0679598</v>
      </c>
      <c r="Y2319" s="53">
        <v>3186304098.9705801</v>
      </c>
      <c r="Z2319" s="53">
        <v>3042731099.1486702</v>
      </c>
      <c r="AA2319" s="53">
        <v>2669594272.8399901</v>
      </c>
      <c r="AB2319" s="53">
        <v>3054092079.2940202</v>
      </c>
      <c r="AC2319" s="53">
        <v>3106935655.5360098</v>
      </c>
      <c r="AD2319" s="53">
        <v>3055539483.1396098</v>
      </c>
      <c r="AE2319" s="53">
        <v>3102051322.7385201</v>
      </c>
      <c r="AF2319" s="53">
        <v>3149311282.41748</v>
      </c>
      <c r="AG2319" s="53">
        <v>3237352783.3080902</v>
      </c>
      <c r="AH2319" s="53">
        <v>3269840299.4847102</v>
      </c>
      <c r="AI2319" s="53">
        <v>3243180542.1992998</v>
      </c>
      <c r="AJ2319" s="53">
        <v>2345305806.0235901</v>
      </c>
      <c r="AK2319" s="53">
        <v>2320866655.6656499</v>
      </c>
      <c r="AL2319" s="53">
        <v>2364696435.37779</v>
      </c>
      <c r="AM2319" s="53">
        <v>2200694815.8867202</v>
      </c>
      <c r="AN2319" s="53">
        <v>3054092079.2940202</v>
      </c>
      <c r="AO2319" s="53">
        <v>2078051780.6638801</v>
      </c>
      <c r="AP2319" s="53">
        <v>2154669585.0213699</v>
      </c>
      <c r="AQ2319" s="53">
        <v>2173766440.3745999</v>
      </c>
      <c r="AR2319" s="53">
        <v>2285478548.66609</v>
      </c>
      <c r="AS2319" s="53">
        <v>2385150846.3400402</v>
      </c>
      <c r="AT2319" s="53">
        <v>2519895400.8245001</v>
      </c>
      <c r="AU2319" s="53">
        <v>2137838027.2213299</v>
      </c>
      <c r="AV2319" s="53">
        <v>2171942412.2602201</v>
      </c>
      <c r="AW2319" s="53">
        <v>2261055750.1880498</v>
      </c>
      <c r="AX2319" s="53">
        <v>2275654928.5633998</v>
      </c>
      <c r="AY2319" s="53">
        <v>2303673721.0494299</v>
      </c>
      <c r="AZ2319" s="53">
        <v>2107472852.8687899</v>
      </c>
      <c r="BA2319" s="53">
        <v>2078051780.6638801</v>
      </c>
      <c r="BB2319" s="53">
        <v>2171624574.3956299</v>
      </c>
      <c r="BC2319" s="53">
        <v>2932273468.8219399</v>
      </c>
      <c r="BD2319" s="53">
        <v>2932875387.15974</v>
      </c>
      <c r="BE2319" s="53">
        <v>3027297596.3256898</v>
      </c>
      <c r="BF2319" s="53">
        <v>3049595816.40311</v>
      </c>
      <c r="BG2319" s="53">
        <v>3161313103.9162302</v>
      </c>
      <c r="BH2319" s="53">
        <v>2796229150.0318098</v>
      </c>
      <c r="BI2319" s="53">
        <v>2830989729.7911701</v>
      </c>
      <c r="BJ2319" s="53">
        <v>2920573447.41324</v>
      </c>
      <c r="BK2319" s="53">
        <v>2939020760.1451001</v>
      </c>
      <c r="BL2319" s="53">
        <v>2966434315.0812302</v>
      </c>
      <c r="BM2319" s="53">
        <v>2745223763.83147</v>
      </c>
      <c r="BN2319" s="53">
        <v>2171624574.3956299</v>
      </c>
      <c r="BO2319" s="53">
        <v>2863969290.5769901</v>
      </c>
      <c r="BP2319" s="53">
        <v>2966177500.7830701</v>
      </c>
      <c r="BQ2319" s="53">
        <v>3112063634.5598102</v>
      </c>
      <c r="BR2319" s="53">
        <v>3211452056.0198102</v>
      </c>
      <c r="BS2319" s="53">
        <v>3230135866.89504</v>
      </c>
      <c r="BT2319" s="53">
        <v>3337018498.9691</v>
      </c>
      <c r="BU2319" s="53">
        <v>2291659461.9393401</v>
      </c>
      <c r="BV2319" s="53">
        <v>2936574221.6989498</v>
      </c>
      <c r="BW2319" s="53">
        <v>3026085124.4099102</v>
      </c>
      <c r="BX2319" s="53">
        <v>3048318146.3940802</v>
      </c>
      <c r="BY2319" s="53">
        <v>3075543846.4678998</v>
      </c>
      <c r="BZ2319" s="53">
        <v>2839460879.7234702</v>
      </c>
      <c r="CA2319" s="53">
        <v>2863969290.5769901</v>
      </c>
      <c r="CB2319" s="53"/>
      <c r="CC2319" s="53"/>
      <c r="CD2319" s="53"/>
      <c r="CE2319" s="53"/>
      <c r="CF2319" s="53"/>
      <c r="CG2319" s="53"/>
      <c r="CH2319" s="53"/>
      <c r="CI2319" s="53"/>
      <c r="CJ2319" s="53"/>
      <c r="CK2319" s="53"/>
      <c r="CL2319" s="53"/>
      <c r="CM2319" s="53"/>
      <c r="CN2319" s="53"/>
    </row>
    <row r="2320" spans="1:92" outlineLevel="1">
      <c r="A2320" s="52" t="s">
        <v>699</v>
      </c>
      <c r="B2320" s="53"/>
      <c r="C2320" s="53"/>
      <c r="D2320" s="53"/>
      <c r="E2320" s="53"/>
      <c r="F2320" s="53"/>
      <c r="G2320" s="53"/>
      <c r="H2320" s="53"/>
      <c r="I2320" s="53"/>
      <c r="J2320" s="53"/>
      <c r="K2320" s="53"/>
      <c r="L2320" s="53"/>
      <c r="M2320" s="53"/>
      <c r="N2320" s="53"/>
      <c r="O2320" s="53"/>
      <c r="P2320" s="53"/>
      <c r="Q2320" s="53"/>
      <c r="R2320" s="53"/>
      <c r="S2320" s="53"/>
      <c r="T2320" s="53"/>
      <c r="U2320" s="53"/>
      <c r="V2320" s="53"/>
      <c r="W2320" s="53"/>
      <c r="X2320" s="53"/>
      <c r="Y2320" s="53"/>
      <c r="Z2320" s="53"/>
      <c r="AA2320" s="53"/>
      <c r="AB2320" s="53"/>
      <c r="AC2320" s="53"/>
      <c r="AD2320" s="53"/>
      <c r="AE2320" s="53"/>
      <c r="AF2320" s="53"/>
      <c r="AG2320" s="53"/>
      <c r="AH2320" s="53"/>
      <c r="AI2320" s="53"/>
      <c r="AJ2320" s="53"/>
      <c r="AK2320" s="53"/>
      <c r="AL2320" s="53"/>
      <c r="AM2320" s="53"/>
      <c r="AN2320" s="53"/>
      <c r="AO2320" s="53"/>
      <c r="AP2320" s="53"/>
      <c r="AQ2320" s="53"/>
      <c r="AR2320" s="53"/>
      <c r="AS2320" s="53"/>
      <c r="AT2320" s="53"/>
      <c r="AU2320" s="53"/>
      <c r="AV2320" s="53"/>
      <c r="AW2320" s="53"/>
      <c r="AX2320" s="53"/>
      <c r="AY2320" s="53"/>
      <c r="AZ2320" s="53"/>
      <c r="BA2320" s="53"/>
      <c r="BB2320" s="53"/>
      <c r="BC2320" s="53"/>
      <c r="BD2320" s="53"/>
      <c r="BE2320" s="53"/>
      <c r="BF2320" s="53"/>
      <c r="BG2320" s="53"/>
      <c r="BH2320" s="53"/>
      <c r="BI2320" s="53"/>
      <c r="BJ2320" s="53"/>
      <c r="BK2320" s="53"/>
      <c r="BL2320" s="53"/>
      <c r="BM2320" s="53"/>
      <c r="BN2320" s="53"/>
      <c r="BO2320" s="53"/>
      <c r="BP2320" s="53"/>
      <c r="BQ2320" s="53"/>
      <c r="BR2320" s="53"/>
      <c r="BS2320" s="53"/>
      <c r="BT2320" s="53"/>
      <c r="BU2320" s="53"/>
      <c r="BV2320" s="53"/>
      <c r="BW2320" s="53"/>
      <c r="BX2320" s="53"/>
      <c r="BY2320" s="53"/>
      <c r="BZ2320" s="53"/>
      <c r="CA2320" s="53"/>
      <c r="CB2320" s="53">
        <v>38996.049261083703</v>
      </c>
      <c r="CC2320" s="53">
        <v>38996.049261083703</v>
      </c>
      <c r="CD2320" s="53">
        <v>38996.049261083703</v>
      </c>
      <c r="CE2320" s="53">
        <v>38996.049261083703</v>
      </c>
      <c r="CF2320" s="53">
        <v>38996.049261083703</v>
      </c>
      <c r="CG2320" s="53">
        <v>38996.049261083703</v>
      </c>
      <c r="CH2320" s="53">
        <v>38996.049261083703</v>
      </c>
      <c r="CI2320" s="53">
        <v>38996.049261083703</v>
      </c>
      <c r="CJ2320" s="53">
        <v>38996.049261083703</v>
      </c>
      <c r="CK2320" s="53">
        <v>38996.049261083703</v>
      </c>
      <c r="CL2320" s="53">
        <v>38996.049261083703</v>
      </c>
      <c r="CM2320" s="53">
        <v>38996.049261083703</v>
      </c>
      <c r="CN2320" s="53">
        <v>467952.591133004</v>
      </c>
    </row>
    <row r="2321" spans="1:92" outlineLevel="1">
      <c r="A2321" s="52" t="s">
        <v>673</v>
      </c>
      <c r="B2321" s="53"/>
      <c r="C2321" s="53"/>
      <c r="D2321" s="53"/>
      <c r="E2321" s="53"/>
      <c r="F2321" s="53"/>
      <c r="G2321" s="53"/>
      <c r="H2321" s="53"/>
      <c r="I2321" s="53"/>
      <c r="J2321" s="53"/>
      <c r="K2321" s="53"/>
      <c r="L2321" s="53"/>
      <c r="M2321" s="53"/>
      <c r="N2321" s="53"/>
      <c r="O2321" s="53"/>
      <c r="P2321" s="53"/>
      <c r="Q2321" s="53"/>
      <c r="R2321" s="53"/>
      <c r="S2321" s="53"/>
      <c r="T2321" s="53"/>
      <c r="U2321" s="53"/>
      <c r="V2321" s="53"/>
      <c r="W2321" s="53"/>
      <c r="X2321" s="53"/>
      <c r="Y2321" s="53"/>
      <c r="Z2321" s="53"/>
      <c r="AA2321" s="53"/>
      <c r="AB2321" s="53"/>
      <c r="AC2321" s="53"/>
      <c r="AD2321" s="53"/>
      <c r="AE2321" s="53"/>
      <c r="AF2321" s="53"/>
      <c r="AG2321" s="53"/>
      <c r="AH2321" s="53"/>
      <c r="AI2321" s="53"/>
      <c r="AJ2321" s="53"/>
      <c r="AK2321" s="53"/>
      <c r="AL2321" s="53"/>
      <c r="AM2321" s="53"/>
      <c r="AN2321" s="53"/>
      <c r="AO2321" s="53"/>
      <c r="AP2321" s="53"/>
      <c r="AQ2321" s="53"/>
      <c r="AR2321" s="53"/>
      <c r="AS2321" s="53"/>
      <c r="AT2321" s="53"/>
      <c r="AU2321" s="53"/>
      <c r="AV2321" s="53"/>
      <c r="AW2321" s="53"/>
      <c r="AX2321" s="53"/>
      <c r="AY2321" s="53"/>
      <c r="AZ2321" s="53"/>
      <c r="BA2321" s="53"/>
      <c r="BB2321" s="53"/>
      <c r="BC2321" s="53"/>
      <c r="BD2321" s="53"/>
      <c r="BE2321" s="53"/>
      <c r="BF2321" s="53"/>
      <c r="BG2321" s="53"/>
      <c r="BH2321" s="53"/>
      <c r="BI2321" s="53"/>
      <c r="BJ2321" s="53"/>
      <c r="BK2321" s="53"/>
      <c r="BL2321" s="53"/>
      <c r="BM2321" s="53"/>
      <c r="BN2321" s="53"/>
      <c r="BO2321" s="53"/>
      <c r="BP2321" s="53"/>
      <c r="BQ2321" s="53"/>
      <c r="BR2321" s="53"/>
      <c r="BS2321" s="53"/>
      <c r="BT2321" s="53"/>
      <c r="BU2321" s="53"/>
      <c r="BV2321" s="53"/>
      <c r="BW2321" s="53"/>
      <c r="BX2321" s="53"/>
      <c r="BY2321" s="53"/>
      <c r="BZ2321" s="53"/>
      <c r="CA2321" s="53"/>
      <c r="CB2321" s="53">
        <v>48595.514644351497</v>
      </c>
      <c r="CC2321" s="53">
        <v>48595.514644351497</v>
      </c>
      <c r="CD2321" s="53">
        <v>48595.514644351497</v>
      </c>
      <c r="CE2321" s="53">
        <v>48595.514644351497</v>
      </c>
      <c r="CF2321" s="53">
        <v>48595.514644351497</v>
      </c>
      <c r="CG2321" s="53">
        <v>48595.514644351497</v>
      </c>
      <c r="CH2321" s="53">
        <v>48595.514644351497</v>
      </c>
      <c r="CI2321" s="53">
        <v>48595.514644351497</v>
      </c>
      <c r="CJ2321" s="53">
        <v>48595.514644351497</v>
      </c>
      <c r="CK2321" s="53">
        <v>48595.514644351497</v>
      </c>
      <c r="CL2321" s="53">
        <v>48595.514644351497</v>
      </c>
      <c r="CM2321" s="53">
        <v>48595.514644351497</v>
      </c>
      <c r="CN2321" s="53">
        <v>583146.17573221796</v>
      </c>
    </row>
    <row r="2322" spans="1:92" outlineLevel="1">
      <c r="A2322" s="52" t="s">
        <v>1520</v>
      </c>
      <c r="B2322" s="53"/>
      <c r="C2322" s="53"/>
      <c r="D2322" s="53"/>
      <c r="E2322" s="53"/>
      <c r="F2322" s="53"/>
      <c r="G2322" s="53"/>
      <c r="H2322" s="53"/>
      <c r="I2322" s="53"/>
      <c r="J2322" s="53"/>
      <c r="K2322" s="53"/>
      <c r="L2322" s="53"/>
      <c r="M2322" s="53"/>
      <c r="N2322" s="53"/>
      <c r="O2322" s="53"/>
      <c r="P2322" s="53"/>
      <c r="Q2322" s="53"/>
      <c r="R2322" s="53"/>
      <c r="S2322" s="53"/>
      <c r="T2322" s="53"/>
      <c r="U2322" s="53"/>
      <c r="V2322" s="53"/>
      <c r="W2322" s="53"/>
      <c r="X2322" s="53"/>
      <c r="Y2322" s="53"/>
      <c r="Z2322" s="53"/>
      <c r="AA2322" s="53"/>
      <c r="AB2322" s="53"/>
      <c r="AC2322" s="53"/>
      <c r="AD2322" s="53"/>
      <c r="AE2322" s="53"/>
      <c r="AF2322" s="53"/>
      <c r="AG2322" s="53"/>
      <c r="AH2322" s="53"/>
      <c r="AI2322" s="53"/>
      <c r="AJ2322" s="53"/>
      <c r="AK2322" s="53"/>
      <c r="AL2322" s="53"/>
      <c r="AM2322" s="53"/>
      <c r="AN2322" s="53"/>
      <c r="AO2322" s="53"/>
      <c r="AP2322" s="53"/>
      <c r="AQ2322" s="53"/>
      <c r="AR2322" s="53"/>
      <c r="AS2322" s="53"/>
      <c r="AT2322" s="53"/>
      <c r="AU2322" s="53"/>
      <c r="AV2322" s="53"/>
      <c r="AW2322" s="53"/>
      <c r="AX2322" s="53"/>
      <c r="AY2322" s="53"/>
      <c r="AZ2322" s="53"/>
      <c r="BA2322" s="53"/>
      <c r="BB2322" s="53"/>
      <c r="BC2322" s="53"/>
      <c r="BD2322" s="53"/>
      <c r="BE2322" s="53"/>
      <c r="BF2322" s="53"/>
      <c r="BG2322" s="53"/>
      <c r="BH2322" s="53"/>
      <c r="BI2322" s="53"/>
      <c r="BJ2322" s="53"/>
      <c r="BK2322" s="53"/>
      <c r="BL2322" s="53"/>
      <c r="BM2322" s="53"/>
      <c r="BN2322" s="53"/>
      <c r="BO2322" s="53"/>
      <c r="BP2322" s="53"/>
      <c r="BQ2322" s="53"/>
      <c r="BR2322" s="53"/>
      <c r="BS2322" s="53"/>
      <c r="BT2322" s="53"/>
      <c r="BU2322" s="53"/>
      <c r="BV2322" s="53"/>
      <c r="BW2322" s="53"/>
      <c r="BX2322" s="53"/>
      <c r="BY2322" s="53"/>
      <c r="BZ2322" s="53"/>
      <c r="CA2322" s="53"/>
      <c r="CB2322" s="53">
        <v>16652.086230876201</v>
      </c>
      <c r="CC2322" s="53">
        <v>16652.086230876201</v>
      </c>
      <c r="CD2322" s="53">
        <v>16652.086230876201</v>
      </c>
      <c r="CE2322" s="53">
        <v>16652.086230876201</v>
      </c>
      <c r="CF2322" s="53">
        <v>16652.086230876201</v>
      </c>
      <c r="CG2322" s="53">
        <v>16652.086230876201</v>
      </c>
      <c r="CH2322" s="53">
        <v>16652.086230876201</v>
      </c>
      <c r="CI2322" s="53">
        <v>16652.086230876201</v>
      </c>
      <c r="CJ2322" s="53">
        <v>16652.086230876201</v>
      </c>
      <c r="CK2322" s="53">
        <v>16652.086230876201</v>
      </c>
      <c r="CL2322" s="53">
        <v>16652.086230876201</v>
      </c>
      <c r="CM2322" s="53">
        <v>16652.086230876201</v>
      </c>
      <c r="CN2322" s="53">
        <v>199825.034770514</v>
      </c>
    </row>
    <row r="2323" spans="1:92" outlineLevel="1">
      <c r="A2323" s="52" t="s">
        <v>1249</v>
      </c>
      <c r="B2323" s="53">
        <v>-49532600</v>
      </c>
      <c r="C2323" s="53">
        <v>-13701929.999999899</v>
      </c>
      <c r="D2323" s="53">
        <v>-21369310</v>
      </c>
      <c r="E2323" s="53">
        <v>-52134260</v>
      </c>
      <c r="F2323" s="53">
        <v>-45052590</v>
      </c>
      <c r="G2323" s="53">
        <v>-44743879.999999903</v>
      </c>
      <c r="H2323" s="53">
        <v>-19071120</v>
      </c>
      <c r="I2323" s="53">
        <v>-20102889.999999899</v>
      </c>
      <c r="J2323" s="53">
        <v>-28170880</v>
      </c>
      <c r="K2323" s="53">
        <v>-18342059.999999899</v>
      </c>
      <c r="L2323" s="53">
        <v>-11259660</v>
      </c>
      <c r="M2323" s="53">
        <v>-112475200</v>
      </c>
      <c r="N2323" s="53">
        <v>-435956380</v>
      </c>
      <c r="O2323" s="53">
        <v>-8142821.3115744004</v>
      </c>
      <c r="P2323" s="53">
        <v>-10542594.613081099</v>
      </c>
      <c r="Q2323" s="53">
        <v>-12382804.366219301</v>
      </c>
      <c r="R2323" s="53">
        <v>-11098361.701905901</v>
      </c>
      <c r="S2323" s="53">
        <v>-11762132.9542941</v>
      </c>
      <c r="T2323" s="53">
        <v>-11477400.705452699</v>
      </c>
      <c r="U2323" s="53">
        <v>-9635670.8464655001</v>
      </c>
      <c r="V2323" s="53">
        <v>-9029064.0355952401</v>
      </c>
      <c r="W2323" s="53">
        <v>-11223658.545841301</v>
      </c>
      <c r="X2323" s="53">
        <v>-13263897.4348695</v>
      </c>
      <c r="Y2323" s="53">
        <v>-12352307.531198099</v>
      </c>
      <c r="Z2323" s="53">
        <v>-10205959.087228499</v>
      </c>
      <c r="AA2323" s="53">
        <v>-131116673.133726</v>
      </c>
      <c r="AB2323" s="53">
        <v>-9804773.6157705802</v>
      </c>
      <c r="AC2323" s="53">
        <v>-11457866.700318901</v>
      </c>
      <c r="AD2323" s="53">
        <v>-12269556.206738301</v>
      </c>
      <c r="AE2323" s="53">
        <v>-12060435.753611101</v>
      </c>
      <c r="AF2323" s="53">
        <v>-11069931.3451088</v>
      </c>
      <c r="AG2323" s="53">
        <v>-11001107.4155141</v>
      </c>
      <c r="AH2323" s="53">
        <v>-11220203.889342999</v>
      </c>
      <c r="AI2323" s="53">
        <v>-11976627.673650401</v>
      </c>
      <c r="AJ2323" s="53">
        <v>-10418595.9307463</v>
      </c>
      <c r="AK2323" s="53">
        <v>-10217570.536063701</v>
      </c>
      <c r="AL2323" s="53">
        <v>-10304266.1630976</v>
      </c>
      <c r="AM2323" s="53">
        <v>-10060591.749775</v>
      </c>
      <c r="AN2323" s="53">
        <v>-131861526.979738</v>
      </c>
      <c r="AO2323" s="53">
        <v>-10271988.5360114</v>
      </c>
      <c r="AP2323" s="53">
        <v>-11260268.9555362</v>
      </c>
      <c r="AQ2323" s="53">
        <v>-11471264.2898903</v>
      </c>
      <c r="AR2323" s="53">
        <v>-11315478.882906999</v>
      </c>
      <c r="AS2323" s="53">
        <v>-10252062.4524568</v>
      </c>
      <c r="AT2323" s="53">
        <v>-10153830.120303901</v>
      </c>
      <c r="AU2323" s="53">
        <v>-10432124.804749301</v>
      </c>
      <c r="AV2323" s="53">
        <v>-11287751.379008001</v>
      </c>
      <c r="AW2323" s="53">
        <v>-9949482.9827644303</v>
      </c>
      <c r="AX2323" s="53">
        <v>-9790420.6641364004</v>
      </c>
      <c r="AY2323" s="53">
        <v>-10141600.451407099</v>
      </c>
      <c r="AZ2323" s="53">
        <v>-9355186.5776413698</v>
      </c>
      <c r="BA2323" s="53">
        <v>-125681460.09681199</v>
      </c>
      <c r="BB2323" s="53">
        <v>-9717895.3637301996</v>
      </c>
      <c r="BC2323" s="53">
        <v>-10706400.1599728</v>
      </c>
      <c r="BD2323" s="53">
        <v>-10917200.7646276</v>
      </c>
      <c r="BE2323" s="53">
        <v>-10761343.194166301</v>
      </c>
      <c r="BF2323" s="53">
        <v>-9697937.8399923593</v>
      </c>
      <c r="BG2323" s="53">
        <v>-9599833.4168414008</v>
      </c>
      <c r="BH2323" s="53">
        <v>-9878150.8865057696</v>
      </c>
      <c r="BI2323" s="53">
        <v>-10733979.9137883</v>
      </c>
      <c r="BJ2323" s="53">
        <v>-9395379.2524781693</v>
      </c>
      <c r="BK2323" s="53">
        <v>-9236278.0370073505</v>
      </c>
      <c r="BL2323" s="53">
        <v>-9587493.2421651501</v>
      </c>
      <c r="BM2323" s="53">
        <v>-8801018.5987963006</v>
      </c>
      <c r="BN2323" s="53">
        <v>-119032910.67007101</v>
      </c>
      <c r="BO2323" s="53">
        <v>-9971080.1865897309</v>
      </c>
      <c r="BP2323" s="53">
        <v>-10966796.9221568</v>
      </c>
      <c r="BQ2323" s="53">
        <v>-11171338.5049794</v>
      </c>
      <c r="BR2323" s="53">
        <v>-11013161.4486541</v>
      </c>
      <c r="BS2323" s="53">
        <v>-9950112.1092787795</v>
      </c>
      <c r="BT2323" s="53">
        <v>-9856118.9503013194</v>
      </c>
      <c r="BU2323" s="53">
        <v>-10135168.7847954</v>
      </c>
      <c r="BV2323" s="53">
        <v>-10997505.077798501</v>
      </c>
      <c r="BW2323" s="53">
        <v>-9648224.7188650705</v>
      </c>
      <c r="BX2323" s="53">
        <v>-9487873.2771101091</v>
      </c>
      <c r="BY2323" s="53">
        <v>-9840226.8876015507</v>
      </c>
      <c r="BZ2323" s="53">
        <v>-9051798.4097553305</v>
      </c>
      <c r="CA2323" s="53">
        <v>-122089405.277886</v>
      </c>
      <c r="CB2323" s="53"/>
      <c r="CC2323" s="53"/>
      <c r="CD2323" s="53"/>
      <c r="CE2323" s="53"/>
      <c r="CF2323" s="53"/>
      <c r="CG2323" s="53"/>
      <c r="CH2323" s="53"/>
      <c r="CI2323" s="53"/>
      <c r="CJ2323" s="53"/>
      <c r="CK2323" s="53"/>
      <c r="CL2323" s="53"/>
      <c r="CM2323" s="53"/>
      <c r="CN2323" s="53"/>
    </row>
    <row r="2324" spans="1:92" outlineLevel="1">
      <c r="A2324" s="52" t="s">
        <v>755</v>
      </c>
      <c r="B2324" s="53"/>
      <c r="C2324" s="53"/>
      <c r="D2324" s="53"/>
      <c r="E2324" s="53"/>
      <c r="F2324" s="53"/>
      <c r="G2324" s="53"/>
      <c r="H2324" s="53"/>
      <c r="I2324" s="53"/>
      <c r="J2324" s="53"/>
      <c r="K2324" s="53"/>
      <c r="L2324" s="53"/>
      <c r="M2324" s="53"/>
      <c r="N2324" s="53"/>
      <c r="O2324" s="53"/>
      <c r="P2324" s="53"/>
      <c r="Q2324" s="53"/>
      <c r="R2324" s="53"/>
      <c r="S2324" s="53"/>
      <c r="T2324" s="53"/>
      <c r="U2324" s="53"/>
      <c r="V2324" s="53"/>
      <c r="W2324" s="53"/>
      <c r="X2324" s="53"/>
      <c r="Y2324" s="53"/>
      <c r="Z2324" s="53"/>
      <c r="AA2324" s="53"/>
      <c r="AB2324" s="53"/>
      <c r="AC2324" s="53"/>
      <c r="AD2324" s="53"/>
      <c r="AE2324" s="53"/>
      <c r="AF2324" s="53"/>
      <c r="AG2324" s="53"/>
      <c r="AH2324" s="53"/>
      <c r="AI2324" s="53"/>
      <c r="AJ2324" s="53"/>
      <c r="AK2324" s="53"/>
      <c r="AL2324" s="53"/>
      <c r="AM2324" s="53"/>
      <c r="AN2324" s="53"/>
      <c r="AO2324" s="53"/>
      <c r="AP2324" s="53"/>
      <c r="AQ2324" s="53"/>
      <c r="AR2324" s="53"/>
      <c r="AS2324" s="53"/>
      <c r="AT2324" s="53"/>
      <c r="AU2324" s="53"/>
      <c r="AV2324" s="53"/>
      <c r="AW2324" s="53"/>
      <c r="AX2324" s="53"/>
      <c r="AY2324" s="53"/>
      <c r="AZ2324" s="53"/>
      <c r="BA2324" s="53"/>
      <c r="BB2324" s="53"/>
      <c r="BC2324" s="53"/>
      <c r="BD2324" s="53"/>
      <c r="BE2324" s="53"/>
      <c r="BF2324" s="53"/>
      <c r="BG2324" s="53"/>
      <c r="BH2324" s="53"/>
      <c r="BI2324" s="53"/>
      <c r="BJ2324" s="53"/>
      <c r="BK2324" s="53"/>
      <c r="BL2324" s="53"/>
      <c r="BM2324" s="53"/>
      <c r="BN2324" s="53"/>
      <c r="BO2324" s="53"/>
      <c r="BP2324" s="53"/>
      <c r="BQ2324" s="53"/>
      <c r="BR2324" s="53"/>
      <c r="BS2324" s="53"/>
      <c r="BT2324" s="53"/>
      <c r="BU2324" s="53"/>
      <c r="BV2324" s="53"/>
      <c r="BW2324" s="53"/>
      <c r="BX2324" s="53"/>
      <c r="BY2324" s="53"/>
      <c r="BZ2324" s="53"/>
      <c r="CA2324" s="53"/>
      <c r="CB2324" s="53">
        <v>1213.9315068493099</v>
      </c>
      <c r="CC2324" s="53">
        <v>1213.9315068493099</v>
      </c>
      <c r="CD2324" s="53">
        <v>1213.9315068493099</v>
      </c>
      <c r="CE2324" s="53">
        <v>1213.9315068493099</v>
      </c>
      <c r="CF2324" s="53">
        <v>1213.9315068493099</v>
      </c>
      <c r="CG2324" s="53">
        <v>1213.9315068493099</v>
      </c>
      <c r="CH2324" s="53">
        <v>1213.9315068493099</v>
      </c>
      <c r="CI2324" s="53">
        <v>1213.9315068493099</v>
      </c>
      <c r="CJ2324" s="53">
        <v>1213.9315068493099</v>
      </c>
      <c r="CK2324" s="53">
        <v>1213.9315068493099</v>
      </c>
      <c r="CL2324" s="53">
        <v>1213.9315068493099</v>
      </c>
      <c r="CM2324" s="53">
        <v>1213.9315068493099</v>
      </c>
      <c r="CN2324" s="53">
        <v>14567.1780821917</v>
      </c>
    </row>
    <row r="2325" spans="1:92" outlineLevel="1">
      <c r="A2325" s="52" t="s">
        <v>1555</v>
      </c>
      <c r="B2325" s="53"/>
      <c r="C2325" s="53"/>
      <c r="D2325" s="53"/>
      <c r="E2325" s="53"/>
      <c r="F2325" s="53"/>
      <c r="G2325" s="53"/>
      <c r="H2325" s="53"/>
      <c r="I2325" s="53"/>
      <c r="J2325" s="53"/>
      <c r="K2325" s="53"/>
      <c r="L2325" s="53"/>
      <c r="M2325" s="53"/>
      <c r="N2325" s="53"/>
      <c r="O2325" s="53"/>
      <c r="P2325" s="53"/>
      <c r="Q2325" s="53"/>
      <c r="R2325" s="53"/>
      <c r="S2325" s="53"/>
      <c r="T2325" s="53"/>
      <c r="U2325" s="53"/>
      <c r="V2325" s="53"/>
      <c r="W2325" s="53"/>
      <c r="X2325" s="53"/>
      <c r="Y2325" s="53"/>
      <c r="Z2325" s="53"/>
      <c r="AA2325" s="53"/>
      <c r="AB2325" s="53"/>
      <c r="AC2325" s="53"/>
      <c r="AD2325" s="53"/>
      <c r="AE2325" s="53"/>
      <c r="AF2325" s="53"/>
      <c r="AG2325" s="53"/>
      <c r="AH2325" s="53"/>
      <c r="AI2325" s="53"/>
      <c r="AJ2325" s="53"/>
      <c r="AK2325" s="53"/>
      <c r="AL2325" s="53"/>
      <c r="AM2325" s="53"/>
      <c r="AN2325" s="53"/>
      <c r="AO2325" s="53"/>
      <c r="AP2325" s="53"/>
      <c r="AQ2325" s="53"/>
      <c r="AR2325" s="53"/>
      <c r="AS2325" s="53"/>
      <c r="AT2325" s="53"/>
      <c r="AU2325" s="53"/>
      <c r="AV2325" s="53"/>
      <c r="AW2325" s="53"/>
      <c r="AX2325" s="53"/>
      <c r="AY2325" s="53"/>
      <c r="AZ2325" s="53"/>
      <c r="BA2325" s="53"/>
      <c r="BB2325" s="53"/>
      <c r="BC2325" s="53"/>
      <c r="BD2325" s="53"/>
      <c r="BE2325" s="53"/>
      <c r="BF2325" s="53"/>
      <c r="BG2325" s="53"/>
      <c r="BH2325" s="53"/>
      <c r="BI2325" s="53"/>
      <c r="BJ2325" s="53"/>
      <c r="BK2325" s="53"/>
      <c r="BL2325" s="53"/>
      <c r="BM2325" s="53"/>
      <c r="BN2325" s="53"/>
      <c r="BO2325" s="53"/>
      <c r="BP2325" s="53"/>
      <c r="BQ2325" s="53"/>
      <c r="BR2325" s="53"/>
      <c r="BS2325" s="53"/>
      <c r="BT2325" s="53"/>
      <c r="BU2325" s="53"/>
      <c r="BV2325" s="53"/>
      <c r="BW2325" s="53"/>
      <c r="BX2325" s="53"/>
      <c r="BY2325" s="53"/>
      <c r="BZ2325" s="53"/>
      <c r="CA2325" s="53"/>
      <c r="CB2325" s="53">
        <v>1583.15671641791</v>
      </c>
      <c r="CC2325" s="53">
        <v>1583.15671641791</v>
      </c>
      <c r="CD2325" s="53">
        <v>1583.15671641791</v>
      </c>
      <c r="CE2325" s="53">
        <v>1583.15671641791</v>
      </c>
      <c r="CF2325" s="53">
        <v>1583.15671641791</v>
      </c>
      <c r="CG2325" s="53">
        <v>1583.15671641791</v>
      </c>
      <c r="CH2325" s="53">
        <v>1583.15671641791</v>
      </c>
      <c r="CI2325" s="53">
        <v>1583.15671641791</v>
      </c>
      <c r="CJ2325" s="53">
        <v>1583.15671641791</v>
      </c>
      <c r="CK2325" s="53">
        <v>1583.15671641791</v>
      </c>
      <c r="CL2325" s="53">
        <v>1583.15671641791</v>
      </c>
      <c r="CM2325" s="53">
        <v>1583.15671641791</v>
      </c>
      <c r="CN2325" s="53">
        <v>18997.880597014901</v>
      </c>
    </row>
    <row r="2326" spans="1:92">
      <c r="A2326" s="52" t="s">
        <v>757</v>
      </c>
      <c r="B2326" s="53"/>
      <c r="C2326" s="53"/>
      <c r="D2326" s="53"/>
      <c r="E2326" s="53"/>
      <c r="F2326" s="53"/>
      <c r="G2326" s="53"/>
      <c r="H2326" s="53"/>
      <c r="I2326" s="53"/>
      <c r="J2326" s="53"/>
      <c r="K2326" s="53"/>
      <c r="L2326" s="53">
        <v>-164266484</v>
      </c>
      <c r="M2326" s="53"/>
      <c r="N2326" s="53">
        <v>-164266484</v>
      </c>
      <c r="O2326" s="53"/>
      <c r="P2326" s="53"/>
      <c r="Q2326" s="53"/>
      <c r="R2326" s="53"/>
      <c r="S2326" s="53"/>
      <c r="T2326" s="53"/>
      <c r="U2326" s="53"/>
      <c r="V2326" s="53"/>
      <c r="W2326" s="53"/>
      <c r="X2326" s="53"/>
      <c r="Y2326" s="53">
        <v>-169521267.05250299</v>
      </c>
      <c r="Z2326" s="53"/>
      <c r="AA2326" s="53">
        <v>-169521267.05250299</v>
      </c>
      <c r="AB2326" s="53"/>
      <c r="AC2326" s="53"/>
      <c r="AD2326" s="53"/>
      <c r="AE2326" s="53"/>
      <c r="AF2326" s="53"/>
      <c r="AG2326" s="53"/>
      <c r="AH2326" s="53"/>
      <c r="AI2326" s="53"/>
      <c r="AJ2326" s="53"/>
      <c r="AK2326" s="53"/>
      <c r="AL2326" s="53">
        <v>-187117307.36951599</v>
      </c>
      <c r="AM2326" s="53"/>
      <c r="AN2326" s="53">
        <v>-187117307.36951599</v>
      </c>
      <c r="AO2326" s="53"/>
      <c r="AP2326" s="53"/>
      <c r="AQ2326" s="53"/>
      <c r="AR2326" s="53"/>
      <c r="AS2326" s="53"/>
      <c r="AT2326" s="53"/>
      <c r="AU2326" s="53"/>
      <c r="AV2326" s="53"/>
      <c r="AW2326" s="53"/>
      <c r="AX2326" s="53"/>
      <c r="AY2326" s="53">
        <v>-204565791.029935</v>
      </c>
      <c r="AZ2326" s="53"/>
      <c r="BA2326" s="53">
        <v>-204565791.029935</v>
      </c>
      <c r="BB2326" s="53"/>
      <c r="BC2326" s="53"/>
      <c r="BD2326" s="53"/>
      <c r="BE2326" s="53"/>
      <c r="BF2326" s="53"/>
      <c r="BG2326" s="53"/>
      <c r="BH2326" s="53"/>
      <c r="BI2326" s="53"/>
      <c r="BJ2326" s="53"/>
      <c r="BK2326" s="53"/>
      <c r="BL2326" s="53">
        <v>-228271414.617273</v>
      </c>
      <c r="BM2326" s="53"/>
      <c r="BN2326" s="53">
        <v>-228271414.617273</v>
      </c>
      <c r="BO2326" s="53"/>
      <c r="BP2326" s="53"/>
      <c r="BQ2326" s="53"/>
      <c r="BR2326" s="53"/>
      <c r="BS2326" s="53"/>
      <c r="BT2326" s="53"/>
      <c r="BU2326" s="53"/>
      <c r="BV2326" s="53"/>
      <c r="BW2326" s="53"/>
      <c r="BX2326" s="53"/>
      <c r="BY2326" s="53">
        <v>-244124137.39054999</v>
      </c>
      <c r="BZ2326" s="53"/>
      <c r="CA2326" s="53">
        <v>-244124137.39054999</v>
      </c>
      <c r="CB2326" s="53">
        <v>1833.3899204244001</v>
      </c>
      <c r="CC2326" s="53">
        <v>1833.3899204244001</v>
      </c>
      <c r="CD2326" s="53">
        <v>1833.3899204244001</v>
      </c>
      <c r="CE2326" s="53">
        <v>1833.3899204244001</v>
      </c>
      <c r="CF2326" s="53">
        <v>1833.3899204244001</v>
      </c>
      <c r="CG2326" s="53">
        <v>1833.3899204244001</v>
      </c>
      <c r="CH2326" s="53">
        <v>1833.3899204244001</v>
      </c>
      <c r="CI2326" s="53">
        <v>1833.3899204244001</v>
      </c>
      <c r="CJ2326" s="53">
        <v>1833.3899204244001</v>
      </c>
      <c r="CK2326" s="53">
        <v>1833.3899204244001</v>
      </c>
      <c r="CL2326" s="53">
        <v>1833.3899204244001</v>
      </c>
      <c r="CM2326" s="53">
        <v>1833.3899204244001</v>
      </c>
      <c r="CN2326" s="53">
        <v>22000.679045092798</v>
      </c>
    </row>
    <row r="2327" spans="1:92" outlineLevel="1">
      <c r="A2327" s="52" t="s">
        <v>769</v>
      </c>
      <c r="B2327" s="53"/>
      <c r="C2327" s="53"/>
      <c r="D2327" s="53"/>
      <c r="E2327" s="53"/>
      <c r="F2327" s="53"/>
      <c r="G2327" s="53"/>
      <c r="H2327" s="53"/>
      <c r="I2327" s="53"/>
      <c r="J2327" s="53"/>
      <c r="K2327" s="53"/>
      <c r="L2327" s="53"/>
      <c r="M2327" s="53"/>
      <c r="N2327" s="53"/>
      <c r="O2327" s="53"/>
      <c r="P2327" s="53"/>
      <c r="Q2327" s="53"/>
      <c r="R2327" s="53"/>
      <c r="S2327" s="53"/>
      <c r="T2327" s="53"/>
      <c r="U2327" s="53"/>
      <c r="V2327" s="53"/>
      <c r="W2327" s="53"/>
      <c r="X2327" s="53"/>
      <c r="Y2327" s="53"/>
      <c r="Z2327" s="53"/>
      <c r="AA2327" s="53"/>
      <c r="AB2327" s="53"/>
      <c r="AC2327" s="53"/>
      <c r="AD2327" s="53"/>
      <c r="AE2327" s="53"/>
      <c r="AF2327" s="53"/>
      <c r="AG2327" s="53"/>
      <c r="AH2327" s="53"/>
      <c r="AI2327" s="53"/>
      <c r="AJ2327" s="53"/>
      <c r="AK2327" s="53"/>
      <c r="AL2327" s="53"/>
      <c r="AM2327" s="53"/>
      <c r="AN2327" s="53"/>
      <c r="AO2327" s="53"/>
      <c r="AP2327" s="53"/>
      <c r="AQ2327" s="53"/>
      <c r="AR2327" s="53"/>
      <c r="AS2327" s="53"/>
      <c r="AT2327" s="53"/>
      <c r="AU2327" s="53"/>
      <c r="AV2327" s="53"/>
      <c r="AW2327" s="53"/>
      <c r="AX2327" s="53"/>
      <c r="AY2327" s="53"/>
      <c r="AZ2327" s="53"/>
      <c r="BA2327" s="53"/>
      <c r="BB2327" s="53"/>
      <c r="BC2327" s="53"/>
      <c r="BD2327" s="53"/>
      <c r="BE2327" s="53"/>
      <c r="BF2327" s="53"/>
      <c r="BG2327" s="53"/>
      <c r="BH2327" s="53"/>
      <c r="BI2327" s="53"/>
      <c r="BJ2327" s="53"/>
      <c r="BK2327" s="53"/>
      <c r="BL2327" s="53"/>
      <c r="BM2327" s="53"/>
      <c r="BN2327" s="53"/>
      <c r="BO2327" s="53"/>
      <c r="BP2327" s="53"/>
      <c r="BQ2327" s="53"/>
      <c r="BR2327" s="53"/>
      <c r="BS2327" s="53"/>
      <c r="BT2327" s="53"/>
      <c r="BU2327" s="53"/>
      <c r="BV2327" s="53"/>
      <c r="BW2327" s="53"/>
      <c r="BX2327" s="53"/>
      <c r="BY2327" s="53"/>
      <c r="BZ2327" s="53"/>
      <c r="CA2327" s="53"/>
      <c r="CB2327" s="53"/>
      <c r="CC2327" s="53"/>
      <c r="CD2327" s="53"/>
      <c r="CE2327" s="53"/>
      <c r="CF2327" s="53"/>
      <c r="CG2327" s="53"/>
      <c r="CH2327" s="53"/>
      <c r="CI2327" s="53"/>
      <c r="CJ2327" s="53"/>
      <c r="CK2327" s="53"/>
      <c r="CL2327" s="53"/>
      <c r="CM2327" s="53"/>
      <c r="CN2327" s="53"/>
    </row>
    <row r="2328" spans="1:92" outlineLevel="1">
      <c r="A2328" s="52" t="s">
        <v>770</v>
      </c>
      <c r="B2328" s="53"/>
      <c r="C2328" s="53"/>
      <c r="D2328" s="53"/>
      <c r="E2328" s="53"/>
      <c r="F2328" s="53"/>
      <c r="G2328" s="53"/>
      <c r="H2328" s="53"/>
      <c r="I2328" s="53"/>
      <c r="J2328" s="53"/>
      <c r="K2328" s="53"/>
      <c r="L2328" s="53"/>
      <c r="M2328" s="53"/>
      <c r="N2328" s="53"/>
      <c r="O2328" s="53"/>
      <c r="P2328" s="53"/>
      <c r="Q2328" s="53"/>
      <c r="R2328" s="53"/>
      <c r="S2328" s="53"/>
      <c r="T2328" s="53"/>
      <c r="U2328" s="53"/>
      <c r="V2328" s="53"/>
      <c r="W2328" s="53"/>
      <c r="X2328" s="53"/>
      <c r="Y2328" s="53"/>
      <c r="Z2328" s="53"/>
      <c r="AA2328" s="53"/>
      <c r="AB2328" s="53"/>
      <c r="AC2328" s="53"/>
      <c r="AD2328" s="53"/>
      <c r="AE2328" s="53"/>
      <c r="AF2328" s="53"/>
      <c r="AG2328" s="53"/>
      <c r="AH2328" s="53"/>
      <c r="AI2328" s="53"/>
      <c r="AJ2328" s="53"/>
      <c r="AK2328" s="53"/>
      <c r="AL2328" s="53"/>
      <c r="AM2328" s="53"/>
      <c r="AN2328" s="53"/>
      <c r="AO2328" s="53"/>
      <c r="AP2328" s="53"/>
      <c r="AQ2328" s="53"/>
      <c r="AR2328" s="53"/>
      <c r="AS2328" s="53"/>
      <c r="AT2328" s="53"/>
      <c r="AU2328" s="53"/>
      <c r="AV2328" s="53"/>
      <c r="AW2328" s="53"/>
      <c r="AX2328" s="53"/>
      <c r="AY2328" s="53"/>
      <c r="AZ2328" s="53"/>
      <c r="BA2328" s="53"/>
      <c r="BB2328" s="53"/>
      <c r="BC2328" s="53"/>
      <c r="BD2328" s="53"/>
      <c r="BE2328" s="53"/>
      <c r="BF2328" s="53"/>
      <c r="BG2328" s="53"/>
      <c r="BH2328" s="53"/>
      <c r="BI2328" s="53"/>
      <c r="BJ2328" s="53"/>
      <c r="BK2328" s="53"/>
      <c r="BL2328" s="53"/>
      <c r="BM2328" s="53"/>
      <c r="BN2328" s="53"/>
      <c r="BO2328" s="53"/>
      <c r="BP2328" s="53"/>
      <c r="BQ2328" s="53"/>
      <c r="BR2328" s="53"/>
      <c r="BS2328" s="53"/>
      <c r="BT2328" s="53"/>
      <c r="BU2328" s="53"/>
      <c r="BV2328" s="53"/>
      <c r="BW2328" s="53"/>
      <c r="BX2328" s="53"/>
      <c r="BY2328" s="53"/>
      <c r="BZ2328" s="53"/>
      <c r="CA2328" s="53"/>
      <c r="CB2328" s="53"/>
      <c r="CC2328" s="53"/>
      <c r="CD2328" s="53"/>
      <c r="CE2328" s="53"/>
      <c r="CF2328" s="53"/>
      <c r="CG2328" s="53"/>
      <c r="CH2328" s="53"/>
      <c r="CI2328" s="53"/>
      <c r="CJ2328" s="53"/>
      <c r="CK2328" s="53"/>
      <c r="CL2328" s="53"/>
      <c r="CM2328" s="53"/>
      <c r="CN2328" s="53"/>
    </row>
    <row r="2329" spans="1:92" outlineLevel="1">
      <c r="A2329" s="52" t="s">
        <v>1249</v>
      </c>
      <c r="B2329" s="53">
        <v>-56613493.259999998</v>
      </c>
      <c r="C2329" s="53">
        <v>-47825393.969999999</v>
      </c>
      <c r="D2329" s="53">
        <v>-44538790.159999996</v>
      </c>
      <c r="E2329" s="53">
        <v>-28822708.6599999</v>
      </c>
      <c r="F2329" s="53">
        <v>-24885311.41</v>
      </c>
      <c r="G2329" s="53">
        <v>-22769660.129999999</v>
      </c>
      <c r="H2329" s="53">
        <v>-37141707.170000002</v>
      </c>
      <c r="I2329" s="53">
        <v>-35851667.979999997</v>
      </c>
      <c r="J2329" s="53">
        <v>-40295825.060000002</v>
      </c>
      <c r="K2329" s="53">
        <v>-29914819.489999998</v>
      </c>
      <c r="L2329" s="53">
        <v>-10856786.35</v>
      </c>
      <c r="M2329" s="53">
        <v>-4020351.59</v>
      </c>
      <c r="N2329" s="53">
        <v>-383536515.23000002</v>
      </c>
      <c r="O2329" s="53">
        <v>-6484847.9900000002</v>
      </c>
      <c r="P2329" s="53">
        <v>-5555935.4699999997</v>
      </c>
      <c r="Q2329" s="53">
        <v>-10361733.09</v>
      </c>
      <c r="R2329" s="53">
        <v>-3442406.19</v>
      </c>
      <c r="S2329" s="53">
        <v>-19680039.010000002</v>
      </c>
      <c r="T2329" s="53">
        <v>-21630294.1599999</v>
      </c>
      <c r="U2329" s="53">
        <v>-26251780.309999999</v>
      </c>
      <c r="V2329" s="53">
        <v>-26420150.210000001</v>
      </c>
      <c r="W2329" s="53">
        <v>-23537547.07</v>
      </c>
      <c r="X2329" s="53">
        <v>-16098354.7999999</v>
      </c>
      <c r="Y2329" s="53">
        <v>-13872146.369999999</v>
      </c>
      <c r="Z2329" s="53">
        <v>-7963172.8099999903</v>
      </c>
      <c r="AA2329" s="53">
        <v>-181298407.47999999</v>
      </c>
      <c r="AB2329" s="53">
        <v>-5728202.5699999901</v>
      </c>
      <c r="AC2329" s="53">
        <v>-3210094.7699999898</v>
      </c>
      <c r="AD2329" s="53">
        <v>-1538372.26999999</v>
      </c>
      <c r="AE2329" s="53">
        <v>-8314765.3200000003</v>
      </c>
      <c r="AF2329" s="53">
        <v>-19365393</v>
      </c>
      <c r="AG2329" s="53">
        <v>-20069279.859999999</v>
      </c>
      <c r="AH2329" s="53">
        <v>-23835975.329999998</v>
      </c>
      <c r="AI2329" s="53">
        <v>-27905530.800000001</v>
      </c>
      <c r="AJ2329" s="53">
        <v>-19972074.969999999</v>
      </c>
      <c r="AK2329" s="53">
        <v>-16272585.4599999</v>
      </c>
      <c r="AL2329" s="53">
        <v>-11444636.060000001</v>
      </c>
      <c r="AM2329" s="53">
        <v>-4789635.57</v>
      </c>
      <c r="AN2329" s="53">
        <v>-162446545.97999999</v>
      </c>
      <c r="AO2329" s="53">
        <v>-5576383.21</v>
      </c>
      <c r="AP2329" s="53">
        <v>-4011587.47</v>
      </c>
      <c r="AQ2329" s="53">
        <v>-9666392.5399999991</v>
      </c>
      <c r="AR2329" s="53">
        <v>-6179840.1799999997</v>
      </c>
      <c r="AS2329" s="53">
        <v>-8819494.9399999995</v>
      </c>
      <c r="AT2329" s="53">
        <v>-9532164.6199999992</v>
      </c>
      <c r="AU2329" s="53">
        <v>-14918590.849999901</v>
      </c>
      <c r="AV2329" s="53">
        <v>-21156870.030000001</v>
      </c>
      <c r="AW2329" s="53">
        <v>-17099196.669999901</v>
      </c>
      <c r="AX2329" s="53">
        <v>-13315042.699999999</v>
      </c>
      <c r="AY2329" s="53">
        <v>-7239552.1799999997</v>
      </c>
      <c r="AZ2329" s="53">
        <v>-3496446.96</v>
      </c>
      <c r="BA2329" s="53">
        <v>-121011562.34999999</v>
      </c>
      <c r="BB2329" s="53">
        <v>-6311320.7800000003</v>
      </c>
      <c r="BC2329" s="53">
        <v>-4349404.99</v>
      </c>
      <c r="BD2329" s="53">
        <v>-4862191.16</v>
      </c>
      <c r="BE2329" s="53">
        <v>-5039601.68</v>
      </c>
      <c r="BF2329" s="53">
        <v>-13518226.08</v>
      </c>
      <c r="BG2329" s="53">
        <v>-15583061.09</v>
      </c>
      <c r="BH2329" s="53">
        <v>-19285200.839999899</v>
      </c>
      <c r="BI2329" s="53">
        <v>-22149230.469999999</v>
      </c>
      <c r="BJ2329" s="53">
        <v>-18530791.199999999</v>
      </c>
      <c r="BK2329" s="53">
        <v>-20243452.300000001</v>
      </c>
      <c r="BL2329" s="53">
        <v>-11746712.27</v>
      </c>
      <c r="BM2329" s="53">
        <v>-5258108.5599999996</v>
      </c>
      <c r="BN2329" s="53">
        <v>-146877301.41999999</v>
      </c>
      <c r="BO2329" s="53">
        <v>-6272379.7000000002</v>
      </c>
      <c r="BP2329" s="53">
        <v>-4007192.75</v>
      </c>
      <c r="BQ2329" s="53">
        <v>-8688162.2300000004</v>
      </c>
      <c r="BR2329" s="53">
        <v>-5955970.6399999997</v>
      </c>
      <c r="BS2329" s="53">
        <v>-14343028.7099999</v>
      </c>
      <c r="BT2329" s="53">
        <v>-17968877.059999999</v>
      </c>
      <c r="BU2329" s="53">
        <v>-19637064.370000001</v>
      </c>
      <c r="BV2329" s="53">
        <v>-21289464.829999998</v>
      </c>
      <c r="BW2329" s="53">
        <v>-17732063.300000001</v>
      </c>
      <c r="BX2329" s="53">
        <v>-15785682.439999999</v>
      </c>
      <c r="BY2329" s="53">
        <v>-4819984.8199999901</v>
      </c>
      <c r="BZ2329" s="53">
        <v>-4782938.5</v>
      </c>
      <c r="CA2329" s="53">
        <v>-141282809.34999999</v>
      </c>
      <c r="CB2329" s="53">
        <v>11723.4531645569</v>
      </c>
      <c r="CC2329" s="53">
        <v>11723.4531645569</v>
      </c>
      <c r="CD2329" s="53">
        <v>11723.4531645569</v>
      </c>
      <c r="CE2329" s="53">
        <v>11723.4531645569</v>
      </c>
      <c r="CF2329" s="53">
        <v>11723.4531645569</v>
      </c>
      <c r="CG2329" s="53">
        <v>11723.4531645569</v>
      </c>
      <c r="CH2329" s="53">
        <v>11723.4531645569</v>
      </c>
      <c r="CI2329" s="53">
        <v>11723.4531645569</v>
      </c>
      <c r="CJ2329" s="53">
        <v>11723.4531645569</v>
      </c>
      <c r="CK2329" s="53">
        <v>11723.4531645569</v>
      </c>
      <c r="CL2329" s="53">
        <v>11723.4531645569</v>
      </c>
      <c r="CM2329" s="53">
        <v>11723.4531645569</v>
      </c>
      <c r="CN2329" s="53">
        <v>140681.43797468301</v>
      </c>
    </row>
    <row r="2330" spans="1:92" outlineLevel="1">
      <c r="A2330" s="52" t="s">
        <v>771</v>
      </c>
      <c r="B2330" s="53"/>
      <c r="C2330" s="53"/>
      <c r="D2330" s="53"/>
      <c r="E2330" s="53"/>
      <c r="F2330" s="53"/>
      <c r="G2330" s="53"/>
      <c r="H2330" s="53"/>
      <c r="I2330" s="53"/>
      <c r="J2330" s="53"/>
      <c r="K2330" s="53"/>
      <c r="L2330" s="53"/>
      <c r="M2330" s="53"/>
      <c r="N2330" s="53"/>
      <c r="O2330" s="53"/>
      <c r="P2330" s="53"/>
      <c r="Q2330" s="53"/>
      <c r="R2330" s="53"/>
      <c r="S2330" s="53"/>
      <c r="T2330" s="53"/>
      <c r="U2330" s="53"/>
      <c r="V2330" s="53"/>
      <c r="W2330" s="53"/>
      <c r="X2330" s="53"/>
      <c r="Y2330" s="53"/>
      <c r="Z2330" s="53"/>
      <c r="AA2330" s="53"/>
      <c r="AB2330" s="53"/>
      <c r="AC2330" s="53"/>
      <c r="AD2330" s="53"/>
      <c r="AE2330" s="53"/>
      <c r="AF2330" s="53"/>
      <c r="AG2330" s="53"/>
      <c r="AH2330" s="53"/>
      <c r="AI2330" s="53"/>
      <c r="AJ2330" s="53"/>
      <c r="AK2330" s="53"/>
      <c r="AL2330" s="53"/>
      <c r="AM2330" s="53"/>
      <c r="AN2330" s="53"/>
      <c r="AO2330" s="53"/>
      <c r="AP2330" s="53"/>
      <c r="AQ2330" s="53"/>
      <c r="AR2330" s="53"/>
      <c r="AS2330" s="53"/>
      <c r="AT2330" s="53"/>
      <c r="AU2330" s="53"/>
      <c r="AV2330" s="53"/>
      <c r="AW2330" s="53"/>
      <c r="AX2330" s="53"/>
      <c r="AY2330" s="53"/>
      <c r="AZ2330" s="53"/>
      <c r="BA2330" s="53"/>
      <c r="BB2330" s="53"/>
      <c r="BC2330" s="53"/>
      <c r="BD2330" s="53"/>
      <c r="BE2330" s="53"/>
      <c r="BF2330" s="53"/>
      <c r="BG2330" s="53"/>
      <c r="BH2330" s="53"/>
      <c r="BI2330" s="53"/>
      <c r="BJ2330" s="53"/>
      <c r="BK2330" s="53"/>
      <c r="BL2330" s="53"/>
      <c r="BM2330" s="53"/>
      <c r="BN2330" s="53"/>
      <c r="BO2330" s="53"/>
      <c r="BP2330" s="53"/>
      <c r="BQ2330" s="53"/>
      <c r="BR2330" s="53"/>
      <c r="BS2330" s="53"/>
      <c r="BT2330" s="53"/>
      <c r="BU2330" s="53"/>
      <c r="BV2330" s="53"/>
      <c r="BW2330" s="53"/>
      <c r="BX2330" s="53"/>
      <c r="BY2330" s="53"/>
      <c r="BZ2330" s="53"/>
      <c r="CA2330" s="53"/>
      <c r="CB2330" s="53">
        <v>4051.8264840182501</v>
      </c>
      <c r="CC2330" s="53">
        <v>4051.8264840182501</v>
      </c>
      <c r="CD2330" s="53">
        <v>4051.8264840182501</v>
      </c>
      <c r="CE2330" s="53">
        <v>4051.8264840182501</v>
      </c>
      <c r="CF2330" s="53">
        <v>4051.8264840182501</v>
      </c>
      <c r="CG2330" s="53">
        <v>4051.8264840182501</v>
      </c>
      <c r="CH2330" s="53">
        <v>4051.8264840182501</v>
      </c>
      <c r="CI2330" s="53">
        <v>4051.8264840182501</v>
      </c>
      <c r="CJ2330" s="53">
        <v>4051.8264840182501</v>
      </c>
      <c r="CK2330" s="53">
        <v>4051.8264840182501</v>
      </c>
      <c r="CL2330" s="53">
        <v>4051.8264840182401</v>
      </c>
      <c r="CM2330" s="53">
        <v>4051.8264840182401</v>
      </c>
      <c r="CN2330" s="53">
        <v>48621.917808218997</v>
      </c>
    </row>
    <row r="2331" spans="1:92" outlineLevel="1">
      <c r="A2331" s="52" t="s">
        <v>1249</v>
      </c>
      <c r="B2331" s="53">
        <v>-3789809.94</v>
      </c>
      <c r="C2331" s="53">
        <v>-3422268.28</v>
      </c>
      <c r="D2331" s="53">
        <v>-3143837.66</v>
      </c>
      <c r="E2331" s="53">
        <v>-2093543.46</v>
      </c>
      <c r="F2331" s="53">
        <v>-3503076.71999999</v>
      </c>
      <c r="G2331" s="53">
        <v>-4028055.1799999899</v>
      </c>
      <c r="H2331" s="53">
        <v>-5073254.49</v>
      </c>
      <c r="I2331" s="53">
        <v>-5742731.75</v>
      </c>
      <c r="J2331" s="53">
        <v>-4862843.8</v>
      </c>
      <c r="K2331" s="53">
        <v>-2830850.48</v>
      </c>
      <c r="L2331" s="53">
        <v>-4178068.13</v>
      </c>
      <c r="M2331" s="53">
        <v>-4837041.5599999996</v>
      </c>
      <c r="N2331" s="53">
        <v>-47505381.450000003</v>
      </c>
      <c r="O2331" s="53">
        <v>-5141844.54</v>
      </c>
      <c r="P2331" s="53">
        <v>-4855313.92</v>
      </c>
      <c r="Q2331" s="53">
        <v>-4357533.95</v>
      </c>
      <c r="R2331" s="53">
        <v>-2534368.79</v>
      </c>
      <c r="S2331" s="53">
        <v>-2700229.93</v>
      </c>
      <c r="T2331" s="53">
        <v>-2893365.16</v>
      </c>
      <c r="U2331" s="53">
        <v>-2752843.91</v>
      </c>
      <c r="V2331" s="53">
        <v>-2924244.46</v>
      </c>
      <c r="W2331" s="53">
        <v>-2795109.63</v>
      </c>
      <c r="X2331" s="53">
        <v>-2153144.7000000002</v>
      </c>
      <c r="Y2331" s="53">
        <v>-5013419.0599999996</v>
      </c>
      <c r="Z2331" s="53">
        <v>-5546676.7599999998</v>
      </c>
      <c r="AA2331" s="53">
        <v>-43668094.810000002</v>
      </c>
      <c r="AB2331" s="53">
        <v>-4471780.09</v>
      </c>
      <c r="AC2331" s="53">
        <v>-4081060.52999999</v>
      </c>
      <c r="AD2331" s="53">
        <v>-3916406.12</v>
      </c>
      <c r="AE2331" s="53">
        <v>-2367178.5899999901</v>
      </c>
      <c r="AF2331" s="53">
        <v>-4838483.1100000003</v>
      </c>
      <c r="AG2331" s="53">
        <v>-2932146.04</v>
      </c>
      <c r="AH2331" s="53">
        <v>-2622953.9799999902</v>
      </c>
      <c r="AI2331" s="53">
        <v>-2763822.11</v>
      </c>
      <c r="AJ2331" s="53">
        <v>-2721854.29</v>
      </c>
      <c r="AK2331" s="53">
        <v>-2478806.4799999902</v>
      </c>
      <c r="AL2331" s="53">
        <v>-2545071.83</v>
      </c>
      <c r="AM2331" s="53">
        <v>-4647910.3599999901</v>
      </c>
      <c r="AN2331" s="53">
        <v>-40387473.530000001</v>
      </c>
      <c r="AO2331" s="53">
        <v>-4390621.54</v>
      </c>
      <c r="AP2331" s="53">
        <v>-3696168.5399999898</v>
      </c>
      <c r="AQ2331" s="53">
        <v>-3535796.98</v>
      </c>
      <c r="AR2331" s="53">
        <v>-2379921.96999999</v>
      </c>
      <c r="AS2331" s="53">
        <v>-3735262.3999999901</v>
      </c>
      <c r="AT2331" s="53">
        <v>-4022527.57</v>
      </c>
      <c r="AU2331" s="53">
        <v>-3041052.57</v>
      </c>
      <c r="AV2331" s="53">
        <v>-2881264.5699999901</v>
      </c>
      <c r="AW2331" s="53">
        <v>-2646040.23</v>
      </c>
      <c r="AX2331" s="53">
        <v>-2644422.67</v>
      </c>
      <c r="AY2331" s="53">
        <v>-3065965.94</v>
      </c>
      <c r="AZ2331" s="53">
        <v>-4345653.6500000004</v>
      </c>
      <c r="BA2331" s="53">
        <v>-40384698.629999898</v>
      </c>
      <c r="BB2331" s="53">
        <v>-4356287.4000000004</v>
      </c>
      <c r="BC2331" s="53">
        <v>-3562652.82</v>
      </c>
      <c r="BD2331" s="53">
        <v>-3418987</v>
      </c>
      <c r="BE2331" s="53">
        <v>-2627414.4300000002</v>
      </c>
      <c r="BF2331" s="53">
        <v>-2605299.6</v>
      </c>
      <c r="BG2331" s="53">
        <v>-2770695.12</v>
      </c>
      <c r="BH2331" s="53">
        <v>-2424136.56</v>
      </c>
      <c r="BI2331" s="53">
        <v>-2686188.02</v>
      </c>
      <c r="BJ2331" s="53">
        <v>-2714288.51</v>
      </c>
      <c r="BK2331" s="53">
        <v>-2389000.46</v>
      </c>
      <c r="BL2331" s="53">
        <v>-2955607.78</v>
      </c>
      <c r="BM2331" s="53">
        <v>-4348307.33</v>
      </c>
      <c r="BN2331" s="53">
        <v>-36858865.030000001</v>
      </c>
      <c r="BO2331" s="53">
        <v>-4190324.37</v>
      </c>
      <c r="BP2331" s="53">
        <v>-3861766.5</v>
      </c>
      <c r="BQ2331" s="53">
        <v>-3510986.22</v>
      </c>
      <c r="BR2331" s="53">
        <v>-2187418.92</v>
      </c>
      <c r="BS2331" s="53">
        <v>-2463125.96</v>
      </c>
      <c r="BT2331" s="53">
        <v>-2625186.5299999998</v>
      </c>
      <c r="BU2331" s="53">
        <v>-2537434.6599999899</v>
      </c>
      <c r="BV2331" s="53">
        <v>-2917305.7</v>
      </c>
      <c r="BW2331" s="53">
        <v>-2805057.84</v>
      </c>
      <c r="BX2331" s="53">
        <v>-2056321.21999999</v>
      </c>
      <c r="BY2331" s="53">
        <v>-1113091.3700000001</v>
      </c>
      <c r="BZ2331" s="53">
        <v>-1625862.3899999899</v>
      </c>
      <c r="CA2331" s="53">
        <v>-31893881.68</v>
      </c>
      <c r="CB2331" s="53">
        <v>3523.40918163673</v>
      </c>
      <c r="CC2331" s="53">
        <v>3523.40918163673</v>
      </c>
      <c r="CD2331" s="53">
        <v>3523.40918163673</v>
      </c>
      <c r="CE2331" s="53">
        <v>3523.40918163673</v>
      </c>
      <c r="CF2331" s="53">
        <v>3523.40918163673</v>
      </c>
      <c r="CG2331" s="53">
        <v>3523.40918163673</v>
      </c>
      <c r="CH2331" s="53">
        <v>3523.40918163673</v>
      </c>
      <c r="CI2331" s="53">
        <v>3523.40918163673</v>
      </c>
      <c r="CJ2331" s="53">
        <v>3523.40918163673</v>
      </c>
      <c r="CK2331" s="53">
        <v>3523.40918163673</v>
      </c>
      <c r="CL2331" s="53">
        <v>3523.40918163673</v>
      </c>
      <c r="CM2331" s="53">
        <v>3523.40918163673</v>
      </c>
      <c r="CN2331" s="53">
        <v>42280.910179640799</v>
      </c>
    </row>
    <row r="2332" spans="1:92">
      <c r="A2332" s="52" t="s">
        <v>772</v>
      </c>
      <c r="B2332" s="53"/>
      <c r="C2332" s="53"/>
      <c r="D2332" s="53"/>
      <c r="E2332" s="53"/>
      <c r="F2332" s="53"/>
      <c r="G2332" s="53"/>
      <c r="H2332" s="53"/>
      <c r="I2332" s="53"/>
      <c r="J2332" s="53"/>
      <c r="K2332" s="53"/>
      <c r="L2332" s="53"/>
      <c r="M2332" s="53"/>
      <c r="N2332" s="53"/>
      <c r="O2332" s="53"/>
      <c r="P2332" s="53"/>
      <c r="Q2332" s="53"/>
      <c r="R2332" s="53"/>
      <c r="S2332" s="53"/>
      <c r="T2332" s="53"/>
      <c r="U2332" s="53"/>
      <c r="V2332" s="53"/>
      <c r="W2332" s="53"/>
      <c r="X2332" s="53"/>
      <c r="Y2332" s="53"/>
      <c r="Z2332" s="53"/>
      <c r="AA2332" s="53"/>
      <c r="AB2332" s="53"/>
      <c r="AC2332" s="53"/>
      <c r="AD2332" s="53"/>
      <c r="AE2332" s="53"/>
      <c r="AF2332" s="53"/>
      <c r="AG2332" s="53"/>
      <c r="AH2332" s="53"/>
      <c r="AI2332" s="53"/>
      <c r="AJ2332" s="53"/>
      <c r="AK2332" s="53"/>
      <c r="AL2332" s="53"/>
      <c r="AM2332" s="53"/>
      <c r="AN2332" s="53"/>
      <c r="AO2332" s="53"/>
      <c r="AP2332" s="53"/>
      <c r="AQ2332" s="53"/>
      <c r="AR2332" s="53"/>
      <c r="AS2332" s="53"/>
      <c r="AT2332" s="53"/>
      <c r="AU2332" s="53"/>
      <c r="AV2332" s="53"/>
      <c r="AW2332" s="53"/>
      <c r="AX2332" s="53"/>
      <c r="AY2332" s="53"/>
      <c r="AZ2332" s="53"/>
      <c r="BA2332" s="53"/>
      <c r="BB2332" s="53"/>
      <c r="BC2332" s="53"/>
      <c r="BD2332" s="53"/>
      <c r="BE2332" s="53"/>
      <c r="BF2332" s="53"/>
      <c r="BG2332" s="53"/>
      <c r="BH2332" s="53"/>
      <c r="BI2332" s="53"/>
      <c r="BJ2332" s="53"/>
      <c r="BK2332" s="53"/>
      <c r="BL2332" s="53"/>
      <c r="BM2332" s="53"/>
      <c r="BN2332" s="53"/>
      <c r="BO2332" s="53"/>
      <c r="BP2332" s="53"/>
      <c r="BQ2332" s="53"/>
      <c r="BR2332" s="53"/>
      <c r="BS2332" s="53"/>
      <c r="BT2332" s="53"/>
      <c r="BU2332" s="53"/>
      <c r="BV2332" s="53"/>
      <c r="BW2332" s="53"/>
      <c r="BX2332" s="53"/>
      <c r="BY2332" s="53"/>
      <c r="BZ2332" s="53"/>
      <c r="CA2332" s="53"/>
      <c r="CB2332" s="53">
        <v>9347.6262626262396</v>
      </c>
      <c r="CC2332" s="53">
        <v>9347.6262626262396</v>
      </c>
      <c r="CD2332" s="53">
        <v>9347.6262626262396</v>
      </c>
      <c r="CE2332" s="53">
        <v>9347.6262626262396</v>
      </c>
      <c r="CF2332" s="53">
        <v>9347.6262626262396</v>
      </c>
      <c r="CG2332" s="53">
        <v>9347.6262626262396</v>
      </c>
      <c r="CH2332" s="53">
        <v>9347.6262626262396</v>
      </c>
      <c r="CI2332" s="53">
        <v>9347.6262626262396</v>
      </c>
      <c r="CJ2332" s="53">
        <v>9347.6262626262396</v>
      </c>
      <c r="CK2332" s="53">
        <v>9347.6262626262396</v>
      </c>
      <c r="CL2332" s="53">
        <v>9347.6262626262305</v>
      </c>
      <c r="CM2332" s="53">
        <v>9347.6262626262305</v>
      </c>
      <c r="CN2332" s="53">
        <v>112171.515151514</v>
      </c>
    </row>
    <row r="2333" spans="1:92">
      <c r="A2333" s="52" t="s">
        <v>1249</v>
      </c>
      <c r="B2333" s="53">
        <v>-106318449.72999901</v>
      </c>
      <c r="C2333" s="53">
        <v>-100794760.3</v>
      </c>
      <c r="D2333" s="53">
        <v>-127940463.469999</v>
      </c>
      <c r="E2333" s="53">
        <v>-102737561</v>
      </c>
      <c r="F2333" s="53">
        <v>-165531098.33000001</v>
      </c>
      <c r="G2333" s="53">
        <v>-188818153.13</v>
      </c>
      <c r="H2333" s="53">
        <v>-245991165.06</v>
      </c>
      <c r="I2333" s="53">
        <v>-244053514.19999999</v>
      </c>
      <c r="J2333" s="53">
        <v>-221759871.77000001</v>
      </c>
      <c r="K2333" s="53">
        <v>-205629827.78999999</v>
      </c>
      <c r="L2333" s="53">
        <v>-149868013.94999999</v>
      </c>
      <c r="M2333" s="53">
        <v>-173142034.31</v>
      </c>
      <c r="N2333" s="53">
        <v>-2032584913.04</v>
      </c>
      <c r="O2333" s="53">
        <v>-170256544.28999999</v>
      </c>
      <c r="P2333" s="53">
        <v>-152994064.80000001</v>
      </c>
      <c r="Q2333" s="53">
        <v>-144113365.46000001</v>
      </c>
      <c r="R2333" s="53">
        <v>-128691680.13</v>
      </c>
      <c r="S2333" s="53">
        <v>-139762662.09</v>
      </c>
      <c r="T2333" s="53">
        <v>-151151211.72999999</v>
      </c>
      <c r="U2333" s="53">
        <v>-163390006.09</v>
      </c>
      <c r="V2333" s="53">
        <v>-159137751.93000001</v>
      </c>
      <c r="W2333" s="53">
        <v>-148151117.47999999</v>
      </c>
      <c r="X2333" s="53">
        <v>-135366420.88</v>
      </c>
      <c r="Y2333" s="53">
        <v>-122532544.019999</v>
      </c>
      <c r="Z2333" s="53">
        <v>-141364511.03</v>
      </c>
      <c r="AA2333" s="53">
        <v>-1756911879.9300001</v>
      </c>
      <c r="AB2333" s="53">
        <v>-145243330.71999899</v>
      </c>
      <c r="AC2333" s="53">
        <v>-131565532.47999901</v>
      </c>
      <c r="AD2333" s="53">
        <v>-125545250.39999899</v>
      </c>
      <c r="AE2333" s="53">
        <v>-107376927.11999901</v>
      </c>
      <c r="AF2333" s="53">
        <v>-116035234.78999899</v>
      </c>
      <c r="AG2333" s="53">
        <v>-131086793.279999</v>
      </c>
      <c r="AH2333" s="53">
        <v>-138610982.09</v>
      </c>
      <c r="AI2333" s="53">
        <v>-136039846.30000001</v>
      </c>
      <c r="AJ2333" s="53">
        <v>-133505884.06999999</v>
      </c>
      <c r="AK2333" s="53">
        <v>-121750731.81999999</v>
      </c>
      <c r="AL2333" s="53">
        <v>-109429431.84999999</v>
      </c>
      <c r="AM2333" s="53">
        <v>-127332792.81</v>
      </c>
      <c r="AN2333" s="53">
        <v>-1523522737.73</v>
      </c>
      <c r="AO2333" s="53">
        <v>-128410282.59999999</v>
      </c>
      <c r="AP2333" s="53">
        <v>-111936288.529999</v>
      </c>
      <c r="AQ2333" s="53">
        <v>-109343936.27</v>
      </c>
      <c r="AR2333" s="53">
        <v>-106153748.73</v>
      </c>
      <c r="AS2333" s="53">
        <v>-122746868.36</v>
      </c>
      <c r="AT2333" s="53">
        <v>-130665780.91</v>
      </c>
      <c r="AU2333" s="53">
        <v>-137968389.66999999</v>
      </c>
      <c r="AV2333" s="53">
        <v>-133672513.31</v>
      </c>
      <c r="AW2333" s="53">
        <v>-129613280.02</v>
      </c>
      <c r="AX2333" s="53">
        <v>-115433683.19</v>
      </c>
      <c r="AY2333" s="53">
        <v>-106979295.79000001</v>
      </c>
      <c r="AZ2333" s="53">
        <v>-124542360.67999899</v>
      </c>
      <c r="BA2333" s="53">
        <v>-1457466428.0599999</v>
      </c>
      <c r="BB2333" s="53">
        <v>-124667569.92</v>
      </c>
      <c r="BC2333" s="53">
        <v>-110298947.2</v>
      </c>
      <c r="BD2333" s="53">
        <v>-110241516.25</v>
      </c>
      <c r="BE2333" s="53">
        <v>-103431159.14999899</v>
      </c>
      <c r="BF2333" s="53">
        <v>-118639841.22</v>
      </c>
      <c r="BG2333" s="53">
        <v>-127349680.749999</v>
      </c>
      <c r="BH2333" s="53">
        <v>-134189338.11</v>
      </c>
      <c r="BI2333" s="53">
        <v>-131504854.22</v>
      </c>
      <c r="BJ2333" s="53">
        <v>-127738638.95</v>
      </c>
      <c r="BK2333" s="53">
        <v>-109139694.69</v>
      </c>
      <c r="BL2333" s="53">
        <v>-103570454.669999</v>
      </c>
      <c r="BM2333" s="53">
        <v>-120415089.45</v>
      </c>
      <c r="BN2333" s="53">
        <v>-1421186784.5799999</v>
      </c>
      <c r="BO2333" s="53">
        <v>-121357488.189999</v>
      </c>
      <c r="BP2333" s="53">
        <v>-106517265.29000001</v>
      </c>
      <c r="BQ2333" s="53">
        <v>-103255198.59</v>
      </c>
      <c r="BR2333" s="53">
        <v>-101450018.38</v>
      </c>
      <c r="BS2333" s="53">
        <v>-111594269.02</v>
      </c>
      <c r="BT2333" s="53">
        <v>-120582515.699999</v>
      </c>
      <c r="BU2333" s="53">
        <v>-128943973.16</v>
      </c>
      <c r="BV2333" s="53">
        <v>-127428889.34999999</v>
      </c>
      <c r="BW2333" s="53">
        <v>-122933468.55</v>
      </c>
      <c r="BX2333" s="53">
        <v>-109816579.059999</v>
      </c>
      <c r="BY2333" s="53">
        <v>-103137945.63</v>
      </c>
      <c r="BZ2333" s="53">
        <v>-117883663.52</v>
      </c>
      <c r="CA2333" s="53">
        <v>-1374901274.43999</v>
      </c>
      <c r="CB2333" s="53"/>
      <c r="CC2333" s="53"/>
      <c r="CD2333" s="53"/>
      <c r="CE2333" s="53"/>
      <c r="CF2333" s="53"/>
      <c r="CG2333" s="53"/>
      <c r="CH2333" s="53"/>
      <c r="CI2333" s="53"/>
      <c r="CJ2333" s="53"/>
      <c r="CK2333" s="53"/>
      <c r="CL2333" s="53"/>
      <c r="CM2333" s="53"/>
      <c r="CN2333" s="53"/>
    </row>
    <row r="2334" spans="1:92">
      <c r="A2334" s="52" t="s">
        <v>709</v>
      </c>
      <c r="B2334" s="53"/>
      <c r="C2334" s="53"/>
      <c r="D2334" s="53"/>
      <c r="E2334" s="53"/>
      <c r="F2334" s="53"/>
      <c r="G2334" s="53"/>
      <c r="H2334" s="53"/>
      <c r="I2334" s="53"/>
      <c r="J2334" s="53"/>
      <c r="K2334" s="53"/>
      <c r="L2334" s="53"/>
      <c r="M2334" s="53"/>
      <c r="N2334" s="53"/>
      <c r="O2334" s="53"/>
      <c r="P2334" s="53"/>
      <c r="Q2334" s="53"/>
      <c r="R2334" s="53"/>
      <c r="S2334" s="53"/>
      <c r="T2334" s="53"/>
      <c r="U2334" s="53"/>
      <c r="V2334" s="53"/>
      <c r="W2334" s="53"/>
      <c r="X2334" s="53"/>
      <c r="Y2334" s="53"/>
      <c r="Z2334" s="53"/>
      <c r="AA2334" s="53"/>
      <c r="AB2334" s="53"/>
      <c r="AC2334" s="53"/>
      <c r="AD2334" s="53"/>
      <c r="AE2334" s="53"/>
      <c r="AF2334" s="53"/>
      <c r="AG2334" s="53"/>
      <c r="AH2334" s="53"/>
      <c r="AI2334" s="53"/>
      <c r="AJ2334" s="53"/>
      <c r="AK2334" s="53"/>
      <c r="AL2334" s="53"/>
      <c r="AM2334" s="53"/>
      <c r="AN2334" s="53"/>
      <c r="AO2334" s="53"/>
      <c r="AP2334" s="53"/>
      <c r="AQ2334" s="53"/>
      <c r="AR2334" s="53"/>
      <c r="AS2334" s="53"/>
      <c r="AT2334" s="53"/>
      <c r="AU2334" s="53"/>
      <c r="AV2334" s="53"/>
      <c r="AW2334" s="53"/>
      <c r="AX2334" s="53"/>
      <c r="AY2334" s="53"/>
      <c r="AZ2334" s="53"/>
      <c r="BA2334" s="53"/>
      <c r="BB2334" s="53"/>
      <c r="BC2334" s="53"/>
      <c r="BD2334" s="53"/>
      <c r="BE2334" s="53"/>
      <c r="BF2334" s="53"/>
      <c r="BG2334" s="53"/>
      <c r="BH2334" s="53"/>
      <c r="BI2334" s="53"/>
      <c r="BJ2334" s="53"/>
      <c r="BK2334" s="53"/>
      <c r="BL2334" s="53"/>
      <c r="BM2334" s="53"/>
      <c r="BN2334" s="53"/>
      <c r="BO2334" s="53"/>
      <c r="BP2334" s="53"/>
      <c r="BQ2334" s="53"/>
      <c r="BR2334" s="53"/>
      <c r="BS2334" s="53"/>
      <c r="BT2334" s="53"/>
      <c r="BU2334" s="53"/>
      <c r="BV2334" s="53"/>
      <c r="BW2334" s="53"/>
      <c r="BX2334" s="53"/>
      <c r="BY2334" s="53"/>
      <c r="BZ2334" s="53"/>
      <c r="CA2334" s="53"/>
      <c r="CB2334" s="53">
        <v>3240.39669421487</v>
      </c>
      <c r="CC2334" s="53">
        <v>3240.39669421487</v>
      </c>
      <c r="CD2334" s="53">
        <v>3240.39669421487</v>
      </c>
      <c r="CE2334" s="53">
        <v>3240.39669421487</v>
      </c>
      <c r="CF2334" s="53">
        <v>3240.39669421487</v>
      </c>
      <c r="CG2334" s="53">
        <v>3240.39669421487</v>
      </c>
      <c r="CH2334" s="53">
        <v>3240.39669421487</v>
      </c>
      <c r="CI2334" s="53">
        <v>3240.39669421487</v>
      </c>
      <c r="CJ2334" s="53">
        <v>3240.39669421487</v>
      </c>
      <c r="CK2334" s="53">
        <v>3240.39669421487</v>
      </c>
      <c r="CL2334" s="53">
        <v>3240.39669421487</v>
      </c>
      <c r="CM2334" s="53">
        <v>3240.39669421487</v>
      </c>
      <c r="CN2334" s="53">
        <v>38884.760330578501</v>
      </c>
    </row>
    <row r="2335" spans="1:92" outlineLevel="1">
      <c r="A2335" s="52" t="s">
        <v>1579</v>
      </c>
      <c r="B2335" s="53"/>
      <c r="C2335" s="53"/>
      <c r="D2335" s="53"/>
      <c r="E2335" s="53"/>
      <c r="F2335" s="53"/>
      <c r="G2335" s="53"/>
      <c r="H2335" s="53"/>
      <c r="I2335" s="53"/>
      <c r="J2335" s="53"/>
      <c r="K2335" s="53"/>
      <c r="L2335" s="53"/>
      <c r="M2335" s="53"/>
      <c r="N2335" s="53"/>
      <c r="O2335" s="53"/>
      <c r="P2335" s="53"/>
      <c r="Q2335" s="53"/>
      <c r="R2335" s="53"/>
      <c r="S2335" s="53"/>
      <c r="T2335" s="53"/>
      <c r="U2335" s="53"/>
      <c r="V2335" s="53"/>
      <c r="W2335" s="53"/>
      <c r="X2335" s="53"/>
      <c r="Y2335" s="53"/>
      <c r="Z2335" s="53"/>
      <c r="AA2335" s="53"/>
      <c r="AB2335" s="53"/>
      <c r="AC2335" s="53"/>
      <c r="AD2335" s="53"/>
      <c r="AE2335" s="53"/>
      <c r="AF2335" s="53"/>
      <c r="AG2335" s="53"/>
      <c r="AH2335" s="53"/>
      <c r="AI2335" s="53"/>
      <c r="AJ2335" s="53"/>
      <c r="AK2335" s="53"/>
      <c r="AL2335" s="53"/>
      <c r="AM2335" s="53"/>
      <c r="AN2335" s="53"/>
      <c r="AO2335" s="53"/>
      <c r="AP2335" s="53"/>
      <c r="AQ2335" s="53"/>
      <c r="AR2335" s="53"/>
      <c r="AS2335" s="53"/>
      <c r="AT2335" s="53"/>
      <c r="AU2335" s="53"/>
      <c r="AV2335" s="53"/>
      <c r="AW2335" s="53"/>
      <c r="AX2335" s="53"/>
      <c r="AY2335" s="53"/>
      <c r="AZ2335" s="53"/>
      <c r="BA2335" s="53"/>
      <c r="BB2335" s="53"/>
      <c r="BC2335" s="53"/>
      <c r="BD2335" s="53"/>
      <c r="BE2335" s="53"/>
      <c r="BF2335" s="53"/>
      <c r="BG2335" s="53"/>
      <c r="BH2335" s="53"/>
      <c r="BI2335" s="53"/>
      <c r="BJ2335" s="53"/>
      <c r="BK2335" s="53"/>
      <c r="BL2335" s="53"/>
      <c r="BM2335" s="53"/>
      <c r="BN2335" s="53"/>
      <c r="BO2335" s="53"/>
      <c r="BP2335" s="53"/>
      <c r="BQ2335" s="53"/>
      <c r="BR2335" s="53"/>
      <c r="BS2335" s="53"/>
      <c r="BT2335" s="53"/>
      <c r="BU2335" s="53"/>
      <c r="BV2335" s="53"/>
      <c r="BW2335" s="53"/>
      <c r="BX2335" s="53"/>
      <c r="BY2335" s="53"/>
      <c r="BZ2335" s="53"/>
      <c r="CA2335" s="53"/>
      <c r="CB2335" s="53">
        <v>1540.86342229199</v>
      </c>
      <c r="CC2335" s="53">
        <v>1540.86342229199</v>
      </c>
      <c r="CD2335" s="53">
        <v>1540.86342229199</v>
      </c>
      <c r="CE2335" s="53">
        <v>1540.86342229199</v>
      </c>
      <c r="CF2335" s="53">
        <v>1540.86342229199</v>
      </c>
      <c r="CG2335" s="53">
        <v>1540.86342229199</v>
      </c>
      <c r="CH2335" s="53">
        <v>1540.86342229199</v>
      </c>
      <c r="CI2335" s="53">
        <v>1540.86342229199</v>
      </c>
      <c r="CJ2335" s="53">
        <v>1540.86342229199</v>
      </c>
      <c r="CK2335" s="53">
        <v>1540.86342229199</v>
      </c>
      <c r="CL2335" s="53">
        <v>1540.86342229199</v>
      </c>
      <c r="CM2335" s="53">
        <v>1540.86342229199</v>
      </c>
      <c r="CN2335" s="53">
        <v>18490.361067503902</v>
      </c>
    </row>
    <row r="2336" spans="1:92" outlineLevel="1">
      <c r="A2336" s="52" t="s">
        <v>711</v>
      </c>
      <c r="B2336" s="53"/>
      <c r="C2336" s="53"/>
      <c r="D2336" s="53"/>
      <c r="E2336" s="53"/>
      <c r="F2336" s="53"/>
      <c r="G2336" s="53"/>
      <c r="H2336" s="53"/>
      <c r="I2336" s="53"/>
      <c r="J2336" s="53"/>
      <c r="K2336" s="53"/>
      <c r="L2336" s="53"/>
      <c r="M2336" s="53"/>
      <c r="N2336" s="53"/>
      <c r="O2336" s="53"/>
      <c r="P2336" s="53"/>
      <c r="Q2336" s="53"/>
      <c r="R2336" s="53"/>
      <c r="S2336" s="53"/>
      <c r="T2336" s="53"/>
      <c r="U2336" s="53"/>
      <c r="V2336" s="53"/>
      <c r="W2336" s="53"/>
      <c r="X2336" s="53"/>
      <c r="Y2336" s="53"/>
      <c r="Z2336" s="53"/>
      <c r="AA2336" s="53"/>
      <c r="AB2336" s="53"/>
      <c r="AC2336" s="53"/>
      <c r="AD2336" s="53"/>
      <c r="AE2336" s="53"/>
      <c r="AF2336" s="53"/>
      <c r="AG2336" s="53"/>
      <c r="AH2336" s="53"/>
      <c r="AI2336" s="53"/>
      <c r="AJ2336" s="53"/>
      <c r="AK2336" s="53"/>
      <c r="AL2336" s="53"/>
      <c r="AM2336" s="53"/>
      <c r="AN2336" s="53"/>
      <c r="AO2336" s="53"/>
      <c r="AP2336" s="53"/>
      <c r="AQ2336" s="53"/>
      <c r="AR2336" s="53"/>
      <c r="AS2336" s="53"/>
      <c r="AT2336" s="53"/>
      <c r="AU2336" s="53"/>
      <c r="AV2336" s="53"/>
      <c r="AW2336" s="53"/>
      <c r="AX2336" s="53"/>
      <c r="AY2336" s="53"/>
      <c r="AZ2336" s="53"/>
      <c r="BA2336" s="53"/>
      <c r="BB2336" s="53"/>
      <c r="BC2336" s="53"/>
      <c r="BD2336" s="53"/>
      <c r="BE2336" s="53"/>
      <c r="BF2336" s="53"/>
      <c r="BG2336" s="53"/>
      <c r="BH2336" s="53"/>
      <c r="BI2336" s="53"/>
      <c r="BJ2336" s="53"/>
      <c r="BK2336" s="53"/>
      <c r="BL2336" s="53"/>
      <c r="BM2336" s="53"/>
      <c r="BN2336" s="53"/>
      <c r="BO2336" s="53"/>
      <c r="BP2336" s="53"/>
      <c r="BQ2336" s="53"/>
      <c r="BR2336" s="53"/>
      <c r="BS2336" s="53"/>
      <c r="BT2336" s="53"/>
      <c r="BU2336" s="53"/>
      <c r="BV2336" s="53"/>
      <c r="BW2336" s="53"/>
      <c r="BX2336" s="53"/>
      <c r="BY2336" s="53"/>
      <c r="BZ2336" s="53"/>
      <c r="CA2336" s="53"/>
      <c r="CB2336" s="53">
        <v>9185.2866242038108</v>
      </c>
      <c r="CC2336" s="53">
        <v>9185.2866242038108</v>
      </c>
      <c r="CD2336" s="53">
        <v>9185.2866242038108</v>
      </c>
      <c r="CE2336" s="53">
        <v>9185.2866242038108</v>
      </c>
      <c r="CF2336" s="53">
        <v>9185.2866242038108</v>
      </c>
      <c r="CG2336" s="53">
        <v>9185.2866242038108</v>
      </c>
      <c r="CH2336" s="53">
        <v>9185.2866242038108</v>
      </c>
      <c r="CI2336" s="53">
        <v>9185.2866242038108</v>
      </c>
      <c r="CJ2336" s="53">
        <v>9185.2866242038108</v>
      </c>
      <c r="CK2336" s="53">
        <v>9185.2866242038108</v>
      </c>
      <c r="CL2336" s="53">
        <v>9185.2866242038108</v>
      </c>
      <c r="CM2336" s="53">
        <v>9185.2866242038108</v>
      </c>
      <c r="CN2336" s="53">
        <v>110223.439490445</v>
      </c>
    </row>
    <row r="2337" spans="1:92" outlineLevel="1">
      <c r="A2337" s="52" t="s">
        <v>723</v>
      </c>
      <c r="B2337" s="53"/>
      <c r="C2337" s="53"/>
      <c r="D2337" s="53"/>
      <c r="E2337" s="53"/>
      <c r="F2337" s="53"/>
      <c r="G2337" s="53"/>
      <c r="H2337" s="53"/>
      <c r="I2337" s="53"/>
      <c r="J2337" s="53"/>
      <c r="K2337" s="53"/>
      <c r="L2337" s="53"/>
      <c r="M2337" s="53"/>
      <c r="N2337" s="53"/>
      <c r="O2337" s="53"/>
      <c r="P2337" s="53"/>
      <c r="Q2337" s="53"/>
      <c r="R2337" s="53"/>
      <c r="S2337" s="53"/>
      <c r="T2337" s="53"/>
      <c r="U2337" s="53"/>
      <c r="V2337" s="53"/>
      <c r="W2337" s="53"/>
      <c r="X2337" s="53"/>
      <c r="Y2337" s="53"/>
      <c r="Z2337" s="53"/>
      <c r="AA2337" s="53"/>
      <c r="AB2337" s="53"/>
      <c r="AC2337" s="53"/>
      <c r="AD2337" s="53"/>
      <c r="AE2337" s="53"/>
      <c r="AF2337" s="53"/>
      <c r="AG2337" s="53"/>
      <c r="AH2337" s="53"/>
      <c r="AI2337" s="53"/>
      <c r="AJ2337" s="53"/>
      <c r="AK2337" s="53"/>
      <c r="AL2337" s="53"/>
      <c r="AM2337" s="53"/>
      <c r="AN2337" s="53"/>
      <c r="AO2337" s="53"/>
      <c r="AP2337" s="53"/>
      <c r="AQ2337" s="53"/>
      <c r="AR2337" s="53"/>
      <c r="AS2337" s="53"/>
      <c r="AT2337" s="53"/>
      <c r="AU2337" s="53"/>
      <c r="AV2337" s="53"/>
      <c r="AW2337" s="53"/>
      <c r="AX2337" s="53"/>
      <c r="AY2337" s="53"/>
      <c r="AZ2337" s="53"/>
      <c r="BA2337" s="53"/>
      <c r="BB2337" s="53"/>
      <c r="BC2337" s="53"/>
      <c r="BD2337" s="53"/>
      <c r="BE2337" s="53"/>
      <c r="BF2337" s="53"/>
      <c r="BG2337" s="53"/>
      <c r="BH2337" s="53"/>
      <c r="BI2337" s="53"/>
      <c r="BJ2337" s="53"/>
      <c r="BK2337" s="53"/>
      <c r="BL2337" s="53"/>
      <c r="BM2337" s="53"/>
      <c r="BN2337" s="53"/>
      <c r="BO2337" s="53">
        <v>-650000000</v>
      </c>
      <c r="BP2337" s="53"/>
      <c r="BQ2337" s="53"/>
      <c r="BR2337" s="53"/>
      <c r="BS2337" s="53"/>
      <c r="BT2337" s="53"/>
      <c r="BU2337" s="53"/>
      <c r="BV2337" s="53"/>
      <c r="BW2337" s="53"/>
      <c r="BX2337" s="53"/>
      <c r="BY2337" s="53"/>
      <c r="BZ2337" s="53"/>
      <c r="CA2337" s="53">
        <v>-650000000</v>
      </c>
      <c r="CB2337" s="53">
        <v>3087.3789473684201</v>
      </c>
      <c r="CC2337" s="53">
        <v>3087.3789473684201</v>
      </c>
      <c r="CD2337" s="53">
        <v>3087.3789473684201</v>
      </c>
      <c r="CE2337" s="53">
        <v>3087.3789473684201</v>
      </c>
      <c r="CF2337" s="53">
        <v>3087.3789473684201</v>
      </c>
      <c r="CG2337" s="53">
        <v>3087.3789473684201</v>
      </c>
      <c r="CH2337" s="53">
        <v>3087.3789473684201</v>
      </c>
      <c r="CI2337" s="53">
        <v>3087.3789473684201</v>
      </c>
      <c r="CJ2337" s="53">
        <v>3087.3789473684201</v>
      </c>
      <c r="CK2337" s="53">
        <v>3087.3789473684201</v>
      </c>
      <c r="CL2337" s="53">
        <v>3087.3789473684201</v>
      </c>
      <c r="CM2337" s="53">
        <v>3087.3789473684201</v>
      </c>
      <c r="CN2337" s="53">
        <v>37048.547368421001</v>
      </c>
    </row>
    <row r="2338" spans="1:92" outlineLevel="1">
      <c r="A2338" s="52" t="s">
        <v>725</v>
      </c>
      <c r="B2338" s="53"/>
      <c r="C2338" s="53"/>
      <c r="D2338" s="53"/>
      <c r="E2338" s="53"/>
      <c r="F2338" s="53"/>
      <c r="G2338" s="53"/>
      <c r="H2338" s="53"/>
      <c r="I2338" s="53"/>
      <c r="J2338" s="53"/>
      <c r="K2338" s="53"/>
      <c r="L2338" s="53"/>
      <c r="M2338" s="53"/>
      <c r="N2338" s="53"/>
      <c r="O2338" s="53"/>
      <c r="P2338" s="53"/>
      <c r="Q2338" s="53"/>
      <c r="R2338" s="53"/>
      <c r="S2338" s="53"/>
      <c r="T2338" s="53"/>
      <c r="U2338" s="53"/>
      <c r="V2338" s="53"/>
      <c r="W2338" s="53"/>
      <c r="X2338" s="53"/>
      <c r="Y2338" s="53"/>
      <c r="Z2338" s="53"/>
      <c r="AA2338" s="53"/>
      <c r="AB2338" s="53"/>
      <c r="AC2338" s="53"/>
      <c r="AD2338" s="53"/>
      <c r="AE2338" s="53"/>
      <c r="AF2338" s="53"/>
      <c r="AG2338" s="53"/>
      <c r="AH2338" s="53"/>
      <c r="AI2338" s="53"/>
      <c r="AJ2338" s="53"/>
      <c r="AK2338" s="53"/>
      <c r="AL2338" s="53"/>
      <c r="AM2338" s="53"/>
      <c r="AN2338" s="53"/>
      <c r="AO2338" s="53"/>
      <c r="AP2338" s="53"/>
      <c r="AQ2338" s="53"/>
      <c r="AR2338" s="53"/>
      <c r="AS2338" s="53"/>
      <c r="AT2338" s="53"/>
      <c r="AU2338" s="53"/>
      <c r="AV2338" s="53"/>
      <c r="AW2338" s="53"/>
      <c r="AX2338" s="53"/>
      <c r="AY2338" s="53"/>
      <c r="AZ2338" s="53"/>
      <c r="BA2338" s="53"/>
      <c r="BB2338" s="53"/>
      <c r="BC2338" s="53"/>
      <c r="BD2338" s="53"/>
      <c r="BE2338" s="53"/>
      <c r="BF2338" s="53"/>
      <c r="BG2338" s="53"/>
      <c r="BH2338" s="53"/>
      <c r="BI2338" s="53"/>
      <c r="BJ2338" s="53"/>
      <c r="BK2338" s="53"/>
      <c r="BL2338" s="53"/>
      <c r="BM2338" s="53"/>
      <c r="BN2338" s="53"/>
      <c r="BO2338" s="53"/>
      <c r="BP2338" s="53"/>
      <c r="BQ2338" s="53"/>
      <c r="BR2338" s="53"/>
      <c r="BS2338" s="53"/>
      <c r="BT2338" s="53"/>
      <c r="BU2338" s="53"/>
      <c r="BV2338" s="53"/>
      <c r="BW2338" s="53"/>
      <c r="BX2338" s="53"/>
      <c r="BY2338" s="53"/>
      <c r="BZ2338" s="53"/>
      <c r="CA2338" s="53"/>
      <c r="CB2338" s="53">
        <v>5700.3251231527001</v>
      </c>
      <c r="CC2338" s="53">
        <v>5700.3251231527101</v>
      </c>
      <c r="CD2338" s="53">
        <v>5700.3251231527001</v>
      </c>
      <c r="CE2338" s="53">
        <v>5700.3251231527101</v>
      </c>
      <c r="CF2338" s="53">
        <v>5700.3251231527101</v>
      </c>
      <c r="CG2338" s="53">
        <v>5700.3251231527101</v>
      </c>
      <c r="CH2338" s="53">
        <v>5700.3251231527101</v>
      </c>
      <c r="CI2338" s="53">
        <v>5700.3251231527101</v>
      </c>
      <c r="CJ2338" s="53">
        <v>5700.3251231527101</v>
      </c>
      <c r="CK2338" s="53">
        <v>5700.3251231527101</v>
      </c>
      <c r="CL2338" s="53">
        <v>5700.3251231527101</v>
      </c>
      <c r="CM2338" s="53">
        <v>5700.3251231527101</v>
      </c>
      <c r="CN2338" s="53">
        <v>68403.901477832507</v>
      </c>
    </row>
    <row r="2339" spans="1:92" outlineLevel="1">
      <c r="A2339" s="52" t="s">
        <v>1564</v>
      </c>
      <c r="B2339" s="53"/>
      <c r="C2339" s="53"/>
      <c r="D2339" s="53"/>
      <c r="E2339" s="53"/>
      <c r="F2339" s="53"/>
      <c r="G2339" s="53"/>
      <c r="H2339" s="53"/>
      <c r="I2339" s="53"/>
      <c r="J2339" s="53"/>
      <c r="K2339" s="53"/>
      <c r="L2339" s="53"/>
      <c r="M2339" s="53"/>
      <c r="N2339" s="53"/>
      <c r="O2339" s="53"/>
      <c r="P2339" s="53"/>
      <c r="Q2339" s="53"/>
      <c r="R2339" s="53"/>
      <c r="S2339" s="53"/>
      <c r="T2339" s="53"/>
      <c r="U2339" s="53"/>
      <c r="V2339" s="53"/>
      <c r="W2339" s="53"/>
      <c r="X2339" s="53"/>
      <c r="Y2339" s="53"/>
      <c r="Z2339" s="53"/>
      <c r="AA2339" s="53"/>
      <c r="AB2339" s="53"/>
      <c r="AC2339" s="53"/>
      <c r="AD2339" s="53"/>
      <c r="AE2339" s="53">
        <v>-800000000</v>
      </c>
      <c r="AF2339" s="53"/>
      <c r="AG2339" s="53"/>
      <c r="AH2339" s="53"/>
      <c r="AI2339" s="53"/>
      <c r="AJ2339" s="53"/>
      <c r="AK2339" s="53"/>
      <c r="AL2339" s="53"/>
      <c r="AM2339" s="53"/>
      <c r="AN2339" s="53">
        <v>-800000000</v>
      </c>
      <c r="AO2339" s="53"/>
      <c r="AP2339" s="53"/>
      <c r="AQ2339" s="53"/>
      <c r="AR2339" s="53"/>
      <c r="AS2339" s="53"/>
      <c r="AT2339" s="53"/>
      <c r="AU2339" s="53"/>
      <c r="AV2339" s="53"/>
      <c r="AW2339" s="53"/>
      <c r="AX2339" s="53"/>
      <c r="AY2339" s="53"/>
      <c r="AZ2339" s="53"/>
      <c r="BA2339" s="53"/>
      <c r="BB2339" s="53"/>
      <c r="BC2339" s="53"/>
      <c r="BD2339" s="53"/>
      <c r="BE2339" s="53"/>
      <c r="BF2339" s="53"/>
      <c r="BG2339" s="53"/>
      <c r="BH2339" s="53"/>
      <c r="BI2339" s="53"/>
      <c r="BJ2339" s="53"/>
      <c r="BK2339" s="53"/>
      <c r="BL2339" s="53"/>
      <c r="BM2339" s="53"/>
      <c r="BN2339" s="53"/>
      <c r="BO2339" s="53"/>
      <c r="BP2339" s="53"/>
      <c r="BQ2339" s="53"/>
      <c r="BR2339" s="53"/>
      <c r="BS2339" s="53"/>
      <c r="BT2339" s="53"/>
      <c r="BU2339" s="53"/>
      <c r="BV2339" s="53"/>
      <c r="BW2339" s="53"/>
      <c r="BX2339" s="53"/>
      <c r="BY2339" s="53"/>
      <c r="BZ2339" s="53"/>
      <c r="CA2339" s="53"/>
      <c r="CB2339" s="53">
        <v>8149.6234309623196</v>
      </c>
      <c r="CC2339" s="53">
        <v>8149.6234309623196</v>
      </c>
      <c r="CD2339" s="53">
        <v>8149.6234309623196</v>
      </c>
      <c r="CE2339" s="53">
        <v>8149.6234309623196</v>
      </c>
      <c r="CF2339" s="53">
        <v>8149.6234309623196</v>
      </c>
      <c r="CG2339" s="53">
        <v>8149.6234309623196</v>
      </c>
      <c r="CH2339" s="53">
        <v>8149.6234309623196</v>
      </c>
      <c r="CI2339" s="53">
        <v>8149.6234309623196</v>
      </c>
      <c r="CJ2339" s="53">
        <v>8149.6234309623196</v>
      </c>
      <c r="CK2339" s="53">
        <v>8149.6234309623196</v>
      </c>
      <c r="CL2339" s="53">
        <v>8149.6234309623196</v>
      </c>
      <c r="CM2339" s="53">
        <v>8149.6234309623196</v>
      </c>
      <c r="CN2339" s="53">
        <v>97795.481171547799</v>
      </c>
    </row>
    <row r="2340" spans="1:92">
      <c r="A2340" s="52" t="s">
        <v>1562</v>
      </c>
      <c r="B2340" s="53"/>
      <c r="C2340" s="53"/>
      <c r="D2340" s="53"/>
      <c r="E2340" s="53"/>
      <c r="F2340" s="53"/>
      <c r="G2340" s="53"/>
      <c r="H2340" s="53"/>
      <c r="I2340" s="53"/>
      <c r="J2340" s="53"/>
      <c r="K2340" s="53"/>
      <c r="L2340" s="53"/>
      <c r="M2340" s="53"/>
      <c r="N2340" s="53"/>
      <c r="O2340" s="53"/>
      <c r="P2340" s="53"/>
      <c r="Q2340" s="53"/>
      <c r="R2340" s="53"/>
      <c r="S2340" s="53"/>
      <c r="T2340" s="53"/>
      <c r="U2340" s="53"/>
      <c r="V2340" s="53"/>
      <c r="W2340" s="53"/>
      <c r="X2340" s="53"/>
      <c r="Y2340" s="53"/>
      <c r="Z2340" s="53"/>
      <c r="AA2340" s="53"/>
      <c r="AB2340" s="53"/>
      <c r="AC2340" s="53"/>
      <c r="AD2340" s="53"/>
      <c r="AE2340" s="53"/>
      <c r="AF2340" s="53"/>
      <c r="AG2340" s="53"/>
      <c r="AH2340" s="53"/>
      <c r="AI2340" s="53"/>
      <c r="AJ2340" s="53"/>
      <c r="AK2340" s="53"/>
      <c r="AL2340" s="53"/>
      <c r="AM2340" s="53"/>
      <c r="AN2340" s="53"/>
      <c r="AO2340" s="53"/>
      <c r="AP2340" s="53"/>
      <c r="AQ2340" s="53"/>
      <c r="AR2340" s="53"/>
      <c r="AS2340" s="53"/>
      <c r="AT2340" s="53"/>
      <c r="AU2340" s="53"/>
      <c r="AV2340" s="53"/>
      <c r="AW2340" s="53"/>
      <c r="AX2340" s="53"/>
      <c r="AY2340" s="53"/>
      <c r="AZ2340" s="53"/>
      <c r="BA2340" s="53"/>
      <c r="BB2340" s="53"/>
      <c r="BC2340" s="53"/>
      <c r="BD2340" s="53"/>
      <c r="BE2340" s="53"/>
      <c r="BF2340" s="53"/>
      <c r="BG2340" s="53"/>
      <c r="BH2340" s="53"/>
      <c r="BI2340" s="53"/>
      <c r="BJ2340" s="53"/>
      <c r="BK2340" s="53"/>
      <c r="BL2340" s="53"/>
      <c r="BM2340" s="53"/>
      <c r="BN2340" s="53"/>
      <c r="BO2340" s="53"/>
      <c r="BP2340" s="53"/>
      <c r="BQ2340" s="53"/>
      <c r="BR2340" s="53"/>
      <c r="BS2340" s="53"/>
      <c r="BT2340" s="53"/>
      <c r="BU2340" s="53"/>
      <c r="BV2340" s="53"/>
      <c r="BW2340" s="53"/>
      <c r="BX2340" s="53"/>
      <c r="BY2340" s="53"/>
      <c r="BZ2340" s="53"/>
      <c r="CA2340" s="53"/>
      <c r="CB2340" s="53">
        <v>7907.1043115438297</v>
      </c>
      <c r="CC2340" s="53">
        <v>7907.1043115438297</v>
      </c>
      <c r="CD2340" s="53">
        <v>7907.1043115438297</v>
      </c>
      <c r="CE2340" s="53">
        <v>7907.1043115438297</v>
      </c>
      <c r="CF2340" s="53">
        <v>7907.1043115438297</v>
      </c>
      <c r="CG2340" s="53">
        <v>7907.1043115438297</v>
      </c>
      <c r="CH2340" s="53">
        <v>7907.1043115438297</v>
      </c>
      <c r="CI2340" s="53">
        <v>7907.1043115438297</v>
      </c>
      <c r="CJ2340" s="53">
        <v>7907.1043115438297</v>
      </c>
      <c r="CK2340" s="53">
        <v>7907.1043115438297</v>
      </c>
      <c r="CL2340" s="53">
        <v>7907.1043115438297</v>
      </c>
      <c r="CM2340" s="53">
        <v>7907.1043115438397</v>
      </c>
      <c r="CN2340" s="53">
        <v>94885.251738526</v>
      </c>
    </row>
    <row r="2341" spans="1:92">
      <c r="A2341" s="52" t="s">
        <v>711</v>
      </c>
      <c r="B2341" s="53"/>
      <c r="C2341" s="53">
        <v>-5062500</v>
      </c>
      <c r="D2341" s="53"/>
      <c r="E2341" s="53"/>
      <c r="F2341" s="53"/>
      <c r="G2341" s="53"/>
      <c r="H2341" s="53"/>
      <c r="I2341" s="53">
        <v>-5062500</v>
      </c>
      <c r="J2341" s="53"/>
      <c r="K2341" s="53"/>
      <c r="L2341" s="53"/>
      <c r="M2341" s="53"/>
      <c r="N2341" s="53">
        <v>-10125000</v>
      </c>
      <c r="O2341" s="53"/>
      <c r="P2341" s="53">
        <v>-5062500</v>
      </c>
      <c r="Q2341" s="53"/>
      <c r="R2341" s="53"/>
      <c r="S2341" s="53"/>
      <c r="T2341" s="53"/>
      <c r="U2341" s="53"/>
      <c r="V2341" s="53">
        <v>-5062500</v>
      </c>
      <c r="W2341" s="53"/>
      <c r="X2341" s="53"/>
      <c r="Y2341" s="53"/>
      <c r="Z2341" s="53"/>
      <c r="AA2341" s="53">
        <v>-10125000</v>
      </c>
      <c r="AB2341" s="53"/>
      <c r="AC2341" s="53">
        <v>-5062500</v>
      </c>
      <c r="AD2341" s="53"/>
      <c r="AE2341" s="53"/>
      <c r="AF2341" s="53"/>
      <c r="AG2341" s="53"/>
      <c r="AH2341" s="53"/>
      <c r="AI2341" s="53">
        <v>-5062500</v>
      </c>
      <c r="AJ2341" s="53"/>
      <c r="AK2341" s="53"/>
      <c r="AL2341" s="53"/>
      <c r="AM2341" s="53"/>
      <c r="AN2341" s="53">
        <v>-10125000</v>
      </c>
      <c r="AO2341" s="53"/>
      <c r="AP2341" s="53">
        <v>-5062500</v>
      </c>
      <c r="AQ2341" s="53"/>
      <c r="AR2341" s="53"/>
      <c r="AS2341" s="53"/>
      <c r="AT2341" s="53"/>
      <c r="AU2341" s="53"/>
      <c r="AV2341" s="53">
        <v>-5062500</v>
      </c>
      <c r="AW2341" s="53"/>
      <c r="AX2341" s="53"/>
      <c r="AY2341" s="53"/>
      <c r="AZ2341" s="53"/>
      <c r="BA2341" s="53">
        <v>-10125000</v>
      </c>
      <c r="BB2341" s="53"/>
      <c r="BC2341" s="53">
        <v>-5062500</v>
      </c>
      <c r="BD2341" s="53"/>
      <c r="BE2341" s="53"/>
      <c r="BF2341" s="53"/>
      <c r="BG2341" s="53"/>
      <c r="BH2341" s="53"/>
      <c r="BI2341" s="53">
        <v>-5062500</v>
      </c>
      <c r="BJ2341" s="53"/>
      <c r="BK2341" s="53"/>
      <c r="BL2341" s="53"/>
      <c r="BM2341" s="53"/>
      <c r="BN2341" s="53">
        <v>-10125000</v>
      </c>
      <c r="BO2341" s="53"/>
      <c r="BP2341" s="53">
        <v>-5062500</v>
      </c>
      <c r="BQ2341" s="53"/>
      <c r="BR2341" s="53"/>
      <c r="BS2341" s="53"/>
      <c r="BT2341" s="53"/>
      <c r="BU2341" s="53"/>
      <c r="BV2341" s="53">
        <v>-5062500</v>
      </c>
      <c r="BW2341" s="53"/>
      <c r="BX2341" s="53"/>
      <c r="BY2341" s="53"/>
      <c r="BZ2341" s="53"/>
      <c r="CA2341" s="53">
        <v>-10125000</v>
      </c>
      <c r="CB2341" s="53"/>
      <c r="CC2341" s="53"/>
      <c r="CD2341" s="53"/>
      <c r="CE2341" s="53"/>
      <c r="CF2341" s="53"/>
      <c r="CG2341" s="53"/>
      <c r="CH2341" s="53"/>
      <c r="CI2341" s="53"/>
      <c r="CJ2341" s="53"/>
      <c r="CK2341" s="53"/>
      <c r="CL2341" s="53"/>
      <c r="CM2341" s="53"/>
      <c r="CN2341" s="53"/>
    </row>
    <row r="2342" spans="1:92">
      <c r="A2342" s="52" t="s">
        <v>712</v>
      </c>
      <c r="B2342" s="53"/>
      <c r="C2342" s="53"/>
      <c r="D2342" s="53">
        <v>-6637500</v>
      </c>
      <c r="E2342" s="53"/>
      <c r="F2342" s="53"/>
      <c r="G2342" s="53"/>
      <c r="H2342" s="53"/>
      <c r="I2342" s="53"/>
      <c r="J2342" s="53">
        <v>-6637500</v>
      </c>
      <c r="K2342" s="53"/>
      <c r="L2342" s="53"/>
      <c r="M2342" s="53"/>
      <c r="N2342" s="53">
        <v>-13275000</v>
      </c>
      <c r="O2342" s="53"/>
      <c r="P2342" s="53"/>
      <c r="Q2342" s="53">
        <v>-6637500</v>
      </c>
      <c r="R2342" s="53"/>
      <c r="S2342" s="53"/>
      <c r="T2342" s="53"/>
      <c r="U2342" s="53"/>
      <c r="V2342" s="53"/>
      <c r="W2342" s="53">
        <v>-6637500</v>
      </c>
      <c r="X2342" s="53"/>
      <c r="Y2342" s="53"/>
      <c r="Z2342" s="53"/>
      <c r="AA2342" s="53">
        <v>-13275000</v>
      </c>
      <c r="AB2342" s="53"/>
      <c r="AC2342" s="53"/>
      <c r="AD2342" s="53">
        <v>-6637500</v>
      </c>
      <c r="AE2342" s="53"/>
      <c r="AF2342" s="53"/>
      <c r="AG2342" s="53"/>
      <c r="AH2342" s="53"/>
      <c r="AI2342" s="53"/>
      <c r="AJ2342" s="53">
        <v>-6637500</v>
      </c>
      <c r="AK2342" s="53"/>
      <c r="AL2342" s="53"/>
      <c r="AM2342" s="53"/>
      <c r="AN2342" s="53">
        <v>-13275000</v>
      </c>
      <c r="AO2342" s="53"/>
      <c r="AP2342" s="53"/>
      <c r="AQ2342" s="53">
        <v>-6637500</v>
      </c>
      <c r="AR2342" s="53"/>
      <c r="AS2342" s="53"/>
      <c r="AT2342" s="53"/>
      <c r="AU2342" s="53"/>
      <c r="AV2342" s="53"/>
      <c r="AW2342" s="53">
        <v>-6637500</v>
      </c>
      <c r="AX2342" s="53"/>
      <c r="AY2342" s="53"/>
      <c r="AZ2342" s="53"/>
      <c r="BA2342" s="53">
        <v>-13275000</v>
      </c>
      <c r="BB2342" s="53"/>
      <c r="BC2342" s="53"/>
      <c r="BD2342" s="53">
        <v>-6637500</v>
      </c>
      <c r="BE2342" s="53"/>
      <c r="BF2342" s="53"/>
      <c r="BG2342" s="53"/>
      <c r="BH2342" s="53"/>
      <c r="BI2342" s="53"/>
      <c r="BJ2342" s="53">
        <v>-6637500</v>
      </c>
      <c r="BK2342" s="53"/>
      <c r="BL2342" s="53"/>
      <c r="BM2342" s="53"/>
      <c r="BN2342" s="53">
        <v>-13275000</v>
      </c>
      <c r="BO2342" s="53"/>
      <c r="BP2342" s="53"/>
      <c r="BQ2342" s="53">
        <v>-6637500</v>
      </c>
      <c r="BR2342" s="53"/>
      <c r="BS2342" s="53"/>
      <c r="BT2342" s="53"/>
      <c r="BU2342" s="53"/>
      <c r="BV2342" s="53"/>
      <c r="BW2342" s="53">
        <v>-6637500</v>
      </c>
      <c r="BX2342" s="53"/>
      <c r="BY2342" s="53"/>
      <c r="BZ2342" s="53"/>
      <c r="CA2342" s="53">
        <v>-13275000</v>
      </c>
      <c r="CB2342" s="53"/>
      <c r="CC2342" s="53"/>
      <c r="CD2342" s="53"/>
      <c r="CE2342" s="53"/>
      <c r="CF2342" s="53"/>
      <c r="CG2342" s="53"/>
      <c r="CH2342" s="53"/>
      <c r="CI2342" s="53"/>
      <c r="CJ2342" s="53"/>
      <c r="CK2342" s="53"/>
      <c r="CL2342" s="53"/>
      <c r="CM2342" s="53"/>
      <c r="CN2342" s="53"/>
    </row>
    <row r="2343" spans="1:92">
      <c r="A2343" s="52" t="s">
        <v>713</v>
      </c>
      <c r="B2343" s="53"/>
      <c r="C2343" s="53"/>
      <c r="D2343" s="53">
        <v>-15875000.666666601</v>
      </c>
      <c r="E2343" s="53"/>
      <c r="F2343" s="53"/>
      <c r="G2343" s="53"/>
      <c r="H2343" s="53"/>
      <c r="I2343" s="53"/>
      <c r="J2343" s="53">
        <v>-15874999.666666601</v>
      </c>
      <c r="K2343" s="53"/>
      <c r="L2343" s="53"/>
      <c r="M2343" s="53"/>
      <c r="N2343" s="53">
        <v>-31750000.333333299</v>
      </c>
      <c r="O2343" s="53"/>
      <c r="P2343" s="53"/>
      <c r="Q2343" s="53">
        <v>-15875000.3333333</v>
      </c>
      <c r="R2343" s="53"/>
      <c r="S2343" s="53"/>
      <c r="T2343" s="53"/>
      <c r="U2343" s="53"/>
      <c r="V2343" s="53"/>
      <c r="W2343" s="53">
        <v>-15875000</v>
      </c>
      <c r="X2343" s="53"/>
      <c r="Y2343" s="53"/>
      <c r="Z2343" s="53"/>
      <c r="AA2343" s="53">
        <v>-31750000.333333299</v>
      </c>
      <c r="AB2343" s="53"/>
      <c r="AC2343" s="53"/>
      <c r="AD2343" s="53">
        <v>-15875000</v>
      </c>
      <c r="AE2343" s="53"/>
      <c r="AF2343" s="53"/>
      <c r="AG2343" s="53"/>
      <c r="AH2343" s="53"/>
      <c r="AI2343" s="53"/>
      <c r="AJ2343" s="53">
        <v>-15875000</v>
      </c>
      <c r="AK2343" s="53"/>
      <c r="AL2343" s="53"/>
      <c r="AM2343" s="53"/>
      <c r="AN2343" s="53">
        <v>-31750000</v>
      </c>
      <c r="AO2343" s="53"/>
      <c r="AP2343" s="53"/>
      <c r="AQ2343" s="53">
        <v>-15875000</v>
      </c>
      <c r="AR2343" s="53"/>
      <c r="AS2343" s="53"/>
      <c r="AT2343" s="53"/>
      <c r="AU2343" s="53"/>
      <c r="AV2343" s="53"/>
      <c r="AW2343" s="53">
        <v>-15875000</v>
      </c>
      <c r="AX2343" s="53"/>
      <c r="AY2343" s="53"/>
      <c r="AZ2343" s="53"/>
      <c r="BA2343" s="53">
        <v>-31750000</v>
      </c>
      <c r="BB2343" s="53"/>
      <c r="BC2343" s="53"/>
      <c r="BD2343" s="53">
        <v>-15875000</v>
      </c>
      <c r="BE2343" s="53"/>
      <c r="BF2343" s="53"/>
      <c r="BG2343" s="53"/>
      <c r="BH2343" s="53"/>
      <c r="BI2343" s="53"/>
      <c r="BJ2343" s="53">
        <v>-15875000</v>
      </c>
      <c r="BK2343" s="53"/>
      <c r="BL2343" s="53"/>
      <c r="BM2343" s="53"/>
      <c r="BN2343" s="53">
        <v>-31750000</v>
      </c>
      <c r="BO2343" s="53"/>
      <c r="BP2343" s="53"/>
      <c r="BQ2343" s="53">
        <v>-15875000</v>
      </c>
      <c r="BR2343" s="53"/>
      <c r="BS2343" s="53"/>
      <c r="BT2343" s="53"/>
      <c r="BU2343" s="53"/>
      <c r="BV2343" s="53"/>
      <c r="BW2343" s="53">
        <v>-15875000</v>
      </c>
      <c r="BX2343" s="53"/>
      <c r="BY2343" s="53"/>
      <c r="BZ2343" s="53"/>
      <c r="CA2343" s="53">
        <v>-31750000</v>
      </c>
      <c r="CB2343" s="53">
        <v>650000000</v>
      </c>
      <c r="CC2343" s="53"/>
      <c r="CD2343" s="53"/>
      <c r="CE2343" s="53"/>
      <c r="CF2343" s="53"/>
      <c r="CG2343" s="53"/>
      <c r="CH2343" s="53"/>
      <c r="CI2343" s="53"/>
      <c r="CJ2343" s="53"/>
      <c r="CK2343" s="53"/>
      <c r="CL2343" s="53"/>
      <c r="CM2343" s="53"/>
      <c r="CN2343" s="53">
        <v>650000000</v>
      </c>
    </row>
    <row r="2344" spans="1:92">
      <c r="A2344" s="52" t="s">
        <v>716</v>
      </c>
      <c r="B2344" s="53"/>
      <c r="C2344" s="53"/>
      <c r="D2344" s="53"/>
      <c r="E2344" s="53"/>
      <c r="F2344" s="53"/>
      <c r="G2344" s="53">
        <v>-32000000.666666601</v>
      </c>
      <c r="H2344" s="53"/>
      <c r="I2344" s="53"/>
      <c r="J2344" s="53"/>
      <c r="K2344" s="53"/>
      <c r="L2344" s="53"/>
      <c r="M2344" s="53">
        <v>-31999999.666666601</v>
      </c>
      <c r="N2344" s="53">
        <v>-64000000.333333299</v>
      </c>
      <c r="O2344" s="53"/>
      <c r="P2344" s="53"/>
      <c r="Q2344" s="53"/>
      <c r="R2344" s="53"/>
      <c r="S2344" s="53"/>
      <c r="T2344" s="53">
        <v>-32000000.333333299</v>
      </c>
      <c r="U2344" s="53"/>
      <c r="V2344" s="53"/>
      <c r="W2344" s="53"/>
      <c r="X2344" s="53"/>
      <c r="Y2344" s="53"/>
      <c r="Z2344" s="53">
        <v>-31999999.999999899</v>
      </c>
      <c r="AA2344" s="53">
        <v>-64000000.333333299</v>
      </c>
      <c r="AB2344" s="53"/>
      <c r="AC2344" s="53"/>
      <c r="AD2344" s="53"/>
      <c r="AE2344" s="53"/>
      <c r="AF2344" s="53"/>
      <c r="AG2344" s="53">
        <v>-32000000</v>
      </c>
      <c r="AH2344" s="53"/>
      <c r="AI2344" s="53"/>
      <c r="AJ2344" s="53"/>
      <c r="AK2344" s="53"/>
      <c r="AL2344" s="53"/>
      <c r="AM2344" s="53">
        <v>-31999999.999999899</v>
      </c>
      <c r="AN2344" s="53">
        <v>-64000000</v>
      </c>
      <c r="AO2344" s="53"/>
      <c r="AP2344" s="53"/>
      <c r="AQ2344" s="53"/>
      <c r="AR2344" s="53"/>
      <c r="AS2344" s="53"/>
      <c r="AT2344" s="53">
        <v>-32000000</v>
      </c>
      <c r="AU2344" s="53"/>
      <c r="AV2344" s="53"/>
      <c r="AW2344" s="53"/>
      <c r="AX2344" s="53"/>
      <c r="AY2344" s="53"/>
      <c r="AZ2344" s="53">
        <v>-31999999.999999899</v>
      </c>
      <c r="BA2344" s="53">
        <v>-64000000</v>
      </c>
      <c r="BB2344" s="53"/>
      <c r="BC2344" s="53"/>
      <c r="BD2344" s="53"/>
      <c r="BE2344" s="53"/>
      <c r="BF2344" s="53"/>
      <c r="BG2344" s="53">
        <v>-32000000</v>
      </c>
      <c r="BH2344" s="53"/>
      <c r="BI2344" s="53"/>
      <c r="BJ2344" s="53"/>
      <c r="BK2344" s="53"/>
      <c r="BL2344" s="53"/>
      <c r="BM2344" s="53">
        <v>-31999999.999999899</v>
      </c>
      <c r="BN2344" s="53">
        <v>-64000000</v>
      </c>
      <c r="BO2344" s="53"/>
      <c r="BP2344" s="53"/>
      <c r="BQ2344" s="53"/>
      <c r="BR2344" s="53"/>
      <c r="BS2344" s="53"/>
      <c r="BT2344" s="53">
        <v>-32000000</v>
      </c>
      <c r="BU2344" s="53"/>
      <c r="BV2344" s="53"/>
      <c r="BW2344" s="53"/>
      <c r="BX2344" s="53"/>
      <c r="BY2344" s="53"/>
      <c r="BZ2344" s="53">
        <v>-31999999.999999899</v>
      </c>
      <c r="CA2344" s="53">
        <v>-64000000</v>
      </c>
      <c r="CB2344" s="53"/>
      <c r="CC2344" s="53"/>
      <c r="CD2344" s="53"/>
      <c r="CE2344" s="53"/>
      <c r="CF2344" s="53"/>
      <c r="CG2344" s="53"/>
      <c r="CH2344" s="53"/>
      <c r="CI2344" s="53"/>
      <c r="CJ2344" s="53"/>
      <c r="CK2344" s="53"/>
      <c r="CL2344" s="53"/>
      <c r="CM2344" s="53"/>
      <c r="CN2344" s="53"/>
    </row>
    <row r="2345" spans="1:92">
      <c r="A2345" s="52" t="s">
        <v>717</v>
      </c>
      <c r="B2345" s="53"/>
      <c r="C2345" s="53"/>
      <c r="D2345" s="53"/>
      <c r="E2345" s="53">
        <v>-9887499.5555555504</v>
      </c>
      <c r="F2345" s="53"/>
      <c r="G2345" s="53"/>
      <c r="H2345" s="53"/>
      <c r="I2345" s="53"/>
      <c r="J2345" s="53"/>
      <c r="K2345" s="53">
        <v>-9887499.5555555504</v>
      </c>
      <c r="L2345" s="53"/>
      <c r="M2345" s="53"/>
      <c r="N2345" s="53">
        <v>-19774999.111111101</v>
      </c>
      <c r="O2345" s="53"/>
      <c r="P2345" s="53"/>
      <c r="Q2345" s="53"/>
      <c r="R2345" s="53">
        <v>-9887499.5555555504</v>
      </c>
      <c r="S2345" s="53"/>
      <c r="T2345" s="53"/>
      <c r="U2345" s="53"/>
      <c r="V2345" s="53"/>
      <c r="W2345" s="53"/>
      <c r="X2345" s="53">
        <v>-9887500</v>
      </c>
      <c r="Y2345" s="53"/>
      <c r="Z2345" s="53"/>
      <c r="AA2345" s="53">
        <v>-19774999.5555555</v>
      </c>
      <c r="AB2345" s="53"/>
      <c r="AC2345" s="53"/>
      <c r="AD2345" s="53"/>
      <c r="AE2345" s="53">
        <v>-9887500</v>
      </c>
      <c r="AF2345" s="53"/>
      <c r="AG2345" s="53"/>
      <c r="AH2345" s="53"/>
      <c r="AI2345" s="53"/>
      <c r="AJ2345" s="53"/>
      <c r="AK2345" s="53">
        <v>-9887500</v>
      </c>
      <c r="AL2345" s="53"/>
      <c r="AM2345" s="53"/>
      <c r="AN2345" s="53">
        <v>-19775000</v>
      </c>
      <c r="AO2345" s="53"/>
      <c r="AP2345" s="53"/>
      <c r="AQ2345" s="53"/>
      <c r="AR2345" s="53">
        <v>-9887500</v>
      </c>
      <c r="AS2345" s="53"/>
      <c r="AT2345" s="53"/>
      <c r="AU2345" s="53"/>
      <c r="AV2345" s="53"/>
      <c r="AW2345" s="53"/>
      <c r="AX2345" s="53">
        <v>-9887500</v>
      </c>
      <c r="AY2345" s="53"/>
      <c r="AZ2345" s="53"/>
      <c r="BA2345" s="53">
        <v>-19775000</v>
      </c>
      <c r="BB2345" s="53"/>
      <c r="BC2345" s="53"/>
      <c r="BD2345" s="53"/>
      <c r="BE2345" s="53">
        <v>-9887500</v>
      </c>
      <c r="BF2345" s="53"/>
      <c r="BG2345" s="53"/>
      <c r="BH2345" s="53"/>
      <c r="BI2345" s="53"/>
      <c r="BJ2345" s="53"/>
      <c r="BK2345" s="53">
        <v>-9887500</v>
      </c>
      <c r="BL2345" s="53"/>
      <c r="BM2345" s="53"/>
      <c r="BN2345" s="53">
        <v>-19775000</v>
      </c>
      <c r="BO2345" s="53"/>
      <c r="BP2345" s="53"/>
      <c r="BQ2345" s="53"/>
      <c r="BR2345" s="53">
        <v>-9887500</v>
      </c>
      <c r="BS2345" s="53"/>
      <c r="BT2345" s="53"/>
      <c r="BU2345" s="53"/>
      <c r="BV2345" s="53"/>
      <c r="BW2345" s="53"/>
      <c r="BX2345" s="53">
        <v>-9887500</v>
      </c>
      <c r="BY2345" s="53"/>
      <c r="BZ2345" s="53"/>
      <c r="CA2345" s="53">
        <v>-19775000</v>
      </c>
      <c r="CB2345" s="53"/>
      <c r="CC2345" s="53"/>
      <c r="CD2345" s="53"/>
      <c r="CE2345" s="53"/>
      <c r="CF2345" s="53"/>
      <c r="CG2345" s="53"/>
      <c r="CH2345" s="53"/>
      <c r="CI2345" s="53"/>
      <c r="CJ2345" s="53"/>
      <c r="CK2345" s="53"/>
      <c r="CL2345" s="53"/>
      <c r="CM2345" s="53"/>
      <c r="CN2345" s="53"/>
    </row>
    <row r="2346" spans="1:92">
      <c r="A2346" s="52" t="s">
        <v>718</v>
      </c>
      <c r="B2346" s="53"/>
      <c r="C2346" s="53"/>
      <c r="D2346" s="53"/>
      <c r="E2346" s="53"/>
      <c r="F2346" s="53">
        <v>-7699999.6666666605</v>
      </c>
      <c r="G2346" s="53"/>
      <c r="H2346" s="53"/>
      <c r="I2346" s="53"/>
      <c r="J2346" s="53"/>
      <c r="K2346" s="53"/>
      <c r="L2346" s="53">
        <v>-7699999.6666666605</v>
      </c>
      <c r="M2346" s="53"/>
      <c r="N2346" s="53">
        <v>-15399999.3333333</v>
      </c>
      <c r="O2346" s="53"/>
      <c r="P2346" s="53"/>
      <c r="Q2346" s="53"/>
      <c r="R2346" s="53"/>
      <c r="S2346" s="53">
        <v>-7699999.9999999898</v>
      </c>
      <c r="T2346" s="53"/>
      <c r="U2346" s="53"/>
      <c r="V2346" s="53"/>
      <c r="W2346" s="53"/>
      <c r="X2346" s="53"/>
      <c r="Y2346" s="53">
        <v>-7700000</v>
      </c>
      <c r="Z2346" s="53"/>
      <c r="AA2346" s="53">
        <v>-15400000</v>
      </c>
      <c r="AB2346" s="53"/>
      <c r="AC2346" s="53"/>
      <c r="AD2346" s="53"/>
      <c r="AE2346" s="53"/>
      <c r="AF2346" s="53">
        <v>-7699999.9999999898</v>
      </c>
      <c r="AG2346" s="53"/>
      <c r="AH2346" s="53"/>
      <c r="AI2346" s="53"/>
      <c r="AJ2346" s="53"/>
      <c r="AK2346" s="53"/>
      <c r="AL2346" s="53">
        <v>-7700000</v>
      </c>
      <c r="AM2346" s="53"/>
      <c r="AN2346" s="53">
        <v>-15400000</v>
      </c>
      <c r="AO2346" s="53"/>
      <c r="AP2346" s="53"/>
      <c r="AQ2346" s="53"/>
      <c r="AR2346" s="53"/>
      <c r="AS2346" s="53">
        <v>-7699999.9999999898</v>
      </c>
      <c r="AT2346" s="53"/>
      <c r="AU2346" s="53"/>
      <c r="AV2346" s="53"/>
      <c r="AW2346" s="53"/>
      <c r="AX2346" s="53"/>
      <c r="AY2346" s="53">
        <v>-7700000</v>
      </c>
      <c r="AZ2346" s="53"/>
      <c r="BA2346" s="53">
        <v>-15400000</v>
      </c>
      <c r="BB2346" s="53"/>
      <c r="BC2346" s="53"/>
      <c r="BD2346" s="53"/>
      <c r="BE2346" s="53"/>
      <c r="BF2346" s="53">
        <v>-7699999.9999999898</v>
      </c>
      <c r="BG2346" s="53"/>
      <c r="BH2346" s="53"/>
      <c r="BI2346" s="53"/>
      <c r="BJ2346" s="53"/>
      <c r="BK2346" s="53"/>
      <c r="BL2346" s="53">
        <v>-7700000</v>
      </c>
      <c r="BM2346" s="53"/>
      <c r="BN2346" s="53">
        <v>-15400000</v>
      </c>
      <c r="BO2346" s="53"/>
      <c r="BP2346" s="53"/>
      <c r="BQ2346" s="53"/>
      <c r="BR2346" s="53"/>
      <c r="BS2346" s="53">
        <v>-7699999.9999999898</v>
      </c>
      <c r="BT2346" s="53"/>
      <c r="BU2346" s="53"/>
      <c r="BV2346" s="53"/>
      <c r="BW2346" s="53"/>
      <c r="BX2346" s="53"/>
      <c r="BY2346" s="53">
        <v>-7700000</v>
      </c>
      <c r="BZ2346" s="53"/>
      <c r="CA2346" s="53">
        <v>-15400000</v>
      </c>
      <c r="CB2346" s="53"/>
      <c r="CC2346" s="53"/>
      <c r="CD2346" s="53"/>
      <c r="CE2346" s="53"/>
      <c r="CF2346" s="53"/>
      <c r="CG2346" s="53"/>
      <c r="CH2346" s="53"/>
      <c r="CI2346" s="53"/>
      <c r="CJ2346" s="53"/>
      <c r="CK2346" s="53"/>
      <c r="CL2346" s="53"/>
      <c r="CM2346" s="53"/>
      <c r="CN2346" s="53"/>
    </row>
    <row r="2347" spans="1:92">
      <c r="A2347" s="52" t="s">
        <v>1563</v>
      </c>
      <c r="B2347" s="53">
        <v>-182292</v>
      </c>
      <c r="C2347" s="53">
        <v>-187500</v>
      </c>
      <c r="D2347" s="53">
        <v>-187500</v>
      </c>
      <c r="E2347" s="53">
        <v>-187500</v>
      </c>
      <c r="F2347" s="53">
        <v>-187500</v>
      </c>
      <c r="G2347" s="53">
        <v>-187500</v>
      </c>
      <c r="H2347" s="53">
        <v>-562500</v>
      </c>
      <c r="I2347" s="53">
        <v>-937500</v>
      </c>
      <c r="J2347" s="53">
        <v>-937500</v>
      </c>
      <c r="K2347" s="53">
        <v>-937500</v>
      </c>
      <c r="L2347" s="53">
        <v>-937500</v>
      </c>
      <c r="M2347" s="53">
        <v>-937500</v>
      </c>
      <c r="N2347" s="53">
        <v>-6369791.9999999898</v>
      </c>
      <c r="O2347" s="53">
        <v>-994791.66666666605</v>
      </c>
      <c r="P2347" s="53">
        <v>-1052083.33333333</v>
      </c>
      <c r="Q2347" s="53">
        <v>-1052083.33333333</v>
      </c>
      <c r="R2347" s="53">
        <v>-1052083.33333333</v>
      </c>
      <c r="S2347" s="53">
        <v>-1052083.33333333</v>
      </c>
      <c r="T2347" s="53">
        <v>-1052083.33333333</v>
      </c>
      <c r="U2347" s="53">
        <v>-1046875</v>
      </c>
      <c r="V2347" s="53">
        <v>-1041666.66666666</v>
      </c>
      <c r="W2347" s="53">
        <v>-1041666.66666666</v>
      </c>
      <c r="X2347" s="53">
        <v>-1041666.66666666</v>
      </c>
      <c r="Y2347" s="53">
        <v>-1041666.66666666</v>
      </c>
      <c r="Z2347" s="53">
        <v>-1041666.66666666</v>
      </c>
      <c r="AA2347" s="53">
        <v>-12510416.666666601</v>
      </c>
      <c r="AB2347" s="53">
        <v>-989583.33333333302</v>
      </c>
      <c r="AC2347" s="53">
        <v>-937500</v>
      </c>
      <c r="AD2347" s="53">
        <v>-937500</v>
      </c>
      <c r="AE2347" s="53">
        <v>-937500</v>
      </c>
      <c r="AF2347" s="53">
        <v>-937500</v>
      </c>
      <c r="AG2347" s="53">
        <v>-937500</v>
      </c>
      <c r="AH2347" s="53">
        <v>-937500</v>
      </c>
      <c r="AI2347" s="53">
        <v>-937500</v>
      </c>
      <c r="AJ2347" s="53">
        <v>-937500</v>
      </c>
      <c r="AK2347" s="53">
        <v>-937500</v>
      </c>
      <c r="AL2347" s="53">
        <v>-937500</v>
      </c>
      <c r="AM2347" s="53">
        <v>-937500</v>
      </c>
      <c r="AN2347" s="53">
        <v>-11302083.3333333</v>
      </c>
      <c r="AO2347" s="53">
        <v>-859375</v>
      </c>
      <c r="AP2347" s="53">
        <v>-781250</v>
      </c>
      <c r="AQ2347" s="53">
        <v>-781250</v>
      </c>
      <c r="AR2347" s="53">
        <v>-781250</v>
      </c>
      <c r="AS2347" s="53">
        <v>-781250</v>
      </c>
      <c r="AT2347" s="53">
        <v>-781250</v>
      </c>
      <c r="AU2347" s="53">
        <v>-781250</v>
      </c>
      <c r="AV2347" s="53">
        <v>-781250</v>
      </c>
      <c r="AW2347" s="53">
        <v>-781250</v>
      </c>
      <c r="AX2347" s="53">
        <v>-781250</v>
      </c>
      <c r="AY2347" s="53">
        <v>-781250</v>
      </c>
      <c r="AZ2347" s="53">
        <v>-781250</v>
      </c>
      <c r="BA2347" s="53">
        <v>-9453125</v>
      </c>
      <c r="BB2347" s="53">
        <v>-770833.33333333302</v>
      </c>
      <c r="BC2347" s="53">
        <v>-760416.66666666605</v>
      </c>
      <c r="BD2347" s="53">
        <v>-760416.66666666605</v>
      </c>
      <c r="BE2347" s="53">
        <v>-760416.66666666605</v>
      </c>
      <c r="BF2347" s="53">
        <v>-760416.66666666605</v>
      </c>
      <c r="BG2347" s="53">
        <v>-760416.66666666605</v>
      </c>
      <c r="BH2347" s="53">
        <v>-760416.66666666605</v>
      </c>
      <c r="BI2347" s="53">
        <v>-760416.66666666605</v>
      </c>
      <c r="BJ2347" s="53">
        <v>-760416.66666666605</v>
      </c>
      <c r="BK2347" s="53">
        <v>-760416.66666666605</v>
      </c>
      <c r="BL2347" s="53">
        <v>-760416.66666666605</v>
      </c>
      <c r="BM2347" s="53">
        <v>-760416.66666666605</v>
      </c>
      <c r="BN2347" s="53">
        <v>-9135416.6666666605</v>
      </c>
      <c r="BO2347" s="53">
        <v>-765625</v>
      </c>
      <c r="BP2347" s="53">
        <v>-770833.33333333302</v>
      </c>
      <c r="BQ2347" s="53">
        <v>-770833.33333333302</v>
      </c>
      <c r="BR2347" s="53">
        <v>-770833.33333333302</v>
      </c>
      <c r="BS2347" s="53">
        <v>-770833.33333333302</v>
      </c>
      <c r="BT2347" s="53">
        <v>-770833.33333333302</v>
      </c>
      <c r="BU2347" s="53">
        <v>-770833.33333333302</v>
      </c>
      <c r="BV2347" s="53">
        <v>-770833.33333333302</v>
      </c>
      <c r="BW2347" s="53">
        <v>-770833.33333333302</v>
      </c>
      <c r="BX2347" s="53">
        <v>-770833.33333333302</v>
      </c>
      <c r="BY2347" s="53">
        <v>-770833.33333333302</v>
      </c>
      <c r="BZ2347" s="53">
        <v>-770833.33333333302</v>
      </c>
      <c r="CA2347" s="53">
        <v>-9244791.6666666698</v>
      </c>
      <c r="CB2347" s="53">
        <v>-4.8774041723446997</v>
      </c>
      <c r="CC2347" s="53">
        <v>-4.9127938041185102</v>
      </c>
      <c r="CD2347" s="53">
        <v>-4.9484402171622097</v>
      </c>
      <c r="CE2347" s="53">
        <v>-4.9843452746378496</v>
      </c>
      <c r="CF2347" s="53"/>
      <c r="CG2347" s="53"/>
      <c r="CH2347" s="53"/>
      <c r="CI2347" s="53"/>
      <c r="CJ2347" s="53"/>
      <c r="CK2347" s="53"/>
      <c r="CL2347" s="53"/>
      <c r="CM2347" s="53"/>
      <c r="CN2347" s="53">
        <v>-19.722983468263202</v>
      </c>
    </row>
    <row r="2348" spans="1:92">
      <c r="A2348" s="52" t="s">
        <v>721</v>
      </c>
      <c r="B2348" s="53"/>
      <c r="C2348" s="53"/>
      <c r="D2348" s="53"/>
      <c r="E2348" s="53">
        <v>-10199999.666666601</v>
      </c>
      <c r="F2348" s="53"/>
      <c r="G2348" s="53"/>
      <c r="H2348" s="53"/>
      <c r="I2348" s="53"/>
      <c r="J2348" s="53"/>
      <c r="K2348" s="53">
        <v>-10199999.666666601</v>
      </c>
      <c r="L2348" s="53"/>
      <c r="M2348" s="53"/>
      <c r="N2348" s="53">
        <v>-20399999.333333299</v>
      </c>
      <c r="O2348" s="53"/>
      <c r="P2348" s="53"/>
      <c r="Q2348" s="53"/>
      <c r="R2348" s="53">
        <v>-10199999.666666601</v>
      </c>
      <c r="S2348" s="53"/>
      <c r="T2348" s="53"/>
      <c r="U2348" s="53"/>
      <c r="V2348" s="53"/>
      <c r="W2348" s="53"/>
      <c r="X2348" s="53">
        <v>-10200000</v>
      </c>
      <c r="Y2348" s="53"/>
      <c r="Z2348" s="53"/>
      <c r="AA2348" s="53">
        <v>-20399999.666666601</v>
      </c>
      <c r="AB2348" s="53"/>
      <c r="AC2348" s="53"/>
      <c r="AD2348" s="53"/>
      <c r="AE2348" s="53">
        <v>-10200000</v>
      </c>
      <c r="AF2348" s="53"/>
      <c r="AG2348" s="53"/>
      <c r="AH2348" s="53"/>
      <c r="AI2348" s="53"/>
      <c r="AJ2348" s="53"/>
      <c r="AK2348" s="53">
        <v>-10200000</v>
      </c>
      <c r="AL2348" s="53"/>
      <c r="AM2348" s="53"/>
      <c r="AN2348" s="53">
        <v>-20400000</v>
      </c>
      <c r="AO2348" s="53"/>
      <c r="AP2348" s="53"/>
      <c r="AQ2348" s="53"/>
      <c r="AR2348" s="53">
        <v>-10200000</v>
      </c>
      <c r="AS2348" s="53"/>
      <c r="AT2348" s="53"/>
      <c r="AU2348" s="53"/>
      <c r="AV2348" s="53"/>
      <c r="AW2348" s="53"/>
      <c r="AX2348" s="53">
        <v>-10200000</v>
      </c>
      <c r="AY2348" s="53"/>
      <c r="AZ2348" s="53"/>
      <c r="BA2348" s="53">
        <v>-20400000</v>
      </c>
      <c r="BB2348" s="53"/>
      <c r="BC2348" s="53"/>
      <c r="BD2348" s="53"/>
      <c r="BE2348" s="53">
        <v>-10200000</v>
      </c>
      <c r="BF2348" s="53"/>
      <c r="BG2348" s="53"/>
      <c r="BH2348" s="53"/>
      <c r="BI2348" s="53"/>
      <c r="BJ2348" s="53"/>
      <c r="BK2348" s="53">
        <v>-10200000</v>
      </c>
      <c r="BL2348" s="53"/>
      <c r="BM2348" s="53"/>
      <c r="BN2348" s="53">
        <v>-20400000</v>
      </c>
      <c r="BO2348" s="53"/>
      <c r="BP2348" s="53"/>
      <c r="BQ2348" s="53"/>
      <c r="BR2348" s="53">
        <v>-10200000</v>
      </c>
      <c r="BS2348" s="53"/>
      <c r="BT2348" s="53"/>
      <c r="BU2348" s="53"/>
      <c r="BV2348" s="53"/>
      <c r="BW2348" s="53"/>
      <c r="BX2348" s="53">
        <v>-10200000</v>
      </c>
      <c r="BY2348" s="53"/>
      <c r="BZ2348" s="53"/>
      <c r="CA2348" s="53">
        <v>-20400000</v>
      </c>
      <c r="CB2348" s="53">
        <v>416184.23529139103</v>
      </c>
      <c r="CC2348" s="53">
        <v>418719.49092470802</v>
      </c>
      <c r="CD2348" s="53">
        <v>421270.19049025001</v>
      </c>
      <c r="CE2348" s="53"/>
      <c r="CF2348" s="53"/>
      <c r="CG2348" s="53"/>
      <c r="CH2348" s="53"/>
      <c r="CI2348" s="53"/>
      <c r="CJ2348" s="53"/>
      <c r="CK2348" s="53"/>
      <c r="CL2348" s="53"/>
      <c r="CM2348" s="53"/>
      <c r="CN2348" s="53">
        <v>1256173.9167063499</v>
      </c>
    </row>
    <row r="2349" spans="1:92">
      <c r="A2349" s="52" t="s">
        <v>723</v>
      </c>
      <c r="B2349" s="53">
        <v>-10399999.666666601</v>
      </c>
      <c r="C2349" s="53"/>
      <c r="D2349" s="53"/>
      <c r="E2349" s="53"/>
      <c r="F2349" s="53"/>
      <c r="G2349" s="53"/>
      <c r="H2349" s="53">
        <v>-10399999.666666601</v>
      </c>
      <c r="I2349" s="53"/>
      <c r="J2349" s="53"/>
      <c r="K2349" s="53"/>
      <c r="L2349" s="53"/>
      <c r="M2349" s="53"/>
      <c r="N2349" s="53">
        <v>-20799999.333333299</v>
      </c>
      <c r="O2349" s="53">
        <v>-10399999.666666601</v>
      </c>
      <c r="P2349" s="53"/>
      <c r="Q2349" s="53"/>
      <c r="R2349" s="53"/>
      <c r="S2349" s="53"/>
      <c r="T2349" s="53"/>
      <c r="U2349" s="53">
        <v>-10400000</v>
      </c>
      <c r="V2349" s="53"/>
      <c r="W2349" s="53"/>
      <c r="X2349" s="53"/>
      <c r="Y2349" s="53"/>
      <c r="Z2349" s="53"/>
      <c r="AA2349" s="53">
        <v>-20799999.666666601</v>
      </c>
      <c r="AB2349" s="53">
        <v>-10400000</v>
      </c>
      <c r="AC2349" s="53"/>
      <c r="AD2349" s="53"/>
      <c r="AE2349" s="53"/>
      <c r="AF2349" s="53"/>
      <c r="AG2349" s="53"/>
      <c r="AH2349" s="53">
        <v>-10400000</v>
      </c>
      <c r="AI2349" s="53"/>
      <c r="AJ2349" s="53"/>
      <c r="AK2349" s="53"/>
      <c r="AL2349" s="53"/>
      <c r="AM2349" s="53"/>
      <c r="AN2349" s="53">
        <v>-20800000</v>
      </c>
      <c r="AO2349" s="53">
        <v>-10400000</v>
      </c>
      <c r="AP2349" s="53"/>
      <c r="AQ2349" s="53"/>
      <c r="AR2349" s="53"/>
      <c r="AS2349" s="53"/>
      <c r="AT2349" s="53"/>
      <c r="AU2349" s="53">
        <v>-10400000</v>
      </c>
      <c r="AV2349" s="53"/>
      <c r="AW2349" s="53"/>
      <c r="AX2349" s="53"/>
      <c r="AY2349" s="53"/>
      <c r="AZ2349" s="53"/>
      <c r="BA2349" s="53">
        <v>-20800000</v>
      </c>
      <c r="BB2349" s="53">
        <v>-10400000</v>
      </c>
      <c r="BC2349" s="53"/>
      <c r="BD2349" s="53"/>
      <c r="BE2349" s="53"/>
      <c r="BF2349" s="53"/>
      <c r="BG2349" s="53"/>
      <c r="BH2349" s="53">
        <v>-10400000</v>
      </c>
      <c r="BI2349" s="53"/>
      <c r="BJ2349" s="53"/>
      <c r="BK2349" s="53"/>
      <c r="BL2349" s="53"/>
      <c r="BM2349" s="53"/>
      <c r="BN2349" s="53">
        <v>-20800000</v>
      </c>
      <c r="BO2349" s="53">
        <v>-10400000</v>
      </c>
      <c r="BP2349" s="53"/>
      <c r="BQ2349" s="53"/>
      <c r="BR2349" s="53"/>
      <c r="BS2349" s="53"/>
      <c r="BT2349" s="53"/>
      <c r="BU2349" s="53"/>
      <c r="BV2349" s="53"/>
      <c r="BW2349" s="53"/>
      <c r="BX2349" s="53"/>
      <c r="BY2349" s="53"/>
      <c r="BZ2349" s="53"/>
      <c r="CA2349" s="53">
        <v>-10400000</v>
      </c>
      <c r="CB2349" s="53">
        <v>654857419.82140899</v>
      </c>
      <c r="CC2349" s="53">
        <v>654939489.29314804</v>
      </c>
      <c r="CD2349" s="53">
        <v>655021738.04035401</v>
      </c>
      <c r="CE2349" s="53">
        <v>654680330.72704101</v>
      </c>
      <c r="CF2349" s="53">
        <v>654336528.03028405</v>
      </c>
      <c r="CG2349" s="53">
        <v>653990310.34353399</v>
      </c>
      <c r="CH2349" s="53">
        <v>653641662.95551598</v>
      </c>
      <c r="CI2349" s="53">
        <v>653290571.06534004</v>
      </c>
      <c r="CJ2349" s="53">
        <v>652937019.78195202</v>
      </c>
      <c r="CK2349" s="53">
        <v>652580994.12358904</v>
      </c>
      <c r="CL2349" s="53">
        <v>652222479.017223</v>
      </c>
      <c r="CM2349" s="53">
        <v>651861459.29800701</v>
      </c>
      <c r="CN2349" s="53">
        <v>651861459.29800701</v>
      </c>
    </row>
    <row r="2350" spans="1:92">
      <c r="A2350" s="52" t="s">
        <v>724</v>
      </c>
      <c r="B2350" s="53">
        <v>-8400000</v>
      </c>
      <c r="C2350" s="53"/>
      <c r="D2350" s="53"/>
      <c r="E2350" s="53"/>
      <c r="F2350" s="53"/>
      <c r="G2350" s="53"/>
      <c r="H2350" s="53">
        <v>-8400000</v>
      </c>
      <c r="I2350" s="53"/>
      <c r="J2350" s="53"/>
      <c r="K2350" s="53"/>
      <c r="L2350" s="53"/>
      <c r="M2350" s="53"/>
      <c r="N2350" s="53">
        <v>-16800000</v>
      </c>
      <c r="O2350" s="53">
        <v>-8400000</v>
      </c>
      <c r="P2350" s="53"/>
      <c r="Q2350" s="53"/>
      <c r="R2350" s="53"/>
      <c r="S2350" s="53"/>
      <c r="T2350" s="53"/>
      <c r="U2350" s="53">
        <v>-8400000</v>
      </c>
      <c r="V2350" s="53"/>
      <c r="W2350" s="53"/>
      <c r="X2350" s="53"/>
      <c r="Y2350" s="53"/>
      <c r="Z2350" s="53"/>
      <c r="AA2350" s="53">
        <v>-16800000</v>
      </c>
      <c r="AB2350" s="53">
        <v>-8400000</v>
      </c>
      <c r="AC2350" s="53"/>
      <c r="AD2350" s="53"/>
      <c r="AE2350" s="53"/>
      <c r="AF2350" s="53"/>
      <c r="AG2350" s="53"/>
      <c r="AH2350" s="53">
        <v>-8400000</v>
      </c>
      <c r="AI2350" s="53"/>
      <c r="AJ2350" s="53"/>
      <c r="AK2350" s="53"/>
      <c r="AL2350" s="53"/>
      <c r="AM2350" s="53"/>
      <c r="AN2350" s="53">
        <v>-16800000</v>
      </c>
      <c r="AO2350" s="53">
        <v>-8400000</v>
      </c>
      <c r="AP2350" s="53"/>
      <c r="AQ2350" s="53"/>
      <c r="AR2350" s="53"/>
      <c r="AS2350" s="53"/>
      <c r="AT2350" s="53"/>
      <c r="AU2350" s="53">
        <v>-8400000</v>
      </c>
      <c r="AV2350" s="53"/>
      <c r="AW2350" s="53"/>
      <c r="AX2350" s="53"/>
      <c r="AY2350" s="53"/>
      <c r="AZ2350" s="53"/>
      <c r="BA2350" s="53">
        <v>-16800000</v>
      </c>
      <c r="BB2350" s="53">
        <v>-8400000</v>
      </c>
      <c r="BC2350" s="53"/>
      <c r="BD2350" s="53"/>
      <c r="BE2350" s="53"/>
      <c r="BF2350" s="53"/>
      <c r="BG2350" s="53"/>
      <c r="BH2350" s="53">
        <v>-8400000</v>
      </c>
      <c r="BI2350" s="53"/>
      <c r="BJ2350" s="53"/>
      <c r="BK2350" s="53"/>
      <c r="BL2350" s="53"/>
      <c r="BM2350" s="53"/>
      <c r="BN2350" s="53">
        <v>-16800000</v>
      </c>
      <c r="BO2350" s="53">
        <v>-8400000</v>
      </c>
      <c r="BP2350" s="53"/>
      <c r="BQ2350" s="53"/>
      <c r="BR2350" s="53"/>
      <c r="BS2350" s="53"/>
      <c r="BT2350" s="53"/>
      <c r="BU2350" s="53">
        <v>-8400000</v>
      </c>
      <c r="BV2350" s="53"/>
      <c r="BW2350" s="53"/>
      <c r="BX2350" s="53"/>
      <c r="BY2350" s="53"/>
      <c r="BZ2350" s="53"/>
      <c r="CA2350" s="53">
        <v>-16800000</v>
      </c>
      <c r="CB2350" s="53"/>
      <c r="CC2350" s="53"/>
      <c r="CD2350" s="53"/>
      <c r="CE2350" s="53"/>
      <c r="CF2350" s="53"/>
      <c r="CG2350" s="53"/>
      <c r="CH2350" s="53"/>
      <c r="CI2350" s="53"/>
      <c r="CJ2350" s="53"/>
      <c r="CK2350" s="53"/>
      <c r="CL2350" s="53"/>
      <c r="CM2350" s="53"/>
      <c r="CN2350" s="53"/>
    </row>
    <row r="2351" spans="1:92">
      <c r="A2351" s="52" t="s">
        <v>725</v>
      </c>
      <c r="B2351" s="53">
        <v>-11400000</v>
      </c>
      <c r="C2351" s="53"/>
      <c r="D2351" s="53"/>
      <c r="E2351" s="53"/>
      <c r="F2351" s="53"/>
      <c r="G2351" s="53"/>
      <c r="H2351" s="53">
        <v>-11400000</v>
      </c>
      <c r="I2351" s="53"/>
      <c r="J2351" s="53"/>
      <c r="K2351" s="53"/>
      <c r="L2351" s="53"/>
      <c r="M2351" s="53"/>
      <c r="N2351" s="53">
        <v>-22800000</v>
      </c>
      <c r="O2351" s="53">
        <v>-11400000</v>
      </c>
      <c r="P2351" s="53"/>
      <c r="Q2351" s="53"/>
      <c r="R2351" s="53"/>
      <c r="S2351" s="53"/>
      <c r="T2351" s="53"/>
      <c r="U2351" s="53">
        <v>-11400000</v>
      </c>
      <c r="V2351" s="53"/>
      <c r="W2351" s="53"/>
      <c r="X2351" s="53"/>
      <c r="Y2351" s="53"/>
      <c r="Z2351" s="53"/>
      <c r="AA2351" s="53">
        <v>-22800000</v>
      </c>
      <c r="AB2351" s="53">
        <v>-11400000</v>
      </c>
      <c r="AC2351" s="53"/>
      <c r="AD2351" s="53"/>
      <c r="AE2351" s="53"/>
      <c r="AF2351" s="53"/>
      <c r="AG2351" s="53"/>
      <c r="AH2351" s="53">
        <v>-11400000</v>
      </c>
      <c r="AI2351" s="53"/>
      <c r="AJ2351" s="53"/>
      <c r="AK2351" s="53"/>
      <c r="AL2351" s="53"/>
      <c r="AM2351" s="53"/>
      <c r="AN2351" s="53">
        <v>-22800000</v>
      </c>
      <c r="AO2351" s="53">
        <v>-11400000</v>
      </c>
      <c r="AP2351" s="53"/>
      <c r="AQ2351" s="53"/>
      <c r="AR2351" s="53"/>
      <c r="AS2351" s="53"/>
      <c r="AT2351" s="53"/>
      <c r="AU2351" s="53">
        <v>-11400000</v>
      </c>
      <c r="AV2351" s="53"/>
      <c r="AW2351" s="53"/>
      <c r="AX2351" s="53"/>
      <c r="AY2351" s="53"/>
      <c r="AZ2351" s="53"/>
      <c r="BA2351" s="53">
        <v>-22800000</v>
      </c>
      <c r="BB2351" s="53">
        <v>-11400000</v>
      </c>
      <c r="BC2351" s="53"/>
      <c r="BD2351" s="53"/>
      <c r="BE2351" s="53"/>
      <c r="BF2351" s="53"/>
      <c r="BG2351" s="53"/>
      <c r="BH2351" s="53">
        <v>-11400000</v>
      </c>
      <c r="BI2351" s="53"/>
      <c r="BJ2351" s="53"/>
      <c r="BK2351" s="53"/>
      <c r="BL2351" s="53"/>
      <c r="BM2351" s="53"/>
      <c r="BN2351" s="53">
        <v>-22800000</v>
      </c>
      <c r="BO2351" s="53">
        <v>-11400000</v>
      </c>
      <c r="BP2351" s="53"/>
      <c r="BQ2351" s="53"/>
      <c r="BR2351" s="53"/>
      <c r="BS2351" s="53"/>
      <c r="BT2351" s="53"/>
      <c r="BU2351" s="53">
        <v>-11400000</v>
      </c>
      <c r="BV2351" s="53"/>
      <c r="BW2351" s="53"/>
      <c r="BX2351" s="53"/>
      <c r="BY2351" s="53"/>
      <c r="BZ2351" s="53"/>
      <c r="CA2351" s="53">
        <v>-22800000</v>
      </c>
      <c r="CB2351" s="53">
        <v>645622.89</v>
      </c>
      <c r="CC2351" s="53">
        <v>645622.89</v>
      </c>
      <c r="CD2351" s="53">
        <v>645622.89</v>
      </c>
      <c r="CE2351" s="53">
        <v>645622.89</v>
      </c>
      <c r="CF2351" s="53">
        <v>645622.89</v>
      </c>
      <c r="CG2351" s="53">
        <v>645622.89</v>
      </c>
      <c r="CH2351" s="53">
        <v>645622.89</v>
      </c>
      <c r="CI2351" s="53">
        <v>645622.89</v>
      </c>
      <c r="CJ2351" s="53">
        <v>645622.89</v>
      </c>
      <c r="CK2351" s="53">
        <v>645622.89</v>
      </c>
      <c r="CL2351" s="53">
        <v>645622.89</v>
      </c>
      <c r="CM2351" s="53">
        <v>645622.89</v>
      </c>
      <c r="CN2351" s="53">
        <v>645622.89</v>
      </c>
    </row>
    <row r="2352" spans="1:92" outlineLevel="1">
      <c r="A2352" s="52" t="s">
        <v>726</v>
      </c>
      <c r="B2352" s="53"/>
      <c r="C2352" s="53"/>
      <c r="D2352" s="53"/>
      <c r="E2352" s="53"/>
      <c r="F2352" s="53"/>
      <c r="G2352" s="53">
        <v>-8750000.1111111101</v>
      </c>
      <c r="H2352" s="53"/>
      <c r="I2352" s="53"/>
      <c r="J2352" s="53"/>
      <c r="K2352" s="53"/>
      <c r="L2352" s="53"/>
      <c r="M2352" s="53">
        <v>-8750000.1111111101</v>
      </c>
      <c r="N2352" s="53">
        <v>-17500000.222222202</v>
      </c>
      <c r="O2352" s="53"/>
      <c r="P2352" s="53"/>
      <c r="Q2352" s="53"/>
      <c r="R2352" s="53"/>
      <c r="S2352" s="53"/>
      <c r="T2352" s="53">
        <v>-8749999.7777777705</v>
      </c>
      <c r="U2352" s="53"/>
      <c r="V2352" s="53"/>
      <c r="W2352" s="53"/>
      <c r="X2352" s="53"/>
      <c r="Y2352" s="53"/>
      <c r="Z2352" s="53">
        <v>-8750000</v>
      </c>
      <c r="AA2352" s="53">
        <v>-17499999.777777702</v>
      </c>
      <c r="AB2352" s="53"/>
      <c r="AC2352" s="53"/>
      <c r="AD2352" s="53"/>
      <c r="AE2352" s="53"/>
      <c r="AF2352" s="53"/>
      <c r="AG2352" s="53">
        <v>-8750000</v>
      </c>
      <c r="AH2352" s="53"/>
      <c r="AI2352" s="53"/>
      <c r="AJ2352" s="53"/>
      <c r="AK2352" s="53"/>
      <c r="AL2352" s="53"/>
      <c r="AM2352" s="53">
        <v>-8750000</v>
      </c>
      <c r="AN2352" s="53">
        <v>-17500000</v>
      </c>
      <c r="AO2352" s="53"/>
      <c r="AP2352" s="53"/>
      <c r="AQ2352" s="53"/>
      <c r="AR2352" s="53"/>
      <c r="AS2352" s="53"/>
      <c r="AT2352" s="53">
        <v>-8750000</v>
      </c>
      <c r="AU2352" s="53"/>
      <c r="AV2352" s="53"/>
      <c r="AW2352" s="53"/>
      <c r="AX2352" s="53"/>
      <c r="AY2352" s="53"/>
      <c r="AZ2352" s="53">
        <v>-8750000</v>
      </c>
      <c r="BA2352" s="53">
        <v>-17500000</v>
      </c>
      <c r="BB2352" s="53"/>
      <c r="BC2352" s="53"/>
      <c r="BD2352" s="53"/>
      <c r="BE2352" s="53"/>
      <c r="BF2352" s="53"/>
      <c r="BG2352" s="53">
        <v>-8750000</v>
      </c>
      <c r="BH2352" s="53"/>
      <c r="BI2352" s="53"/>
      <c r="BJ2352" s="53"/>
      <c r="BK2352" s="53"/>
      <c r="BL2352" s="53"/>
      <c r="BM2352" s="53">
        <v>-8750000</v>
      </c>
      <c r="BN2352" s="53">
        <v>-17500000</v>
      </c>
      <c r="BO2352" s="53"/>
      <c r="BP2352" s="53"/>
      <c r="BQ2352" s="53"/>
      <c r="BR2352" s="53"/>
      <c r="BS2352" s="53"/>
      <c r="BT2352" s="53">
        <v>-8750000</v>
      </c>
      <c r="BU2352" s="53"/>
      <c r="BV2352" s="53"/>
      <c r="BW2352" s="53"/>
      <c r="BX2352" s="53"/>
      <c r="BY2352" s="53"/>
      <c r="BZ2352" s="53">
        <v>-8750000</v>
      </c>
      <c r="CA2352" s="53">
        <v>-17500000</v>
      </c>
      <c r="CB2352" s="53"/>
      <c r="CC2352" s="53"/>
      <c r="CD2352" s="53"/>
      <c r="CE2352" s="53"/>
      <c r="CF2352" s="53"/>
      <c r="CG2352" s="53"/>
      <c r="CH2352" s="53"/>
      <c r="CI2352" s="53"/>
      <c r="CJ2352" s="53"/>
      <c r="CK2352" s="53"/>
      <c r="CL2352" s="53"/>
      <c r="CM2352" s="53"/>
      <c r="CN2352" s="53"/>
    </row>
    <row r="2353" spans="1:92" outlineLevel="1">
      <c r="A2353" s="52" t="s">
        <v>728</v>
      </c>
      <c r="B2353" s="53"/>
      <c r="C2353" s="53"/>
      <c r="D2353" s="53"/>
      <c r="E2353" s="53"/>
      <c r="F2353" s="53"/>
      <c r="G2353" s="53">
        <v>-4374999.3333333302</v>
      </c>
      <c r="H2353" s="53"/>
      <c r="I2353" s="53"/>
      <c r="J2353" s="53"/>
      <c r="K2353" s="53"/>
      <c r="L2353" s="53"/>
      <c r="M2353" s="53">
        <v>-4375000.3333333302</v>
      </c>
      <c r="N2353" s="53">
        <v>-8749999.6666666605</v>
      </c>
      <c r="O2353" s="53"/>
      <c r="P2353" s="53"/>
      <c r="Q2353" s="53"/>
      <c r="R2353" s="53"/>
      <c r="S2353" s="53"/>
      <c r="T2353" s="53">
        <v>-4374999.6666666605</v>
      </c>
      <c r="U2353" s="53"/>
      <c r="V2353" s="53"/>
      <c r="W2353" s="53"/>
      <c r="X2353" s="53"/>
      <c r="Y2353" s="53"/>
      <c r="Z2353" s="53">
        <v>-4375000</v>
      </c>
      <c r="AA2353" s="53">
        <v>-8749999.6666666605</v>
      </c>
      <c r="AB2353" s="53"/>
      <c r="AC2353" s="53"/>
      <c r="AD2353" s="53"/>
      <c r="AE2353" s="53"/>
      <c r="AF2353" s="53"/>
      <c r="AG2353" s="53">
        <v>-4375000</v>
      </c>
      <c r="AH2353" s="53"/>
      <c r="AI2353" s="53"/>
      <c r="AJ2353" s="53"/>
      <c r="AK2353" s="53"/>
      <c r="AL2353" s="53"/>
      <c r="AM2353" s="53">
        <v>-4375000</v>
      </c>
      <c r="AN2353" s="53">
        <v>-8750000</v>
      </c>
      <c r="AO2353" s="53"/>
      <c r="AP2353" s="53"/>
      <c r="AQ2353" s="53"/>
      <c r="AR2353" s="53"/>
      <c r="AS2353" s="53"/>
      <c r="AT2353" s="53">
        <v>-4375000</v>
      </c>
      <c r="AU2353" s="53"/>
      <c r="AV2353" s="53"/>
      <c r="AW2353" s="53"/>
      <c r="AX2353" s="53"/>
      <c r="AY2353" s="53"/>
      <c r="AZ2353" s="53">
        <v>-4375000</v>
      </c>
      <c r="BA2353" s="53">
        <v>-8750000</v>
      </c>
      <c r="BB2353" s="53"/>
      <c r="BC2353" s="53"/>
      <c r="BD2353" s="53"/>
      <c r="BE2353" s="53"/>
      <c r="BF2353" s="53"/>
      <c r="BG2353" s="53">
        <v>-4375000</v>
      </c>
      <c r="BH2353" s="53"/>
      <c r="BI2353" s="53"/>
      <c r="BJ2353" s="53"/>
      <c r="BK2353" s="53"/>
      <c r="BL2353" s="53"/>
      <c r="BM2353" s="53">
        <v>-4375000</v>
      </c>
      <c r="BN2353" s="53">
        <v>-8750000</v>
      </c>
      <c r="BO2353" s="53"/>
      <c r="BP2353" s="53"/>
      <c r="BQ2353" s="53"/>
      <c r="BR2353" s="53"/>
      <c r="BS2353" s="53"/>
      <c r="BT2353" s="53">
        <v>-4375000</v>
      </c>
      <c r="BU2353" s="53"/>
      <c r="BV2353" s="53"/>
      <c r="BW2353" s="53"/>
      <c r="BX2353" s="53"/>
      <c r="BY2353" s="53"/>
      <c r="BZ2353" s="53">
        <v>-4375000</v>
      </c>
      <c r="CA2353" s="53">
        <v>-8750000</v>
      </c>
      <c r="CB2353" s="53">
        <v>5564788.6799999997</v>
      </c>
      <c r="CC2353" s="53">
        <v>5564788.6799999997</v>
      </c>
      <c r="CD2353" s="53">
        <v>5564788.6799999997</v>
      </c>
      <c r="CE2353" s="53">
        <v>5564788.6799999997</v>
      </c>
      <c r="CF2353" s="53">
        <v>5564788.6799999997</v>
      </c>
      <c r="CG2353" s="53">
        <v>5564788.6799999997</v>
      </c>
      <c r="CH2353" s="53">
        <v>5564788.6799999997</v>
      </c>
      <c r="CI2353" s="53">
        <v>5564788.6799999997</v>
      </c>
      <c r="CJ2353" s="53">
        <v>5564788.6799999997</v>
      </c>
      <c r="CK2353" s="53">
        <v>5564788.6799999997</v>
      </c>
      <c r="CL2353" s="53">
        <v>5564788.6799999997</v>
      </c>
      <c r="CM2353" s="53">
        <v>5564788.6799999997</v>
      </c>
      <c r="CN2353" s="53">
        <v>5564788.6799999997</v>
      </c>
    </row>
    <row r="2354" spans="1:92" outlineLevel="1">
      <c r="A2354" s="52" t="s">
        <v>729</v>
      </c>
      <c r="B2354" s="53"/>
      <c r="C2354" s="53"/>
      <c r="D2354" s="53"/>
      <c r="E2354" s="53"/>
      <c r="F2354" s="53"/>
      <c r="G2354" s="53">
        <v>-8366129</v>
      </c>
      <c r="H2354" s="53"/>
      <c r="I2354" s="53"/>
      <c r="J2354" s="53"/>
      <c r="K2354" s="53"/>
      <c r="L2354" s="53"/>
      <c r="M2354" s="53">
        <v>-7800000</v>
      </c>
      <c r="N2354" s="53">
        <v>-16166129</v>
      </c>
      <c r="O2354" s="53"/>
      <c r="P2354" s="53"/>
      <c r="Q2354" s="53"/>
      <c r="R2354" s="53"/>
      <c r="S2354" s="53"/>
      <c r="T2354" s="53">
        <v>-7800000</v>
      </c>
      <c r="U2354" s="53"/>
      <c r="V2354" s="53"/>
      <c r="W2354" s="53"/>
      <c r="X2354" s="53"/>
      <c r="Y2354" s="53"/>
      <c r="Z2354" s="53">
        <v>-7800000</v>
      </c>
      <c r="AA2354" s="53">
        <v>-15600000</v>
      </c>
      <c r="AB2354" s="53"/>
      <c r="AC2354" s="53"/>
      <c r="AD2354" s="53"/>
      <c r="AE2354" s="53"/>
      <c r="AF2354" s="53"/>
      <c r="AG2354" s="53">
        <v>-7800000</v>
      </c>
      <c r="AH2354" s="53"/>
      <c r="AI2354" s="53"/>
      <c r="AJ2354" s="53"/>
      <c r="AK2354" s="53"/>
      <c r="AL2354" s="53"/>
      <c r="AM2354" s="53">
        <v>-7800000</v>
      </c>
      <c r="AN2354" s="53">
        <v>-15600000</v>
      </c>
      <c r="AO2354" s="53"/>
      <c r="AP2354" s="53"/>
      <c r="AQ2354" s="53"/>
      <c r="AR2354" s="53"/>
      <c r="AS2354" s="53"/>
      <c r="AT2354" s="53">
        <v>-7800000</v>
      </c>
      <c r="AU2354" s="53"/>
      <c r="AV2354" s="53"/>
      <c r="AW2354" s="53"/>
      <c r="AX2354" s="53"/>
      <c r="AY2354" s="53"/>
      <c r="AZ2354" s="53">
        <v>-7800000</v>
      </c>
      <c r="BA2354" s="53">
        <v>-15600000</v>
      </c>
      <c r="BB2354" s="53"/>
      <c r="BC2354" s="53"/>
      <c r="BD2354" s="53"/>
      <c r="BE2354" s="53"/>
      <c r="BF2354" s="53"/>
      <c r="BG2354" s="53">
        <v>-7800000</v>
      </c>
      <c r="BH2354" s="53"/>
      <c r="BI2354" s="53"/>
      <c r="BJ2354" s="53"/>
      <c r="BK2354" s="53"/>
      <c r="BL2354" s="53"/>
      <c r="BM2354" s="53">
        <v>-7800000</v>
      </c>
      <c r="BN2354" s="53">
        <v>-15600000</v>
      </c>
      <c r="BO2354" s="53"/>
      <c r="BP2354" s="53"/>
      <c r="BQ2354" s="53"/>
      <c r="BR2354" s="53"/>
      <c r="BS2354" s="53"/>
      <c r="BT2354" s="53">
        <v>-7800000</v>
      </c>
      <c r="BU2354" s="53"/>
      <c r="BV2354" s="53"/>
      <c r="BW2354" s="53"/>
      <c r="BX2354" s="53"/>
      <c r="BY2354" s="53"/>
      <c r="BZ2354" s="53">
        <v>-7800000</v>
      </c>
      <c r="CA2354" s="53">
        <v>-15600000</v>
      </c>
      <c r="CB2354" s="53">
        <v>92217154.849999994</v>
      </c>
      <c r="CC2354" s="53">
        <v>92217154.849999994</v>
      </c>
      <c r="CD2354" s="53">
        <v>92217154.849999994</v>
      </c>
      <c r="CE2354" s="53">
        <v>92217154.849999994</v>
      </c>
      <c r="CF2354" s="53">
        <v>92217154.849999994</v>
      </c>
      <c r="CG2354" s="53">
        <v>92217154.849999994</v>
      </c>
      <c r="CH2354" s="53">
        <v>92217154.849999994</v>
      </c>
      <c r="CI2354" s="53">
        <v>92217154.849999994</v>
      </c>
      <c r="CJ2354" s="53">
        <v>92217154.849999994</v>
      </c>
      <c r="CK2354" s="53">
        <v>92217154.849999994</v>
      </c>
      <c r="CL2354" s="53">
        <v>92217154.849999994</v>
      </c>
      <c r="CM2354" s="53">
        <v>92217154.849999994</v>
      </c>
      <c r="CN2354" s="53">
        <v>92217154.849999994</v>
      </c>
    </row>
    <row r="2355" spans="1:92" outlineLevel="1">
      <c r="A2355" s="52" t="s">
        <v>730</v>
      </c>
      <c r="B2355" s="53"/>
      <c r="C2355" s="53"/>
      <c r="D2355" s="53"/>
      <c r="E2355" s="53"/>
      <c r="F2355" s="53"/>
      <c r="G2355" s="53">
        <v>-8044355</v>
      </c>
      <c r="H2355" s="53"/>
      <c r="I2355" s="53"/>
      <c r="J2355" s="53"/>
      <c r="K2355" s="53"/>
      <c r="L2355" s="53"/>
      <c r="M2355" s="53">
        <v>-7500000</v>
      </c>
      <c r="N2355" s="53">
        <v>-15544355</v>
      </c>
      <c r="O2355" s="53"/>
      <c r="P2355" s="53"/>
      <c r="Q2355" s="53"/>
      <c r="R2355" s="53"/>
      <c r="S2355" s="53"/>
      <c r="T2355" s="53">
        <v>-7499999.9999999898</v>
      </c>
      <c r="U2355" s="53"/>
      <c r="V2355" s="53"/>
      <c r="W2355" s="53"/>
      <c r="X2355" s="53"/>
      <c r="Y2355" s="53"/>
      <c r="Z2355" s="53">
        <v>-7499999.9999999898</v>
      </c>
      <c r="AA2355" s="53">
        <v>-14999999.999999899</v>
      </c>
      <c r="AB2355" s="53"/>
      <c r="AC2355" s="53"/>
      <c r="AD2355" s="53"/>
      <c r="AE2355" s="53"/>
      <c r="AF2355" s="53"/>
      <c r="AG2355" s="53">
        <v>-7499999.9999999898</v>
      </c>
      <c r="AH2355" s="53"/>
      <c r="AI2355" s="53"/>
      <c r="AJ2355" s="53"/>
      <c r="AK2355" s="53"/>
      <c r="AL2355" s="53"/>
      <c r="AM2355" s="53">
        <v>-7499999.9999999898</v>
      </c>
      <c r="AN2355" s="53">
        <v>-14999999.999999899</v>
      </c>
      <c r="AO2355" s="53"/>
      <c r="AP2355" s="53"/>
      <c r="AQ2355" s="53"/>
      <c r="AR2355" s="53"/>
      <c r="AS2355" s="53"/>
      <c r="AT2355" s="53">
        <v>-7499999.9999999898</v>
      </c>
      <c r="AU2355" s="53"/>
      <c r="AV2355" s="53"/>
      <c r="AW2355" s="53"/>
      <c r="AX2355" s="53"/>
      <c r="AY2355" s="53"/>
      <c r="AZ2355" s="53">
        <v>-7499999.9999999898</v>
      </c>
      <c r="BA2355" s="53">
        <v>-14999999.999999899</v>
      </c>
      <c r="BB2355" s="53"/>
      <c r="BC2355" s="53"/>
      <c r="BD2355" s="53"/>
      <c r="BE2355" s="53"/>
      <c r="BF2355" s="53"/>
      <c r="BG2355" s="53">
        <v>-7499999.9999999898</v>
      </c>
      <c r="BH2355" s="53"/>
      <c r="BI2355" s="53"/>
      <c r="BJ2355" s="53"/>
      <c r="BK2355" s="53"/>
      <c r="BL2355" s="53"/>
      <c r="BM2355" s="53">
        <v>-7499999.9999999898</v>
      </c>
      <c r="BN2355" s="53">
        <v>-14999999.999999899</v>
      </c>
      <c r="BO2355" s="53"/>
      <c r="BP2355" s="53"/>
      <c r="BQ2355" s="53"/>
      <c r="BR2355" s="53"/>
      <c r="BS2355" s="53"/>
      <c r="BT2355" s="53">
        <v>-7499999.9999999898</v>
      </c>
      <c r="BU2355" s="53"/>
      <c r="BV2355" s="53"/>
      <c r="BW2355" s="53"/>
      <c r="BX2355" s="53"/>
      <c r="BY2355" s="53"/>
      <c r="BZ2355" s="53">
        <v>-7499999.9999999898</v>
      </c>
      <c r="CA2355" s="53">
        <v>-14999999.999999899</v>
      </c>
      <c r="CB2355" s="53">
        <v>0</v>
      </c>
      <c r="CC2355" s="53">
        <v>0</v>
      </c>
      <c r="CD2355" s="53">
        <v>0</v>
      </c>
      <c r="CE2355" s="53">
        <v>0</v>
      </c>
      <c r="CF2355" s="53">
        <v>0</v>
      </c>
      <c r="CG2355" s="53">
        <v>0</v>
      </c>
      <c r="CH2355" s="53">
        <v>0</v>
      </c>
      <c r="CI2355" s="53">
        <v>0</v>
      </c>
      <c r="CJ2355" s="53">
        <v>0</v>
      </c>
      <c r="CK2355" s="53">
        <v>0</v>
      </c>
      <c r="CL2355" s="53">
        <v>0</v>
      </c>
      <c r="CM2355" s="53">
        <v>0</v>
      </c>
      <c r="CN2355" s="53">
        <v>0</v>
      </c>
    </row>
    <row r="2356" spans="1:92" outlineLevel="1">
      <c r="A2356" s="52" t="s">
        <v>1564</v>
      </c>
      <c r="B2356" s="53"/>
      <c r="C2356" s="53"/>
      <c r="D2356" s="53"/>
      <c r="E2356" s="53"/>
      <c r="F2356" s="53"/>
      <c r="G2356" s="53"/>
      <c r="H2356" s="53"/>
      <c r="I2356" s="53"/>
      <c r="J2356" s="53"/>
      <c r="K2356" s="53"/>
      <c r="L2356" s="53">
        <v>-1822724.4444444401</v>
      </c>
      <c r="M2356" s="53">
        <v>-2965061.4444444398</v>
      </c>
      <c r="N2356" s="53">
        <v>-4787785.8888888797</v>
      </c>
      <c r="O2356" s="53">
        <v>-2806790.4444444398</v>
      </c>
      <c r="P2356" s="53">
        <v>-3433333.3333333302</v>
      </c>
      <c r="Q2356" s="53">
        <v>-3433333.3333333302</v>
      </c>
      <c r="R2356" s="53">
        <v>-3433333.3333333302</v>
      </c>
      <c r="S2356" s="53">
        <v>-3433333.3333333302</v>
      </c>
      <c r="T2356" s="53">
        <v>-3433333.3333333302</v>
      </c>
      <c r="U2356" s="53">
        <v>-3428888.8888888801</v>
      </c>
      <c r="V2356" s="53">
        <v>-3300000</v>
      </c>
      <c r="W2356" s="53">
        <v>-3300000</v>
      </c>
      <c r="X2356" s="53">
        <v>-3300000</v>
      </c>
      <c r="Y2356" s="53">
        <v>-3300000</v>
      </c>
      <c r="Z2356" s="53">
        <v>-3300000</v>
      </c>
      <c r="AA2356" s="53">
        <v>-39902346</v>
      </c>
      <c r="AB2356" s="53">
        <v>-3287777.7777777701</v>
      </c>
      <c r="AC2356" s="53">
        <v>-2933333.3333333302</v>
      </c>
      <c r="AD2356" s="53">
        <v>-2933333.3333333302</v>
      </c>
      <c r="AE2356" s="53">
        <v>-4204444.4444444403</v>
      </c>
      <c r="AF2356" s="53"/>
      <c r="AG2356" s="53"/>
      <c r="AH2356" s="53"/>
      <c r="AI2356" s="53"/>
      <c r="AJ2356" s="53"/>
      <c r="AK2356" s="53"/>
      <c r="AL2356" s="53"/>
      <c r="AM2356" s="53"/>
      <c r="AN2356" s="53">
        <v>-13358888.888888801</v>
      </c>
      <c r="AO2356" s="53"/>
      <c r="AP2356" s="53"/>
      <c r="AQ2356" s="53"/>
      <c r="AR2356" s="53"/>
      <c r="AS2356" s="53"/>
      <c r="AT2356" s="53"/>
      <c r="AU2356" s="53"/>
      <c r="AV2356" s="53"/>
      <c r="AW2356" s="53"/>
      <c r="AX2356" s="53"/>
      <c r="AY2356" s="53"/>
      <c r="AZ2356" s="53"/>
      <c r="BA2356" s="53"/>
      <c r="BB2356" s="53"/>
      <c r="BC2356" s="53"/>
      <c r="BD2356" s="53"/>
      <c r="BE2356" s="53"/>
      <c r="BF2356" s="53"/>
      <c r="BG2356" s="53"/>
      <c r="BH2356" s="53"/>
      <c r="BI2356" s="53"/>
      <c r="BJ2356" s="53"/>
      <c r="BK2356" s="53"/>
      <c r="BL2356" s="53"/>
      <c r="BM2356" s="53"/>
      <c r="BN2356" s="53"/>
      <c r="BO2356" s="53"/>
      <c r="BP2356" s="53"/>
      <c r="BQ2356" s="53"/>
      <c r="BR2356" s="53"/>
      <c r="BS2356" s="53"/>
      <c r="BT2356" s="53"/>
      <c r="BU2356" s="53"/>
      <c r="BV2356" s="53"/>
      <c r="BW2356" s="53"/>
      <c r="BX2356" s="53"/>
      <c r="BY2356" s="53"/>
      <c r="BZ2356" s="53"/>
      <c r="CA2356" s="53"/>
      <c r="CB2356" s="53">
        <v>97781943.529999897</v>
      </c>
      <c r="CC2356" s="53">
        <v>97781943.529999897</v>
      </c>
      <c r="CD2356" s="53">
        <v>97781943.529999897</v>
      </c>
      <c r="CE2356" s="53">
        <v>97781943.529999897</v>
      </c>
      <c r="CF2356" s="53">
        <v>97781943.529999897</v>
      </c>
      <c r="CG2356" s="53">
        <v>97781943.529999897</v>
      </c>
      <c r="CH2356" s="53">
        <v>97781943.529999897</v>
      </c>
      <c r="CI2356" s="53">
        <v>97781943.529999897</v>
      </c>
      <c r="CJ2356" s="53">
        <v>97781943.529999897</v>
      </c>
      <c r="CK2356" s="53">
        <v>97781943.529999897</v>
      </c>
      <c r="CL2356" s="53">
        <v>97781943.529999897</v>
      </c>
      <c r="CM2356" s="53">
        <v>97781943.529999897</v>
      </c>
      <c r="CN2356" s="53">
        <v>97781943.529999897</v>
      </c>
    </row>
    <row r="2357" spans="1:92" outlineLevel="1">
      <c r="A2357" s="52" t="s">
        <v>1565</v>
      </c>
      <c r="B2357" s="53"/>
      <c r="C2357" s="53"/>
      <c r="D2357" s="53"/>
      <c r="E2357" s="53"/>
      <c r="F2357" s="53"/>
      <c r="G2357" s="53"/>
      <c r="H2357" s="53"/>
      <c r="I2357" s="53"/>
      <c r="J2357" s="53"/>
      <c r="K2357" s="53"/>
      <c r="L2357" s="53"/>
      <c r="M2357" s="53"/>
      <c r="N2357" s="53"/>
      <c r="O2357" s="53"/>
      <c r="P2357" s="53"/>
      <c r="Q2357" s="53"/>
      <c r="R2357" s="53"/>
      <c r="S2357" s="53">
        <v>-15288194</v>
      </c>
      <c r="T2357" s="53"/>
      <c r="U2357" s="53"/>
      <c r="V2357" s="53"/>
      <c r="W2357" s="53"/>
      <c r="X2357" s="53"/>
      <c r="Y2357" s="53">
        <v>-14874999.999999899</v>
      </c>
      <c r="Z2357" s="53"/>
      <c r="AA2357" s="53">
        <v>-30163193.999999899</v>
      </c>
      <c r="AB2357" s="53"/>
      <c r="AC2357" s="53"/>
      <c r="AD2357" s="53"/>
      <c r="AE2357" s="53"/>
      <c r="AF2357" s="53">
        <v>-14874999.999999899</v>
      </c>
      <c r="AG2357" s="53"/>
      <c r="AH2357" s="53"/>
      <c r="AI2357" s="53"/>
      <c r="AJ2357" s="53"/>
      <c r="AK2357" s="53"/>
      <c r="AL2357" s="53">
        <v>-14874999.999999899</v>
      </c>
      <c r="AM2357" s="53"/>
      <c r="AN2357" s="53">
        <v>-29749999.999999899</v>
      </c>
      <c r="AO2357" s="53"/>
      <c r="AP2357" s="53"/>
      <c r="AQ2357" s="53"/>
      <c r="AR2357" s="53"/>
      <c r="AS2357" s="53">
        <v>-14874999.999999899</v>
      </c>
      <c r="AT2357" s="53"/>
      <c r="AU2357" s="53"/>
      <c r="AV2357" s="53"/>
      <c r="AW2357" s="53"/>
      <c r="AX2357" s="53"/>
      <c r="AY2357" s="53">
        <v>-14874999.999999899</v>
      </c>
      <c r="AZ2357" s="53"/>
      <c r="BA2357" s="53">
        <v>-29749999.999999899</v>
      </c>
      <c r="BB2357" s="53"/>
      <c r="BC2357" s="53"/>
      <c r="BD2357" s="53"/>
      <c r="BE2357" s="53"/>
      <c r="BF2357" s="53">
        <v>-14874999.999999899</v>
      </c>
      <c r="BG2357" s="53"/>
      <c r="BH2357" s="53"/>
      <c r="BI2357" s="53"/>
      <c r="BJ2357" s="53"/>
      <c r="BK2357" s="53"/>
      <c r="BL2357" s="53">
        <v>-14874999.999999899</v>
      </c>
      <c r="BM2357" s="53"/>
      <c r="BN2357" s="53">
        <v>-29749999.999999899</v>
      </c>
      <c r="BO2357" s="53"/>
      <c r="BP2357" s="53"/>
      <c r="BQ2357" s="53"/>
      <c r="BR2357" s="53"/>
      <c r="BS2357" s="53">
        <v>-14874999.999999899</v>
      </c>
      <c r="BT2357" s="53"/>
      <c r="BU2357" s="53"/>
      <c r="BV2357" s="53"/>
      <c r="BW2357" s="53"/>
      <c r="BX2357" s="53"/>
      <c r="BY2357" s="53">
        <v>-14874999.999999899</v>
      </c>
      <c r="BZ2357" s="53"/>
      <c r="CA2357" s="53">
        <v>-29749999.999999899</v>
      </c>
      <c r="CB2357" s="53"/>
      <c r="CC2357" s="53"/>
      <c r="CD2357" s="53"/>
      <c r="CE2357" s="53"/>
      <c r="CF2357" s="53"/>
      <c r="CG2357" s="53"/>
      <c r="CH2357" s="53"/>
      <c r="CI2357" s="53"/>
      <c r="CJ2357" s="53"/>
      <c r="CK2357" s="53"/>
      <c r="CL2357" s="53"/>
      <c r="CM2357" s="53"/>
      <c r="CN2357" s="53"/>
    </row>
    <row r="2358" spans="1:92" outlineLevel="1">
      <c r="A2358" s="52" t="s">
        <v>1593</v>
      </c>
      <c r="B2358" s="53"/>
      <c r="C2358" s="53"/>
      <c r="D2358" s="53"/>
      <c r="E2358" s="53"/>
      <c r="F2358" s="53"/>
      <c r="G2358" s="53"/>
      <c r="H2358" s="53"/>
      <c r="I2358" s="53"/>
      <c r="J2358" s="53"/>
      <c r="K2358" s="53"/>
      <c r="L2358" s="53"/>
      <c r="M2358" s="53"/>
      <c r="N2358" s="53"/>
      <c r="O2358" s="53"/>
      <c r="P2358" s="53"/>
      <c r="Q2358" s="53"/>
      <c r="R2358" s="53"/>
      <c r="S2358" s="53"/>
      <c r="T2358" s="53"/>
      <c r="U2358" s="53"/>
      <c r="V2358" s="53"/>
      <c r="W2358" s="53"/>
      <c r="X2358" s="53"/>
      <c r="Y2358" s="53"/>
      <c r="Z2358" s="53"/>
      <c r="AA2358" s="53"/>
      <c r="AB2358" s="53"/>
      <c r="AC2358" s="53"/>
      <c r="AD2358" s="53"/>
      <c r="AE2358" s="53"/>
      <c r="AF2358" s="53"/>
      <c r="AG2358" s="53"/>
      <c r="AH2358" s="53"/>
      <c r="AI2358" s="53"/>
      <c r="AJ2358" s="53"/>
      <c r="AK2358" s="53"/>
      <c r="AL2358" s="53"/>
      <c r="AM2358" s="53"/>
      <c r="AN2358" s="53"/>
      <c r="AO2358" s="53"/>
      <c r="AP2358" s="53"/>
      <c r="AQ2358" s="53"/>
      <c r="AR2358" s="53"/>
      <c r="AS2358" s="53"/>
      <c r="AT2358" s="53"/>
      <c r="AU2358" s="53"/>
      <c r="AV2358" s="53"/>
      <c r="AW2358" s="53"/>
      <c r="AX2358" s="53"/>
      <c r="AY2358" s="53"/>
      <c r="AZ2358" s="53"/>
      <c r="BA2358" s="53"/>
      <c r="BB2358" s="53"/>
      <c r="BC2358" s="53"/>
      <c r="BD2358" s="53"/>
      <c r="BE2358" s="53"/>
      <c r="BF2358" s="53"/>
      <c r="BG2358" s="53"/>
      <c r="BH2358" s="53"/>
      <c r="BI2358" s="53"/>
      <c r="BJ2358" s="53"/>
      <c r="BK2358" s="53"/>
      <c r="BL2358" s="53"/>
      <c r="BM2358" s="53"/>
      <c r="BN2358" s="53"/>
      <c r="BO2358" s="53"/>
      <c r="BP2358" s="53"/>
      <c r="BQ2358" s="53"/>
      <c r="BR2358" s="53"/>
      <c r="BS2358" s="53"/>
      <c r="BT2358" s="53"/>
      <c r="BU2358" s="53"/>
      <c r="BV2358" s="53"/>
      <c r="BW2358" s="53"/>
      <c r="BX2358" s="53"/>
      <c r="BY2358" s="53"/>
      <c r="BZ2358" s="53"/>
      <c r="CA2358" s="53"/>
      <c r="CB2358" s="53">
        <v>180834.95</v>
      </c>
      <c r="CC2358" s="53">
        <v>180834.95</v>
      </c>
      <c r="CD2358" s="53">
        <v>180834.95</v>
      </c>
      <c r="CE2358" s="53">
        <v>180834.95</v>
      </c>
      <c r="CF2358" s="53">
        <v>180834.95</v>
      </c>
      <c r="CG2358" s="53">
        <v>180834.95</v>
      </c>
      <c r="CH2358" s="53">
        <v>180834.95</v>
      </c>
      <c r="CI2358" s="53">
        <v>180834.95</v>
      </c>
      <c r="CJ2358" s="53">
        <v>180834.95</v>
      </c>
      <c r="CK2358" s="53">
        <v>180834.95</v>
      </c>
      <c r="CL2358" s="53">
        <v>180834.95</v>
      </c>
      <c r="CM2358" s="53">
        <v>180834.95</v>
      </c>
      <c r="CN2358" s="53">
        <v>180834.95</v>
      </c>
    </row>
    <row r="2359" spans="1:92" outlineLevel="1">
      <c r="A2359" s="52" t="s">
        <v>711</v>
      </c>
      <c r="B2359" s="53">
        <v>-15351.524590163899</v>
      </c>
      <c r="C2359" s="53">
        <v>-15351.524590163899</v>
      </c>
      <c r="D2359" s="53">
        <v>-15351.524590163899</v>
      </c>
      <c r="E2359" s="53">
        <v>-15351.524590163899</v>
      </c>
      <c r="F2359" s="53">
        <v>-15351.524590163899</v>
      </c>
      <c r="G2359" s="53">
        <v>-15351.524590163899</v>
      </c>
      <c r="H2359" s="53">
        <v>-15351.524590163899</v>
      </c>
      <c r="I2359" s="53">
        <v>-15351.524590163899</v>
      </c>
      <c r="J2359" s="53">
        <v>-15351.524590163899</v>
      </c>
      <c r="K2359" s="53">
        <v>-15351.524590163899</v>
      </c>
      <c r="L2359" s="53">
        <v>-15351.524590163899</v>
      </c>
      <c r="M2359" s="53">
        <v>-15351.524590163899</v>
      </c>
      <c r="N2359" s="53">
        <v>-184218.29508196699</v>
      </c>
      <c r="O2359" s="53">
        <v>-15351.524590163899</v>
      </c>
      <c r="P2359" s="53">
        <v>-15351.524590163899</v>
      </c>
      <c r="Q2359" s="53">
        <v>-15351.524590163899</v>
      </c>
      <c r="R2359" s="53">
        <v>-15351.524590163899</v>
      </c>
      <c r="S2359" s="53">
        <v>-15351.524590163899</v>
      </c>
      <c r="T2359" s="53">
        <v>-15351.524590163899</v>
      </c>
      <c r="U2359" s="53">
        <v>-15351.524590163899</v>
      </c>
      <c r="V2359" s="53">
        <v>-15351.524590163899</v>
      </c>
      <c r="W2359" s="53">
        <v>-15351.524590163899</v>
      </c>
      <c r="X2359" s="53">
        <v>-15351.524590163899</v>
      </c>
      <c r="Y2359" s="53">
        <v>-15351.524590163899</v>
      </c>
      <c r="Z2359" s="53">
        <v>-15351.524590163899</v>
      </c>
      <c r="AA2359" s="53">
        <v>-184218.29508196699</v>
      </c>
      <c r="AB2359" s="53">
        <v>-15351.524590163899</v>
      </c>
      <c r="AC2359" s="53">
        <v>-15351.524590163899</v>
      </c>
      <c r="AD2359" s="53">
        <v>-15351.524590163899</v>
      </c>
      <c r="AE2359" s="53">
        <v>-15351.524590163899</v>
      </c>
      <c r="AF2359" s="53">
        <v>-15351.524590163899</v>
      </c>
      <c r="AG2359" s="53">
        <v>-15351.524590163899</v>
      </c>
      <c r="AH2359" s="53">
        <v>-15351.524590163899</v>
      </c>
      <c r="AI2359" s="53">
        <v>-15351.524590163899</v>
      </c>
      <c r="AJ2359" s="53">
        <v>-15351.524590163899</v>
      </c>
      <c r="AK2359" s="53">
        <v>-15351.524590163899</v>
      </c>
      <c r="AL2359" s="53">
        <v>-15351.524590163899</v>
      </c>
      <c r="AM2359" s="53">
        <v>-15351.524590163899</v>
      </c>
      <c r="AN2359" s="53">
        <v>-184218.29508196699</v>
      </c>
      <c r="AO2359" s="53">
        <v>-15351.524590163899</v>
      </c>
      <c r="AP2359" s="53">
        <v>-15351.524590163899</v>
      </c>
      <c r="AQ2359" s="53">
        <v>-15351.524590163899</v>
      </c>
      <c r="AR2359" s="53">
        <v>-15351.524590163899</v>
      </c>
      <c r="AS2359" s="53">
        <v>-15351.524590163899</v>
      </c>
      <c r="AT2359" s="53">
        <v>-15351.524590163899</v>
      </c>
      <c r="AU2359" s="53">
        <v>-15351.524590163899</v>
      </c>
      <c r="AV2359" s="53">
        <v>-15351.524590163899</v>
      </c>
      <c r="AW2359" s="53">
        <v>-15351.524590163899</v>
      </c>
      <c r="AX2359" s="53">
        <v>-15351.524590163899</v>
      </c>
      <c r="AY2359" s="53">
        <v>-15351.524590163899</v>
      </c>
      <c r="AZ2359" s="53">
        <v>-15351.524590163899</v>
      </c>
      <c r="BA2359" s="53">
        <v>-184218.29508196699</v>
      </c>
      <c r="BB2359" s="53">
        <v>-15351.524590163899</v>
      </c>
      <c r="BC2359" s="53">
        <v>-15351.524590163899</v>
      </c>
      <c r="BD2359" s="53">
        <v>-15351.524590163899</v>
      </c>
      <c r="BE2359" s="53">
        <v>-15351.524590163899</v>
      </c>
      <c r="BF2359" s="53">
        <v>-15351.524590163899</v>
      </c>
      <c r="BG2359" s="53">
        <v>-15351.524590163899</v>
      </c>
      <c r="BH2359" s="53">
        <v>-15351.524590163899</v>
      </c>
      <c r="BI2359" s="53">
        <v>-15351.524590163899</v>
      </c>
      <c r="BJ2359" s="53">
        <v>-15351.524590163899</v>
      </c>
      <c r="BK2359" s="53">
        <v>-15351.524590163899</v>
      </c>
      <c r="BL2359" s="53">
        <v>-15351.524590163899</v>
      </c>
      <c r="BM2359" s="53">
        <v>-15351.524590163899</v>
      </c>
      <c r="BN2359" s="53">
        <v>-184218.29508196699</v>
      </c>
      <c r="BO2359" s="53">
        <v>-15351.524590163899</v>
      </c>
      <c r="BP2359" s="53"/>
      <c r="BQ2359" s="53"/>
      <c r="BR2359" s="53"/>
      <c r="BS2359" s="53"/>
      <c r="BT2359" s="53"/>
      <c r="BU2359" s="53"/>
      <c r="BV2359" s="53"/>
      <c r="BW2359" s="53"/>
      <c r="BX2359" s="53"/>
      <c r="BY2359" s="53"/>
      <c r="BZ2359" s="53"/>
      <c r="CA2359" s="53">
        <v>-15351.524590163899</v>
      </c>
      <c r="CB2359" s="53">
        <v>0</v>
      </c>
      <c r="CC2359" s="53">
        <v>0</v>
      </c>
      <c r="CD2359" s="53">
        <v>0</v>
      </c>
      <c r="CE2359" s="53">
        <v>0</v>
      </c>
      <c r="CF2359" s="53">
        <v>0</v>
      </c>
      <c r="CG2359" s="53">
        <v>0</v>
      </c>
      <c r="CH2359" s="53">
        <v>0</v>
      </c>
      <c r="CI2359" s="53">
        <v>0</v>
      </c>
      <c r="CJ2359" s="53">
        <v>0</v>
      </c>
      <c r="CK2359" s="53">
        <v>0</v>
      </c>
      <c r="CL2359" s="53">
        <v>0</v>
      </c>
      <c r="CM2359" s="53">
        <v>0</v>
      </c>
      <c r="CN2359" s="53">
        <v>0</v>
      </c>
    </row>
    <row r="2360" spans="1:92" outlineLevel="1">
      <c r="A2360" s="52" t="s">
        <v>712</v>
      </c>
      <c r="B2360" s="53">
        <v>-8310.1065573770393</v>
      </c>
      <c r="C2360" s="53">
        <v>-8310.1065573770393</v>
      </c>
      <c r="D2360" s="53">
        <v>-8310.1065573770393</v>
      </c>
      <c r="E2360" s="53">
        <v>-8310.1065573770393</v>
      </c>
      <c r="F2360" s="53">
        <v>-8310.1065573770502</v>
      </c>
      <c r="G2360" s="53">
        <v>-8310.1065573770502</v>
      </c>
      <c r="H2360" s="53">
        <v>-8310.1065573770502</v>
      </c>
      <c r="I2360" s="53">
        <v>-8310.1065573770502</v>
      </c>
      <c r="J2360" s="53">
        <v>-8310.1065573770502</v>
      </c>
      <c r="K2360" s="53">
        <v>-8310.1065573770502</v>
      </c>
      <c r="L2360" s="53">
        <v>-8310.1065573770502</v>
      </c>
      <c r="M2360" s="53">
        <v>-8310.1065573770502</v>
      </c>
      <c r="N2360" s="53">
        <v>-99721.278688524602</v>
      </c>
      <c r="O2360" s="53">
        <v>-8310.1065573770502</v>
      </c>
      <c r="P2360" s="53">
        <v>-8310.1065573770502</v>
      </c>
      <c r="Q2360" s="53">
        <v>-8310.1065573770502</v>
      </c>
      <c r="R2360" s="53">
        <v>-8310.1065573770502</v>
      </c>
      <c r="S2360" s="53">
        <v>-8310.1065573770502</v>
      </c>
      <c r="T2360" s="53">
        <v>-8310.1065573770502</v>
      </c>
      <c r="U2360" s="53">
        <v>-8310.1065573770502</v>
      </c>
      <c r="V2360" s="53">
        <v>-8310.1065573770502</v>
      </c>
      <c r="W2360" s="53">
        <v>-8310.1065573770502</v>
      </c>
      <c r="X2360" s="53">
        <v>-8310.1065573770502</v>
      </c>
      <c r="Y2360" s="53">
        <v>-8310.1065573770502</v>
      </c>
      <c r="Z2360" s="53">
        <v>-8310.1065573770502</v>
      </c>
      <c r="AA2360" s="53">
        <v>-99721.278688524602</v>
      </c>
      <c r="AB2360" s="53">
        <v>-8310.1065573770502</v>
      </c>
      <c r="AC2360" s="53">
        <v>-8310.1065573770502</v>
      </c>
      <c r="AD2360" s="53">
        <v>-8310.1065573770502</v>
      </c>
      <c r="AE2360" s="53">
        <v>-8310.1065573770502</v>
      </c>
      <c r="AF2360" s="53">
        <v>-8310.1065573770502</v>
      </c>
      <c r="AG2360" s="53">
        <v>-8310.1065573770502</v>
      </c>
      <c r="AH2360" s="53">
        <v>-8310.1065573770502</v>
      </c>
      <c r="AI2360" s="53">
        <v>-8310.1065573770502</v>
      </c>
      <c r="AJ2360" s="53">
        <v>-8310.1065573770502</v>
      </c>
      <c r="AK2360" s="53">
        <v>-8310.1065573770502</v>
      </c>
      <c r="AL2360" s="53">
        <v>-8310.1065573770502</v>
      </c>
      <c r="AM2360" s="53">
        <v>-8310.1065573770502</v>
      </c>
      <c r="AN2360" s="53">
        <v>-99721.278688524602</v>
      </c>
      <c r="AO2360" s="53">
        <v>-8310.1065573770593</v>
      </c>
      <c r="AP2360" s="53">
        <v>-8310.1065573770593</v>
      </c>
      <c r="AQ2360" s="53">
        <v>-8310.1065573770593</v>
      </c>
      <c r="AR2360" s="53">
        <v>-8310.1065573770593</v>
      </c>
      <c r="AS2360" s="53">
        <v>-8310.1065573770593</v>
      </c>
      <c r="AT2360" s="53">
        <v>-8310.1065573770593</v>
      </c>
      <c r="AU2360" s="53">
        <v>-8310.1065573770593</v>
      </c>
      <c r="AV2360" s="53">
        <v>-8310.1065573770593</v>
      </c>
      <c r="AW2360" s="53">
        <v>-8310.1065573770593</v>
      </c>
      <c r="AX2360" s="53">
        <v>-8310.1065573770593</v>
      </c>
      <c r="AY2360" s="53">
        <v>-8310.1065573770593</v>
      </c>
      <c r="AZ2360" s="53">
        <v>-8310.1065573770593</v>
      </c>
      <c r="BA2360" s="53">
        <v>-99721.278688524704</v>
      </c>
      <c r="BB2360" s="53">
        <v>-8310.1065573770593</v>
      </c>
      <c r="BC2360" s="53">
        <v>-8310.1065573770593</v>
      </c>
      <c r="BD2360" s="53">
        <v>-8310.1065573770593</v>
      </c>
      <c r="BE2360" s="53">
        <v>-8310.1065573770593</v>
      </c>
      <c r="BF2360" s="53">
        <v>-8310.1065573770593</v>
      </c>
      <c r="BG2360" s="53">
        <v>-8310.1065573770593</v>
      </c>
      <c r="BH2360" s="53">
        <v>-8310.1065573770593</v>
      </c>
      <c r="BI2360" s="53">
        <v>-8310.1065573770593</v>
      </c>
      <c r="BJ2360" s="53">
        <v>-8310.1065573770593</v>
      </c>
      <c r="BK2360" s="53">
        <v>-8310.1065573770702</v>
      </c>
      <c r="BL2360" s="53">
        <v>-8310.1065573770702</v>
      </c>
      <c r="BM2360" s="53">
        <v>-8310.1065573770702</v>
      </c>
      <c r="BN2360" s="53">
        <v>-99721.278688524806</v>
      </c>
      <c r="BO2360" s="53">
        <v>-8310.1065573770702</v>
      </c>
      <c r="BP2360" s="53">
        <v>-8310.1065573770702</v>
      </c>
      <c r="BQ2360" s="53">
        <v>-8310.1065573770702</v>
      </c>
      <c r="BR2360" s="53">
        <v>-8310.1065573770702</v>
      </c>
      <c r="BS2360" s="53">
        <v>-8310.1065573770702</v>
      </c>
      <c r="BT2360" s="53">
        <v>-8310.1065573770702</v>
      </c>
      <c r="BU2360" s="53">
        <v>-8310.1065573770702</v>
      </c>
      <c r="BV2360" s="53">
        <v>-8310.1065573770702</v>
      </c>
      <c r="BW2360" s="53">
        <v>-8310.1065573770702</v>
      </c>
      <c r="BX2360" s="53">
        <v>-8310.1065573770702</v>
      </c>
      <c r="BY2360" s="53">
        <v>-8310.1065573770702</v>
      </c>
      <c r="BZ2360" s="53">
        <v>-8310.1065573770593</v>
      </c>
      <c r="CA2360" s="53">
        <v>-99721.278688524806</v>
      </c>
      <c r="CB2360" s="53">
        <v>0</v>
      </c>
      <c r="CC2360" s="53">
        <v>0</v>
      </c>
      <c r="CD2360" s="53">
        <v>0</v>
      </c>
      <c r="CE2360" s="53">
        <v>0</v>
      </c>
      <c r="CF2360" s="53">
        <v>0</v>
      </c>
      <c r="CG2360" s="53">
        <v>0</v>
      </c>
      <c r="CH2360" s="53">
        <v>0</v>
      </c>
      <c r="CI2360" s="53">
        <v>0</v>
      </c>
      <c r="CJ2360" s="53">
        <v>0</v>
      </c>
      <c r="CK2360" s="53">
        <v>0</v>
      </c>
      <c r="CL2360" s="53">
        <v>0</v>
      </c>
      <c r="CM2360" s="53">
        <v>0</v>
      </c>
      <c r="CN2360" s="53">
        <v>0</v>
      </c>
    </row>
    <row r="2361" spans="1:92" outlineLevel="1">
      <c r="A2361" s="52" t="s">
        <v>713</v>
      </c>
      <c r="B2361" s="53">
        <v>-18632.7082152974</v>
      </c>
      <c r="C2361" s="53">
        <v>-18632.7082152974</v>
      </c>
      <c r="D2361" s="53">
        <v>-18632.7082152974</v>
      </c>
      <c r="E2361" s="53">
        <v>-18632.7082152974</v>
      </c>
      <c r="F2361" s="53">
        <v>-18632.7082152974</v>
      </c>
      <c r="G2361" s="53">
        <v>-18632.7082152974</v>
      </c>
      <c r="H2361" s="53">
        <v>-18632.7082152974</v>
      </c>
      <c r="I2361" s="53">
        <v>-18632.7082152974</v>
      </c>
      <c r="J2361" s="53">
        <v>-18632.7082152974</v>
      </c>
      <c r="K2361" s="53">
        <v>-18632.7082152974</v>
      </c>
      <c r="L2361" s="53">
        <v>-18632.7082152974</v>
      </c>
      <c r="M2361" s="53">
        <v>-18632.7082152974</v>
      </c>
      <c r="N2361" s="53">
        <v>-223592.49858356899</v>
      </c>
      <c r="O2361" s="53">
        <v>-18632.7082152974</v>
      </c>
      <c r="P2361" s="53">
        <v>-18632.7082152974</v>
      </c>
      <c r="Q2361" s="53">
        <v>-18632.7082152974</v>
      </c>
      <c r="R2361" s="53">
        <v>-18632.7082152974</v>
      </c>
      <c r="S2361" s="53">
        <v>-18632.7082152974</v>
      </c>
      <c r="T2361" s="53">
        <v>-18632.7082152974</v>
      </c>
      <c r="U2361" s="53">
        <v>-18632.7082152974</v>
      </c>
      <c r="V2361" s="53">
        <v>-18632.7082152974</v>
      </c>
      <c r="W2361" s="53">
        <v>-18632.7082152974</v>
      </c>
      <c r="X2361" s="53">
        <v>-18632.7082152974</v>
      </c>
      <c r="Y2361" s="53">
        <v>-18632.7082152974</v>
      </c>
      <c r="Z2361" s="53">
        <v>-18632.7082152974</v>
      </c>
      <c r="AA2361" s="53">
        <v>-223592.49858356899</v>
      </c>
      <c r="AB2361" s="53">
        <v>-18632.7082152974</v>
      </c>
      <c r="AC2361" s="53">
        <v>-18632.7082152974</v>
      </c>
      <c r="AD2361" s="53">
        <v>-18632.7082152974</v>
      </c>
      <c r="AE2361" s="53">
        <v>-18632.7082152974</v>
      </c>
      <c r="AF2361" s="53">
        <v>-18632.7082152974</v>
      </c>
      <c r="AG2361" s="53">
        <v>-18632.7082152974</v>
      </c>
      <c r="AH2361" s="53">
        <v>-18632.7082152974</v>
      </c>
      <c r="AI2361" s="53">
        <v>-18632.7082152974</v>
      </c>
      <c r="AJ2361" s="53">
        <v>-18632.7082152974</v>
      </c>
      <c r="AK2361" s="53">
        <v>-18632.7082152974</v>
      </c>
      <c r="AL2361" s="53">
        <v>-18632.7082152974</v>
      </c>
      <c r="AM2361" s="53">
        <v>-18632.7082152974</v>
      </c>
      <c r="AN2361" s="53">
        <v>-223592.49858356899</v>
      </c>
      <c r="AO2361" s="53">
        <v>-18632.7082152974</v>
      </c>
      <c r="AP2361" s="53">
        <v>-18632.7082152974</v>
      </c>
      <c r="AQ2361" s="53">
        <v>-18632.7082152974</v>
      </c>
      <c r="AR2361" s="53">
        <v>-18632.7082152974</v>
      </c>
      <c r="AS2361" s="53">
        <v>-18632.7082152974</v>
      </c>
      <c r="AT2361" s="53">
        <v>-18632.7082152974</v>
      </c>
      <c r="AU2361" s="53">
        <v>-18632.7082152974</v>
      </c>
      <c r="AV2361" s="53">
        <v>-18632.7082152974</v>
      </c>
      <c r="AW2361" s="53">
        <v>-18632.7082152974</v>
      </c>
      <c r="AX2361" s="53">
        <v>-18632.7082152974</v>
      </c>
      <c r="AY2361" s="53">
        <v>-18632.7082152974</v>
      </c>
      <c r="AZ2361" s="53">
        <v>-18632.7082152974</v>
      </c>
      <c r="BA2361" s="53">
        <v>-223592.49858356899</v>
      </c>
      <c r="BB2361" s="53">
        <v>-18632.7082152974</v>
      </c>
      <c r="BC2361" s="53">
        <v>-18632.7082152974</v>
      </c>
      <c r="BD2361" s="53">
        <v>-18632.7082152974</v>
      </c>
      <c r="BE2361" s="53">
        <v>-18632.7082152974</v>
      </c>
      <c r="BF2361" s="53">
        <v>-18632.7082152974</v>
      </c>
      <c r="BG2361" s="53">
        <v>-18632.7082152974</v>
      </c>
      <c r="BH2361" s="53">
        <v>-18632.7082152974</v>
      </c>
      <c r="BI2361" s="53">
        <v>-18632.7082152974</v>
      </c>
      <c r="BJ2361" s="53">
        <v>-18632.7082152974</v>
      </c>
      <c r="BK2361" s="53">
        <v>-18632.7082152974</v>
      </c>
      <c r="BL2361" s="53">
        <v>-18632.7082152974</v>
      </c>
      <c r="BM2361" s="53">
        <v>-18632.7082152974</v>
      </c>
      <c r="BN2361" s="53">
        <v>-223592.49858356899</v>
      </c>
      <c r="BO2361" s="53">
        <v>-18632.7082152974</v>
      </c>
      <c r="BP2361" s="53">
        <v>-18632.7082152974</v>
      </c>
      <c r="BQ2361" s="53">
        <v>-18632.7082152974</v>
      </c>
      <c r="BR2361" s="53">
        <v>-18632.7082152974</v>
      </c>
      <c r="BS2361" s="53">
        <v>-18632.7082152974</v>
      </c>
      <c r="BT2361" s="53">
        <v>-18632.7082152974</v>
      </c>
      <c r="BU2361" s="53">
        <v>-18632.7082152974</v>
      </c>
      <c r="BV2361" s="53">
        <v>-18632.7082152974</v>
      </c>
      <c r="BW2361" s="53">
        <v>-18632.7082152974</v>
      </c>
      <c r="BX2361" s="53">
        <v>-18632.7082152974</v>
      </c>
      <c r="BY2361" s="53">
        <v>-18632.7082152974</v>
      </c>
      <c r="BZ2361" s="53">
        <v>-18632.7082152974</v>
      </c>
      <c r="CA2361" s="53">
        <v>-223592.49858356899</v>
      </c>
      <c r="CB2361" s="53">
        <v>0</v>
      </c>
      <c r="CC2361" s="53">
        <v>0</v>
      </c>
      <c r="CD2361" s="53">
        <v>0</v>
      </c>
      <c r="CE2361" s="53">
        <v>0</v>
      </c>
      <c r="CF2361" s="53">
        <v>0</v>
      </c>
      <c r="CG2361" s="53">
        <v>0</v>
      </c>
      <c r="CH2361" s="53">
        <v>0</v>
      </c>
      <c r="CI2361" s="53">
        <v>0</v>
      </c>
      <c r="CJ2361" s="53">
        <v>0</v>
      </c>
      <c r="CK2361" s="53">
        <v>0</v>
      </c>
      <c r="CL2361" s="53">
        <v>0</v>
      </c>
      <c r="CM2361" s="53">
        <v>0</v>
      </c>
      <c r="CN2361" s="53">
        <v>0</v>
      </c>
    </row>
    <row r="2362" spans="1:92" outlineLevel="1">
      <c r="A2362" s="52" t="s">
        <v>716</v>
      </c>
      <c r="B2362" s="53">
        <v>-36488.3342318059</v>
      </c>
      <c r="C2362" s="53">
        <v>-36488.3342318059</v>
      </c>
      <c r="D2362" s="53">
        <v>-36488.3342318059</v>
      </c>
      <c r="E2362" s="53">
        <v>-36488.3342318059</v>
      </c>
      <c r="F2362" s="53">
        <v>-36488.3342318059</v>
      </c>
      <c r="G2362" s="53">
        <v>-36488.3342318059</v>
      </c>
      <c r="H2362" s="53">
        <v>-36488.3342318059</v>
      </c>
      <c r="I2362" s="53">
        <v>-36488.3342318059</v>
      </c>
      <c r="J2362" s="53">
        <v>-36488.3342318059</v>
      </c>
      <c r="K2362" s="53">
        <v>-36488.3342318059</v>
      </c>
      <c r="L2362" s="53">
        <v>-36488.3342318059</v>
      </c>
      <c r="M2362" s="53">
        <v>-36488.3342318059</v>
      </c>
      <c r="N2362" s="53">
        <v>-437860.01078167098</v>
      </c>
      <c r="O2362" s="53">
        <v>-36488.3342318059</v>
      </c>
      <c r="P2362" s="53">
        <v>-36488.3342318059</v>
      </c>
      <c r="Q2362" s="53">
        <v>-36488.3342318059</v>
      </c>
      <c r="R2362" s="53">
        <v>-36488.3342318059</v>
      </c>
      <c r="S2362" s="53">
        <v>-36488.3342318059</v>
      </c>
      <c r="T2362" s="53">
        <v>-36488.3342318059</v>
      </c>
      <c r="U2362" s="53">
        <v>-36488.3342318059</v>
      </c>
      <c r="V2362" s="53">
        <v>-36488.3342318059</v>
      </c>
      <c r="W2362" s="53">
        <v>-36488.334231805798</v>
      </c>
      <c r="X2362" s="53">
        <v>-36488.334231805798</v>
      </c>
      <c r="Y2362" s="53">
        <v>-36488.334231805798</v>
      </c>
      <c r="Z2362" s="53">
        <v>-36488.334231805798</v>
      </c>
      <c r="AA2362" s="53">
        <v>-437860.01078166999</v>
      </c>
      <c r="AB2362" s="53">
        <v>-36488.334231805798</v>
      </c>
      <c r="AC2362" s="53">
        <v>-36488.334231805798</v>
      </c>
      <c r="AD2362" s="53">
        <v>-36488.334231805798</v>
      </c>
      <c r="AE2362" s="53">
        <v>-36488.334231805798</v>
      </c>
      <c r="AF2362" s="53">
        <v>-36488.334231805798</v>
      </c>
      <c r="AG2362" s="53">
        <v>-36488.334231805798</v>
      </c>
      <c r="AH2362" s="53">
        <v>-36488.334231805798</v>
      </c>
      <c r="AI2362" s="53">
        <v>-36488.334231805798</v>
      </c>
      <c r="AJ2362" s="53">
        <v>-36488.334231805798</v>
      </c>
      <c r="AK2362" s="53">
        <v>-36488.334231805798</v>
      </c>
      <c r="AL2362" s="53">
        <v>-36488.334231805798</v>
      </c>
      <c r="AM2362" s="53">
        <v>-36488.334231805798</v>
      </c>
      <c r="AN2362" s="53">
        <v>-437860.01078166999</v>
      </c>
      <c r="AO2362" s="53">
        <v>-36488.334231805798</v>
      </c>
      <c r="AP2362" s="53">
        <v>-36488.334231805798</v>
      </c>
      <c r="AQ2362" s="53">
        <v>-36488.334231805798</v>
      </c>
      <c r="AR2362" s="53">
        <v>-36488.334231805798</v>
      </c>
      <c r="AS2362" s="53">
        <v>-36488.334231805798</v>
      </c>
      <c r="AT2362" s="53">
        <v>-36488.334231805798</v>
      </c>
      <c r="AU2362" s="53">
        <v>-36488.334231805798</v>
      </c>
      <c r="AV2362" s="53">
        <v>-36488.334231805798</v>
      </c>
      <c r="AW2362" s="53">
        <v>-36488.334231805798</v>
      </c>
      <c r="AX2362" s="53">
        <v>-36488.334231805798</v>
      </c>
      <c r="AY2362" s="53">
        <v>-36488.334231805798</v>
      </c>
      <c r="AZ2362" s="53">
        <v>-36488.334231805798</v>
      </c>
      <c r="BA2362" s="53">
        <v>-437860.01078166999</v>
      </c>
      <c r="BB2362" s="53">
        <v>-36488.334231805798</v>
      </c>
      <c r="BC2362" s="53">
        <v>-36488.334231805798</v>
      </c>
      <c r="BD2362" s="53">
        <v>-36488.334231805798</v>
      </c>
      <c r="BE2362" s="53">
        <v>-36488.334231805798</v>
      </c>
      <c r="BF2362" s="53">
        <v>-36488.334231805798</v>
      </c>
      <c r="BG2362" s="53">
        <v>-36488.334231805798</v>
      </c>
      <c r="BH2362" s="53">
        <v>-36488.334231805798</v>
      </c>
      <c r="BI2362" s="53">
        <v>-36488.334231805798</v>
      </c>
      <c r="BJ2362" s="53">
        <v>-36488.334231805798</v>
      </c>
      <c r="BK2362" s="53">
        <v>-36488.334231805798</v>
      </c>
      <c r="BL2362" s="53">
        <v>-36488.334231805798</v>
      </c>
      <c r="BM2362" s="53">
        <v>-36488.334231805697</v>
      </c>
      <c r="BN2362" s="53">
        <v>-437860.010781669</v>
      </c>
      <c r="BO2362" s="53">
        <v>-36488.334231805697</v>
      </c>
      <c r="BP2362" s="53">
        <v>-36488.334231805697</v>
      </c>
      <c r="BQ2362" s="53">
        <v>-36488.334231805697</v>
      </c>
      <c r="BR2362" s="53">
        <v>-36488.334231805697</v>
      </c>
      <c r="BS2362" s="53">
        <v>-36488.334231805697</v>
      </c>
      <c r="BT2362" s="53">
        <v>-36488.334231805697</v>
      </c>
      <c r="BU2362" s="53">
        <v>-36488.334231805697</v>
      </c>
      <c r="BV2362" s="53">
        <v>-36488.334231805697</v>
      </c>
      <c r="BW2362" s="53">
        <v>-36488.334231805697</v>
      </c>
      <c r="BX2362" s="53">
        <v>-36488.334231805697</v>
      </c>
      <c r="BY2362" s="53">
        <v>-36488.334231805697</v>
      </c>
      <c r="BZ2362" s="53">
        <v>-36488.334231805697</v>
      </c>
      <c r="CA2362" s="53">
        <v>-437860.010781669</v>
      </c>
      <c r="CB2362" s="53">
        <v>5830000</v>
      </c>
      <c r="CC2362" s="53">
        <v>5830000</v>
      </c>
      <c r="CD2362" s="53">
        <v>5830000</v>
      </c>
      <c r="CE2362" s="53">
        <v>5830000</v>
      </c>
      <c r="CF2362" s="53">
        <v>5830000</v>
      </c>
      <c r="CG2362" s="53">
        <v>5830000</v>
      </c>
      <c r="CH2362" s="53">
        <v>5830000</v>
      </c>
      <c r="CI2362" s="53">
        <v>5830000</v>
      </c>
      <c r="CJ2362" s="53">
        <v>5830000</v>
      </c>
      <c r="CK2362" s="53">
        <v>5830000</v>
      </c>
      <c r="CL2362" s="53">
        <v>5830000</v>
      </c>
      <c r="CM2362" s="53">
        <v>5830000</v>
      </c>
      <c r="CN2362" s="53">
        <v>5830000</v>
      </c>
    </row>
    <row r="2363" spans="1:92" outlineLevel="1">
      <c r="A2363" s="52" t="s">
        <v>717</v>
      </c>
      <c r="B2363" s="53">
        <v>-13019.144927536199</v>
      </c>
      <c r="C2363" s="53">
        <v>-13019.144927536199</v>
      </c>
      <c r="D2363" s="53">
        <v>-13019.144927536199</v>
      </c>
      <c r="E2363" s="53">
        <v>-13019.144927536199</v>
      </c>
      <c r="F2363" s="53">
        <v>-13019.144927536199</v>
      </c>
      <c r="G2363" s="53">
        <v>-13019.144927536199</v>
      </c>
      <c r="H2363" s="53">
        <v>-13019.144927536199</v>
      </c>
      <c r="I2363" s="53">
        <v>-13019.144927536199</v>
      </c>
      <c r="J2363" s="53">
        <v>-13019.144927536199</v>
      </c>
      <c r="K2363" s="53">
        <v>-13019.144927536199</v>
      </c>
      <c r="L2363" s="53">
        <v>-13019.144927536199</v>
      </c>
      <c r="M2363" s="53">
        <v>-13019.144927536199</v>
      </c>
      <c r="N2363" s="53">
        <v>-156229.739130434</v>
      </c>
      <c r="O2363" s="53">
        <v>-13019.144927536199</v>
      </c>
      <c r="P2363" s="53">
        <v>-13019.144927536199</v>
      </c>
      <c r="Q2363" s="53">
        <v>-13019.144927536199</v>
      </c>
      <c r="R2363" s="53">
        <v>-13019.144927536199</v>
      </c>
      <c r="S2363" s="53">
        <v>-13019.144927536199</v>
      </c>
      <c r="T2363" s="53">
        <v>-13019.144927536199</v>
      </c>
      <c r="U2363" s="53">
        <v>-13019.144927536199</v>
      </c>
      <c r="V2363" s="53">
        <v>-13019.144927536199</v>
      </c>
      <c r="W2363" s="53">
        <v>-13019.144927536199</v>
      </c>
      <c r="X2363" s="53">
        <v>-13019.144927536199</v>
      </c>
      <c r="Y2363" s="53">
        <v>-13019.144927536199</v>
      </c>
      <c r="Z2363" s="53">
        <v>-13019.144927536199</v>
      </c>
      <c r="AA2363" s="53">
        <v>-156229.739130434</v>
      </c>
      <c r="AB2363" s="53">
        <v>-13019.144927536199</v>
      </c>
      <c r="AC2363" s="53">
        <v>-13019.144927536199</v>
      </c>
      <c r="AD2363" s="53">
        <v>-13019.144927536199</v>
      </c>
      <c r="AE2363" s="53">
        <v>-13019.144927536199</v>
      </c>
      <c r="AF2363" s="53">
        <v>-13019.144927536199</v>
      </c>
      <c r="AG2363" s="53">
        <v>-13019.144927536199</v>
      </c>
      <c r="AH2363" s="53">
        <v>-13019.144927536199</v>
      </c>
      <c r="AI2363" s="53">
        <v>-13019.144927536199</v>
      </c>
      <c r="AJ2363" s="53">
        <v>-13019.144927536199</v>
      </c>
      <c r="AK2363" s="53">
        <v>-13019.144927536199</v>
      </c>
      <c r="AL2363" s="53">
        <v>-13019.144927536199</v>
      </c>
      <c r="AM2363" s="53">
        <v>-13019.144927536199</v>
      </c>
      <c r="AN2363" s="53">
        <v>-156229.739130434</v>
      </c>
      <c r="AO2363" s="53">
        <v>-13019.144927536199</v>
      </c>
      <c r="AP2363" s="53">
        <v>-13019.144927536199</v>
      </c>
      <c r="AQ2363" s="53">
        <v>-13019.144927536199</v>
      </c>
      <c r="AR2363" s="53">
        <v>-13019.144927536199</v>
      </c>
      <c r="AS2363" s="53">
        <v>-13019.144927536199</v>
      </c>
      <c r="AT2363" s="53">
        <v>-13019.144927536199</v>
      </c>
      <c r="AU2363" s="53">
        <v>-13019.144927536199</v>
      </c>
      <c r="AV2363" s="53">
        <v>-13019.144927536199</v>
      </c>
      <c r="AW2363" s="53">
        <v>-13019.144927536199</v>
      </c>
      <c r="AX2363" s="53">
        <v>-13019.144927536199</v>
      </c>
      <c r="AY2363" s="53">
        <v>-13019.144927536199</v>
      </c>
      <c r="AZ2363" s="53">
        <v>-13019.144927536199</v>
      </c>
      <c r="BA2363" s="53">
        <v>-156229.739130434</v>
      </c>
      <c r="BB2363" s="53">
        <v>-13019.144927536199</v>
      </c>
      <c r="BC2363" s="53">
        <v>-13019.144927536199</v>
      </c>
      <c r="BD2363" s="53">
        <v>-13019.144927536199</v>
      </c>
      <c r="BE2363" s="53">
        <v>-13019.144927536199</v>
      </c>
      <c r="BF2363" s="53">
        <v>-13019.144927536199</v>
      </c>
      <c r="BG2363" s="53">
        <v>-13019.144927536199</v>
      </c>
      <c r="BH2363" s="53">
        <v>-13019.144927536199</v>
      </c>
      <c r="BI2363" s="53">
        <v>-13019.144927536199</v>
      </c>
      <c r="BJ2363" s="53">
        <v>-13019.144927536199</v>
      </c>
      <c r="BK2363" s="53">
        <v>-13019.144927536199</v>
      </c>
      <c r="BL2363" s="53">
        <v>-13019.144927536199</v>
      </c>
      <c r="BM2363" s="53">
        <v>-13019.144927536199</v>
      </c>
      <c r="BN2363" s="53">
        <v>-156229.739130434</v>
      </c>
      <c r="BO2363" s="53">
        <v>-13019.144927536199</v>
      </c>
      <c r="BP2363" s="53">
        <v>-13019.144927536199</v>
      </c>
      <c r="BQ2363" s="53">
        <v>-13019.144927536199</v>
      </c>
      <c r="BR2363" s="53">
        <v>-13019.144927536199</v>
      </c>
      <c r="BS2363" s="53">
        <v>-13019.144927536199</v>
      </c>
      <c r="BT2363" s="53">
        <v>-13019.144927536199</v>
      </c>
      <c r="BU2363" s="53">
        <v>-13019.144927536199</v>
      </c>
      <c r="BV2363" s="53">
        <v>-13019.144927536199</v>
      </c>
      <c r="BW2363" s="53">
        <v>-13019.144927536199</v>
      </c>
      <c r="BX2363" s="53">
        <v>-13019.144927536199</v>
      </c>
      <c r="BY2363" s="53">
        <v>-13019.144927536199</v>
      </c>
      <c r="BZ2363" s="53">
        <v>-13019.144927536199</v>
      </c>
      <c r="CA2363" s="53">
        <v>-156229.739130434</v>
      </c>
      <c r="CB2363" s="53">
        <v>200357358.62999901</v>
      </c>
      <c r="CC2363" s="53">
        <v>200357358.62999901</v>
      </c>
      <c r="CD2363" s="53">
        <v>200357358.62999901</v>
      </c>
      <c r="CE2363" s="53">
        <v>200357358.62999901</v>
      </c>
      <c r="CF2363" s="53">
        <v>200357358.62999901</v>
      </c>
      <c r="CG2363" s="53">
        <v>200357358.62999901</v>
      </c>
      <c r="CH2363" s="53">
        <v>200357358.62999901</v>
      </c>
      <c r="CI2363" s="53">
        <v>200357358.62999901</v>
      </c>
      <c r="CJ2363" s="53">
        <v>200357358.62999901</v>
      </c>
      <c r="CK2363" s="53">
        <v>200357358.62999901</v>
      </c>
      <c r="CL2363" s="53">
        <v>200357358.62999901</v>
      </c>
      <c r="CM2363" s="53">
        <v>200357358.62999901</v>
      </c>
      <c r="CN2363" s="53">
        <v>200357358.62999901</v>
      </c>
    </row>
    <row r="2364" spans="1:92" outlineLevel="1">
      <c r="A2364" s="52" t="s">
        <v>718</v>
      </c>
      <c r="B2364" s="53">
        <v>-13527.685534591101</v>
      </c>
      <c r="C2364" s="53">
        <v>-13527.685534591101</v>
      </c>
      <c r="D2364" s="53">
        <v>-13527.685534591101</v>
      </c>
      <c r="E2364" s="53">
        <v>-13527.685534591101</v>
      </c>
      <c r="F2364" s="53">
        <v>-13527.685534591101</v>
      </c>
      <c r="G2364" s="53">
        <v>-13527.685534591101</v>
      </c>
      <c r="H2364" s="53">
        <v>-13527.685534591101</v>
      </c>
      <c r="I2364" s="53">
        <v>-13527.685534591201</v>
      </c>
      <c r="J2364" s="53">
        <v>-13527.685534591201</v>
      </c>
      <c r="K2364" s="53">
        <v>-13527.685534591201</v>
      </c>
      <c r="L2364" s="53">
        <v>-13527.685534591201</v>
      </c>
      <c r="M2364" s="53">
        <v>-13527.685534591201</v>
      </c>
      <c r="N2364" s="53">
        <v>-162332.22641509399</v>
      </c>
      <c r="O2364" s="53">
        <v>-13527.685534591201</v>
      </c>
      <c r="P2364" s="53">
        <v>-13527.685534591201</v>
      </c>
      <c r="Q2364" s="53">
        <v>-13527.685534591201</v>
      </c>
      <c r="R2364" s="53">
        <v>-13527.685534591201</v>
      </c>
      <c r="S2364" s="53">
        <v>-13527.685534591201</v>
      </c>
      <c r="T2364" s="53">
        <v>-13527.685534591201</v>
      </c>
      <c r="U2364" s="53">
        <v>-13527.685534591201</v>
      </c>
      <c r="V2364" s="53">
        <v>-13527.685534591201</v>
      </c>
      <c r="W2364" s="53">
        <v>-13527.685534591201</v>
      </c>
      <c r="X2364" s="53">
        <v>-13527.685534591201</v>
      </c>
      <c r="Y2364" s="53">
        <v>-13527.685534591201</v>
      </c>
      <c r="Z2364" s="53">
        <v>-13527.685534591201</v>
      </c>
      <c r="AA2364" s="53">
        <v>-162332.22641509399</v>
      </c>
      <c r="AB2364" s="53">
        <v>-13527.685534591201</v>
      </c>
      <c r="AC2364" s="53">
        <v>-13527.685534591201</v>
      </c>
      <c r="AD2364" s="53">
        <v>-13527.685534591201</v>
      </c>
      <c r="AE2364" s="53">
        <v>-13527.685534591201</v>
      </c>
      <c r="AF2364" s="53">
        <v>-13527.685534591201</v>
      </c>
      <c r="AG2364" s="53">
        <v>-13527.685534591201</v>
      </c>
      <c r="AH2364" s="53">
        <v>-13527.685534591201</v>
      </c>
      <c r="AI2364" s="53">
        <v>-13527.685534591201</v>
      </c>
      <c r="AJ2364" s="53">
        <v>-13527.685534591201</v>
      </c>
      <c r="AK2364" s="53">
        <v>-13527.685534591201</v>
      </c>
      <c r="AL2364" s="53">
        <v>-13527.685534591201</v>
      </c>
      <c r="AM2364" s="53">
        <v>-13527.685534591201</v>
      </c>
      <c r="AN2364" s="53">
        <v>-162332.22641509399</v>
      </c>
      <c r="AO2364" s="53">
        <v>-13527.685534591201</v>
      </c>
      <c r="AP2364" s="53">
        <v>-13527.685534591201</v>
      </c>
      <c r="AQ2364" s="53">
        <v>-13527.685534591201</v>
      </c>
      <c r="AR2364" s="53">
        <v>-13527.685534591201</v>
      </c>
      <c r="AS2364" s="53">
        <v>-13527.685534591201</v>
      </c>
      <c r="AT2364" s="53">
        <v>-13527.685534591201</v>
      </c>
      <c r="AU2364" s="53">
        <v>-13527.685534591201</v>
      </c>
      <c r="AV2364" s="53">
        <v>-13527.685534591201</v>
      </c>
      <c r="AW2364" s="53">
        <v>-13527.685534591201</v>
      </c>
      <c r="AX2364" s="53">
        <v>-13527.685534591201</v>
      </c>
      <c r="AY2364" s="53">
        <v>-13527.685534591201</v>
      </c>
      <c r="AZ2364" s="53">
        <v>-13527.685534591201</v>
      </c>
      <c r="BA2364" s="53">
        <v>-162332.22641509399</v>
      </c>
      <c r="BB2364" s="53">
        <v>-13527.685534591201</v>
      </c>
      <c r="BC2364" s="53">
        <v>-13527.685534591201</v>
      </c>
      <c r="BD2364" s="53">
        <v>-13527.685534591201</v>
      </c>
      <c r="BE2364" s="53">
        <v>-13527.685534591201</v>
      </c>
      <c r="BF2364" s="53">
        <v>-13527.685534591201</v>
      </c>
      <c r="BG2364" s="53">
        <v>-13527.685534591201</v>
      </c>
      <c r="BH2364" s="53">
        <v>-13527.685534591201</v>
      </c>
      <c r="BI2364" s="53">
        <v>-13527.685534591201</v>
      </c>
      <c r="BJ2364" s="53">
        <v>-13527.685534591201</v>
      </c>
      <c r="BK2364" s="53">
        <v>-13527.685534591201</v>
      </c>
      <c r="BL2364" s="53">
        <v>-13527.685534591201</v>
      </c>
      <c r="BM2364" s="53">
        <v>-13527.685534591201</v>
      </c>
      <c r="BN2364" s="53">
        <v>-162332.22641509399</v>
      </c>
      <c r="BO2364" s="53">
        <v>-13527.685534591201</v>
      </c>
      <c r="BP2364" s="53">
        <v>-13527.685534591201</v>
      </c>
      <c r="BQ2364" s="53">
        <v>-13527.685534591201</v>
      </c>
      <c r="BR2364" s="53">
        <v>-13527.685534591201</v>
      </c>
      <c r="BS2364" s="53">
        <v>-13527.685534591201</v>
      </c>
      <c r="BT2364" s="53">
        <v>-13527.685534591201</v>
      </c>
      <c r="BU2364" s="53">
        <v>-13527.685534591201</v>
      </c>
      <c r="BV2364" s="53">
        <v>-13527.685534591201</v>
      </c>
      <c r="BW2364" s="53">
        <v>-13527.685534591201</v>
      </c>
      <c r="BX2364" s="53">
        <v>-13527.685534591201</v>
      </c>
      <c r="BY2364" s="53">
        <v>-13527.685534591201</v>
      </c>
      <c r="BZ2364" s="53">
        <v>-13527.685534591201</v>
      </c>
      <c r="CA2364" s="53">
        <v>-162332.22641509399</v>
      </c>
      <c r="CB2364" s="53">
        <v>62113428.705899999</v>
      </c>
      <c r="CC2364" s="53">
        <v>64269167.655066699</v>
      </c>
      <c r="CD2364" s="53">
        <v>66424906.604233399</v>
      </c>
      <c r="CE2364" s="53">
        <v>42711778.163400002</v>
      </c>
      <c r="CF2364" s="53">
        <v>44867517.112566702</v>
      </c>
      <c r="CG2364" s="53">
        <v>47023256.061733402</v>
      </c>
      <c r="CH2364" s="53">
        <v>49178995.010899998</v>
      </c>
      <c r="CI2364" s="53">
        <v>51334733.960066698</v>
      </c>
      <c r="CJ2364" s="53">
        <v>53490472.909233399</v>
      </c>
      <c r="CK2364" s="53">
        <v>55646211.858400002</v>
      </c>
      <c r="CL2364" s="53">
        <v>57801950.807566702</v>
      </c>
      <c r="CM2364" s="53">
        <v>59957689.756733403</v>
      </c>
      <c r="CN2364" s="53">
        <v>62113428.705899999</v>
      </c>
    </row>
    <row r="2365" spans="1:92" outlineLevel="1">
      <c r="A2365" s="52" t="s">
        <v>721</v>
      </c>
      <c r="B2365" s="53">
        <v>-20148.9789473684</v>
      </c>
      <c r="C2365" s="53">
        <v>-20148.9789473684</v>
      </c>
      <c r="D2365" s="53">
        <v>-20148.9789473684</v>
      </c>
      <c r="E2365" s="53">
        <v>-20148.9789473684</v>
      </c>
      <c r="F2365" s="53">
        <v>-20148.9789473684</v>
      </c>
      <c r="G2365" s="53">
        <v>-20148.9789473684</v>
      </c>
      <c r="H2365" s="53">
        <v>-20148.9789473684</v>
      </c>
      <c r="I2365" s="53">
        <v>-20148.9789473684</v>
      </c>
      <c r="J2365" s="53">
        <v>-20148.9789473684</v>
      </c>
      <c r="K2365" s="53">
        <v>-20148.9789473684</v>
      </c>
      <c r="L2365" s="53">
        <v>-20148.9789473684</v>
      </c>
      <c r="M2365" s="53">
        <v>-20148.9789473684</v>
      </c>
      <c r="N2365" s="53">
        <v>-241787.747368421</v>
      </c>
      <c r="O2365" s="53">
        <v>-20148.9789473684</v>
      </c>
      <c r="P2365" s="53">
        <v>-20148.9789473684</v>
      </c>
      <c r="Q2365" s="53">
        <v>-20148.9789473684</v>
      </c>
      <c r="R2365" s="53">
        <v>-20148.9789473684</v>
      </c>
      <c r="S2365" s="53">
        <v>-20148.9789473684</v>
      </c>
      <c r="T2365" s="53">
        <v>-20148.9789473684</v>
      </c>
      <c r="U2365" s="53">
        <v>-20148.9789473684</v>
      </c>
      <c r="V2365" s="53">
        <v>-20148.9789473684</v>
      </c>
      <c r="W2365" s="53">
        <v>-20148.9789473684</v>
      </c>
      <c r="X2365" s="53">
        <v>-20148.9789473684</v>
      </c>
      <c r="Y2365" s="53">
        <v>-20148.9789473684</v>
      </c>
      <c r="Z2365" s="53">
        <v>-20148.9789473684</v>
      </c>
      <c r="AA2365" s="53">
        <v>-241787.747368421</v>
      </c>
      <c r="AB2365" s="53">
        <v>-20148.9789473684</v>
      </c>
      <c r="AC2365" s="53">
        <v>-20148.9789473684</v>
      </c>
      <c r="AD2365" s="53">
        <v>-20148.9789473684</v>
      </c>
      <c r="AE2365" s="53">
        <v>-20148.9789473684</v>
      </c>
      <c r="AF2365" s="53">
        <v>-20148.9789473684</v>
      </c>
      <c r="AG2365" s="53">
        <v>-20148.9789473684</v>
      </c>
      <c r="AH2365" s="53">
        <v>-20148.9789473684</v>
      </c>
      <c r="AI2365" s="53">
        <v>-20148.9789473684</v>
      </c>
      <c r="AJ2365" s="53">
        <v>-20148.9789473684</v>
      </c>
      <c r="AK2365" s="53">
        <v>-20148.9789473684</v>
      </c>
      <c r="AL2365" s="53">
        <v>-20148.9789473684</v>
      </c>
      <c r="AM2365" s="53">
        <v>-20148.9789473684</v>
      </c>
      <c r="AN2365" s="53">
        <v>-241787.747368421</v>
      </c>
      <c r="AO2365" s="53">
        <v>-20148.9789473684</v>
      </c>
      <c r="AP2365" s="53">
        <v>-20148.9789473684</v>
      </c>
      <c r="AQ2365" s="53">
        <v>-20148.9789473684</v>
      </c>
      <c r="AR2365" s="53">
        <v>-20148.9789473684</v>
      </c>
      <c r="AS2365" s="53">
        <v>-20148.9789473684</v>
      </c>
      <c r="AT2365" s="53">
        <v>-20148.9789473684</v>
      </c>
      <c r="AU2365" s="53">
        <v>-20148.9789473684</v>
      </c>
      <c r="AV2365" s="53">
        <v>-20148.9789473684</v>
      </c>
      <c r="AW2365" s="53">
        <v>-20148.9789473684</v>
      </c>
      <c r="AX2365" s="53">
        <v>-20148.9789473684</v>
      </c>
      <c r="AY2365" s="53">
        <v>-20148.9789473684</v>
      </c>
      <c r="AZ2365" s="53">
        <v>-20148.9789473684</v>
      </c>
      <c r="BA2365" s="53">
        <v>-241787.747368421</v>
      </c>
      <c r="BB2365" s="53">
        <v>-20148.9789473684</v>
      </c>
      <c r="BC2365" s="53">
        <v>-20148.9789473684</v>
      </c>
      <c r="BD2365" s="53">
        <v>-20148.9789473684</v>
      </c>
      <c r="BE2365" s="53">
        <v>-20148.978947368501</v>
      </c>
      <c r="BF2365" s="53">
        <v>-20148.978947368501</v>
      </c>
      <c r="BG2365" s="53">
        <v>-20148.978947368501</v>
      </c>
      <c r="BH2365" s="53">
        <v>-20148.978947368501</v>
      </c>
      <c r="BI2365" s="53">
        <v>-20148.978947368501</v>
      </c>
      <c r="BJ2365" s="53">
        <v>-20148.978947368501</v>
      </c>
      <c r="BK2365" s="53">
        <v>-20148.978947368501</v>
      </c>
      <c r="BL2365" s="53">
        <v>-20148.978947368501</v>
      </c>
      <c r="BM2365" s="53">
        <v>-20148.978947368501</v>
      </c>
      <c r="BN2365" s="53">
        <v>-241787.74736842199</v>
      </c>
      <c r="BO2365" s="53">
        <v>-20148.978947368501</v>
      </c>
      <c r="BP2365" s="53">
        <v>-20148.978947368501</v>
      </c>
      <c r="BQ2365" s="53">
        <v>-20148.978947368501</v>
      </c>
      <c r="BR2365" s="53">
        <v>-20148.978947368501</v>
      </c>
      <c r="BS2365" s="53">
        <v>-20148.978947368501</v>
      </c>
      <c r="BT2365" s="53">
        <v>-20148.978947368501</v>
      </c>
      <c r="BU2365" s="53">
        <v>-20148.978947368501</v>
      </c>
      <c r="BV2365" s="53">
        <v>-20148.978947368501</v>
      </c>
      <c r="BW2365" s="53">
        <v>-20148.978947368501</v>
      </c>
      <c r="BX2365" s="53">
        <v>-20148.978947368501</v>
      </c>
      <c r="BY2365" s="53">
        <v>-20148.978947368501</v>
      </c>
      <c r="BZ2365" s="53">
        <v>-20148.978947368501</v>
      </c>
      <c r="CA2365" s="53">
        <v>-241787.74736842199</v>
      </c>
      <c r="CB2365" s="53"/>
      <c r="CC2365" s="53"/>
      <c r="CD2365" s="53"/>
      <c r="CE2365" s="53"/>
      <c r="CF2365" s="53"/>
      <c r="CG2365" s="53"/>
      <c r="CH2365" s="53"/>
      <c r="CI2365" s="53"/>
      <c r="CJ2365" s="53"/>
      <c r="CK2365" s="53"/>
      <c r="CL2365" s="53"/>
      <c r="CM2365" s="53"/>
      <c r="CN2365" s="53"/>
    </row>
    <row r="2366" spans="1:92" outlineLevel="1">
      <c r="A2366" s="52" t="s">
        <v>723</v>
      </c>
      <c r="B2366" s="53">
        <v>-49399.381443298902</v>
      </c>
      <c r="C2366" s="53">
        <v>-49399.381443298902</v>
      </c>
      <c r="D2366" s="53">
        <v>-49399.381443298902</v>
      </c>
      <c r="E2366" s="53">
        <v>-49399.381443298902</v>
      </c>
      <c r="F2366" s="53">
        <v>-49399.381443298902</v>
      </c>
      <c r="G2366" s="53">
        <v>-49399.381443298902</v>
      </c>
      <c r="H2366" s="53">
        <v>-49399.381443298902</v>
      </c>
      <c r="I2366" s="53">
        <v>-49399.381443298997</v>
      </c>
      <c r="J2366" s="53">
        <v>-49399.381443298902</v>
      </c>
      <c r="K2366" s="53">
        <v>-49399.381443298902</v>
      </c>
      <c r="L2366" s="53">
        <v>-49399.381443298902</v>
      </c>
      <c r="M2366" s="53">
        <v>-49399.381443298902</v>
      </c>
      <c r="N2366" s="53">
        <v>-592792.577319587</v>
      </c>
      <c r="O2366" s="53">
        <v>-49399.381443298902</v>
      </c>
      <c r="P2366" s="53">
        <v>-49399.381443298902</v>
      </c>
      <c r="Q2366" s="53">
        <v>-49399.381443298902</v>
      </c>
      <c r="R2366" s="53">
        <v>-49399.381443298902</v>
      </c>
      <c r="S2366" s="53">
        <v>-49399.381443298902</v>
      </c>
      <c r="T2366" s="53">
        <v>-49399.381443298902</v>
      </c>
      <c r="U2366" s="53">
        <v>-49399.381443298902</v>
      </c>
      <c r="V2366" s="53">
        <v>-49399.381443298902</v>
      </c>
      <c r="W2366" s="53">
        <v>-49399.381443298902</v>
      </c>
      <c r="X2366" s="53">
        <v>-49399.381443298902</v>
      </c>
      <c r="Y2366" s="53">
        <v>-49399.381443298902</v>
      </c>
      <c r="Z2366" s="53">
        <v>-49399.381443298902</v>
      </c>
      <c r="AA2366" s="53">
        <v>-592792.577319587</v>
      </c>
      <c r="AB2366" s="53">
        <v>-49399.381443298902</v>
      </c>
      <c r="AC2366" s="53">
        <v>-49399.381443298902</v>
      </c>
      <c r="AD2366" s="53">
        <v>-49399.381443298902</v>
      </c>
      <c r="AE2366" s="53">
        <v>-49399.381443298902</v>
      </c>
      <c r="AF2366" s="53">
        <v>-49399.381443298902</v>
      </c>
      <c r="AG2366" s="53">
        <v>-49399.381443298902</v>
      </c>
      <c r="AH2366" s="53">
        <v>-49399.381443298902</v>
      </c>
      <c r="AI2366" s="53">
        <v>-49399.381443298902</v>
      </c>
      <c r="AJ2366" s="53">
        <v>-49399.381443298902</v>
      </c>
      <c r="AK2366" s="53">
        <v>-49399.381443298902</v>
      </c>
      <c r="AL2366" s="53">
        <v>-49399.381443298902</v>
      </c>
      <c r="AM2366" s="53">
        <v>-49399.381443298902</v>
      </c>
      <c r="AN2366" s="53">
        <v>-592792.577319587</v>
      </c>
      <c r="AO2366" s="53">
        <v>-49399.381443298902</v>
      </c>
      <c r="AP2366" s="53">
        <v>-49399.381443298902</v>
      </c>
      <c r="AQ2366" s="53">
        <v>-49399.381443298902</v>
      </c>
      <c r="AR2366" s="53">
        <v>-49399.381443298902</v>
      </c>
      <c r="AS2366" s="53">
        <v>-49399.381443298902</v>
      </c>
      <c r="AT2366" s="53">
        <v>-49399.381443298902</v>
      </c>
      <c r="AU2366" s="53">
        <v>-49399.381443298902</v>
      </c>
      <c r="AV2366" s="53">
        <v>-49399.381443298902</v>
      </c>
      <c r="AW2366" s="53">
        <v>-49399.381443298902</v>
      </c>
      <c r="AX2366" s="53">
        <v>-49399.381443298902</v>
      </c>
      <c r="AY2366" s="53">
        <v>-49399.381443298902</v>
      </c>
      <c r="AZ2366" s="53">
        <v>-49399.381443298902</v>
      </c>
      <c r="BA2366" s="53">
        <v>-592792.577319587</v>
      </c>
      <c r="BB2366" s="53">
        <v>-24699.6907216494</v>
      </c>
      <c r="BC2366" s="53"/>
      <c r="BD2366" s="53"/>
      <c r="BE2366" s="53"/>
      <c r="BF2366" s="53"/>
      <c r="BG2366" s="53"/>
      <c r="BH2366" s="53"/>
      <c r="BI2366" s="53"/>
      <c r="BJ2366" s="53"/>
      <c r="BK2366" s="53"/>
      <c r="BL2366" s="53"/>
      <c r="BM2366" s="53"/>
      <c r="BN2366" s="53">
        <v>-24699.6907216494</v>
      </c>
      <c r="BO2366" s="53"/>
      <c r="BP2366" s="53"/>
      <c r="BQ2366" s="53"/>
      <c r="BR2366" s="53"/>
      <c r="BS2366" s="53"/>
      <c r="BT2366" s="53"/>
      <c r="BU2366" s="53"/>
      <c r="BV2366" s="53"/>
      <c r="BW2366" s="53"/>
      <c r="BX2366" s="53"/>
      <c r="BY2366" s="53"/>
      <c r="BZ2366" s="53"/>
      <c r="CA2366" s="53"/>
      <c r="CB2366" s="53"/>
      <c r="CC2366" s="53"/>
      <c r="CD2366" s="53"/>
      <c r="CE2366" s="53"/>
      <c r="CF2366" s="53"/>
      <c r="CG2366" s="53"/>
      <c r="CH2366" s="53"/>
      <c r="CI2366" s="53"/>
      <c r="CJ2366" s="53"/>
      <c r="CK2366" s="53"/>
      <c r="CL2366" s="53"/>
      <c r="CM2366" s="53"/>
      <c r="CN2366" s="53"/>
    </row>
    <row r="2367" spans="1:92" outlineLevel="1">
      <c r="A2367" s="52" t="s">
        <v>724</v>
      </c>
      <c r="B2367" s="53">
        <v>-13370.822185970599</v>
      </c>
      <c r="C2367" s="53">
        <v>-13370.822185970599</v>
      </c>
      <c r="D2367" s="53">
        <v>-13370.822185970599</v>
      </c>
      <c r="E2367" s="53">
        <v>-13370.822185970599</v>
      </c>
      <c r="F2367" s="53">
        <v>-13370.822185970599</v>
      </c>
      <c r="G2367" s="53">
        <v>-13370.822185970599</v>
      </c>
      <c r="H2367" s="53">
        <v>-13370.822185970599</v>
      </c>
      <c r="I2367" s="53">
        <v>-13370.822185970599</v>
      </c>
      <c r="J2367" s="53">
        <v>-13370.822185970599</v>
      </c>
      <c r="K2367" s="53">
        <v>-13370.822185970599</v>
      </c>
      <c r="L2367" s="53">
        <v>-13370.822185970599</v>
      </c>
      <c r="M2367" s="53">
        <v>-13370.822185970599</v>
      </c>
      <c r="N2367" s="53">
        <v>-160449.866231647</v>
      </c>
      <c r="O2367" s="53">
        <v>-13370.822185970599</v>
      </c>
      <c r="P2367" s="53">
        <v>-13370.822185970599</v>
      </c>
      <c r="Q2367" s="53">
        <v>-13370.822185970599</v>
      </c>
      <c r="R2367" s="53">
        <v>-13370.822185970599</v>
      </c>
      <c r="S2367" s="53">
        <v>-13370.822185970599</v>
      </c>
      <c r="T2367" s="53">
        <v>-13370.822185970599</v>
      </c>
      <c r="U2367" s="53">
        <v>-13370.822185970599</v>
      </c>
      <c r="V2367" s="53">
        <v>-13370.822185970599</v>
      </c>
      <c r="W2367" s="53">
        <v>-13370.822185970599</v>
      </c>
      <c r="X2367" s="53">
        <v>-13370.822185970599</v>
      </c>
      <c r="Y2367" s="53">
        <v>-13370.822185970599</v>
      </c>
      <c r="Z2367" s="53">
        <v>-13370.822185970599</v>
      </c>
      <c r="AA2367" s="53">
        <v>-160449.866231647</v>
      </c>
      <c r="AB2367" s="53">
        <v>-13370.822185970599</v>
      </c>
      <c r="AC2367" s="53">
        <v>-13370.822185970599</v>
      </c>
      <c r="AD2367" s="53">
        <v>-13370.822185970599</v>
      </c>
      <c r="AE2367" s="53">
        <v>-13370.822185970599</v>
      </c>
      <c r="AF2367" s="53">
        <v>-13370.822185970599</v>
      </c>
      <c r="AG2367" s="53">
        <v>-13370.822185970599</v>
      </c>
      <c r="AH2367" s="53">
        <v>-13370.822185970599</v>
      </c>
      <c r="AI2367" s="53">
        <v>-13370.822185970599</v>
      </c>
      <c r="AJ2367" s="53">
        <v>-13370.822185970599</v>
      </c>
      <c r="AK2367" s="53">
        <v>-13370.822185970599</v>
      </c>
      <c r="AL2367" s="53">
        <v>-13370.822185970599</v>
      </c>
      <c r="AM2367" s="53">
        <v>-13370.822185970599</v>
      </c>
      <c r="AN2367" s="53">
        <v>-160449.866231647</v>
      </c>
      <c r="AO2367" s="53">
        <v>-13370.822185970599</v>
      </c>
      <c r="AP2367" s="53">
        <v>-13370.822185970599</v>
      </c>
      <c r="AQ2367" s="53">
        <v>-13370.822185970599</v>
      </c>
      <c r="AR2367" s="53">
        <v>-13370.822185970599</v>
      </c>
      <c r="AS2367" s="53">
        <v>-13370.822185970599</v>
      </c>
      <c r="AT2367" s="53">
        <v>-13370.822185970599</v>
      </c>
      <c r="AU2367" s="53">
        <v>-13370.822185970599</v>
      </c>
      <c r="AV2367" s="53">
        <v>-13370.822185970599</v>
      </c>
      <c r="AW2367" s="53">
        <v>-13370.822185970599</v>
      </c>
      <c r="AX2367" s="53">
        <v>-13370.822185970599</v>
      </c>
      <c r="AY2367" s="53">
        <v>-13370.822185970599</v>
      </c>
      <c r="AZ2367" s="53">
        <v>-13370.822185970599</v>
      </c>
      <c r="BA2367" s="53">
        <v>-160449.866231647</v>
      </c>
      <c r="BB2367" s="53">
        <v>-13370.822185970599</v>
      </c>
      <c r="BC2367" s="53">
        <v>-13370.822185970599</v>
      </c>
      <c r="BD2367" s="53">
        <v>-13370.822185970599</v>
      </c>
      <c r="BE2367" s="53">
        <v>-13370.822185970599</v>
      </c>
      <c r="BF2367" s="53">
        <v>-13370.822185970599</v>
      </c>
      <c r="BG2367" s="53">
        <v>-13370.822185970599</v>
      </c>
      <c r="BH2367" s="53">
        <v>-13370.822185970599</v>
      </c>
      <c r="BI2367" s="53">
        <v>-13370.822185970599</v>
      </c>
      <c r="BJ2367" s="53">
        <v>-13370.822185970599</v>
      </c>
      <c r="BK2367" s="53">
        <v>-13370.822185970599</v>
      </c>
      <c r="BL2367" s="53">
        <v>-13370.822185970599</v>
      </c>
      <c r="BM2367" s="53">
        <v>-13370.822185970599</v>
      </c>
      <c r="BN2367" s="53">
        <v>-160449.866231647</v>
      </c>
      <c r="BO2367" s="53">
        <v>-13370.822185970599</v>
      </c>
      <c r="BP2367" s="53">
        <v>-13370.822185970599</v>
      </c>
      <c r="BQ2367" s="53">
        <v>-13370.822185970599</v>
      </c>
      <c r="BR2367" s="53">
        <v>-13370.822185970599</v>
      </c>
      <c r="BS2367" s="53">
        <v>-13370.822185970599</v>
      </c>
      <c r="BT2367" s="53">
        <v>-13370.822185970599</v>
      </c>
      <c r="BU2367" s="53">
        <v>-13370.822185970599</v>
      </c>
      <c r="BV2367" s="53">
        <v>-13370.822185970599</v>
      </c>
      <c r="BW2367" s="53">
        <v>-13370.822185970599</v>
      </c>
      <c r="BX2367" s="53">
        <v>-13370.822185970599</v>
      </c>
      <c r="BY2367" s="53">
        <v>-13370.822185970599</v>
      </c>
      <c r="BZ2367" s="53">
        <v>-13370.822185970599</v>
      </c>
      <c r="CA2367" s="53">
        <v>-160449.866231647</v>
      </c>
      <c r="CB2367" s="53"/>
      <c r="CC2367" s="53"/>
      <c r="CD2367" s="53"/>
      <c r="CE2367" s="53"/>
      <c r="CF2367" s="53"/>
      <c r="CG2367" s="53"/>
      <c r="CH2367" s="53"/>
      <c r="CI2367" s="53"/>
      <c r="CJ2367" s="53"/>
      <c r="CK2367" s="53"/>
      <c r="CL2367" s="53"/>
      <c r="CM2367" s="53"/>
      <c r="CN2367" s="53"/>
    </row>
    <row r="2368" spans="1:92" outlineLevel="1">
      <c r="A2368" s="52" t="s">
        <v>725</v>
      </c>
      <c r="B2368" s="53">
        <v>-44991.8796992481</v>
      </c>
      <c r="C2368" s="53">
        <v>-44991.8796992481</v>
      </c>
      <c r="D2368" s="53">
        <v>-44991.8796992481</v>
      </c>
      <c r="E2368" s="53">
        <v>-44991.8796992481</v>
      </c>
      <c r="F2368" s="53">
        <v>-44991.8796992481</v>
      </c>
      <c r="G2368" s="53">
        <v>-44991.8796992481</v>
      </c>
      <c r="H2368" s="53">
        <v>-44991.8796992481</v>
      </c>
      <c r="I2368" s="53">
        <v>-44991.8796992481</v>
      </c>
      <c r="J2368" s="53">
        <v>-44991.8796992481</v>
      </c>
      <c r="K2368" s="53">
        <v>-44991.8796992481</v>
      </c>
      <c r="L2368" s="53">
        <v>-44991.8796992481</v>
      </c>
      <c r="M2368" s="53">
        <v>-44991.8796992481</v>
      </c>
      <c r="N2368" s="53">
        <v>-539902.556390977</v>
      </c>
      <c r="O2368" s="53">
        <v>-44991.8796992481</v>
      </c>
      <c r="P2368" s="53">
        <v>-44991.8796992481</v>
      </c>
      <c r="Q2368" s="53">
        <v>-44991.8796992481</v>
      </c>
      <c r="R2368" s="53">
        <v>-44991.8796992481</v>
      </c>
      <c r="S2368" s="53">
        <v>-44991.8796992481</v>
      </c>
      <c r="T2368" s="53">
        <v>-44991.8796992481</v>
      </c>
      <c r="U2368" s="53">
        <v>-44991.8796992481</v>
      </c>
      <c r="V2368" s="53">
        <v>-44991.8796992481</v>
      </c>
      <c r="W2368" s="53">
        <v>-44991.8796992481</v>
      </c>
      <c r="X2368" s="53">
        <v>-44991.8796992481</v>
      </c>
      <c r="Y2368" s="53">
        <v>-44991.8796992481</v>
      </c>
      <c r="Z2368" s="53">
        <v>-44991.8796992481</v>
      </c>
      <c r="AA2368" s="53">
        <v>-539902.556390977</v>
      </c>
      <c r="AB2368" s="53">
        <v>-44991.8796992481</v>
      </c>
      <c r="AC2368" s="53">
        <v>-44991.8796992481</v>
      </c>
      <c r="AD2368" s="53">
        <v>-44991.8796992481</v>
      </c>
      <c r="AE2368" s="53">
        <v>-44991.8796992481</v>
      </c>
      <c r="AF2368" s="53">
        <v>-44991.8796992481</v>
      </c>
      <c r="AG2368" s="53">
        <v>-44991.8796992481</v>
      </c>
      <c r="AH2368" s="53">
        <v>-44991.8796992481</v>
      </c>
      <c r="AI2368" s="53">
        <v>-44991.8796992481</v>
      </c>
      <c r="AJ2368" s="53">
        <v>-44991.8796992481</v>
      </c>
      <c r="AK2368" s="53">
        <v>-44991.8796992481</v>
      </c>
      <c r="AL2368" s="53">
        <v>-44991.8796992481</v>
      </c>
      <c r="AM2368" s="53">
        <v>-44991.8796992481</v>
      </c>
      <c r="AN2368" s="53">
        <v>-539902.556390977</v>
      </c>
      <c r="AO2368" s="53">
        <v>-44991.8796992481</v>
      </c>
      <c r="AP2368" s="53">
        <v>-44991.8796992481</v>
      </c>
      <c r="AQ2368" s="53">
        <v>-44991.8796992481</v>
      </c>
      <c r="AR2368" s="53">
        <v>-44991.8796992481</v>
      </c>
      <c r="AS2368" s="53">
        <v>-44991.8796992481</v>
      </c>
      <c r="AT2368" s="53">
        <v>-44991.8796992481</v>
      </c>
      <c r="AU2368" s="53">
        <v>-44991.8796992481</v>
      </c>
      <c r="AV2368" s="53">
        <v>-44991.8796992481</v>
      </c>
      <c r="AW2368" s="53">
        <v>-44991.8796992481</v>
      </c>
      <c r="AX2368" s="53">
        <v>-44991.8796992481</v>
      </c>
      <c r="AY2368" s="53">
        <v>-44991.8796992481</v>
      </c>
      <c r="AZ2368" s="53">
        <v>-44991.8796992481</v>
      </c>
      <c r="BA2368" s="53">
        <v>-539902.556390977</v>
      </c>
      <c r="BB2368" s="53">
        <v>-44991.8796992481</v>
      </c>
      <c r="BC2368" s="53">
        <v>-44991.8796992481</v>
      </c>
      <c r="BD2368" s="53">
        <v>-44991.8796992481</v>
      </c>
      <c r="BE2368" s="53">
        <v>-44991.8796992481</v>
      </c>
      <c r="BF2368" s="53">
        <v>-44991.8796992481</v>
      </c>
      <c r="BG2368" s="53">
        <v>-44991.8796992481</v>
      </c>
      <c r="BH2368" s="53">
        <v>-44991.8796992481</v>
      </c>
      <c r="BI2368" s="53">
        <v>-44991.8796992481</v>
      </c>
      <c r="BJ2368" s="53">
        <v>-44991.8796992481</v>
      </c>
      <c r="BK2368" s="53">
        <v>-44991.8796992481</v>
      </c>
      <c r="BL2368" s="53">
        <v>-44991.8796992481</v>
      </c>
      <c r="BM2368" s="53">
        <v>-44991.8796992481</v>
      </c>
      <c r="BN2368" s="53">
        <v>-539902.556390977</v>
      </c>
      <c r="BO2368" s="53">
        <v>-44991.8796992481</v>
      </c>
      <c r="BP2368" s="53">
        <v>-44991.8796992481</v>
      </c>
      <c r="BQ2368" s="53">
        <v>-44991.8796992481</v>
      </c>
      <c r="BR2368" s="53">
        <v>-44991.8796992481</v>
      </c>
      <c r="BS2368" s="53">
        <v>-44991.8796992481</v>
      </c>
      <c r="BT2368" s="53">
        <v>-44991.8796992481</v>
      </c>
      <c r="BU2368" s="53">
        <v>-22495.939849623999</v>
      </c>
      <c r="BV2368" s="53"/>
      <c r="BW2368" s="53"/>
      <c r="BX2368" s="53"/>
      <c r="BY2368" s="53"/>
      <c r="BZ2368" s="53"/>
      <c r="CA2368" s="53">
        <v>-292447.21804511198</v>
      </c>
      <c r="CB2368" s="53"/>
      <c r="CC2368" s="53"/>
      <c r="CD2368" s="53">
        <v>-22892803</v>
      </c>
      <c r="CE2368" s="53"/>
      <c r="CF2368" s="53"/>
      <c r="CG2368" s="53"/>
      <c r="CH2368" s="53"/>
      <c r="CI2368" s="53"/>
      <c r="CJ2368" s="53"/>
      <c r="CK2368" s="53"/>
      <c r="CL2368" s="53"/>
      <c r="CM2368" s="53"/>
      <c r="CN2368" s="53">
        <v>-22892803</v>
      </c>
    </row>
    <row r="2369" spans="1:92" outlineLevel="1">
      <c r="A2369" s="52" t="s">
        <v>726</v>
      </c>
      <c r="B2369" s="53">
        <v>-52157.240963855402</v>
      </c>
      <c r="C2369" s="53">
        <v>-52157.240963855402</v>
      </c>
      <c r="D2369" s="53">
        <v>-52157.240963855402</v>
      </c>
      <c r="E2369" s="53">
        <v>-52157.240963855402</v>
      </c>
      <c r="F2369" s="53">
        <v>-52157.240963855402</v>
      </c>
      <c r="G2369" s="53">
        <v>-52157.240963855402</v>
      </c>
      <c r="H2369" s="53">
        <v>-52157.240963855402</v>
      </c>
      <c r="I2369" s="53">
        <v>-52157.240963855402</v>
      </c>
      <c r="J2369" s="53">
        <v>-52157.240963855402</v>
      </c>
      <c r="K2369" s="53">
        <v>-52157.240963855402</v>
      </c>
      <c r="L2369" s="53">
        <v>-52157.240963855402</v>
      </c>
      <c r="M2369" s="53">
        <v>-52157.240963855402</v>
      </c>
      <c r="N2369" s="53">
        <v>-625886.89156626503</v>
      </c>
      <c r="O2369" s="53">
        <v>-52157.240963855402</v>
      </c>
      <c r="P2369" s="53">
        <v>-52157.240963855402</v>
      </c>
      <c r="Q2369" s="53">
        <v>-52157.240963855402</v>
      </c>
      <c r="R2369" s="53">
        <v>-52157.240963855402</v>
      </c>
      <c r="S2369" s="53">
        <v>-52157.240963855402</v>
      </c>
      <c r="T2369" s="53">
        <v>-52157.240963855402</v>
      </c>
      <c r="U2369" s="53">
        <v>-52157.240963855402</v>
      </c>
      <c r="V2369" s="53">
        <v>-52157.240963855402</v>
      </c>
      <c r="W2369" s="53">
        <v>-52157.240963855402</v>
      </c>
      <c r="X2369" s="53">
        <v>-52157.240963855402</v>
      </c>
      <c r="Y2369" s="53">
        <v>-52157.240963855402</v>
      </c>
      <c r="Z2369" s="53">
        <v>-52157.240963855402</v>
      </c>
      <c r="AA2369" s="53">
        <v>-625886.89156626503</v>
      </c>
      <c r="AB2369" s="53">
        <v>-52157.240963855402</v>
      </c>
      <c r="AC2369" s="53">
        <v>-52157.240963855402</v>
      </c>
      <c r="AD2369" s="53">
        <v>-52157.240963855402</v>
      </c>
      <c r="AE2369" s="53">
        <v>-52157.240963855402</v>
      </c>
      <c r="AF2369" s="53">
        <v>-52157.240963855402</v>
      </c>
      <c r="AG2369" s="53">
        <v>-52157.240963855402</v>
      </c>
      <c r="AH2369" s="53">
        <v>-52157.240963855402</v>
      </c>
      <c r="AI2369" s="53">
        <v>-52157.240963855402</v>
      </c>
      <c r="AJ2369" s="53">
        <v>-52157.240963855402</v>
      </c>
      <c r="AK2369" s="53">
        <v>-52157.240963855402</v>
      </c>
      <c r="AL2369" s="53">
        <v>-52157.240963855402</v>
      </c>
      <c r="AM2369" s="53">
        <v>-52157.240963855402</v>
      </c>
      <c r="AN2369" s="53">
        <v>-625886.89156626503</v>
      </c>
      <c r="AO2369" s="53">
        <v>-52157.240963855402</v>
      </c>
      <c r="AP2369" s="53">
        <v>-52157.240963855402</v>
      </c>
      <c r="AQ2369" s="53">
        <v>-52157.240963855402</v>
      </c>
      <c r="AR2369" s="53">
        <v>-52157.240963855402</v>
      </c>
      <c r="AS2369" s="53">
        <v>-52157.240963855402</v>
      </c>
      <c r="AT2369" s="53">
        <v>-52157.240963855402</v>
      </c>
      <c r="AU2369" s="53">
        <v>-52157.240963855402</v>
      </c>
      <c r="AV2369" s="53">
        <v>-52157.240963855402</v>
      </c>
      <c r="AW2369" s="53">
        <v>-52157.240963855402</v>
      </c>
      <c r="AX2369" s="53">
        <v>-52157.240963855402</v>
      </c>
      <c r="AY2369" s="53">
        <v>-52157.240963855402</v>
      </c>
      <c r="AZ2369" s="53">
        <v>-52157.240963855402</v>
      </c>
      <c r="BA2369" s="53">
        <v>-625886.89156626503</v>
      </c>
      <c r="BB2369" s="53">
        <v>-52157.240963855402</v>
      </c>
      <c r="BC2369" s="53">
        <v>-52157.240963855402</v>
      </c>
      <c r="BD2369" s="53">
        <v>-52157.240963855402</v>
      </c>
      <c r="BE2369" s="53">
        <v>-52157.240963855402</v>
      </c>
      <c r="BF2369" s="53">
        <v>-52157.240963855402</v>
      </c>
      <c r="BG2369" s="53">
        <v>-52157.240963855402</v>
      </c>
      <c r="BH2369" s="53">
        <v>-52157.240963855402</v>
      </c>
      <c r="BI2369" s="53">
        <v>-52157.240963855402</v>
      </c>
      <c r="BJ2369" s="53">
        <v>-52157.240963855402</v>
      </c>
      <c r="BK2369" s="53">
        <v>-52157.240963855402</v>
      </c>
      <c r="BL2369" s="53">
        <v>-52157.240963855402</v>
      </c>
      <c r="BM2369" s="53">
        <v>-52157.240963855402</v>
      </c>
      <c r="BN2369" s="53">
        <v>-625886.89156626503</v>
      </c>
      <c r="BO2369" s="53">
        <v>-52157.240963855402</v>
      </c>
      <c r="BP2369" s="53">
        <v>-52157.240963855402</v>
      </c>
      <c r="BQ2369" s="53">
        <v>-52157.240963855402</v>
      </c>
      <c r="BR2369" s="53">
        <v>-52157.240963855402</v>
      </c>
      <c r="BS2369" s="53">
        <v>-52157.240963855402</v>
      </c>
      <c r="BT2369" s="53">
        <v>-52157.240963855402</v>
      </c>
      <c r="BU2369" s="53">
        <v>-52157.240963855402</v>
      </c>
      <c r="BV2369" s="53">
        <v>-52157.240963855402</v>
      </c>
      <c r="BW2369" s="53">
        <v>-52157.240963855402</v>
      </c>
      <c r="BX2369" s="53">
        <v>-52157.240963855402</v>
      </c>
      <c r="BY2369" s="53">
        <v>-52157.240963855402</v>
      </c>
      <c r="BZ2369" s="53">
        <v>-52157.240963855402</v>
      </c>
      <c r="CA2369" s="53">
        <v>-625886.89156626503</v>
      </c>
      <c r="CB2369" s="53"/>
      <c r="CC2369" s="53"/>
      <c r="CD2369" s="53"/>
      <c r="CE2369" s="53"/>
      <c r="CF2369" s="53"/>
      <c r="CG2369" s="53"/>
      <c r="CH2369" s="53"/>
      <c r="CI2369" s="53"/>
      <c r="CJ2369" s="53"/>
      <c r="CK2369" s="53"/>
      <c r="CL2369" s="53"/>
      <c r="CM2369" s="53"/>
      <c r="CN2369" s="53"/>
    </row>
    <row r="2370" spans="1:92" outlineLevel="1">
      <c r="A2370" s="52" t="s">
        <v>728</v>
      </c>
      <c r="B2370" s="53">
        <v>-38996.0446927374</v>
      </c>
      <c r="C2370" s="53">
        <v>-38996.0446927374</v>
      </c>
      <c r="D2370" s="53">
        <v>-38996.0446927374</v>
      </c>
      <c r="E2370" s="53">
        <v>-38996.0446927374</v>
      </c>
      <c r="F2370" s="53">
        <v>-38996.0446927374</v>
      </c>
      <c r="G2370" s="53">
        <v>-38996.0446927374</v>
      </c>
      <c r="H2370" s="53">
        <v>-38996.0446927374</v>
      </c>
      <c r="I2370" s="53">
        <v>-38996.0446927374</v>
      </c>
      <c r="J2370" s="53">
        <v>-38996.0446927374</v>
      </c>
      <c r="K2370" s="53">
        <v>-38996.0446927374</v>
      </c>
      <c r="L2370" s="53">
        <v>-38996.0446927374</v>
      </c>
      <c r="M2370" s="53">
        <v>-38996.0446927374</v>
      </c>
      <c r="N2370" s="53">
        <v>-467952.53631284903</v>
      </c>
      <c r="O2370" s="53">
        <v>-38996.0446927374</v>
      </c>
      <c r="P2370" s="53">
        <v>-38996.0446927374</v>
      </c>
      <c r="Q2370" s="53">
        <v>-38996.0446927374</v>
      </c>
      <c r="R2370" s="53">
        <v>-38996.0446927374</v>
      </c>
      <c r="S2370" s="53">
        <v>-38996.0446927374</v>
      </c>
      <c r="T2370" s="53">
        <v>-38996.0446927374</v>
      </c>
      <c r="U2370" s="53">
        <v>-38996.0446927374</v>
      </c>
      <c r="V2370" s="53">
        <v>-38996.0446927374</v>
      </c>
      <c r="W2370" s="53">
        <v>-38996.0446927374</v>
      </c>
      <c r="X2370" s="53">
        <v>-38996.0446927374</v>
      </c>
      <c r="Y2370" s="53">
        <v>-38996.0446927374</v>
      </c>
      <c r="Z2370" s="53">
        <v>-38996.044692737298</v>
      </c>
      <c r="AA2370" s="53">
        <v>-467952.53631284798</v>
      </c>
      <c r="AB2370" s="53">
        <v>-38996.044692737298</v>
      </c>
      <c r="AC2370" s="53">
        <v>-38996.044692737298</v>
      </c>
      <c r="AD2370" s="53">
        <v>-38996.044692737298</v>
      </c>
      <c r="AE2370" s="53">
        <v>-38996.044692737298</v>
      </c>
      <c r="AF2370" s="53">
        <v>-38996.044692737298</v>
      </c>
      <c r="AG2370" s="53">
        <v>-38996.044692737298</v>
      </c>
      <c r="AH2370" s="53">
        <v>-38996.044692737298</v>
      </c>
      <c r="AI2370" s="53">
        <v>-38996.044692737298</v>
      </c>
      <c r="AJ2370" s="53">
        <v>-38996.044692737298</v>
      </c>
      <c r="AK2370" s="53">
        <v>-38996.044692737298</v>
      </c>
      <c r="AL2370" s="53">
        <v>-38996.044692737298</v>
      </c>
      <c r="AM2370" s="53">
        <v>-38996.044692737298</v>
      </c>
      <c r="AN2370" s="53">
        <v>-467952.53631284798</v>
      </c>
      <c r="AO2370" s="53">
        <v>-38996.044692737298</v>
      </c>
      <c r="AP2370" s="53">
        <v>-38996.044692737298</v>
      </c>
      <c r="AQ2370" s="53">
        <v>-38996.044692737298</v>
      </c>
      <c r="AR2370" s="53">
        <v>-38996.044692737298</v>
      </c>
      <c r="AS2370" s="53">
        <v>-38996.044692737298</v>
      </c>
      <c r="AT2370" s="53">
        <v>-38996.044692737298</v>
      </c>
      <c r="AU2370" s="53">
        <v>-38996.044692737298</v>
      </c>
      <c r="AV2370" s="53">
        <v>-38996.044692737298</v>
      </c>
      <c r="AW2370" s="53">
        <v>-38996.044692737298</v>
      </c>
      <c r="AX2370" s="53">
        <v>-38996.044692737298</v>
      </c>
      <c r="AY2370" s="53">
        <v>-38996.044692737298</v>
      </c>
      <c r="AZ2370" s="53">
        <v>-38996.044692737298</v>
      </c>
      <c r="BA2370" s="53">
        <v>-467952.53631284798</v>
      </c>
      <c r="BB2370" s="53">
        <v>-38996.044692737298</v>
      </c>
      <c r="BC2370" s="53">
        <v>-38996.044692737298</v>
      </c>
      <c r="BD2370" s="53">
        <v>-38996.044692737298</v>
      </c>
      <c r="BE2370" s="53">
        <v>-38996.044692737298</v>
      </c>
      <c r="BF2370" s="53">
        <v>-38996.044692737298</v>
      </c>
      <c r="BG2370" s="53">
        <v>-38996.044692737298</v>
      </c>
      <c r="BH2370" s="53">
        <v>-38996.044692737298</v>
      </c>
      <c r="BI2370" s="53">
        <v>-38996.044692737298</v>
      </c>
      <c r="BJ2370" s="53">
        <v>-38996.044692737298</v>
      </c>
      <c r="BK2370" s="53">
        <v>-38996.044692737298</v>
      </c>
      <c r="BL2370" s="53">
        <v>-38996.044692737298</v>
      </c>
      <c r="BM2370" s="53">
        <v>-38996.044692737298</v>
      </c>
      <c r="BN2370" s="53">
        <v>-467952.53631284798</v>
      </c>
      <c r="BO2370" s="53">
        <v>-38996.044692737298</v>
      </c>
      <c r="BP2370" s="53">
        <v>-38996.044692737298</v>
      </c>
      <c r="BQ2370" s="53">
        <v>-38996.0446927374</v>
      </c>
      <c r="BR2370" s="53">
        <v>-38996.0446927374</v>
      </c>
      <c r="BS2370" s="53">
        <v>-38996.0446927374</v>
      </c>
      <c r="BT2370" s="53">
        <v>-38996.0446927374</v>
      </c>
      <c r="BU2370" s="53">
        <v>-38996.0446927374</v>
      </c>
      <c r="BV2370" s="53">
        <v>-38996.0446927374</v>
      </c>
      <c r="BW2370" s="53">
        <v>-38996.0446927374</v>
      </c>
      <c r="BX2370" s="53">
        <v>-38996.0446927374</v>
      </c>
      <c r="BY2370" s="53">
        <v>-38996.044692737298</v>
      </c>
      <c r="BZ2370" s="53">
        <v>-38996.0446927374</v>
      </c>
      <c r="CA2370" s="53">
        <v>-467952.53631284798</v>
      </c>
      <c r="CB2370" s="53"/>
      <c r="CC2370" s="53"/>
      <c r="CD2370" s="53"/>
      <c r="CE2370" s="53"/>
      <c r="CF2370" s="53"/>
      <c r="CG2370" s="53"/>
      <c r="CH2370" s="53"/>
      <c r="CI2370" s="53"/>
      <c r="CJ2370" s="53"/>
      <c r="CK2370" s="53"/>
      <c r="CL2370" s="53"/>
      <c r="CM2370" s="53"/>
      <c r="CN2370" s="53"/>
    </row>
    <row r="2371" spans="1:92" outlineLevel="1">
      <c r="A2371" s="52" t="s">
        <v>729</v>
      </c>
      <c r="B2371" s="53">
        <v>-48595.5162790697</v>
      </c>
      <c r="C2371" s="53">
        <v>-48595.5162790697</v>
      </c>
      <c r="D2371" s="53">
        <v>-48595.5162790697</v>
      </c>
      <c r="E2371" s="53">
        <v>-48595.5162790697</v>
      </c>
      <c r="F2371" s="53">
        <v>-48595.5162790697</v>
      </c>
      <c r="G2371" s="53">
        <v>-48595.5162790697</v>
      </c>
      <c r="H2371" s="53">
        <v>-48595.5162790697</v>
      </c>
      <c r="I2371" s="53">
        <v>-48595.5162790697</v>
      </c>
      <c r="J2371" s="53">
        <v>-48595.5162790697</v>
      </c>
      <c r="K2371" s="53">
        <v>-48595.5162790697</v>
      </c>
      <c r="L2371" s="53">
        <v>-48595.5162790697</v>
      </c>
      <c r="M2371" s="53">
        <v>-48595.5162790697</v>
      </c>
      <c r="N2371" s="53">
        <v>-583146.19534883695</v>
      </c>
      <c r="O2371" s="53">
        <v>-48595.5162790697</v>
      </c>
      <c r="P2371" s="53">
        <v>-48595.5162790697</v>
      </c>
      <c r="Q2371" s="53">
        <v>-48595.5162790697</v>
      </c>
      <c r="R2371" s="53">
        <v>-48595.5162790697</v>
      </c>
      <c r="S2371" s="53">
        <v>-48595.5162790697</v>
      </c>
      <c r="T2371" s="53">
        <v>-48595.5162790697</v>
      </c>
      <c r="U2371" s="53">
        <v>-48595.5162790697</v>
      </c>
      <c r="V2371" s="53">
        <v>-48595.5162790697</v>
      </c>
      <c r="W2371" s="53">
        <v>-48595.5162790697</v>
      </c>
      <c r="X2371" s="53">
        <v>-48595.5162790697</v>
      </c>
      <c r="Y2371" s="53">
        <v>-48595.5162790697</v>
      </c>
      <c r="Z2371" s="53">
        <v>-48595.5162790697</v>
      </c>
      <c r="AA2371" s="53">
        <v>-583146.19534883695</v>
      </c>
      <c r="AB2371" s="53">
        <v>-48595.516279069801</v>
      </c>
      <c r="AC2371" s="53">
        <v>-48595.516279069801</v>
      </c>
      <c r="AD2371" s="53">
        <v>-48595.516279069801</v>
      </c>
      <c r="AE2371" s="53">
        <v>-48595.516279069801</v>
      </c>
      <c r="AF2371" s="53">
        <v>-48595.516279069801</v>
      </c>
      <c r="AG2371" s="53">
        <v>-48595.516279069801</v>
      </c>
      <c r="AH2371" s="53">
        <v>-48595.516279069801</v>
      </c>
      <c r="AI2371" s="53">
        <v>-48595.516279069801</v>
      </c>
      <c r="AJ2371" s="53">
        <v>-48595.516279069801</v>
      </c>
      <c r="AK2371" s="53">
        <v>-48595.516279069801</v>
      </c>
      <c r="AL2371" s="53">
        <v>-48595.516279069801</v>
      </c>
      <c r="AM2371" s="53">
        <v>-48595.516279069801</v>
      </c>
      <c r="AN2371" s="53">
        <v>-583146.19534883695</v>
      </c>
      <c r="AO2371" s="53">
        <v>-48595.516279069801</v>
      </c>
      <c r="AP2371" s="53">
        <v>-48595.516279069801</v>
      </c>
      <c r="AQ2371" s="53">
        <v>-48595.516279069801</v>
      </c>
      <c r="AR2371" s="53">
        <v>-48595.516279069801</v>
      </c>
      <c r="AS2371" s="53">
        <v>-48595.516279069801</v>
      </c>
      <c r="AT2371" s="53">
        <v>-48595.516279069801</v>
      </c>
      <c r="AU2371" s="53">
        <v>-48595.516279069801</v>
      </c>
      <c r="AV2371" s="53">
        <v>-48595.516279069801</v>
      </c>
      <c r="AW2371" s="53">
        <v>-48595.516279069801</v>
      </c>
      <c r="AX2371" s="53">
        <v>-48595.516279069801</v>
      </c>
      <c r="AY2371" s="53">
        <v>-48595.516279069801</v>
      </c>
      <c r="AZ2371" s="53">
        <v>-48595.516279069801</v>
      </c>
      <c r="BA2371" s="53">
        <v>-583146.19534883799</v>
      </c>
      <c r="BB2371" s="53">
        <v>-48595.516279069801</v>
      </c>
      <c r="BC2371" s="53">
        <v>-48595.516279069801</v>
      </c>
      <c r="BD2371" s="53">
        <v>-48595.516279069801</v>
      </c>
      <c r="BE2371" s="53">
        <v>-48595.516279069801</v>
      </c>
      <c r="BF2371" s="53">
        <v>-48595.516279069801</v>
      </c>
      <c r="BG2371" s="53">
        <v>-48595.516279069801</v>
      </c>
      <c r="BH2371" s="53">
        <v>-48595.516279069801</v>
      </c>
      <c r="BI2371" s="53">
        <v>-48595.516279069801</v>
      </c>
      <c r="BJ2371" s="53">
        <v>-48595.516279069801</v>
      </c>
      <c r="BK2371" s="53">
        <v>-48595.516279069801</v>
      </c>
      <c r="BL2371" s="53">
        <v>-48595.516279069801</v>
      </c>
      <c r="BM2371" s="53">
        <v>-48595.516279069801</v>
      </c>
      <c r="BN2371" s="53">
        <v>-583146.19534883799</v>
      </c>
      <c r="BO2371" s="53">
        <v>-48595.516279069801</v>
      </c>
      <c r="BP2371" s="53">
        <v>-48595.516279069801</v>
      </c>
      <c r="BQ2371" s="53">
        <v>-48595.516279069903</v>
      </c>
      <c r="BR2371" s="53">
        <v>-48595.516279069801</v>
      </c>
      <c r="BS2371" s="53">
        <v>-48595.516279069801</v>
      </c>
      <c r="BT2371" s="53">
        <v>-48595.516279069801</v>
      </c>
      <c r="BU2371" s="53">
        <v>-48595.516279069801</v>
      </c>
      <c r="BV2371" s="53">
        <v>-48595.516279069801</v>
      </c>
      <c r="BW2371" s="53">
        <v>-48595.516279069801</v>
      </c>
      <c r="BX2371" s="53">
        <v>-48595.516279069801</v>
      </c>
      <c r="BY2371" s="53">
        <v>-48595.516279069801</v>
      </c>
      <c r="BZ2371" s="53">
        <v>-48595.516279069801</v>
      </c>
      <c r="CA2371" s="53">
        <v>-583146.19534883799</v>
      </c>
      <c r="CB2371" s="53"/>
      <c r="CC2371" s="53"/>
      <c r="CD2371" s="53"/>
      <c r="CE2371" s="53"/>
      <c r="CF2371" s="53"/>
      <c r="CG2371" s="53"/>
      <c r="CH2371" s="53"/>
      <c r="CI2371" s="53"/>
      <c r="CJ2371" s="53"/>
      <c r="CK2371" s="53"/>
      <c r="CL2371" s="53"/>
      <c r="CM2371" s="53"/>
      <c r="CN2371" s="53"/>
    </row>
    <row r="2372" spans="1:92" outlineLevel="1">
      <c r="A2372" s="52" t="s">
        <v>730</v>
      </c>
      <c r="B2372" s="53">
        <v>-16652.086330935199</v>
      </c>
      <c r="C2372" s="53">
        <v>-16652.086330935199</v>
      </c>
      <c r="D2372" s="53">
        <v>-16652.086330935199</v>
      </c>
      <c r="E2372" s="53">
        <v>-16652.086330935199</v>
      </c>
      <c r="F2372" s="53">
        <v>-16652.086330935199</v>
      </c>
      <c r="G2372" s="53">
        <v>-16652.086330935199</v>
      </c>
      <c r="H2372" s="53">
        <v>-16652.086330935199</v>
      </c>
      <c r="I2372" s="53">
        <v>-16652.086330935199</v>
      </c>
      <c r="J2372" s="53">
        <v>-16652.086330935199</v>
      </c>
      <c r="K2372" s="53">
        <v>-16652.086330935199</v>
      </c>
      <c r="L2372" s="53">
        <v>-16652.086330935199</v>
      </c>
      <c r="M2372" s="53">
        <v>-16652.086330935199</v>
      </c>
      <c r="N2372" s="53">
        <v>-199825.035971223</v>
      </c>
      <c r="O2372" s="53">
        <v>-16652.086330935199</v>
      </c>
      <c r="P2372" s="53">
        <v>-16652.086330935199</v>
      </c>
      <c r="Q2372" s="53">
        <v>-16652.086330935199</v>
      </c>
      <c r="R2372" s="53">
        <v>-16652.086330935199</v>
      </c>
      <c r="S2372" s="53">
        <v>-16652.086330935199</v>
      </c>
      <c r="T2372" s="53">
        <v>-16652.086330935199</v>
      </c>
      <c r="U2372" s="53">
        <v>-16652.086330935199</v>
      </c>
      <c r="V2372" s="53">
        <v>-16652.086330935199</v>
      </c>
      <c r="W2372" s="53">
        <v>-16652.086330935199</v>
      </c>
      <c r="X2372" s="53">
        <v>-16652.086330935199</v>
      </c>
      <c r="Y2372" s="53">
        <v>-16652.086330935199</v>
      </c>
      <c r="Z2372" s="53">
        <v>-16652.086330935199</v>
      </c>
      <c r="AA2372" s="53">
        <v>-199825.035971223</v>
      </c>
      <c r="AB2372" s="53">
        <v>-16652.086330935199</v>
      </c>
      <c r="AC2372" s="53">
        <v>-16652.086330935199</v>
      </c>
      <c r="AD2372" s="53">
        <v>-16652.086330935199</v>
      </c>
      <c r="AE2372" s="53">
        <v>-16652.086330935199</v>
      </c>
      <c r="AF2372" s="53">
        <v>-16652.086330935199</v>
      </c>
      <c r="AG2372" s="53">
        <v>-16652.086330935199</v>
      </c>
      <c r="AH2372" s="53">
        <v>-16652.086330935199</v>
      </c>
      <c r="AI2372" s="53">
        <v>-16652.086330935199</v>
      </c>
      <c r="AJ2372" s="53">
        <v>-16652.086330935199</v>
      </c>
      <c r="AK2372" s="53">
        <v>-16652.086330935199</v>
      </c>
      <c r="AL2372" s="53">
        <v>-16652.086330935199</v>
      </c>
      <c r="AM2372" s="53">
        <v>-16652.086330935199</v>
      </c>
      <c r="AN2372" s="53">
        <v>-199825.035971223</v>
      </c>
      <c r="AO2372" s="53">
        <v>-16652.086330935199</v>
      </c>
      <c r="AP2372" s="53">
        <v>-16652.086330935199</v>
      </c>
      <c r="AQ2372" s="53">
        <v>-16652.086330935199</v>
      </c>
      <c r="AR2372" s="53">
        <v>-16652.086330935199</v>
      </c>
      <c r="AS2372" s="53">
        <v>-16652.086330935199</v>
      </c>
      <c r="AT2372" s="53">
        <v>-16652.086330935199</v>
      </c>
      <c r="AU2372" s="53">
        <v>-16652.086330935199</v>
      </c>
      <c r="AV2372" s="53">
        <v>-16652.086330935199</v>
      </c>
      <c r="AW2372" s="53">
        <v>-16652.086330935199</v>
      </c>
      <c r="AX2372" s="53">
        <v>-16652.086330935199</v>
      </c>
      <c r="AY2372" s="53">
        <v>-16652.086330935199</v>
      </c>
      <c r="AZ2372" s="53">
        <v>-16652.086330935199</v>
      </c>
      <c r="BA2372" s="53">
        <v>-199825.035971223</v>
      </c>
      <c r="BB2372" s="53">
        <v>-16652.086330935199</v>
      </c>
      <c r="BC2372" s="53">
        <v>-16652.086330935199</v>
      </c>
      <c r="BD2372" s="53">
        <v>-16652.086330935199</v>
      </c>
      <c r="BE2372" s="53">
        <v>-16652.086330935199</v>
      </c>
      <c r="BF2372" s="53">
        <v>-16652.086330935199</v>
      </c>
      <c r="BG2372" s="53">
        <v>-16652.086330935199</v>
      </c>
      <c r="BH2372" s="53">
        <v>-16652.086330935199</v>
      </c>
      <c r="BI2372" s="53">
        <v>-16652.086330935199</v>
      </c>
      <c r="BJ2372" s="53">
        <v>-16652.086330935199</v>
      </c>
      <c r="BK2372" s="53">
        <v>-16652.086330935199</v>
      </c>
      <c r="BL2372" s="53">
        <v>-16652.086330935199</v>
      </c>
      <c r="BM2372" s="53">
        <v>-16652.086330935199</v>
      </c>
      <c r="BN2372" s="53">
        <v>-199825.035971223</v>
      </c>
      <c r="BO2372" s="53">
        <v>-16652.086330935199</v>
      </c>
      <c r="BP2372" s="53">
        <v>-16652.086330935199</v>
      </c>
      <c r="BQ2372" s="53">
        <v>-16652.086330935199</v>
      </c>
      <c r="BR2372" s="53">
        <v>-16652.086330935199</v>
      </c>
      <c r="BS2372" s="53">
        <v>-16652.086330935199</v>
      </c>
      <c r="BT2372" s="53">
        <v>-16652.086330935199</v>
      </c>
      <c r="BU2372" s="53">
        <v>-16652.086330935199</v>
      </c>
      <c r="BV2372" s="53">
        <v>-16652.086330935199</v>
      </c>
      <c r="BW2372" s="53">
        <v>-16652.086330935199</v>
      </c>
      <c r="BX2372" s="53">
        <v>-16652.086330935199</v>
      </c>
      <c r="BY2372" s="53">
        <v>-16652.086330935199</v>
      </c>
      <c r="BZ2372" s="53">
        <v>-16652.086330935199</v>
      </c>
      <c r="CA2372" s="53">
        <v>-199825.035971223</v>
      </c>
      <c r="CB2372" s="53"/>
      <c r="CC2372" s="53"/>
      <c r="CD2372" s="53"/>
      <c r="CE2372" s="53"/>
      <c r="CF2372" s="53"/>
      <c r="CG2372" s="53"/>
      <c r="CH2372" s="53"/>
      <c r="CI2372" s="53"/>
      <c r="CJ2372" s="53"/>
      <c r="CK2372" s="53"/>
      <c r="CL2372" s="53"/>
      <c r="CM2372" s="53"/>
      <c r="CN2372" s="53"/>
    </row>
    <row r="2373" spans="1:92" outlineLevel="1">
      <c r="A2373" s="52" t="s">
        <v>1565</v>
      </c>
      <c r="B2373" s="53">
        <v>-11698.0753138075</v>
      </c>
      <c r="C2373" s="53">
        <v>-11698.0753138075</v>
      </c>
      <c r="D2373" s="53">
        <v>-11698.0753138075</v>
      </c>
      <c r="E2373" s="53">
        <v>-11698.0753138075</v>
      </c>
      <c r="F2373" s="53">
        <v>-11698.0753138075</v>
      </c>
      <c r="G2373" s="53">
        <v>-11698.0753138075</v>
      </c>
      <c r="H2373" s="53">
        <v>-11698.0753138075</v>
      </c>
      <c r="I2373" s="53">
        <v>-11698.0753138075</v>
      </c>
      <c r="J2373" s="53">
        <v>-11698.0753138075</v>
      </c>
      <c r="K2373" s="53">
        <v>-11698.0753138075</v>
      </c>
      <c r="L2373" s="53">
        <v>-11698.0753138075</v>
      </c>
      <c r="M2373" s="53">
        <v>-11698.0753138075</v>
      </c>
      <c r="N2373" s="53">
        <v>-140376.90376568999</v>
      </c>
      <c r="O2373" s="53">
        <v>-11698.0753138075</v>
      </c>
      <c r="P2373" s="53">
        <v>-11698.0753138075</v>
      </c>
      <c r="Q2373" s="53">
        <v>-11698.0753138075</v>
      </c>
      <c r="R2373" s="53">
        <v>-11698.0753138075</v>
      </c>
      <c r="S2373" s="53">
        <v>-11698.0753138075</v>
      </c>
      <c r="T2373" s="53">
        <v>-11698.0753138075</v>
      </c>
      <c r="U2373" s="53">
        <v>-11698.0753138075</v>
      </c>
      <c r="V2373" s="53">
        <v>-11698.0753138075</v>
      </c>
      <c r="W2373" s="53">
        <v>-11698.0753138075</v>
      </c>
      <c r="X2373" s="53">
        <v>-11698.0753138075</v>
      </c>
      <c r="Y2373" s="53">
        <v>-11698.0753138075</v>
      </c>
      <c r="Z2373" s="53">
        <v>-11698.0753138075</v>
      </c>
      <c r="AA2373" s="53">
        <v>-140376.90376568999</v>
      </c>
      <c r="AB2373" s="53">
        <v>-11698.0753138075</v>
      </c>
      <c r="AC2373" s="53">
        <v>-11698.0753138075</v>
      </c>
      <c r="AD2373" s="53">
        <v>-11698.0753138075</v>
      </c>
      <c r="AE2373" s="53">
        <v>-11698.0753138075</v>
      </c>
      <c r="AF2373" s="53">
        <v>-11698.0753138075</v>
      </c>
      <c r="AG2373" s="53">
        <v>-11698.0753138075</v>
      </c>
      <c r="AH2373" s="53">
        <v>-11698.0753138075</v>
      </c>
      <c r="AI2373" s="53">
        <v>-11698.0753138075</v>
      </c>
      <c r="AJ2373" s="53">
        <v>-11698.0753138075</v>
      </c>
      <c r="AK2373" s="53">
        <v>-11698.0753138075</v>
      </c>
      <c r="AL2373" s="53">
        <v>-11698.0753138075</v>
      </c>
      <c r="AM2373" s="53">
        <v>-11698.0753138075</v>
      </c>
      <c r="AN2373" s="53">
        <v>-140376.90376568999</v>
      </c>
      <c r="AO2373" s="53">
        <v>-11698.0753138075</v>
      </c>
      <c r="AP2373" s="53">
        <v>-11698.0753138075</v>
      </c>
      <c r="AQ2373" s="53">
        <v>-11698.0753138075</v>
      </c>
      <c r="AR2373" s="53">
        <v>-11698.0753138075</v>
      </c>
      <c r="AS2373" s="53">
        <v>-11698.0753138075</v>
      </c>
      <c r="AT2373" s="53">
        <v>-11698.0753138075</v>
      </c>
      <c r="AU2373" s="53">
        <v>-11698.0753138075</v>
      </c>
      <c r="AV2373" s="53">
        <v>-11698.0753138075</v>
      </c>
      <c r="AW2373" s="53">
        <v>-11698.0753138075</v>
      </c>
      <c r="AX2373" s="53">
        <v>-11698.0753138075</v>
      </c>
      <c r="AY2373" s="53">
        <v>-11698.0753138075</v>
      </c>
      <c r="AZ2373" s="53">
        <v>-11698.0753138075</v>
      </c>
      <c r="BA2373" s="53">
        <v>-140376.90376568999</v>
      </c>
      <c r="BB2373" s="53">
        <v>-11698.0753138075</v>
      </c>
      <c r="BC2373" s="53">
        <v>-11698.0753138075</v>
      </c>
      <c r="BD2373" s="53">
        <v>-11698.0753138075</v>
      </c>
      <c r="BE2373" s="53">
        <v>-11698.0753138075</v>
      </c>
      <c r="BF2373" s="53">
        <v>-11698.0753138075</v>
      </c>
      <c r="BG2373" s="53">
        <v>-11698.0753138075</v>
      </c>
      <c r="BH2373" s="53">
        <v>-11698.0753138075</v>
      </c>
      <c r="BI2373" s="53">
        <v>-11698.0753138075</v>
      </c>
      <c r="BJ2373" s="53">
        <v>-11698.0753138075</v>
      </c>
      <c r="BK2373" s="53">
        <v>-11698.0753138075</v>
      </c>
      <c r="BL2373" s="53">
        <v>-11698.0753138075</v>
      </c>
      <c r="BM2373" s="53">
        <v>-11698.0753138075</v>
      </c>
      <c r="BN2373" s="53">
        <v>-140376.90376568999</v>
      </c>
      <c r="BO2373" s="53">
        <v>-11698.0753138075</v>
      </c>
      <c r="BP2373" s="53">
        <v>-11698.0753138075</v>
      </c>
      <c r="BQ2373" s="53">
        <v>-11698.0753138075</v>
      </c>
      <c r="BR2373" s="53">
        <v>-11698.0753138075</v>
      </c>
      <c r="BS2373" s="53">
        <v>-11698.0753138075</v>
      </c>
      <c r="BT2373" s="53">
        <v>-11698.0753138075</v>
      </c>
      <c r="BU2373" s="53">
        <v>-11698.0753138075</v>
      </c>
      <c r="BV2373" s="53">
        <v>-11698.0753138075</v>
      </c>
      <c r="BW2373" s="53">
        <v>-11698.0753138075</v>
      </c>
      <c r="BX2373" s="53">
        <v>-11698.0753138075</v>
      </c>
      <c r="BY2373" s="53">
        <v>-11698.0753138075</v>
      </c>
      <c r="BZ2373" s="53">
        <v>-11698.0753138075</v>
      </c>
      <c r="CA2373" s="53">
        <v>-140376.90376568999</v>
      </c>
      <c r="CB2373" s="53"/>
      <c r="CC2373" s="53"/>
      <c r="CD2373" s="53"/>
      <c r="CE2373" s="53"/>
      <c r="CF2373" s="53"/>
      <c r="CG2373" s="53"/>
      <c r="CH2373" s="53"/>
      <c r="CI2373" s="53"/>
      <c r="CJ2373" s="53"/>
      <c r="CK2373" s="53"/>
      <c r="CL2373" s="53"/>
      <c r="CM2373" s="53"/>
      <c r="CN2373" s="53"/>
    </row>
    <row r="2374" spans="1:92" outlineLevel="1">
      <c r="A2374" s="52" t="s">
        <v>1591</v>
      </c>
      <c r="B2374" s="53"/>
      <c r="C2374" s="53"/>
      <c r="D2374" s="53"/>
      <c r="E2374" s="53"/>
      <c r="F2374" s="53"/>
      <c r="G2374" s="53"/>
      <c r="H2374" s="53"/>
      <c r="I2374" s="53"/>
      <c r="J2374" s="53"/>
      <c r="K2374" s="53"/>
      <c r="L2374" s="53"/>
      <c r="M2374" s="53"/>
      <c r="N2374" s="53"/>
      <c r="O2374" s="53"/>
      <c r="P2374" s="53"/>
      <c r="Q2374" s="53"/>
      <c r="R2374" s="53"/>
      <c r="S2374" s="53"/>
      <c r="T2374" s="53"/>
      <c r="U2374" s="53"/>
      <c r="V2374" s="53"/>
      <c r="W2374" s="53"/>
      <c r="X2374" s="53"/>
      <c r="Y2374" s="53"/>
      <c r="Z2374" s="53"/>
      <c r="AA2374" s="53"/>
      <c r="AB2374" s="53"/>
      <c r="AC2374" s="53"/>
      <c r="AD2374" s="53"/>
      <c r="AE2374" s="53"/>
      <c r="AF2374" s="53"/>
      <c r="AG2374" s="53"/>
      <c r="AH2374" s="53"/>
      <c r="AI2374" s="53"/>
      <c r="AJ2374" s="53"/>
      <c r="AK2374" s="53"/>
      <c r="AL2374" s="53"/>
      <c r="AM2374" s="53"/>
      <c r="AN2374" s="53"/>
      <c r="AO2374" s="53"/>
      <c r="AP2374" s="53"/>
      <c r="AQ2374" s="53"/>
      <c r="AR2374" s="53"/>
      <c r="AS2374" s="53"/>
      <c r="AT2374" s="53"/>
      <c r="AU2374" s="53"/>
      <c r="AV2374" s="53"/>
      <c r="AW2374" s="53"/>
      <c r="AX2374" s="53"/>
      <c r="AY2374" s="53"/>
      <c r="AZ2374" s="53"/>
      <c r="BA2374" s="53"/>
      <c r="BB2374" s="53"/>
      <c r="BC2374" s="53"/>
      <c r="BD2374" s="53"/>
      <c r="BE2374" s="53"/>
      <c r="BF2374" s="53"/>
      <c r="BG2374" s="53"/>
      <c r="BH2374" s="53"/>
      <c r="BI2374" s="53"/>
      <c r="BJ2374" s="53"/>
      <c r="BK2374" s="53"/>
      <c r="BL2374" s="53"/>
      <c r="BM2374" s="53"/>
      <c r="BN2374" s="53"/>
      <c r="BO2374" s="53"/>
      <c r="BP2374" s="53"/>
      <c r="BQ2374" s="53"/>
      <c r="BR2374" s="53"/>
      <c r="BS2374" s="53"/>
      <c r="BT2374" s="53"/>
      <c r="BU2374" s="53"/>
      <c r="BV2374" s="53"/>
      <c r="BW2374" s="53"/>
      <c r="BX2374" s="53"/>
      <c r="BY2374" s="53"/>
      <c r="BZ2374" s="53"/>
      <c r="CA2374" s="53"/>
      <c r="CB2374" s="53"/>
      <c r="CC2374" s="53"/>
      <c r="CD2374" s="53">
        <v>-2976064.39</v>
      </c>
      <c r="CE2374" s="53"/>
      <c r="CF2374" s="53"/>
      <c r="CG2374" s="53"/>
      <c r="CH2374" s="53"/>
      <c r="CI2374" s="53"/>
      <c r="CJ2374" s="53"/>
      <c r="CK2374" s="53"/>
      <c r="CL2374" s="53"/>
      <c r="CM2374" s="53"/>
      <c r="CN2374" s="53">
        <v>-2976064.39</v>
      </c>
    </row>
    <row r="2375" spans="1:92" outlineLevel="1">
      <c r="A2375" s="52" t="s">
        <v>711</v>
      </c>
      <c r="B2375" s="53">
        <v>-1213.9344262295001</v>
      </c>
      <c r="C2375" s="53">
        <v>-1213.9344262295001</v>
      </c>
      <c r="D2375" s="53">
        <v>-1213.9344262295001</v>
      </c>
      <c r="E2375" s="53">
        <v>-1213.9344262295001</v>
      </c>
      <c r="F2375" s="53">
        <v>-1213.9344262295001</v>
      </c>
      <c r="G2375" s="53">
        <v>-1213.9344262295001</v>
      </c>
      <c r="H2375" s="53">
        <v>-1213.9344262295001</v>
      </c>
      <c r="I2375" s="53">
        <v>-1213.9344262295001</v>
      </c>
      <c r="J2375" s="53">
        <v>-1213.9344262295001</v>
      </c>
      <c r="K2375" s="53">
        <v>-1213.9344262295001</v>
      </c>
      <c r="L2375" s="53">
        <v>-1213.9344262295001</v>
      </c>
      <c r="M2375" s="53">
        <v>-1213.9344262295001</v>
      </c>
      <c r="N2375" s="53">
        <v>-14567.213114754</v>
      </c>
      <c r="O2375" s="53">
        <v>-1213.9344262295001</v>
      </c>
      <c r="P2375" s="53">
        <v>-1213.9344262295001</v>
      </c>
      <c r="Q2375" s="53">
        <v>-1213.9344262295001</v>
      </c>
      <c r="R2375" s="53">
        <v>-1213.9344262295001</v>
      </c>
      <c r="S2375" s="53">
        <v>-1213.9344262295001</v>
      </c>
      <c r="T2375" s="53">
        <v>-1213.9344262295001</v>
      </c>
      <c r="U2375" s="53">
        <v>-1213.9344262295001</v>
      </c>
      <c r="V2375" s="53">
        <v>-1213.9344262295001</v>
      </c>
      <c r="W2375" s="53">
        <v>-1213.9344262295001</v>
      </c>
      <c r="X2375" s="53">
        <v>-1213.9344262295001</v>
      </c>
      <c r="Y2375" s="53">
        <v>-1213.9344262295001</v>
      </c>
      <c r="Z2375" s="53">
        <v>-1213.9344262295001</v>
      </c>
      <c r="AA2375" s="53">
        <v>-14567.213114754</v>
      </c>
      <c r="AB2375" s="53">
        <v>-1213.9344262295001</v>
      </c>
      <c r="AC2375" s="53">
        <v>-1213.9344262295001</v>
      </c>
      <c r="AD2375" s="53">
        <v>-1213.9344262295001</v>
      </c>
      <c r="AE2375" s="53">
        <v>-1213.9344262295001</v>
      </c>
      <c r="AF2375" s="53">
        <v>-1213.9344262295001</v>
      </c>
      <c r="AG2375" s="53">
        <v>-1213.9344262295001</v>
      </c>
      <c r="AH2375" s="53">
        <v>-1213.9344262295001</v>
      </c>
      <c r="AI2375" s="53">
        <v>-1213.9344262295001</v>
      </c>
      <c r="AJ2375" s="53">
        <v>-1213.9344262295001</v>
      </c>
      <c r="AK2375" s="53">
        <v>-1213.9344262295001</v>
      </c>
      <c r="AL2375" s="53">
        <v>-1213.9344262295001</v>
      </c>
      <c r="AM2375" s="53">
        <v>-1213.9344262295001</v>
      </c>
      <c r="AN2375" s="53">
        <v>-14567.213114754</v>
      </c>
      <c r="AO2375" s="53">
        <v>-1213.9344262295001</v>
      </c>
      <c r="AP2375" s="53">
        <v>-1213.9344262295001</v>
      </c>
      <c r="AQ2375" s="53">
        <v>-1213.9344262295001</v>
      </c>
      <c r="AR2375" s="53">
        <v>-1213.9344262295001</v>
      </c>
      <c r="AS2375" s="53">
        <v>-1213.9344262295001</v>
      </c>
      <c r="AT2375" s="53">
        <v>-1213.9344262295001</v>
      </c>
      <c r="AU2375" s="53">
        <v>-1213.9344262295001</v>
      </c>
      <c r="AV2375" s="53">
        <v>-1213.9344262295001</v>
      </c>
      <c r="AW2375" s="53">
        <v>-1213.9344262295001</v>
      </c>
      <c r="AX2375" s="53">
        <v>-1213.9344262295001</v>
      </c>
      <c r="AY2375" s="53">
        <v>-1213.9344262295001</v>
      </c>
      <c r="AZ2375" s="53">
        <v>-1213.9344262295001</v>
      </c>
      <c r="BA2375" s="53">
        <v>-14567.213114754</v>
      </c>
      <c r="BB2375" s="53">
        <v>-1213.9344262295001</v>
      </c>
      <c r="BC2375" s="53">
        <v>-1213.9344262295001</v>
      </c>
      <c r="BD2375" s="53">
        <v>-1213.9344262295001</v>
      </c>
      <c r="BE2375" s="53">
        <v>-1213.9344262295001</v>
      </c>
      <c r="BF2375" s="53">
        <v>-1213.9344262295001</v>
      </c>
      <c r="BG2375" s="53">
        <v>-1213.9344262295001</v>
      </c>
      <c r="BH2375" s="53">
        <v>-1213.9344262295001</v>
      </c>
      <c r="BI2375" s="53">
        <v>-1213.9344262295001</v>
      </c>
      <c r="BJ2375" s="53">
        <v>-1213.9344262295001</v>
      </c>
      <c r="BK2375" s="53">
        <v>-1213.9344262295001</v>
      </c>
      <c r="BL2375" s="53">
        <v>-1213.9344262295001</v>
      </c>
      <c r="BM2375" s="53">
        <v>-1213.9344262295001</v>
      </c>
      <c r="BN2375" s="53">
        <v>-14567.2131147541</v>
      </c>
      <c r="BO2375" s="53">
        <v>-1213.9344262295001</v>
      </c>
      <c r="BP2375" s="53"/>
      <c r="BQ2375" s="53"/>
      <c r="BR2375" s="53"/>
      <c r="BS2375" s="53"/>
      <c r="BT2375" s="53"/>
      <c r="BU2375" s="53"/>
      <c r="BV2375" s="53"/>
      <c r="BW2375" s="53"/>
      <c r="BX2375" s="53"/>
      <c r="BY2375" s="53"/>
      <c r="BZ2375" s="53"/>
      <c r="CA2375" s="53">
        <v>-1213.9344262295001</v>
      </c>
      <c r="CB2375" s="53"/>
      <c r="CC2375" s="53"/>
      <c r="CD2375" s="53"/>
      <c r="CE2375" s="53"/>
      <c r="CF2375" s="53"/>
      <c r="CG2375" s="53"/>
      <c r="CH2375" s="53"/>
      <c r="CI2375" s="53"/>
      <c r="CJ2375" s="53"/>
      <c r="CK2375" s="53"/>
      <c r="CL2375" s="53"/>
      <c r="CM2375" s="53"/>
      <c r="CN2375" s="53"/>
    </row>
    <row r="2376" spans="1:92" outlineLevel="1">
      <c r="A2376" s="52" t="s">
        <v>712</v>
      </c>
      <c r="B2376" s="53">
        <v>-1583.1557377049101</v>
      </c>
      <c r="C2376" s="53">
        <v>-1583.1557377049101</v>
      </c>
      <c r="D2376" s="53">
        <v>-1583.1557377049101</v>
      </c>
      <c r="E2376" s="53">
        <v>-1583.1557377049101</v>
      </c>
      <c r="F2376" s="53">
        <v>-1583.1557377049101</v>
      </c>
      <c r="G2376" s="53">
        <v>-1583.1557377049101</v>
      </c>
      <c r="H2376" s="53">
        <v>-1583.1557377049101</v>
      </c>
      <c r="I2376" s="53">
        <v>-1583.1557377049101</v>
      </c>
      <c r="J2376" s="53">
        <v>-1583.1557377049101</v>
      </c>
      <c r="K2376" s="53">
        <v>-1583.1557377049101</v>
      </c>
      <c r="L2376" s="53">
        <v>-1583.1557377049101</v>
      </c>
      <c r="M2376" s="53">
        <v>-1583.1557377049101</v>
      </c>
      <c r="N2376" s="53">
        <v>-18997.868852459</v>
      </c>
      <c r="O2376" s="53">
        <v>-1583.1557377049101</v>
      </c>
      <c r="P2376" s="53">
        <v>-1583.1557377049101</v>
      </c>
      <c r="Q2376" s="53">
        <v>-1583.1557377049101</v>
      </c>
      <c r="R2376" s="53">
        <v>-1583.1557377049101</v>
      </c>
      <c r="S2376" s="53">
        <v>-1583.1557377049101</v>
      </c>
      <c r="T2376" s="53">
        <v>-1583.1557377049101</v>
      </c>
      <c r="U2376" s="53">
        <v>-1583.1557377049101</v>
      </c>
      <c r="V2376" s="53">
        <v>-1583.1557377049101</v>
      </c>
      <c r="W2376" s="53">
        <v>-1583.1557377049101</v>
      </c>
      <c r="X2376" s="53">
        <v>-1583.1557377049101</v>
      </c>
      <c r="Y2376" s="53">
        <v>-1583.1557377049101</v>
      </c>
      <c r="Z2376" s="53">
        <v>-1583.1557377049101</v>
      </c>
      <c r="AA2376" s="53">
        <v>-18997.868852459</v>
      </c>
      <c r="AB2376" s="53">
        <v>-1583.1557377049101</v>
      </c>
      <c r="AC2376" s="53">
        <v>-1583.1557377049101</v>
      </c>
      <c r="AD2376" s="53">
        <v>-1583.1557377049101</v>
      </c>
      <c r="AE2376" s="53">
        <v>-1583.1557377049101</v>
      </c>
      <c r="AF2376" s="53">
        <v>-1583.1557377049101</v>
      </c>
      <c r="AG2376" s="53">
        <v>-1583.1557377049101</v>
      </c>
      <c r="AH2376" s="53">
        <v>-1583.1557377049101</v>
      </c>
      <c r="AI2376" s="53">
        <v>-1583.1557377049101</v>
      </c>
      <c r="AJ2376" s="53">
        <v>-1583.1557377049101</v>
      </c>
      <c r="AK2376" s="53">
        <v>-1583.1557377049101</v>
      </c>
      <c r="AL2376" s="53">
        <v>-1583.1557377049101</v>
      </c>
      <c r="AM2376" s="53">
        <v>-1583.1557377049101</v>
      </c>
      <c r="AN2376" s="53">
        <v>-18997.868852459</v>
      </c>
      <c r="AO2376" s="53">
        <v>-1583.1557377049101</v>
      </c>
      <c r="AP2376" s="53">
        <v>-1583.1557377049201</v>
      </c>
      <c r="AQ2376" s="53">
        <v>-1583.1557377049201</v>
      </c>
      <c r="AR2376" s="53">
        <v>-1583.1557377049201</v>
      </c>
      <c r="AS2376" s="53">
        <v>-1583.1557377049201</v>
      </c>
      <c r="AT2376" s="53">
        <v>-1583.1557377049201</v>
      </c>
      <c r="AU2376" s="53">
        <v>-1583.1557377049201</v>
      </c>
      <c r="AV2376" s="53">
        <v>-1583.1557377049201</v>
      </c>
      <c r="AW2376" s="53">
        <v>-1583.1557377049201</v>
      </c>
      <c r="AX2376" s="53">
        <v>-1583.1557377049201</v>
      </c>
      <c r="AY2376" s="53">
        <v>-1583.1557377049201</v>
      </c>
      <c r="AZ2376" s="53">
        <v>-1583.1557377049201</v>
      </c>
      <c r="BA2376" s="53">
        <v>-18997.868852459</v>
      </c>
      <c r="BB2376" s="53">
        <v>-1583.1557377049201</v>
      </c>
      <c r="BC2376" s="53">
        <v>-1583.1557377049201</v>
      </c>
      <c r="BD2376" s="53">
        <v>-1583.1557377049201</v>
      </c>
      <c r="BE2376" s="53">
        <v>-1583.1557377049201</v>
      </c>
      <c r="BF2376" s="53">
        <v>-1583.1557377049201</v>
      </c>
      <c r="BG2376" s="53">
        <v>-1583.1557377049201</v>
      </c>
      <c r="BH2376" s="53">
        <v>-1583.1557377049201</v>
      </c>
      <c r="BI2376" s="53">
        <v>-1583.1557377049201</v>
      </c>
      <c r="BJ2376" s="53">
        <v>-1583.1557377049201</v>
      </c>
      <c r="BK2376" s="53">
        <v>-1583.1557377049201</v>
      </c>
      <c r="BL2376" s="53">
        <v>-1583.1557377049201</v>
      </c>
      <c r="BM2376" s="53">
        <v>-1583.1557377049201</v>
      </c>
      <c r="BN2376" s="53">
        <v>-18997.868852459</v>
      </c>
      <c r="BO2376" s="53">
        <v>-1583.1557377049201</v>
      </c>
      <c r="BP2376" s="53">
        <v>-1583.1557377049201</v>
      </c>
      <c r="BQ2376" s="53">
        <v>-1583.1557377049201</v>
      </c>
      <c r="BR2376" s="53">
        <v>-1583.1557377049201</v>
      </c>
      <c r="BS2376" s="53">
        <v>-1583.1557377049201</v>
      </c>
      <c r="BT2376" s="53">
        <v>-1583.1557377049201</v>
      </c>
      <c r="BU2376" s="53">
        <v>-1583.1557377049201</v>
      </c>
      <c r="BV2376" s="53">
        <v>-1583.1557377049201</v>
      </c>
      <c r="BW2376" s="53">
        <v>-1583.1557377049201</v>
      </c>
      <c r="BX2376" s="53">
        <v>-1583.1557377049201</v>
      </c>
      <c r="BY2376" s="53">
        <v>-1583.1557377049201</v>
      </c>
      <c r="BZ2376" s="53">
        <v>-1583.1557377049201</v>
      </c>
      <c r="CA2376" s="53">
        <v>-18997.868852459</v>
      </c>
      <c r="CB2376" s="53"/>
      <c r="CC2376" s="53"/>
      <c r="CD2376" s="53"/>
      <c r="CE2376" s="53"/>
      <c r="CF2376" s="53"/>
      <c r="CG2376" s="53"/>
      <c r="CH2376" s="53"/>
      <c r="CI2376" s="53"/>
      <c r="CJ2376" s="53"/>
      <c r="CK2376" s="53"/>
      <c r="CL2376" s="53"/>
      <c r="CM2376" s="53"/>
      <c r="CN2376" s="53"/>
    </row>
    <row r="2377" spans="1:92" outlineLevel="1">
      <c r="A2377" s="52" t="s">
        <v>713</v>
      </c>
      <c r="B2377" s="53">
        <v>-1833.3881019830001</v>
      </c>
      <c r="C2377" s="53">
        <v>-1833.3881019830001</v>
      </c>
      <c r="D2377" s="53">
        <v>-1833.3881019830001</v>
      </c>
      <c r="E2377" s="53">
        <v>-1833.3881019830001</v>
      </c>
      <c r="F2377" s="53">
        <v>-1833.3881019830001</v>
      </c>
      <c r="G2377" s="53">
        <v>-1833.3881019830001</v>
      </c>
      <c r="H2377" s="53">
        <v>-1833.3881019830001</v>
      </c>
      <c r="I2377" s="53">
        <v>-1833.3881019830001</v>
      </c>
      <c r="J2377" s="53">
        <v>-1833.3881019830001</v>
      </c>
      <c r="K2377" s="53">
        <v>-1833.3881019830001</v>
      </c>
      <c r="L2377" s="53">
        <v>-1833.3881019830001</v>
      </c>
      <c r="M2377" s="53">
        <v>-1833.3881019830001</v>
      </c>
      <c r="N2377" s="53">
        <v>-22000.657223795999</v>
      </c>
      <c r="O2377" s="53">
        <v>-1833.3881019830001</v>
      </c>
      <c r="P2377" s="53">
        <v>-1833.3881019830001</v>
      </c>
      <c r="Q2377" s="53">
        <v>-1833.3881019830001</v>
      </c>
      <c r="R2377" s="53">
        <v>-1833.3881019830001</v>
      </c>
      <c r="S2377" s="53">
        <v>-1833.3881019830001</v>
      </c>
      <c r="T2377" s="53">
        <v>-1833.3881019830001</v>
      </c>
      <c r="U2377" s="53">
        <v>-1833.3881019830001</v>
      </c>
      <c r="V2377" s="53">
        <v>-1833.3881019830001</v>
      </c>
      <c r="W2377" s="53">
        <v>-1833.3881019830001</v>
      </c>
      <c r="X2377" s="53">
        <v>-1833.3881019830001</v>
      </c>
      <c r="Y2377" s="53">
        <v>-1833.3881019830001</v>
      </c>
      <c r="Z2377" s="53">
        <v>-1833.3881019830001</v>
      </c>
      <c r="AA2377" s="53">
        <v>-22000.657223795999</v>
      </c>
      <c r="AB2377" s="53">
        <v>-1833.3881019830001</v>
      </c>
      <c r="AC2377" s="53">
        <v>-1833.3881019830001</v>
      </c>
      <c r="AD2377" s="53">
        <v>-1833.3881019830001</v>
      </c>
      <c r="AE2377" s="53">
        <v>-1833.3881019830001</v>
      </c>
      <c r="AF2377" s="53">
        <v>-1833.3881019829901</v>
      </c>
      <c r="AG2377" s="53">
        <v>-1833.3881019829901</v>
      </c>
      <c r="AH2377" s="53">
        <v>-1833.3881019829901</v>
      </c>
      <c r="AI2377" s="53">
        <v>-1833.3881019829901</v>
      </c>
      <c r="AJ2377" s="53">
        <v>-1833.3881019829901</v>
      </c>
      <c r="AK2377" s="53">
        <v>-1833.3881019829901</v>
      </c>
      <c r="AL2377" s="53">
        <v>-1833.3881019829901</v>
      </c>
      <c r="AM2377" s="53">
        <v>-1833.3881019829901</v>
      </c>
      <c r="AN2377" s="53">
        <v>-22000.657223795999</v>
      </c>
      <c r="AO2377" s="53">
        <v>-1833.3881019829901</v>
      </c>
      <c r="AP2377" s="53">
        <v>-1833.3881019829901</v>
      </c>
      <c r="AQ2377" s="53">
        <v>-1833.3881019829901</v>
      </c>
      <c r="AR2377" s="53">
        <v>-1833.3881019829901</v>
      </c>
      <c r="AS2377" s="53">
        <v>-1833.3881019829901</v>
      </c>
      <c r="AT2377" s="53">
        <v>-1833.3881019829901</v>
      </c>
      <c r="AU2377" s="53">
        <v>-1833.3881019829901</v>
      </c>
      <c r="AV2377" s="53">
        <v>-1833.3881019829901</v>
      </c>
      <c r="AW2377" s="53">
        <v>-1833.3881019829901</v>
      </c>
      <c r="AX2377" s="53">
        <v>-1833.3881019829901</v>
      </c>
      <c r="AY2377" s="53">
        <v>-1833.3881019829901</v>
      </c>
      <c r="AZ2377" s="53">
        <v>-1833.3881019829901</v>
      </c>
      <c r="BA2377" s="53">
        <v>-22000.657223795901</v>
      </c>
      <c r="BB2377" s="53">
        <v>-1833.3881019829901</v>
      </c>
      <c r="BC2377" s="53">
        <v>-1833.3881019829901</v>
      </c>
      <c r="BD2377" s="53">
        <v>-1833.3881019829901</v>
      </c>
      <c r="BE2377" s="53">
        <v>-1833.3881019829901</v>
      </c>
      <c r="BF2377" s="53">
        <v>-1833.3881019829901</v>
      </c>
      <c r="BG2377" s="53">
        <v>-1833.3881019830001</v>
      </c>
      <c r="BH2377" s="53">
        <v>-1833.3881019830001</v>
      </c>
      <c r="BI2377" s="53">
        <v>-1833.3881019830001</v>
      </c>
      <c r="BJ2377" s="53">
        <v>-1833.3881019830001</v>
      </c>
      <c r="BK2377" s="53">
        <v>-1833.3881019830001</v>
      </c>
      <c r="BL2377" s="53">
        <v>-1833.3881019830001</v>
      </c>
      <c r="BM2377" s="53">
        <v>-1833.3881019830001</v>
      </c>
      <c r="BN2377" s="53">
        <v>-22000.657223795999</v>
      </c>
      <c r="BO2377" s="53">
        <v>-1833.3881019830001</v>
      </c>
      <c r="BP2377" s="53">
        <v>-1833.3881019830001</v>
      </c>
      <c r="BQ2377" s="53">
        <v>-1833.3881019830001</v>
      </c>
      <c r="BR2377" s="53">
        <v>-1833.3881019830001</v>
      </c>
      <c r="BS2377" s="53">
        <v>-1833.3881019830001</v>
      </c>
      <c r="BT2377" s="53">
        <v>-1833.3881019830001</v>
      </c>
      <c r="BU2377" s="53">
        <v>-1833.3881019830001</v>
      </c>
      <c r="BV2377" s="53">
        <v>-1833.3881019830001</v>
      </c>
      <c r="BW2377" s="53">
        <v>-1833.3881019830001</v>
      </c>
      <c r="BX2377" s="53">
        <v>-1833.3881019830001</v>
      </c>
      <c r="BY2377" s="53">
        <v>-1833.3881019830001</v>
      </c>
      <c r="BZ2377" s="53">
        <v>-1833.3881019830001</v>
      </c>
      <c r="CA2377" s="53">
        <v>-22000.657223795999</v>
      </c>
      <c r="CB2377" s="53"/>
      <c r="CC2377" s="53"/>
      <c r="CD2377" s="53"/>
      <c r="CE2377" s="53"/>
      <c r="CF2377" s="53"/>
      <c r="CG2377" s="53"/>
      <c r="CH2377" s="53"/>
      <c r="CI2377" s="53"/>
      <c r="CJ2377" s="53"/>
      <c r="CK2377" s="53"/>
      <c r="CL2377" s="53"/>
      <c r="CM2377" s="53"/>
      <c r="CN2377" s="53"/>
    </row>
    <row r="2378" spans="1:92" outlineLevel="1">
      <c r="A2378" s="52" t="s">
        <v>716</v>
      </c>
      <c r="B2378" s="53">
        <v>-11723.4555256064</v>
      </c>
      <c r="C2378" s="53">
        <v>-11723.4555256064</v>
      </c>
      <c r="D2378" s="53">
        <v>-11723.4555256064</v>
      </c>
      <c r="E2378" s="53">
        <v>-11723.4555256064</v>
      </c>
      <c r="F2378" s="53">
        <v>-11723.4555256064</v>
      </c>
      <c r="G2378" s="53">
        <v>-11723.4555256064</v>
      </c>
      <c r="H2378" s="53">
        <v>-11723.4555256064</v>
      </c>
      <c r="I2378" s="53">
        <v>-11723.4555256064</v>
      </c>
      <c r="J2378" s="53">
        <v>-11723.4555256064</v>
      </c>
      <c r="K2378" s="53">
        <v>-11723.4555256064</v>
      </c>
      <c r="L2378" s="53">
        <v>-11723.4555256064</v>
      </c>
      <c r="M2378" s="53">
        <v>-11723.4555256064</v>
      </c>
      <c r="N2378" s="53">
        <v>-140681.46630727701</v>
      </c>
      <c r="O2378" s="53">
        <v>-11723.4555256064</v>
      </c>
      <c r="P2378" s="53">
        <v>-11723.4555256064</v>
      </c>
      <c r="Q2378" s="53">
        <v>-11723.4555256064</v>
      </c>
      <c r="R2378" s="53">
        <v>-11723.4555256064</v>
      </c>
      <c r="S2378" s="53">
        <v>-11723.4555256064</v>
      </c>
      <c r="T2378" s="53">
        <v>-11723.4555256064</v>
      </c>
      <c r="U2378" s="53">
        <v>-11723.4555256064</v>
      </c>
      <c r="V2378" s="53">
        <v>-11723.4555256064</v>
      </c>
      <c r="W2378" s="53">
        <v>-11723.4555256064</v>
      </c>
      <c r="X2378" s="53">
        <v>-11723.4555256064</v>
      </c>
      <c r="Y2378" s="53">
        <v>-11723.4555256064</v>
      </c>
      <c r="Z2378" s="53">
        <v>-11723.4555256064</v>
      </c>
      <c r="AA2378" s="53">
        <v>-140681.46630727701</v>
      </c>
      <c r="AB2378" s="53">
        <v>-11723.4555256064</v>
      </c>
      <c r="AC2378" s="53">
        <v>-11723.4555256064</v>
      </c>
      <c r="AD2378" s="53">
        <v>-11723.4555256064</v>
      </c>
      <c r="AE2378" s="53">
        <v>-11723.4555256064</v>
      </c>
      <c r="AF2378" s="53">
        <v>-11723.4555256064</v>
      </c>
      <c r="AG2378" s="53">
        <v>-11723.4555256064</v>
      </c>
      <c r="AH2378" s="53">
        <v>-11723.4555256064</v>
      </c>
      <c r="AI2378" s="53">
        <v>-11723.4555256064</v>
      </c>
      <c r="AJ2378" s="53">
        <v>-11723.4555256064</v>
      </c>
      <c r="AK2378" s="53">
        <v>-11723.4555256064</v>
      </c>
      <c r="AL2378" s="53">
        <v>-11723.4555256064</v>
      </c>
      <c r="AM2378" s="53">
        <v>-11723.4555256064</v>
      </c>
      <c r="AN2378" s="53">
        <v>-140681.46630727701</v>
      </c>
      <c r="AO2378" s="53">
        <v>-11723.4555256064</v>
      </c>
      <c r="AP2378" s="53">
        <v>-11723.4555256064</v>
      </c>
      <c r="AQ2378" s="53">
        <v>-11723.4555256064</v>
      </c>
      <c r="AR2378" s="53">
        <v>-11723.4555256064</v>
      </c>
      <c r="AS2378" s="53">
        <v>-11723.4555256064</v>
      </c>
      <c r="AT2378" s="53">
        <v>-11723.4555256064</v>
      </c>
      <c r="AU2378" s="53">
        <v>-11723.4555256064</v>
      </c>
      <c r="AV2378" s="53">
        <v>-11723.4555256064</v>
      </c>
      <c r="AW2378" s="53">
        <v>-11723.4555256064</v>
      </c>
      <c r="AX2378" s="53">
        <v>-11723.4555256064</v>
      </c>
      <c r="AY2378" s="53">
        <v>-11723.4555256064</v>
      </c>
      <c r="AZ2378" s="53">
        <v>-11723.4555256064</v>
      </c>
      <c r="BA2378" s="53">
        <v>-140681.46630727701</v>
      </c>
      <c r="BB2378" s="53">
        <v>-11723.4555256064</v>
      </c>
      <c r="BC2378" s="53">
        <v>-11723.4555256064</v>
      </c>
      <c r="BD2378" s="53">
        <v>-11723.4555256064</v>
      </c>
      <c r="BE2378" s="53">
        <v>-11723.4555256064</v>
      </c>
      <c r="BF2378" s="53">
        <v>-11723.4555256064</v>
      </c>
      <c r="BG2378" s="53">
        <v>-11723.4555256064</v>
      </c>
      <c r="BH2378" s="53">
        <v>-11723.4555256064</v>
      </c>
      <c r="BI2378" s="53">
        <v>-11723.4555256064</v>
      </c>
      <c r="BJ2378" s="53">
        <v>-11723.4555256064</v>
      </c>
      <c r="BK2378" s="53">
        <v>-11723.4555256064</v>
      </c>
      <c r="BL2378" s="53">
        <v>-11723.4555256064</v>
      </c>
      <c r="BM2378" s="53">
        <v>-11723.4555256064</v>
      </c>
      <c r="BN2378" s="53">
        <v>-140681.46630727701</v>
      </c>
      <c r="BO2378" s="53">
        <v>-11723.4555256064</v>
      </c>
      <c r="BP2378" s="53">
        <v>-11723.4555256064</v>
      </c>
      <c r="BQ2378" s="53">
        <v>-11723.4555256064</v>
      </c>
      <c r="BR2378" s="53">
        <v>-11723.4555256064</v>
      </c>
      <c r="BS2378" s="53">
        <v>-11723.4555256064</v>
      </c>
      <c r="BT2378" s="53">
        <v>-11723.4555256064</v>
      </c>
      <c r="BU2378" s="53">
        <v>-11723.4555256064</v>
      </c>
      <c r="BV2378" s="53">
        <v>-11723.4555256064</v>
      </c>
      <c r="BW2378" s="53">
        <v>-11723.4555256064</v>
      </c>
      <c r="BX2378" s="53">
        <v>-11723.4555256064</v>
      </c>
      <c r="BY2378" s="53">
        <v>-11723.4555256064</v>
      </c>
      <c r="BZ2378" s="53">
        <v>-11723.4555256064</v>
      </c>
      <c r="CA2378" s="53">
        <v>-140681.46630727701</v>
      </c>
      <c r="CB2378" s="53"/>
      <c r="CC2378" s="53"/>
      <c r="CD2378" s="53"/>
      <c r="CE2378" s="53"/>
      <c r="CF2378" s="53"/>
      <c r="CG2378" s="53"/>
      <c r="CH2378" s="53"/>
      <c r="CI2378" s="53"/>
      <c r="CJ2378" s="53"/>
      <c r="CK2378" s="53"/>
      <c r="CL2378" s="53"/>
      <c r="CM2378" s="53"/>
      <c r="CN2378" s="53"/>
    </row>
    <row r="2379" spans="1:92" outlineLevel="1">
      <c r="A2379" s="52" t="s">
        <v>717</v>
      </c>
      <c r="B2379" s="53">
        <v>-4051.8260869565202</v>
      </c>
      <c r="C2379" s="53">
        <v>-4051.8260869565202</v>
      </c>
      <c r="D2379" s="53">
        <v>-4051.8260869565202</v>
      </c>
      <c r="E2379" s="53">
        <v>-4051.8260869565202</v>
      </c>
      <c r="F2379" s="53">
        <v>-4051.8260869565202</v>
      </c>
      <c r="G2379" s="53">
        <v>-4051.8260869565202</v>
      </c>
      <c r="H2379" s="53">
        <v>-4051.8260869565202</v>
      </c>
      <c r="I2379" s="53">
        <v>-4051.8260869565202</v>
      </c>
      <c r="J2379" s="53">
        <v>-4051.8260869565102</v>
      </c>
      <c r="K2379" s="53">
        <v>-4051.8260869565102</v>
      </c>
      <c r="L2379" s="53">
        <v>-4051.8260869565102</v>
      </c>
      <c r="M2379" s="53">
        <v>-4051.8260869565102</v>
      </c>
      <c r="N2379" s="53">
        <v>-48621.913043478198</v>
      </c>
      <c r="O2379" s="53">
        <v>-4051.8260869565102</v>
      </c>
      <c r="P2379" s="53">
        <v>-4051.8260869565102</v>
      </c>
      <c r="Q2379" s="53">
        <v>-4051.8260869565102</v>
      </c>
      <c r="R2379" s="53">
        <v>-4051.8260869565102</v>
      </c>
      <c r="S2379" s="53">
        <v>-4051.8260869565102</v>
      </c>
      <c r="T2379" s="53">
        <v>-4051.8260869565102</v>
      </c>
      <c r="U2379" s="53">
        <v>-4051.8260869565102</v>
      </c>
      <c r="V2379" s="53">
        <v>-4051.8260869565102</v>
      </c>
      <c r="W2379" s="53">
        <v>-4051.8260869565102</v>
      </c>
      <c r="X2379" s="53">
        <v>-4051.8260869565102</v>
      </c>
      <c r="Y2379" s="53">
        <v>-4051.8260869565102</v>
      </c>
      <c r="Z2379" s="53">
        <v>-4051.8260869565102</v>
      </c>
      <c r="AA2379" s="53">
        <v>-48621.913043478198</v>
      </c>
      <c r="AB2379" s="53">
        <v>-4051.8260869565102</v>
      </c>
      <c r="AC2379" s="53">
        <v>-4051.8260869565102</v>
      </c>
      <c r="AD2379" s="53">
        <v>-4051.8260869565102</v>
      </c>
      <c r="AE2379" s="53">
        <v>-4051.8260869565102</v>
      </c>
      <c r="AF2379" s="53">
        <v>-4051.8260869565102</v>
      </c>
      <c r="AG2379" s="53">
        <v>-4051.8260869565102</v>
      </c>
      <c r="AH2379" s="53">
        <v>-4051.8260869565102</v>
      </c>
      <c r="AI2379" s="53">
        <v>-4051.8260869565102</v>
      </c>
      <c r="AJ2379" s="53">
        <v>-4051.8260869565102</v>
      </c>
      <c r="AK2379" s="53">
        <v>-4051.8260869565102</v>
      </c>
      <c r="AL2379" s="53">
        <v>-4051.8260869565102</v>
      </c>
      <c r="AM2379" s="53">
        <v>-4051.8260869565102</v>
      </c>
      <c r="AN2379" s="53">
        <v>-48621.913043478096</v>
      </c>
      <c r="AO2379" s="53">
        <v>-4051.8260869565102</v>
      </c>
      <c r="AP2379" s="53">
        <v>-4051.8260869565102</v>
      </c>
      <c r="AQ2379" s="53">
        <v>-4051.8260869565102</v>
      </c>
      <c r="AR2379" s="53">
        <v>-4051.8260869565102</v>
      </c>
      <c r="AS2379" s="53">
        <v>-4051.8260869565102</v>
      </c>
      <c r="AT2379" s="53">
        <v>-4051.8260869565102</v>
      </c>
      <c r="AU2379" s="53">
        <v>-4051.8260869565001</v>
      </c>
      <c r="AV2379" s="53">
        <v>-4051.8260869565001</v>
      </c>
      <c r="AW2379" s="53">
        <v>-4051.8260869565001</v>
      </c>
      <c r="AX2379" s="53">
        <v>-4051.8260869565102</v>
      </c>
      <c r="AY2379" s="53">
        <v>-4051.8260869565001</v>
      </c>
      <c r="AZ2379" s="53">
        <v>-4051.8260869565001</v>
      </c>
      <c r="BA2379" s="53">
        <v>-48621.913043478096</v>
      </c>
      <c r="BB2379" s="53">
        <v>-4051.8260869565102</v>
      </c>
      <c r="BC2379" s="53">
        <v>-4051.8260869565001</v>
      </c>
      <c r="BD2379" s="53">
        <v>-4051.8260869565001</v>
      </c>
      <c r="BE2379" s="53">
        <v>-4051.8260869565001</v>
      </c>
      <c r="BF2379" s="53">
        <v>-4051.8260869565001</v>
      </c>
      <c r="BG2379" s="53">
        <v>-4051.8260869565102</v>
      </c>
      <c r="BH2379" s="53">
        <v>-4051.8260869565102</v>
      </c>
      <c r="BI2379" s="53">
        <v>-4051.8260869565001</v>
      </c>
      <c r="BJ2379" s="53">
        <v>-4051.8260869565001</v>
      </c>
      <c r="BK2379" s="53">
        <v>-4051.8260869565102</v>
      </c>
      <c r="BL2379" s="53">
        <v>-4051.8260869565001</v>
      </c>
      <c r="BM2379" s="53">
        <v>-4051.8260869565001</v>
      </c>
      <c r="BN2379" s="53">
        <v>-48621.913043478096</v>
      </c>
      <c r="BO2379" s="53">
        <v>-4051.8260869565001</v>
      </c>
      <c r="BP2379" s="53">
        <v>-4051.8260869565102</v>
      </c>
      <c r="BQ2379" s="53">
        <v>-4051.8260869565001</v>
      </c>
      <c r="BR2379" s="53">
        <v>-4051.8260869565001</v>
      </c>
      <c r="BS2379" s="53">
        <v>-4051.8260869565001</v>
      </c>
      <c r="BT2379" s="53">
        <v>-4051.8260869565102</v>
      </c>
      <c r="BU2379" s="53">
        <v>-4051.8260869565001</v>
      </c>
      <c r="BV2379" s="53">
        <v>-4051.8260869565001</v>
      </c>
      <c r="BW2379" s="53">
        <v>-4051.8260869565102</v>
      </c>
      <c r="BX2379" s="53">
        <v>-4051.8260869565001</v>
      </c>
      <c r="BY2379" s="53">
        <v>-4051.8260869565001</v>
      </c>
      <c r="BZ2379" s="53">
        <v>-4051.8260869565001</v>
      </c>
      <c r="CA2379" s="53">
        <v>-48621.913043478096</v>
      </c>
      <c r="CB2379" s="53"/>
      <c r="CC2379" s="53"/>
      <c r="CD2379" s="53"/>
      <c r="CE2379" s="53"/>
      <c r="CF2379" s="53"/>
      <c r="CG2379" s="53"/>
      <c r="CH2379" s="53"/>
      <c r="CI2379" s="53"/>
      <c r="CJ2379" s="53"/>
      <c r="CK2379" s="53"/>
      <c r="CL2379" s="53"/>
      <c r="CM2379" s="53"/>
      <c r="CN2379" s="53"/>
    </row>
    <row r="2380" spans="1:92" outlineLevel="1">
      <c r="A2380" s="52" t="s">
        <v>718</v>
      </c>
      <c r="B2380" s="53">
        <v>-3523.4088050314399</v>
      </c>
      <c r="C2380" s="53">
        <v>-3523.4088050314399</v>
      </c>
      <c r="D2380" s="53">
        <v>-3523.4088050314399</v>
      </c>
      <c r="E2380" s="53">
        <v>-3523.4088050314399</v>
      </c>
      <c r="F2380" s="53">
        <v>-3523.4088050314399</v>
      </c>
      <c r="G2380" s="53">
        <v>-3523.4088050314399</v>
      </c>
      <c r="H2380" s="53">
        <v>-3523.4088050314399</v>
      </c>
      <c r="I2380" s="53">
        <v>-3523.4088050314399</v>
      </c>
      <c r="J2380" s="53">
        <v>-3523.4088050314399</v>
      </c>
      <c r="K2380" s="53">
        <v>-3523.4088050314399</v>
      </c>
      <c r="L2380" s="53">
        <v>-3523.4088050314399</v>
      </c>
      <c r="M2380" s="53">
        <v>-3523.4088050314399</v>
      </c>
      <c r="N2380" s="53">
        <v>-42280.905660377299</v>
      </c>
      <c r="O2380" s="53">
        <v>-3523.4088050314399</v>
      </c>
      <c r="P2380" s="53">
        <v>-3523.4088050314399</v>
      </c>
      <c r="Q2380" s="53">
        <v>-3523.4088050314399</v>
      </c>
      <c r="R2380" s="53">
        <v>-3523.4088050314399</v>
      </c>
      <c r="S2380" s="53">
        <v>-3523.4088050314399</v>
      </c>
      <c r="T2380" s="53">
        <v>-3523.4088050314399</v>
      </c>
      <c r="U2380" s="53">
        <v>-3523.4088050314499</v>
      </c>
      <c r="V2380" s="53">
        <v>-3523.4088050314399</v>
      </c>
      <c r="W2380" s="53">
        <v>-3523.4088050314499</v>
      </c>
      <c r="X2380" s="53">
        <v>-3523.4088050314499</v>
      </c>
      <c r="Y2380" s="53">
        <v>-3523.4088050314499</v>
      </c>
      <c r="Z2380" s="53">
        <v>-3523.4088050314499</v>
      </c>
      <c r="AA2380" s="53">
        <v>-42280.905660377401</v>
      </c>
      <c r="AB2380" s="53">
        <v>-3523.4088050314499</v>
      </c>
      <c r="AC2380" s="53">
        <v>-3523.4088050314499</v>
      </c>
      <c r="AD2380" s="53">
        <v>-3523.4088050314499</v>
      </c>
      <c r="AE2380" s="53">
        <v>-3523.4088050314499</v>
      </c>
      <c r="AF2380" s="53">
        <v>-3523.4088050314499</v>
      </c>
      <c r="AG2380" s="53">
        <v>-3523.4088050314499</v>
      </c>
      <c r="AH2380" s="53">
        <v>-3523.4088050314499</v>
      </c>
      <c r="AI2380" s="53">
        <v>-3523.4088050314499</v>
      </c>
      <c r="AJ2380" s="53">
        <v>-3523.4088050314499</v>
      </c>
      <c r="AK2380" s="53">
        <v>-3523.4088050314499</v>
      </c>
      <c r="AL2380" s="53">
        <v>-3523.4088050314499</v>
      </c>
      <c r="AM2380" s="53">
        <v>-3523.4088050314499</v>
      </c>
      <c r="AN2380" s="53">
        <v>-42280.905660377401</v>
      </c>
      <c r="AO2380" s="53">
        <v>-3523.4088050314499</v>
      </c>
      <c r="AP2380" s="53">
        <v>-3523.4088050314499</v>
      </c>
      <c r="AQ2380" s="53">
        <v>-3523.4088050314499</v>
      </c>
      <c r="AR2380" s="53">
        <v>-3523.4088050314499</v>
      </c>
      <c r="AS2380" s="53">
        <v>-3523.4088050314499</v>
      </c>
      <c r="AT2380" s="53">
        <v>-3523.4088050314499</v>
      </c>
      <c r="AU2380" s="53">
        <v>-3523.4088050314499</v>
      </c>
      <c r="AV2380" s="53">
        <v>-3523.4088050314499</v>
      </c>
      <c r="AW2380" s="53">
        <v>-3523.4088050314499</v>
      </c>
      <c r="AX2380" s="53">
        <v>-3523.4088050314499</v>
      </c>
      <c r="AY2380" s="53">
        <v>-3523.4088050314499</v>
      </c>
      <c r="AZ2380" s="53">
        <v>-3523.4088050314499</v>
      </c>
      <c r="BA2380" s="53">
        <v>-42280.905660377401</v>
      </c>
      <c r="BB2380" s="53">
        <v>-3523.4088050314499</v>
      </c>
      <c r="BC2380" s="53">
        <v>-3523.4088050314499</v>
      </c>
      <c r="BD2380" s="53">
        <v>-3523.4088050314499</v>
      </c>
      <c r="BE2380" s="53">
        <v>-3523.4088050314499</v>
      </c>
      <c r="BF2380" s="53">
        <v>-3523.4088050314499</v>
      </c>
      <c r="BG2380" s="53">
        <v>-3523.4088050314499</v>
      </c>
      <c r="BH2380" s="53">
        <v>-3523.4088050314499</v>
      </c>
      <c r="BI2380" s="53">
        <v>-3523.4088050314499</v>
      </c>
      <c r="BJ2380" s="53">
        <v>-3523.4088050314499</v>
      </c>
      <c r="BK2380" s="53">
        <v>-3523.4088050314499</v>
      </c>
      <c r="BL2380" s="53">
        <v>-3523.4088050314499</v>
      </c>
      <c r="BM2380" s="53">
        <v>-3523.4088050314499</v>
      </c>
      <c r="BN2380" s="53">
        <v>-42280.905660377401</v>
      </c>
      <c r="BO2380" s="53">
        <v>-3523.4088050314499</v>
      </c>
      <c r="BP2380" s="53">
        <v>-3523.4088050314499</v>
      </c>
      <c r="BQ2380" s="53">
        <v>-3523.4088050314599</v>
      </c>
      <c r="BR2380" s="53">
        <v>-3523.4088050314599</v>
      </c>
      <c r="BS2380" s="53">
        <v>-3523.4088050314599</v>
      </c>
      <c r="BT2380" s="53">
        <v>-3523.4088050314599</v>
      </c>
      <c r="BU2380" s="53">
        <v>-3523.4088050314599</v>
      </c>
      <c r="BV2380" s="53">
        <v>-3523.4088050314599</v>
      </c>
      <c r="BW2380" s="53">
        <v>-3523.4088050314599</v>
      </c>
      <c r="BX2380" s="53">
        <v>-3523.4088050314599</v>
      </c>
      <c r="BY2380" s="53">
        <v>-3523.4088050314599</v>
      </c>
      <c r="BZ2380" s="53">
        <v>-3523.4088050314599</v>
      </c>
      <c r="CA2380" s="53">
        <v>-42280.905660377502</v>
      </c>
      <c r="CB2380" s="53"/>
      <c r="CC2380" s="53"/>
      <c r="CD2380" s="53"/>
      <c r="CE2380" s="53"/>
      <c r="CF2380" s="53"/>
      <c r="CG2380" s="53"/>
      <c r="CH2380" s="53"/>
      <c r="CI2380" s="53"/>
      <c r="CJ2380" s="53"/>
      <c r="CK2380" s="53"/>
      <c r="CL2380" s="53"/>
      <c r="CM2380" s="53"/>
      <c r="CN2380" s="53"/>
    </row>
    <row r="2381" spans="1:92" outlineLevel="1">
      <c r="A2381" s="52" t="s">
        <v>721</v>
      </c>
      <c r="B2381" s="53">
        <v>-9347.6245614034997</v>
      </c>
      <c r="C2381" s="53">
        <v>-9347.6245614034997</v>
      </c>
      <c r="D2381" s="53">
        <v>-9347.6245614035106</v>
      </c>
      <c r="E2381" s="53">
        <v>-9347.6245614035106</v>
      </c>
      <c r="F2381" s="53">
        <v>-9347.6245614035106</v>
      </c>
      <c r="G2381" s="53">
        <v>-9347.6245614035106</v>
      </c>
      <c r="H2381" s="53">
        <v>-9347.6245614035106</v>
      </c>
      <c r="I2381" s="53">
        <v>-9347.6245614035106</v>
      </c>
      <c r="J2381" s="53">
        <v>-9347.6245614035106</v>
      </c>
      <c r="K2381" s="53">
        <v>-9347.6245614035106</v>
      </c>
      <c r="L2381" s="53">
        <v>-9347.6245614035106</v>
      </c>
      <c r="M2381" s="53">
        <v>-9347.6245614035106</v>
      </c>
      <c r="N2381" s="53">
        <v>-112171.494736842</v>
      </c>
      <c r="O2381" s="53">
        <v>-9347.6245614035106</v>
      </c>
      <c r="P2381" s="53">
        <v>-9347.6245614035106</v>
      </c>
      <c r="Q2381" s="53">
        <v>-9347.6245614035106</v>
      </c>
      <c r="R2381" s="53">
        <v>-9347.6245614035197</v>
      </c>
      <c r="S2381" s="53">
        <v>-9347.6245614035197</v>
      </c>
      <c r="T2381" s="53">
        <v>-9347.6245614035197</v>
      </c>
      <c r="U2381" s="53">
        <v>-9347.6245614035197</v>
      </c>
      <c r="V2381" s="53">
        <v>-9347.6245614035197</v>
      </c>
      <c r="W2381" s="53">
        <v>-9347.6245614035197</v>
      </c>
      <c r="X2381" s="53">
        <v>-9347.6245614035197</v>
      </c>
      <c r="Y2381" s="53">
        <v>-9347.6245614035197</v>
      </c>
      <c r="Z2381" s="53">
        <v>-9347.6245614035197</v>
      </c>
      <c r="AA2381" s="53">
        <v>-112171.494736842</v>
      </c>
      <c r="AB2381" s="53">
        <v>-9347.6245614035197</v>
      </c>
      <c r="AC2381" s="53">
        <v>-9347.6245614035197</v>
      </c>
      <c r="AD2381" s="53">
        <v>-9347.6245614035197</v>
      </c>
      <c r="AE2381" s="53">
        <v>-9347.6245614035197</v>
      </c>
      <c r="AF2381" s="53">
        <v>-9347.6245614035197</v>
      </c>
      <c r="AG2381" s="53">
        <v>-9347.6245614035197</v>
      </c>
      <c r="AH2381" s="53">
        <v>-9347.6245614035197</v>
      </c>
      <c r="AI2381" s="53">
        <v>-9347.6245614035197</v>
      </c>
      <c r="AJ2381" s="53">
        <v>-9347.6245614035197</v>
      </c>
      <c r="AK2381" s="53">
        <v>-9347.6245614035197</v>
      </c>
      <c r="AL2381" s="53">
        <v>-9347.6245614035306</v>
      </c>
      <c r="AM2381" s="53">
        <v>-9347.6245614035306</v>
      </c>
      <c r="AN2381" s="53">
        <v>-112171.494736842</v>
      </c>
      <c r="AO2381" s="53">
        <v>-9347.6245614035306</v>
      </c>
      <c r="AP2381" s="53">
        <v>-9347.6245614035306</v>
      </c>
      <c r="AQ2381" s="53">
        <v>-9347.6245614035306</v>
      </c>
      <c r="AR2381" s="53">
        <v>-9347.6245614035306</v>
      </c>
      <c r="AS2381" s="53">
        <v>-9347.6245614035306</v>
      </c>
      <c r="AT2381" s="53">
        <v>-9347.6245614035306</v>
      </c>
      <c r="AU2381" s="53">
        <v>-9347.6245614035306</v>
      </c>
      <c r="AV2381" s="53">
        <v>-9347.6245614035306</v>
      </c>
      <c r="AW2381" s="53">
        <v>-9347.6245614035397</v>
      </c>
      <c r="AX2381" s="53">
        <v>-9347.6245614035397</v>
      </c>
      <c r="AY2381" s="53">
        <v>-9347.6245614035397</v>
      </c>
      <c r="AZ2381" s="53">
        <v>-9347.6245614035397</v>
      </c>
      <c r="BA2381" s="53">
        <v>-112171.494736842</v>
      </c>
      <c r="BB2381" s="53">
        <v>-9347.6245614035397</v>
      </c>
      <c r="BC2381" s="53">
        <v>-9347.6245614035397</v>
      </c>
      <c r="BD2381" s="53">
        <v>-9347.6245614035397</v>
      </c>
      <c r="BE2381" s="53">
        <v>-9347.6245614035397</v>
      </c>
      <c r="BF2381" s="53">
        <v>-9347.6245614035397</v>
      </c>
      <c r="BG2381" s="53">
        <v>-9347.6245614035397</v>
      </c>
      <c r="BH2381" s="53">
        <v>-9347.6245614035397</v>
      </c>
      <c r="BI2381" s="53">
        <v>-9347.6245614035397</v>
      </c>
      <c r="BJ2381" s="53">
        <v>-9347.6245614035397</v>
      </c>
      <c r="BK2381" s="53">
        <v>-9347.6245614035506</v>
      </c>
      <c r="BL2381" s="53">
        <v>-9347.6245614035506</v>
      </c>
      <c r="BM2381" s="53">
        <v>-9347.6245614035506</v>
      </c>
      <c r="BN2381" s="53">
        <v>-112171.494736842</v>
      </c>
      <c r="BO2381" s="53">
        <v>-9347.6245614035506</v>
      </c>
      <c r="BP2381" s="53">
        <v>-9347.6245614035506</v>
      </c>
      <c r="BQ2381" s="53">
        <v>-9347.6245614035506</v>
      </c>
      <c r="BR2381" s="53">
        <v>-9347.6245614035506</v>
      </c>
      <c r="BS2381" s="53">
        <v>-9347.6245614035597</v>
      </c>
      <c r="BT2381" s="53">
        <v>-9347.6245614035506</v>
      </c>
      <c r="BU2381" s="53">
        <v>-9347.6245614035506</v>
      </c>
      <c r="BV2381" s="53">
        <v>-9347.6245614035597</v>
      </c>
      <c r="BW2381" s="53">
        <v>-9347.6245614035597</v>
      </c>
      <c r="BX2381" s="53">
        <v>-9347.6245614035506</v>
      </c>
      <c r="BY2381" s="53">
        <v>-9347.6245614035597</v>
      </c>
      <c r="BZ2381" s="53">
        <v>-9347.6245614035506</v>
      </c>
      <c r="CA2381" s="53">
        <v>-112171.494736842</v>
      </c>
      <c r="CB2381" s="53"/>
      <c r="CC2381" s="53"/>
      <c r="CD2381" s="53"/>
      <c r="CE2381" s="53"/>
      <c r="CF2381" s="53"/>
      <c r="CG2381" s="53"/>
      <c r="CH2381" s="53"/>
      <c r="CI2381" s="53"/>
      <c r="CJ2381" s="53"/>
      <c r="CK2381" s="53"/>
      <c r="CL2381" s="53"/>
      <c r="CM2381" s="53"/>
      <c r="CN2381" s="53"/>
    </row>
    <row r="2382" spans="1:92" outlineLevel="1">
      <c r="A2382" s="52" t="s">
        <v>723</v>
      </c>
      <c r="B2382" s="53">
        <v>-3240.3917525773099</v>
      </c>
      <c r="C2382" s="53">
        <v>-3240.3917525773099</v>
      </c>
      <c r="D2382" s="53">
        <v>-3240.3917525773099</v>
      </c>
      <c r="E2382" s="53">
        <v>-3240.3917525773099</v>
      </c>
      <c r="F2382" s="53">
        <v>-3240.3917525773099</v>
      </c>
      <c r="G2382" s="53">
        <v>-3240.3917525773099</v>
      </c>
      <c r="H2382" s="53">
        <v>-3240.3917525773099</v>
      </c>
      <c r="I2382" s="53">
        <v>-3240.3917525773099</v>
      </c>
      <c r="J2382" s="53">
        <v>-3240.3917525773099</v>
      </c>
      <c r="K2382" s="53">
        <v>-3240.3917525773099</v>
      </c>
      <c r="L2382" s="53">
        <v>-3240.3917525773099</v>
      </c>
      <c r="M2382" s="53">
        <v>-3240.3917525773099</v>
      </c>
      <c r="N2382" s="53">
        <v>-38884.701030927798</v>
      </c>
      <c r="O2382" s="53">
        <v>-3240.3917525773099</v>
      </c>
      <c r="P2382" s="53">
        <v>-3240.3917525773099</v>
      </c>
      <c r="Q2382" s="53">
        <v>-3240.3917525773099</v>
      </c>
      <c r="R2382" s="53">
        <v>-3240.3917525773099</v>
      </c>
      <c r="S2382" s="53">
        <v>-3240.3917525773099</v>
      </c>
      <c r="T2382" s="53">
        <v>-3240.3917525773099</v>
      </c>
      <c r="U2382" s="53">
        <v>-3240.3917525773099</v>
      </c>
      <c r="V2382" s="53">
        <v>-3240.3917525773099</v>
      </c>
      <c r="W2382" s="53">
        <v>-3240.3917525773099</v>
      </c>
      <c r="X2382" s="53">
        <v>-3240.3917525773099</v>
      </c>
      <c r="Y2382" s="53">
        <v>-3240.3917525773099</v>
      </c>
      <c r="Z2382" s="53">
        <v>-3240.3917525773099</v>
      </c>
      <c r="AA2382" s="53">
        <v>-38884.701030927798</v>
      </c>
      <c r="AB2382" s="53">
        <v>-3240.3917525773099</v>
      </c>
      <c r="AC2382" s="53">
        <v>-3240.3917525773099</v>
      </c>
      <c r="AD2382" s="53">
        <v>-3240.3917525773099</v>
      </c>
      <c r="AE2382" s="53">
        <v>-3240.3917525773099</v>
      </c>
      <c r="AF2382" s="53">
        <v>-3240.3917525773099</v>
      </c>
      <c r="AG2382" s="53">
        <v>-3240.3917525773099</v>
      </c>
      <c r="AH2382" s="53">
        <v>-3240.3917525773099</v>
      </c>
      <c r="AI2382" s="53">
        <v>-3240.3917525773099</v>
      </c>
      <c r="AJ2382" s="53">
        <v>-3240.3917525773099</v>
      </c>
      <c r="AK2382" s="53">
        <v>-3240.3917525773099</v>
      </c>
      <c r="AL2382" s="53">
        <v>-3240.3917525773099</v>
      </c>
      <c r="AM2382" s="53">
        <v>-3240.3917525773099</v>
      </c>
      <c r="AN2382" s="53">
        <v>-38884.701030927703</v>
      </c>
      <c r="AO2382" s="53">
        <v>-3240.3917525773099</v>
      </c>
      <c r="AP2382" s="53">
        <v>-3240.3917525773099</v>
      </c>
      <c r="AQ2382" s="53">
        <v>-3240.3917525773099</v>
      </c>
      <c r="AR2382" s="53">
        <v>-3240.3917525773099</v>
      </c>
      <c r="AS2382" s="53">
        <v>-3240.3917525773099</v>
      </c>
      <c r="AT2382" s="53">
        <v>-3240.3917525773099</v>
      </c>
      <c r="AU2382" s="53">
        <v>-3240.3917525773099</v>
      </c>
      <c r="AV2382" s="53">
        <v>-3240.3917525773099</v>
      </c>
      <c r="AW2382" s="53">
        <v>-3240.3917525773099</v>
      </c>
      <c r="AX2382" s="53">
        <v>-3240.3917525773099</v>
      </c>
      <c r="AY2382" s="53">
        <v>-3240.3917525773099</v>
      </c>
      <c r="AZ2382" s="53">
        <v>-3240.3917525773099</v>
      </c>
      <c r="BA2382" s="53">
        <v>-38884.701030927703</v>
      </c>
      <c r="BB2382" s="53">
        <v>-1620.19587628865</v>
      </c>
      <c r="BC2382" s="53"/>
      <c r="BD2382" s="53"/>
      <c r="BE2382" s="53"/>
      <c r="BF2382" s="53"/>
      <c r="BG2382" s="53"/>
      <c r="BH2382" s="53"/>
      <c r="BI2382" s="53"/>
      <c r="BJ2382" s="53"/>
      <c r="BK2382" s="53"/>
      <c r="BL2382" s="53"/>
      <c r="BM2382" s="53"/>
      <c r="BN2382" s="53">
        <v>-1620.19587628865</v>
      </c>
      <c r="BO2382" s="53"/>
      <c r="BP2382" s="53"/>
      <c r="BQ2382" s="53"/>
      <c r="BR2382" s="53"/>
      <c r="BS2382" s="53"/>
      <c r="BT2382" s="53"/>
      <c r="BU2382" s="53"/>
      <c r="BV2382" s="53"/>
      <c r="BW2382" s="53"/>
      <c r="BX2382" s="53"/>
      <c r="BY2382" s="53"/>
      <c r="BZ2382" s="53"/>
      <c r="CA2382" s="53"/>
      <c r="CB2382" s="53">
        <v>1907733.58333333</v>
      </c>
      <c r="CC2382" s="53">
        <v>1907733.58333333</v>
      </c>
      <c r="CD2382" s="53">
        <v>1907733.58333333</v>
      </c>
      <c r="CE2382" s="53">
        <v>1907733.58333333</v>
      </c>
      <c r="CF2382" s="53">
        <v>1907733.58333333</v>
      </c>
      <c r="CG2382" s="53">
        <v>1907733.58333333</v>
      </c>
      <c r="CH2382" s="53">
        <v>1907733.58333333</v>
      </c>
      <c r="CI2382" s="53">
        <v>1907733.58333333</v>
      </c>
      <c r="CJ2382" s="53">
        <v>1907733.58333333</v>
      </c>
      <c r="CK2382" s="53">
        <v>1907733.58333333</v>
      </c>
      <c r="CL2382" s="53">
        <v>1907733.58333333</v>
      </c>
      <c r="CM2382" s="53">
        <v>1907733.58333333</v>
      </c>
      <c r="CN2382" s="53">
        <v>22892803</v>
      </c>
    </row>
    <row r="2383" spans="1:92" outlineLevel="1">
      <c r="A2383" s="52" t="s">
        <v>724</v>
      </c>
      <c r="B2383" s="53">
        <v>-1540.86460032626</v>
      </c>
      <c r="C2383" s="53">
        <v>-1540.86460032626</v>
      </c>
      <c r="D2383" s="53">
        <v>-1540.86460032626</v>
      </c>
      <c r="E2383" s="53">
        <v>-1540.86460032626</v>
      </c>
      <c r="F2383" s="53">
        <v>-1540.86460032626</v>
      </c>
      <c r="G2383" s="53">
        <v>-1540.86460032626</v>
      </c>
      <c r="H2383" s="53">
        <v>-1540.86460032626</v>
      </c>
      <c r="I2383" s="53">
        <v>-1540.86460032626</v>
      </c>
      <c r="J2383" s="53">
        <v>-1540.86460032626</v>
      </c>
      <c r="K2383" s="53">
        <v>-1540.86460032626</v>
      </c>
      <c r="L2383" s="53">
        <v>-1540.86460032626</v>
      </c>
      <c r="M2383" s="53">
        <v>-1540.86460032626</v>
      </c>
      <c r="N2383" s="53">
        <v>-18490.3752039151</v>
      </c>
      <c r="O2383" s="53">
        <v>-1540.86460032626</v>
      </c>
      <c r="P2383" s="53">
        <v>-1540.86460032626</v>
      </c>
      <c r="Q2383" s="53">
        <v>-1540.86460032626</v>
      </c>
      <c r="R2383" s="53">
        <v>-1540.86460032626</v>
      </c>
      <c r="S2383" s="53">
        <v>-1540.86460032626</v>
      </c>
      <c r="T2383" s="53">
        <v>-1540.86460032626</v>
      </c>
      <c r="U2383" s="53">
        <v>-1540.86460032626</v>
      </c>
      <c r="V2383" s="53">
        <v>-1540.86460032626</v>
      </c>
      <c r="W2383" s="53">
        <v>-1540.86460032626</v>
      </c>
      <c r="X2383" s="53">
        <v>-1540.86460032626</v>
      </c>
      <c r="Y2383" s="53">
        <v>-1540.86460032626</v>
      </c>
      <c r="Z2383" s="53">
        <v>-1540.86460032626</v>
      </c>
      <c r="AA2383" s="53">
        <v>-18490.3752039151</v>
      </c>
      <c r="AB2383" s="53">
        <v>-1540.86460032626</v>
      </c>
      <c r="AC2383" s="53">
        <v>-1540.86460032626</v>
      </c>
      <c r="AD2383" s="53">
        <v>-1540.86460032626</v>
      </c>
      <c r="AE2383" s="53">
        <v>-1540.86460032626</v>
      </c>
      <c r="AF2383" s="53">
        <v>-1540.86460032626</v>
      </c>
      <c r="AG2383" s="53">
        <v>-1540.86460032626</v>
      </c>
      <c r="AH2383" s="53">
        <v>-1540.86460032626</v>
      </c>
      <c r="AI2383" s="53">
        <v>-1540.86460032626</v>
      </c>
      <c r="AJ2383" s="53">
        <v>-1540.86460032626</v>
      </c>
      <c r="AK2383" s="53">
        <v>-1540.86460032626</v>
      </c>
      <c r="AL2383" s="53">
        <v>-1540.86460032626</v>
      </c>
      <c r="AM2383" s="53">
        <v>-1540.86460032626</v>
      </c>
      <c r="AN2383" s="53">
        <v>-18490.3752039151</v>
      </c>
      <c r="AO2383" s="53">
        <v>-1540.86460032626</v>
      </c>
      <c r="AP2383" s="53">
        <v>-1540.86460032626</v>
      </c>
      <c r="AQ2383" s="53">
        <v>-1540.86460032626</v>
      </c>
      <c r="AR2383" s="53">
        <v>-1540.86460032626</v>
      </c>
      <c r="AS2383" s="53">
        <v>-1540.86460032626</v>
      </c>
      <c r="AT2383" s="53">
        <v>-1540.86460032626</v>
      </c>
      <c r="AU2383" s="53">
        <v>-1540.86460032626</v>
      </c>
      <c r="AV2383" s="53">
        <v>-1540.86460032626</v>
      </c>
      <c r="AW2383" s="53">
        <v>-1540.86460032626</v>
      </c>
      <c r="AX2383" s="53">
        <v>-1540.86460032626</v>
      </c>
      <c r="AY2383" s="53">
        <v>-1540.86460032626</v>
      </c>
      <c r="AZ2383" s="53">
        <v>-1540.86460032626</v>
      </c>
      <c r="BA2383" s="53">
        <v>-18490.375203915199</v>
      </c>
      <c r="BB2383" s="53">
        <v>-1540.86460032626</v>
      </c>
      <c r="BC2383" s="53">
        <v>-1540.86460032626</v>
      </c>
      <c r="BD2383" s="53">
        <v>-1540.86460032626</v>
      </c>
      <c r="BE2383" s="53">
        <v>-1540.86460032626</v>
      </c>
      <c r="BF2383" s="53">
        <v>-1540.86460032626</v>
      </c>
      <c r="BG2383" s="53">
        <v>-1540.86460032626</v>
      </c>
      <c r="BH2383" s="53">
        <v>-1540.86460032626</v>
      </c>
      <c r="BI2383" s="53">
        <v>-1540.86460032626</v>
      </c>
      <c r="BJ2383" s="53">
        <v>-1540.86460032626</v>
      </c>
      <c r="BK2383" s="53">
        <v>-1540.86460032626</v>
      </c>
      <c r="BL2383" s="53">
        <v>-1540.86460032626</v>
      </c>
      <c r="BM2383" s="53">
        <v>-1540.86460032626</v>
      </c>
      <c r="BN2383" s="53">
        <v>-18490.375203915199</v>
      </c>
      <c r="BO2383" s="53">
        <v>-1540.86460032626</v>
      </c>
      <c r="BP2383" s="53">
        <v>-1540.86460032626</v>
      </c>
      <c r="BQ2383" s="53">
        <v>-1540.86460032626</v>
      </c>
      <c r="BR2383" s="53">
        <v>-1540.86460032626</v>
      </c>
      <c r="BS2383" s="53">
        <v>-1540.86460032626</v>
      </c>
      <c r="BT2383" s="53">
        <v>-1540.86460032626</v>
      </c>
      <c r="BU2383" s="53">
        <v>-1540.86460032626</v>
      </c>
      <c r="BV2383" s="53">
        <v>-1540.86460032626</v>
      </c>
      <c r="BW2383" s="53">
        <v>-1540.86460032626</v>
      </c>
      <c r="BX2383" s="53">
        <v>-1540.86460032626</v>
      </c>
      <c r="BY2383" s="53">
        <v>-1540.86460032627</v>
      </c>
      <c r="BZ2383" s="53">
        <v>-1540.86460032627</v>
      </c>
      <c r="CA2383" s="53">
        <v>-18490.375203915199</v>
      </c>
      <c r="CB2383" s="53"/>
      <c r="CC2383" s="53"/>
      <c r="CD2383" s="53"/>
      <c r="CE2383" s="53"/>
      <c r="CF2383" s="53"/>
      <c r="CG2383" s="53"/>
      <c r="CH2383" s="53"/>
      <c r="CI2383" s="53"/>
      <c r="CJ2383" s="53"/>
      <c r="CK2383" s="53"/>
      <c r="CL2383" s="53"/>
      <c r="CM2383" s="53"/>
      <c r="CN2383" s="53"/>
    </row>
    <row r="2384" spans="1:92" outlineLevel="1">
      <c r="A2384" s="52" t="s">
        <v>725</v>
      </c>
      <c r="B2384" s="53">
        <v>-9185.2932330827007</v>
      </c>
      <c r="C2384" s="53">
        <v>-9185.2932330827007</v>
      </c>
      <c r="D2384" s="53">
        <v>-9185.2932330827007</v>
      </c>
      <c r="E2384" s="53">
        <v>-9185.2932330827007</v>
      </c>
      <c r="F2384" s="53">
        <v>-9185.2932330827007</v>
      </c>
      <c r="G2384" s="53">
        <v>-9185.2932330827007</v>
      </c>
      <c r="H2384" s="53">
        <v>-9185.2932330827007</v>
      </c>
      <c r="I2384" s="53">
        <v>-9185.2932330827007</v>
      </c>
      <c r="J2384" s="53">
        <v>-9185.2932330827098</v>
      </c>
      <c r="K2384" s="53">
        <v>-9185.2932330827098</v>
      </c>
      <c r="L2384" s="53">
        <v>-9185.2932330827098</v>
      </c>
      <c r="M2384" s="53">
        <v>-9185.2932330827098</v>
      </c>
      <c r="N2384" s="53">
        <v>-110223.51879699199</v>
      </c>
      <c r="O2384" s="53">
        <v>-9185.2932330827098</v>
      </c>
      <c r="P2384" s="53">
        <v>-9185.2932330827098</v>
      </c>
      <c r="Q2384" s="53">
        <v>-9185.2932330827098</v>
      </c>
      <c r="R2384" s="53">
        <v>-9185.2932330827098</v>
      </c>
      <c r="S2384" s="53">
        <v>-9185.2932330827098</v>
      </c>
      <c r="T2384" s="53">
        <v>-9185.2932330827098</v>
      </c>
      <c r="U2384" s="53">
        <v>-9185.2932330827098</v>
      </c>
      <c r="V2384" s="53">
        <v>-9185.2932330827098</v>
      </c>
      <c r="W2384" s="53">
        <v>-9185.2932330827098</v>
      </c>
      <c r="X2384" s="53">
        <v>-9185.2932330827098</v>
      </c>
      <c r="Y2384" s="53">
        <v>-9185.2932330827098</v>
      </c>
      <c r="Z2384" s="53">
        <v>-9185.2932330827098</v>
      </c>
      <c r="AA2384" s="53">
        <v>-110223.51879699199</v>
      </c>
      <c r="AB2384" s="53">
        <v>-9185.2932330827098</v>
      </c>
      <c r="AC2384" s="53">
        <v>-9185.2932330827098</v>
      </c>
      <c r="AD2384" s="53">
        <v>-9185.2932330827098</v>
      </c>
      <c r="AE2384" s="53">
        <v>-9185.2932330827098</v>
      </c>
      <c r="AF2384" s="53">
        <v>-9185.2932330827098</v>
      </c>
      <c r="AG2384" s="53">
        <v>-9185.2932330827098</v>
      </c>
      <c r="AH2384" s="53">
        <v>-9185.2932330827098</v>
      </c>
      <c r="AI2384" s="53">
        <v>-9185.2932330827098</v>
      </c>
      <c r="AJ2384" s="53">
        <v>-9185.2932330827098</v>
      </c>
      <c r="AK2384" s="53">
        <v>-9185.2932330827098</v>
      </c>
      <c r="AL2384" s="53">
        <v>-9185.2932330827098</v>
      </c>
      <c r="AM2384" s="53">
        <v>-9185.2932330827098</v>
      </c>
      <c r="AN2384" s="53">
        <v>-110223.51879699199</v>
      </c>
      <c r="AO2384" s="53">
        <v>-9185.2932330827098</v>
      </c>
      <c r="AP2384" s="53">
        <v>-9185.2932330827098</v>
      </c>
      <c r="AQ2384" s="53">
        <v>-9185.2932330827098</v>
      </c>
      <c r="AR2384" s="53">
        <v>-9185.2932330827098</v>
      </c>
      <c r="AS2384" s="53">
        <v>-9185.2932330827098</v>
      </c>
      <c r="AT2384" s="53">
        <v>-9185.2932330827098</v>
      </c>
      <c r="AU2384" s="53">
        <v>-9185.2932330827098</v>
      </c>
      <c r="AV2384" s="53">
        <v>-9185.2932330827098</v>
      </c>
      <c r="AW2384" s="53">
        <v>-9185.2932330827098</v>
      </c>
      <c r="AX2384" s="53">
        <v>-9185.2932330827098</v>
      </c>
      <c r="AY2384" s="53">
        <v>-9185.2932330827098</v>
      </c>
      <c r="AZ2384" s="53">
        <v>-9185.2932330827098</v>
      </c>
      <c r="BA2384" s="53">
        <v>-110223.51879699199</v>
      </c>
      <c r="BB2384" s="53">
        <v>-9185.2932330827207</v>
      </c>
      <c r="BC2384" s="53">
        <v>-9185.2932330827098</v>
      </c>
      <c r="BD2384" s="53">
        <v>-9185.2932330827207</v>
      </c>
      <c r="BE2384" s="53">
        <v>-9185.2932330827098</v>
      </c>
      <c r="BF2384" s="53">
        <v>-9185.2932330827207</v>
      </c>
      <c r="BG2384" s="53">
        <v>-9185.2932330827098</v>
      </c>
      <c r="BH2384" s="53">
        <v>-9185.2932330827207</v>
      </c>
      <c r="BI2384" s="53">
        <v>-9185.2932330827207</v>
      </c>
      <c r="BJ2384" s="53">
        <v>-9185.2932330827207</v>
      </c>
      <c r="BK2384" s="53">
        <v>-9185.2932330827207</v>
      </c>
      <c r="BL2384" s="53">
        <v>-9185.2932330827207</v>
      </c>
      <c r="BM2384" s="53">
        <v>-9185.2932330827207</v>
      </c>
      <c r="BN2384" s="53">
        <v>-110223.51879699199</v>
      </c>
      <c r="BO2384" s="53">
        <v>-9185.2932330827207</v>
      </c>
      <c r="BP2384" s="53">
        <v>-9185.2932330827207</v>
      </c>
      <c r="BQ2384" s="53">
        <v>-9185.2932330827207</v>
      </c>
      <c r="BR2384" s="53">
        <v>-9185.2932330827207</v>
      </c>
      <c r="BS2384" s="53">
        <v>-9185.2932330827207</v>
      </c>
      <c r="BT2384" s="53">
        <v>-9185.2932330827207</v>
      </c>
      <c r="BU2384" s="53">
        <v>-4592.6466165413603</v>
      </c>
      <c r="BV2384" s="53"/>
      <c r="BW2384" s="53"/>
      <c r="BX2384" s="53"/>
      <c r="BY2384" s="53"/>
      <c r="BZ2384" s="53"/>
      <c r="CA2384" s="53">
        <v>-59704.406015037603</v>
      </c>
      <c r="CB2384" s="53"/>
      <c r="CC2384" s="53"/>
      <c r="CD2384" s="53"/>
      <c r="CE2384" s="53"/>
      <c r="CF2384" s="53"/>
      <c r="CG2384" s="53"/>
      <c r="CH2384" s="53"/>
      <c r="CI2384" s="53"/>
      <c r="CJ2384" s="53"/>
      <c r="CK2384" s="53"/>
      <c r="CL2384" s="53"/>
      <c r="CM2384" s="53"/>
      <c r="CN2384" s="53"/>
    </row>
    <row r="2385" spans="1:92" outlineLevel="1">
      <c r="A2385" s="52" t="s">
        <v>726</v>
      </c>
      <c r="B2385" s="53">
        <v>-3087.3734939759001</v>
      </c>
      <c r="C2385" s="53">
        <v>-3087.3734939759001</v>
      </c>
      <c r="D2385" s="53">
        <v>-3087.3734939759001</v>
      </c>
      <c r="E2385" s="53">
        <v>-3087.3734939759001</v>
      </c>
      <c r="F2385" s="53">
        <v>-3087.3734939759001</v>
      </c>
      <c r="G2385" s="53">
        <v>-3087.3734939759001</v>
      </c>
      <c r="H2385" s="53">
        <v>-3087.3734939759001</v>
      </c>
      <c r="I2385" s="53">
        <v>-3087.3734939759001</v>
      </c>
      <c r="J2385" s="53">
        <v>-3087.3734939759001</v>
      </c>
      <c r="K2385" s="53">
        <v>-3087.3734939759001</v>
      </c>
      <c r="L2385" s="53">
        <v>-3087.3734939759001</v>
      </c>
      <c r="M2385" s="53">
        <v>-3087.3734939759001</v>
      </c>
      <c r="N2385" s="53">
        <v>-37048.481927710804</v>
      </c>
      <c r="O2385" s="53">
        <v>-3087.3734939759001</v>
      </c>
      <c r="P2385" s="53">
        <v>-3087.3734939759001</v>
      </c>
      <c r="Q2385" s="53">
        <v>-3087.3734939759001</v>
      </c>
      <c r="R2385" s="53">
        <v>-3087.3734939759001</v>
      </c>
      <c r="S2385" s="53">
        <v>-3087.3734939759001</v>
      </c>
      <c r="T2385" s="53">
        <v>-3087.3734939759001</v>
      </c>
      <c r="U2385" s="53">
        <v>-3087.3734939759001</v>
      </c>
      <c r="V2385" s="53">
        <v>-3087.3734939759001</v>
      </c>
      <c r="W2385" s="53">
        <v>-3087.3734939759001</v>
      </c>
      <c r="X2385" s="53">
        <v>-3087.3734939759001</v>
      </c>
      <c r="Y2385" s="53">
        <v>-3087.3734939759001</v>
      </c>
      <c r="Z2385" s="53">
        <v>-3087.3734939759001</v>
      </c>
      <c r="AA2385" s="53">
        <v>-37048.481927710804</v>
      </c>
      <c r="AB2385" s="53">
        <v>-3087.3734939759001</v>
      </c>
      <c r="AC2385" s="53">
        <v>-3087.3734939759001</v>
      </c>
      <c r="AD2385" s="53">
        <v>-3087.3734939759001</v>
      </c>
      <c r="AE2385" s="53">
        <v>-3087.3734939759001</v>
      </c>
      <c r="AF2385" s="53">
        <v>-3087.3734939759001</v>
      </c>
      <c r="AG2385" s="53">
        <v>-3087.3734939759001</v>
      </c>
      <c r="AH2385" s="53">
        <v>-3087.3734939759001</v>
      </c>
      <c r="AI2385" s="53">
        <v>-3087.3734939759001</v>
      </c>
      <c r="AJ2385" s="53">
        <v>-3087.3734939759001</v>
      </c>
      <c r="AK2385" s="53">
        <v>-3087.3734939759001</v>
      </c>
      <c r="AL2385" s="53">
        <v>-3087.3734939759001</v>
      </c>
      <c r="AM2385" s="53">
        <v>-3087.3734939759001</v>
      </c>
      <c r="AN2385" s="53">
        <v>-37048.481927710804</v>
      </c>
      <c r="AO2385" s="53">
        <v>-3087.3734939759001</v>
      </c>
      <c r="AP2385" s="53">
        <v>-3087.3734939759001</v>
      </c>
      <c r="AQ2385" s="53">
        <v>-3087.3734939759001</v>
      </c>
      <c r="AR2385" s="53">
        <v>-3087.3734939759001</v>
      </c>
      <c r="AS2385" s="53">
        <v>-3087.3734939759001</v>
      </c>
      <c r="AT2385" s="53">
        <v>-3087.3734939759001</v>
      </c>
      <c r="AU2385" s="53">
        <v>-3087.3734939759001</v>
      </c>
      <c r="AV2385" s="53">
        <v>-3087.3734939759001</v>
      </c>
      <c r="AW2385" s="53">
        <v>-3087.3734939759001</v>
      </c>
      <c r="AX2385" s="53">
        <v>-3087.3734939759001</v>
      </c>
      <c r="AY2385" s="53">
        <v>-3087.3734939759001</v>
      </c>
      <c r="AZ2385" s="53">
        <v>-3087.3734939759001</v>
      </c>
      <c r="BA2385" s="53">
        <v>-37048.481927710804</v>
      </c>
      <c r="BB2385" s="53">
        <v>-3087.3734939759001</v>
      </c>
      <c r="BC2385" s="53">
        <v>-3087.3734939759001</v>
      </c>
      <c r="BD2385" s="53">
        <v>-3087.3734939759001</v>
      </c>
      <c r="BE2385" s="53">
        <v>-3087.3734939759001</v>
      </c>
      <c r="BF2385" s="53">
        <v>-3087.3734939759001</v>
      </c>
      <c r="BG2385" s="53">
        <v>-3087.3734939759001</v>
      </c>
      <c r="BH2385" s="53">
        <v>-3087.3734939759001</v>
      </c>
      <c r="BI2385" s="53">
        <v>-3087.3734939759001</v>
      </c>
      <c r="BJ2385" s="53">
        <v>-3087.3734939759001</v>
      </c>
      <c r="BK2385" s="53">
        <v>-3087.3734939759001</v>
      </c>
      <c r="BL2385" s="53">
        <v>-3087.3734939759001</v>
      </c>
      <c r="BM2385" s="53">
        <v>-3087.3734939759001</v>
      </c>
      <c r="BN2385" s="53">
        <v>-37048.481927710804</v>
      </c>
      <c r="BO2385" s="53">
        <v>-3087.3734939759001</v>
      </c>
      <c r="BP2385" s="53">
        <v>-3087.3734939759001</v>
      </c>
      <c r="BQ2385" s="53">
        <v>-3087.3734939759001</v>
      </c>
      <c r="BR2385" s="53">
        <v>-3087.3734939759001</v>
      </c>
      <c r="BS2385" s="53">
        <v>-3087.3734939759001</v>
      </c>
      <c r="BT2385" s="53">
        <v>-3087.3734939759001</v>
      </c>
      <c r="BU2385" s="53">
        <v>-3087.3734939759001</v>
      </c>
      <c r="BV2385" s="53">
        <v>-3087.3734939759001</v>
      </c>
      <c r="BW2385" s="53">
        <v>-3087.3734939759001</v>
      </c>
      <c r="BX2385" s="53">
        <v>-3087.3734939759001</v>
      </c>
      <c r="BY2385" s="53">
        <v>-3087.3734939759001</v>
      </c>
      <c r="BZ2385" s="53">
        <v>-3087.3734939759001</v>
      </c>
      <c r="CA2385" s="53">
        <v>-37048.481927710804</v>
      </c>
      <c r="CB2385" s="53"/>
      <c r="CC2385" s="53"/>
      <c r="CD2385" s="53"/>
      <c r="CE2385" s="53"/>
      <c r="CF2385" s="53"/>
      <c r="CG2385" s="53"/>
      <c r="CH2385" s="53"/>
      <c r="CI2385" s="53"/>
      <c r="CJ2385" s="53"/>
      <c r="CK2385" s="53"/>
      <c r="CL2385" s="53"/>
      <c r="CM2385" s="53"/>
      <c r="CN2385" s="53"/>
    </row>
    <row r="2386" spans="1:92" outlineLevel="1">
      <c r="A2386" s="52" t="s">
        <v>728</v>
      </c>
      <c r="B2386" s="53">
        <v>-5700.3240223463599</v>
      </c>
      <c r="C2386" s="53">
        <v>-5700.3240223463599</v>
      </c>
      <c r="D2386" s="53">
        <v>-5700.3240223463599</v>
      </c>
      <c r="E2386" s="53">
        <v>-5700.3240223463599</v>
      </c>
      <c r="F2386" s="53">
        <v>-5700.3240223463599</v>
      </c>
      <c r="G2386" s="53">
        <v>-5700.3240223463599</v>
      </c>
      <c r="H2386" s="53">
        <v>-5700.3240223463599</v>
      </c>
      <c r="I2386" s="53">
        <v>-5700.3240223463599</v>
      </c>
      <c r="J2386" s="53">
        <v>-5700.3240223463599</v>
      </c>
      <c r="K2386" s="53">
        <v>-5700.3240223463599</v>
      </c>
      <c r="L2386" s="53">
        <v>-5700.3240223463599</v>
      </c>
      <c r="M2386" s="53">
        <v>-5700.3240223463599</v>
      </c>
      <c r="N2386" s="53">
        <v>-68403.888268156399</v>
      </c>
      <c r="O2386" s="53">
        <v>-5700.3240223463599</v>
      </c>
      <c r="P2386" s="53">
        <v>-5700.3240223463599</v>
      </c>
      <c r="Q2386" s="53">
        <v>-5700.3240223463599</v>
      </c>
      <c r="R2386" s="53">
        <v>-5700.3240223463599</v>
      </c>
      <c r="S2386" s="53">
        <v>-5700.3240223463599</v>
      </c>
      <c r="T2386" s="53">
        <v>-5700.3240223463599</v>
      </c>
      <c r="U2386" s="53">
        <v>-5700.3240223463599</v>
      </c>
      <c r="V2386" s="53">
        <v>-5700.3240223463599</v>
      </c>
      <c r="W2386" s="53">
        <v>-5700.3240223463599</v>
      </c>
      <c r="X2386" s="53">
        <v>-5700.3240223463599</v>
      </c>
      <c r="Y2386" s="53">
        <v>-5700.3240223463599</v>
      </c>
      <c r="Z2386" s="53">
        <v>-5700.3240223463599</v>
      </c>
      <c r="AA2386" s="53">
        <v>-68403.888268156399</v>
      </c>
      <c r="AB2386" s="53">
        <v>-5700.3240223463599</v>
      </c>
      <c r="AC2386" s="53">
        <v>-5700.3240223463599</v>
      </c>
      <c r="AD2386" s="53">
        <v>-5700.3240223463599</v>
      </c>
      <c r="AE2386" s="53">
        <v>-5700.3240223463699</v>
      </c>
      <c r="AF2386" s="53">
        <v>-5700.3240223463699</v>
      </c>
      <c r="AG2386" s="53">
        <v>-5700.3240223463699</v>
      </c>
      <c r="AH2386" s="53">
        <v>-5700.3240223463699</v>
      </c>
      <c r="AI2386" s="53">
        <v>-5700.3240223463699</v>
      </c>
      <c r="AJ2386" s="53">
        <v>-5700.3240223463699</v>
      </c>
      <c r="AK2386" s="53">
        <v>-5700.3240223463699</v>
      </c>
      <c r="AL2386" s="53">
        <v>-5700.3240223463699</v>
      </c>
      <c r="AM2386" s="53">
        <v>-5700.3240223463699</v>
      </c>
      <c r="AN2386" s="53">
        <v>-68403.888268156399</v>
      </c>
      <c r="AO2386" s="53">
        <v>-5700.3240223463699</v>
      </c>
      <c r="AP2386" s="53">
        <v>-5700.3240223463699</v>
      </c>
      <c r="AQ2386" s="53">
        <v>-5700.3240223463699</v>
      </c>
      <c r="AR2386" s="53">
        <v>-5700.3240223463699</v>
      </c>
      <c r="AS2386" s="53">
        <v>-5700.3240223463699</v>
      </c>
      <c r="AT2386" s="53">
        <v>-5700.3240223463699</v>
      </c>
      <c r="AU2386" s="53">
        <v>-5700.3240223463699</v>
      </c>
      <c r="AV2386" s="53">
        <v>-5700.3240223463699</v>
      </c>
      <c r="AW2386" s="53">
        <v>-5700.3240223463699</v>
      </c>
      <c r="AX2386" s="53">
        <v>-5700.3240223463699</v>
      </c>
      <c r="AY2386" s="53">
        <v>-5700.3240223463699</v>
      </c>
      <c r="AZ2386" s="53">
        <v>-5700.3240223463699</v>
      </c>
      <c r="BA2386" s="53">
        <v>-68403.888268156399</v>
      </c>
      <c r="BB2386" s="53">
        <v>-5700.3240223463699</v>
      </c>
      <c r="BC2386" s="53">
        <v>-5700.3240223463699</v>
      </c>
      <c r="BD2386" s="53">
        <v>-5700.3240223463699</v>
      </c>
      <c r="BE2386" s="53">
        <v>-5700.3240223463699</v>
      </c>
      <c r="BF2386" s="53">
        <v>-5700.3240223463699</v>
      </c>
      <c r="BG2386" s="53">
        <v>-5700.3240223463699</v>
      </c>
      <c r="BH2386" s="53">
        <v>-5700.3240223463699</v>
      </c>
      <c r="BI2386" s="53">
        <v>-5700.3240223463699</v>
      </c>
      <c r="BJ2386" s="53">
        <v>-5700.3240223463699</v>
      </c>
      <c r="BK2386" s="53">
        <v>-5700.3240223463699</v>
      </c>
      <c r="BL2386" s="53">
        <v>-5700.3240223463699</v>
      </c>
      <c r="BM2386" s="53">
        <v>-5700.3240223463699</v>
      </c>
      <c r="BN2386" s="53">
        <v>-68403.888268156399</v>
      </c>
      <c r="BO2386" s="53">
        <v>-5700.3240223463699</v>
      </c>
      <c r="BP2386" s="53">
        <v>-5700.3240223463699</v>
      </c>
      <c r="BQ2386" s="53">
        <v>-5700.3240223463699</v>
      </c>
      <c r="BR2386" s="53">
        <v>-5700.3240223463699</v>
      </c>
      <c r="BS2386" s="53">
        <v>-5700.3240223463699</v>
      </c>
      <c r="BT2386" s="53">
        <v>-5700.3240223463699</v>
      </c>
      <c r="BU2386" s="53">
        <v>-5700.3240223463699</v>
      </c>
      <c r="BV2386" s="53">
        <v>-5700.3240223463699</v>
      </c>
      <c r="BW2386" s="53">
        <v>-5700.3240223463699</v>
      </c>
      <c r="BX2386" s="53">
        <v>-5700.3240223463699</v>
      </c>
      <c r="BY2386" s="53">
        <v>-5700.3240223463699</v>
      </c>
      <c r="BZ2386" s="53">
        <v>-5700.3240223463699</v>
      </c>
      <c r="CA2386" s="53">
        <v>-68403.888268156501</v>
      </c>
      <c r="CB2386" s="53"/>
      <c r="CC2386" s="53"/>
      <c r="CD2386" s="53"/>
      <c r="CE2386" s="53"/>
      <c r="CF2386" s="53"/>
      <c r="CG2386" s="53"/>
      <c r="CH2386" s="53"/>
      <c r="CI2386" s="53"/>
      <c r="CJ2386" s="53"/>
      <c r="CK2386" s="53"/>
      <c r="CL2386" s="53"/>
      <c r="CM2386" s="53"/>
      <c r="CN2386" s="53"/>
    </row>
    <row r="2387" spans="1:92">
      <c r="A2387" s="52" t="s">
        <v>729</v>
      </c>
      <c r="B2387" s="53">
        <v>-8149.6279069767397</v>
      </c>
      <c r="C2387" s="53">
        <v>-8149.6279069767397</v>
      </c>
      <c r="D2387" s="53">
        <v>-8149.6279069767397</v>
      </c>
      <c r="E2387" s="53">
        <v>-8149.6279069767397</v>
      </c>
      <c r="F2387" s="53">
        <v>-8149.6279069767397</v>
      </c>
      <c r="G2387" s="53">
        <v>-8149.6279069767397</v>
      </c>
      <c r="H2387" s="53">
        <v>-8149.6279069767397</v>
      </c>
      <c r="I2387" s="53">
        <v>-8149.6279069767397</v>
      </c>
      <c r="J2387" s="53">
        <v>-8149.6279069767397</v>
      </c>
      <c r="K2387" s="53">
        <v>-8149.6279069767397</v>
      </c>
      <c r="L2387" s="53">
        <v>-8149.6279069767397</v>
      </c>
      <c r="M2387" s="53">
        <v>-8149.6279069767397</v>
      </c>
      <c r="N2387" s="53">
        <v>-97795.534883720902</v>
      </c>
      <c r="O2387" s="53">
        <v>-8149.6279069767397</v>
      </c>
      <c r="P2387" s="53">
        <v>-8149.6279069767397</v>
      </c>
      <c r="Q2387" s="53">
        <v>-8149.6279069767397</v>
      </c>
      <c r="R2387" s="53">
        <v>-8149.6279069767397</v>
      </c>
      <c r="S2387" s="53">
        <v>-8149.6279069767397</v>
      </c>
      <c r="T2387" s="53">
        <v>-8149.6279069767297</v>
      </c>
      <c r="U2387" s="53">
        <v>-8149.6279069767297</v>
      </c>
      <c r="V2387" s="53">
        <v>-8149.6279069767297</v>
      </c>
      <c r="W2387" s="53">
        <v>-8149.6279069767297</v>
      </c>
      <c r="X2387" s="53">
        <v>-8149.6279069767297</v>
      </c>
      <c r="Y2387" s="53">
        <v>-8149.6279069767297</v>
      </c>
      <c r="Z2387" s="53">
        <v>-8149.6279069767297</v>
      </c>
      <c r="AA2387" s="53">
        <v>-97795.5348837208</v>
      </c>
      <c r="AB2387" s="53">
        <v>-8149.6279069767297</v>
      </c>
      <c r="AC2387" s="53">
        <v>-8149.6279069767297</v>
      </c>
      <c r="AD2387" s="53">
        <v>-8149.6279069767297</v>
      </c>
      <c r="AE2387" s="53">
        <v>-8149.6279069767297</v>
      </c>
      <c r="AF2387" s="53">
        <v>-8149.6279069767297</v>
      </c>
      <c r="AG2387" s="53">
        <v>-8149.6279069767297</v>
      </c>
      <c r="AH2387" s="53">
        <v>-8149.6279069767297</v>
      </c>
      <c r="AI2387" s="53">
        <v>-8149.6279069767297</v>
      </c>
      <c r="AJ2387" s="53">
        <v>-8149.6279069767297</v>
      </c>
      <c r="AK2387" s="53">
        <v>-8149.6279069767297</v>
      </c>
      <c r="AL2387" s="53">
        <v>-8149.6279069767297</v>
      </c>
      <c r="AM2387" s="53">
        <v>-8149.6279069767197</v>
      </c>
      <c r="AN2387" s="53">
        <v>-97795.534883720698</v>
      </c>
      <c r="AO2387" s="53">
        <v>-8149.6279069767197</v>
      </c>
      <c r="AP2387" s="53">
        <v>-8149.6279069767197</v>
      </c>
      <c r="AQ2387" s="53">
        <v>-8149.6279069767197</v>
      </c>
      <c r="AR2387" s="53">
        <v>-8149.6279069767197</v>
      </c>
      <c r="AS2387" s="53">
        <v>-8149.6279069767197</v>
      </c>
      <c r="AT2387" s="53">
        <v>-8149.6279069767197</v>
      </c>
      <c r="AU2387" s="53">
        <v>-8149.6279069767197</v>
      </c>
      <c r="AV2387" s="53">
        <v>-8149.6279069767197</v>
      </c>
      <c r="AW2387" s="53">
        <v>-8149.6279069767197</v>
      </c>
      <c r="AX2387" s="53">
        <v>-8149.6279069767197</v>
      </c>
      <c r="AY2387" s="53">
        <v>-8149.6279069767197</v>
      </c>
      <c r="AZ2387" s="53">
        <v>-8149.6279069767197</v>
      </c>
      <c r="BA2387" s="53">
        <v>-97795.534883720698</v>
      </c>
      <c r="BB2387" s="53">
        <v>-8149.6279069767197</v>
      </c>
      <c r="BC2387" s="53">
        <v>-8149.6279069767197</v>
      </c>
      <c r="BD2387" s="53">
        <v>-8149.6279069767197</v>
      </c>
      <c r="BE2387" s="53">
        <v>-8149.6279069767197</v>
      </c>
      <c r="BF2387" s="53">
        <v>-8149.6279069767197</v>
      </c>
      <c r="BG2387" s="53">
        <v>-8149.6279069767197</v>
      </c>
      <c r="BH2387" s="53">
        <v>-8149.6279069767197</v>
      </c>
      <c r="BI2387" s="53">
        <v>-8149.6279069767197</v>
      </c>
      <c r="BJ2387" s="53">
        <v>-8149.6279069767197</v>
      </c>
      <c r="BK2387" s="53">
        <v>-8149.6279069767197</v>
      </c>
      <c r="BL2387" s="53">
        <v>-8149.6279069767197</v>
      </c>
      <c r="BM2387" s="53">
        <v>-8149.6279069767197</v>
      </c>
      <c r="BN2387" s="53">
        <v>-97795.534883720597</v>
      </c>
      <c r="BO2387" s="53">
        <v>-8149.6279069767197</v>
      </c>
      <c r="BP2387" s="53">
        <v>-8149.6279069767197</v>
      </c>
      <c r="BQ2387" s="53">
        <v>-8149.6279069767197</v>
      </c>
      <c r="BR2387" s="53">
        <v>-8149.6279069767197</v>
      </c>
      <c r="BS2387" s="53">
        <v>-8149.6279069767197</v>
      </c>
      <c r="BT2387" s="53">
        <v>-8149.6279069767197</v>
      </c>
      <c r="BU2387" s="53">
        <v>-8149.6279069767197</v>
      </c>
      <c r="BV2387" s="53">
        <v>-8149.6279069767197</v>
      </c>
      <c r="BW2387" s="53">
        <v>-8149.6279069767197</v>
      </c>
      <c r="BX2387" s="53">
        <v>-8149.6279069767197</v>
      </c>
      <c r="BY2387" s="53">
        <v>-8149.6279069767197</v>
      </c>
      <c r="BZ2387" s="53">
        <v>-8149.6279069767197</v>
      </c>
      <c r="CA2387" s="53">
        <v>-97795.534883720698</v>
      </c>
      <c r="CB2387" s="53"/>
      <c r="CC2387" s="53"/>
      <c r="CD2387" s="53"/>
      <c r="CE2387" s="53"/>
      <c r="CF2387" s="53"/>
      <c r="CG2387" s="53"/>
      <c r="CH2387" s="53"/>
      <c r="CI2387" s="53"/>
      <c r="CJ2387" s="53"/>
      <c r="CK2387" s="53"/>
      <c r="CL2387" s="53"/>
      <c r="CM2387" s="53"/>
      <c r="CN2387" s="53"/>
    </row>
    <row r="2388" spans="1:92" outlineLevel="1">
      <c r="A2388" s="52" t="s">
        <v>730</v>
      </c>
      <c r="B2388" s="53">
        <v>-7907.1050359712199</v>
      </c>
      <c r="C2388" s="53">
        <v>-7907.1050359712199</v>
      </c>
      <c r="D2388" s="53">
        <v>-7907.1050359712199</v>
      </c>
      <c r="E2388" s="53">
        <v>-7907.1050359712199</v>
      </c>
      <c r="F2388" s="53">
        <v>-7907.1050359712199</v>
      </c>
      <c r="G2388" s="53">
        <v>-7907.1050359712199</v>
      </c>
      <c r="H2388" s="53">
        <v>-7907.1050359712199</v>
      </c>
      <c r="I2388" s="53">
        <v>-7907.1050359712199</v>
      </c>
      <c r="J2388" s="53">
        <v>-7907.1050359712199</v>
      </c>
      <c r="K2388" s="53">
        <v>-7907.1050359712199</v>
      </c>
      <c r="L2388" s="53">
        <v>-7907.1050359712199</v>
      </c>
      <c r="M2388" s="53">
        <v>-7907.1050359712199</v>
      </c>
      <c r="N2388" s="53">
        <v>-94885.260431654693</v>
      </c>
      <c r="O2388" s="53">
        <v>-7907.1050359712199</v>
      </c>
      <c r="P2388" s="53">
        <v>-7907.1050359712199</v>
      </c>
      <c r="Q2388" s="53">
        <v>-7907.1050359712199</v>
      </c>
      <c r="R2388" s="53">
        <v>-7907.1050359712199</v>
      </c>
      <c r="S2388" s="53">
        <v>-7907.1050359712199</v>
      </c>
      <c r="T2388" s="53">
        <v>-7907.1050359712199</v>
      </c>
      <c r="U2388" s="53">
        <v>-7907.1050359712199</v>
      </c>
      <c r="V2388" s="53">
        <v>-7907.1050359712199</v>
      </c>
      <c r="W2388" s="53">
        <v>-7907.1050359712199</v>
      </c>
      <c r="X2388" s="53">
        <v>-7907.1050359712199</v>
      </c>
      <c r="Y2388" s="53">
        <v>-7907.1050359712199</v>
      </c>
      <c r="Z2388" s="53">
        <v>-7907.1050359712199</v>
      </c>
      <c r="AA2388" s="53">
        <v>-94885.260431654693</v>
      </c>
      <c r="AB2388" s="53">
        <v>-7907.1050359712199</v>
      </c>
      <c r="AC2388" s="53">
        <v>-7907.1050359712199</v>
      </c>
      <c r="AD2388" s="53">
        <v>-7907.1050359712199</v>
      </c>
      <c r="AE2388" s="53">
        <v>-7907.1050359712199</v>
      </c>
      <c r="AF2388" s="53">
        <v>-7907.1050359712199</v>
      </c>
      <c r="AG2388" s="53">
        <v>-7907.1050359712199</v>
      </c>
      <c r="AH2388" s="53">
        <v>-7907.1050359712199</v>
      </c>
      <c r="AI2388" s="53">
        <v>-7907.1050359712199</v>
      </c>
      <c r="AJ2388" s="53">
        <v>-7907.1050359712199</v>
      </c>
      <c r="AK2388" s="53">
        <v>-7907.1050359712199</v>
      </c>
      <c r="AL2388" s="53">
        <v>-7907.1050359712199</v>
      </c>
      <c r="AM2388" s="53">
        <v>-7907.1050359712199</v>
      </c>
      <c r="AN2388" s="53">
        <v>-94885.260431654693</v>
      </c>
      <c r="AO2388" s="53">
        <v>-7907.1050359712199</v>
      </c>
      <c r="AP2388" s="53">
        <v>-7907.1050359712199</v>
      </c>
      <c r="AQ2388" s="53">
        <v>-7907.1050359712199</v>
      </c>
      <c r="AR2388" s="53">
        <v>-7907.1050359712199</v>
      </c>
      <c r="AS2388" s="53">
        <v>-7907.1050359712199</v>
      </c>
      <c r="AT2388" s="53">
        <v>-7907.1050359712199</v>
      </c>
      <c r="AU2388" s="53">
        <v>-7907.1050359712199</v>
      </c>
      <c r="AV2388" s="53">
        <v>-7907.1050359712199</v>
      </c>
      <c r="AW2388" s="53">
        <v>-7907.1050359712199</v>
      </c>
      <c r="AX2388" s="53">
        <v>-7907.1050359712199</v>
      </c>
      <c r="AY2388" s="53">
        <v>-7907.1050359712199</v>
      </c>
      <c r="AZ2388" s="53">
        <v>-7907.1050359712199</v>
      </c>
      <c r="BA2388" s="53">
        <v>-94885.260431654693</v>
      </c>
      <c r="BB2388" s="53">
        <v>-7907.1050359712199</v>
      </c>
      <c r="BC2388" s="53">
        <v>-7907.1050359712199</v>
      </c>
      <c r="BD2388" s="53">
        <v>-7907.1050359712199</v>
      </c>
      <c r="BE2388" s="53">
        <v>-7907.1050359712199</v>
      </c>
      <c r="BF2388" s="53">
        <v>-7907.1050359712199</v>
      </c>
      <c r="BG2388" s="53">
        <v>-7907.1050359712199</v>
      </c>
      <c r="BH2388" s="53">
        <v>-7907.1050359712199</v>
      </c>
      <c r="BI2388" s="53">
        <v>-7907.1050359712199</v>
      </c>
      <c r="BJ2388" s="53">
        <v>-7907.1050359712199</v>
      </c>
      <c r="BK2388" s="53">
        <v>-7907.1050359712199</v>
      </c>
      <c r="BL2388" s="53">
        <v>-7907.1050359712199</v>
      </c>
      <c r="BM2388" s="53">
        <v>-7907.1050359712199</v>
      </c>
      <c r="BN2388" s="53">
        <v>-94885.260431654693</v>
      </c>
      <c r="BO2388" s="53">
        <v>-7907.1050359712199</v>
      </c>
      <c r="BP2388" s="53">
        <v>-7907.1050359712199</v>
      </c>
      <c r="BQ2388" s="53">
        <v>-7907.1050359712199</v>
      </c>
      <c r="BR2388" s="53">
        <v>-7907.1050359712199</v>
      </c>
      <c r="BS2388" s="53">
        <v>-7907.1050359712199</v>
      </c>
      <c r="BT2388" s="53">
        <v>-7907.1050359712199</v>
      </c>
      <c r="BU2388" s="53">
        <v>-7907.1050359712199</v>
      </c>
      <c r="BV2388" s="53">
        <v>-7907.1050359712199</v>
      </c>
      <c r="BW2388" s="53">
        <v>-7907.1050359712199</v>
      </c>
      <c r="BX2388" s="53">
        <v>-7907.1050359712199</v>
      </c>
      <c r="BY2388" s="53">
        <v>-7907.1050359712199</v>
      </c>
      <c r="BZ2388" s="53">
        <v>-7907.1050359712199</v>
      </c>
      <c r="CA2388" s="53">
        <v>-94885.260431654693</v>
      </c>
      <c r="CB2388" s="53">
        <v>248005.36583333299</v>
      </c>
      <c r="CC2388" s="53">
        <v>248005.36583333299</v>
      </c>
      <c r="CD2388" s="53">
        <v>248005.36583333299</v>
      </c>
      <c r="CE2388" s="53">
        <v>248005.36583333299</v>
      </c>
      <c r="CF2388" s="53">
        <v>248005.36583333299</v>
      </c>
      <c r="CG2388" s="53">
        <v>248005.36583333299</v>
      </c>
      <c r="CH2388" s="53">
        <v>248005.36583333299</v>
      </c>
      <c r="CI2388" s="53">
        <v>248005.36583333299</v>
      </c>
      <c r="CJ2388" s="53">
        <v>248005.36583333299</v>
      </c>
      <c r="CK2388" s="53">
        <v>248005.36583333299</v>
      </c>
      <c r="CL2388" s="53">
        <v>248005.36583333299</v>
      </c>
      <c r="CM2388" s="53">
        <v>248005.36583333299</v>
      </c>
      <c r="CN2388" s="53">
        <v>2976064.3899999899</v>
      </c>
    </row>
    <row r="2389" spans="1:92" outlineLevel="1">
      <c r="A2389" s="52" t="s">
        <v>1565</v>
      </c>
      <c r="B2389" s="53">
        <v>-8857.0264993026503</v>
      </c>
      <c r="C2389" s="53">
        <v>-8857.0264993026503</v>
      </c>
      <c r="D2389" s="53">
        <v>-8857.0264993026503</v>
      </c>
      <c r="E2389" s="53">
        <v>-8857.0264993026503</v>
      </c>
      <c r="F2389" s="53">
        <v>-8857.0264993026503</v>
      </c>
      <c r="G2389" s="53">
        <v>-8857.0264993026503</v>
      </c>
      <c r="H2389" s="53">
        <v>-8857.0264993026503</v>
      </c>
      <c r="I2389" s="53">
        <v>-8857.0264993026503</v>
      </c>
      <c r="J2389" s="53">
        <v>-8857.0264993026394</v>
      </c>
      <c r="K2389" s="53">
        <v>-8857.0264993026394</v>
      </c>
      <c r="L2389" s="53">
        <v>-8857.0264993026394</v>
      </c>
      <c r="M2389" s="53">
        <v>-8857.0264993026394</v>
      </c>
      <c r="N2389" s="53">
        <v>-106284.317991631</v>
      </c>
      <c r="O2389" s="53">
        <v>-8857.0264993026394</v>
      </c>
      <c r="P2389" s="53">
        <v>-8857.0264993026394</v>
      </c>
      <c r="Q2389" s="53">
        <v>-8857.0264993026394</v>
      </c>
      <c r="R2389" s="53">
        <v>-8857.0264993026394</v>
      </c>
      <c r="S2389" s="53">
        <v>-8857.0264993026394</v>
      </c>
      <c r="T2389" s="53">
        <v>-8857.0264993026394</v>
      </c>
      <c r="U2389" s="53">
        <v>-8857.0264993026394</v>
      </c>
      <c r="V2389" s="53">
        <v>-8857.0264993026394</v>
      </c>
      <c r="W2389" s="53">
        <v>-8857.0264993026394</v>
      </c>
      <c r="X2389" s="53">
        <v>-8857.0264993026394</v>
      </c>
      <c r="Y2389" s="53">
        <v>-8857.0264993026394</v>
      </c>
      <c r="Z2389" s="53">
        <v>-8857.0264993026394</v>
      </c>
      <c r="AA2389" s="53">
        <v>-106284.317991631</v>
      </c>
      <c r="AB2389" s="53">
        <v>-8857.0264993026394</v>
      </c>
      <c r="AC2389" s="53">
        <v>-8857.0264993026394</v>
      </c>
      <c r="AD2389" s="53">
        <v>-8857.0264993026394</v>
      </c>
      <c r="AE2389" s="53">
        <v>-8857.0264993026394</v>
      </c>
      <c r="AF2389" s="53">
        <v>-8857.0264993026394</v>
      </c>
      <c r="AG2389" s="53">
        <v>-8857.0264993026394</v>
      </c>
      <c r="AH2389" s="53">
        <v>-8857.0264993026394</v>
      </c>
      <c r="AI2389" s="53">
        <v>-8857.0264993026394</v>
      </c>
      <c r="AJ2389" s="53">
        <v>-8857.0264993026394</v>
      </c>
      <c r="AK2389" s="53">
        <v>-8857.0264993026394</v>
      </c>
      <c r="AL2389" s="53">
        <v>-8857.0264993026394</v>
      </c>
      <c r="AM2389" s="53">
        <v>-8857.0264993026394</v>
      </c>
      <c r="AN2389" s="53">
        <v>-106284.317991631</v>
      </c>
      <c r="AO2389" s="53">
        <v>-8857.0264993026394</v>
      </c>
      <c r="AP2389" s="53">
        <v>-8857.0264993026394</v>
      </c>
      <c r="AQ2389" s="53">
        <v>-8857.0264993026394</v>
      </c>
      <c r="AR2389" s="53">
        <v>-8857.0264993026394</v>
      </c>
      <c r="AS2389" s="53">
        <v>-8857.0264993026394</v>
      </c>
      <c r="AT2389" s="53">
        <v>-8857.0264993026394</v>
      </c>
      <c r="AU2389" s="53">
        <v>-8857.0264993026394</v>
      </c>
      <c r="AV2389" s="53">
        <v>-8857.0264993026394</v>
      </c>
      <c r="AW2389" s="53">
        <v>-8857.0264993026394</v>
      </c>
      <c r="AX2389" s="53">
        <v>-8857.0264993026394</v>
      </c>
      <c r="AY2389" s="53">
        <v>-8857.0264993026394</v>
      </c>
      <c r="AZ2389" s="53">
        <v>-8857.0264993026394</v>
      </c>
      <c r="BA2389" s="53">
        <v>-106284.317991631</v>
      </c>
      <c r="BB2389" s="53">
        <v>-8857.0264993026394</v>
      </c>
      <c r="BC2389" s="53">
        <v>-8857.0264993026394</v>
      </c>
      <c r="BD2389" s="53">
        <v>-8857.0264993026394</v>
      </c>
      <c r="BE2389" s="53">
        <v>-8857.0264993026394</v>
      </c>
      <c r="BF2389" s="53">
        <v>-8857.0264993026394</v>
      </c>
      <c r="BG2389" s="53">
        <v>-8857.0264993026394</v>
      </c>
      <c r="BH2389" s="53">
        <v>-8857.0264993026303</v>
      </c>
      <c r="BI2389" s="53">
        <v>-8857.0264993026303</v>
      </c>
      <c r="BJ2389" s="53">
        <v>-8857.0264993026303</v>
      </c>
      <c r="BK2389" s="53">
        <v>-8857.0264993026303</v>
      </c>
      <c r="BL2389" s="53">
        <v>-8857.0264993026303</v>
      </c>
      <c r="BM2389" s="53">
        <v>-8857.0264993026303</v>
      </c>
      <c r="BN2389" s="53">
        <v>-106284.317991631</v>
      </c>
      <c r="BO2389" s="53">
        <v>-8857.0264993026303</v>
      </c>
      <c r="BP2389" s="53">
        <v>-8857.0264993026303</v>
      </c>
      <c r="BQ2389" s="53">
        <v>-8857.0264993026303</v>
      </c>
      <c r="BR2389" s="53">
        <v>-8857.0264993026303</v>
      </c>
      <c r="BS2389" s="53">
        <v>-8857.0264993026303</v>
      </c>
      <c r="BT2389" s="53">
        <v>-8857.0264993026303</v>
      </c>
      <c r="BU2389" s="53">
        <v>-8857.0264993026303</v>
      </c>
      <c r="BV2389" s="53">
        <v>-8857.0264993026303</v>
      </c>
      <c r="BW2389" s="53">
        <v>-8857.0264993026303</v>
      </c>
      <c r="BX2389" s="53">
        <v>-8857.0264993026303</v>
      </c>
      <c r="BY2389" s="53">
        <v>-8857.0264993026303</v>
      </c>
      <c r="BZ2389" s="53">
        <v>-8857.0264993026303</v>
      </c>
      <c r="CA2389" s="53">
        <v>-106284.317991631</v>
      </c>
      <c r="CB2389" s="53"/>
      <c r="CC2389" s="53"/>
      <c r="CD2389" s="53"/>
      <c r="CE2389" s="53"/>
      <c r="CF2389" s="53"/>
      <c r="CG2389" s="53"/>
      <c r="CH2389" s="53"/>
      <c r="CI2389" s="53"/>
      <c r="CJ2389" s="53"/>
      <c r="CK2389" s="53"/>
      <c r="CL2389" s="53"/>
      <c r="CM2389" s="53"/>
      <c r="CN2389" s="53"/>
    </row>
    <row r="2390" spans="1:92" outlineLevel="1">
      <c r="A2390" s="52" t="s">
        <v>1376</v>
      </c>
      <c r="B2390" s="53"/>
      <c r="C2390" s="53"/>
      <c r="D2390" s="53"/>
      <c r="E2390" s="53"/>
      <c r="F2390" s="53"/>
      <c r="G2390" s="53"/>
      <c r="H2390" s="53"/>
      <c r="I2390" s="53"/>
      <c r="J2390" s="53"/>
      <c r="K2390" s="53"/>
      <c r="L2390" s="53"/>
      <c r="M2390" s="53"/>
      <c r="N2390" s="53"/>
      <c r="O2390" s="53"/>
      <c r="P2390" s="53"/>
      <c r="Q2390" s="53"/>
      <c r="R2390" s="53"/>
      <c r="S2390" s="53"/>
      <c r="T2390" s="53"/>
      <c r="U2390" s="53"/>
      <c r="V2390" s="53"/>
      <c r="W2390" s="53"/>
      <c r="X2390" s="53"/>
      <c r="Y2390" s="53"/>
      <c r="Z2390" s="53"/>
      <c r="AA2390" s="53"/>
      <c r="AB2390" s="53"/>
      <c r="AC2390" s="53"/>
      <c r="AD2390" s="53"/>
      <c r="AE2390" s="53"/>
      <c r="AF2390" s="53"/>
      <c r="AG2390" s="53"/>
      <c r="AH2390" s="53"/>
      <c r="AI2390" s="53"/>
      <c r="AJ2390" s="53"/>
      <c r="AK2390" s="53"/>
      <c r="AL2390" s="53"/>
      <c r="AM2390" s="53"/>
      <c r="AN2390" s="53"/>
      <c r="AO2390" s="53"/>
      <c r="AP2390" s="53"/>
      <c r="AQ2390" s="53"/>
      <c r="AR2390" s="53"/>
      <c r="AS2390" s="53"/>
      <c r="AT2390" s="53"/>
      <c r="AU2390" s="53"/>
      <c r="AV2390" s="53"/>
      <c r="AW2390" s="53"/>
      <c r="AX2390" s="53"/>
      <c r="AY2390" s="53"/>
      <c r="AZ2390" s="53"/>
      <c r="BA2390" s="53"/>
      <c r="BB2390" s="53"/>
      <c r="BC2390" s="53"/>
      <c r="BD2390" s="53"/>
      <c r="BE2390" s="53"/>
      <c r="BF2390" s="53"/>
      <c r="BG2390" s="53"/>
      <c r="BH2390" s="53"/>
      <c r="BI2390" s="53"/>
      <c r="BJ2390" s="53"/>
      <c r="BK2390" s="53"/>
      <c r="BL2390" s="53"/>
      <c r="BM2390" s="53"/>
      <c r="BN2390" s="53"/>
      <c r="BO2390" s="53"/>
      <c r="BP2390" s="53"/>
      <c r="BQ2390" s="53"/>
      <c r="BR2390" s="53"/>
      <c r="BS2390" s="53"/>
      <c r="BT2390" s="53"/>
      <c r="BU2390" s="53"/>
      <c r="BV2390" s="53"/>
      <c r="BW2390" s="53"/>
      <c r="BX2390" s="53"/>
      <c r="BY2390" s="53"/>
      <c r="BZ2390" s="53"/>
      <c r="CA2390" s="53"/>
      <c r="CB2390" s="53"/>
      <c r="CC2390" s="53"/>
      <c r="CD2390" s="53"/>
      <c r="CE2390" s="53"/>
      <c r="CF2390" s="53"/>
      <c r="CG2390" s="53"/>
      <c r="CH2390" s="53"/>
      <c r="CI2390" s="53"/>
      <c r="CJ2390" s="53"/>
      <c r="CK2390" s="53"/>
      <c r="CL2390" s="53"/>
      <c r="CM2390" s="53"/>
      <c r="CN2390" s="53"/>
    </row>
    <row r="2391" spans="1:92" outlineLevel="1">
      <c r="A2391" s="52" t="s">
        <v>1377</v>
      </c>
      <c r="B2391" s="53"/>
      <c r="C2391" s="53"/>
      <c r="D2391" s="53"/>
      <c r="E2391" s="53"/>
      <c r="F2391" s="53"/>
      <c r="G2391" s="53"/>
      <c r="H2391" s="53"/>
      <c r="I2391" s="53"/>
      <c r="J2391" s="53"/>
      <c r="K2391" s="53"/>
      <c r="L2391" s="53"/>
      <c r="M2391" s="53"/>
      <c r="N2391" s="53"/>
      <c r="O2391" s="53"/>
      <c r="P2391" s="53"/>
      <c r="Q2391" s="53"/>
      <c r="R2391" s="53"/>
      <c r="S2391" s="53"/>
      <c r="T2391" s="53"/>
      <c r="U2391" s="53"/>
      <c r="V2391" s="53"/>
      <c r="W2391" s="53"/>
      <c r="X2391" s="53"/>
      <c r="Y2391" s="53"/>
      <c r="Z2391" s="53"/>
      <c r="AA2391" s="53"/>
      <c r="AB2391" s="53"/>
      <c r="AC2391" s="53"/>
      <c r="AD2391" s="53"/>
      <c r="AE2391" s="53"/>
      <c r="AF2391" s="53"/>
      <c r="AG2391" s="53"/>
      <c r="AH2391" s="53"/>
      <c r="AI2391" s="53"/>
      <c r="AJ2391" s="53"/>
      <c r="AK2391" s="53"/>
      <c r="AL2391" s="53"/>
      <c r="AM2391" s="53"/>
      <c r="AN2391" s="53"/>
      <c r="AO2391" s="53"/>
      <c r="AP2391" s="53"/>
      <c r="AQ2391" s="53"/>
      <c r="AR2391" s="53"/>
      <c r="AS2391" s="53"/>
      <c r="AT2391" s="53"/>
      <c r="AU2391" s="53"/>
      <c r="AV2391" s="53"/>
      <c r="AW2391" s="53"/>
      <c r="AX2391" s="53"/>
      <c r="AY2391" s="53"/>
      <c r="AZ2391" s="53"/>
      <c r="BA2391" s="53"/>
      <c r="BB2391" s="53"/>
      <c r="BC2391" s="53"/>
      <c r="BD2391" s="53"/>
      <c r="BE2391" s="53"/>
      <c r="BF2391" s="53"/>
      <c r="BG2391" s="53"/>
      <c r="BH2391" s="53"/>
      <c r="BI2391" s="53"/>
      <c r="BJ2391" s="53"/>
      <c r="BK2391" s="53"/>
      <c r="BL2391" s="53"/>
      <c r="BM2391" s="53"/>
      <c r="BN2391" s="53"/>
      <c r="BO2391" s="53"/>
      <c r="BP2391" s="53"/>
      <c r="BQ2391" s="53"/>
      <c r="BR2391" s="53"/>
      <c r="BS2391" s="53"/>
      <c r="BT2391" s="53"/>
      <c r="BU2391" s="53"/>
      <c r="BV2391" s="53"/>
      <c r="BW2391" s="53"/>
      <c r="BX2391" s="53"/>
      <c r="BY2391" s="53"/>
      <c r="BZ2391" s="53"/>
      <c r="CA2391" s="53"/>
      <c r="CB2391" s="53"/>
      <c r="CC2391" s="53"/>
      <c r="CD2391" s="53"/>
      <c r="CE2391" s="53"/>
      <c r="CF2391" s="53"/>
      <c r="CG2391" s="53"/>
      <c r="CH2391" s="53"/>
      <c r="CI2391" s="53"/>
      <c r="CJ2391" s="53"/>
      <c r="CK2391" s="53"/>
      <c r="CL2391" s="53"/>
      <c r="CM2391" s="53"/>
      <c r="CN2391" s="53"/>
    </row>
    <row r="2392" spans="1:92" outlineLevel="1">
      <c r="A2392" s="52" t="s">
        <v>1378</v>
      </c>
      <c r="B2392" s="53">
        <v>-1092858.8531758301</v>
      </c>
      <c r="C2392" s="53">
        <v>-1100788.4559366601</v>
      </c>
      <c r="D2392" s="53">
        <v>-547623.79020000005</v>
      </c>
      <c r="E2392" s="53">
        <v>-509720.25867333298</v>
      </c>
      <c r="F2392" s="53">
        <v>-1057819.7020399999</v>
      </c>
      <c r="G2392" s="53">
        <v>-3033714.06765666</v>
      </c>
      <c r="H2392" s="53">
        <v>-3055726.1908216602</v>
      </c>
      <c r="I2392" s="53">
        <v>-3077898.0293899998</v>
      </c>
      <c r="J2392" s="53">
        <v>-1034298.744295</v>
      </c>
      <c r="K2392" s="53">
        <v>-595115.44545583299</v>
      </c>
      <c r="L2392" s="53">
        <v>-599433.50796583295</v>
      </c>
      <c r="M2392" s="53">
        <v>-1206811.6939083301</v>
      </c>
      <c r="N2392" s="53">
        <v>-16911808.739519101</v>
      </c>
      <c r="O2392" s="53">
        <v>-1204871.6006449901</v>
      </c>
      <c r="P2392" s="53">
        <v>-1213613.9481673399</v>
      </c>
      <c r="Q2392" s="53">
        <v>-661267.92870625702</v>
      </c>
      <c r="R2392" s="53">
        <v>-624188.97858562798</v>
      </c>
      <c r="S2392" s="53">
        <v>-1173118.9897827399</v>
      </c>
      <c r="T2392" s="53">
        <v>-3149849.9456527801</v>
      </c>
      <c r="U2392" s="53">
        <v>-3172704.7318834402</v>
      </c>
      <c r="V2392" s="53">
        <v>-3195725.34863387</v>
      </c>
      <c r="W2392" s="53">
        <v>-1152980.9991426601</v>
      </c>
      <c r="X2392" s="53">
        <v>-714658.83710894606</v>
      </c>
      <c r="Y2392" s="53">
        <v>-719844.28252120304</v>
      </c>
      <c r="Z2392" s="53">
        <v>-1328096.1526611301</v>
      </c>
      <c r="AA2392" s="53">
        <v>-18310921.743491001</v>
      </c>
      <c r="AB2392" s="53">
        <v>-1326741.92699548</v>
      </c>
      <c r="AC2392" s="53">
        <v>-1336368.5452941</v>
      </c>
      <c r="AD2392" s="53">
        <v>-784913.21273066802</v>
      </c>
      <c r="AE2392" s="53">
        <v>-748731.412183373</v>
      </c>
      <c r="AF2392" s="53">
        <v>3.8769374325073702</v>
      </c>
      <c r="AG2392" s="53">
        <v>3.9050678443614002</v>
      </c>
      <c r="AH2392" s="53">
        <v>3.93340236579545</v>
      </c>
      <c r="AI2392" s="53">
        <v>3.9619424777946</v>
      </c>
      <c r="AJ2392" s="53">
        <v>3.9906896720897298</v>
      </c>
      <c r="AK2392" s="53">
        <v>4.0196454512354602</v>
      </c>
      <c r="AL2392" s="53">
        <v>4.0488113286887204</v>
      </c>
      <c r="AM2392" s="53">
        <v>4.0781888288877903</v>
      </c>
      <c r="AN2392" s="53">
        <v>-4196723.2825182201</v>
      </c>
      <c r="AO2392" s="53">
        <v>4.1077794873320599</v>
      </c>
      <c r="AP2392" s="53">
        <v>4.1375848506622299</v>
      </c>
      <c r="AQ2392" s="53">
        <v>4.1676064767411498</v>
      </c>
      <c r="AR2392" s="53">
        <v>4.1978459347353096</v>
      </c>
      <c r="AS2392" s="53">
        <v>4.2283048051967498</v>
      </c>
      <c r="AT2392" s="53">
        <v>4.2589846801457902</v>
      </c>
      <c r="AU2392" s="53">
        <v>4.28988716315415</v>
      </c>
      <c r="AV2392" s="53">
        <v>4.3210138694287998</v>
      </c>
      <c r="AW2392" s="53">
        <v>4.3523664258963901</v>
      </c>
      <c r="AX2392" s="53">
        <v>4.3839464712882901</v>
      </c>
      <c r="AY2392" s="53">
        <v>4.4157556562262101</v>
      </c>
      <c r="AZ2392" s="53">
        <v>4.4477956433085</v>
      </c>
      <c r="BA2392" s="53">
        <v>51.308871464115597</v>
      </c>
      <c r="BB2392" s="53">
        <v>4.48006810719707</v>
      </c>
      <c r="BC2392" s="53">
        <v>4.5125747347048701</v>
      </c>
      <c r="BD2392" s="53">
        <v>4.5453172248840996</v>
      </c>
      <c r="BE2392" s="53">
        <v>4.57829728911498</v>
      </c>
      <c r="BF2392" s="53">
        <v>4.6115166511952497</v>
      </c>
      <c r="BG2392" s="53">
        <v>4.6449770474302099</v>
      </c>
      <c r="BH2392" s="53">
        <v>4.6786802267235101</v>
      </c>
      <c r="BI2392" s="53">
        <v>4.71262795066857</v>
      </c>
      <c r="BJ2392" s="53">
        <v>4.7468219936406202</v>
      </c>
      <c r="BK2392" s="53">
        <v>4.7812641428894702</v>
      </c>
      <c r="BL2392" s="53">
        <v>4.81595619863291</v>
      </c>
      <c r="BM2392" s="53">
        <v>4.8508999741508196</v>
      </c>
      <c r="BN2392" s="53">
        <v>55.959001541232396</v>
      </c>
      <c r="BO2392" s="53">
        <v>4.8860972958799103</v>
      </c>
      <c r="BP2392" s="53">
        <v>4.9215500035092301</v>
      </c>
      <c r="BQ2392" s="53">
        <v>4.9572599500763399</v>
      </c>
      <c r="BR2392" s="53">
        <v>4.9932290020640604</v>
      </c>
      <c r="BS2392" s="53"/>
      <c r="BT2392" s="53"/>
      <c r="BU2392" s="53"/>
      <c r="BV2392" s="53"/>
      <c r="BW2392" s="53"/>
      <c r="BX2392" s="53"/>
      <c r="BY2392" s="53"/>
      <c r="BZ2392" s="53"/>
      <c r="CA2392" s="53">
        <v>19.7581362515295</v>
      </c>
      <c r="CB2392" s="53"/>
      <c r="CC2392" s="53"/>
      <c r="CD2392" s="53"/>
      <c r="CE2392" s="53"/>
      <c r="CF2392" s="53"/>
      <c r="CG2392" s="53"/>
      <c r="CH2392" s="53"/>
      <c r="CI2392" s="53"/>
      <c r="CJ2392" s="53"/>
      <c r="CK2392" s="53"/>
      <c r="CL2392" s="53"/>
      <c r="CM2392" s="53"/>
      <c r="CN2392" s="53"/>
    </row>
    <row r="2393" spans="1:92" outlineLevel="1">
      <c r="A2393" s="52" t="s">
        <v>1379</v>
      </c>
      <c r="B2393" s="53">
        <v>-289089.632509007</v>
      </c>
      <c r="C2393" s="53">
        <v>-290850.66529097001</v>
      </c>
      <c r="D2393" s="53">
        <v>-292622.43963176099</v>
      </c>
      <c r="E2393" s="53">
        <v>-294404.99022865598</v>
      </c>
      <c r="F2393" s="53">
        <v>-296198.40715600102</v>
      </c>
      <c r="G2393" s="53">
        <v>-298002.75499340898</v>
      </c>
      <c r="H2393" s="53">
        <v>-299818.08483441698</v>
      </c>
      <c r="I2393" s="53">
        <v>-301644.47794360301</v>
      </c>
      <c r="J2393" s="53">
        <v>-303482.00289655698</v>
      </c>
      <c r="K2393" s="53">
        <v>-305330.71414299699</v>
      </c>
      <c r="L2393" s="53">
        <v>-307190.68249075598</v>
      </c>
      <c r="M2393" s="53">
        <v>-309061.98052333301</v>
      </c>
      <c r="N2393" s="53">
        <v>-3587696.8326414698</v>
      </c>
      <c r="O2393" s="53">
        <v>-310944.68276122899</v>
      </c>
      <c r="P2393" s="53">
        <v>-312838.85412038199</v>
      </c>
      <c r="Q2393" s="53">
        <v>-314744.56414006598</v>
      </c>
      <c r="R2393" s="53">
        <v>-316661.88310995197</v>
      </c>
      <c r="S2393" s="53">
        <v>-318590.88174789702</v>
      </c>
      <c r="T2393" s="53">
        <v>-320531.63120254403</v>
      </c>
      <c r="U2393" s="53">
        <v>-322484.20305595302</v>
      </c>
      <c r="V2393" s="53">
        <v>-324448.66932623601</v>
      </c>
      <c r="W2393" s="53">
        <v>-326425.10247021401</v>
      </c>
      <c r="X2393" s="53">
        <v>-328413.57538609498</v>
      </c>
      <c r="Y2393" s="53">
        <v>-330414.16141615598</v>
      </c>
      <c r="Z2393" s="53">
        <v>-332426.934349449</v>
      </c>
      <c r="AA2393" s="53">
        <v>-3858925.1430861698</v>
      </c>
      <c r="AB2393" s="53">
        <v>-334451.96842452802</v>
      </c>
      <c r="AC2393" s="53">
        <v>-336489.33833217999</v>
      </c>
      <c r="AD2393" s="53">
        <v>-338539.119218187</v>
      </c>
      <c r="AE2393" s="53">
        <v>-340601.38668609102</v>
      </c>
      <c r="AF2393" s="53">
        <v>-342676.21679998701</v>
      </c>
      <c r="AG2393" s="53">
        <v>-344763.68608732702</v>
      </c>
      <c r="AH2393" s="53">
        <v>-346863.871541742</v>
      </c>
      <c r="AI2393" s="53">
        <v>-348976.85062588402</v>
      </c>
      <c r="AJ2393" s="53">
        <v>-351102.70127428003</v>
      </c>
      <c r="AK2393" s="53">
        <v>-353241.50189620903</v>
      </c>
      <c r="AL2393" s="53">
        <v>-355393.33137859299</v>
      </c>
      <c r="AM2393" s="53">
        <v>-357558.26908890699</v>
      </c>
      <c r="AN2393" s="53">
        <v>-4150658.24135391</v>
      </c>
      <c r="AO2393" s="53">
        <v>-359736.39487810701</v>
      </c>
      <c r="AP2393" s="53">
        <v>-361927.78908357298</v>
      </c>
      <c r="AQ2393" s="53">
        <v>-364132.53253207402</v>
      </c>
      <c r="AR2393" s="53">
        <v>-366350.70654274803</v>
      </c>
      <c r="AS2393" s="53">
        <v>-368582.39293010399</v>
      </c>
      <c r="AT2393" s="53">
        <v>-370827.67400703701</v>
      </c>
      <c r="AU2393" s="53">
        <v>-373086.63258786203</v>
      </c>
      <c r="AV2393" s="53">
        <v>-375359.35199137701</v>
      </c>
      <c r="AW2393" s="53">
        <v>-377645.91604392399</v>
      </c>
      <c r="AX2393" s="53">
        <v>-379946.40908249101</v>
      </c>
      <c r="AY2393" s="53">
        <v>-382260.91595781897</v>
      </c>
      <c r="AZ2393" s="53">
        <v>-384589.52203752799</v>
      </c>
      <c r="BA2393" s="53">
        <v>-4464446.2376746396</v>
      </c>
      <c r="BB2393" s="53">
        <v>-386932.31320927298</v>
      </c>
      <c r="BC2393" s="53">
        <v>-389289.37588390597</v>
      </c>
      <c r="BD2393" s="53">
        <v>-391660.79699866503</v>
      </c>
      <c r="BE2393" s="53">
        <v>-394046.66402038198</v>
      </c>
      <c r="BF2393" s="53">
        <v>-396447.06494870601</v>
      </c>
      <c r="BG2393" s="53">
        <v>-398862.08831935102</v>
      </c>
      <c r="BH2393" s="53">
        <v>-401291.82320736302</v>
      </c>
      <c r="BI2393" s="53">
        <v>-403736.3592304</v>
      </c>
      <c r="BJ2393" s="53">
        <v>-406195.78655204503</v>
      </c>
      <c r="BK2393" s="53">
        <v>-408670.19588512398</v>
      </c>
      <c r="BL2393" s="53">
        <v>-411159.67849505699</v>
      </c>
      <c r="BM2393" s="53">
        <v>-413664.32620322099</v>
      </c>
      <c r="BN2393" s="53">
        <v>-4801956.47295349</v>
      </c>
      <c r="BO2393" s="53">
        <v>-416184.23139034002</v>
      </c>
      <c r="BP2393" s="53">
        <v>-418719.48699989298</v>
      </c>
      <c r="BQ2393" s="53">
        <v>-421270.186541526</v>
      </c>
      <c r="BR2393" s="53"/>
      <c r="BS2393" s="53"/>
      <c r="BT2393" s="53"/>
      <c r="BU2393" s="53"/>
      <c r="BV2393" s="53"/>
      <c r="BW2393" s="53"/>
      <c r="BX2393" s="53"/>
      <c r="BY2393" s="53"/>
      <c r="BZ2393" s="53"/>
      <c r="CA2393" s="53">
        <v>-1256173.9049317599</v>
      </c>
      <c r="CB2393" s="53">
        <v>64269167.655066699</v>
      </c>
      <c r="CC2393" s="53">
        <v>66424906.604233399</v>
      </c>
      <c r="CD2393" s="53">
        <v>42711778.163400002</v>
      </c>
      <c r="CE2393" s="53">
        <v>44867517.112566702</v>
      </c>
      <c r="CF2393" s="53">
        <v>47023256.061733402</v>
      </c>
      <c r="CG2393" s="53">
        <v>49178995.010899998</v>
      </c>
      <c r="CH2393" s="53">
        <v>51334733.960066698</v>
      </c>
      <c r="CI2393" s="53">
        <v>53490472.909233399</v>
      </c>
      <c r="CJ2393" s="53">
        <v>55646211.858400002</v>
      </c>
      <c r="CK2393" s="53">
        <v>57801950.807566702</v>
      </c>
      <c r="CL2393" s="53">
        <v>59957689.756733403</v>
      </c>
      <c r="CM2393" s="53">
        <v>62113428.705899999</v>
      </c>
      <c r="CN2393" s="53">
        <v>62113428.705899999</v>
      </c>
    </row>
    <row r="2394" spans="1:92" outlineLevel="1">
      <c r="A2394" s="52" t="s">
        <v>741</v>
      </c>
      <c r="B2394" s="53"/>
      <c r="C2394" s="53"/>
      <c r="D2394" s="53"/>
      <c r="E2394" s="53"/>
      <c r="F2394" s="53"/>
      <c r="G2394" s="53"/>
      <c r="H2394" s="53"/>
      <c r="I2394" s="53"/>
      <c r="J2394" s="53"/>
      <c r="K2394" s="53"/>
      <c r="L2394" s="53"/>
      <c r="M2394" s="53"/>
      <c r="N2394" s="53"/>
      <c r="O2394" s="53"/>
      <c r="P2394" s="53"/>
      <c r="Q2394" s="53"/>
      <c r="R2394" s="53"/>
      <c r="S2394" s="53"/>
      <c r="T2394" s="53"/>
      <c r="U2394" s="53"/>
      <c r="V2394" s="53"/>
      <c r="W2394" s="53"/>
      <c r="X2394" s="53"/>
      <c r="Y2394" s="53"/>
      <c r="Z2394" s="53"/>
      <c r="AA2394" s="53"/>
      <c r="AB2394" s="53"/>
      <c r="AC2394" s="53"/>
      <c r="AD2394" s="53"/>
      <c r="AE2394" s="53"/>
      <c r="AF2394" s="53"/>
      <c r="AG2394" s="53"/>
      <c r="AH2394" s="53"/>
      <c r="AI2394" s="53"/>
      <c r="AJ2394" s="53"/>
      <c r="AK2394" s="53"/>
      <c r="AL2394" s="53"/>
      <c r="AM2394" s="53"/>
      <c r="AN2394" s="53"/>
      <c r="AO2394" s="53"/>
      <c r="AP2394" s="53"/>
      <c r="AQ2394" s="53"/>
      <c r="AR2394" s="53"/>
      <c r="AS2394" s="53"/>
      <c r="AT2394" s="53"/>
      <c r="AU2394" s="53"/>
      <c r="AV2394" s="53"/>
      <c r="AW2394" s="53"/>
      <c r="AX2394" s="53"/>
      <c r="AY2394" s="53"/>
      <c r="AZ2394" s="53"/>
      <c r="BA2394" s="53"/>
      <c r="BB2394" s="53"/>
      <c r="BC2394" s="53"/>
      <c r="BD2394" s="53"/>
      <c r="BE2394" s="53"/>
      <c r="BF2394" s="53"/>
      <c r="BG2394" s="53"/>
      <c r="BH2394" s="53"/>
      <c r="BI2394" s="53"/>
      <c r="BJ2394" s="53"/>
      <c r="BK2394" s="53"/>
      <c r="BL2394" s="53"/>
      <c r="BM2394" s="53"/>
      <c r="BN2394" s="53"/>
      <c r="BO2394" s="53"/>
      <c r="BP2394" s="53"/>
      <c r="BQ2394" s="53"/>
      <c r="BR2394" s="53"/>
      <c r="BS2394" s="53"/>
      <c r="BT2394" s="53"/>
      <c r="BU2394" s="53"/>
      <c r="BV2394" s="53"/>
      <c r="BW2394" s="53"/>
      <c r="BX2394" s="53"/>
      <c r="BY2394" s="53"/>
      <c r="BZ2394" s="53"/>
      <c r="CA2394" s="53"/>
      <c r="CB2394" s="53">
        <v>45540709.539999999</v>
      </c>
      <c r="CC2394" s="53">
        <v>45540709.539999999</v>
      </c>
      <c r="CD2394" s="53">
        <v>45540709.539999999</v>
      </c>
      <c r="CE2394" s="53">
        <v>45540709.539999999</v>
      </c>
      <c r="CF2394" s="53">
        <v>45540709.539999999</v>
      </c>
      <c r="CG2394" s="53">
        <v>45540709.539999999</v>
      </c>
      <c r="CH2394" s="53">
        <v>45540709.539999999</v>
      </c>
      <c r="CI2394" s="53">
        <v>45540709.539999999</v>
      </c>
      <c r="CJ2394" s="53">
        <v>45540709.539999999</v>
      </c>
      <c r="CK2394" s="53">
        <v>45540709.539999999</v>
      </c>
      <c r="CL2394" s="53">
        <v>45540709.539999999</v>
      </c>
      <c r="CM2394" s="53">
        <v>45540709.539999999</v>
      </c>
      <c r="CN2394" s="53">
        <v>45540709.539999999</v>
      </c>
    </row>
    <row r="2395" spans="1:92" outlineLevel="1">
      <c r="A2395" s="52" t="s">
        <v>1632</v>
      </c>
      <c r="B2395" s="53"/>
      <c r="C2395" s="53"/>
      <c r="D2395" s="53"/>
      <c r="E2395" s="53"/>
      <c r="F2395" s="53"/>
      <c r="G2395" s="53"/>
      <c r="H2395" s="53"/>
      <c r="I2395" s="53"/>
      <c r="J2395" s="53"/>
      <c r="K2395" s="53"/>
      <c r="L2395" s="53"/>
      <c r="M2395" s="53"/>
      <c r="N2395" s="53"/>
      <c r="O2395" s="53"/>
      <c r="P2395" s="53"/>
      <c r="Q2395" s="53"/>
      <c r="R2395" s="53"/>
      <c r="S2395" s="53"/>
      <c r="T2395" s="53"/>
      <c r="U2395" s="53"/>
      <c r="V2395" s="53"/>
      <c r="W2395" s="53"/>
      <c r="X2395" s="53"/>
      <c r="Y2395" s="53"/>
      <c r="Z2395" s="53"/>
      <c r="AA2395" s="53"/>
      <c r="AB2395" s="53"/>
      <c r="AC2395" s="53"/>
      <c r="AD2395" s="53"/>
      <c r="AE2395" s="53"/>
      <c r="AF2395" s="53"/>
      <c r="AG2395" s="53"/>
      <c r="AH2395" s="53"/>
      <c r="AI2395" s="53"/>
      <c r="AJ2395" s="53"/>
      <c r="AK2395" s="53"/>
      <c r="AL2395" s="53"/>
      <c r="AM2395" s="53"/>
      <c r="AN2395" s="53"/>
      <c r="AO2395" s="53"/>
      <c r="AP2395" s="53"/>
      <c r="AQ2395" s="53"/>
      <c r="AR2395" s="53"/>
      <c r="AS2395" s="53"/>
      <c r="AT2395" s="53"/>
      <c r="AU2395" s="53"/>
      <c r="AV2395" s="53"/>
      <c r="AW2395" s="53"/>
      <c r="AX2395" s="53"/>
      <c r="AY2395" s="53"/>
      <c r="AZ2395" s="53"/>
      <c r="BA2395" s="53"/>
      <c r="BB2395" s="53"/>
      <c r="BC2395" s="53"/>
      <c r="BD2395" s="53"/>
      <c r="BE2395" s="53"/>
      <c r="BF2395" s="53"/>
      <c r="BG2395" s="53"/>
      <c r="BH2395" s="53"/>
      <c r="BI2395" s="53"/>
      <c r="BJ2395" s="53"/>
      <c r="BK2395" s="53"/>
      <c r="BL2395" s="53"/>
      <c r="BM2395" s="53"/>
      <c r="BN2395" s="53"/>
      <c r="BO2395" s="53"/>
      <c r="BP2395" s="53"/>
      <c r="BQ2395" s="53"/>
      <c r="BR2395" s="53"/>
      <c r="BS2395" s="53"/>
      <c r="BT2395" s="53"/>
      <c r="BU2395" s="53"/>
      <c r="BV2395" s="53"/>
      <c r="BW2395" s="53"/>
      <c r="BX2395" s="53"/>
      <c r="BY2395" s="53"/>
      <c r="BZ2395" s="53"/>
      <c r="CA2395" s="53"/>
      <c r="CB2395" s="53">
        <v>43879507.219999999</v>
      </c>
      <c r="CC2395" s="53">
        <v>43879507.219999999</v>
      </c>
      <c r="CD2395" s="53">
        <v>43879507.219999999</v>
      </c>
      <c r="CE2395" s="53">
        <v>43879507.219999999</v>
      </c>
      <c r="CF2395" s="53">
        <v>43879507.219999999</v>
      </c>
      <c r="CG2395" s="53">
        <v>43879507.219999999</v>
      </c>
      <c r="CH2395" s="53">
        <v>43879507.219999999</v>
      </c>
      <c r="CI2395" s="53">
        <v>43879507.219999999</v>
      </c>
      <c r="CJ2395" s="53">
        <v>43879507.219999999</v>
      </c>
      <c r="CK2395" s="53">
        <v>43879507.219999999</v>
      </c>
      <c r="CL2395" s="53">
        <v>43879507.219999999</v>
      </c>
      <c r="CM2395" s="53">
        <v>43879507.219999999</v>
      </c>
      <c r="CN2395" s="53">
        <v>43879507.219999999</v>
      </c>
    </row>
    <row r="2396" spans="1:92" outlineLevel="1">
      <c r="A2396" s="52" t="s">
        <v>649</v>
      </c>
      <c r="B2396" s="53"/>
      <c r="C2396" s="53"/>
      <c r="D2396" s="53"/>
      <c r="E2396" s="53"/>
      <c r="F2396" s="53"/>
      <c r="G2396" s="53"/>
      <c r="H2396" s="53"/>
      <c r="I2396" s="53"/>
      <c r="J2396" s="53"/>
      <c r="K2396" s="53"/>
      <c r="L2396" s="53"/>
      <c r="M2396" s="53"/>
      <c r="N2396" s="53"/>
      <c r="O2396" s="53">
        <v>-611879.56999999995</v>
      </c>
      <c r="P2396" s="53"/>
      <c r="Q2396" s="53"/>
      <c r="R2396" s="53"/>
      <c r="S2396" s="53"/>
      <c r="T2396" s="53"/>
      <c r="U2396" s="53"/>
      <c r="V2396" s="53"/>
      <c r="W2396" s="53"/>
      <c r="X2396" s="53"/>
      <c r="Y2396" s="53"/>
      <c r="Z2396" s="53"/>
      <c r="AA2396" s="53">
        <v>-611879.56999999995</v>
      </c>
      <c r="AB2396" s="53">
        <v>-1009241.17999999</v>
      </c>
      <c r="AC2396" s="53"/>
      <c r="AD2396" s="53"/>
      <c r="AE2396" s="53"/>
      <c r="AF2396" s="53"/>
      <c r="AG2396" s="53"/>
      <c r="AH2396" s="53"/>
      <c r="AI2396" s="53"/>
      <c r="AJ2396" s="53"/>
      <c r="AK2396" s="53"/>
      <c r="AL2396" s="53"/>
      <c r="AM2396" s="53"/>
      <c r="AN2396" s="53">
        <v>-1009241.17999999</v>
      </c>
      <c r="AO2396" s="53"/>
      <c r="AP2396" s="53"/>
      <c r="AQ2396" s="53"/>
      <c r="AR2396" s="53"/>
      <c r="AS2396" s="53"/>
      <c r="AT2396" s="53"/>
      <c r="AU2396" s="53"/>
      <c r="AV2396" s="53"/>
      <c r="AW2396" s="53"/>
      <c r="AX2396" s="53"/>
      <c r="AY2396" s="53"/>
      <c r="AZ2396" s="53"/>
      <c r="BA2396" s="53"/>
      <c r="BB2396" s="53"/>
      <c r="BC2396" s="53"/>
      <c r="BD2396" s="53"/>
      <c r="BE2396" s="53"/>
      <c r="BF2396" s="53"/>
      <c r="BG2396" s="53"/>
      <c r="BH2396" s="53"/>
      <c r="BI2396" s="53"/>
      <c r="BJ2396" s="53"/>
      <c r="BK2396" s="53"/>
      <c r="BL2396" s="53"/>
      <c r="BM2396" s="53"/>
      <c r="BN2396" s="53"/>
      <c r="BO2396" s="53"/>
      <c r="BP2396" s="53"/>
      <c r="BQ2396" s="53"/>
      <c r="BR2396" s="53"/>
      <c r="BS2396" s="53"/>
      <c r="BT2396" s="53"/>
      <c r="BU2396" s="53"/>
      <c r="BV2396" s="53"/>
      <c r="BW2396" s="53"/>
      <c r="BX2396" s="53"/>
      <c r="BY2396" s="53"/>
      <c r="BZ2396" s="53"/>
      <c r="CA2396" s="53"/>
      <c r="CB2396" s="53">
        <v>0</v>
      </c>
      <c r="CC2396" s="53">
        <v>0</v>
      </c>
      <c r="CD2396" s="53">
        <v>0</v>
      </c>
      <c r="CE2396" s="53">
        <v>0</v>
      </c>
      <c r="CF2396" s="53">
        <v>0</v>
      </c>
      <c r="CG2396" s="53">
        <v>0</v>
      </c>
      <c r="CH2396" s="53">
        <v>0</v>
      </c>
      <c r="CI2396" s="53">
        <v>0</v>
      </c>
      <c r="CJ2396" s="53">
        <v>0</v>
      </c>
      <c r="CK2396" s="53">
        <v>0</v>
      </c>
      <c r="CL2396" s="53">
        <v>0</v>
      </c>
      <c r="CM2396" s="53">
        <v>0</v>
      </c>
      <c r="CN2396" s="53">
        <v>0</v>
      </c>
    </row>
    <row r="2397" spans="1:92" outlineLevel="1">
      <c r="A2397" s="52" t="s">
        <v>745</v>
      </c>
      <c r="B2397" s="53"/>
      <c r="C2397" s="53"/>
      <c r="D2397" s="53"/>
      <c r="E2397" s="53"/>
      <c r="F2397" s="53"/>
      <c r="G2397" s="53"/>
      <c r="H2397" s="53"/>
      <c r="I2397" s="53"/>
      <c r="J2397" s="53"/>
      <c r="K2397" s="53"/>
      <c r="L2397" s="53"/>
      <c r="M2397" s="53"/>
      <c r="N2397" s="53"/>
      <c r="O2397" s="53"/>
      <c r="P2397" s="53"/>
      <c r="Q2397" s="53"/>
      <c r="R2397" s="53"/>
      <c r="S2397" s="53"/>
      <c r="T2397" s="53"/>
      <c r="U2397" s="53"/>
      <c r="V2397" s="53"/>
      <c r="W2397" s="53"/>
      <c r="X2397" s="53"/>
      <c r="Y2397" s="53"/>
      <c r="Z2397" s="53"/>
      <c r="AA2397" s="53"/>
      <c r="AB2397" s="53"/>
      <c r="AC2397" s="53"/>
      <c r="AD2397" s="53"/>
      <c r="AE2397" s="53"/>
      <c r="AF2397" s="53"/>
      <c r="AG2397" s="53"/>
      <c r="AH2397" s="53"/>
      <c r="AI2397" s="53"/>
      <c r="AJ2397" s="53"/>
      <c r="AK2397" s="53"/>
      <c r="AL2397" s="53"/>
      <c r="AM2397" s="53"/>
      <c r="AN2397" s="53"/>
      <c r="AO2397" s="53"/>
      <c r="AP2397" s="53"/>
      <c r="AQ2397" s="53"/>
      <c r="AR2397" s="53"/>
      <c r="AS2397" s="53"/>
      <c r="AT2397" s="53"/>
      <c r="AU2397" s="53"/>
      <c r="AV2397" s="53"/>
      <c r="AW2397" s="53"/>
      <c r="AX2397" s="53"/>
      <c r="AY2397" s="53"/>
      <c r="AZ2397" s="53"/>
      <c r="BA2397" s="53"/>
      <c r="BB2397" s="53"/>
      <c r="BC2397" s="53"/>
      <c r="BD2397" s="53"/>
      <c r="BE2397" s="53"/>
      <c r="BF2397" s="53"/>
      <c r="BG2397" s="53"/>
      <c r="BH2397" s="53"/>
      <c r="BI2397" s="53"/>
      <c r="BJ2397" s="53"/>
      <c r="BK2397" s="53"/>
      <c r="BL2397" s="53"/>
      <c r="BM2397" s="53"/>
      <c r="BN2397" s="53"/>
      <c r="BO2397" s="53"/>
      <c r="BP2397" s="53"/>
      <c r="BQ2397" s="53"/>
      <c r="BR2397" s="53"/>
      <c r="BS2397" s="53"/>
      <c r="BT2397" s="53"/>
      <c r="BU2397" s="53"/>
      <c r="BV2397" s="53"/>
      <c r="BW2397" s="53"/>
      <c r="BX2397" s="53"/>
      <c r="BY2397" s="53"/>
      <c r="BZ2397" s="53"/>
      <c r="CA2397" s="53"/>
      <c r="CB2397" s="53">
        <v>1464535.01</v>
      </c>
      <c r="CC2397" s="53">
        <v>1464535.01</v>
      </c>
      <c r="CD2397" s="53">
        <v>1464535.01</v>
      </c>
      <c r="CE2397" s="53">
        <v>1464535.01</v>
      </c>
      <c r="CF2397" s="53">
        <v>1464535.01</v>
      </c>
      <c r="CG2397" s="53">
        <v>1464535.01</v>
      </c>
      <c r="CH2397" s="53">
        <v>1464535.01</v>
      </c>
      <c r="CI2397" s="53">
        <v>1464535.01</v>
      </c>
      <c r="CJ2397" s="53">
        <v>1464535.01</v>
      </c>
      <c r="CK2397" s="53">
        <v>1464535.01</v>
      </c>
      <c r="CL2397" s="53">
        <v>1464535.01</v>
      </c>
      <c r="CM2397" s="53">
        <v>1464535.01</v>
      </c>
      <c r="CN2397" s="53">
        <v>1464535.01</v>
      </c>
    </row>
    <row r="2398" spans="1:92" outlineLevel="1">
      <c r="A2398" s="52" t="s">
        <v>1536</v>
      </c>
      <c r="B2398" s="53"/>
      <c r="C2398" s="53"/>
      <c r="D2398" s="53"/>
      <c r="E2398" s="53"/>
      <c r="F2398" s="53"/>
      <c r="G2398" s="53"/>
      <c r="H2398" s="53"/>
      <c r="I2398" s="53"/>
      <c r="J2398" s="53"/>
      <c r="K2398" s="53"/>
      <c r="L2398" s="53"/>
      <c r="M2398" s="53"/>
      <c r="N2398" s="53"/>
      <c r="O2398" s="53"/>
      <c r="P2398" s="53"/>
      <c r="Q2398" s="53"/>
      <c r="R2398" s="53"/>
      <c r="S2398" s="53"/>
      <c r="T2398" s="53"/>
      <c r="U2398" s="53"/>
      <c r="V2398" s="53"/>
      <c r="W2398" s="53"/>
      <c r="X2398" s="53"/>
      <c r="Y2398" s="53"/>
      <c r="Z2398" s="53"/>
      <c r="AA2398" s="53"/>
      <c r="AB2398" s="53"/>
      <c r="AC2398" s="53"/>
      <c r="AD2398" s="53"/>
      <c r="AE2398" s="53"/>
      <c r="AF2398" s="53"/>
      <c r="AG2398" s="53"/>
      <c r="AH2398" s="53"/>
      <c r="AI2398" s="53"/>
      <c r="AJ2398" s="53"/>
      <c r="AK2398" s="53"/>
      <c r="AL2398" s="53"/>
      <c r="AM2398" s="53"/>
      <c r="AN2398" s="53"/>
      <c r="AO2398" s="53"/>
      <c r="AP2398" s="53"/>
      <c r="AQ2398" s="53"/>
      <c r="AR2398" s="53"/>
      <c r="AS2398" s="53"/>
      <c r="AT2398" s="53"/>
      <c r="AU2398" s="53"/>
      <c r="AV2398" s="53"/>
      <c r="AW2398" s="53"/>
      <c r="AX2398" s="53"/>
      <c r="AY2398" s="53"/>
      <c r="AZ2398" s="53"/>
      <c r="BA2398" s="53"/>
      <c r="BB2398" s="53"/>
      <c r="BC2398" s="53"/>
      <c r="BD2398" s="53"/>
      <c r="BE2398" s="53"/>
      <c r="BF2398" s="53"/>
      <c r="BG2398" s="53"/>
      <c r="BH2398" s="53"/>
      <c r="BI2398" s="53"/>
      <c r="BJ2398" s="53"/>
      <c r="BK2398" s="53"/>
      <c r="BL2398" s="53"/>
      <c r="BM2398" s="53"/>
      <c r="BN2398" s="53"/>
      <c r="BO2398" s="53"/>
      <c r="BP2398" s="53"/>
      <c r="BQ2398" s="53"/>
      <c r="BR2398" s="53"/>
      <c r="BS2398" s="53"/>
      <c r="BT2398" s="53"/>
      <c r="BU2398" s="53"/>
      <c r="BV2398" s="53"/>
      <c r="BW2398" s="53"/>
      <c r="BX2398" s="53"/>
      <c r="BY2398" s="53"/>
      <c r="BZ2398" s="53"/>
      <c r="CA2398" s="53"/>
      <c r="CB2398" s="53"/>
      <c r="CC2398" s="53"/>
      <c r="CD2398" s="53"/>
      <c r="CE2398" s="53"/>
      <c r="CF2398" s="53"/>
      <c r="CG2398" s="53"/>
      <c r="CH2398" s="53"/>
      <c r="CI2398" s="53"/>
      <c r="CJ2398" s="53"/>
      <c r="CK2398" s="53"/>
      <c r="CL2398" s="53"/>
      <c r="CM2398" s="53"/>
      <c r="CN2398" s="53"/>
    </row>
    <row r="2399" spans="1:92" outlineLevel="1">
      <c r="A2399" s="52" t="s">
        <v>649</v>
      </c>
      <c r="B2399" s="53">
        <v>-198553999.91</v>
      </c>
      <c r="C2399" s="53">
        <v>-469895999.91000003</v>
      </c>
      <c r="D2399" s="53">
        <v>-453197999.91000003</v>
      </c>
      <c r="E2399" s="53">
        <v>-467650999.91000003</v>
      </c>
      <c r="F2399" s="53">
        <v>-538569999.90999997</v>
      </c>
      <c r="G2399" s="53">
        <v>-567609999.90999997</v>
      </c>
      <c r="H2399" s="53">
        <v>-504409999.91000003</v>
      </c>
      <c r="I2399" s="53">
        <v>-660678999.90999997</v>
      </c>
      <c r="J2399" s="53">
        <v>-679318999.90999997</v>
      </c>
      <c r="K2399" s="53">
        <v>-982916999.90999997</v>
      </c>
      <c r="L2399" s="53">
        <v>-320077999.91000003</v>
      </c>
      <c r="M2399" s="53">
        <v>-336523999.91000003</v>
      </c>
      <c r="N2399" s="53">
        <v>-6179405998.9199896</v>
      </c>
      <c r="O2399" s="53">
        <v>-604923999.90999997</v>
      </c>
      <c r="P2399" s="53"/>
      <c r="Q2399" s="53"/>
      <c r="R2399" s="53"/>
      <c r="S2399" s="53"/>
      <c r="T2399" s="53"/>
      <c r="U2399" s="53"/>
      <c r="V2399" s="53"/>
      <c r="W2399" s="53"/>
      <c r="X2399" s="53"/>
      <c r="Y2399" s="53"/>
      <c r="Z2399" s="53"/>
      <c r="AA2399" s="53">
        <v>-604923999.90999997</v>
      </c>
      <c r="AB2399" s="53"/>
      <c r="AC2399" s="53"/>
      <c r="AD2399" s="53"/>
      <c r="AE2399" s="53"/>
      <c r="AF2399" s="53"/>
      <c r="AG2399" s="53"/>
      <c r="AH2399" s="53"/>
      <c r="AI2399" s="53"/>
      <c r="AJ2399" s="53"/>
      <c r="AK2399" s="53"/>
      <c r="AL2399" s="53"/>
      <c r="AM2399" s="53"/>
      <c r="AN2399" s="53"/>
      <c r="AO2399" s="53"/>
      <c r="AP2399" s="53"/>
      <c r="AQ2399" s="53"/>
      <c r="AR2399" s="53"/>
      <c r="AS2399" s="53"/>
      <c r="AT2399" s="53"/>
      <c r="AU2399" s="53"/>
      <c r="AV2399" s="53"/>
      <c r="AW2399" s="53"/>
      <c r="AX2399" s="53"/>
      <c r="AY2399" s="53"/>
      <c r="AZ2399" s="53"/>
      <c r="BA2399" s="53"/>
      <c r="BB2399" s="53"/>
      <c r="BC2399" s="53"/>
      <c r="BD2399" s="53"/>
      <c r="BE2399" s="53"/>
      <c r="BF2399" s="53"/>
      <c r="BG2399" s="53"/>
      <c r="BH2399" s="53"/>
      <c r="BI2399" s="53"/>
      <c r="BJ2399" s="53"/>
      <c r="BK2399" s="53"/>
      <c r="BL2399" s="53"/>
      <c r="BM2399" s="53"/>
      <c r="BN2399" s="53"/>
      <c r="BO2399" s="53"/>
      <c r="BP2399" s="53"/>
      <c r="BQ2399" s="53"/>
      <c r="BR2399" s="53"/>
      <c r="BS2399" s="53"/>
      <c r="BT2399" s="53"/>
      <c r="BU2399" s="53"/>
      <c r="BV2399" s="53"/>
      <c r="BW2399" s="53"/>
      <c r="BX2399" s="53"/>
      <c r="BY2399" s="53"/>
      <c r="BZ2399" s="53"/>
      <c r="CA2399" s="53"/>
      <c r="CB2399" s="53"/>
      <c r="CC2399" s="53"/>
      <c r="CD2399" s="53"/>
      <c r="CE2399" s="53"/>
      <c r="CF2399" s="53"/>
      <c r="CG2399" s="53"/>
      <c r="CH2399" s="53"/>
      <c r="CI2399" s="53"/>
      <c r="CJ2399" s="53"/>
      <c r="CK2399" s="53"/>
      <c r="CL2399" s="53"/>
      <c r="CM2399" s="53"/>
      <c r="CN2399" s="53"/>
    </row>
    <row r="2400" spans="1:92" outlineLevel="1">
      <c r="A2400" s="52" t="s">
        <v>1537</v>
      </c>
      <c r="B2400" s="53"/>
      <c r="C2400" s="53"/>
      <c r="D2400" s="53"/>
      <c r="E2400" s="53"/>
      <c r="F2400" s="53"/>
      <c r="G2400" s="53"/>
      <c r="H2400" s="53"/>
      <c r="I2400" s="53"/>
      <c r="J2400" s="53"/>
      <c r="K2400" s="53"/>
      <c r="L2400" s="53"/>
      <c r="M2400" s="53"/>
      <c r="N2400" s="53"/>
      <c r="O2400" s="53"/>
      <c r="P2400" s="53"/>
      <c r="Q2400" s="53"/>
      <c r="R2400" s="53"/>
      <c r="S2400" s="53"/>
      <c r="T2400" s="53"/>
      <c r="U2400" s="53"/>
      <c r="V2400" s="53"/>
      <c r="W2400" s="53"/>
      <c r="X2400" s="53"/>
      <c r="Y2400" s="53"/>
      <c r="Z2400" s="53"/>
      <c r="AA2400" s="53"/>
      <c r="AB2400" s="53"/>
      <c r="AC2400" s="53"/>
      <c r="AD2400" s="53"/>
      <c r="AE2400" s="53"/>
      <c r="AF2400" s="53"/>
      <c r="AG2400" s="53"/>
      <c r="AH2400" s="53"/>
      <c r="AI2400" s="53"/>
      <c r="AJ2400" s="53"/>
      <c r="AK2400" s="53"/>
      <c r="AL2400" s="53"/>
      <c r="AM2400" s="53"/>
      <c r="AN2400" s="53"/>
      <c r="AO2400" s="53"/>
      <c r="AP2400" s="53"/>
      <c r="AQ2400" s="53"/>
      <c r="AR2400" s="53"/>
      <c r="AS2400" s="53"/>
      <c r="AT2400" s="53"/>
      <c r="AU2400" s="53"/>
      <c r="AV2400" s="53"/>
      <c r="AW2400" s="53"/>
      <c r="AX2400" s="53"/>
      <c r="AY2400" s="53"/>
      <c r="AZ2400" s="53"/>
      <c r="BA2400" s="53"/>
      <c r="BB2400" s="53"/>
      <c r="BC2400" s="53"/>
      <c r="BD2400" s="53"/>
      <c r="BE2400" s="53"/>
      <c r="BF2400" s="53"/>
      <c r="BG2400" s="53"/>
      <c r="BH2400" s="53"/>
      <c r="BI2400" s="53"/>
      <c r="BJ2400" s="53"/>
      <c r="BK2400" s="53"/>
      <c r="BL2400" s="53"/>
      <c r="BM2400" s="53"/>
      <c r="BN2400" s="53"/>
      <c r="BO2400" s="53"/>
      <c r="BP2400" s="53"/>
      <c r="BQ2400" s="53"/>
      <c r="BR2400" s="53"/>
      <c r="BS2400" s="53"/>
      <c r="BT2400" s="53"/>
      <c r="BU2400" s="53"/>
      <c r="BV2400" s="53"/>
      <c r="BW2400" s="53"/>
      <c r="BX2400" s="53"/>
      <c r="BY2400" s="53"/>
      <c r="BZ2400" s="53"/>
      <c r="CA2400" s="53"/>
      <c r="CB2400" s="53"/>
      <c r="CC2400" s="53"/>
      <c r="CD2400" s="53"/>
      <c r="CE2400" s="53"/>
      <c r="CF2400" s="53"/>
      <c r="CG2400" s="53"/>
      <c r="CH2400" s="53"/>
      <c r="CI2400" s="53"/>
      <c r="CJ2400" s="53"/>
      <c r="CK2400" s="53"/>
      <c r="CL2400" s="53"/>
      <c r="CM2400" s="53"/>
      <c r="CN2400" s="53"/>
    </row>
    <row r="2401" spans="1:92" outlineLevel="1">
      <c r="A2401" s="52" t="s">
        <v>649</v>
      </c>
      <c r="B2401" s="53"/>
      <c r="C2401" s="53"/>
      <c r="D2401" s="53"/>
      <c r="E2401" s="53"/>
      <c r="F2401" s="53"/>
      <c r="G2401" s="53"/>
      <c r="H2401" s="53"/>
      <c r="I2401" s="53"/>
      <c r="J2401" s="53"/>
      <c r="K2401" s="53"/>
      <c r="L2401" s="53"/>
      <c r="M2401" s="53"/>
      <c r="N2401" s="53"/>
      <c r="O2401" s="53"/>
      <c r="P2401" s="53">
        <v>-691286528.74057901</v>
      </c>
      <c r="Q2401" s="53">
        <v>-640850776.38673306</v>
      </c>
      <c r="R2401" s="53">
        <v>-747112323.97426796</v>
      </c>
      <c r="S2401" s="53">
        <v>-804127382.51984704</v>
      </c>
      <c r="T2401" s="53">
        <v>-848837587.29495704</v>
      </c>
      <c r="U2401" s="53">
        <v>-266203941.454465</v>
      </c>
      <c r="V2401" s="53">
        <v>-156791960.200288</v>
      </c>
      <c r="W2401" s="53"/>
      <c r="X2401" s="53"/>
      <c r="Y2401" s="53"/>
      <c r="Z2401" s="53"/>
      <c r="AA2401" s="53">
        <v>-4155210500.5711398</v>
      </c>
      <c r="AB2401" s="53">
        <v>-160584988.64838701</v>
      </c>
      <c r="AC2401" s="53">
        <v>-145146799.75453001</v>
      </c>
      <c r="AD2401" s="53">
        <v>-43986462.048842996</v>
      </c>
      <c r="AE2401" s="53">
        <v>-126073770.957846</v>
      </c>
      <c r="AF2401" s="53">
        <v>-958100711.50871003</v>
      </c>
      <c r="AG2401" s="53">
        <v>-997092550.63431501</v>
      </c>
      <c r="AH2401" s="53">
        <v>-1089790129.6900799</v>
      </c>
      <c r="AI2401" s="53">
        <v>-1010243814.99792</v>
      </c>
      <c r="AJ2401" s="53"/>
      <c r="AK2401" s="53"/>
      <c r="AL2401" s="53"/>
      <c r="AM2401" s="53"/>
      <c r="AN2401" s="53">
        <v>-4531019228.2406301</v>
      </c>
      <c r="AO2401" s="53">
        <v>-5938772.7716698796</v>
      </c>
      <c r="AP2401" s="53">
        <v>-37208835.7320804</v>
      </c>
      <c r="AQ2401" s="53">
        <v>-27491554.847943299</v>
      </c>
      <c r="AR2401" s="53">
        <v>-189077993.35148901</v>
      </c>
      <c r="AS2401" s="53">
        <v>-271867626.10165399</v>
      </c>
      <c r="AT2401" s="53">
        <v>-374588955.818542</v>
      </c>
      <c r="AU2401" s="53"/>
      <c r="AV2401" s="53"/>
      <c r="AW2401" s="53"/>
      <c r="AX2401" s="53"/>
      <c r="AY2401" s="53"/>
      <c r="AZ2401" s="53"/>
      <c r="BA2401" s="53">
        <v>-906173738.62337995</v>
      </c>
      <c r="BB2401" s="53">
        <v>-131852214.951662</v>
      </c>
      <c r="BC2401" s="53">
        <v>-196512174.79109901</v>
      </c>
      <c r="BD2401" s="53">
        <v>-168300839.92753699</v>
      </c>
      <c r="BE2401" s="53">
        <v>-279697063.07687598</v>
      </c>
      <c r="BF2401" s="53">
        <v>-284151828.04402</v>
      </c>
      <c r="BG2401" s="53">
        <v>-363591134.76955199</v>
      </c>
      <c r="BH2401" s="53"/>
      <c r="BI2401" s="53"/>
      <c r="BJ2401" s="53"/>
      <c r="BK2401" s="53"/>
      <c r="BL2401" s="53"/>
      <c r="BM2401" s="53"/>
      <c r="BN2401" s="53">
        <v>-1424105255.56074</v>
      </c>
      <c r="BO2401" s="53">
        <v>-180915258.75754201</v>
      </c>
      <c r="BP2401" s="53">
        <v>-888992446.32978797</v>
      </c>
      <c r="BQ2401" s="53">
        <v>-858047614.98357701</v>
      </c>
      <c r="BR2401" s="53">
        <v>-973328736.45499504</v>
      </c>
      <c r="BS2401" s="53">
        <v>-974042396.54382598</v>
      </c>
      <c r="BT2401" s="53">
        <v>-1048936334.2269599</v>
      </c>
      <c r="BU2401" s="53"/>
      <c r="BV2401" s="53"/>
      <c r="BW2401" s="53"/>
      <c r="BX2401" s="53"/>
      <c r="BY2401" s="53"/>
      <c r="BZ2401" s="53"/>
      <c r="CA2401" s="53">
        <v>-4924262787.29669</v>
      </c>
      <c r="CB2401" s="53"/>
      <c r="CC2401" s="53"/>
      <c r="CD2401" s="53"/>
      <c r="CE2401" s="53"/>
      <c r="CF2401" s="53"/>
      <c r="CG2401" s="53"/>
      <c r="CH2401" s="53"/>
      <c r="CI2401" s="53"/>
      <c r="CJ2401" s="53"/>
      <c r="CK2401" s="53"/>
      <c r="CL2401" s="53"/>
      <c r="CM2401" s="53"/>
      <c r="CN2401" s="53"/>
    </row>
    <row r="2402" spans="1:92" outlineLevel="1">
      <c r="A2402" s="52" t="s">
        <v>700</v>
      </c>
      <c r="B2402" s="53"/>
      <c r="C2402" s="53"/>
      <c r="D2402" s="53"/>
      <c r="E2402" s="53"/>
      <c r="F2402" s="53"/>
      <c r="G2402" s="53"/>
      <c r="H2402" s="53"/>
      <c r="I2402" s="53"/>
      <c r="J2402" s="53"/>
      <c r="K2402" s="53"/>
      <c r="L2402" s="53"/>
      <c r="M2402" s="53"/>
      <c r="N2402" s="53"/>
      <c r="O2402" s="53"/>
      <c r="P2402" s="53"/>
      <c r="Q2402" s="53"/>
      <c r="R2402" s="53"/>
      <c r="S2402" s="53"/>
      <c r="T2402" s="53"/>
      <c r="U2402" s="53"/>
      <c r="V2402" s="53"/>
      <c r="W2402" s="53"/>
      <c r="X2402" s="53"/>
      <c r="Y2402" s="53"/>
      <c r="Z2402" s="53"/>
      <c r="AA2402" s="53"/>
      <c r="AB2402" s="53"/>
      <c r="AC2402" s="53"/>
      <c r="AD2402" s="53"/>
      <c r="AE2402" s="53"/>
      <c r="AF2402" s="53"/>
      <c r="AG2402" s="53"/>
      <c r="AH2402" s="53"/>
      <c r="AI2402" s="53"/>
      <c r="AJ2402" s="53"/>
      <c r="AK2402" s="53"/>
      <c r="AL2402" s="53"/>
      <c r="AM2402" s="53"/>
      <c r="AN2402" s="53"/>
      <c r="AO2402" s="53"/>
      <c r="AP2402" s="53"/>
      <c r="AQ2402" s="53"/>
      <c r="AR2402" s="53"/>
      <c r="AS2402" s="53"/>
      <c r="AT2402" s="53"/>
      <c r="AU2402" s="53"/>
      <c r="AV2402" s="53"/>
      <c r="AW2402" s="53"/>
      <c r="AX2402" s="53"/>
      <c r="AY2402" s="53"/>
      <c r="AZ2402" s="53"/>
      <c r="BA2402" s="53"/>
      <c r="BB2402" s="53"/>
      <c r="BC2402" s="53"/>
      <c r="BD2402" s="53"/>
      <c r="BE2402" s="53"/>
      <c r="BF2402" s="53"/>
      <c r="BG2402" s="53"/>
      <c r="BH2402" s="53"/>
      <c r="BI2402" s="53"/>
      <c r="BJ2402" s="53"/>
      <c r="BK2402" s="53"/>
      <c r="BL2402" s="53"/>
      <c r="BM2402" s="53"/>
      <c r="BN2402" s="53"/>
      <c r="BO2402" s="53"/>
      <c r="BP2402" s="53"/>
      <c r="BQ2402" s="53"/>
      <c r="BR2402" s="53"/>
      <c r="BS2402" s="53"/>
      <c r="BT2402" s="53"/>
      <c r="BU2402" s="53"/>
      <c r="BV2402" s="53"/>
      <c r="BW2402" s="53"/>
      <c r="BX2402" s="53"/>
      <c r="BY2402" s="53"/>
      <c r="BZ2402" s="53"/>
      <c r="CA2402" s="53"/>
      <c r="CB2402" s="53">
        <v>1464535.01</v>
      </c>
      <c r="CC2402" s="53">
        <v>1464535.01</v>
      </c>
      <c r="CD2402" s="53">
        <v>1464535.01</v>
      </c>
      <c r="CE2402" s="53">
        <v>1464535.01</v>
      </c>
      <c r="CF2402" s="53">
        <v>1464535.01</v>
      </c>
      <c r="CG2402" s="53">
        <v>1464535.01</v>
      </c>
      <c r="CH2402" s="53">
        <v>1464535.01</v>
      </c>
      <c r="CI2402" s="53">
        <v>1464535.01</v>
      </c>
      <c r="CJ2402" s="53">
        <v>1464535.01</v>
      </c>
      <c r="CK2402" s="53">
        <v>1464535.01</v>
      </c>
      <c r="CL2402" s="53">
        <v>1464535.01</v>
      </c>
      <c r="CM2402" s="53">
        <v>1464535.01</v>
      </c>
      <c r="CN2402" s="53">
        <v>1464535.01</v>
      </c>
    </row>
    <row r="2403" spans="1:92" outlineLevel="1">
      <c r="A2403" s="52" t="s">
        <v>1544</v>
      </c>
      <c r="B2403" s="53"/>
      <c r="C2403" s="53"/>
      <c r="D2403" s="53"/>
      <c r="E2403" s="53"/>
      <c r="F2403" s="53"/>
      <c r="G2403" s="53"/>
      <c r="H2403" s="53"/>
      <c r="I2403" s="53"/>
      <c r="J2403" s="53"/>
      <c r="K2403" s="53"/>
      <c r="L2403" s="53"/>
      <c r="M2403" s="53"/>
      <c r="N2403" s="53"/>
      <c r="O2403" s="53"/>
      <c r="P2403" s="53"/>
      <c r="Q2403" s="53"/>
      <c r="R2403" s="53"/>
      <c r="S2403" s="53"/>
      <c r="T2403" s="53"/>
      <c r="U2403" s="53"/>
      <c r="V2403" s="53"/>
      <c r="W2403" s="53"/>
      <c r="X2403" s="53"/>
      <c r="Y2403" s="53"/>
      <c r="Z2403" s="53"/>
      <c r="AA2403" s="53"/>
      <c r="AB2403" s="53"/>
      <c r="AC2403" s="53"/>
      <c r="AD2403" s="53"/>
      <c r="AE2403" s="53"/>
      <c r="AF2403" s="53"/>
      <c r="AG2403" s="53"/>
      <c r="AH2403" s="53"/>
      <c r="AI2403" s="53"/>
      <c r="AJ2403" s="53"/>
      <c r="AK2403" s="53"/>
      <c r="AL2403" s="53"/>
      <c r="AM2403" s="53"/>
      <c r="AN2403" s="53"/>
      <c r="AO2403" s="53"/>
      <c r="AP2403" s="53"/>
      <c r="AQ2403" s="53"/>
      <c r="AR2403" s="53"/>
      <c r="AS2403" s="53"/>
      <c r="AT2403" s="53"/>
      <c r="AU2403" s="53"/>
      <c r="AV2403" s="53"/>
      <c r="AW2403" s="53"/>
      <c r="AX2403" s="53"/>
      <c r="AY2403" s="53"/>
      <c r="AZ2403" s="53"/>
      <c r="BA2403" s="53"/>
      <c r="BB2403" s="53"/>
      <c r="BC2403" s="53"/>
      <c r="BD2403" s="53"/>
      <c r="BE2403" s="53"/>
      <c r="BF2403" s="53"/>
      <c r="BG2403" s="53"/>
      <c r="BH2403" s="53"/>
      <c r="BI2403" s="53"/>
      <c r="BJ2403" s="53"/>
      <c r="BK2403" s="53"/>
      <c r="BL2403" s="53"/>
      <c r="BM2403" s="53"/>
      <c r="BN2403" s="53"/>
      <c r="BO2403" s="53"/>
      <c r="BP2403" s="53"/>
      <c r="BQ2403" s="53"/>
      <c r="BR2403" s="53"/>
      <c r="BS2403" s="53"/>
      <c r="BT2403" s="53"/>
      <c r="BU2403" s="53"/>
      <c r="BV2403" s="53"/>
      <c r="BW2403" s="53"/>
      <c r="BX2403" s="53"/>
      <c r="BY2403" s="53"/>
      <c r="BZ2403" s="53"/>
      <c r="CA2403" s="53"/>
      <c r="CB2403" s="53">
        <v>5924629</v>
      </c>
      <c r="CC2403" s="53">
        <v>5924629</v>
      </c>
      <c r="CD2403" s="53">
        <v>5924629</v>
      </c>
      <c r="CE2403" s="53">
        <v>5924629</v>
      </c>
      <c r="CF2403" s="53">
        <v>5924629</v>
      </c>
      <c r="CG2403" s="53">
        <v>5924629</v>
      </c>
      <c r="CH2403" s="53">
        <v>5924629</v>
      </c>
      <c r="CI2403" s="53">
        <v>5924629</v>
      </c>
      <c r="CJ2403" s="53">
        <v>5924629</v>
      </c>
      <c r="CK2403" s="53">
        <v>5924629</v>
      </c>
      <c r="CL2403" s="53">
        <v>5924629</v>
      </c>
      <c r="CM2403" s="53">
        <v>5924629</v>
      </c>
      <c r="CN2403" s="53">
        <v>5924629</v>
      </c>
    </row>
    <row r="2404" spans="1:92" outlineLevel="1">
      <c r="A2404" s="52" t="s">
        <v>649</v>
      </c>
      <c r="B2404" s="53"/>
      <c r="C2404" s="53"/>
      <c r="D2404" s="53">
        <v>47442494.959999897</v>
      </c>
      <c r="E2404" s="53"/>
      <c r="F2404" s="53"/>
      <c r="G2404" s="53">
        <v>2849005.1499999901</v>
      </c>
      <c r="H2404" s="53"/>
      <c r="I2404" s="53"/>
      <c r="J2404" s="53">
        <v>-43119528.619999997</v>
      </c>
      <c r="K2404" s="53"/>
      <c r="L2404" s="53"/>
      <c r="M2404" s="53">
        <v>54722177.339999899</v>
      </c>
      <c r="N2404" s="53">
        <v>61894148.829999901</v>
      </c>
      <c r="O2404" s="53"/>
      <c r="P2404" s="53"/>
      <c r="Q2404" s="53">
        <v>17416192.7099999</v>
      </c>
      <c r="R2404" s="53"/>
      <c r="S2404" s="53"/>
      <c r="T2404" s="53">
        <v>-51488699.856552303</v>
      </c>
      <c r="U2404" s="53"/>
      <c r="V2404" s="53"/>
      <c r="W2404" s="53">
        <v>-91651337.142873898</v>
      </c>
      <c r="X2404" s="53"/>
      <c r="Y2404" s="53"/>
      <c r="Z2404" s="53">
        <v>-158609896.31863701</v>
      </c>
      <c r="AA2404" s="53">
        <v>-284333740.60806298</v>
      </c>
      <c r="AB2404" s="53"/>
      <c r="AC2404" s="53"/>
      <c r="AD2404" s="53">
        <v>-45602349.288865097</v>
      </c>
      <c r="AE2404" s="53"/>
      <c r="AF2404" s="53"/>
      <c r="AG2404" s="53">
        <v>-67646357.598548502</v>
      </c>
      <c r="AH2404" s="53"/>
      <c r="AI2404" s="53"/>
      <c r="AJ2404" s="53">
        <v>-64717956.618295699</v>
      </c>
      <c r="AK2404" s="53"/>
      <c r="AL2404" s="53"/>
      <c r="AM2404" s="53">
        <v>-132584171.778988</v>
      </c>
      <c r="AN2404" s="53">
        <v>-310550835.284697</v>
      </c>
      <c r="AO2404" s="53"/>
      <c r="AP2404" s="53"/>
      <c r="AQ2404" s="53">
        <v>-31498494.791476101</v>
      </c>
      <c r="AR2404" s="53"/>
      <c r="AS2404" s="53"/>
      <c r="AT2404" s="53">
        <v>-3025349.2447274202</v>
      </c>
      <c r="AU2404" s="53"/>
      <c r="AV2404" s="53"/>
      <c r="AW2404" s="53">
        <v>-15179676.673713399</v>
      </c>
      <c r="AX2404" s="53"/>
      <c r="AY2404" s="53"/>
      <c r="AZ2404" s="53">
        <v>-62134762.025497198</v>
      </c>
      <c r="BA2404" s="53">
        <v>-111838282.735414</v>
      </c>
      <c r="BB2404" s="53"/>
      <c r="BC2404" s="53"/>
      <c r="BD2404" s="53">
        <v>1074693.90861633</v>
      </c>
      <c r="BE2404" s="53"/>
      <c r="BF2404" s="53"/>
      <c r="BG2404" s="53">
        <v>1194021.33633054</v>
      </c>
      <c r="BH2404" s="53"/>
      <c r="BI2404" s="53"/>
      <c r="BJ2404" s="53">
        <v>-12176916.617166501</v>
      </c>
      <c r="BK2404" s="53"/>
      <c r="BL2404" s="53"/>
      <c r="BM2404" s="53">
        <v>-57300392.401018597</v>
      </c>
      <c r="BN2404" s="53">
        <v>-67208593.773238301</v>
      </c>
      <c r="BO2404" s="53"/>
      <c r="BP2404" s="53"/>
      <c r="BQ2404" s="53">
        <v>4842215.8415603004</v>
      </c>
      <c r="BR2404" s="53"/>
      <c r="BS2404" s="53"/>
      <c r="BT2404" s="53">
        <v>5006162.9478243198</v>
      </c>
      <c r="BU2404" s="53"/>
      <c r="BV2404" s="53"/>
      <c r="BW2404" s="53">
        <v>-10159887.682525299</v>
      </c>
      <c r="BX2404" s="53"/>
      <c r="BY2404" s="53"/>
      <c r="BZ2404" s="53">
        <v>-56703779.489640497</v>
      </c>
      <c r="CA2404" s="53">
        <v>-57015288.382781297</v>
      </c>
      <c r="CB2404" s="53">
        <v>0</v>
      </c>
      <c r="CC2404" s="53">
        <v>0</v>
      </c>
      <c r="CD2404" s="53">
        <v>0</v>
      </c>
      <c r="CE2404" s="53">
        <v>0</v>
      </c>
      <c r="CF2404" s="53">
        <v>0</v>
      </c>
      <c r="CG2404" s="53">
        <v>0</v>
      </c>
      <c r="CH2404" s="53">
        <v>0</v>
      </c>
      <c r="CI2404" s="53">
        <v>0</v>
      </c>
      <c r="CJ2404" s="53">
        <v>0</v>
      </c>
      <c r="CK2404" s="53">
        <v>0</v>
      </c>
      <c r="CL2404" s="53">
        <v>0</v>
      </c>
      <c r="CM2404" s="53">
        <v>0</v>
      </c>
      <c r="CN2404" s="53">
        <v>0</v>
      </c>
    </row>
    <row r="2405" spans="1:92" outlineLevel="1">
      <c r="A2405" s="52" t="s">
        <v>703</v>
      </c>
      <c r="B2405" s="53"/>
      <c r="C2405" s="53"/>
      <c r="D2405" s="53"/>
      <c r="E2405" s="53"/>
      <c r="F2405" s="53"/>
      <c r="G2405" s="53"/>
      <c r="H2405" s="53"/>
      <c r="I2405" s="53"/>
      <c r="J2405" s="53"/>
      <c r="K2405" s="53"/>
      <c r="L2405" s="53"/>
      <c r="M2405" s="53"/>
      <c r="N2405" s="53"/>
      <c r="O2405" s="53"/>
      <c r="P2405" s="53"/>
      <c r="Q2405" s="53"/>
      <c r="R2405" s="53"/>
      <c r="S2405" s="53"/>
      <c r="T2405" s="53"/>
      <c r="U2405" s="53"/>
      <c r="V2405" s="53"/>
      <c r="W2405" s="53"/>
      <c r="X2405" s="53"/>
      <c r="Y2405" s="53"/>
      <c r="Z2405" s="53"/>
      <c r="AA2405" s="53"/>
      <c r="AB2405" s="53"/>
      <c r="AC2405" s="53"/>
      <c r="AD2405" s="53"/>
      <c r="AE2405" s="53"/>
      <c r="AF2405" s="53"/>
      <c r="AG2405" s="53"/>
      <c r="AH2405" s="53"/>
      <c r="AI2405" s="53"/>
      <c r="AJ2405" s="53"/>
      <c r="AK2405" s="53"/>
      <c r="AL2405" s="53"/>
      <c r="AM2405" s="53"/>
      <c r="AN2405" s="53"/>
      <c r="AO2405" s="53"/>
      <c r="AP2405" s="53"/>
      <c r="AQ2405" s="53"/>
      <c r="AR2405" s="53"/>
      <c r="AS2405" s="53"/>
      <c r="AT2405" s="53"/>
      <c r="AU2405" s="53"/>
      <c r="AV2405" s="53"/>
      <c r="AW2405" s="53"/>
      <c r="AX2405" s="53"/>
      <c r="AY2405" s="53"/>
      <c r="AZ2405" s="53"/>
      <c r="BA2405" s="53"/>
      <c r="BB2405" s="53"/>
      <c r="BC2405" s="53"/>
      <c r="BD2405" s="53"/>
      <c r="BE2405" s="53"/>
      <c r="BF2405" s="53"/>
      <c r="BG2405" s="53"/>
      <c r="BH2405" s="53"/>
      <c r="BI2405" s="53"/>
      <c r="BJ2405" s="53"/>
      <c r="BK2405" s="53"/>
      <c r="BL2405" s="53"/>
      <c r="BM2405" s="53"/>
      <c r="BN2405" s="53"/>
      <c r="BO2405" s="53"/>
      <c r="BP2405" s="53"/>
      <c r="BQ2405" s="53"/>
      <c r="BR2405" s="53"/>
      <c r="BS2405" s="53"/>
      <c r="BT2405" s="53"/>
      <c r="BU2405" s="53"/>
      <c r="BV2405" s="53"/>
      <c r="BW2405" s="53"/>
      <c r="BX2405" s="53"/>
      <c r="BY2405" s="53"/>
      <c r="BZ2405" s="53"/>
      <c r="CA2405" s="53"/>
      <c r="CB2405" s="53">
        <v>0</v>
      </c>
      <c r="CC2405" s="53">
        <v>0</v>
      </c>
      <c r="CD2405" s="53">
        <v>0</v>
      </c>
      <c r="CE2405" s="53">
        <v>0</v>
      </c>
      <c r="CF2405" s="53">
        <v>0</v>
      </c>
      <c r="CG2405" s="53">
        <v>0</v>
      </c>
      <c r="CH2405" s="53">
        <v>0</v>
      </c>
      <c r="CI2405" s="53">
        <v>0</v>
      </c>
      <c r="CJ2405" s="53">
        <v>0</v>
      </c>
      <c r="CK2405" s="53">
        <v>0</v>
      </c>
      <c r="CL2405" s="53">
        <v>0</v>
      </c>
      <c r="CM2405" s="53">
        <v>0</v>
      </c>
      <c r="CN2405" s="53">
        <v>0</v>
      </c>
    </row>
    <row r="2406" spans="1:92" outlineLevel="1">
      <c r="A2406" s="52" t="s">
        <v>1547</v>
      </c>
      <c r="B2406" s="53"/>
      <c r="C2406" s="53"/>
      <c r="D2406" s="53"/>
      <c r="E2406" s="53"/>
      <c r="F2406" s="53"/>
      <c r="G2406" s="53"/>
      <c r="H2406" s="53"/>
      <c r="I2406" s="53"/>
      <c r="J2406" s="53"/>
      <c r="K2406" s="53"/>
      <c r="L2406" s="53"/>
      <c r="M2406" s="53"/>
      <c r="N2406" s="53"/>
      <c r="O2406" s="53"/>
      <c r="P2406" s="53"/>
      <c r="Q2406" s="53"/>
      <c r="R2406" s="53"/>
      <c r="S2406" s="53"/>
      <c r="T2406" s="53"/>
      <c r="U2406" s="53"/>
      <c r="V2406" s="53"/>
      <c r="W2406" s="53"/>
      <c r="X2406" s="53"/>
      <c r="Y2406" s="53"/>
      <c r="Z2406" s="53"/>
      <c r="AA2406" s="53"/>
      <c r="AB2406" s="53"/>
      <c r="AC2406" s="53"/>
      <c r="AD2406" s="53"/>
      <c r="AE2406" s="53"/>
      <c r="AF2406" s="53"/>
      <c r="AG2406" s="53"/>
      <c r="AH2406" s="53"/>
      <c r="AI2406" s="53"/>
      <c r="AJ2406" s="53"/>
      <c r="AK2406" s="53"/>
      <c r="AL2406" s="53"/>
      <c r="AM2406" s="53"/>
      <c r="AN2406" s="53"/>
      <c r="AO2406" s="53"/>
      <c r="AP2406" s="53"/>
      <c r="AQ2406" s="53"/>
      <c r="AR2406" s="53"/>
      <c r="AS2406" s="53"/>
      <c r="AT2406" s="53"/>
      <c r="AU2406" s="53"/>
      <c r="AV2406" s="53"/>
      <c r="AW2406" s="53"/>
      <c r="AX2406" s="53"/>
      <c r="AY2406" s="53"/>
      <c r="AZ2406" s="53"/>
      <c r="BA2406" s="53"/>
      <c r="BB2406" s="53"/>
      <c r="BC2406" s="53"/>
      <c r="BD2406" s="53"/>
      <c r="BE2406" s="53"/>
      <c r="BF2406" s="53"/>
      <c r="BG2406" s="53"/>
      <c r="BH2406" s="53"/>
      <c r="BI2406" s="53"/>
      <c r="BJ2406" s="53"/>
      <c r="BK2406" s="53"/>
      <c r="BL2406" s="53"/>
      <c r="BM2406" s="53"/>
      <c r="BN2406" s="53"/>
      <c r="BO2406" s="53"/>
      <c r="BP2406" s="53"/>
      <c r="BQ2406" s="53"/>
      <c r="BR2406" s="53"/>
      <c r="BS2406" s="53"/>
      <c r="BT2406" s="53"/>
      <c r="BU2406" s="53"/>
      <c r="BV2406" s="53"/>
      <c r="BW2406" s="53"/>
      <c r="BX2406" s="53"/>
      <c r="BY2406" s="53"/>
      <c r="BZ2406" s="53"/>
      <c r="CA2406" s="53"/>
      <c r="CB2406" s="53">
        <v>0</v>
      </c>
      <c r="CC2406" s="53">
        <v>0</v>
      </c>
      <c r="CD2406" s="53">
        <v>0</v>
      </c>
      <c r="CE2406" s="53">
        <v>0</v>
      </c>
      <c r="CF2406" s="53">
        <v>0</v>
      </c>
      <c r="CG2406" s="53">
        <v>0</v>
      </c>
      <c r="CH2406" s="53">
        <v>0</v>
      </c>
      <c r="CI2406" s="53">
        <v>0</v>
      </c>
      <c r="CJ2406" s="53">
        <v>0</v>
      </c>
      <c r="CK2406" s="53">
        <v>0</v>
      </c>
      <c r="CL2406" s="53">
        <v>0</v>
      </c>
      <c r="CM2406" s="53">
        <v>0</v>
      </c>
      <c r="CN2406" s="53">
        <v>0</v>
      </c>
    </row>
    <row r="2407" spans="1:92" outlineLevel="1">
      <c r="A2407" s="52" t="s">
        <v>705</v>
      </c>
      <c r="B2407" s="53"/>
      <c r="C2407" s="53"/>
      <c r="D2407" s="53"/>
      <c r="E2407" s="53"/>
      <c r="F2407" s="53"/>
      <c r="G2407" s="53"/>
      <c r="H2407" s="53"/>
      <c r="I2407" s="53"/>
      <c r="J2407" s="53"/>
      <c r="K2407" s="53"/>
      <c r="L2407" s="53"/>
      <c r="M2407" s="53"/>
      <c r="N2407" s="53"/>
      <c r="O2407" s="53"/>
      <c r="P2407" s="53"/>
      <c r="Q2407" s="53"/>
      <c r="R2407" s="53">
        <v>-21115885.815483801</v>
      </c>
      <c r="S2407" s="53"/>
      <c r="T2407" s="53">
        <v>-21115885.815483801</v>
      </c>
      <c r="U2407" s="53"/>
      <c r="V2407" s="53"/>
      <c r="W2407" s="53">
        <v>-21115885.815483801</v>
      </c>
      <c r="X2407" s="53"/>
      <c r="Y2407" s="53"/>
      <c r="Z2407" s="53">
        <v>-21115885.8154837</v>
      </c>
      <c r="AA2407" s="53">
        <v>-84463543.261935204</v>
      </c>
      <c r="AB2407" s="53"/>
      <c r="AC2407" s="53"/>
      <c r="AD2407" s="53"/>
      <c r="AE2407" s="53">
        <v>-18549290.819289401</v>
      </c>
      <c r="AF2407" s="53"/>
      <c r="AG2407" s="53">
        <v>-18549290.819289401</v>
      </c>
      <c r="AH2407" s="53"/>
      <c r="AI2407" s="53"/>
      <c r="AJ2407" s="53">
        <v>-18549290.819289401</v>
      </c>
      <c r="AK2407" s="53"/>
      <c r="AL2407" s="53"/>
      <c r="AM2407" s="53">
        <v>-18549290.789416101</v>
      </c>
      <c r="AN2407" s="53">
        <v>-74197163.247284502</v>
      </c>
      <c r="AO2407" s="53"/>
      <c r="AP2407" s="53"/>
      <c r="AQ2407" s="53"/>
      <c r="AR2407" s="53">
        <v>-5181213.0702855801</v>
      </c>
      <c r="AS2407" s="53"/>
      <c r="AT2407" s="53">
        <v>-5181213.0702855801</v>
      </c>
      <c r="AU2407" s="53"/>
      <c r="AV2407" s="53"/>
      <c r="AW2407" s="53">
        <v>-5181213.0702855801</v>
      </c>
      <c r="AX2407" s="53"/>
      <c r="AY2407" s="53"/>
      <c r="AZ2407" s="53">
        <v>-5181212.70085287</v>
      </c>
      <c r="BA2407" s="53">
        <v>-20724851.911709599</v>
      </c>
      <c r="BB2407" s="53"/>
      <c r="BC2407" s="53"/>
      <c r="BD2407" s="53"/>
      <c r="BE2407" s="53">
        <v>-4282253.5964552602</v>
      </c>
      <c r="BF2407" s="53"/>
      <c r="BG2407" s="53">
        <v>-4282253.5964552602</v>
      </c>
      <c r="BH2407" s="53"/>
      <c r="BI2407" s="53"/>
      <c r="BJ2407" s="53">
        <v>-4282253.5964552602</v>
      </c>
      <c r="BK2407" s="53"/>
      <c r="BL2407" s="53"/>
      <c r="BM2407" s="53">
        <v>-4282253.5826190598</v>
      </c>
      <c r="BN2407" s="53">
        <v>-17129014.371984798</v>
      </c>
      <c r="BO2407" s="53"/>
      <c r="BP2407" s="53"/>
      <c r="BQ2407" s="53"/>
      <c r="BR2407" s="53">
        <v>-2425387.3572138199</v>
      </c>
      <c r="BS2407" s="53"/>
      <c r="BT2407" s="53">
        <v>-2425387.3572138199</v>
      </c>
      <c r="BU2407" s="53"/>
      <c r="BV2407" s="53"/>
      <c r="BW2407" s="53">
        <v>-2425387.3572138199</v>
      </c>
      <c r="BX2407" s="53"/>
      <c r="BY2407" s="53"/>
      <c r="BZ2407" s="53">
        <v>-2425387.0805535698</v>
      </c>
      <c r="CA2407" s="53">
        <v>-9701549.1521950494</v>
      </c>
      <c r="CB2407" s="53">
        <v>0</v>
      </c>
      <c r="CC2407" s="53">
        <v>0</v>
      </c>
      <c r="CD2407" s="53">
        <v>0</v>
      </c>
      <c r="CE2407" s="53">
        <v>0</v>
      </c>
      <c r="CF2407" s="53">
        <v>0</v>
      </c>
      <c r="CG2407" s="53">
        <v>0</v>
      </c>
      <c r="CH2407" s="53">
        <v>0</v>
      </c>
      <c r="CI2407" s="53">
        <v>0</v>
      </c>
      <c r="CJ2407" s="53">
        <v>0</v>
      </c>
      <c r="CK2407" s="53">
        <v>0</v>
      </c>
      <c r="CL2407" s="53">
        <v>0</v>
      </c>
      <c r="CM2407" s="53">
        <v>0</v>
      </c>
      <c r="CN2407" s="53">
        <v>0</v>
      </c>
    </row>
    <row r="2408" spans="1:92" outlineLevel="1">
      <c r="A2408" s="52" t="s">
        <v>1615</v>
      </c>
      <c r="B2408" s="53"/>
      <c r="C2408" s="53"/>
      <c r="D2408" s="53"/>
      <c r="E2408" s="53"/>
      <c r="F2408" s="53"/>
      <c r="G2408" s="53"/>
      <c r="H2408" s="53"/>
      <c r="I2408" s="53"/>
      <c r="J2408" s="53"/>
      <c r="K2408" s="53"/>
      <c r="L2408" s="53"/>
      <c r="M2408" s="53"/>
      <c r="N2408" s="53"/>
      <c r="O2408" s="53"/>
      <c r="P2408" s="53"/>
      <c r="Q2408" s="53"/>
      <c r="R2408" s="53"/>
      <c r="S2408" s="53"/>
      <c r="T2408" s="53"/>
      <c r="U2408" s="53"/>
      <c r="V2408" s="53"/>
      <c r="W2408" s="53"/>
      <c r="X2408" s="53"/>
      <c r="Y2408" s="53"/>
      <c r="Z2408" s="53"/>
      <c r="AA2408" s="53"/>
      <c r="AB2408" s="53"/>
      <c r="AC2408" s="53"/>
      <c r="AD2408" s="53"/>
      <c r="AE2408" s="53"/>
      <c r="AF2408" s="53"/>
      <c r="AG2408" s="53"/>
      <c r="AH2408" s="53"/>
      <c r="AI2408" s="53"/>
      <c r="AJ2408" s="53"/>
      <c r="AK2408" s="53"/>
      <c r="AL2408" s="53"/>
      <c r="AM2408" s="53"/>
      <c r="AN2408" s="53"/>
      <c r="AO2408" s="53"/>
      <c r="AP2408" s="53"/>
      <c r="AQ2408" s="53"/>
      <c r="AR2408" s="53"/>
      <c r="AS2408" s="53"/>
      <c r="AT2408" s="53"/>
      <c r="AU2408" s="53"/>
      <c r="AV2408" s="53"/>
      <c r="AW2408" s="53"/>
      <c r="AX2408" s="53"/>
      <c r="AY2408" s="53"/>
      <c r="AZ2408" s="53"/>
      <c r="BA2408" s="53"/>
      <c r="BB2408" s="53"/>
      <c r="BC2408" s="53"/>
      <c r="BD2408" s="53"/>
      <c r="BE2408" s="53"/>
      <c r="BF2408" s="53"/>
      <c r="BG2408" s="53"/>
      <c r="BH2408" s="53"/>
      <c r="BI2408" s="53"/>
      <c r="BJ2408" s="53"/>
      <c r="BK2408" s="53"/>
      <c r="BL2408" s="53"/>
      <c r="BM2408" s="53"/>
      <c r="BN2408" s="53"/>
      <c r="BO2408" s="53"/>
      <c r="BP2408" s="53"/>
      <c r="BQ2408" s="53"/>
      <c r="BR2408" s="53"/>
      <c r="BS2408" s="53"/>
      <c r="BT2408" s="53"/>
      <c r="BU2408" s="53"/>
      <c r="BV2408" s="53"/>
      <c r="BW2408" s="53"/>
      <c r="BX2408" s="53"/>
      <c r="BY2408" s="53"/>
      <c r="BZ2408" s="53"/>
      <c r="CA2408" s="53"/>
      <c r="CB2408" s="53">
        <v>2528250.4900000002</v>
      </c>
      <c r="CC2408" s="53">
        <v>2528250.4900000002</v>
      </c>
      <c r="CD2408" s="53">
        <v>2528250.4900000002</v>
      </c>
      <c r="CE2408" s="53">
        <v>2528250.4900000002</v>
      </c>
      <c r="CF2408" s="53">
        <v>2528250.4900000002</v>
      </c>
      <c r="CG2408" s="53">
        <v>2528250.4900000002</v>
      </c>
      <c r="CH2408" s="53">
        <v>2528250.4900000002</v>
      </c>
      <c r="CI2408" s="53">
        <v>2528250.4900000002</v>
      </c>
      <c r="CJ2408" s="53">
        <v>2528250.4900000002</v>
      </c>
      <c r="CK2408" s="53">
        <v>2528250.4900000002</v>
      </c>
      <c r="CL2408" s="53">
        <v>2528250.4900000002</v>
      </c>
      <c r="CM2408" s="53">
        <v>2528250.4900000002</v>
      </c>
      <c r="CN2408" s="53">
        <v>2528250.4900000002</v>
      </c>
    </row>
    <row r="2409" spans="1:92" outlineLevel="1">
      <c r="A2409" s="52" t="s">
        <v>1616</v>
      </c>
      <c r="B2409" s="53"/>
      <c r="C2409" s="53"/>
      <c r="D2409" s="53"/>
      <c r="E2409" s="53"/>
      <c r="F2409" s="53"/>
      <c r="G2409" s="53"/>
      <c r="H2409" s="53"/>
      <c r="I2409" s="53"/>
      <c r="J2409" s="53"/>
      <c r="K2409" s="53"/>
      <c r="L2409" s="53"/>
      <c r="M2409" s="53"/>
      <c r="N2409" s="53"/>
      <c r="O2409" s="53"/>
      <c r="P2409" s="53"/>
      <c r="Q2409" s="53"/>
      <c r="R2409" s="53"/>
      <c r="S2409" s="53"/>
      <c r="T2409" s="53"/>
      <c r="U2409" s="53"/>
      <c r="V2409" s="53"/>
      <c r="W2409" s="53"/>
      <c r="X2409" s="53"/>
      <c r="Y2409" s="53"/>
      <c r="Z2409" s="53"/>
      <c r="AA2409" s="53"/>
      <c r="AB2409" s="53"/>
      <c r="AC2409" s="53"/>
      <c r="AD2409" s="53"/>
      <c r="AE2409" s="53"/>
      <c r="AF2409" s="53"/>
      <c r="AG2409" s="53"/>
      <c r="AH2409" s="53"/>
      <c r="AI2409" s="53"/>
      <c r="AJ2409" s="53"/>
      <c r="AK2409" s="53"/>
      <c r="AL2409" s="53"/>
      <c r="AM2409" s="53"/>
      <c r="AN2409" s="53"/>
      <c r="AO2409" s="53"/>
      <c r="AP2409" s="53"/>
      <c r="AQ2409" s="53"/>
      <c r="AR2409" s="53"/>
      <c r="AS2409" s="53"/>
      <c r="AT2409" s="53"/>
      <c r="AU2409" s="53"/>
      <c r="AV2409" s="53"/>
      <c r="AW2409" s="53"/>
      <c r="AX2409" s="53"/>
      <c r="AY2409" s="53"/>
      <c r="AZ2409" s="53"/>
      <c r="BA2409" s="53"/>
      <c r="BB2409" s="53"/>
      <c r="BC2409" s="53"/>
      <c r="BD2409" s="53"/>
      <c r="BE2409" s="53"/>
      <c r="BF2409" s="53"/>
      <c r="BG2409" s="53"/>
      <c r="BH2409" s="53"/>
      <c r="BI2409" s="53"/>
      <c r="BJ2409" s="53"/>
      <c r="BK2409" s="53"/>
      <c r="BL2409" s="53"/>
      <c r="BM2409" s="53"/>
      <c r="BN2409" s="53"/>
      <c r="BO2409" s="53"/>
      <c r="BP2409" s="53"/>
      <c r="BQ2409" s="53"/>
      <c r="BR2409" s="53"/>
      <c r="BS2409" s="53"/>
      <c r="BT2409" s="53"/>
      <c r="BU2409" s="53"/>
      <c r="BV2409" s="53"/>
      <c r="BW2409" s="53"/>
      <c r="BX2409" s="53"/>
      <c r="BY2409" s="53"/>
      <c r="BZ2409" s="53"/>
      <c r="CA2409" s="53"/>
      <c r="CB2409" s="53">
        <v>0</v>
      </c>
      <c r="CC2409" s="53">
        <v>0</v>
      </c>
      <c r="CD2409" s="53">
        <v>0</v>
      </c>
      <c r="CE2409" s="53">
        <v>0</v>
      </c>
      <c r="CF2409" s="53">
        <v>0</v>
      </c>
      <c r="CG2409" s="53">
        <v>0</v>
      </c>
      <c r="CH2409" s="53">
        <v>0</v>
      </c>
      <c r="CI2409" s="53">
        <v>0</v>
      </c>
      <c r="CJ2409" s="53">
        <v>0</v>
      </c>
      <c r="CK2409" s="53">
        <v>0</v>
      </c>
      <c r="CL2409" s="53">
        <v>0</v>
      </c>
      <c r="CM2409" s="53">
        <v>0</v>
      </c>
      <c r="CN2409" s="53">
        <v>0</v>
      </c>
    </row>
    <row r="2410" spans="1:92" outlineLevel="1">
      <c r="A2410" s="52" t="s">
        <v>649</v>
      </c>
      <c r="B2410" s="53"/>
      <c r="C2410" s="53"/>
      <c r="D2410" s="53">
        <v>-18368678.310159098</v>
      </c>
      <c r="E2410" s="53"/>
      <c r="F2410" s="53"/>
      <c r="G2410" s="53"/>
      <c r="H2410" s="53"/>
      <c r="I2410" s="53"/>
      <c r="J2410" s="53"/>
      <c r="K2410" s="53"/>
      <c r="L2410" s="53"/>
      <c r="M2410" s="53"/>
      <c r="N2410" s="53">
        <v>-18368678.310159098</v>
      </c>
      <c r="O2410" s="53"/>
      <c r="P2410" s="53"/>
      <c r="Q2410" s="53">
        <v>-30073063.440000001</v>
      </c>
      <c r="R2410" s="53"/>
      <c r="S2410" s="53"/>
      <c r="T2410" s="53"/>
      <c r="U2410" s="53"/>
      <c r="V2410" s="53"/>
      <c r="W2410" s="53"/>
      <c r="X2410" s="53"/>
      <c r="Y2410" s="53"/>
      <c r="Z2410" s="53"/>
      <c r="AA2410" s="53">
        <v>-30073063.440000001</v>
      </c>
      <c r="AB2410" s="53"/>
      <c r="AC2410" s="53"/>
      <c r="AD2410" s="53">
        <v>-9325982.9999999907</v>
      </c>
      <c r="AE2410" s="53"/>
      <c r="AF2410" s="53"/>
      <c r="AG2410" s="53"/>
      <c r="AH2410" s="53"/>
      <c r="AI2410" s="53"/>
      <c r="AJ2410" s="53"/>
      <c r="AK2410" s="53"/>
      <c r="AL2410" s="53"/>
      <c r="AM2410" s="53"/>
      <c r="AN2410" s="53">
        <v>-9325982.9999999907</v>
      </c>
      <c r="AO2410" s="53"/>
      <c r="AP2410" s="53"/>
      <c r="AQ2410" s="53">
        <v>-9672873.9999999907</v>
      </c>
      <c r="AR2410" s="53"/>
      <c r="AS2410" s="53"/>
      <c r="AT2410" s="53"/>
      <c r="AU2410" s="53"/>
      <c r="AV2410" s="53"/>
      <c r="AW2410" s="53"/>
      <c r="AX2410" s="53"/>
      <c r="AY2410" s="53"/>
      <c r="AZ2410" s="53"/>
      <c r="BA2410" s="53">
        <v>-9672873.9999999907</v>
      </c>
      <c r="BB2410" s="53"/>
      <c r="BC2410" s="53"/>
      <c r="BD2410" s="53">
        <v>-9672874</v>
      </c>
      <c r="BE2410" s="53"/>
      <c r="BF2410" s="53"/>
      <c r="BG2410" s="53"/>
      <c r="BH2410" s="53"/>
      <c r="BI2410" s="53"/>
      <c r="BJ2410" s="53"/>
      <c r="BK2410" s="53"/>
      <c r="BL2410" s="53"/>
      <c r="BM2410" s="53"/>
      <c r="BN2410" s="53">
        <v>-9672874</v>
      </c>
      <c r="BO2410" s="53"/>
      <c r="BP2410" s="53"/>
      <c r="BQ2410" s="53">
        <v>-9672874</v>
      </c>
      <c r="BR2410" s="53"/>
      <c r="BS2410" s="53"/>
      <c r="BT2410" s="53"/>
      <c r="BU2410" s="53"/>
      <c r="BV2410" s="53"/>
      <c r="BW2410" s="53"/>
      <c r="BX2410" s="53"/>
      <c r="BY2410" s="53"/>
      <c r="BZ2410" s="53"/>
      <c r="CA2410" s="53">
        <v>-9672874</v>
      </c>
      <c r="CB2410" s="53">
        <v>14139393.439999999</v>
      </c>
      <c r="CC2410" s="53">
        <v>14139393.439999999</v>
      </c>
      <c r="CD2410" s="53">
        <v>14139393.439999999</v>
      </c>
      <c r="CE2410" s="53">
        <v>14139393.439999999</v>
      </c>
      <c r="CF2410" s="53">
        <v>14139393.439999999</v>
      </c>
      <c r="CG2410" s="53">
        <v>14139393.439999999</v>
      </c>
      <c r="CH2410" s="53">
        <v>14139393.439999999</v>
      </c>
      <c r="CI2410" s="53">
        <v>14139393.439999999</v>
      </c>
      <c r="CJ2410" s="53">
        <v>14139393.439999999</v>
      </c>
      <c r="CK2410" s="53">
        <v>14139393.439999999</v>
      </c>
      <c r="CL2410" s="53">
        <v>14139393.439999999</v>
      </c>
      <c r="CM2410" s="53">
        <v>14139393.439999999</v>
      </c>
      <c r="CN2410" s="53">
        <v>14139393.439999999</v>
      </c>
    </row>
    <row r="2411" spans="1:92" outlineLevel="1">
      <c r="A2411" s="52" t="s">
        <v>1617</v>
      </c>
      <c r="B2411" s="53"/>
      <c r="C2411" s="53"/>
      <c r="D2411" s="53"/>
      <c r="E2411" s="53"/>
      <c r="F2411" s="53"/>
      <c r="G2411" s="53"/>
      <c r="H2411" s="53"/>
      <c r="I2411" s="53"/>
      <c r="J2411" s="53"/>
      <c r="K2411" s="53"/>
      <c r="L2411" s="53"/>
      <c r="M2411" s="53"/>
      <c r="N2411" s="53"/>
      <c r="O2411" s="53"/>
      <c r="P2411" s="53"/>
      <c r="Q2411" s="53"/>
      <c r="R2411" s="53"/>
      <c r="S2411" s="53"/>
      <c r="T2411" s="53"/>
      <c r="U2411" s="53"/>
      <c r="V2411" s="53"/>
      <c r="W2411" s="53"/>
      <c r="X2411" s="53"/>
      <c r="Y2411" s="53"/>
      <c r="Z2411" s="53"/>
      <c r="AA2411" s="53"/>
      <c r="AB2411" s="53"/>
      <c r="AC2411" s="53"/>
      <c r="AD2411" s="53"/>
      <c r="AE2411" s="53"/>
      <c r="AF2411" s="53"/>
      <c r="AG2411" s="53"/>
      <c r="AH2411" s="53"/>
      <c r="AI2411" s="53"/>
      <c r="AJ2411" s="53"/>
      <c r="AK2411" s="53"/>
      <c r="AL2411" s="53"/>
      <c r="AM2411" s="53"/>
      <c r="AN2411" s="53"/>
      <c r="AO2411" s="53"/>
      <c r="AP2411" s="53"/>
      <c r="AQ2411" s="53"/>
      <c r="AR2411" s="53"/>
      <c r="AS2411" s="53"/>
      <c r="AT2411" s="53"/>
      <c r="AU2411" s="53"/>
      <c r="AV2411" s="53"/>
      <c r="AW2411" s="53"/>
      <c r="AX2411" s="53"/>
      <c r="AY2411" s="53"/>
      <c r="AZ2411" s="53"/>
      <c r="BA2411" s="53"/>
      <c r="BB2411" s="53"/>
      <c r="BC2411" s="53"/>
      <c r="BD2411" s="53"/>
      <c r="BE2411" s="53"/>
      <c r="BF2411" s="53"/>
      <c r="BG2411" s="53"/>
      <c r="BH2411" s="53"/>
      <c r="BI2411" s="53"/>
      <c r="BJ2411" s="53"/>
      <c r="BK2411" s="53"/>
      <c r="BL2411" s="53"/>
      <c r="BM2411" s="53"/>
      <c r="BN2411" s="53"/>
      <c r="BO2411" s="53"/>
      <c r="BP2411" s="53"/>
      <c r="BQ2411" s="53"/>
      <c r="BR2411" s="53"/>
      <c r="BS2411" s="53"/>
      <c r="BT2411" s="53"/>
      <c r="BU2411" s="53"/>
      <c r="BV2411" s="53"/>
      <c r="BW2411" s="53"/>
      <c r="BX2411" s="53"/>
      <c r="BY2411" s="53"/>
      <c r="BZ2411" s="53"/>
      <c r="CA2411" s="53"/>
      <c r="CB2411" s="53">
        <v>0</v>
      </c>
      <c r="CC2411" s="53">
        <v>0</v>
      </c>
      <c r="CD2411" s="53">
        <v>0</v>
      </c>
      <c r="CE2411" s="53">
        <v>0</v>
      </c>
      <c r="CF2411" s="53">
        <v>0</v>
      </c>
      <c r="CG2411" s="53">
        <v>0</v>
      </c>
      <c r="CH2411" s="53">
        <v>0</v>
      </c>
      <c r="CI2411" s="53">
        <v>0</v>
      </c>
      <c r="CJ2411" s="53">
        <v>0</v>
      </c>
      <c r="CK2411" s="53">
        <v>0</v>
      </c>
      <c r="CL2411" s="53">
        <v>0</v>
      </c>
      <c r="CM2411" s="53">
        <v>0</v>
      </c>
      <c r="CN2411" s="53">
        <v>0</v>
      </c>
    </row>
    <row r="2412" spans="1:92" outlineLevel="1">
      <c r="A2412" s="52" t="s">
        <v>649</v>
      </c>
      <c r="B2412" s="53"/>
      <c r="C2412" s="53"/>
      <c r="D2412" s="53">
        <v>-9115615.0960685201</v>
      </c>
      <c r="E2412" s="53"/>
      <c r="F2412" s="53"/>
      <c r="G2412" s="53"/>
      <c r="H2412" s="53"/>
      <c r="I2412" s="53"/>
      <c r="J2412" s="53"/>
      <c r="K2412" s="53"/>
      <c r="L2412" s="53"/>
      <c r="M2412" s="53"/>
      <c r="N2412" s="53">
        <v>-9115615.0960685201</v>
      </c>
      <c r="O2412" s="53"/>
      <c r="P2412" s="53"/>
      <c r="Q2412" s="53"/>
      <c r="R2412" s="53"/>
      <c r="S2412" s="53"/>
      <c r="T2412" s="53"/>
      <c r="U2412" s="53"/>
      <c r="V2412" s="53"/>
      <c r="W2412" s="53"/>
      <c r="X2412" s="53"/>
      <c r="Y2412" s="53"/>
      <c r="Z2412" s="53"/>
      <c r="AA2412" s="53"/>
      <c r="AB2412" s="53"/>
      <c r="AC2412" s="53"/>
      <c r="AD2412" s="53">
        <v>-9607062</v>
      </c>
      <c r="AE2412" s="53"/>
      <c r="AF2412" s="53"/>
      <c r="AG2412" s="53"/>
      <c r="AH2412" s="53"/>
      <c r="AI2412" s="53"/>
      <c r="AJ2412" s="53"/>
      <c r="AK2412" s="53"/>
      <c r="AL2412" s="53"/>
      <c r="AM2412" s="53"/>
      <c r="AN2412" s="53">
        <v>-9607062</v>
      </c>
      <c r="AO2412" s="53"/>
      <c r="AP2412" s="53"/>
      <c r="AQ2412" s="53">
        <v>-10062894.999999899</v>
      </c>
      <c r="AR2412" s="53"/>
      <c r="AS2412" s="53"/>
      <c r="AT2412" s="53"/>
      <c r="AU2412" s="53"/>
      <c r="AV2412" s="53"/>
      <c r="AW2412" s="53"/>
      <c r="AX2412" s="53"/>
      <c r="AY2412" s="53"/>
      <c r="AZ2412" s="53"/>
      <c r="BA2412" s="53">
        <v>-10062894.999999899</v>
      </c>
      <c r="BB2412" s="53"/>
      <c r="BC2412" s="53"/>
      <c r="BD2412" s="53">
        <v>-10062894</v>
      </c>
      <c r="BE2412" s="53"/>
      <c r="BF2412" s="53"/>
      <c r="BG2412" s="53"/>
      <c r="BH2412" s="53"/>
      <c r="BI2412" s="53"/>
      <c r="BJ2412" s="53"/>
      <c r="BK2412" s="53"/>
      <c r="BL2412" s="53"/>
      <c r="BM2412" s="53"/>
      <c r="BN2412" s="53">
        <v>-10062894</v>
      </c>
      <c r="BO2412" s="53"/>
      <c r="BP2412" s="53"/>
      <c r="BQ2412" s="53">
        <v>-10062894</v>
      </c>
      <c r="BR2412" s="53"/>
      <c r="BS2412" s="53"/>
      <c r="BT2412" s="53"/>
      <c r="BU2412" s="53"/>
      <c r="BV2412" s="53"/>
      <c r="BW2412" s="53"/>
      <c r="BX2412" s="53"/>
      <c r="BY2412" s="53"/>
      <c r="BZ2412" s="53"/>
      <c r="CA2412" s="53">
        <v>-10062894</v>
      </c>
      <c r="CB2412" s="53">
        <v>0</v>
      </c>
      <c r="CC2412" s="53">
        <v>0</v>
      </c>
      <c r="CD2412" s="53">
        <v>0</v>
      </c>
      <c r="CE2412" s="53">
        <v>0</v>
      </c>
      <c r="CF2412" s="53">
        <v>0</v>
      </c>
      <c r="CG2412" s="53">
        <v>0</v>
      </c>
      <c r="CH2412" s="53">
        <v>0</v>
      </c>
      <c r="CI2412" s="53">
        <v>0</v>
      </c>
      <c r="CJ2412" s="53">
        <v>0</v>
      </c>
      <c r="CK2412" s="53">
        <v>0</v>
      </c>
      <c r="CL2412" s="53">
        <v>0</v>
      </c>
      <c r="CM2412" s="53">
        <v>0</v>
      </c>
      <c r="CN2412" s="53">
        <v>0</v>
      </c>
    </row>
    <row r="2413" spans="1:92" outlineLevel="1">
      <c r="A2413" s="52" t="s">
        <v>1618</v>
      </c>
      <c r="B2413" s="53"/>
      <c r="C2413" s="53"/>
      <c r="D2413" s="53"/>
      <c r="E2413" s="53"/>
      <c r="F2413" s="53"/>
      <c r="G2413" s="53"/>
      <c r="H2413" s="53"/>
      <c r="I2413" s="53"/>
      <c r="J2413" s="53"/>
      <c r="K2413" s="53"/>
      <c r="L2413" s="53"/>
      <c r="M2413" s="53"/>
      <c r="N2413" s="53"/>
      <c r="O2413" s="53"/>
      <c r="P2413" s="53"/>
      <c r="Q2413" s="53"/>
      <c r="R2413" s="53"/>
      <c r="S2413" s="53"/>
      <c r="T2413" s="53"/>
      <c r="U2413" s="53"/>
      <c r="V2413" s="53"/>
      <c r="W2413" s="53"/>
      <c r="X2413" s="53"/>
      <c r="Y2413" s="53"/>
      <c r="Z2413" s="53"/>
      <c r="AA2413" s="53"/>
      <c r="AB2413" s="53"/>
      <c r="AC2413" s="53"/>
      <c r="AD2413" s="53"/>
      <c r="AE2413" s="53"/>
      <c r="AF2413" s="53"/>
      <c r="AG2413" s="53"/>
      <c r="AH2413" s="53"/>
      <c r="AI2413" s="53"/>
      <c r="AJ2413" s="53"/>
      <c r="AK2413" s="53"/>
      <c r="AL2413" s="53"/>
      <c r="AM2413" s="53"/>
      <c r="AN2413" s="53"/>
      <c r="AO2413" s="53"/>
      <c r="AP2413" s="53"/>
      <c r="AQ2413" s="53"/>
      <c r="AR2413" s="53"/>
      <c r="AS2413" s="53"/>
      <c r="AT2413" s="53"/>
      <c r="AU2413" s="53"/>
      <c r="AV2413" s="53"/>
      <c r="AW2413" s="53"/>
      <c r="AX2413" s="53"/>
      <c r="AY2413" s="53"/>
      <c r="AZ2413" s="53"/>
      <c r="BA2413" s="53"/>
      <c r="BB2413" s="53"/>
      <c r="BC2413" s="53"/>
      <c r="BD2413" s="53"/>
      <c r="BE2413" s="53"/>
      <c r="BF2413" s="53"/>
      <c r="BG2413" s="53"/>
      <c r="BH2413" s="53"/>
      <c r="BI2413" s="53"/>
      <c r="BJ2413" s="53"/>
      <c r="BK2413" s="53"/>
      <c r="BL2413" s="53"/>
      <c r="BM2413" s="53"/>
      <c r="BN2413" s="53"/>
      <c r="BO2413" s="53"/>
      <c r="BP2413" s="53"/>
      <c r="BQ2413" s="53"/>
      <c r="BR2413" s="53"/>
      <c r="BS2413" s="53"/>
      <c r="BT2413" s="53"/>
      <c r="BU2413" s="53"/>
      <c r="BV2413" s="53"/>
      <c r="BW2413" s="53"/>
      <c r="BX2413" s="53"/>
      <c r="BY2413" s="53"/>
      <c r="BZ2413" s="53"/>
      <c r="CA2413" s="53"/>
      <c r="CB2413" s="53">
        <v>0</v>
      </c>
      <c r="CC2413" s="53">
        <v>0</v>
      </c>
      <c r="CD2413" s="53">
        <v>0</v>
      </c>
      <c r="CE2413" s="53">
        <v>0</v>
      </c>
      <c r="CF2413" s="53">
        <v>0</v>
      </c>
      <c r="CG2413" s="53">
        <v>0</v>
      </c>
      <c r="CH2413" s="53">
        <v>0</v>
      </c>
      <c r="CI2413" s="53">
        <v>0</v>
      </c>
      <c r="CJ2413" s="53">
        <v>0</v>
      </c>
      <c r="CK2413" s="53">
        <v>0</v>
      </c>
      <c r="CL2413" s="53">
        <v>0</v>
      </c>
      <c r="CM2413" s="53">
        <v>0</v>
      </c>
      <c r="CN2413" s="53">
        <v>0</v>
      </c>
    </row>
    <row r="2414" spans="1:92" outlineLevel="1">
      <c r="A2414" s="52" t="s">
        <v>649</v>
      </c>
      <c r="B2414" s="53"/>
      <c r="C2414" s="53"/>
      <c r="D2414" s="53">
        <v>-10815639.5637723</v>
      </c>
      <c r="E2414" s="53"/>
      <c r="F2414" s="53"/>
      <c r="G2414" s="53"/>
      <c r="H2414" s="53"/>
      <c r="I2414" s="53"/>
      <c r="J2414" s="53"/>
      <c r="K2414" s="53"/>
      <c r="L2414" s="53"/>
      <c r="M2414" s="53"/>
      <c r="N2414" s="53">
        <v>-10815639.5637723</v>
      </c>
      <c r="O2414" s="53"/>
      <c r="P2414" s="53"/>
      <c r="Q2414" s="53"/>
      <c r="R2414" s="53"/>
      <c r="S2414" s="53"/>
      <c r="T2414" s="53"/>
      <c r="U2414" s="53"/>
      <c r="V2414" s="53"/>
      <c r="W2414" s="53"/>
      <c r="X2414" s="53"/>
      <c r="Y2414" s="53"/>
      <c r="Z2414" s="53"/>
      <c r="AA2414" s="53"/>
      <c r="AB2414" s="53"/>
      <c r="AC2414" s="53"/>
      <c r="AD2414" s="53">
        <v>-5622279</v>
      </c>
      <c r="AE2414" s="53"/>
      <c r="AF2414" s="53"/>
      <c r="AG2414" s="53"/>
      <c r="AH2414" s="53"/>
      <c r="AI2414" s="53"/>
      <c r="AJ2414" s="53"/>
      <c r="AK2414" s="53"/>
      <c r="AL2414" s="53"/>
      <c r="AM2414" s="53"/>
      <c r="AN2414" s="53">
        <v>-5622279</v>
      </c>
      <c r="AO2414" s="53"/>
      <c r="AP2414" s="53"/>
      <c r="AQ2414" s="53">
        <v>-5682246.9999999898</v>
      </c>
      <c r="AR2414" s="53"/>
      <c r="AS2414" s="53"/>
      <c r="AT2414" s="53"/>
      <c r="AU2414" s="53"/>
      <c r="AV2414" s="53"/>
      <c r="AW2414" s="53"/>
      <c r="AX2414" s="53"/>
      <c r="AY2414" s="53"/>
      <c r="AZ2414" s="53"/>
      <c r="BA2414" s="53">
        <v>-5682246.9999999898</v>
      </c>
      <c r="BB2414" s="53"/>
      <c r="BC2414" s="53"/>
      <c r="BD2414" s="53">
        <v>-5682248</v>
      </c>
      <c r="BE2414" s="53"/>
      <c r="BF2414" s="53"/>
      <c r="BG2414" s="53"/>
      <c r="BH2414" s="53"/>
      <c r="BI2414" s="53"/>
      <c r="BJ2414" s="53"/>
      <c r="BK2414" s="53"/>
      <c r="BL2414" s="53"/>
      <c r="BM2414" s="53"/>
      <c r="BN2414" s="53">
        <v>-5682248</v>
      </c>
      <c r="BO2414" s="53"/>
      <c r="BP2414" s="53"/>
      <c r="BQ2414" s="53">
        <v>-5682248</v>
      </c>
      <c r="BR2414" s="53"/>
      <c r="BS2414" s="53"/>
      <c r="BT2414" s="53"/>
      <c r="BU2414" s="53"/>
      <c r="BV2414" s="53"/>
      <c r="BW2414" s="53"/>
      <c r="BX2414" s="53"/>
      <c r="BY2414" s="53"/>
      <c r="BZ2414" s="53"/>
      <c r="CA2414" s="53">
        <v>-5682248</v>
      </c>
      <c r="CB2414" s="53">
        <v>381958646.98589998</v>
      </c>
      <c r="CC2414" s="53">
        <v>384114385.93506598</v>
      </c>
      <c r="CD2414" s="53">
        <v>386270124.884233</v>
      </c>
      <c r="CE2414" s="53">
        <v>362556996.44340003</v>
      </c>
      <c r="CF2414" s="53">
        <v>364712735.39256603</v>
      </c>
      <c r="CG2414" s="53">
        <v>366868474.34173298</v>
      </c>
      <c r="CH2414" s="53">
        <v>369024213.29089999</v>
      </c>
      <c r="CI2414" s="53">
        <v>371179952.24006599</v>
      </c>
      <c r="CJ2414" s="53">
        <v>373335691.18923301</v>
      </c>
      <c r="CK2414" s="53">
        <v>375491430.13840002</v>
      </c>
      <c r="CL2414" s="53">
        <v>377647169.08756602</v>
      </c>
      <c r="CM2414" s="53">
        <v>379802908.03673297</v>
      </c>
      <c r="CN2414" s="53">
        <v>381958646.98589998</v>
      </c>
    </row>
    <row r="2415" spans="1:92" outlineLevel="1">
      <c r="A2415" s="52" t="s">
        <v>1619</v>
      </c>
      <c r="B2415" s="53"/>
      <c r="C2415" s="53"/>
      <c r="D2415" s="53"/>
      <c r="E2415" s="53"/>
      <c r="F2415" s="53"/>
      <c r="G2415" s="53"/>
      <c r="H2415" s="53"/>
      <c r="I2415" s="53"/>
      <c r="J2415" s="53"/>
      <c r="K2415" s="53"/>
      <c r="L2415" s="53"/>
      <c r="M2415" s="53"/>
      <c r="N2415" s="53"/>
      <c r="O2415" s="53"/>
      <c r="P2415" s="53"/>
      <c r="Q2415" s="53"/>
      <c r="R2415" s="53"/>
      <c r="S2415" s="53"/>
      <c r="T2415" s="53"/>
      <c r="U2415" s="53"/>
      <c r="V2415" s="53"/>
      <c r="W2415" s="53"/>
      <c r="X2415" s="53"/>
      <c r="Y2415" s="53"/>
      <c r="Z2415" s="53"/>
      <c r="AA2415" s="53"/>
      <c r="AB2415" s="53"/>
      <c r="AC2415" s="53"/>
      <c r="AD2415" s="53"/>
      <c r="AE2415" s="53"/>
      <c r="AF2415" s="53"/>
      <c r="AG2415" s="53"/>
      <c r="AH2415" s="53"/>
      <c r="AI2415" s="53"/>
      <c r="AJ2415" s="53"/>
      <c r="AK2415" s="53"/>
      <c r="AL2415" s="53"/>
      <c r="AM2415" s="53"/>
      <c r="AN2415" s="53"/>
      <c r="AO2415" s="53"/>
      <c r="AP2415" s="53"/>
      <c r="AQ2415" s="53"/>
      <c r="AR2415" s="53"/>
      <c r="AS2415" s="53"/>
      <c r="AT2415" s="53"/>
      <c r="AU2415" s="53"/>
      <c r="AV2415" s="53"/>
      <c r="AW2415" s="53"/>
      <c r="AX2415" s="53"/>
      <c r="AY2415" s="53"/>
      <c r="AZ2415" s="53"/>
      <c r="BA2415" s="53"/>
      <c r="BB2415" s="53"/>
      <c r="BC2415" s="53"/>
      <c r="BD2415" s="53"/>
      <c r="BE2415" s="53"/>
      <c r="BF2415" s="53"/>
      <c r="BG2415" s="53"/>
      <c r="BH2415" s="53"/>
      <c r="BI2415" s="53"/>
      <c r="BJ2415" s="53"/>
      <c r="BK2415" s="53"/>
      <c r="BL2415" s="53"/>
      <c r="BM2415" s="53"/>
      <c r="BN2415" s="53"/>
      <c r="BO2415" s="53"/>
      <c r="BP2415" s="53"/>
      <c r="BQ2415" s="53"/>
      <c r="BR2415" s="53"/>
      <c r="BS2415" s="53"/>
      <c r="BT2415" s="53"/>
      <c r="BU2415" s="53"/>
      <c r="BV2415" s="53"/>
      <c r="BW2415" s="53"/>
      <c r="BX2415" s="53"/>
      <c r="BY2415" s="53"/>
      <c r="BZ2415" s="53"/>
      <c r="CA2415" s="53"/>
      <c r="CB2415" s="53"/>
      <c r="CC2415" s="53"/>
      <c r="CD2415" s="53"/>
      <c r="CE2415" s="53"/>
      <c r="CF2415" s="53"/>
      <c r="CG2415" s="53"/>
      <c r="CH2415" s="53"/>
      <c r="CI2415" s="53"/>
      <c r="CJ2415" s="53"/>
      <c r="CK2415" s="53"/>
      <c r="CL2415" s="53"/>
      <c r="CM2415" s="53"/>
      <c r="CN2415" s="53"/>
    </row>
    <row r="2416" spans="1:92" outlineLevel="1">
      <c r="A2416" s="52" t="s">
        <v>649</v>
      </c>
      <c r="B2416" s="53"/>
      <c r="C2416" s="53"/>
      <c r="D2416" s="53">
        <v>-2387928.1803206801</v>
      </c>
      <c r="E2416" s="53"/>
      <c r="F2416" s="53"/>
      <c r="G2416" s="53"/>
      <c r="H2416" s="53"/>
      <c r="I2416" s="53"/>
      <c r="J2416" s="53"/>
      <c r="K2416" s="53"/>
      <c r="L2416" s="53"/>
      <c r="M2416" s="53"/>
      <c r="N2416" s="53">
        <v>-2387928.1803206801</v>
      </c>
      <c r="O2416" s="53"/>
      <c r="P2416" s="53"/>
      <c r="Q2416" s="53">
        <v>-3909498.2472000001</v>
      </c>
      <c r="R2416" s="53"/>
      <c r="S2416" s="53"/>
      <c r="T2416" s="53"/>
      <c r="U2416" s="53"/>
      <c r="V2416" s="53"/>
      <c r="W2416" s="53"/>
      <c r="X2416" s="53"/>
      <c r="Y2416" s="53"/>
      <c r="Z2416" s="53"/>
      <c r="AA2416" s="53">
        <v>-3909498.2472000001</v>
      </c>
      <c r="AB2416" s="53"/>
      <c r="AC2416" s="53"/>
      <c r="AD2416" s="53">
        <v>-1212377.78999999</v>
      </c>
      <c r="AE2416" s="53"/>
      <c r="AF2416" s="53"/>
      <c r="AG2416" s="53"/>
      <c r="AH2416" s="53"/>
      <c r="AI2416" s="53"/>
      <c r="AJ2416" s="53"/>
      <c r="AK2416" s="53"/>
      <c r="AL2416" s="53"/>
      <c r="AM2416" s="53"/>
      <c r="AN2416" s="53">
        <v>-1212377.78999999</v>
      </c>
      <c r="AO2416" s="53"/>
      <c r="AP2416" s="53"/>
      <c r="AQ2416" s="53">
        <v>-1257473.6199999901</v>
      </c>
      <c r="AR2416" s="53"/>
      <c r="AS2416" s="53"/>
      <c r="AT2416" s="53"/>
      <c r="AU2416" s="53"/>
      <c r="AV2416" s="53"/>
      <c r="AW2416" s="53"/>
      <c r="AX2416" s="53"/>
      <c r="AY2416" s="53"/>
      <c r="AZ2416" s="53"/>
      <c r="BA2416" s="53">
        <v>-1257473.6199999901</v>
      </c>
      <c r="BB2416" s="53"/>
      <c r="BC2416" s="53"/>
      <c r="BD2416" s="53">
        <v>-1257473.6200000001</v>
      </c>
      <c r="BE2416" s="53"/>
      <c r="BF2416" s="53"/>
      <c r="BG2416" s="53"/>
      <c r="BH2416" s="53"/>
      <c r="BI2416" s="53"/>
      <c r="BJ2416" s="53"/>
      <c r="BK2416" s="53"/>
      <c r="BL2416" s="53"/>
      <c r="BM2416" s="53"/>
      <c r="BN2416" s="53">
        <v>-1257473.6200000001</v>
      </c>
      <c r="BO2416" s="53"/>
      <c r="BP2416" s="53"/>
      <c r="BQ2416" s="53">
        <v>-1257473.6200000001</v>
      </c>
      <c r="BR2416" s="53"/>
      <c r="BS2416" s="53"/>
      <c r="BT2416" s="53"/>
      <c r="BU2416" s="53"/>
      <c r="BV2416" s="53"/>
      <c r="BW2416" s="53"/>
      <c r="BX2416" s="53"/>
      <c r="BY2416" s="53"/>
      <c r="BZ2416" s="53"/>
      <c r="CA2416" s="53">
        <v>-1257473.6200000001</v>
      </c>
      <c r="CB2416" s="53"/>
      <c r="CC2416" s="53"/>
      <c r="CD2416" s="53"/>
      <c r="CE2416" s="53"/>
      <c r="CF2416" s="53"/>
      <c r="CG2416" s="53"/>
      <c r="CH2416" s="53"/>
      <c r="CI2416" s="53"/>
      <c r="CJ2416" s="53"/>
      <c r="CK2416" s="53"/>
      <c r="CL2416" s="53"/>
      <c r="CM2416" s="53"/>
      <c r="CN2416" s="53"/>
    </row>
    <row r="2417" spans="1:92" outlineLevel="1">
      <c r="A2417" s="52" t="s">
        <v>1620</v>
      </c>
      <c r="B2417" s="53"/>
      <c r="C2417" s="53"/>
      <c r="D2417" s="53"/>
      <c r="E2417" s="53"/>
      <c r="F2417" s="53"/>
      <c r="G2417" s="53"/>
      <c r="H2417" s="53"/>
      <c r="I2417" s="53"/>
      <c r="J2417" s="53"/>
      <c r="K2417" s="53"/>
      <c r="L2417" s="53"/>
      <c r="M2417" s="53"/>
      <c r="N2417" s="53"/>
      <c r="O2417" s="53"/>
      <c r="P2417" s="53"/>
      <c r="Q2417" s="53"/>
      <c r="R2417" s="53"/>
      <c r="S2417" s="53"/>
      <c r="T2417" s="53"/>
      <c r="U2417" s="53"/>
      <c r="V2417" s="53"/>
      <c r="W2417" s="53"/>
      <c r="X2417" s="53"/>
      <c r="Y2417" s="53"/>
      <c r="Z2417" s="53"/>
      <c r="AA2417" s="53"/>
      <c r="AB2417" s="53"/>
      <c r="AC2417" s="53"/>
      <c r="AD2417" s="53"/>
      <c r="AE2417" s="53"/>
      <c r="AF2417" s="53"/>
      <c r="AG2417" s="53"/>
      <c r="AH2417" s="53"/>
      <c r="AI2417" s="53"/>
      <c r="AJ2417" s="53"/>
      <c r="AK2417" s="53"/>
      <c r="AL2417" s="53"/>
      <c r="AM2417" s="53"/>
      <c r="AN2417" s="53"/>
      <c r="AO2417" s="53"/>
      <c r="AP2417" s="53"/>
      <c r="AQ2417" s="53"/>
      <c r="AR2417" s="53"/>
      <c r="AS2417" s="53"/>
      <c r="AT2417" s="53"/>
      <c r="AU2417" s="53"/>
      <c r="AV2417" s="53"/>
      <c r="AW2417" s="53"/>
      <c r="AX2417" s="53"/>
      <c r="AY2417" s="53"/>
      <c r="AZ2417" s="53"/>
      <c r="BA2417" s="53"/>
      <c r="BB2417" s="53"/>
      <c r="BC2417" s="53"/>
      <c r="BD2417" s="53"/>
      <c r="BE2417" s="53"/>
      <c r="BF2417" s="53"/>
      <c r="BG2417" s="53"/>
      <c r="BH2417" s="53"/>
      <c r="BI2417" s="53"/>
      <c r="BJ2417" s="53"/>
      <c r="BK2417" s="53"/>
      <c r="BL2417" s="53"/>
      <c r="BM2417" s="53"/>
      <c r="BN2417" s="53"/>
      <c r="BO2417" s="53"/>
      <c r="BP2417" s="53"/>
      <c r="BQ2417" s="53"/>
      <c r="BR2417" s="53"/>
      <c r="BS2417" s="53"/>
      <c r="BT2417" s="53"/>
      <c r="BU2417" s="53"/>
      <c r="BV2417" s="53"/>
      <c r="BW2417" s="53"/>
      <c r="BX2417" s="53"/>
      <c r="BY2417" s="53"/>
      <c r="BZ2417" s="53"/>
      <c r="CA2417" s="53"/>
      <c r="CB2417" s="53"/>
      <c r="CC2417" s="53"/>
      <c r="CD2417" s="53"/>
      <c r="CE2417" s="53"/>
      <c r="CF2417" s="53"/>
      <c r="CG2417" s="53"/>
      <c r="CH2417" s="53"/>
      <c r="CI2417" s="53"/>
      <c r="CJ2417" s="53"/>
      <c r="CK2417" s="53"/>
      <c r="CL2417" s="53"/>
      <c r="CM2417" s="53"/>
      <c r="CN2417" s="53"/>
    </row>
    <row r="2418" spans="1:92" outlineLevel="1">
      <c r="A2418" s="52" t="s">
        <v>649</v>
      </c>
      <c r="B2418" s="53"/>
      <c r="C2418" s="53"/>
      <c r="D2418" s="53">
        <v>-1185029.9624888999</v>
      </c>
      <c r="E2418" s="53"/>
      <c r="F2418" s="53"/>
      <c r="G2418" s="53"/>
      <c r="H2418" s="53"/>
      <c r="I2418" s="53"/>
      <c r="J2418" s="53"/>
      <c r="K2418" s="53"/>
      <c r="L2418" s="53"/>
      <c r="M2418" s="53"/>
      <c r="N2418" s="53">
        <v>-1185029.9624888999</v>
      </c>
      <c r="O2418" s="53"/>
      <c r="P2418" s="53"/>
      <c r="Q2418" s="53"/>
      <c r="R2418" s="53"/>
      <c r="S2418" s="53"/>
      <c r="T2418" s="53"/>
      <c r="U2418" s="53"/>
      <c r="V2418" s="53"/>
      <c r="W2418" s="53"/>
      <c r="X2418" s="53"/>
      <c r="Y2418" s="53"/>
      <c r="Z2418" s="53"/>
      <c r="AA2418" s="53"/>
      <c r="AB2418" s="53"/>
      <c r="AC2418" s="53"/>
      <c r="AD2418" s="53">
        <v>-1248918.06</v>
      </c>
      <c r="AE2418" s="53"/>
      <c r="AF2418" s="53"/>
      <c r="AG2418" s="53"/>
      <c r="AH2418" s="53"/>
      <c r="AI2418" s="53"/>
      <c r="AJ2418" s="53"/>
      <c r="AK2418" s="53"/>
      <c r="AL2418" s="53"/>
      <c r="AM2418" s="53"/>
      <c r="AN2418" s="53">
        <v>-1248918.06</v>
      </c>
      <c r="AO2418" s="53"/>
      <c r="AP2418" s="53"/>
      <c r="AQ2418" s="53">
        <v>-1308176.3499999901</v>
      </c>
      <c r="AR2418" s="53"/>
      <c r="AS2418" s="53"/>
      <c r="AT2418" s="53"/>
      <c r="AU2418" s="53"/>
      <c r="AV2418" s="53"/>
      <c r="AW2418" s="53"/>
      <c r="AX2418" s="53"/>
      <c r="AY2418" s="53"/>
      <c r="AZ2418" s="53"/>
      <c r="BA2418" s="53">
        <v>-1308176.3499999901</v>
      </c>
      <c r="BB2418" s="53"/>
      <c r="BC2418" s="53"/>
      <c r="BD2418" s="53">
        <v>-1308176.22</v>
      </c>
      <c r="BE2418" s="53"/>
      <c r="BF2418" s="53"/>
      <c r="BG2418" s="53"/>
      <c r="BH2418" s="53"/>
      <c r="BI2418" s="53"/>
      <c r="BJ2418" s="53"/>
      <c r="BK2418" s="53"/>
      <c r="BL2418" s="53"/>
      <c r="BM2418" s="53"/>
      <c r="BN2418" s="53">
        <v>-1308176.22</v>
      </c>
      <c r="BO2418" s="53"/>
      <c r="BP2418" s="53"/>
      <c r="BQ2418" s="53">
        <v>-1308176.22</v>
      </c>
      <c r="BR2418" s="53"/>
      <c r="BS2418" s="53"/>
      <c r="BT2418" s="53"/>
      <c r="BU2418" s="53"/>
      <c r="BV2418" s="53"/>
      <c r="BW2418" s="53"/>
      <c r="BX2418" s="53"/>
      <c r="BY2418" s="53"/>
      <c r="BZ2418" s="53"/>
      <c r="CA2418" s="53">
        <v>-1308176.22</v>
      </c>
      <c r="CB2418" s="53"/>
      <c r="CC2418" s="53"/>
      <c r="CD2418" s="53"/>
      <c r="CE2418" s="53"/>
      <c r="CF2418" s="53"/>
      <c r="CG2418" s="53"/>
      <c r="CH2418" s="53"/>
      <c r="CI2418" s="53"/>
      <c r="CJ2418" s="53"/>
      <c r="CK2418" s="53"/>
      <c r="CL2418" s="53"/>
      <c r="CM2418" s="53"/>
      <c r="CN2418" s="53"/>
    </row>
    <row r="2419" spans="1:92" outlineLevel="1">
      <c r="A2419" s="52" t="s">
        <v>1621</v>
      </c>
      <c r="B2419" s="53"/>
      <c r="C2419" s="53"/>
      <c r="D2419" s="53"/>
      <c r="E2419" s="53"/>
      <c r="F2419" s="53"/>
      <c r="G2419" s="53"/>
      <c r="H2419" s="53"/>
      <c r="I2419" s="53"/>
      <c r="J2419" s="53"/>
      <c r="K2419" s="53"/>
      <c r="L2419" s="53"/>
      <c r="M2419" s="53"/>
      <c r="N2419" s="53"/>
      <c r="O2419" s="53"/>
      <c r="P2419" s="53"/>
      <c r="Q2419" s="53"/>
      <c r="R2419" s="53"/>
      <c r="S2419" s="53"/>
      <c r="T2419" s="53"/>
      <c r="U2419" s="53"/>
      <c r="V2419" s="53"/>
      <c r="W2419" s="53"/>
      <c r="X2419" s="53"/>
      <c r="Y2419" s="53"/>
      <c r="Z2419" s="53"/>
      <c r="AA2419" s="53"/>
      <c r="AB2419" s="53"/>
      <c r="AC2419" s="53"/>
      <c r="AD2419" s="53"/>
      <c r="AE2419" s="53"/>
      <c r="AF2419" s="53"/>
      <c r="AG2419" s="53"/>
      <c r="AH2419" s="53"/>
      <c r="AI2419" s="53"/>
      <c r="AJ2419" s="53"/>
      <c r="AK2419" s="53"/>
      <c r="AL2419" s="53"/>
      <c r="AM2419" s="53"/>
      <c r="AN2419" s="53"/>
      <c r="AO2419" s="53"/>
      <c r="AP2419" s="53"/>
      <c r="AQ2419" s="53"/>
      <c r="AR2419" s="53"/>
      <c r="AS2419" s="53"/>
      <c r="AT2419" s="53"/>
      <c r="AU2419" s="53"/>
      <c r="AV2419" s="53"/>
      <c r="AW2419" s="53"/>
      <c r="AX2419" s="53"/>
      <c r="AY2419" s="53"/>
      <c r="AZ2419" s="53"/>
      <c r="BA2419" s="53"/>
      <c r="BB2419" s="53"/>
      <c r="BC2419" s="53"/>
      <c r="BD2419" s="53"/>
      <c r="BE2419" s="53"/>
      <c r="BF2419" s="53"/>
      <c r="BG2419" s="53"/>
      <c r="BH2419" s="53"/>
      <c r="BI2419" s="53"/>
      <c r="BJ2419" s="53"/>
      <c r="BK2419" s="53"/>
      <c r="BL2419" s="53"/>
      <c r="BM2419" s="53"/>
      <c r="BN2419" s="53"/>
      <c r="BO2419" s="53"/>
      <c r="BP2419" s="53"/>
      <c r="BQ2419" s="53"/>
      <c r="BR2419" s="53"/>
      <c r="BS2419" s="53"/>
      <c r="BT2419" s="53"/>
      <c r="BU2419" s="53"/>
      <c r="BV2419" s="53"/>
      <c r="BW2419" s="53"/>
      <c r="BX2419" s="53"/>
      <c r="BY2419" s="53"/>
      <c r="BZ2419" s="53"/>
      <c r="CA2419" s="53"/>
      <c r="CB2419" s="53"/>
      <c r="CC2419" s="53"/>
      <c r="CD2419" s="53"/>
      <c r="CE2419" s="53"/>
      <c r="CF2419" s="53"/>
      <c r="CG2419" s="53"/>
      <c r="CH2419" s="53"/>
      <c r="CI2419" s="53"/>
      <c r="CJ2419" s="53"/>
      <c r="CK2419" s="53"/>
      <c r="CL2419" s="53"/>
      <c r="CM2419" s="53"/>
      <c r="CN2419" s="53"/>
    </row>
    <row r="2420" spans="1:92" outlineLevel="1">
      <c r="A2420" s="52" t="s">
        <v>649</v>
      </c>
      <c r="B2420" s="53"/>
      <c r="C2420" s="53"/>
      <c r="D2420" s="53">
        <v>-1406033.1432904</v>
      </c>
      <c r="E2420" s="53"/>
      <c r="F2420" s="53"/>
      <c r="G2420" s="53"/>
      <c r="H2420" s="53"/>
      <c r="I2420" s="53"/>
      <c r="J2420" s="53"/>
      <c r="K2420" s="53"/>
      <c r="L2420" s="53"/>
      <c r="M2420" s="53"/>
      <c r="N2420" s="53">
        <v>-1406033.1432904</v>
      </c>
      <c r="O2420" s="53"/>
      <c r="P2420" s="53"/>
      <c r="Q2420" s="53"/>
      <c r="R2420" s="53"/>
      <c r="S2420" s="53"/>
      <c r="T2420" s="53"/>
      <c r="U2420" s="53"/>
      <c r="V2420" s="53"/>
      <c r="W2420" s="53"/>
      <c r="X2420" s="53"/>
      <c r="Y2420" s="53"/>
      <c r="Z2420" s="53"/>
      <c r="AA2420" s="53"/>
      <c r="AB2420" s="53"/>
      <c r="AC2420" s="53"/>
      <c r="AD2420" s="53">
        <v>-730896.27</v>
      </c>
      <c r="AE2420" s="53"/>
      <c r="AF2420" s="53"/>
      <c r="AG2420" s="53"/>
      <c r="AH2420" s="53"/>
      <c r="AI2420" s="53"/>
      <c r="AJ2420" s="53"/>
      <c r="AK2420" s="53"/>
      <c r="AL2420" s="53"/>
      <c r="AM2420" s="53"/>
      <c r="AN2420" s="53">
        <v>-730896.27</v>
      </c>
      <c r="AO2420" s="53"/>
      <c r="AP2420" s="53"/>
      <c r="AQ2420" s="53">
        <v>-738692.11</v>
      </c>
      <c r="AR2420" s="53"/>
      <c r="AS2420" s="53"/>
      <c r="AT2420" s="53"/>
      <c r="AU2420" s="53"/>
      <c r="AV2420" s="53"/>
      <c r="AW2420" s="53"/>
      <c r="AX2420" s="53"/>
      <c r="AY2420" s="53"/>
      <c r="AZ2420" s="53"/>
      <c r="BA2420" s="53">
        <v>-738692.11</v>
      </c>
      <c r="BB2420" s="53"/>
      <c r="BC2420" s="53"/>
      <c r="BD2420" s="53">
        <v>-738692.24</v>
      </c>
      <c r="BE2420" s="53"/>
      <c r="BF2420" s="53"/>
      <c r="BG2420" s="53"/>
      <c r="BH2420" s="53"/>
      <c r="BI2420" s="53"/>
      <c r="BJ2420" s="53"/>
      <c r="BK2420" s="53"/>
      <c r="BL2420" s="53"/>
      <c r="BM2420" s="53"/>
      <c r="BN2420" s="53">
        <v>-738692.24</v>
      </c>
      <c r="BO2420" s="53"/>
      <c r="BP2420" s="53"/>
      <c r="BQ2420" s="53">
        <v>-738692.24</v>
      </c>
      <c r="BR2420" s="53"/>
      <c r="BS2420" s="53"/>
      <c r="BT2420" s="53"/>
      <c r="BU2420" s="53"/>
      <c r="BV2420" s="53"/>
      <c r="BW2420" s="53"/>
      <c r="BX2420" s="53"/>
      <c r="BY2420" s="53"/>
      <c r="BZ2420" s="53"/>
      <c r="CA2420" s="53">
        <v>-738692.24</v>
      </c>
      <c r="CB2420" s="53"/>
      <c r="CC2420" s="53"/>
      <c r="CD2420" s="53"/>
      <c r="CE2420" s="53"/>
      <c r="CF2420" s="53"/>
      <c r="CG2420" s="53"/>
      <c r="CH2420" s="53"/>
      <c r="CI2420" s="53"/>
      <c r="CJ2420" s="53"/>
      <c r="CK2420" s="53"/>
      <c r="CL2420" s="53"/>
      <c r="CM2420" s="53"/>
      <c r="CN2420" s="53"/>
    </row>
    <row r="2421" spans="1:92" outlineLevel="1">
      <c r="A2421" s="52" t="s">
        <v>650</v>
      </c>
      <c r="B2421" s="53"/>
      <c r="C2421" s="53"/>
      <c r="D2421" s="53"/>
      <c r="E2421" s="53"/>
      <c r="F2421" s="53"/>
      <c r="G2421" s="53"/>
      <c r="H2421" s="53"/>
      <c r="I2421" s="53"/>
      <c r="J2421" s="53"/>
      <c r="K2421" s="53"/>
      <c r="L2421" s="53"/>
      <c r="M2421" s="53"/>
      <c r="N2421" s="53"/>
      <c r="O2421" s="53"/>
      <c r="P2421" s="53"/>
      <c r="Q2421" s="53"/>
      <c r="R2421" s="53"/>
      <c r="S2421" s="53"/>
      <c r="T2421" s="53"/>
      <c r="U2421" s="53"/>
      <c r="V2421" s="53"/>
      <c r="W2421" s="53"/>
      <c r="X2421" s="53"/>
      <c r="Y2421" s="53"/>
      <c r="Z2421" s="53"/>
      <c r="AA2421" s="53"/>
      <c r="AB2421" s="53"/>
      <c r="AC2421" s="53"/>
      <c r="AD2421" s="53"/>
      <c r="AE2421" s="53"/>
      <c r="AF2421" s="53"/>
      <c r="AG2421" s="53"/>
      <c r="AH2421" s="53"/>
      <c r="AI2421" s="53"/>
      <c r="AJ2421" s="53"/>
      <c r="AK2421" s="53"/>
      <c r="AL2421" s="53"/>
      <c r="AM2421" s="53"/>
      <c r="AN2421" s="53"/>
      <c r="AO2421" s="53"/>
      <c r="AP2421" s="53"/>
      <c r="AQ2421" s="53"/>
      <c r="AR2421" s="53"/>
      <c r="AS2421" s="53"/>
      <c r="AT2421" s="53"/>
      <c r="AU2421" s="53"/>
      <c r="AV2421" s="53"/>
      <c r="AW2421" s="53"/>
      <c r="AX2421" s="53"/>
      <c r="AY2421" s="53"/>
      <c r="AZ2421" s="53"/>
      <c r="BA2421" s="53"/>
      <c r="BB2421" s="53"/>
      <c r="BC2421" s="53"/>
      <c r="BD2421" s="53"/>
      <c r="BE2421" s="53"/>
      <c r="BF2421" s="53"/>
      <c r="BG2421" s="53"/>
      <c r="BH2421" s="53"/>
      <c r="BI2421" s="53"/>
      <c r="BJ2421" s="53"/>
      <c r="BK2421" s="53"/>
      <c r="BL2421" s="53"/>
      <c r="BM2421" s="53"/>
      <c r="BN2421" s="53"/>
      <c r="BO2421" s="53"/>
      <c r="BP2421" s="53"/>
      <c r="BQ2421" s="53"/>
      <c r="BR2421" s="53"/>
      <c r="BS2421" s="53"/>
      <c r="BT2421" s="53"/>
      <c r="BU2421" s="53"/>
      <c r="BV2421" s="53"/>
      <c r="BW2421" s="53"/>
      <c r="BX2421" s="53"/>
      <c r="BY2421" s="53"/>
      <c r="BZ2421" s="53"/>
      <c r="CA2421" s="53"/>
      <c r="CB2421" s="53"/>
      <c r="CC2421" s="53"/>
      <c r="CD2421" s="53">
        <v>-22892803</v>
      </c>
      <c r="CE2421" s="53"/>
      <c r="CF2421" s="53"/>
      <c r="CG2421" s="53"/>
      <c r="CH2421" s="53"/>
      <c r="CI2421" s="53"/>
      <c r="CJ2421" s="53"/>
      <c r="CK2421" s="53"/>
      <c r="CL2421" s="53"/>
      <c r="CM2421" s="53"/>
      <c r="CN2421" s="53">
        <v>-22892803</v>
      </c>
    </row>
    <row r="2422" spans="1:92" outlineLevel="1">
      <c r="A2422" s="52" t="s">
        <v>1294</v>
      </c>
      <c r="B2422" s="53"/>
      <c r="C2422" s="53"/>
      <c r="D2422" s="53"/>
      <c r="E2422" s="53"/>
      <c r="F2422" s="53"/>
      <c r="G2422" s="53"/>
      <c r="H2422" s="53"/>
      <c r="I2422" s="53"/>
      <c r="J2422" s="53"/>
      <c r="K2422" s="53"/>
      <c r="L2422" s="53"/>
      <c r="M2422" s="53"/>
      <c r="N2422" s="53"/>
      <c r="O2422" s="53"/>
      <c r="P2422" s="53"/>
      <c r="Q2422" s="53"/>
      <c r="R2422" s="53"/>
      <c r="S2422" s="53"/>
      <c r="T2422" s="53"/>
      <c r="U2422" s="53"/>
      <c r="V2422" s="53"/>
      <c r="W2422" s="53"/>
      <c r="X2422" s="53"/>
      <c r="Y2422" s="53"/>
      <c r="Z2422" s="53"/>
      <c r="AA2422" s="53"/>
      <c r="AB2422" s="53"/>
      <c r="AC2422" s="53"/>
      <c r="AD2422" s="53"/>
      <c r="AE2422" s="53"/>
      <c r="AF2422" s="53"/>
      <c r="AG2422" s="53"/>
      <c r="AH2422" s="53"/>
      <c r="AI2422" s="53"/>
      <c r="AJ2422" s="53"/>
      <c r="AK2422" s="53"/>
      <c r="AL2422" s="53"/>
      <c r="AM2422" s="53"/>
      <c r="AN2422" s="53"/>
      <c r="AO2422" s="53"/>
      <c r="AP2422" s="53"/>
      <c r="AQ2422" s="53"/>
      <c r="AR2422" s="53"/>
      <c r="AS2422" s="53"/>
      <c r="AT2422" s="53"/>
      <c r="AU2422" s="53"/>
      <c r="AV2422" s="53"/>
      <c r="AW2422" s="53"/>
      <c r="AX2422" s="53"/>
      <c r="AY2422" s="53"/>
      <c r="AZ2422" s="53"/>
      <c r="BA2422" s="53"/>
      <c r="BB2422" s="53"/>
      <c r="BC2422" s="53"/>
      <c r="BD2422" s="53"/>
      <c r="BE2422" s="53"/>
      <c r="BF2422" s="53"/>
      <c r="BG2422" s="53"/>
      <c r="BH2422" s="53"/>
      <c r="BI2422" s="53"/>
      <c r="BJ2422" s="53"/>
      <c r="BK2422" s="53"/>
      <c r="BL2422" s="53"/>
      <c r="BM2422" s="53"/>
      <c r="BN2422" s="53"/>
      <c r="BO2422" s="53"/>
      <c r="BP2422" s="53"/>
      <c r="BQ2422" s="53"/>
      <c r="BR2422" s="53"/>
      <c r="BS2422" s="53"/>
      <c r="BT2422" s="53"/>
      <c r="BU2422" s="53"/>
      <c r="BV2422" s="53"/>
      <c r="BW2422" s="53"/>
      <c r="BX2422" s="53"/>
      <c r="BY2422" s="53"/>
      <c r="BZ2422" s="53"/>
      <c r="CA2422" s="53"/>
      <c r="CB2422" s="53"/>
      <c r="CC2422" s="53"/>
      <c r="CD2422" s="53"/>
      <c r="CE2422" s="53"/>
      <c r="CF2422" s="53"/>
      <c r="CG2422" s="53"/>
      <c r="CH2422" s="53"/>
      <c r="CI2422" s="53"/>
      <c r="CJ2422" s="53"/>
      <c r="CK2422" s="53"/>
      <c r="CL2422" s="53"/>
      <c r="CM2422" s="53"/>
      <c r="CN2422" s="53"/>
    </row>
    <row r="2423" spans="1:92" outlineLevel="1">
      <c r="A2423" s="52" t="s">
        <v>649</v>
      </c>
      <c r="B2423" s="53"/>
      <c r="C2423" s="53"/>
      <c r="D2423" s="53"/>
      <c r="E2423" s="53"/>
      <c r="F2423" s="53"/>
      <c r="G2423" s="53"/>
      <c r="H2423" s="53"/>
      <c r="I2423" s="53"/>
      <c r="J2423" s="53"/>
      <c r="K2423" s="53"/>
      <c r="L2423" s="53"/>
      <c r="M2423" s="53"/>
      <c r="N2423" s="53"/>
      <c r="O2423" s="53">
        <v>13011993.853433199</v>
      </c>
      <c r="P2423" s="53"/>
      <c r="Q2423" s="53"/>
      <c r="R2423" s="53"/>
      <c r="S2423" s="53"/>
      <c r="T2423" s="53"/>
      <c r="U2423" s="53"/>
      <c r="V2423" s="53"/>
      <c r="W2423" s="53"/>
      <c r="X2423" s="53"/>
      <c r="Y2423" s="53"/>
      <c r="Z2423" s="53"/>
      <c r="AA2423" s="53">
        <v>13011993.853433199</v>
      </c>
      <c r="AB2423" s="53"/>
      <c r="AC2423" s="53"/>
      <c r="AD2423" s="53"/>
      <c r="AE2423" s="53"/>
      <c r="AF2423" s="53"/>
      <c r="AG2423" s="53"/>
      <c r="AH2423" s="53"/>
      <c r="AI2423" s="53"/>
      <c r="AJ2423" s="53"/>
      <c r="AK2423" s="53"/>
      <c r="AL2423" s="53"/>
      <c r="AM2423" s="53"/>
      <c r="AN2423" s="53"/>
      <c r="AO2423" s="53"/>
      <c r="AP2423" s="53"/>
      <c r="AQ2423" s="53"/>
      <c r="AR2423" s="53"/>
      <c r="AS2423" s="53"/>
      <c r="AT2423" s="53"/>
      <c r="AU2423" s="53"/>
      <c r="AV2423" s="53"/>
      <c r="AW2423" s="53"/>
      <c r="AX2423" s="53"/>
      <c r="AY2423" s="53"/>
      <c r="AZ2423" s="53"/>
      <c r="BA2423" s="53"/>
      <c r="BB2423" s="53"/>
      <c r="BC2423" s="53"/>
      <c r="BD2423" s="53"/>
      <c r="BE2423" s="53"/>
      <c r="BF2423" s="53"/>
      <c r="BG2423" s="53"/>
      <c r="BH2423" s="53"/>
      <c r="BI2423" s="53"/>
      <c r="BJ2423" s="53"/>
      <c r="BK2423" s="53"/>
      <c r="BL2423" s="53"/>
      <c r="BM2423" s="53"/>
      <c r="BN2423" s="53"/>
      <c r="BO2423" s="53"/>
      <c r="BP2423" s="53"/>
      <c r="BQ2423" s="53"/>
      <c r="BR2423" s="53"/>
      <c r="BS2423" s="53"/>
      <c r="BT2423" s="53"/>
      <c r="BU2423" s="53"/>
      <c r="BV2423" s="53"/>
      <c r="BW2423" s="53"/>
      <c r="BX2423" s="53"/>
      <c r="BY2423" s="53"/>
      <c r="BZ2423" s="53"/>
      <c r="CA2423" s="53"/>
      <c r="CB2423" s="53"/>
      <c r="CC2423" s="53"/>
      <c r="CD2423" s="53"/>
      <c r="CE2423" s="53"/>
      <c r="CF2423" s="53"/>
      <c r="CG2423" s="53"/>
      <c r="CH2423" s="53"/>
      <c r="CI2423" s="53"/>
      <c r="CJ2423" s="53"/>
      <c r="CK2423" s="53"/>
      <c r="CL2423" s="53"/>
      <c r="CM2423" s="53"/>
      <c r="CN2423" s="53"/>
    </row>
    <row r="2424" spans="1:92" outlineLevel="1">
      <c r="A2424" s="52" t="s">
        <v>1289</v>
      </c>
      <c r="B2424" s="53"/>
      <c r="C2424" s="53"/>
      <c r="D2424" s="53"/>
      <c r="E2424" s="53"/>
      <c r="F2424" s="53"/>
      <c r="G2424" s="53"/>
      <c r="H2424" s="53"/>
      <c r="I2424" s="53"/>
      <c r="J2424" s="53"/>
      <c r="K2424" s="53"/>
      <c r="L2424" s="53"/>
      <c r="M2424" s="53"/>
      <c r="N2424" s="53"/>
      <c r="O2424" s="53"/>
      <c r="P2424" s="53"/>
      <c r="Q2424" s="53"/>
      <c r="R2424" s="53"/>
      <c r="S2424" s="53"/>
      <c r="T2424" s="53"/>
      <c r="U2424" s="53"/>
      <c r="V2424" s="53"/>
      <c r="W2424" s="53"/>
      <c r="X2424" s="53"/>
      <c r="Y2424" s="53"/>
      <c r="Z2424" s="53"/>
      <c r="AA2424" s="53"/>
      <c r="AB2424" s="53"/>
      <c r="AC2424" s="53"/>
      <c r="AD2424" s="53"/>
      <c r="AE2424" s="53"/>
      <c r="AF2424" s="53"/>
      <c r="AG2424" s="53"/>
      <c r="AH2424" s="53"/>
      <c r="AI2424" s="53"/>
      <c r="AJ2424" s="53"/>
      <c r="AK2424" s="53"/>
      <c r="AL2424" s="53"/>
      <c r="AM2424" s="53"/>
      <c r="AN2424" s="53"/>
      <c r="AO2424" s="53"/>
      <c r="AP2424" s="53"/>
      <c r="AQ2424" s="53"/>
      <c r="AR2424" s="53"/>
      <c r="AS2424" s="53"/>
      <c r="AT2424" s="53"/>
      <c r="AU2424" s="53"/>
      <c r="AV2424" s="53"/>
      <c r="AW2424" s="53"/>
      <c r="AX2424" s="53"/>
      <c r="AY2424" s="53"/>
      <c r="AZ2424" s="53"/>
      <c r="BA2424" s="53"/>
      <c r="BB2424" s="53"/>
      <c r="BC2424" s="53"/>
      <c r="BD2424" s="53"/>
      <c r="BE2424" s="53"/>
      <c r="BF2424" s="53"/>
      <c r="BG2424" s="53"/>
      <c r="BH2424" s="53"/>
      <c r="BI2424" s="53"/>
      <c r="BJ2424" s="53"/>
      <c r="BK2424" s="53"/>
      <c r="BL2424" s="53"/>
      <c r="BM2424" s="53"/>
      <c r="BN2424" s="53"/>
      <c r="BO2424" s="53"/>
      <c r="BP2424" s="53"/>
      <c r="BQ2424" s="53"/>
      <c r="BR2424" s="53"/>
      <c r="BS2424" s="53"/>
      <c r="BT2424" s="53"/>
      <c r="BU2424" s="53"/>
      <c r="BV2424" s="53"/>
      <c r="BW2424" s="53"/>
      <c r="BX2424" s="53"/>
      <c r="BY2424" s="53"/>
      <c r="BZ2424" s="53"/>
      <c r="CA2424" s="53"/>
      <c r="CB2424" s="53"/>
      <c r="CC2424" s="53"/>
      <c r="CD2424" s="53"/>
      <c r="CE2424" s="53"/>
      <c r="CF2424" s="53"/>
      <c r="CG2424" s="53"/>
      <c r="CH2424" s="53"/>
      <c r="CI2424" s="53"/>
      <c r="CJ2424" s="53"/>
      <c r="CK2424" s="53"/>
      <c r="CL2424" s="53"/>
      <c r="CM2424" s="53"/>
      <c r="CN2424" s="53"/>
    </row>
    <row r="2425" spans="1:92" outlineLevel="1">
      <c r="A2425" s="52" t="s">
        <v>649</v>
      </c>
      <c r="B2425" s="53">
        <v>-166666.66666666701</v>
      </c>
      <c r="C2425" s="53">
        <v>-166666.66666666701</v>
      </c>
      <c r="D2425" s="53">
        <v>-166666.66666666701</v>
      </c>
      <c r="E2425" s="53">
        <v>-166666.66666666701</v>
      </c>
      <c r="F2425" s="53">
        <v>-166666.66666666701</v>
      </c>
      <c r="G2425" s="53">
        <v>-166666.66666666701</v>
      </c>
      <c r="H2425" s="53">
        <v>-166666.66666666701</v>
      </c>
      <c r="I2425" s="53">
        <v>-166666.66666666701</v>
      </c>
      <c r="J2425" s="53">
        <v>-166666.66666666701</v>
      </c>
      <c r="K2425" s="53">
        <v>-166666.66666666701</v>
      </c>
      <c r="L2425" s="53">
        <v>-166666.66666666701</v>
      </c>
      <c r="M2425" s="53">
        <v>-166666.66666666701</v>
      </c>
      <c r="N2425" s="53">
        <v>-2000000</v>
      </c>
      <c r="O2425" s="53">
        <v>-13011993.853433199</v>
      </c>
      <c r="P2425" s="53"/>
      <c r="Q2425" s="53"/>
      <c r="R2425" s="53"/>
      <c r="S2425" s="53"/>
      <c r="T2425" s="53"/>
      <c r="U2425" s="53"/>
      <c r="V2425" s="53"/>
      <c r="W2425" s="53"/>
      <c r="X2425" s="53"/>
      <c r="Y2425" s="53"/>
      <c r="Z2425" s="53"/>
      <c r="AA2425" s="53">
        <v>-13011993.853433199</v>
      </c>
      <c r="AB2425" s="53"/>
      <c r="AC2425" s="53"/>
      <c r="AD2425" s="53"/>
      <c r="AE2425" s="53"/>
      <c r="AF2425" s="53"/>
      <c r="AG2425" s="53"/>
      <c r="AH2425" s="53"/>
      <c r="AI2425" s="53"/>
      <c r="AJ2425" s="53"/>
      <c r="AK2425" s="53"/>
      <c r="AL2425" s="53"/>
      <c r="AM2425" s="53"/>
      <c r="AN2425" s="53"/>
      <c r="AO2425" s="53"/>
      <c r="AP2425" s="53"/>
      <c r="AQ2425" s="53"/>
      <c r="AR2425" s="53"/>
      <c r="AS2425" s="53"/>
      <c r="AT2425" s="53"/>
      <c r="AU2425" s="53"/>
      <c r="AV2425" s="53"/>
      <c r="AW2425" s="53"/>
      <c r="AX2425" s="53"/>
      <c r="AY2425" s="53"/>
      <c r="AZ2425" s="53"/>
      <c r="BA2425" s="53"/>
      <c r="BB2425" s="53"/>
      <c r="BC2425" s="53"/>
      <c r="BD2425" s="53"/>
      <c r="BE2425" s="53"/>
      <c r="BF2425" s="53"/>
      <c r="BG2425" s="53"/>
      <c r="BH2425" s="53"/>
      <c r="BI2425" s="53"/>
      <c r="BJ2425" s="53"/>
      <c r="BK2425" s="53"/>
      <c r="BL2425" s="53"/>
      <c r="BM2425" s="53"/>
      <c r="BN2425" s="53"/>
      <c r="BO2425" s="53"/>
      <c r="BP2425" s="53"/>
      <c r="BQ2425" s="53"/>
      <c r="BR2425" s="53"/>
      <c r="BS2425" s="53"/>
      <c r="BT2425" s="53"/>
      <c r="BU2425" s="53"/>
      <c r="BV2425" s="53"/>
      <c r="BW2425" s="53"/>
      <c r="BX2425" s="53"/>
      <c r="BY2425" s="53"/>
      <c r="BZ2425" s="53"/>
      <c r="CA2425" s="53"/>
      <c r="CB2425" s="53"/>
      <c r="CC2425" s="53"/>
      <c r="CD2425" s="53"/>
      <c r="CE2425" s="53"/>
      <c r="CF2425" s="53"/>
      <c r="CG2425" s="53"/>
      <c r="CH2425" s="53"/>
      <c r="CI2425" s="53"/>
      <c r="CJ2425" s="53"/>
      <c r="CK2425" s="53"/>
      <c r="CL2425" s="53"/>
      <c r="CM2425" s="53"/>
      <c r="CN2425" s="53"/>
    </row>
    <row r="2426" spans="1:92" outlineLevel="1">
      <c r="A2426" s="52" t="s">
        <v>1287</v>
      </c>
      <c r="B2426" s="53"/>
      <c r="C2426" s="53"/>
      <c r="D2426" s="53"/>
      <c r="E2426" s="53"/>
      <c r="F2426" s="53"/>
      <c r="G2426" s="53"/>
      <c r="H2426" s="53"/>
      <c r="I2426" s="53"/>
      <c r="J2426" s="53"/>
      <c r="K2426" s="53"/>
      <c r="L2426" s="53"/>
      <c r="M2426" s="53"/>
      <c r="N2426" s="53"/>
      <c r="O2426" s="53"/>
      <c r="P2426" s="53"/>
      <c r="Q2426" s="53"/>
      <c r="R2426" s="53"/>
      <c r="S2426" s="53"/>
      <c r="T2426" s="53"/>
      <c r="U2426" s="53"/>
      <c r="V2426" s="53"/>
      <c r="W2426" s="53"/>
      <c r="X2426" s="53"/>
      <c r="Y2426" s="53"/>
      <c r="Z2426" s="53"/>
      <c r="AA2426" s="53"/>
      <c r="AB2426" s="53"/>
      <c r="AC2426" s="53"/>
      <c r="AD2426" s="53"/>
      <c r="AE2426" s="53"/>
      <c r="AF2426" s="53"/>
      <c r="AG2426" s="53"/>
      <c r="AH2426" s="53"/>
      <c r="AI2426" s="53"/>
      <c r="AJ2426" s="53"/>
      <c r="AK2426" s="53"/>
      <c r="AL2426" s="53"/>
      <c r="AM2426" s="53"/>
      <c r="AN2426" s="53"/>
      <c r="AO2426" s="53"/>
      <c r="AP2426" s="53"/>
      <c r="AQ2426" s="53"/>
      <c r="AR2426" s="53"/>
      <c r="AS2426" s="53"/>
      <c r="AT2426" s="53"/>
      <c r="AU2426" s="53"/>
      <c r="AV2426" s="53"/>
      <c r="AW2426" s="53"/>
      <c r="AX2426" s="53"/>
      <c r="AY2426" s="53"/>
      <c r="AZ2426" s="53"/>
      <c r="BA2426" s="53"/>
      <c r="BB2426" s="53"/>
      <c r="BC2426" s="53"/>
      <c r="BD2426" s="53"/>
      <c r="BE2426" s="53"/>
      <c r="BF2426" s="53"/>
      <c r="BG2426" s="53"/>
      <c r="BH2426" s="53"/>
      <c r="BI2426" s="53"/>
      <c r="BJ2426" s="53"/>
      <c r="BK2426" s="53"/>
      <c r="BL2426" s="53"/>
      <c r="BM2426" s="53"/>
      <c r="BN2426" s="53"/>
      <c r="BO2426" s="53"/>
      <c r="BP2426" s="53"/>
      <c r="BQ2426" s="53"/>
      <c r="BR2426" s="53"/>
      <c r="BS2426" s="53"/>
      <c r="BT2426" s="53"/>
      <c r="BU2426" s="53"/>
      <c r="BV2426" s="53"/>
      <c r="BW2426" s="53"/>
      <c r="BX2426" s="53"/>
      <c r="BY2426" s="53"/>
      <c r="BZ2426" s="53"/>
      <c r="CA2426" s="53"/>
      <c r="CB2426" s="53"/>
      <c r="CC2426" s="53"/>
      <c r="CD2426" s="53"/>
      <c r="CE2426" s="53"/>
      <c r="CF2426" s="53"/>
      <c r="CG2426" s="53"/>
      <c r="CH2426" s="53"/>
      <c r="CI2426" s="53"/>
      <c r="CJ2426" s="53"/>
      <c r="CK2426" s="53"/>
      <c r="CL2426" s="53"/>
      <c r="CM2426" s="53"/>
      <c r="CN2426" s="53"/>
    </row>
    <row r="2427" spans="1:92" outlineLevel="1">
      <c r="A2427" s="52" t="s">
        <v>649</v>
      </c>
      <c r="B2427" s="53">
        <v>-16854.599999999999</v>
      </c>
      <c r="C2427" s="53">
        <v>-8567.7999999999993</v>
      </c>
      <c r="D2427" s="53">
        <v>-1641.6</v>
      </c>
      <c r="E2427" s="53">
        <v>-4957</v>
      </c>
      <c r="F2427" s="53">
        <v>-16777.400000000001</v>
      </c>
      <c r="G2427" s="53">
        <v>395.1</v>
      </c>
      <c r="H2427" s="53">
        <v>113.6</v>
      </c>
      <c r="I2427" s="53">
        <v>-455.2</v>
      </c>
      <c r="J2427" s="53">
        <v>-2129</v>
      </c>
      <c r="K2427" s="53">
        <v>-1834.8999999999901</v>
      </c>
      <c r="L2427" s="53">
        <v>-8.6969565163599292</v>
      </c>
      <c r="M2427" s="53">
        <v>-6925.2</v>
      </c>
      <c r="N2427" s="53">
        <v>-59642.696956516302</v>
      </c>
      <c r="O2427" s="53">
        <v>26972252.3807608</v>
      </c>
      <c r="P2427" s="53">
        <v>12342.963667496701</v>
      </c>
      <c r="Q2427" s="53">
        <v>107477.202463333</v>
      </c>
      <c r="R2427" s="53">
        <v>107264.92164589401</v>
      </c>
      <c r="S2427" s="53">
        <v>87254.804872237801</v>
      </c>
      <c r="T2427" s="53">
        <v>56618.983309157898</v>
      </c>
      <c r="U2427" s="53">
        <v>66423.5662530962</v>
      </c>
      <c r="V2427" s="53">
        <v>57434.5205439364</v>
      </c>
      <c r="W2427" s="53">
        <v>58357.588991040197</v>
      </c>
      <c r="X2427" s="53">
        <v>76317.635634432503</v>
      </c>
      <c r="Y2427" s="53">
        <v>-8353.6205669180599</v>
      </c>
      <c r="Z2427" s="53">
        <v>-9266.0006087423099</v>
      </c>
      <c r="AA2427" s="53">
        <v>27584124.946965698</v>
      </c>
      <c r="AB2427" s="53">
        <v>19566.449826817901</v>
      </c>
      <c r="AC2427" s="53">
        <v>33703.264818216499</v>
      </c>
      <c r="AD2427" s="53">
        <v>-35567.587871606302</v>
      </c>
      <c r="AE2427" s="53">
        <v>5642.2607364955602</v>
      </c>
      <c r="AF2427" s="53">
        <v>-60900.837342934603</v>
      </c>
      <c r="AG2427" s="53">
        <v>-73746.685166889001</v>
      </c>
      <c r="AH2427" s="53">
        <v>-26884.298339926499</v>
      </c>
      <c r="AI2427" s="53">
        <v>77031.902905713301</v>
      </c>
      <c r="AJ2427" s="53">
        <v>44708.705025899697</v>
      </c>
      <c r="AK2427" s="53">
        <v>53810.013761321403</v>
      </c>
      <c r="AL2427" s="53">
        <v>-5011.6688384317404</v>
      </c>
      <c r="AM2427" s="53">
        <v>-22556.548018615998</v>
      </c>
      <c r="AN2427" s="53">
        <v>9794.9714960601395</v>
      </c>
      <c r="AO2427" s="53">
        <v>-16592.636564938301</v>
      </c>
      <c r="AP2427" s="53">
        <v>-24403.5073785116</v>
      </c>
      <c r="AQ2427" s="53">
        <v>-84752.463028330603</v>
      </c>
      <c r="AR2427" s="53">
        <v>-44264.936813268498</v>
      </c>
      <c r="AS2427" s="53">
        <v>-94468.629338087398</v>
      </c>
      <c r="AT2427" s="53">
        <v>-103709.355246443</v>
      </c>
      <c r="AU2427" s="53">
        <v>-56280.2952303407</v>
      </c>
      <c r="AV2427" s="53">
        <v>70896.193023423199</v>
      </c>
      <c r="AW2427" s="53">
        <v>43270.8060995552</v>
      </c>
      <c r="AX2427" s="53">
        <v>13107.5833478512</v>
      </c>
      <c r="AY2427" s="53">
        <v>-18262.825693200899</v>
      </c>
      <c r="AZ2427" s="53">
        <v>-20087.004303966602</v>
      </c>
      <c r="BA2427" s="53">
        <v>-335547.071126258</v>
      </c>
      <c r="BB2427" s="53">
        <v>-15829.759425570999</v>
      </c>
      <c r="BC2427" s="53">
        <v>-20453.762957928098</v>
      </c>
      <c r="BD2427" s="53">
        <v>-58907.947855812403</v>
      </c>
      <c r="BE2427" s="53">
        <v>-32315.685607551099</v>
      </c>
      <c r="BF2427" s="53">
        <v>-79736.355696440995</v>
      </c>
      <c r="BG2427" s="53">
        <v>-76219.210612762297</v>
      </c>
      <c r="BH2427" s="53">
        <v>-44241.617582025399</v>
      </c>
      <c r="BI2427" s="53">
        <v>93594.184419023804</v>
      </c>
      <c r="BJ2427" s="53">
        <v>82810.495379220796</v>
      </c>
      <c r="BK2427" s="53">
        <v>49982.634886036998</v>
      </c>
      <c r="BL2427" s="53">
        <v>23808.6058711197</v>
      </c>
      <c r="BM2427" s="53">
        <v>21308.695381128899</v>
      </c>
      <c r="BN2427" s="53">
        <v>-56199.7238015611</v>
      </c>
      <c r="BO2427" s="53">
        <v>10423.2427628449</v>
      </c>
      <c r="BP2427" s="53">
        <v>597.35156434180703</v>
      </c>
      <c r="BQ2427" s="53">
        <v>-23318.967840968999</v>
      </c>
      <c r="BR2427" s="53">
        <v>-15157.073525915501</v>
      </c>
      <c r="BS2427" s="53">
        <v>-49889.174690979402</v>
      </c>
      <c r="BT2427" s="53">
        <v>-41408.2619443652</v>
      </c>
      <c r="BU2427" s="53">
        <v>-32623.451761930399</v>
      </c>
      <c r="BV2427" s="53">
        <v>114032.39609742</v>
      </c>
      <c r="BW2427" s="53">
        <v>102229.043502389</v>
      </c>
      <c r="BX2427" s="53">
        <v>66725.321171368705</v>
      </c>
      <c r="BY2427" s="53">
        <v>47441.8958135211</v>
      </c>
      <c r="BZ2427" s="53">
        <v>45557.996967385399</v>
      </c>
      <c r="CA2427" s="53">
        <v>224610.31811511199</v>
      </c>
      <c r="CB2427" s="53"/>
      <c r="CC2427" s="53"/>
      <c r="CD2427" s="53">
        <v>-2976064.39</v>
      </c>
      <c r="CE2427" s="53"/>
      <c r="CF2427" s="53"/>
      <c r="CG2427" s="53"/>
      <c r="CH2427" s="53"/>
      <c r="CI2427" s="53"/>
      <c r="CJ2427" s="53"/>
      <c r="CK2427" s="53"/>
      <c r="CL2427" s="53"/>
      <c r="CM2427" s="53"/>
      <c r="CN2427" s="53">
        <v>-2976064.39</v>
      </c>
    </row>
    <row r="2428" spans="1:92" outlineLevel="1">
      <c r="A2428" s="52" t="s">
        <v>1291</v>
      </c>
      <c r="B2428" s="53"/>
      <c r="C2428" s="53"/>
      <c r="D2428" s="53"/>
      <c r="E2428" s="53"/>
      <c r="F2428" s="53"/>
      <c r="G2428" s="53"/>
      <c r="H2428" s="53"/>
      <c r="I2428" s="53"/>
      <c r="J2428" s="53"/>
      <c r="K2428" s="53"/>
      <c r="L2428" s="53"/>
      <c r="M2428" s="53"/>
      <c r="N2428" s="53"/>
      <c r="O2428" s="53"/>
      <c r="P2428" s="53"/>
      <c r="Q2428" s="53"/>
      <c r="R2428" s="53"/>
      <c r="S2428" s="53"/>
      <c r="T2428" s="53"/>
      <c r="U2428" s="53"/>
      <c r="V2428" s="53"/>
      <c r="W2428" s="53"/>
      <c r="X2428" s="53"/>
      <c r="Y2428" s="53"/>
      <c r="Z2428" s="53"/>
      <c r="AA2428" s="53"/>
      <c r="AB2428" s="53"/>
      <c r="AC2428" s="53"/>
      <c r="AD2428" s="53"/>
      <c r="AE2428" s="53"/>
      <c r="AF2428" s="53"/>
      <c r="AG2428" s="53"/>
      <c r="AH2428" s="53"/>
      <c r="AI2428" s="53"/>
      <c r="AJ2428" s="53"/>
      <c r="AK2428" s="53"/>
      <c r="AL2428" s="53"/>
      <c r="AM2428" s="53"/>
      <c r="AN2428" s="53"/>
      <c r="AO2428" s="53"/>
      <c r="AP2428" s="53"/>
      <c r="AQ2428" s="53"/>
      <c r="AR2428" s="53"/>
      <c r="AS2428" s="53"/>
      <c r="AT2428" s="53"/>
      <c r="AU2428" s="53"/>
      <c r="AV2428" s="53"/>
      <c r="AW2428" s="53"/>
      <c r="AX2428" s="53"/>
      <c r="AY2428" s="53"/>
      <c r="AZ2428" s="53"/>
      <c r="BA2428" s="53"/>
      <c r="BB2428" s="53"/>
      <c r="BC2428" s="53"/>
      <c r="BD2428" s="53"/>
      <c r="BE2428" s="53"/>
      <c r="BF2428" s="53"/>
      <c r="BG2428" s="53"/>
      <c r="BH2428" s="53"/>
      <c r="BI2428" s="53"/>
      <c r="BJ2428" s="53"/>
      <c r="BK2428" s="53"/>
      <c r="BL2428" s="53"/>
      <c r="BM2428" s="53"/>
      <c r="BN2428" s="53"/>
      <c r="BO2428" s="53"/>
      <c r="BP2428" s="53"/>
      <c r="BQ2428" s="53"/>
      <c r="BR2428" s="53"/>
      <c r="BS2428" s="53"/>
      <c r="BT2428" s="53"/>
      <c r="BU2428" s="53"/>
      <c r="BV2428" s="53"/>
      <c r="BW2428" s="53"/>
      <c r="BX2428" s="53"/>
      <c r="BY2428" s="53"/>
      <c r="BZ2428" s="53"/>
      <c r="CA2428" s="53"/>
      <c r="CB2428" s="53"/>
      <c r="CC2428" s="53"/>
      <c r="CD2428" s="53"/>
      <c r="CE2428" s="53"/>
      <c r="CF2428" s="53"/>
      <c r="CG2428" s="53"/>
      <c r="CH2428" s="53"/>
      <c r="CI2428" s="53"/>
      <c r="CJ2428" s="53"/>
      <c r="CK2428" s="53"/>
      <c r="CL2428" s="53"/>
      <c r="CM2428" s="53"/>
      <c r="CN2428" s="53"/>
    </row>
    <row r="2429" spans="1:92" outlineLevel="1">
      <c r="A2429" s="52" t="s">
        <v>649</v>
      </c>
      <c r="B2429" s="53">
        <v>-720000.74046040897</v>
      </c>
      <c r="C2429" s="53">
        <v>-720000.74046040897</v>
      </c>
      <c r="D2429" s="53">
        <v>-720000.74046040897</v>
      </c>
      <c r="E2429" s="53">
        <v>-720000.74046040897</v>
      </c>
      <c r="F2429" s="53">
        <v>-720000.74046040897</v>
      </c>
      <c r="G2429" s="53">
        <v>-720000.74046040897</v>
      </c>
      <c r="H2429" s="53">
        <v>-720000.74046040897</v>
      </c>
      <c r="I2429" s="53">
        <v>-720000.74046040897</v>
      </c>
      <c r="J2429" s="53">
        <v>-720000.74046040897</v>
      </c>
      <c r="K2429" s="53">
        <v>-720000.74046040897</v>
      </c>
      <c r="L2429" s="53">
        <v>-720000.74046040897</v>
      </c>
      <c r="M2429" s="53">
        <v>-720000.74046040897</v>
      </c>
      <c r="N2429" s="53">
        <v>-8640008.8855249099</v>
      </c>
      <c r="O2429" s="53">
        <v>-837739.11872719799</v>
      </c>
      <c r="P2429" s="53">
        <v>14366131.421122599</v>
      </c>
      <c r="Q2429" s="53">
        <v>6636112.9663426802</v>
      </c>
      <c r="R2429" s="53">
        <v>-17382.418596622301</v>
      </c>
      <c r="S2429" s="53">
        <v>-1320420.1621185499</v>
      </c>
      <c r="T2429" s="53">
        <v>-1222762.59542939</v>
      </c>
      <c r="U2429" s="53">
        <v>-1246933.72720965</v>
      </c>
      <c r="V2429" s="53">
        <v>-1198618.65355461</v>
      </c>
      <c r="W2429" s="53">
        <v>-816607.97157991305</v>
      </c>
      <c r="X2429" s="53">
        <v>-78969.734516533194</v>
      </c>
      <c r="Y2429" s="53"/>
      <c r="Z2429" s="53"/>
      <c r="AA2429" s="53">
        <v>14262810.005732801</v>
      </c>
      <c r="AB2429" s="53">
        <v>-159396.98351845299</v>
      </c>
      <c r="AC2429" s="53">
        <v>-7655.8406842814302</v>
      </c>
      <c r="AD2429" s="53"/>
      <c r="AE2429" s="53">
        <v>-97255.291564477404</v>
      </c>
      <c r="AF2429" s="53">
        <v>-776917.36263051303</v>
      </c>
      <c r="AG2429" s="53">
        <v>-738188.55743353197</v>
      </c>
      <c r="AH2429" s="53">
        <v>-708003.12641932396</v>
      </c>
      <c r="AI2429" s="53">
        <v>-812705.60911089601</v>
      </c>
      <c r="AJ2429" s="53">
        <v>-406740.82915997098</v>
      </c>
      <c r="AK2429" s="53">
        <v>-183173.97711180101</v>
      </c>
      <c r="AL2429" s="53">
        <v>-267465.69639317802</v>
      </c>
      <c r="AM2429" s="53"/>
      <c r="AN2429" s="53">
        <v>-4157503.27402642</v>
      </c>
      <c r="AO2429" s="53">
        <v>-31914.462826986</v>
      </c>
      <c r="AP2429" s="53">
        <v>-8623.9390217233395</v>
      </c>
      <c r="AQ2429" s="53">
        <v>-321708.75747491699</v>
      </c>
      <c r="AR2429" s="53">
        <v>-149778.38290843501</v>
      </c>
      <c r="AS2429" s="53">
        <v>-340894.52444876998</v>
      </c>
      <c r="AT2429" s="53">
        <v>-351551.61753155699</v>
      </c>
      <c r="AU2429" s="53">
        <v>-330216.15992824099</v>
      </c>
      <c r="AV2429" s="53">
        <v>-231424.09819176799</v>
      </c>
      <c r="AW2429" s="53">
        <v>-217062.36264681499</v>
      </c>
      <c r="AX2429" s="53">
        <v>-114785.01584178599</v>
      </c>
      <c r="AY2429" s="53"/>
      <c r="AZ2429" s="53"/>
      <c r="BA2429" s="53">
        <v>-2097959.32082099</v>
      </c>
      <c r="BB2429" s="53">
        <v>-54835.355413437399</v>
      </c>
      <c r="BC2429" s="53">
        <v>-5999.9016805231804</v>
      </c>
      <c r="BD2429" s="53"/>
      <c r="BE2429" s="53">
        <v>-3534.66142005345</v>
      </c>
      <c r="BF2429" s="53">
        <v>-446186.69961813401</v>
      </c>
      <c r="BG2429" s="53">
        <v>-457606.463671531</v>
      </c>
      <c r="BH2429" s="53">
        <v>-439080.89468070801</v>
      </c>
      <c r="BI2429" s="53">
        <v>-401082.65208509698</v>
      </c>
      <c r="BJ2429" s="53">
        <v>-342254.75542270602</v>
      </c>
      <c r="BK2429" s="53">
        <v>-377762.24580325698</v>
      </c>
      <c r="BL2429" s="53">
        <v>-108007.46336428</v>
      </c>
      <c r="BM2429" s="53"/>
      <c r="BN2429" s="53">
        <v>-2636351.0931597198</v>
      </c>
      <c r="BO2429" s="53">
        <v>-42811.950860384997</v>
      </c>
      <c r="BP2429" s="53">
        <v>-21507.163226604502</v>
      </c>
      <c r="BQ2429" s="53">
        <v>-201253.810403068</v>
      </c>
      <c r="BR2429" s="53">
        <v>-2741.34073271125</v>
      </c>
      <c r="BS2429" s="53">
        <v>-289003.657767025</v>
      </c>
      <c r="BT2429" s="53">
        <v>-285680.66946936602</v>
      </c>
      <c r="BU2429" s="53">
        <v>-288034.81392021099</v>
      </c>
      <c r="BV2429" s="53">
        <v>-251776.877214943</v>
      </c>
      <c r="BW2429" s="53">
        <v>-225111.941258292</v>
      </c>
      <c r="BX2429" s="53">
        <v>-167914.45636721599</v>
      </c>
      <c r="BY2429" s="53"/>
      <c r="BZ2429" s="53">
        <v>-4270.7639702566703</v>
      </c>
      <c r="CA2429" s="53">
        <v>-1780107.44519007</v>
      </c>
      <c r="CB2429" s="53"/>
      <c r="CC2429" s="53"/>
      <c r="CD2429" s="53"/>
      <c r="CE2429" s="53"/>
      <c r="CF2429" s="53"/>
      <c r="CG2429" s="53"/>
      <c r="CH2429" s="53"/>
      <c r="CI2429" s="53"/>
      <c r="CJ2429" s="53"/>
      <c r="CK2429" s="53"/>
      <c r="CL2429" s="53"/>
      <c r="CM2429" s="53"/>
      <c r="CN2429" s="53"/>
    </row>
    <row r="2430" spans="1:92" outlineLevel="1">
      <c r="A2430" s="52" t="s">
        <v>1292</v>
      </c>
      <c r="B2430" s="53"/>
      <c r="C2430" s="53"/>
      <c r="D2430" s="53"/>
      <c r="E2430" s="53"/>
      <c r="F2430" s="53"/>
      <c r="G2430" s="53"/>
      <c r="H2430" s="53"/>
      <c r="I2430" s="53"/>
      <c r="J2430" s="53"/>
      <c r="K2430" s="53"/>
      <c r="L2430" s="53"/>
      <c r="M2430" s="53"/>
      <c r="N2430" s="53"/>
      <c r="O2430" s="53"/>
      <c r="P2430" s="53"/>
      <c r="Q2430" s="53"/>
      <c r="R2430" s="53"/>
      <c r="S2430" s="53"/>
      <c r="T2430" s="53"/>
      <c r="U2430" s="53"/>
      <c r="V2430" s="53"/>
      <c r="W2430" s="53"/>
      <c r="X2430" s="53"/>
      <c r="Y2430" s="53"/>
      <c r="Z2430" s="53"/>
      <c r="AA2430" s="53"/>
      <c r="AB2430" s="53"/>
      <c r="AC2430" s="53"/>
      <c r="AD2430" s="53"/>
      <c r="AE2430" s="53"/>
      <c r="AF2430" s="53"/>
      <c r="AG2430" s="53"/>
      <c r="AH2430" s="53"/>
      <c r="AI2430" s="53"/>
      <c r="AJ2430" s="53"/>
      <c r="AK2430" s="53"/>
      <c r="AL2430" s="53"/>
      <c r="AM2430" s="53"/>
      <c r="AN2430" s="53"/>
      <c r="AO2430" s="53"/>
      <c r="AP2430" s="53"/>
      <c r="AQ2430" s="53"/>
      <c r="AR2430" s="53"/>
      <c r="AS2430" s="53"/>
      <c r="AT2430" s="53"/>
      <c r="AU2430" s="53"/>
      <c r="AV2430" s="53"/>
      <c r="AW2430" s="53"/>
      <c r="AX2430" s="53"/>
      <c r="AY2430" s="53"/>
      <c r="AZ2430" s="53"/>
      <c r="BA2430" s="53"/>
      <c r="BB2430" s="53"/>
      <c r="BC2430" s="53"/>
      <c r="BD2430" s="53"/>
      <c r="BE2430" s="53"/>
      <c r="BF2430" s="53"/>
      <c r="BG2430" s="53"/>
      <c r="BH2430" s="53"/>
      <c r="BI2430" s="53"/>
      <c r="BJ2430" s="53"/>
      <c r="BK2430" s="53"/>
      <c r="BL2430" s="53"/>
      <c r="BM2430" s="53"/>
      <c r="BN2430" s="53"/>
      <c r="BO2430" s="53"/>
      <c r="BP2430" s="53"/>
      <c r="BQ2430" s="53"/>
      <c r="BR2430" s="53"/>
      <c r="BS2430" s="53"/>
      <c r="BT2430" s="53"/>
      <c r="BU2430" s="53"/>
      <c r="BV2430" s="53"/>
      <c r="BW2430" s="53"/>
      <c r="BX2430" s="53"/>
      <c r="BY2430" s="53"/>
      <c r="BZ2430" s="53"/>
      <c r="CA2430" s="53"/>
      <c r="CB2430" s="53"/>
      <c r="CC2430" s="53"/>
      <c r="CD2430" s="53"/>
      <c r="CE2430" s="53"/>
      <c r="CF2430" s="53"/>
      <c r="CG2430" s="53"/>
      <c r="CH2430" s="53"/>
      <c r="CI2430" s="53"/>
      <c r="CJ2430" s="53"/>
      <c r="CK2430" s="53"/>
      <c r="CL2430" s="53"/>
      <c r="CM2430" s="53"/>
      <c r="CN2430" s="53"/>
    </row>
    <row r="2431" spans="1:92" outlineLevel="1">
      <c r="A2431" s="52" t="s">
        <v>649</v>
      </c>
      <c r="B2431" s="53">
        <v>228698.20629999999</v>
      </c>
      <c r="C2431" s="53">
        <v>117870.7846</v>
      </c>
      <c r="D2431" s="53">
        <v>62151.5</v>
      </c>
      <c r="E2431" s="53">
        <v>36723.769999999997</v>
      </c>
      <c r="F2431" s="53">
        <v>66655.3</v>
      </c>
      <c r="G2431" s="53">
        <v>-1206775</v>
      </c>
      <c r="H2431" s="53">
        <v>-1170593.8</v>
      </c>
      <c r="I2431" s="53">
        <v>-1213492.29999999</v>
      </c>
      <c r="J2431" s="53">
        <v>-1231131.8999999999</v>
      </c>
      <c r="K2431" s="53">
        <v>-1234847.6000000001</v>
      </c>
      <c r="L2431" s="53">
        <v>-1244708.5999999901</v>
      </c>
      <c r="M2431" s="53">
        <v>-4505441.3999999901</v>
      </c>
      <c r="N2431" s="53">
        <v>-11294891.0390999</v>
      </c>
      <c r="O2431" s="53"/>
      <c r="P2431" s="53"/>
      <c r="Q2431" s="53"/>
      <c r="R2431" s="53"/>
      <c r="S2431" s="53"/>
      <c r="T2431" s="53"/>
      <c r="U2431" s="53"/>
      <c r="V2431" s="53"/>
      <c r="W2431" s="53"/>
      <c r="X2431" s="53"/>
      <c r="Y2431" s="53"/>
      <c r="Z2431" s="53"/>
      <c r="AA2431" s="53"/>
      <c r="AB2431" s="53"/>
      <c r="AC2431" s="53"/>
      <c r="AD2431" s="53"/>
      <c r="AE2431" s="53"/>
      <c r="AF2431" s="53"/>
      <c r="AG2431" s="53"/>
      <c r="AH2431" s="53"/>
      <c r="AI2431" s="53"/>
      <c r="AJ2431" s="53"/>
      <c r="AK2431" s="53"/>
      <c r="AL2431" s="53"/>
      <c r="AM2431" s="53"/>
      <c r="AN2431" s="53"/>
      <c r="AO2431" s="53"/>
      <c r="AP2431" s="53"/>
      <c r="AQ2431" s="53"/>
      <c r="AR2431" s="53"/>
      <c r="AS2431" s="53"/>
      <c r="AT2431" s="53"/>
      <c r="AU2431" s="53"/>
      <c r="AV2431" s="53"/>
      <c r="AW2431" s="53"/>
      <c r="AX2431" s="53"/>
      <c r="AY2431" s="53"/>
      <c r="AZ2431" s="53"/>
      <c r="BA2431" s="53"/>
      <c r="BB2431" s="53"/>
      <c r="BC2431" s="53"/>
      <c r="BD2431" s="53"/>
      <c r="BE2431" s="53"/>
      <c r="BF2431" s="53"/>
      <c r="BG2431" s="53"/>
      <c r="BH2431" s="53"/>
      <c r="BI2431" s="53"/>
      <c r="BJ2431" s="53"/>
      <c r="BK2431" s="53"/>
      <c r="BL2431" s="53"/>
      <c r="BM2431" s="53"/>
      <c r="BN2431" s="53"/>
      <c r="BO2431" s="53"/>
      <c r="BP2431" s="53"/>
      <c r="BQ2431" s="53"/>
      <c r="BR2431" s="53"/>
      <c r="BS2431" s="53"/>
      <c r="BT2431" s="53"/>
      <c r="BU2431" s="53"/>
      <c r="BV2431" s="53"/>
      <c r="BW2431" s="53"/>
      <c r="BX2431" s="53"/>
      <c r="BY2431" s="53"/>
      <c r="BZ2431" s="53"/>
      <c r="CA2431" s="53"/>
      <c r="CB2431" s="53"/>
      <c r="CC2431" s="53"/>
      <c r="CD2431" s="53"/>
      <c r="CE2431" s="53"/>
      <c r="CF2431" s="53"/>
      <c r="CG2431" s="53"/>
      <c r="CH2431" s="53"/>
      <c r="CI2431" s="53"/>
      <c r="CJ2431" s="53"/>
      <c r="CK2431" s="53"/>
      <c r="CL2431" s="53"/>
      <c r="CM2431" s="53"/>
      <c r="CN2431" s="53"/>
    </row>
    <row r="2432" spans="1:92" outlineLevel="1">
      <c r="A2432" s="52" t="s">
        <v>670</v>
      </c>
      <c r="B2432" s="53"/>
      <c r="C2432" s="53"/>
      <c r="D2432" s="53"/>
      <c r="E2432" s="53"/>
      <c r="F2432" s="53"/>
      <c r="G2432" s="53"/>
      <c r="H2432" s="53"/>
      <c r="I2432" s="53"/>
      <c r="J2432" s="53"/>
      <c r="K2432" s="53"/>
      <c r="L2432" s="53"/>
      <c r="M2432" s="53"/>
      <c r="N2432" s="53"/>
      <c r="O2432" s="53"/>
      <c r="P2432" s="53"/>
      <c r="Q2432" s="53"/>
      <c r="R2432" s="53"/>
      <c r="S2432" s="53"/>
      <c r="T2432" s="53"/>
      <c r="U2432" s="53"/>
      <c r="V2432" s="53"/>
      <c r="W2432" s="53"/>
      <c r="X2432" s="53"/>
      <c r="Y2432" s="53"/>
      <c r="Z2432" s="53"/>
      <c r="AA2432" s="53"/>
      <c r="AB2432" s="53"/>
      <c r="AC2432" s="53"/>
      <c r="AD2432" s="53"/>
      <c r="AE2432" s="53"/>
      <c r="AF2432" s="53"/>
      <c r="AG2432" s="53"/>
      <c r="AH2432" s="53"/>
      <c r="AI2432" s="53"/>
      <c r="AJ2432" s="53"/>
      <c r="AK2432" s="53"/>
      <c r="AL2432" s="53"/>
      <c r="AM2432" s="53"/>
      <c r="AN2432" s="53"/>
      <c r="AO2432" s="53"/>
      <c r="AP2432" s="53"/>
      <c r="AQ2432" s="53"/>
      <c r="AR2432" s="53"/>
      <c r="AS2432" s="53"/>
      <c r="AT2432" s="53"/>
      <c r="AU2432" s="53"/>
      <c r="AV2432" s="53"/>
      <c r="AW2432" s="53"/>
      <c r="AX2432" s="53"/>
      <c r="AY2432" s="53"/>
      <c r="AZ2432" s="53"/>
      <c r="BA2432" s="53"/>
      <c r="BB2432" s="53"/>
      <c r="BC2432" s="53"/>
      <c r="BD2432" s="53"/>
      <c r="BE2432" s="53"/>
      <c r="BF2432" s="53"/>
      <c r="BG2432" s="53"/>
      <c r="BH2432" s="53"/>
      <c r="BI2432" s="53"/>
      <c r="BJ2432" s="53"/>
      <c r="BK2432" s="53"/>
      <c r="BL2432" s="53"/>
      <c r="BM2432" s="53"/>
      <c r="BN2432" s="53"/>
      <c r="BO2432" s="53"/>
      <c r="BP2432" s="53"/>
      <c r="BQ2432" s="53"/>
      <c r="BR2432" s="53"/>
      <c r="BS2432" s="53"/>
      <c r="BT2432" s="53"/>
      <c r="BU2432" s="53"/>
      <c r="BV2432" s="53"/>
      <c r="BW2432" s="53"/>
      <c r="BX2432" s="53"/>
      <c r="BY2432" s="53"/>
      <c r="BZ2432" s="53"/>
      <c r="CA2432" s="53"/>
      <c r="CB2432" s="53"/>
      <c r="CC2432" s="53"/>
      <c r="CD2432" s="53"/>
      <c r="CE2432" s="53"/>
      <c r="CF2432" s="53"/>
      <c r="CG2432" s="53"/>
      <c r="CH2432" s="53"/>
      <c r="CI2432" s="53"/>
      <c r="CJ2432" s="53"/>
      <c r="CK2432" s="53"/>
      <c r="CL2432" s="53"/>
      <c r="CM2432" s="53"/>
      <c r="CN2432" s="53"/>
    </row>
    <row r="2433" spans="1:92" outlineLevel="1">
      <c r="A2433" s="52" t="s">
        <v>671</v>
      </c>
      <c r="B2433" s="53"/>
      <c r="C2433" s="53"/>
      <c r="D2433" s="53"/>
      <c r="E2433" s="53"/>
      <c r="F2433" s="53"/>
      <c r="G2433" s="53"/>
      <c r="H2433" s="53"/>
      <c r="I2433" s="53"/>
      <c r="J2433" s="53"/>
      <c r="K2433" s="53"/>
      <c r="L2433" s="53"/>
      <c r="M2433" s="53"/>
      <c r="N2433" s="53"/>
      <c r="O2433" s="53"/>
      <c r="P2433" s="53"/>
      <c r="Q2433" s="53"/>
      <c r="R2433" s="53"/>
      <c r="S2433" s="53"/>
      <c r="T2433" s="53"/>
      <c r="U2433" s="53"/>
      <c r="V2433" s="53"/>
      <c r="W2433" s="53"/>
      <c r="X2433" s="53"/>
      <c r="Y2433" s="53"/>
      <c r="Z2433" s="53"/>
      <c r="AA2433" s="53"/>
      <c r="AB2433" s="53"/>
      <c r="AC2433" s="53"/>
      <c r="AD2433" s="53"/>
      <c r="AE2433" s="53"/>
      <c r="AF2433" s="53"/>
      <c r="AG2433" s="53"/>
      <c r="AH2433" s="53"/>
      <c r="AI2433" s="53"/>
      <c r="AJ2433" s="53"/>
      <c r="AK2433" s="53"/>
      <c r="AL2433" s="53"/>
      <c r="AM2433" s="53"/>
      <c r="AN2433" s="53"/>
      <c r="AO2433" s="53"/>
      <c r="AP2433" s="53"/>
      <c r="AQ2433" s="53"/>
      <c r="AR2433" s="53"/>
      <c r="AS2433" s="53"/>
      <c r="AT2433" s="53"/>
      <c r="AU2433" s="53"/>
      <c r="AV2433" s="53"/>
      <c r="AW2433" s="53"/>
      <c r="AX2433" s="53"/>
      <c r="AY2433" s="53"/>
      <c r="AZ2433" s="53"/>
      <c r="BA2433" s="53"/>
      <c r="BB2433" s="53"/>
      <c r="BC2433" s="53"/>
      <c r="BD2433" s="53"/>
      <c r="BE2433" s="53"/>
      <c r="BF2433" s="53"/>
      <c r="BG2433" s="53"/>
      <c r="BH2433" s="53"/>
      <c r="BI2433" s="53"/>
      <c r="BJ2433" s="53"/>
      <c r="BK2433" s="53"/>
      <c r="BL2433" s="53"/>
      <c r="BM2433" s="53"/>
      <c r="BN2433" s="53"/>
      <c r="BO2433" s="53"/>
      <c r="BP2433" s="53"/>
      <c r="BQ2433" s="53"/>
      <c r="BR2433" s="53"/>
      <c r="BS2433" s="53"/>
      <c r="BT2433" s="53"/>
      <c r="BU2433" s="53"/>
      <c r="BV2433" s="53"/>
      <c r="BW2433" s="53"/>
      <c r="BX2433" s="53"/>
      <c r="BY2433" s="53"/>
      <c r="BZ2433" s="53"/>
      <c r="CA2433" s="53"/>
      <c r="CB2433" s="53"/>
      <c r="CC2433" s="53"/>
      <c r="CD2433" s="53"/>
      <c r="CE2433" s="53"/>
      <c r="CF2433" s="53"/>
      <c r="CG2433" s="53"/>
      <c r="CH2433" s="53"/>
      <c r="CI2433" s="53"/>
      <c r="CJ2433" s="53"/>
      <c r="CK2433" s="53"/>
      <c r="CL2433" s="53"/>
      <c r="CM2433" s="53"/>
      <c r="CN2433" s="53"/>
    </row>
    <row r="2434" spans="1:92" outlineLevel="1">
      <c r="A2434" s="52" t="s">
        <v>1249</v>
      </c>
      <c r="B2434" s="53">
        <v>-839692.28799999994</v>
      </c>
      <c r="C2434" s="53">
        <v>-1659457.54999999</v>
      </c>
      <c r="D2434" s="53">
        <v>-1501390.14</v>
      </c>
      <c r="E2434" s="53">
        <v>-1540071.9</v>
      </c>
      <c r="F2434" s="53">
        <v>-1298458.71</v>
      </c>
      <c r="G2434" s="53">
        <v>-1357107.18</v>
      </c>
      <c r="H2434" s="53">
        <v>979270.12</v>
      </c>
      <c r="I2434" s="53">
        <v>-1537353.5699999901</v>
      </c>
      <c r="J2434" s="53">
        <v>-1064526.3399999901</v>
      </c>
      <c r="K2434" s="53">
        <v>-830069.43999999901</v>
      </c>
      <c r="L2434" s="53">
        <v>-428552.45</v>
      </c>
      <c r="M2434" s="53">
        <v>-1792328.1899999899</v>
      </c>
      <c r="N2434" s="53">
        <v>-12869737.638</v>
      </c>
      <c r="O2434" s="53">
        <v>-2577665.14</v>
      </c>
      <c r="P2434" s="53">
        <v>-1288011</v>
      </c>
      <c r="Q2434" s="53">
        <v>-1312759</v>
      </c>
      <c r="R2434" s="53">
        <v>-1320943</v>
      </c>
      <c r="S2434" s="53">
        <v>-1339012</v>
      </c>
      <c r="T2434" s="53">
        <v>-1327680</v>
      </c>
      <c r="U2434" s="53">
        <v>-1573045</v>
      </c>
      <c r="V2434" s="53">
        <v>-1362504</v>
      </c>
      <c r="W2434" s="53">
        <v>-1331174</v>
      </c>
      <c r="X2434" s="53">
        <v>-1319668</v>
      </c>
      <c r="Y2434" s="53">
        <v>-1319596</v>
      </c>
      <c r="Z2434" s="53">
        <v>-1336985</v>
      </c>
      <c r="AA2434" s="53">
        <v>-17409042.1399999</v>
      </c>
      <c r="AB2434" s="53">
        <v>-1563864</v>
      </c>
      <c r="AC2434" s="53">
        <v>-1322735</v>
      </c>
      <c r="AD2434" s="53">
        <v>-1347755</v>
      </c>
      <c r="AE2434" s="53">
        <v>-1361043</v>
      </c>
      <c r="AF2434" s="53">
        <v>-1376515</v>
      </c>
      <c r="AG2434" s="53">
        <v>-1541295</v>
      </c>
      <c r="AH2434" s="53">
        <v>-1442950</v>
      </c>
      <c r="AI2434" s="53">
        <v>-1401889</v>
      </c>
      <c r="AJ2434" s="53">
        <v>-1374728</v>
      </c>
      <c r="AK2434" s="53">
        <v>-1362800</v>
      </c>
      <c r="AL2434" s="53">
        <v>-1360469</v>
      </c>
      <c r="AM2434" s="53">
        <v>-1549908</v>
      </c>
      <c r="AN2434" s="53">
        <v>-17005951</v>
      </c>
      <c r="AO2434" s="53">
        <v>-1433105</v>
      </c>
      <c r="AP2434" s="53">
        <v>-1406265.99999999</v>
      </c>
      <c r="AQ2434" s="53">
        <v>-1406265.99999999</v>
      </c>
      <c r="AR2434" s="53">
        <v>-1406265.99999999</v>
      </c>
      <c r="AS2434" s="53">
        <v>-1406265.99999999</v>
      </c>
      <c r="AT2434" s="53">
        <v>-1406265.99999999</v>
      </c>
      <c r="AU2434" s="53">
        <v>-1406265.99999999</v>
      </c>
      <c r="AV2434" s="53">
        <v>-1406265.99999999</v>
      </c>
      <c r="AW2434" s="53">
        <v>-1406265.99999999</v>
      </c>
      <c r="AX2434" s="53">
        <v>-1406265.99999999</v>
      </c>
      <c r="AY2434" s="53">
        <v>-1406265.99999999</v>
      </c>
      <c r="AZ2434" s="53">
        <v>-1406265.99999999</v>
      </c>
      <c r="BA2434" s="53">
        <v>-16902031</v>
      </c>
      <c r="BB2434" s="53">
        <v>-1406265.99999999</v>
      </c>
      <c r="BC2434" s="53">
        <v>-1406265.99999999</v>
      </c>
      <c r="BD2434" s="53">
        <v>-1406265.99999999</v>
      </c>
      <c r="BE2434" s="53">
        <v>-1406265.99999999</v>
      </c>
      <c r="BF2434" s="53">
        <v>-1406265.99999999</v>
      </c>
      <c r="BG2434" s="53">
        <v>-1406265.99999999</v>
      </c>
      <c r="BH2434" s="53">
        <v>-1406265.99999999</v>
      </c>
      <c r="BI2434" s="53">
        <v>-1406265.99999999</v>
      </c>
      <c r="BJ2434" s="53">
        <v>-1406265.99999999</v>
      </c>
      <c r="BK2434" s="53">
        <v>-1406265.99999999</v>
      </c>
      <c r="BL2434" s="53">
        <v>-1406265.99999999</v>
      </c>
      <c r="BM2434" s="53">
        <v>-1406265.99999999</v>
      </c>
      <c r="BN2434" s="53">
        <v>-16875192</v>
      </c>
      <c r="BO2434" s="53">
        <v>-1406265.99999999</v>
      </c>
      <c r="BP2434" s="53">
        <v>-1406265.99999999</v>
      </c>
      <c r="BQ2434" s="53">
        <v>-1406265.99999999</v>
      </c>
      <c r="BR2434" s="53">
        <v>-1406265.99999999</v>
      </c>
      <c r="BS2434" s="53">
        <v>-1406265.99999999</v>
      </c>
      <c r="BT2434" s="53">
        <v>-1406265.99999999</v>
      </c>
      <c r="BU2434" s="53">
        <v>-1406265.99999999</v>
      </c>
      <c r="BV2434" s="53">
        <v>-1406265.99999999</v>
      </c>
      <c r="BW2434" s="53">
        <v>-1406265.99999999</v>
      </c>
      <c r="BX2434" s="53">
        <v>-1406265.99999999</v>
      </c>
      <c r="BY2434" s="53">
        <v>-1406265.99999999</v>
      </c>
      <c r="BZ2434" s="53">
        <v>-1406265.99999999</v>
      </c>
      <c r="CA2434" s="53">
        <v>-16875192</v>
      </c>
      <c r="CB2434" s="53"/>
      <c r="CC2434" s="53"/>
      <c r="CD2434" s="53"/>
      <c r="CE2434" s="53"/>
      <c r="CF2434" s="53"/>
      <c r="CG2434" s="53"/>
      <c r="CH2434" s="53"/>
      <c r="CI2434" s="53"/>
      <c r="CJ2434" s="53"/>
      <c r="CK2434" s="53"/>
      <c r="CL2434" s="53"/>
      <c r="CM2434" s="53"/>
      <c r="CN2434" s="53"/>
    </row>
    <row r="2435" spans="1:92" outlineLevel="1">
      <c r="A2435" s="52" t="s">
        <v>1548</v>
      </c>
      <c r="B2435" s="53"/>
      <c r="C2435" s="53"/>
      <c r="D2435" s="53"/>
      <c r="E2435" s="53"/>
      <c r="F2435" s="53"/>
      <c r="G2435" s="53"/>
      <c r="H2435" s="53"/>
      <c r="I2435" s="53"/>
      <c r="J2435" s="53"/>
      <c r="K2435" s="53"/>
      <c r="L2435" s="53"/>
      <c r="M2435" s="53"/>
      <c r="N2435" s="53"/>
      <c r="O2435" s="53"/>
      <c r="P2435" s="53"/>
      <c r="Q2435" s="53"/>
      <c r="R2435" s="53"/>
      <c r="S2435" s="53"/>
      <c r="T2435" s="53"/>
      <c r="U2435" s="53"/>
      <c r="V2435" s="53"/>
      <c r="W2435" s="53"/>
      <c r="X2435" s="53"/>
      <c r="Y2435" s="53"/>
      <c r="Z2435" s="53"/>
      <c r="AA2435" s="53"/>
      <c r="AB2435" s="53"/>
      <c r="AC2435" s="53"/>
      <c r="AD2435" s="53"/>
      <c r="AE2435" s="53"/>
      <c r="AF2435" s="53"/>
      <c r="AG2435" s="53"/>
      <c r="AH2435" s="53"/>
      <c r="AI2435" s="53"/>
      <c r="AJ2435" s="53"/>
      <c r="AK2435" s="53"/>
      <c r="AL2435" s="53"/>
      <c r="AM2435" s="53"/>
      <c r="AN2435" s="53"/>
      <c r="AO2435" s="53"/>
      <c r="AP2435" s="53"/>
      <c r="AQ2435" s="53"/>
      <c r="AR2435" s="53"/>
      <c r="AS2435" s="53"/>
      <c r="AT2435" s="53"/>
      <c r="AU2435" s="53"/>
      <c r="AV2435" s="53"/>
      <c r="AW2435" s="53"/>
      <c r="AX2435" s="53"/>
      <c r="AY2435" s="53"/>
      <c r="AZ2435" s="53"/>
      <c r="BA2435" s="53"/>
      <c r="BB2435" s="53"/>
      <c r="BC2435" s="53"/>
      <c r="BD2435" s="53"/>
      <c r="BE2435" s="53"/>
      <c r="BF2435" s="53"/>
      <c r="BG2435" s="53"/>
      <c r="BH2435" s="53"/>
      <c r="BI2435" s="53"/>
      <c r="BJ2435" s="53"/>
      <c r="BK2435" s="53"/>
      <c r="BL2435" s="53"/>
      <c r="BM2435" s="53"/>
      <c r="BN2435" s="53"/>
      <c r="BO2435" s="53"/>
      <c r="BP2435" s="53"/>
      <c r="BQ2435" s="53"/>
      <c r="BR2435" s="53"/>
      <c r="BS2435" s="53"/>
      <c r="BT2435" s="53"/>
      <c r="BU2435" s="53"/>
      <c r="BV2435" s="53"/>
      <c r="BW2435" s="53"/>
      <c r="BX2435" s="53"/>
      <c r="BY2435" s="53"/>
      <c r="BZ2435" s="53"/>
      <c r="CA2435" s="53"/>
      <c r="CB2435" s="53">
        <v>1907733.58333333</v>
      </c>
      <c r="CC2435" s="53">
        <v>1907733.58333333</v>
      </c>
      <c r="CD2435" s="53">
        <v>1907733.58333333</v>
      </c>
      <c r="CE2435" s="53">
        <v>1907733.58333333</v>
      </c>
      <c r="CF2435" s="53">
        <v>1907733.58333333</v>
      </c>
      <c r="CG2435" s="53">
        <v>1907733.58333333</v>
      </c>
      <c r="CH2435" s="53">
        <v>1907733.58333333</v>
      </c>
      <c r="CI2435" s="53">
        <v>1907733.58333333</v>
      </c>
      <c r="CJ2435" s="53">
        <v>1907733.58333333</v>
      </c>
      <c r="CK2435" s="53">
        <v>1907733.58333333</v>
      </c>
      <c r="CL2435" s="53">
        <v>1907733.58333333</v>
      </c>
      <c r="CM2435" s="53">
        <v>1907733.58333333</v>
      </c>
      <c r="CN2435" s="53">
        <v>22892803</v>
      </c>
    </row>
    <row r="2436" spans="1:92" outlineLevel="1">
      <c r="A2436" s="52" t="s">
        <v>1549</v>
      </c>
      <c r="B2436" s="53"/>
      <c r="C2436" s="53"/>
      <c r="D2436" s="53"/>
      <c r="E2436" s="53"/>
      <c r="F2436" s="53"/>
      <c r="G2436" s="53"/>
      <c r="H2436" s="53"/>
      <c r="I2436" s="53"/>
      <c r="J2436" s="53"/>
      <c r="K2436" s="53"/>
      <c r="L2436" s="53"/>
      <c r="M2436" s="53"/>
      <c r="N2436" s="53"/>
      <c r="O2436" s="53"/>
      <c r="P2436" s="53"/>
      <c r="Q2436" s="53"/>
      <c r="R2436" s="53"/>
      <c r="S2436" s="53"/>
      <c r="T2436" s="53"/>
      <c r="U2436" s="53"/>
      <c r="V2436" s="53"/>
      <c r="W2436" s="53"/>
      <c r="X2436" s="53"/>
      <c r="Y2436" s="53"/>
      <c r="Z2436" s="53"/>
      <c r="AA2436" s="53"/>
      <c r="AB2436" s="53"/>
      <c r="AC2436" s="53"/>
      <c r="AD2436" s="53"/>
      <c r="AE2436" s="53"/>
      <c r="AF2436" s="53"/>
      <c r="AG2436" s="53"/>
      <c r="AH2436" s="53"/>
      <c r="AI2436" s="53"/>
      <c r="AJ2436" s="53"/>
      <c r="AK2436" s="53"/>
      <c r="AL2436" s="53"/>
      <c r="AM2436" s="53"/>
      <c r="AN2436" s="53"/>
      <c r="AO2436" s="53"/>
      <c r="AP2436" s="53"/>
      <c r="AQ2436" s="53"/>
      <c r="AR2436" s="53"/>
      <c r="AS2436" s="53"/>
      <c r="AT2436" s="53"/>
      <c r="AU2436" s="53"/>
      <c r="AV2436" s="53"/>
      <c r="AW2436" s="53"/>
      <c r="AX2436" s="53"/>
      <c r="AY2436" s="53"/>
      <c r="AZ2436" s="53"/>
      <c r="BA2436" s="53"/>
      <c r="BB2436" s="53"/>
      <c r="BC2436" s="53"/>
      <c r="BD2436" s="53"/>
      <c r="BE2436" s="53"/>
      <c r="BF2436" s="53"/>
      <c r="BG2436" s="53"/>
      <c r="BH2436" s="53"/>
      <c r="BI2436" s="53"/>
      <c r="BJ2436" s="53"/>
      <c r="BK2436" s="53"/>
      <c r="BL2436" s="53"/>
      <c r="BM2436" s="53"/>
      <c r="BN2436" s="53"/>
      <c r="BO2436" s="53"/>
      <c r="BP2436" s="53"/>
      <c r="BQ2436" s="53"/>
      <c r="BR2436" s="53"/>
      <c r="BS2436" s="53"/>
      <c r="BT2436" s="53"/>
      <c r="BU2436" s="53"/>
      <c r="BV2436" s="53"/>
      <c r="BW2436" s="53"/>
      <c r="BX2436" s="53"/>
      <c r="BY2436" s="53"/>
      <c r="BZ2436" s="53"/>
      <c r="CA2436" s="53"/>
      <c r="CB2436" s="53"/>
      <c r="CC2436" s="53"/>
      <c r="CD2436" s="53"/>
      <c r="CE2436" s="53"/>
      <c r="CF2436" s="53"/>
      <c r="CG2436" s="53"/>
      <c r="CH2436" s="53"/>
      <c r="CI2436" s="53"/>
      <c r="CJ2436" s="53"/>
      <c r="CK2436" s="53"/>
      <c r="CL2436" s="53"/>
      <c r="CM2436" s="53"/>
      <c r="CN2436" s="53"/>
    </row>
    <row r="2437" spans="1:92" outlineLevel="1">
      <c r="A2437" s="52" t="s">
        <v>649</v>
      </c>
      <c r="B2437" s="53"/>
      <c r="C2437" s="53"/>
      <c r="D2437" s="53"/>
      <c r="E2437" s="53"/>
      <c r="F2437" s="53"/>
      <c r="G2437" s="53"/>
      <c r="H2437" s="53"/>
      <c r="I2437" s="53"/>
      <c r="J2437" s="53"/>
      <c r="K2437" s="53"/>
      <c r="L2437" s="53"/>
      <c r="M2437" s="53"/>
      <c r="N2437" s="53"/>
      <c r="O2437" s="53"/>
      <c r="P2437" s="53"/>
      <c r="Q2437" s="53">
        <v>-916719.75000000105</v>
      </c>
      <c r="R2437" s="53"/>
      <c r="S2437" s="53"/>
      <c r="T2437" s="53"/>
      <c r="U2437" s="53"/>
      <c r="V2437" s="53"/>
      <c r="W2437" s="53"/>
      <c r="X2437" s="53"/>
      <c r="Y2437" s="53"/>
      <c r="Z2437" s="53"/>
      <c r="AA2437" s="53">
        <v>-916719.75000000105</v>
      </c>
      <c r="AB2437" s="53"/>
      <c r="AC2437" s="53"/>
      <c r="AD2437" s="53"/>
      <c r="AE2437" s="53"/>
      <c r="AF2437" s="53"/>
      <c r="AG2437" s="53"/>
      <c r="AH2437" s="53"/>
      <c r="AI2437" s="53"/>
      <c r="AJ2437" s="53"/>
      <c r="AK2437" s="53"/>
      <c r="AL2437" s="53"/>
      <c r="AM2437" s="53"/>
      <c r="AN2437" s="53"/>
      <c r="AO2437" s="53"/>
      <c r="AP2437" s="53"/>
      <c r="AQ2437" s="53"/>
      <c r="AR2437" s="53"/>
      <c r="AS2437" s="53"/>
      <c r="AT2437" s="53"/>
      <c r="AU2437" s="53"/>
      <c r="AV2437" s="53"/>
      <c r="AW2437" s="53"/>
      <c r="AX2437" s="53"/>
      <c r="AY2437" s="53"/>
      <c r="AZ2437" s="53"/>
      <c r="BA2437" s="53"/>
      <c r="BB2437" s="53"/>
      <c r="BC2437" s="53"/>
      <c r="BD2437" s="53"/>
      <c r="BE2437" s="53"/>
      <c r="BF2437" s="53"/>
      <c r="BG2437" s="53"/>
      <c r="BH2437" s="53"/>
      <c r="BI2437" s="53"/>
      <c r="BJ2437" s="53"/>
      <c r="BK2437" s="53"/>
      <c r="BL2437" s="53"/>
      <c r="BM2437" s="53"/>
      <c r="BN2437" s="53"/>
      <c r="BO2437" s="53"/>
      <c r="BP2437" s="53"/>
      <c r="BQ2437" s="53"/>
      <c r="BR2437" s="53"/>
      <c r="BS2437" s="53"/>
      <c r="BT2437" s="53"/>
      <c r="BU2437" s="53"/>
      <c r="BV2437" s="53"/>
      <c r="BW2437" s="53"/>
      <c r="BX2437" s="53"/>
      <c r="BY2437" s="53"/>
      <c r="BZ2437" s="53"/>
      <c r="CA2437" s="53"/>
      <c r="CB2437" s="53"/>
      <c r="CC2437" s="53"/>
      <c r="CD2437" s="53"/>
      <c r="CE2437" s="53"/>
      <c r="CF2437" s="53"/>
      <c r="CG2437" s="53"/>
      <c r="CH2437" s="53"/>
      <c r="CI2437" s="53"/>
      <c r="CJ2437" s="53"/>
      <c r="CK2437" s="53"/>
      <c r="CL2437" s="53"/>
      <c r="CM2437" s="53"/>
      <c r="CN2437" s="53"/>
    </row>
    <row r="2438" spans="1:92" outlineLevel="1">
      <c r="A2438" s="52" t="s">
        <v>672</v>
      </c>
      <c r="B2438" s="53"/>
      <c r="C2438" s="53"/>
      <c r="D2438" s="53"/>
      <c r="E2438" s="53"/>
      <c r="F2438" s="53"/>
      <c r="G2438" s="53"/>
      <c r="H2438" s="53"/>
      <c r="I2438" s="53"/>
      <c r="J2438" s="53"/>
      <c r="K2438" s="53"/>
      <c r="L2438" s="53"/>
      <c r="M2438" s="53"/>
      <c r="N2438" s="53"/>
      <c r="O2438" s="53"/>
      <c r="P2438" s="53"/>
      <c r="Q2438" s="53"/>
      <c r="R2438" s="53"/>
      <c r="S2438" s="53"/>
      <c r="T2438" s="53"/>
      <c r="U2438" s="53"/>
      <c r="V2438" s="53"/>
      <c r="W2438" s="53"/>
      <c r="X2438" s="53"/>
      <c r="Y2438" s="53"/>
      <c r="Z2438" s="53"/>
      <c r="AA2438" s="53"/>
      <c r="AB2438" s="53"/>
      <c r="AC2438" s="53"/>
      <c r="AD2438" s="53"/>
      <c r="AE2438" s="53"/>
      <c r="AF2438" s="53"/>
      <c r="AG2438" s="53"/>
      <c r="AH2438" s="53"/>
      <c r="AI2438" s="53"/>
      <c r="AJ2438" s="53"/>
      <c r="AK2438" s="53"/>
      <c r="AL2438" s="53"/>
      <c r="AM2438" s="53"/>
      <c r="AN2438" s="53"/>
      <c r="AO2438" s="53"/>
      <c r="AP2438" s="53"/>
      <c r="AQ2438" s="53"/>
      <c r="AR2438" s="53"/>
      <c r="AS2438" s="53"/>
      <c r="AT2438" s="53"/>
      <c r="AU2438" s="53"/>
      <c r="AV2438" s="53"/>
      <c r="AW2438" s="53"/>
      <c r="AX2438" s="53"/>
      <c r="AY2438" s="53"/>
      <c r="AZ2438" s="53"/>
      <c r="BA2438" s="53"/>
      <c r="BB2438" s="53"/>
      <c r="BC2438" s="53"/>
      <c r="BD2438" s="53"/>
      <c r="BE2438" s="53"/>
      <c r="BF2438" s="53"/>
      <c r="BG2438" s="53"/>
      <c r="BH2438" s="53"/>
      <c r="BI2438" s="53"/>
      <c r="BJ2438" s="53"/>
      <c r="BK2438" s="53"/>
      <c r="BL2438" s="53"/>
      <c r="BM2438" s="53"/>
      <c r="BN2438" s="53"/>
      <c r="BO2438" s="53"/>
      <c r="BP2438" s="53"/>
      <c r="BQ2438" s="53"/>
      <c r="BR2438" s="53"/>
      <c r="BS2438" s="53"/>
      <c r="BT2438" s="53"/>
      <c r="BU2438" s="53"/>
      <c r="BV2438" s="53"/>
      <c r="BW2438" s="53"/>
      <c r="BX2438" s="53"/>
      <c r="BY2438" s="53"/>
      <c r="BZ2438" s="53"/>
      <c r="CA2438" s="53"/>
      <c r="CB2438" s="53"/>
      <c r="CC2438" s="53"/>
      <c r="CD2438" s="53"/>
      <c r="CE2438" s="53"/>
      <c r="CF2438" s="53"/>
      <c r="CG2438" s="53"/>
      <c r="CH2438" s="53"/>
      <c r="CI2438" s="53"/>
      <c r="CJ2438" s="53"/>
      <c r="CK2438" s="53"/>
      <c r="CL2438" s="53"/>
      <c r="CM2438" s="53"/>
      <c r="CN2438" s="53"/>
    </row>
    <row r="2439" spans="1:92" outlineLevel="1">
      <c r="A2439" s="52" t="s">
        <v>673</v>
      </c>
      <c r="B2439" s="53"/>
      <c r="C2439" s="53"/>
      <c r="D2439" s="53"/>
      <c r="E2439" s="53"/>
      <c r="F2439" s="53"/>
      <c r="G2439" s="53"/>
      <c r="H2439" s="53"/>
      <c r="I2439" s="53"/>
      <c r="J2439" s="53"/>
      <c r="K2439" s="53"/>
      <c r="L2439" s="53"/>
      <c r="M2439" s="53"/>
      <c r="N2439" s="53"/>
      <c r="O2439" s="53"/>
      <c r="P2439" s="53"/>
      <c r="Q2439" s="53"/>
      <c r="R2439" s="53"/>
      <c r="S2439" s="53"/>
      <c r="T2439" s="53"/>
      <c r="U2439" s="53"/>
      <c r="V2439" s="53"/>
      <c r="W2439" s="53"/>
      <c r="X2439" s="53"/>
      <c r="Y2439" s="53"/>
      <c r="Z2439" s="53"/>
      <c r="AA2439" s="53"/>
      <c r="AB2439" s="53"/>
      <c r="AC2439" s="53"/>
      <c r="AD2439" s="53"/>
      <c r="AE2439" s="53"/>
      <c r="AF2439" s="53"/>
      <c r="AG2439" s="53"/>
      <c r="AH2439" s="53"/>
      <c r="AI2439" s="53"/>
      <c r="AJ2439" s="53"/>
      <c r="AK2439" s="53"/>
      <c r="AL2439" s="53"/>
      <c r="AM2439" s="53"/>
      <c r="AN2439" s="53"/>
      <c r="AO2439" s="53"/>
      <c r="AP2439" s="53"/>
      <c r="AQ2439" s="53"/>
      <c r="AR2439" s="53"/>
      <c r="AS2439" s="53"/>
      <c r="AT2439" s="53"/>
      <c r="AU2439" s="53"/>
      <c r="AV2439" s="53"/>
      <c r="AW2439" s="53"/>
      <c r="AX2439" s="53"/>
      <c r="AY2439" s="53"/>
      <c r="AZ2439" s="53"/>
      <c r="BA2439" s="53"/>
      <c r="BB2439" s="53"/>
      <c r="BC2439" s="53"/>
      <c r="BD2439" s="53"/>
      <c r="BE2439" s="53"/>
      <c r="BF2439" s="53"/>
      <c r="BG2439" s="53"/>
      <c r="BH2439" s="53"/>
      <c r="BI2439" s="53"/>
      <c r="BJ2439" s="53"/>
      <c r="BK2439" s="53"/>
      <c r="BL2439" s="53"/>
      <c r="BM2439" s="53"/>
      <c r="BN2439" s="53"/>
      <c r="BO2439" s="53"/>
      <c r="BP2439" s="53"/>
      <c r="BQ2439" s="53"/>
      <c r="BR2439" s="53"/>
      <c r="BS2439" s="53"/>
      <c r="BT2439" s="53"/>
      <c r="BU2439" s="53"/>
      <c r="BV2439" s="53"/>
      <c r="BW2439" s="53"/>
      <c r="BX2439" s="53"/>
      <c r="BY2439" s="53"/>
      <c r="BZ2439" s="53"/>
      <c r="CA2439" s="53"/>
      <c r="CB2439" s="53"/>
      <c r="CC2439" s="53"/>
      <c r="CD2439" s="53"/>
      <c r="CE2439" s="53"/>
      <c r="CF2439" s="53"/>
      <c r="CG2439" s="53"/>
      <c r="CH2439" s="53"/>
      <c r="CI2439" s="53"/>
      <c r="CJ2439" s="53"/>
      <c r="CK2439" s="53"/>
      <c r="CL2439" s="53"/>
      <c r="CM2439" s="53"/>
      <c r="CN2439" s="53"/>
    </row>
    <row r="2440" spans="1:92" outlineLevel="1">
      <c r="A2440" s="52" t="s">
        <v>1520</v>
      </c>
      <c r="B2440" s="53"/>
      <c r="C2440" s="53"/>
      <c r="D2440" s="53"/>
      <c r="E2440" s="53"/>
      <c r="F2440" s="53"/>
      <c r="G2440" s="53"/>
      <c r="H2440" s="53"/>
      <c r="I2440" s="53"/>
      <c r="J2440" s="53"/>
      <c r="K2440" s="53"/>
      <c r="L2440" s="53"/>
      <c r="M2440" s="53"/>
      <c r="N2440" s="53"/>
      <c r="O2440" s="53"/>
      <c r="P2440" s="53"/>
      <c r="Q2440" s="53"/>
      <c r="R2440" s="53"/>
      <c r="S2440" s="53"/>
      <c r="T2440" s="53"/>
      <c r="U2440" s="53"/>
      <c r="V2440" s="53"/>
      <c r="W2440" s="53"/>
      <c r="X2440" s="53"/>
      <c r="Y2440" s="53"/>
      <c r="Z2440" s="53"/>
      <c r="AA2440" s="53"/>
      <c r="AB2440" s="53"/>
      <c r="AC2440" s="53"/>
      <c r="AD2440" s="53"/>
      <c r="AE2440" s="53"/>
      <c r="AF2440" s="53"/>
      <c r="AG2440" s="53"/>
      <c r="AH2440" s="53"/>
      <c r="AI2440" s="53"/>
      <c r="AJ2440" s="53"/>
      <c r="AK2440" s="53"/>
      <c r="AL2440" s="53"/>
      <c r="AM2440" s="53"/>
      <c r="AN2440" s="53"/>
      <c r="AO2440" s="53"/>
      <c r="AP2440" s="53"/>
      <c r="AQ2440" s="53"/>
      <c r="AR2440" s="53"/>
      <c r="AS2440" s="53"/>
      <c r="AT2440" s="53"/>
      <c r="AU2440" s="53"/>
      <c r="AV2440" s="53"/>
      <c r="AW2440" s="53"/>
      <c r="AX2440" s="53"/>
      <c r="AY2440" s="53"/>
      <c r="AZ2440" s="53"/>
      <c r="BA2440" s="53"/>
      <c r="BB2440" s="53"/>
      <c r="BC2440" s="53"/>
      <c r="BD2440" s="53"/>
      <c r="BE2440" s="53"/>
      <c r="BF2440" s="53"/>
      <c r="BG2440" s="53"/>
      <c r="BH2440" s="53"/>
      <c r="BI2440" s="53"/>
      <c r="BJ2440" s="53"/>
      <c r="BK2440" s="53"/>
      <c r="BL2440" s="53"/>
      <c r="BM2440" s="53"/>
      <c r="BN2440" s="53"/>
      <c r="BO2440" s="53"/>
      <c r="BP2440" s="53"/>
      <c r="BQ2440" s="53"/>
      <c r="BR2440" s="53"/>
      <c r="BS2440" s="53"/>
      <c r="BT2440" s="53"/>
      <c r="BU2440" s="53"/>
      <c r="BV2440" s="53"/>
      <c r="BW2440" s="53"/>
      <c r="BX2440" s="53"/>
      <c r="BY2440" s="53"/>
      <c r="BZ2440" s="53"/>
      <c r="CA2440" s="53"/>
      <c r="CB2440" s="53"/>
      <c r="CC2440" s="53"/>
      <c r="CD2440" s="53"/>
      <c r="CE2440" s="53"/>
      <c r="CF2440" s="53"/>
      <c r="CG2440" s="53"/>
      <c r="CH2440" s="53"/>
      <c r="CI2440" s="53"/>
      <c r="CJ2440" s="53"/>
      <c r="CK2440" s="53"/>
      <c r="CL2440" s="53"/>
      <c r="CM2440" s="53"/>
      <c r="CN2440" s="53"/>
    </row>
    <row r="2441" spans="1:92" outlineLevel="1">
      <c r="A2441" s="52" t="s">
        <v>649</v>
      </c>
      <c r="B2441" s="53">
        <v>49532600</v>
      </c>
      <c r="C2441" s="53">
        <v>13701929.999999899</v>
      </c>
      <c r="D2441" s="53">
        <v>21369310</v>
      </c>
      <c r="E2441" s="53">
        <v>52134260</v>
      </c>
      <c r="F2441" s="53">
        <v>45052590</v>
      </c>
      <c r="G2441" s="53">
        <v>44743879.999999903</v>
      </c>
      <c r="H2441" s="53">
        <v>19071120</v>
      </c>
      <c r="I2441" s="53">
        <v>20102889.999999899</v>
      </c>
      <c r="J2441" s="53">
        <v>28170880</v>
      </c>
      <c r="K2441" s="53">
        <v>18342059.999999899</v>
      </c>
      <c r="L2441" s="53">
        <v>11259660</v>
      </c>
      <c r="M2441" s="53">
        <v>112475200</v>
      </c>
      <c r="N2441" s="53">
        <v>435956380</v>
      </c>
      <c r="O2441" s="53">
        <v>8142821.3115744004</v>
      </c>
      <c r="P2441" s="53">
        <v>10542594.613081099</v>
      </c>
      <c r="Q2441" s="53">
        <v>12382804.366219301</v>
      </c>
      <c r="R2441" s="53">
        <v>11098361.701905901</v>
      </c>
      <c r="S2441" s="53">
        <v>11762132.9542941</v>
      </c>
      <c r="T2441" s="53">
        <v>11477400.705452699</v>
      </c>
      <c r="U2441" s="53">
        <v>9635670.8464655001</v>
      </c>
      <c r="V2441" s="53">
        <v>9029064.0355952401</v>
      </c>
      <c r="W2441" s="53">
        <v>11223658.545841301</v>
      </c>
      <c r="X2441" s="53">
        <v>13263897.4348695</v>
      </c>
      <c r="Y2441" s="53">
        <v>12352307.531198099</v>
      </c>
      <c r="Z2441" s="53">
        <v>10205959.087228499</v>
      </c>
      <c r="AA2441" s="53">
        <v>131116673.133726</v>
      </c>
      <c r="AB2441" s="53">
        <v>9804773.6157705802</v>
      </c>
      <c r="AC2441" s="53">
        <v>11457866.700318901</v>
      </c>
      <c r="AD2441" s="53">
        <v>12269556.206738301</v>
      </c>
      <c r="AE2441" s="53">
        <v>12060435.753611101</v>
      </c>
      <c r="AF2441" s="53">
        <v>11069931.3451088</v>
      </c>
      <c r="AG2441" s="53">
        <v>11001107.4155141</v>
      </c>
      <c r="AH2441" s="53">
        <v>11220203.889342999</v>
      </c>
      <c r="AI2441" s="53">
        <v>11976627.673650401</v>
      </c>
      <c r="AJ2441" s="53">
        <v>10418595.9307463</v>
      </c>
      <c r="AK2441" s="53">
        <v>10217570.536063701</v>
      </c>
      <c r="AL2441" s="53">
        <v>10304266.1630976</v>
      </c>
      <c r="AM2441" s="53">
        <v>10060591.749775</v>
      </c>
      <c r="AN2441" s="53">
        <v>131861526.979738</v>
      </c>
      <c r="AO2441" s="53">
        <v>10271988.5360114</v>
      </c>
      <c r="AP2441" s="53">
        <v>11260268.9555362</v>
      </c>
      <c r="AQ2441" s="53">
        <v>11471264.2898903</v>
      </c>
      <c r="AR2441" s="53">
        <v>11315478.882906999</v>
      </c>
      <c r="AS2441" s="53">
        <v>10252062.4524568</v>
      </c>
      <c r="AT2441" s="53">
        <v>10153830.120303901</v>
      </c>
      <c r="AU2441" s="53">
        <v>10432124.804749301</v>
      </c>
      <c r="AV2441" s="53">
        <v>11287751.379008001</v>
      </c>
      <c r="AW2441" s="53">
        <v>9949482.9827644303</v>
      </c>
      <c r="AX2441" s="53">
        <v>9790420.6641364004</v>
      </c>
      <c r="AY2441" s="53">
        <v>10141600.451407099</v>
      </c>
      <c r="AZ2441" s="53">
        <v>9355186.5776413698</v>
      </c>
      <c r="BA2441" s="53">
        <v>125681460.09681199</v>
      </c>
      <c r="BB2441" s="53">
        <v>9717895.3637301996</v>
      </c>
      <c r="BC2441" s="53">
        <v>10706400.1599728</v>
      </c>
      <c r="BD2441" s="53">
        <v>10917200.7646276</v>
      </c>
      <c r="BE2441" s="53">
        <v>10761343.194166301</v>
      </c>
      <c r="BF2441" s="53">
        <v>9697937.8399923593</v>
      </c>
      <c r="BG2441" s="53">
        <v>9599833.4168414008</v>
      </c>
      <c r="BH2441" s="53">
        <v>9878150.8865057696</v>
      </c>
      <c r="BI2441" s="53">
        <v>10733979.9137883</v>
      </c>
      <c r="BJ2441" s="53">
        <v>9395379.2524781693</v>
      </c>
      <c r="BK2441" s="53">
        <v>9236278.0370073505</v>
      </c>
      <c r="BL2441" s="53">
        <v>9587493.2421651501</v>
      </c>
      <c r="BM2441" s="53">
        <v>8801018.5987963006</v>
      </c>
      <c r="BN2441" s="53">
        <v>119032910.67007101</v>
      </c>
      <c r="BO2441" s="53">
        <v>9971080.1865897309</v>
      </c>
      <c r="BP2441" s="53">
        <v>10966796.9221568</v>
      </c>
      <c r="BQ2441" s="53">
        <v>11171338.5049794</v>
      </c>
      <c r="BR2441" s="53">
        <v>11013161.4486541</v>
      </c>
      <c r="BS2441" s="53">
        <v>9950112.1092787795</v>
      </c>
      <c r="BT2441" s="53">
        <v>9856118.9503013194</v>
      </c>
      <c r="BU2441" s="53">
        <v>10135168.7847954</v>
      </c>
      <c r="BV2441" s="53">
        <v>10997505.077798501</v>
      </c>
      <c r="BW2441" s="53">
        <v>9648224.7188650705</v>
      </c>
      <c r="BX2441" s="53">
        <v>9487873.2771101091</v>
      </c>
      <c r="BY2441" s="53">
        <v>9840226.8876015507</v>
      </c>
      <c r="BZ2441" s="53">
        <v>9051798.4097553305</v>
      </c>
      <c r="CA2441" s="53">
        <v>122089405.277886</v>
      </c>
      <c r="CB2441" s="53">
        <v>248005.36583333299</v>
      </c>
      <c r="CC2441" s="53">
        <v>248005.36583333299</v>
      </c>
      <c r="CD2441" s="53">
        <v>248005.36583333299</v>
      </c>
      <c r="CE2441" s="53">
        <v>248005.36583333299</v>
      </c>
      <c r="CF2441" s="53">
        <v>248005.36583333299</v>
      </c>
      <c r="CG2441" s="53">
        <v>248005.36583333299</v>
      </c>
      <c r="CH2441" s="53">
        <v>248005.36583333299</v>
      </c>
      <c r="CI2441" s="53">
        <v>248005.36583333299</v>
      </c>
      <c r="CJ2441" s="53">
        <v>248005.36583333299</v>
      </c>
      <c r="CK2441" s="53">
        <v>248005.36583333299</v>
      </c>
      <c r="CL2441" s="53">
        <v>248005.36583333299</v>
      </c>
      <c r="CM2441" s="53">
        <v>248005.36583333299</v>
      </c>
      <c r="CN2441" s="53">
        <v>2976064.3899999899</v>
      </c>
    </row>
    <row r="2442" spans="1:92" outlineLevel="1">
      <c r="A2442" s="52" t="s">
        <v>1384</v>
      </c>
      <c r="B2442" s="53"/>
      <c r="C2442" s="53"/>
      <c r="D2442" s="53"/>
      <c r="E2442" s="53"/>
      <c r="F2442" s="53"/>
      <c r="G2442" s="53"/>
      <c r="H2442" s="53"/>
      <c r="I2442" s="53"/>
      <c r="J2442" s="53"/>
      <c r="K2442" s="53"/>
      <c r="L2442" s="53"/>
      <c r="M2442" s="53"/>
      <c r="N2442" s="53"/>
      <c r="O2442" s="53"/>
      <c r="P2442" s="53"/>
      <c r="Q2442" s="53"/>
      <c r="R2442" s="53"/>
      <c r="S2442" s="53"/>
      <c r="T2442" s="53"/>
      <c r="U2442" s="53"/>
      <c r="V2442" s="53"/>
      <c r="W2442" s="53"/>
      <c r="X2442" s="53"/>
      <c r="Y2442" s="53"/>
      <c r="Z2442" s="53"/>
      <c r="AA2442" s="53"/>
      <c r="AB2442" s="53"/>
      <c r="AC2442" s="53"/>
      <c r="AD2442" s="53"/>
      <c r="AE2442" s="53"/>
      <c r="AF2442" s="53"/>
      <c r="AG2442" s="53"/>
      <c r="AH2442" s="53"/>
      <c r="AI2442" s="53"/>
      <c r="AJ2442" s="53"/>
      <c r="AK2442" s="53"/>
      <c r="AL2442" s="53"/>
      <c r="AM2442" s="53"/>
      <c r="AN2442" s="53"/>
      <c r="AO2442" s="53"/>
      <c r="AP2442" s="53"/>
      <c r="AQ2442" s="53"/>
      <c r="AR2442" s="53"/>
      <c r="AS2442" s="53"/>
      <c r="AT2442" s="53"/>
      <c r="AU2442" s="53"/>
      <c r="AV2442" s="53"/>
      <c r="AW2442" s="53"/>
      <c r="AX2442" s="53"/>
      <c r="AY2442" s="53"/>
      <c r="AZ2442" s="53"/>
      <c r="BA2442" s="53"/>
      <c r="BB2442" s="53"/>
      <c r="BC2442" s="53"/>
      <c r="BD2442" s="53"/>
      <c r="BE2442" s="53"/>
      <c r="BF2442" s="53"/>
      <c r="BG2442" s="53"/>
      <c r="BH2442" s="53"/>
      <c r="BI2442" s="53"/>
      <c r="BJ2442" s="53"/>
      <c r="BK2442" s="53"/>
      <c r="BL2442" s="53"/>
      <c r="BM2442" s="53"/>
      <c r="BN2442" s="53"/>
      <c r="BO2442" s="53"/>
      <c r="BP2442" s="53"/>
      <c r="BQ2442" s="53"/>
      <c r="BR2442" s="53"/>
      <c r="BS2442" s="53"/>
      <c r="BT2442" s="53"/>
      <c r="BU2442" s="53"/>
      <c r="BV2442" s="53"/>
      <c r="BW2442" s="53"/>
      <c r="BX2442" s="53"/>
      <c r="BY2442" s="53"/>
      <c r="BZ2442" s="53"/>
      <c r="CA2442" s="53"/>
      <c r="CB2442" s="53"/>
      <c r="CC2442" s="53"/>
      <c r="CD2442" s="53"/>
      <c r="CE2442" s="53"/>
      <c r="CF2442" s="53"/>
      <c r="CG2442" s="53"/>
      <c r="CH2442" s="53"/>
      <c r="CI2442" s="53"/>
      <c r="CJ2442" s="53"/>
      <c r="CK2442" s="53"/>
      <c r="CL2442" s="53"/>
      <c r="CM2442" s="53"/>
      <c r="CN2442" s="53"/>
    </row>
    <row r="2443" spans="1:92" outlineLevel="1">
      <c r="A2443" s="52" t="s">
        <v>649</v>
      </c>
      <c r="B2443" s="53">
        <v>-554610</v>
      </c>
      <c r="C2443" s="53">
        <v>-39360</v>
      </c>
      <c r="D2443" s="53">
        <v>-7627280</v>
      </c>
      <c r="E2443" s="53">
        <v>-1365350</v>
      </c>
      <c r="F2443" s="53">
        <v>-71813500</v>
      </c>
      <c r="G2443" s="53">
        <v>-2731740</v>
      </c>
      <c r="H2443" s="53">
        <v>-167029.99999999901</v>
      </c>
      <c r="I2443" s="53">
        <v>-253980</v>
      </c>
      <c r="J2443" s="53">
        <v>-608110</v>
      </c>
      <c r="K2443" s="53">
        <v>-54719770</v>
      </c>
      <c r="L2443" s="53">
        <v>-2525649.9999999902</v>
      </c>
      <c r="M2443" s="53">
        <v>6910090</v>
      </c>
      <c r="N2443" s="53">
        <v>-135496290</v>
      </c>
      <c r="O2443" s="53"/>
      <c r="P2443" s="53"/>
      <c r="Q2443" s="53"/>
      <c r="R2443" s="53"/>
      <c r="S2443" s="53"/>
      <c r="T2443" s="53"/>
      <c r="U2443" s="53"/>
      <c r="V2443" s="53"/>
      <c r="W2443" s="53"/>
      <c r="X2443" s="53"/>
      <c r="Y2443" s="53"/>
      <c r="Z2443" s="53"/>
      <c r="AA2443" s="53"/>
      <c r="AB2443" s="53"/>
      <c r="AC2443" s="53"/>
      <c r="AD2443" s="53"/>
      <c r="AE2443" s="53"/>
      <c r="AF2443" s="53"/>
      <c r="AG2443" s="53"/>
      <c r="AH2443" s="53"/>
      <c r="AI2443" s="53"/>
      <c r="AJ2443" s="53"/>
      <c r="AK2443" s="53"/>
      <c r="AL2443" s="53"/>
      <c r="AM2443" s="53"/>
      <c r="AN2443" s="53"/>
      <c r="AO2443" s="53"/>
      <c r="AP2443" s="53"/>
      <c r="AQ2443" s="53"/>
      <c r="AR2443" s="53"/>
      <c r="AS2443" s="53"/>
      <c r="AT2443" s="53"/>
      <c r="AU2443" s="53"/>
      <c r="AV2443" s="53"/>
      <c r="AW2443" s="53"/>
      <c r="AX2443" s="53"/>
      <c r="AY2443" s="53"/>
      <c r="AZ2443" s="53"/>
      <c r="BA2443" s="53"/>
      <c r="BB2443" s="53"/>
      <c r="BC2443" s="53"/>
      <c r="BD2443" s="53"/>
      <c r="BE2443" s="53"/>
      <c r="BF2443" s="53"/>
      <c r="BG2443" s="53"/>
      <c r="BH2443" s="53"/>
      <c r="BI2443" s="53"/>
      <c r="BJ2443" s="53"/>
      <c r="BK2443" s="53"/>
      <c r="BL2443" s="53"/>
      <c r="BM2443" s="53"/>
      <c r="BN2443" s="53"/>
      <c r="BO2443" s="53"/>
      <c r="BP2443" s="53"/>
      <c r="BQ2443" s="53"/>
      <c r="BR2443" s="53"/>
      <c r="BS2443" s="53"/>
      <c r="BT2443" s="53"/>
      <c r="BU2443" s="53"/>
      <c r="BV2443" s="53"/>
      <c r="BW2443" s="53"/>
      <c r="BX2443" s="53"/>
      <c r="BY2443" s="53"/>
      <c r="BZ2443" s="53"/>
      <c r="CA2443" s="53"/>
      <c r="CB2443" s="53"/>
      <c r="CC2443" s="53"/>
      <c r="CD2443" s="53"/>
      <c r="CE2443" s="53"/>
      <c r="CF2443" s="53"/>
      <c r="CG2443" s="53"/>
      <c r="CH2443" s="53"/>
      <c r="CI2443" s="53"/>
      <c r="CJ2443" s="53"/>
      <c r="CK2443" s="53"/>
      <c r="CL2443" s="53"/>
      <c r="CM2443" s="53"/>
      <c r="CN2443" s="53"/>
    </row>
    <row r="2444" spans="1:92" outlineLevel="1">
      <c r="A2444" s="52" t="s">
        <v>755</v>
      </c>
      <c r="B2444" s="53"/>
      <c r="C2444" s="53"/>
      <c r="D2444" s="53"/>
      <c r="E2444" s="53"/>
      <c r="F2444" s="53"/>
      <c r="G2444" s="53"/>
      <c r="H2444" s="53"/>
      <c r="I2444" s="53"/>
      <c r="J2444" s="53"/>
      <c r="K2444" s="53"/>
      <c r="L2444" s="53"/>
      <c r="M2444" s="53"/>
      <c r="N2444" s="53"/>
      <c r="O2444" s="53"/>
      <c r="P2444" s="53"/>
      <c r="Q2444" s="53"/>
      <c r="R2444" s="53"/>
      <c r="S2444" s="53"/>
      <c r="T2444" s="53"/>
      <c r="U2444" s="53"/>
      <c r="V2444" s="53"/>
      <c r="W2444" s="53"/>
      <c r="X2444" s="53"/>
      <c r="Y2444" s="53"/>
      <c r="Z2444" s="53"/>
      <c r="AA2444" s="53"/>
      <c r="AB2444" s="53"/>
      <c r="AC2444" s="53"/>
      <c r="AD2444" s="53"/>
      <c r="AE2444" s="53"/>
      <c r="AF2444" s="53"/>
      <c r="AG2444" s="53"/>
      <c r="AH2444" s="53"/>
      <c r="AI2444" s="53"/>
      <c r="AJ2444" s="53"/>
      <c r="AK2444" s="53"/>
      <c r="AL2444" s="53"/>
      <c r="AM2444" s="53"/>
      <c r="AN2444" s="53"/>
      <c r="AO2444" s="53"/>
      <c r="AP2444" s="53"/>
      <c r="AQ2444" s="53"/>
      <c r="AR2444" s="53"/>
      <c r="AS2444" s="53"/>
      <c r="AT2444" s="53"/>
      <c r="AU2444" s="53"/>
      <c r="AV2444" s="53"/>
      <c r="AW2444" s="53"/>
      <c r="AX2444" s="53"/>
      <c r="AY2444" s="53"/>
      <c r="AZ2444" s="53"/>
      <c r="BA2444" s="53"/>
      <c r="BB2444" s="53"/>
      <c r="BC2444" s="53"/>
      <c r="BD2444" s="53"/>
      <c r="BE2444" s="53"/>
      <c r="BF2444" s="53"/>
      <c r="BG2444" s="53"/>
      <c r="BH2444" s="53"/>
      <c r="BI2444" s="53"/>
      <c r="BJ2444" s="53"/>
      <c r="BK2444" s="53"/>
      <c r="BL2444" s="53"/>
      <c r="BM2444" s="53"/>
      <c r="BN2444" s="53"/>
      <c r="BO2444" s="53"/>
      <c r="BP2444" s="53"/>
      <c r="BQ2444" s="53"/>
      <c r="BR2444" s="53"/>
      <c r="BS2444" s="53"/>
      <c r="BT2444" s="53"/>
      <c r="BU2444" s="53"/>
      <c r="BV2444" s="53"/>
      <c r="BW2444" s="53"/>
      <c r="BX2444" s="53"/>
      <c r="BY2444" s="53"/>
      <c r="BZ2444" s="53"/>
      <c r="CA2444" s="53"/>
      <c r="CB2444" s="53"/>
      <c r="CC2444" s="53"/>
      <c r="CD2444" s="53"/>
      <c r="CE2444" s="53"/>
      <c r="CF2444" s="53"/>
      <c r="CG2444" s="53"/>
      <c r="CH2444" s="53"/>
      <c r="CI2444" s="53"/>
      <c r="CJ2444" s="53"/>
      <c r="CK2444" s="53"/>
      <c r="CL2444" s="53"/>
      <c r="CM2444" s="53"/>
      <c r="CN2444" s="53"/>
    </row>
    <row r="2445" spans="1:92" outlineLevel="1">
      <c r="A2445" s="52" t="s">
        <v>756</v>
      </c>
      <c r="B2445" s="53"/>
      <c r="C2445" s="53"/>
      <c r="D2445" s="53"/>
      <c r="E2445" s="53"/>
      <c r="F2445" s="53"/>
      <c r="G2445" s="53"/>
      <c r="H2445" s="53"/>
      <c r="I2445" s="53"/>
      <c r="J2445" s="53"/>
      <c r="K2445" s="53"/>
      <c r="L2445" s="53"/>
      <c r="M2445" s="53"/>
      <c r="N2445" s="53"/>
      <c r="O2445" s="53"/>
      <c r="P2445" s="53"/>
      <c r="Q2445" s="53"/>
      <c r="R2445" s="53"/>
      <c r="S2445" s="53"/>
      <c r="T2445" s="53"/>
      <c r="U2445" s="53"/>
      <c r="V2445" s="53"/>
      <c r="W2445" s="53"/>
      <c r="X2445" s="53"/>
      <c r="Y2445" s="53"/>
      <c r="Z2445" s="53"/>
      <c r="AA2445" s="53"/>
      <c r="AB2445" s="53"/>
      <c r="AC2445" s="53"/>
      <c r="AD2445" s="53"/>
      <c r="AE2445" s="53"/>
      <c r="AF2445" s="53"/>
      <c r="AG2445" s="53"/>
      <c r="AH2445" s="53"/>
      <c r="AI2445" s="53"/>
      <c r="AJ2445" s="53"/>
      <c r="AK2445" s="53"/>
      <c r="AL2445" s="53"/>
      <c r="AM2445" s="53"/>
      <c r="AN2445" s="53"/>
      <c r="AO2445" s="53"/>
      <c r="AP2445" s="53"/>
      <c r="AQ2445" s="53"/>
      <c r="AR2445" s="53"/>
      <c r="AS2445" s="53"/>
      <c r="AT2445" s="53"/>
      <c r="AU2445" s="53"/>
      <c r="AV2445" s="53"/>
      <c r="AW2445" s="53"/>
      <c r="AX2445" s="53"/>
      <c r="AY2445" s="53"/>
      <c r="AZ2445" s="53"/>
      <c r="BA2445" s="53"/>
      <c r="BB2445" s="53"/>
      <c r="BC2445" s="53"/>
      <c r="BD2445" s="53"/>
      <c r="BE2445" s="53"/>
      <c r="BF2445" s="53"/>
      <c r="BG2445" s="53"/>
      <c r="BH2445" s="53"/>
      <c r="BI2445" s="53"/>
      <c r="BJ2445" s="53"/>
      <c r="BK2445" s="53"/>
      <c r="BL2445" s="53"/>
      <c r="BM2445" s="53"/>
      <c r="BN2445" s="53"/>
      <c r="BO2445" s="53"/>
      <c r="BP2445" s="53"/>
      <c r="BQ2445" s="53"/>
      <c r="BR2445" s="53"/>
      <c r="BS2445" s="53"/>
      <c r="BT2445" s="53"/>
      <c r="BU2445" s="53"/>
      <c r="BV2445" s="53"/>
      <c r="BW2445" s="53"/>
      <c r="BX2445" s="53"/>
      <c r="BY2445" s="53"/>
      <c r="BZ2445" s="53"/>
      <c r="CA2445" s="53"/>
      <c r="CB2445" s="53"/>
      <c r="CC2445" s="53"/>
      <c r="CD2445" s="53"/>
      <c r="CE2445" s="53"/>
      <c r="CF2445" s="53"/>
      <c r="CG2445" s="53"/>
      <c r="CH2445" s="53"/>
      <c r="CI2445" s="53"/>
      <c r="CJ2445" s="53"/>
      <c r="CK2445" s="53"/>
      <c r="CL2445" s="53"/>
      <c r="CM2445" s="53"/>
      <c r="CN2445" s="53"/>
    </row>
    <row r="2446" spans="1:92" outlineLevel="1">
      <c r="A2446" s="52" t="s">
        <v>757</v>
      </c>
      <c r="B2446" s="53">
        <v>13688873.666666601</v>
      </c>
      <c r="C2446" s="53">
        <v>13688873.666666601</v>
      </c>
      <c r="D2446" s="53">
        <v>13688873.666666601</v>
      </c>
      <c r="E2446" s="53">
        <v>13688873.666666601</v>
      </c>
      <c r="F2446" s="53">
        <v>13688873.666666601</v>
      </c>
      <c r="G2446" s="53">
        <v>13688873.666666601</v>
      </c>
      <c r="H2446" s="53">
        <v>13688873.666666601</v>
      </c>
      <c r="I2446" s="53">
        <v>13688873.666666601</v>
      </c>
      <c r="J2446" s="53">
        <v>13688873.666666601</v>
      </c>
      <c r="K2446" s="53">
        <v>13688873.666666601</v>
      </c>
      <c r="L2446" s="53">
        <v>13688873.666666601</v>
      </c>
      <c r="M2446" s="53">
        <v>13688873.666666601</v>
      </c>
      <c r="N2446" s="53">
        <v>164266484</v>
      </c>
      <c r="O2446" s="53">
        <v>14126772.254375201</v>
      </c>
      <c r="P2446" s="53">
        <v>14126772.254375201</v>
      </c>
      <c r="Q2446" s="53">
        <v>14126772.254375201</v>
      </c>
      <c r="R2446" s="53">
        <v>14126772.254375201</v>
      </c>
      <c r="S2446" s="53">
        <v>14126772.254375201</v>
      </c>
      <c r="T2446" s="53">
        <v>14126772.254375201</v>
      </c>
      <c r="U2446" s="53">
        <v>14126772.254375201</v>
      </c>
      <c r="V2446" s="53">
        <v>14126772.254375201</v>
      </c>
      <c r="W2446" s="53">
        <v>14126772.254375201</v>
      </c>
      <c r="X2446" s="53">
        <v>14126772.254375201</v>
      </c>
      <c r="Y2446" s="53">
        <v>14126772.254375201</v>
      </c>
      <c r="Z2446" s="53">
        <v>14126772.254375201</v>
      </c>
      <c r="AA2446" s="53">
        <v>169521267.05250299</v>
      </c>
      <c r="AB2446" s="53">
        <v>15593108.947459601</v>
      </c>
      <c r="AC2446" s="53">
        <v>15593108.947459601</v>
      </c>
      <c r="AD2446" s="53">
        <v>15593108.947459601</v>
      </c>
      <c r="AE2446" s="53">
        <v>15593108.947459601</v>
      </c>
      <c r="AF2446" s="53">
        <v>15593108.947459601</v>
      </c>
      <c r="AG2446" s="53">
        <v>15593108.947459601</v>
      </c>
      <c r="AH2446" s="53">
        <v>15593108.947459601</v>
      </c>
      <c r="AI2446" s="53">
        <v>15593108.947459601</v>
      </c>
      <c r="AJ2446" s="53">
        <v>15593108.947459601</v>
      </c>
      <c r="AK2446" s="53">
        <v>15593108.947459601</v>
      </c>
      <c r="AL2446" s="53">
        <v>15593108.947459601</v>
      </c>
      <c r="AM2446" s="53">
        <v>15593108.947459601</v>
      </c>
      <c r="AN2446" s="53">
        <v>187117307.36951599</v>
      </c>
      <c r="AO2446" s="53">
        <v>17047149.252494499</v>
      </c>
      <c r="AP2446" s="53">
        <v>17047149.252494499</v>
      </c>
      <c r="AQ2446" s="53">
        <v>17047149.252494499</v>
      </c>
      <c r="AR2446" s="53">
        <v>17047149.252494499</v>
      </c>
      <c r="AS2446" s="53">
        <v>17047149.252494499</v>
      </c>
      <c r="AT2446" s="53">
        <v>17047149.252494499</v>
      </c>
      <c r="AU2446" s="53">
        <v>17047149.252494499</v>
      </c>
      <c r="AV2446" s="53">
        <v>17047149.252494499</v>
      </c>
      <c r="AW2446" s="53">
        <v>17047149.252494499</v>
      </c>
      <c r="AX2446" s="53">
        <v>17047149.252494499</v>
      </c>
      <c r="AY2446" s="53">
        <v>17047149.252494499</v>
      </c>
      <c r="AZ2446" s="53">
        <v>17047149.252494499</v>
      </c>
      <c r="BA2446" s="53">
        <v>204565791.029935</v>
      </c>
      <c r="BB2446" s="53">
        <v>19022617.884772699</v>
      </c>
      <c r="BC2446" s="53">
        <v>19022617.884772699</v>
      </c>
      <c r="BD2446" s="53">
        <v>19022617.884772699</v>
      </c>
      <c r="BE2446" s="53">
        <v>19022617.884772699</v>
      </c>
      <c r="BF2446" s="53">
        <v>19022617.884772699</v>
      </c>
      <c r="BG2446" s="53">
        <v>19022617.884772699</v>
      </c>
      <c r="BH2446" s="53">
        <v>19022617.884772699</v>
      </c>
      <c r="BI2446" s="53">
        <v>19022617.884772699</v>
      </c>
      <c r="BJ2446" s="53">
        <v>19022617.884772699</v>
      </c>
      <c r="BK2446" s="53">
        <v>19022617.884772699</v>
      </c>
      <c r="BL2446" s="53">
        <v>19022617.884772699</v>
      </c>
      <c r="BM2446" s="53">
        <v>19022617.884772699</v>
      </c>
      <c r="BN2446" s="53">
        <v>228271414.61727199</v>
      </c>
      <c r="BO2446" s="53">
        <v>20343678.1158791</v>
      </c>
      <c r="BP2446" s="53">
        <v>20343678.1158791</v>
      </c>
      <c r="BQ2446" s="53">
        <v>20343678.1158791</v>
      </c>
      <c r="BR2446" s="53">
        <v>20343678.1158791</v>
      </c>
      <c r="BS2446" s="53">
        <v>20343678.1158791</v>
      </c>
      <c r="BT2446" s="53">
        <v>20343678.1158791</v>
      </c>
      <c r="BU2446" s="53">
        <v>20343678.1158791</v>
      </c>
      <c r="BV2446" s="53">
        <v>20343678.1158791</v>
      </c>
      <c r="BW2446" s="53">
        <v>20343678.1158791</v>
      </c>
      <c r="BX2446" s="53">
        <v>20343678.1158791</v>
      </c>
      <c r="BY2446" s="53">
        <v>20343678.1158791</v>
      </c>
      <c r="BZ2446" s="53">
        <v>20343678.1158791</v>
      </c>
      <c r="CA2446" s="53">
        <v>244124137.390549</v>
      </c>
      <c r="CB2446" s="53">
        <v>384114385.93506598</v>
      </c>
      <c r="CC2446" s="53">
        <v>386270124.884233</v>
      </c>
      <c r="CD2446" s="53">
        <v>362556996.44340003</v>
      </c>
      <c r="CE2446" s="53">
        <v>364712735.39256603</v>
      </c>
      <c r="CF2446" s="53">
        <v>366868474.34173298</v>
      </c>
      <c r="CG2446" s="53">
        <v>369024213.29089999</v>
      </c>
      <c r="CH2446" s="53">
        <v>371179952.24006599</v>
      </c>
      <c r="CI2446" s="53">
        <v>373335691.18923301</v>
      </c>
      <c r="CJ2446" s="53">
        <v>375491430.13840002</v>
      </c>
      <c r="CK2446" s="53">
        <v>377647169.08756602</v>
      </c>
      <c r="CL2446" s="53">
        <v>379802908.03673297</v>
      </c>
      <c r="CM2446" s="53">
        <v>381958646.98589998</v>
      </c>
      <c r="CN2446" s="53">
        <v>381958646.98589998</v>
      </c>
    </row>
    <row r="2447" spans="1:92" outlineLevel="1">
      <c r="A2447" s="52" t="s">
        <v>758</v>
      </c>
      <c r="B2447" s="53"/>
      <c r="C2447" s="53"/>
      <c r="D2447" s="53"/>
      <c r="E2447" s="53"/>
      <c r="F2447" s="53"/>
      <c r="G2447" s="53"/>
      <c r="H2447" s="53"/>
      <c r="I2447" s="53"/>
      <c r="J2447" s="53"/>
      <c r="K2447" s="53"/>
      <c r="L2447" s="53"/>
      <c r="M2447" s="53"/>
      <c r="N2447" s="53"/>
      <c r="O2447" s="53"/>
      <c r="P2447" s="53"/>
      <c r="Q2447" s="53"/>
      <c r="R2447" s="53"/>
      <c r="S2447" s="53"/>
      <c r="T2447" s="53"/>
      <c r="U2447" s="53"/>
      <c r="V2447" s="53"/>
      <c r="W2447" s="53"/>
      <c r="X2447" s="53"/>
      <c r="Y2447" s="53"/>
      <c r="Z2447" s="53"/>
      <c r="AA2447" s="53"/>
      <c r="AB2447" s="53"/>
      <c r="AC2447" s="53"/>
      <c r="AD2447" s="53"/>
      <c r="AE2447" s="53"/>
      <c r="AF2447" s="53"/>
      <c r="AG2447" s="53"/>
      <c r="AH2447" s="53"/>
      <c r="AI2447" s="53"/>
      <c r="AJ2447" s="53"/>
      <c r="AK2447" s="53"/>
      <c r="AL2447" s="53"/>
      <c r="AM2447" s="53"/>
      <c r="AN2447" s="53"/>
      <c r="AO2447" s="53"/>
      <c r="AP2447" s="53"/>
      <c r="AQ2447" s="53"/>
      <c r="AR2447" s="53"/>
      <c r="AS2447" s="53"/>
      <c r="AT2447" s="53"/>
      <c r="AU2447" s="53"/>
      <c r="AV2447" s="53"/>
      <c r="AW2447" s="53"/>
      <c r="AX2447" s="53"/>
      <c r="AY2447" s="53"/>
      <c r="AZ2447" s="53"/>
      <c r="BA2447" s="53"/>
      <c r="BB2447" s="53"/>
      <c r="BC2447" s="53"/>
      <c r="BD2447" s="53"/>
      <c r="BE2447" s="53"/>
      <c r="BF2447" s="53"/>
      <c r="BG2447" s="53"/>
      <c r="BH2447" s="53"/>
      <c r="BI2447" s="53"/>
      <c r="BJ2447" s="53"/>
      <c r="BK2447" s="53"/>
      <c r="BL2447" s="53"/>
      <c r="BM2447" s="53"/>
      <c r="BN2447" s="53"/>
      <c r="BO2447" s="53"/>
      <c r="BP2447" s="53"/>
      <c r="BQ2447" s="53"/>
      <c r="BR2447" s="53"/>
      <c r="BS2447" s="53"/>
      <c r="BT2447" s="53"/>
      <c r="BU2447" s="53"/>
      <c r="BV2447" s="53"/>
      <c r="BW2447" s="53"/>
      <c r="BX2447" s="53"/>
      <c r="BY2447" s="53"/>
      <c r="BZ2447" s="53"/>
      <c r="CA2447" s="53"/>
      <c r="CB2447" s="53">
        <v>1518584657.20625</v>
      </c>
      <c r="CC2447" s="53">
        <v>2200253009.7221498</v>
      </c>
      <c r="CD2447" s="53">
        <v>2242088803.6975298</v>
      </c>
      <c r="CE2447" s="53">
        <v>2285037526.52109</v>
      </c>
      <c r="CF2447" s="53">
        <v>2307664348.1522102</v>
      </c>
      <c r="CG2447" s="53">
        <v>2353320287.7864399</v>
      </c>
      <c r="CH2447" s="53">
        <v>2428350964.3295398</v>
      </c>
      <c r="CI2447" s="53">
        <v>2376453290.9200201</v>
      </c>
      <c r="CJ2447" s="53">
        <v>2428714424.31001</v>
      </c>
      <c r="CK2447" s="53">
        <v>2417680604.99966</v>
      </c>
      <c r="CL2447" s="53">
        <v>2461070225.2923398</v>
      </c>
      <c r="CM2447" s="53">
        <v>2278379133.3365698</v>
      </c>
      <c r="CN2447" s="53">
        <v>1518584657.20625</v>
      </c>
    </row>
    <row r="2448" spans="1:92" outlineLevel="1">
      <c r="A2448" s="52" t="s">
        <v>1604</v>
      </c>
      <c r="B2448" s="53"/>
      <c r="C2448" s="53"/>
      <c r="D2448" s="53"/>
      <c r="E2448" s="53"/>
      <c r="F2448" s="53"/>
      <c r="G2448" s="53"/>
      <c r="H2448" s="53"/>
      <c r="I2448" s="53"/>
      <c r="J2448" s="53"/>
      <c r="K2448" s="53"/>
      <c r="L2448" s="53"/>
      <c r="M2448" s="53"/>
      <c r="N2448" s="53"/>
      <c r="O2448" s="53"/>
      <c r="P2448" s="53"/>
      <c r="Q2448" s="53"/>
      <c r="R2448" s="53"/>
      <c r="S2448" s="53"/>
      <c r="T2448" s="53"/>
      <c r="U2448" s="53"/>
      <c r="V2448" s="53"/>
      <c r="W2448" s="53"/>
      <c r="X2448" s="53"/>
      <c r="Y2448" s="53"/>
      <c r="Z2448" s="53"/>
      <c r="AA2448" s="53"/>
      <c r="AB2448" s="53"/>
      <c r="AC2448" s="53"/>
      <c r="AD2448" s="53"/>
      <c r="AE2448" s="53"/>
      <c r="AF2448" s="53"/>
      <c r="AG2448" s="53"/>
      <c r="AH2448" s="53"/>
      <c r="AI2448" s="53"/>
      <c r="AJ2448" s="53"/>
      <c r="AK2448" s="53"/>
      <c r="AL2448" s="53"/>
      <c r="AM2448" s="53"/>
      <c r="AN2448" s="53"/>
      <c r="AO2448" s="53"/>
      <c r="AP2448" s="53"/>
      <c r="AQ2448" s="53"/>
      <c r="AR2448" s="53"/>
      <c r="AS2448" s="53"/>
      <c r="AT2448" s="53"/>
      <c r="AU2448" s="53"/>
      <c r="AV2448" s="53"/>
      <c r="AW2448" s="53"/>
      <c r="AX2448" s="53"/>
      <c r="AY2448" s="53"/>
      <c r="AZ2448" s="53"/>
      <c r="BA2448" s="53"/>
      <c r="BB2448" s="53"/>
      <c r="BC2448" s="53"/>
      <c r="BD2448" s="53"/>
      <c r="BE2448" s="53"/>
      <c r="BF2448" s="53"/>
      <c r="BG2448" s="53"/>
      <c r="BH2448" s="53"/>
      <c r="BI2448" s="53"/>
      <c r="BJ2448" s="53"/>
      <c r="BK2448" s="53"/>
      <c r="BL2448" s="53"/>
      <c r="BM2448" s="53"/>
      <c r="BN2448" s="53"/>
      <c r="BO2448" s="53"/>
      <c r="BP2448" s="53"/>
      <c r="BQ2448" s="53"/>
      <c r="BR2448" s="53"/>
      <c r="BS2448" s="53"/>
      <c r="BT2448" s="53"/>
      <c r="BU2448" s="53"/>
      <c r="BV2448" s="53"/>
      <c r="BW2448" s="53"/>
      <c r="BX2448" s="53"/>
      <c r="BY2448" s="53"/>
      <c r="BZ2448" s="53"/>
      <c r="CA2448" s="53"/>
      <c r="CB2448" s="53"/>
      <c r="CC2448" s="53"/>
      <c r="CD2448" s="53"/>
      <c r="CE2448" s="53"/>
      <c r="CF2448" s="53"/>
      <c r="CG2448" s="53"/>
      <c r="CH2448" s="53"/>
      <c r="CI2448" s="53"/>
      <c r="CJ2448" s="53"/>
      <c r="CK2448" s="53"/>
      <c r="CL2448" s="53"/>
      <c r="CM2448" s="53"/>
      <c r="CN2448" s="53"/>
    </row>
    <row r="2449" spans="1:92" outlineLevel="1">
      <c r="A2449" s="52" t="s">
        <v>649</v>
      </c>
      <c r="B2449" s="53"/>
      <c r="C2449" s="53"/>
      <c r="D2449" s="53"/>
      <c r="E2449" s="53"/>
      <c r="F2449" s="53"/>
      <c r="G2449" s="53"/>
      <c r="H2449" s="53"/>
      <c r="I2449" s="53"/>
      <c r="J2449" s="53"/>
      <c r="K2449" s="53"/>
      <c r="L2449" s="53"/>
      <c r="M2449" s="53"/>
      <c r="N2449" s="53"/>
      <c r="O2449" s="53">
        <v>-1146882.5597796401</v>
      </c>
      <c r="P2449" s="53">
        <v>-722865.800462496</v>
      </c>
      <c r="Q2449" s="53">
        <v>-784126.88458710897</v>
      </c>
      <c r="R2449" s="53">
        <v>-860357.86625632097</v>
      </c>
      <c r="S2449" s="53">
        <v>-1027930.46849624</v>
      </c>
      <c r="T2449" s="53">
        <v>-1090102.96081228</v>
      </c>
      <c r="U2449" s="53">
        <v>-1144424.9295462801</v>
      </c>
      <c r="V2449" s="53">
        <v>-1425721.4760970999</v>
      </c>
      <c r="W2449" s="53">
        <v>-1064614.5418209401</v>
      </c>
      <c r="X2449" s="53">
        <v>-924770.77023946098</v>
      </c>
      <c r="Y2449" s="53">
        <v>-739947.846671229</v>
      </c>
      <c r="Z2449" s="53">
        <v>-786611.12173092598</v>
      </c>
      <c r="AA2449" s="53">
        <v>-11718357.226500001</v>
      </c>
      <c r="AB2449" s="53"/>
      <c r="AC2449" s="53"/>
      <c r="AD2449" s="53"/>
      <c r="AE2449" s="53"/>
      <c r="AF2449" s="53"/>
      <c r="AG2449" s="53"/>
      <c r="AH2449" s="53"/>
      <c r="AI2449" s="53"/>
      <c r="AJ2449" s="53"/>
      <c r="AK2449" s="53"/>
      <c r="AL2449" s="53"/>
      <c r="AM2449" s="53"/>
      <c r="AN2449" s="53"/>
      <c r="AO2449" s="53"/>
      <c r="AP2449" s="53"/>
      <c r="AQ2449" s="53"/>
      <c r="AR2449" s="53"/>
      <c r="AS2449" s="53"/>
      <c r="AT2449" s="53"/>
      <c r="AU2449" s="53"/>
      <c r="AV2449" s="53"/>
      <c r="AW2449" s="53"/>
      <c r="AX2449" s="53"/>
      <c r="AY2449" s="53"/>
      <c r="AZ2449" s="53"/>
      <c r="BA2449" s="53"/>
      <c r="BB2449" s="53"/>
      <c r="BC2449" s="53"/>
      <c r="BD2449" s="53"/>
      <c r="BE2449" s="53"/>
      <c r="BF2449" s="53"/>
      <c r="BG2449" s="53"/>
      <c r="BH2449" s="53"/>
      <c r="BI2449" s="53"/>
      <c r="BJ2449" s="53"/>
      <c r="BK2449" s="53"/>
      <c r="BL2449" s="53"/>
      <c r="BM2449" s="53"/>
      <c r="BN2449" s="53"/>
      <c r="BO2449" s="53"/>
      <c r="BP2449" s="53"/>
      <c r="BQ2449" s="53"/>
      <c r="BR2449" s="53"/>
      <c r="BS2449" s="53"/>
      <c r="BT2449" s="53"/>
      <c r="BU2449" s="53"/>
      <c r="BV2449" s="53"/>
      <c r="BW2449" s="53"/>
      <c r="BX2449" s="53"/>
      <c r="BY2449" s="53"/>
      <c r="BZ2449" s="53"/>
      <c r="CA2449" s="53"/>
      <c r="CB2449" s="53"/>
      <c r="CC2449" s="53"/>
      <c r="CD2449" s="53"/>
      <c r="CE2449" s="53"/>
      <c r="CF2449" s="53"/>
      <c r="CG2449" s="53"/>
      <c r="CH2449" s="53"/>
      <c r="CI2449" s="53"/>
      <c r="CJ2449" s="53"/>
      <c r="CK2449" s="53"/>
      <c r="CL2449" s="53"/>
      <c r="CM2449" s="53"/>
      <c r="CN2449" s="53"/>
    </row>
    <row r="2450" spans="1:92" outlineLevel="1">
      <c r="A2450" s="52" t="s">
        <v>769</v>
      </c>
      <c r="B2450" s="53"/>
      <c r="C2450" s="53"/>
      <c r="D2450" s="53"/>
      <c r="E2450" s="53"/>
      <c r="F2450" s="53"/>
      <c r="G2450" s="53"/>
      <c r="H2450" s="53"/>
      <c r="I2450" s="53"/>
      <c r="J2450" s="53"/>
      <c r="K2450" s="53"/>
      <c r="L2450" s="53"/>
      <c r="M2450" s="53"/>
      <c r="N2450" s="53"/>
      <c r="O2450" s="53"/>
      <c r="P2450" s="53"/>
      <c r="Q2450" s="53"/>
      <c r="R2450" s="53"/>
      <c r="S2450" s="53"/>
      <c r="T2450" s="53"/>
      <c r="U2450" s="53"/>
      <c r="V2450" s="53"/>
      <c r="W2450" s="53"/>
      <c r="X2450" s="53"/>
      <c r="Y2450" s="53"/>
      <c r="Z2450" s="53"/>
      <c r="AA2450" s="53"/>
      <c r="AB2450" s="53"/>
      <c r="AC2450" s="53"/>
      <c r="AD2450" s="53"/>
      <c r="AE2450" s="53"/>
      <c r="AF2450" s="53"/>
      <c r="AG2450" s="53"/>
      <c r="AH2450" s="53"/>
      <c r="AI2450" s="53"/>
      <c r="AJ2450" s="53"/>
      <c r="AK2450" s="53"/>
      <c r="AL2450" s="53"/>
      <c r="AM2450" s="53"/>
      <c r="AN2450" s="53"/>
      <c r="AO2450" s="53"/>
      <c r="AP2450" s="53"/>
      <c r="AQ2450" s="53"/>
      <c r="AR2450" s="53"/>
      <c r="AS2450" s="53"/>
      <c r="AT2450" s="53"/>
      <c r="AU2450" s="53"/>
      <c r="AV2450" s="53"/>
      <c r="AW2450" s="53"/>
      <c r="AX2450" s="53"/>
      <c r="AY2450" s="53"/>
      <c r="AZ2450" s="53"/>
      <c r="BA2450" s="53"/>
      <c r="BB2450" s="53"/>
      <c r="BC2450" s="53"/>
      <c r="BD2450" s="53"/>
      <c r="BE2450" s="53"/>
      <c r="BF2450" s="53"/>
      <c r="BG2450" s="53"/>
      <c r="BH2450" s="53"/>
      <c r="BI2450" s="53"/>
      <c r="BJ2450" s="53"/>
      <c r="BK2450" s="53"/>
      <c r="BL2450" s="53"/>
      <c r="BM2450" s="53"/>
      <c r="BN2450" s="53"/>
      <c r="BO2450" s="53"/>
      <c r="BP2450" s="53"/>
      <c r="BQ2450" s="53"/>
      <c r="BR2450" s="53"/>
      <c r="BS2450" s="53"/>
      <c r="BT2450" s="53"/>
      <c r="BU2450" s="53"/>
      <c r="BV2450" s="53"/>
      <c r="BW2450" s="53"/>
      <c r="BX2450" s="53"/>
      <c r="BY2450" s="53"/>
      <c r="BZ2450" s="53"/>
      <c r="CA2450" s="53"/>
      <c r="CB2450" s="53"/>
      <c r="CC2450" s="53"/>
      <c r="CD2450" s="53"/>
      <c r="CE2450" s="53"/>
      <c r="CF2450" s="53"/>
      <c r="CG2450" s="53"/>
      <c r="CH2450" s="53"/>
      <c r="CI2450" s="53"/>
      <c r="CJ2450" s="53"/>
      <c r="CK2450" s="53"/>
      <c r="CL2450" s="53"/>
      <c r="CM2450" s="53"/>
      <c r="CN2450" s="53"/>
    </row>
    <row r="2451" spans="1:92" outlineLevel="1">
      <c r="A2451" s="52" t="s">
        <v>770</v>
      </c>
      <c r="B2451" s="53"/>
      <c r="C2451" s="53"/>
      <c r="D2451" s="53"/>
      <c r="E2451" s="53"/>
      <c r="F2451" s="53"/>
      <c r="G2451" s="53"/>
      <c r="H2451" s="53"/>
      <c r="I2451" s="53"/>
      <c r="J2451" s="53"/>
      <c r="K2451" s="53"/>
      <c r="L2451" s="53"/>
      <c r="M2451" s="53"/>
      <c r="N2451" s="53"/>
      <c r="O2451" s="53"/>
      <c r="P2451" s="53"/>
      <c r="Q2451" s="53"/>
      <c r="R2451" s="53"/>
      <c r="S2451" s="53"/>
      <c r="T2451" s="53"/>
      <c r="U2451" s="53"/>
      <c r="V2451" s="53"/>
      <c r="W2451" s="53"/>
      <c r="X2451" s="53"/>
      <c r="Y2451" s="53"/>
      <c r="Z2451" s="53"/>
      <c r="AA2451" s="53"/>
      <c r="AB2451" s="53"/>
      <c r="AC2451" s="53"/>
      <c r="AD2451" s="53"/>
      <c r="AE2451" s="53"/>
      <c r="AF2451" s="53"/>
      <c r="AG2451" s="53"/>
      <c r="AH2451" s="53"/>
      <c r="AI2451" s="53"/>
      <c r="AJ2451" s="53"/>
      <c r="AK2451" s="53"/>
      <c r="AL2451" s="53"/>
      <c r="AM2451" s="53"/>
      <c r="AN2451" s="53"/>
      <c r="AO2451" s="53"/>
      <c r="AP2451" s="53"/>
      <c r="AQ2451" s="53"/>
      <c r="AR2451" s="53"/>
      <c r="AS2451" s="53"/>
      <c r="AT2451" s="53"/>
      <c r="AU2451" s="53"/>
      <c r="AV2451" s="53"/>
      <c r="AW2451" s="53"/>
      <c r="AX2451" s="53"/>
      <c r="AY2451" s="53"/>
      <c r="AZ2451" s="53"/>
      <c r="BA2451" s="53"/>
      <c r="BB2451" s="53"/>
      <c r="BC2451" s="53"/>
      <c r="BD2451" s="53"/>
      <c r="BE2451" s="53"/>
      <c r="BF2451" s="53"/>
      <c r="BG2451" s="53"/>
      <c r="BH2451" s="53"/>
      <c r="BI2451" s="53"/>
      <c r="BJ2451" s="53"/>
      <c r="BK2451" s="53"/>
      <c r="BL2451" s="53"/>
      <c r="BM2451" s="53"/>
      <c r="BN2451" s="53"/>
      <c r="BO2451" s="53"/>
      <c r="BP2451" s="53"/>
      <c r="BQ2451" s="53"/>
      <c r="BR2451" s="53"/>
      <c r="BS2451" s="53"/>
      <c r="BT2451" s="53"/>
      <c r="BU2451" s="53"/>
      <c r="BV2451" s="53"/>
      <c r="BW2451" s="53"/>
      <c r="BX2451" s="53"/>
      <c r="BY2451" s="53"/>
      <c r="BZ2451" s="53"/>
      <c r="CA2451" s="53"/>
      <c r="CB2451" s="53">
        <v>-8862311.0487578698</v>
      </c>
      <c r="CC2451" s="53">
        <v>-9517177.7608454004</v>
      </c>
      <c r="CD2451" s="53">
        <v>-10580143.5419979</v>
      </c>
      <c r="CE2451" s="53">
        <v>-10608489.2905655</v>
      </c>
      <c r="CF2451" s="53">
        <v>-9906548.2787426002</v>
      </c>
      <c r="CG2451" s="53">
        <v>-9920691.9940579999</v>
      </c>
      <c r="CH2451" s="53">
        <v>-9803136.0555846002</v>
      </c>
      <c r="CI2451" s="53">
        <v>-9125686.0586299002</v>
      </c>
      <c r="CJ2451" s="53">
        <v>-8651325.0956799705</v>
      </c>
      <c r="CK2451" s="53">
        <v>-9384248.3921816796</v>
      </c>
      <c r="CL2451" s="53">
        <v>-8944815.07152717</v>
      </c>
      <c r="CM2451" s="53">
        <v>-8382254.2809268702</v>
      </c>
      <c r="CN2451" s="53">
        <v>-113686826.869497</v>
      </c>
    </row>
    <row r="2452" spans="1:92" outlineLevel="1">
      <c r="A2452" s="52" t="s">
        <v>649</v>
      </c>
      <c r="B2452" s="53">
        <v>56613493.259999998</v>
      </c>
      <c r="C2452" s="53">
        <v>47825393.969999999</v>
      </c>
      <c r="D2452" s="53">
        <v>44538790.159999996</v>
      </c>
      <c r="E2452" s="53">
        <v>28822708.6599999</v>
      </c>
      <c r="F2452" s="53">
        <v>24885311.41</v>
      </c>
      <c r="G2452" s="53">
        <v>22769660.129999999</v>
      </c>
      <c r="H2452" s="53">
        <v>37141707.170000002</v>
      </c>
      <c r="I2452" s="53">
        <v>35851667.979999997</v>
      </c>
      <c r="J2452" s="53">
        <v>40295825.060000002</v>
      </c>
      <c r="K2452" s="53">
        <v>29914819.489999998</v>
      </c>
      <c r="L2452" s="53">
        <v>10856786.35</v>
      </c>
      <c r="M2452" s="53">
        <v>4020351.59</v>
      </c>
      <c r="N2452" s="53">
        <v>383536515.23000002</v>
      </c>
      <c r="O2452" s="53">
        <v>6484847.9900000002</v>
      </c>
      <c r="P2452" s="53">
        <v>5555935.4699999997</v>
      </c>
      <c r="Q2452" s="53">
        <v>10361733.09</v>
      </c>
      <c r="R2452" s="53">
        <v>3442406.19</v>
      </c>
      <c r="S2452" s="53">
        <v>19680039.010000002</v>
      </c>
      <c r="T2452" s="53">
        <v>21630294.1599999</v>
      </c>
      <c r="U2452" s="53">
        <v>26251780.309999999</v>
      </c>
      <c r="V2452" s="53">
        <v>26420150.210000001</v>
      </c>
      <c r="W2452" s="53">
        <v>23537547.07</v>
      </c>
      <c r="X2452" s="53">
        <v>16098354.7999999</v>
      </c>
      <c r="Y2452" s="53">
        <v>13872146.369999999</v>
      </c>
      <c r="Z2452" s="53">
        <v>7963172.8099999903</v>
      </c>
      <c r="AA2452" s="53">
        <v>181298407.47999999</v>
      </c>
      <c r="AB2452" s="53">
        <v>5728202.5699999901</v>
      </c>
      <c r="AC2452" s="53">
        <v>3210094.7699999898</v>
      </c>
      <c r="AD2452" s="53">
        <v>1538372.26999999</v>
      </c>
      <c r="AE2452" s="53">
        <v>8314765.3200000003</v>
      </c>
      <c r="AF2452" s="53">
        <v>19365393</v>
      </c>
      <c r="AG2452" s="53">
        <v>20069279.859999999</v>
      </c>
      <c r="AH2452" s="53">
        <v>23835975.329999998</v>
      </c>
      <c r="AI2452" s="53">
        <v>27905530.800000001</v>
      </c>
      <c r="AJ2452" s="53">
        <v>19972074.969999999</v>
      </c>
      <c r="AK2452" s="53">
        <v>16272585.4599999</v>
      </c>
      <c r="AL2452" s="53">
        <v>11444636.060000001</v>
      </c>
      <c r="AM2452" s="53">
        <v>4789635.57</v>
      </c>
      <c r="AN2452" s="53">
        <v>162446545.97999999</v>
      </c>
      <c r="AO2452" s="53">
        <v>5576383.21</v>
      </c>
      <c r="AP2452" s="53">
        <v>4011587.47</v>
      </c>
      <c r="AQ2452" s="53">
        <v>9666392.5399999991</v>
      </c>
      <c r="AR2452" s="53">
        <v>6179840.1799999997</v>
      </c>
      <c r="AS2452" s="53">
        <v>8819494.9399999995</v>
      </c>
      <c r="AT2452" s="53">
        <v>9532164.6199999992</v>
      </c>
      <c r="AU2452" s="53">
        <v>14918590.849999901</v>
      </c>
      <c r="AV2452" s="53">
        <v>21156870.030000001</v>
      </c>
      <c r="AW2452" s="53">
        <v>17099196.669999901</v>
      </c>
      <c r="AX2452" s="53">
        <v>13315042.699999999</v>
      </c>
      <c r="AY2452" s="53">
        <v>7239552.1799999997</v>
      </c>
      <c r="AZ2452" s="53">
        <v>3496446.96</v>
      </c>
      <c r="BA2452" s="53">
        <v>121011562.34999999</v>
      </c>
      <c r="BB2452" s="53">
        <v>6311320.7800000003</v>
      </c>
      <c r="BC2452" s="53">
        <v>4349404.99</v>
      </c>
      <c r="BD2452" s="53">
        <v>4862191.16</v>
      </c>
      <c r="BE2452" s="53">
        <v>5039601.68</v>
      </c>
      <c r="BF2452" s="53">
        <v>13518226.08</v>
      </c>
      <c r="BG2452" s="53">
        <v>15583061.09</v>
      </c>
      <c r="BH2452" s="53">
        <v>19285200.839999899</v>
      </c>
      <c r="BI2452" s="53">
        <v>22149230.469999999</v>
      </c>
      <c r="BJ2452" s="53">
        <v>18530791.199999999</v>
      </c>
      <c r="BK2452" s="53">
        <v>20243452.300000001</v>
      </c>
      <c r="BL2452" s="53">
        <v>11746712.27</v>
      </c>
      <c r="BM2452" s="53">
        <v>5258108.5599999996</v>
      </c>
      <c r="BN2452" s="53">
        <v>146877301.41999999</v>
      </c>
      <c r="BO2452" s="53">
        <v>6272379.7000000002</v>
      </c>
      <c r="BP2452" s="53">
        <v>4007192.75</v>
      </c>
      <c r="BQ2452" s="53">
        <v>8688162.2300000004</v>
      </c>
      <c r="BR2452" s="53">
        <v>5955970.6399999997</v>
      </c>
      <c r="BS2452" s="53">
        <v>14343028.7099999</v>
      </c>
      <c r="BT2452" s="53">
        <v>17968877.059999999</v>
      </c>
      <c r="BU2452" s="53">
        <v>19637064.370000001</v>
      </c>
      <c r="BV2452" s="53">
        <v>21289464.829999998</v>
      </c>
      <c r="BW2452" s="53">
        <v>17732063.300000001</v>
      </c>
      <c r="BX2452" s="53">
        <v>15785682.439999999</v>
      </c>
      <c r="BY2452" s="53">
        <v>4819984.8199999901</v>
      </c>
      <c r="BZ2452" s="53">
        <v>4782938.5</v>
      </c>
      <c r="CA2452" s="53">
        <v>141282809.34999999</v>
      </c>
      <c r="CB2452" s="53"/>
      <c r="CC2452" s="53"/>
      <c r="CD2452" s="53"/>
      <c r="CE2452" s="53"/>
      <c r="CF2452" s="53"/>
      <c r="CG2452" s="53"/>
      <c r="CH2452" s="53"/>
      <c r="CI2452" s="53"/>
      <c r="CJ2452" s="53"/>
      <c r="CK2452" s="53"/>
      <c r="CL2452" s="53"/>
      <c r="CM2452" s="53"/>
      <c r="CN2452" s="53"/>
    </row>
    <row r="2453" spans="1:92" outlineLevel="1">
      <c r="A2453" s="52" t="s">
        <v>771</v>
      </c>
      <c r="B2453" s="53"/>
      <c r="C2453" s="53"/>
      <c r="D2453" s="53"/>
      <c r="E2453" s="53"/>
      <c r="F2453" s="53"/>
      <c r="G2453" s="53"/>
      <c r="H2453" s="53"/>
      <c r="I2453" s="53"/>
      <c r="J2453" s="53"/>
      <c r="K2453" s="53"/>
      <c r="L2453" s="53"/>
      <c r="M2453" s="53"/>
      <c r="N2453" s="53"/>
      <c r="O2453" s="53"/>
      <c r="P2453" s="53"/>
      <c r="Q2453" s="53"/>
      <c r="R2453" s="53"/>
      <c r="S2453" s="53"/>
      <c r="T2453" s="53"/>
      <c r="U2453" s="53"/>
      <c r="V2453" s="53"/>
      <c r="W2453" s="53"/>
      <c r="X2453" s="53"/>
      <c r="Y2453" s="53"/>
      <c r="Z2453" s="53"/>
      <c r="AA2453" s="53"/>
      <c r="AB2453" s="53"/>
      <c r="AC2453" s="53"/>
      <c r="AD2453" s="53"/>
      <c r="AE2453" s="53"/>
      <c r="AF2453" s="53"/>
      <c r="AG2453" s="53"/>
      <c r="AH2453" s="53"/>
      <c r="AI2453" s="53"/>
      <c r="AJ2453" s="53"/>
      <c r="AK2453" s="53"/>
      <c r="AL2453" s="53"/>
      <c r="AM2453" s="53"/>
      <c r="AN2453" s="53"/>
      <c r="AO2453" s="53"/>
      <c r="AP2453" s="53"/>
      <c r="AQ2453" s="53"/>
      <c r="AR2453" s="53"/>
      <c r="AS2453" s="53"/>
      <c r="AT2453" s="53"/>
      <c r="AU2453" s="53"/>
      <c r="AV2453" s="53"/>
      <c r="AW2453" s="53"/>
      <c r="AX2453" s="53"/>
      <c r="AY2453" s="53"/>
      <c r="AZ2453" s="53"/>
      <c r="BA2453" s="53"/>
      <c r="BB2453" s="53"/>
      <c r="BC2453" s="53"/>
      <c r="BD2453" s="53"/>
      <c r="BE2453" s="53"/>
      <c r="BF2453" s="53"/>
      <c r="BG2453" s="53"/>
      <c r="BH2453" s="53"/>
      <c r="BI2453" s="53"/>
      <c r="BJ2453" s="53"/>
      <c r="BK2453" s="53"/>
      <c r="BL2453" s="53"/>
      <c r="BM2453" s="53"/>
      <c r="BN2453" s="53"/>
      <c r="BO2453" s="53"/>
      <c r="BP2453" s="53"/>
      <c r="BQ2453" s="53"/>
      <c r="BR2453" s="53"/>
      <c r="BS2453" s="53"/>
      <c r="BT2453" s="53"/>
      <c r="BU2453" s="53"/>
      <c r="BV2453" s="53"/>
      <c r="BW2453" s="53"/>
      <c r="BX2453" s="53"/>
      <c r="BY2453" s="53"/>
      <c r="BZ2453" s="53"/>
      <c r="CA2453" s="53"/>
      <c r="CB2453" s="53"/>
      <c r="CC2453" s="53"/>
      <c r="CD2453" s="53"/>
      <c r="CE2453" s="53"/>
      <c r="CF2453" s="53"/>
      <c r="CG2453" s="53"/>
      <c r="CH2453" s="53"/>
      <c r="CI2453" s="53"/>
      <c r="CJ2453" s="53"/>
      <c r="CK2453" s="53"/>
      <c r="CL2453" s="53"/>
      <c r="CM2453" s="53"/>
      <c r="CN2453" s="53"/>
    </row>
    <row r="2454" spans="1:92" outlineLevel="1">
      <c r="A2454" s="52" t="s">
        <v>649</v>
      </c>
      <c r="B2454" s="53">
        <v>3789809.94</v>
      </c>
      <c r="C2454" s="53">
        <v>3422268.28</v>
      </c>
      <c r="D2454" s="53">
        <v>3143837.66</v>
      </c>
      <c r="E2454" s="53">
        <v>2093543.46</v>
      </c>
      <c r="F2454" s="53">
        <v>3503076.71999999</v>
      </c>
      <c r="G2454" s="53">
        <v>4028055.1799999899</v>
      </c>
      <c r="H2454" s="53">
        <v>5073254.49</v>
      </c>
      <c r="I2454" s="53">
        <v>5742731.75</v>
      </c>
      <c r="J2454" s="53">
        <v>4862843.8</v>
      </c>
      <c r="K2454" s="53">
        <v>2830850.48</v>
      </c>
      <c r="L2454" s="53">
        <v>4178068.13</v>
      </c>
      <c r="M2454" s="53">
        <v>4837041.5599999996</v>
      </c>
      <c r="N2454" s="53">
        <v>47505381.450000003</v>
      </c>
      <c r="O2454" s="53">
        <v>5141844.54</v>
      </c>
      <c r="P2454" s="53">
        <v>4855313.92</v>
      </c>
      <c r="Q2454" s="53">
        <v>4357533.95</v>
      </c>
      <c r="R2454" s="53">
        <v>2534368.79</v>
      </c>
      <c r="S2454" s="53">
        <v>2700229.93</v>
      </c>
      <c r="T2454" s="53">
        <v>2893365.16</v>
      </c>
      <c r="U2454" s="53">
        <v>2752843.91</v>
      </c>
      <c r="V2454" s="53">
        <v>2924244.46</v>
      </c>
      <c r="W2454" s="53">
        <v>2795109.63</v>
      </c>
      <c r="X2454" s="53">
        <v>2153144.7000000002</v>
      </c>
      <c r="Y2454" s="53">
        <v>5013419.0599999996</v>
      </c>
      <c r="Z2454" s="53">
        <v>5546676.7599999998</v>
      </c>
      <c r="AA2454" s="53">
        <v>43668094.810000002</v>
      </c>
      <c r="AB2454" s="53">
        <v>4471780.09</v>
      </c>
      <c r="AC2454" s="53">
        <v>4081060.52999999</v>
      </c>
      <c r="AD2454" s="53">
        <v>3916406.12</v>
      </c>
      <c r="AE2454" s="53">
        <v>2367178.5899999901</v>
      </c>
      <c r="AF2454" s="53">
        <v>4838483.1100000003</v>
      </c>
      <c r="AG2454" s="53">
        <v>2932146.04</v>
      </c>
      <c r="AH2454" s="53">
        <v>2622953.9799999902</v>
      </c>
      <c r="AI2454" s="53">
        <v>2763822.11</v>
      </c>
      <c r="AJ2454" s="53">
        <v>2721854.29</v>
      </c>
      <c r="AK2454" s="53">
        <v>2478806.4799999902</v>
      </c>
      <c r="AL2454" s="53">
        <v>2545071.83</v>
      </c>
      <c r="AM2454" s="53">
        <v>4647910.3599999901</v>
      </c>
      <c r="AN2454" s="53">
        <v>40387473.530000001</v>
      </c>
      <c r="AO2454" s="53">
        <v>4390621.54</v>
      </c>
      <c r="AP2454" s="53">
        <v>3696168.5399999898</v>
      </c>
      <c r="AQ2454" s="53">
        <v>3535796.98</v>
      </c>
      <c r="AR2454" s="53">
        <v>2379921.96999999</v>
      </c>
      <c r="AS2454" s="53">
        <v>3735262.3999999901</v>
      </c>
      <c r="AT2454" s="53">
        <v>4022527.57</v>
      </c>
      <c r="AU2454" s="53">
        <v>3041052.57</v>
      </c>
      <c r="AV2454" s="53">
        <v>2881264.5699999901</v>
      </c>
      <c r="AW2454" s="53">
        <v>2646040.23</v>
      </c>
      <c r="AX2454" s="53">
        <v>2644422.67</v>
      </c>
      <c r="AY2454" s="53">
        <v>3065965.94</v>
      </c>
      <c r="AZ2454" s="53">
        <v>4345653.6500000004</v>
      </c>
      <c r="BA2454" s="53">
        <v>40384698.629999898</v>
      </c>
      <c r="BB2454" s="53">
        <v>4356287.4000000004</v>
      </c>
      <c r="BC2454" s="53">
        <v>3562652.82</v>
      </c>
      <c r="BD2454" s="53">
        <v>3418987</v>
      </c>
      <c r="BE2454" s="53">
        <v>2627414.4300000002</v>
      </c>
      <c r="BF2454" s="53">
        <v>2605299.6</v>
      </c>
      <c r="BG2454" s="53">
        <v>2770695.12</v>
      </c>
      <c r="BH2454" s="53">
        <v>2424136.56</v>
      </c>
      <c r="BI2454" s="53">
        <v>2686188.02</v>
      </c>
      <c r="BJ2454" s="53">
        <v>2714288.51</v>
      </c>
      <c r="BK2454" s="53">
        <v>2389000.46</v>
      </c>
      <c r="BL2454" s="53">
        <v>2955607.78</v>
      </c>
      <c r="BM2454" s="53">
        <v>4348307.33</v>
      </c>
      <c r="BN2454" s="53">
        <v>36858865.030000001</v>
      </c>
      <c r="BO2454" s="53">
        <v>4190324.37</v>
      </c>
      <c r="BP2454" s="53">
        <v>3861766.5</v>
      </c>
      <c r="BQ2454" s="53">
        <v>3510986.22</v>
      </c>
      <c r="BR2454" s="53">
        <v>2187418.92</v>
      </c>
      <c r="BS2454" s="53">
        <v>2463125.96</v>
      </c>
      <c r="BT2454" s="53">
        <v>2625186.5299999998</v>
      </c>
      <c r="BU2454" s="53">
        <v>2537434.6599999899</v>
      </c>
      <c r="BV2454" s="53">
        <v>2917305.7</v>
      </c>
      <c r="BW2454" s="53">
        <v>2805057.84</v>
      </c>
      <c r="BX2454" s="53">
        <v>2056321.21999999</v>
      </c>
      <c r="BY2454" s="53">
        <v>1113091.3700000001</v>
      </c>
      <c r="BZ2454" s="53">
        <v>1625862.3899999899</v>
      </c>
      <c r="CA2454" s="53">
        <v>31893881.68</v>
      </c>
      <c r="CB2454" s="53"/>
      <c r="CC2454" s="53"/>
      <c r="CD2454" s="53"/>
      <c r="CE2454" s="53"/>
      <c r="CF2454" s="53"/>
      <c r="CG2454" s="53"/>
      <c r="CH2454" s="53"/>
      <c r="CI2454" s="53"/>
      <c r="CJ2454" s="53"/>
      <c r="CK2454" s="53"/>
      <c r="CL2454" s="53">
        <v>-224995855.50060099</v>
      </c>
      <c r="CM2454" s="53"/>
      <c r="CN2454" s="53">
        <v>-224995855.50060099</v>
      </c>
    </row>
    <row r="2455" spans="1:92" outlineLevel="1">
      <c r="A2455" s="52" t="s">
        <v>772</v>
      </c>
      <c r="B2455" s="53"/>
      <c r="C2455" s="53"/>
      <c r="D2455" s="53"/>
      <c r="E2455" s="53"/>
      <c r="F2455" s="53"/>
      <c r="G2455" s="53"/>
      <c r="H2455" s="53"/>
      <c r="I2455" s="53"/>
      <c r="J2455" s="53"/>
      <c r="K2455" s="53"/>
      <c r="L2455" s="53"/>
      <c r="M2455" s="53"/>
      <c r="N2455" s="53"/>
      <c r="O2455" s="53"/>
      <c r="P2455" s="53"/>
      <c r="Q2455" s="53"/>
      <c r="R2455" s="53"/>
      <c r="S2455" s="53"/>
      <c r="T2455" s="53"/>
      <c r="U2455" s="53"/>
      <c r="V2455" s="53"/>
      <c r="W2455" s="53"/>
      <c r="X2455" s="53"/>
      <c r="Y2455" s="53"/>
      <c r="Z2455" s="53"/>
      <c r="AA2455" s="53"/>
      <c r="AB2455" s="53"/>
      <c r="AC2455" s="53"/>
      <c r="AD2455" s="53"/>
      <c r="AE2455" s="53"/>
      <c r="AF2455" s="53"/>
      <c r="AG2455" s="53"/>
      <c r="AH2455" s="53"/>
      <c r="AI2455" s="53"/>
      <c r="AJ2455" s="53"/>
      <c r="AK2455" s="53"/>
      <c r="AL2455" s="53"/>
      <c r="AM2455" s="53"/>
      <c r="AN2455" s="53"/>
      <c r="AO2455" s="53"/>
      <c r="AP2455" s="53"/>
      <c r="AQ2455" s="53"/>
      <c r="AR2455" s="53"/>
      <c r="AS2455" s="53"/>
      <c r="AT2455" s="53"/>
      <c r="AU2455" s="53"/>
      <c r="AV2455" s="53"/>
      <c r="AW2455" s="53"/>
      <c r="AX2455" s="53"/>
      <c r="AY2455" s="53"/>
      <c r="AZ2455" s="53"/>
      <c r="BA2455" s="53"/>
      <c r="BB2455" s="53"/>
      <c r="BC2455" s="53"/>
      <c r="BD2455" s="53"/>
      <c r="BE2455" s="53"/>
      <c r="BF2455" s="53"/>
      <c r="BG2455" s="53"/>
      <c r="BH2455" s="53"/>
      <c r="BI2455" s="53"/>
      <c r="BJ2455" s="53"/>
      <c r="BK2455" s="53"/>
      <c r="BL2455" s="53"/>
      <c r="BM2455" s="53"/>
      <c r="BN2455" s="53"/>
      <c r="BO2455" s="53"/>
      <c r="BP2455" s="53"/>
      <c r="BQ2455" s="53"/>
      <c r="BR2455" s="53"/>
      <c r="BS2455" s="53"/>
      <c r="BT2455" s="53"/>
      <c r="BU2455" s="53"/>
      <c r="BV2455" s="53"/>
      <c r="BW2455" s="53"/>
      <c r="BX2455" s="53"/>
      <c r="BY2455" s="53"/>
      <c r="BZ2455" s="53"/>
      <c r="CA2455" s="53"/>
      <c r="CB2455" s="53"/>
      <c r="CC2455" s="53"/>
      <c r="CD2455" s="53"/>
      <c r="CE2455" s="53"/>
      <c r="CF2455" s="53"/>
      <c r="CG2455" s="53"/>
      <c r="CH2455" s="53"/>
      <c r="CI2455" s="53"/>
      <c r="CJ2455" s="53"/>
      <c r="CK2455" s="53"/>
      <c r="CL2455" s="53"/>
      <c r="CM2455" s="53"/>
      <c r="CN2455" s="53"/>
    </row>
    <row r="2456" spans="1:92" outlineLevel="1">
      <c r="A2456" s="52" t="s">
        <v>649</v>
      </c>
      <c r="B2456" s="53">
        <v>106318449.72999901</v>
      </c>
      <c r="C2456" s="53">
        <v>100794760.3</v>
      </c>
      <c r="D2456" s="53">
        <v>127940463.469999</v>
      </c>
      <c r="E2456" s="53">
        <v>102737561</v>
      </c>
      <c r="F2456" s="53">
        <v>165531098.33000001</v>
      </c>
      <c r="G2456" s="53">
        <v>188818153.13</v>
      </c>
      <c r="H2456" s="53">
        <v>245991165.06</v>
      </c>
      <c r="I2456" s="53">
        <v>244053514.19999999</v>
      </c>
      <c r="J2456" s="53">
        <v>221759871.77000001</v>
      </c>
      <c r="K2456" s="53">
        <v>205629827.78999999</v>
      </c>
      <c r="L2456" s="53">
        <v>149868013.94999999</v>
      </c>
      <c r="M2456" s="53">
        <v>173142034.31</v>
      </c>
      <c r="N2456" s="53">
        <v>2032584913.04</v>
      </c>
      <c r="O2456" s="53">
        <v>170256544.28999999</v>
      </c>
      <c r="P2456" s="53">
        <v>152994064.80000001</v>
      </c>
      <c r="Q2456" s="53">
        <v>144113365.46000001</v>
      </c>
      <c r="R2456" s="53">
        <v>128691680.13</v>
      </c>
      <c r="S2456" s="53">
        <v>139762662.09</v>
      </c>
      <c r="T2456" s="53">
        <v>151151211.72999999</v>
      </c>
      <c r="U2456" s="53">
        <v>163390006.09</v>
      </c>
      <c r="V2456" s="53">
        <v>159137751.93000001</v>
      </c>
      <c r="W2456" s="53">
        <v>148151117.47999999</v>
      </c>
      <c r="X2456" s="53">
        <v>135366420.88</v>
      </c>
      <c r="Y2456" s="53">
        <v>122532544.019999</v>
      </c>
      <c r="Z2456" s="53">
        <v>141364511.03</v>
      </c>
      <c r="AA2456" s="53">
        <v>1756911879.9300001</v>
      </c>
      <c r="AB2456" s="53">
        <v>145243330.71999899</v>
      </c>
      <c r="AC2456" s="53">
        <v>131565532.47999901</v>
      </c>
      <c r="AD2456" s="53">
        <v>125545250.39999899</v>
      </c>
      <c r="AE2456" s="53">
        <v>107376927.11999901</v>
      </c>
      <c r="AF2456" s="53">
        <v>116035234.78999899</v>
      </c>
      <c r="AG2456" s="53">
        <v>131086793.279999</v>
      </c>
      <c r="AH2456" s="53">
        <v>138610982.09</v>
      </c>
      <c r="AI2456" s="53">
        <v>136039846.30000001</v>
      </c>
      <c r="AJ2456" s="53">
        <v>133505884.06999999</v>
      </c>
      <c r="AK2456" s="53">
        <v>121750731.81999999</v>
      </c>
      <c r="AL2456" s="53">
        <v>109429431.84999999</v>
      </c>
      <c r="AM2456" s="53">
        <v>127332792.81</v>
      </c>
      <c r="AN2456" s="53">
        <v>1523522737.73</v>
      </c>
      <c r="AO2456" s="53">
        <v>128410282.59999999</v>
      </c>
      <c r="AP2456" s="53">
        <v>111936288.529999</v>
      </c>
      <c r="AQ2456" s="53">
        <v>109343936.27</v>
      </c>
      <c r="AR2456" s="53">
        <v>106153748.73</v>
      </c>
      <c r="AS2456" s="53">
        <v>122746868.36</v>
      </c>
      <c r="AT2456" s="53">
        <v>130665780.91</v>
      </c>
      <c r="AU2456" s="53">
        <v>137968389.66999999</v>
      </c>
      <c r="AV2456" s="53">
        <v>133672513.31</v>
      </c>
      <c r="AW2456" s="53">
        <v>129613280.02</v>
      </c>
      <c r="AX2456" s="53">
        <v>115433683.19</v>
      </c>
      <c r="AY2456" s="53">
        <v>106979295.79000001</v>
      </c>
      <c r="AZ2456" s="53">
        <v>124542360.67999899</v>
      </c>
      <c r="BA2456" s="53">
        <v>1457466428.0599999</v>
      </c>
      <c r="BB2456" s="53">
        <v>124667569.92</v>
      </c>
      <c r="BC2456" s="53">
        <v>110298947.2</v>
      </c>
      <c r="BD2456" s="53">
        <v>110241516.25</v>
      </c>
      <c r="BE2456" s="53">
        <v>103431159.14999899</v>
      </c>
      <c r="BF2456" s="53">
        <v>118639841.22</v>
      </c>
      <c r="BG2456" s="53">
        <v>127349680.749999</v>
      </c>
      <c r="BH2456" s="53">
        <v>134189338.11</v>
      </c>
      <c r="BI2456" s="53">
        <v>131504854.22</v>
      </c>
      <c r="BJ2456" s="53">
        <v>127738638.95</v>
      </c>
      <c r="BK2456" s="53">
        <v>109139694.69</v>
      </c>
      <c r="BL2456" s="53">
        <v>103570454.669999</v>
      </c>
      <c r="BM2456" s="53">
        <v>120415089.45</v>
      </c>
      <c r="BN2456" s="53">
        <v>1421186784.5799999</v>
      </c>
      <c r="BO2456" s="53">
        <v>121357488.189999</v>
      </c>
      <c r="BP2456" s="53">
        <v>106517265.29000001</v>
      </c>
      <c r="BQ2456" s="53">
        <v>103255198.59</v>
      </c>
      <c r="BR2456" s="53">
        <v>101450018.38</v>
      </c>
      <c r="BS2456" s="53">
        <v>111594269.02</v>
      </c>
      <c r="BT2456" s="53">
        <v>120582515.699999</v>
      </c>
      <c r="BU2456" s="53">
        <v>128943973.16</v>
      </c>
      <c r="BV2456" s="53">
        <v>127428889.34999999</v>
      </c>
      <c r="BW2456" s="53">
        <v>122933468.55</v>
      </c>
      <c r="BX2456" s="53">
        <v>109816579.059999</v>
      </c>
      <c r="BY2456" s="53">
        <v>103137945.63</v>
      </c>
      <c r="BZ2456" s="53">
        <v>117883663.52</v>
      </c>
      <c r="CA2456" s="53">
        <v>1374901274.43999</v>
      </c>
      <c r="CB2456" s="53"/>
      <c r="CC2456" s="53"/>
      <c r="CD2456" s="53"/>
      <c r="CE2456" s="53"/>
      <c r="CF2456" s="53"/>
      <c r="CG2456" s="53"/>
      <c r="CH2456" s="53"/>
      <c r="CI2456" s="53"/>
      <c r="CJ2456" s="53"/>
      <c r="CK2456" s="53"/>
      <c r="CL2456" s="53"/>
      <c r="CM2456" s="53"/>
      <c r="CN2456" s="53"/>
    </row>
    <row r="2457" spans="1:92" outlineLevel="1">
      <c r="A2457" s="52" t="s">
        <v>709</v>
      </c>
      <c r="B2457" s="53"/>
      <c r="C2457" s="53"/>
      <c r="D2457" s="53"/>
      <c r="E2457" s="53"/>
      <c r="F2457" s="53"/>
      <c r="G2457" s="53"/>
      <c r="H2457" s="53"/>
      <c r="I2457" s="53"/>
      <c r="J2457" s="53"/>
      <c r="K2457" s="53"/>
      <c r="L2457" s="53"/>
      <c r="M2457" s="53"/>
      <c r="N2457" s="53"/>
      <c r="O2457" s="53"/>
      <c r="P2457" s="53"/>
      <c r="Q2457" s="53"/>
      <c r="R2457" s="53"/>
      <c r="S2457" s="53"/>
      <c r="T2457" s="53"/>
      <c r="U2457" s="53"/>
      <c r="V2457" s="53"/>
      <c r="W2457" s="53"/>
      <c r="X2457" s="53"/>
      <c r="Y2457" s="53"/>
      <c r="Z2457" s="53"/>
      <c r="AA2457" s="53"/>
      <c r="AB2457" s="53"/>
      <c r="AC2457" s="53"/>
      <c r="AD2457" s="53"/>
      <c r="AE2457" s="53"/>
      <c r="AF2457" s="53"/>
      <c r="AG2457" s="53"/>
      <c r="AH2457" s="53"/>
      <c r="AI2457" s="53"/>
      <c r="AJ2457" s="53"/>
      <c r="AK2457" s="53"/>
      <c r="AL2457" s="53"/>
      <c r="AM2457" s="53"/>
      <c r="AN2457" s="53"/>
      <c r="AO2457" s="53"/>
      <c r="AP2457" s="53"/>
      <c r="AQ2457" s="53"/>
      <c r="AR2457" s="53"/>
      <c r="AS2457" s="53"/>
      <c r="AT2457" s="53"/>
      <c r="AU2457" s="53"/>
      <c r="AV2457" s="53"/>
      <c r="AW2457" s="53"/>
      <c r="AX2457" s="53"/>
      <c r="AY2457" s="53"/>
      <c r="AZ2457" s="53"/>
      <c r="BA2457" s="53"/>
      <c r="BB2457" s="53"/>
      <c r="BC2457" s="53"/>
      <c r="BD2457" s="53"/>
      <c r="BE2457" s="53"/>
      <c r="BF2457" s="53"/>
      <c r="BG2457" s="53"/>
      <c r="BH2457" s="53"/>
      <c r="BI2457" s="53"/>
      <c r="BJ2457" s="53"/>
      <c r="BK2457" s="53"/>
      <c r="BL2457" s="53"/>
      <c r="BM2457" s="53"/>
      <c r="BN2457" s="53"/>
      <c r="BO2457" s="53"/>
      <c r="BP2457" s="53"/>
      <c r="BQ2457" s="53"/>
      <c r="BR2457" s="53"/>
      <c r="BS2457" s="53"/>
      <c r="BT2457" s="53"/>
      <c r="BU2457" s="53"/>
      <c r="BV2457" s="53"/>
      <c r="BW2457" s="53"/>
      <c r="BX2457" s="53"/>
      <c r="BY2457" s="53"/>
      <c r="BZ2457" s="53"/>
      <c r="CA2457" s="53"/>
      <c r="CB2457" s="53">
        <v>-4885623.74</v>
      </c>
      <c r="CC2457" s="53">
        <v>-6821191.2000000002</v>
      </c>
      <c r="CD2457" s="53">
        <v>-9361606.4399999995</v>
      </c>
      <c r="CE2457" s="53">
        <v>-11484163.4099999</v>
      </c>
      <c r="CF2457" s="53">
        <v>-15932844.34</v>
      </c>
      <c r="CG2457" s="53">
        <v>-19003359.25</v>
      </c>
      <c r="CH2457" s="53">
        <v>-22266829.359999999</v>
      </c>
      <c r="CI2457" s="53">
        <v>-21989061.1199999</v>
      </c>
      <c r="CJ2457" s="53">
        <v>-19896695.09</v>
      </c>
      <c r="CK2457" s="53">
        <v>-14892568.92</v>
      </c>
      <c r="CL2457" s="53">
        <v>-7069373.5300000003</v>
      </c>
      <c r="CM2457" s="53">
        <v>-2914802.36</v>
      </c>
      <c r="CN2457" s="53">
        <v>-156518118.75999999</v>
      </c>
    </row>
    <row r="2458" spans="1:92" outlineLevel="1">
      <c r="A2458" s="52" t="s">
        <v>710</v>
      </c>
      <c r="B2458" s="53"/>
      <c r="C2458" s="53"/>
      <c r="D2458" s="53"/>
      <c r="E2458" s="53"/>
      <c r="F2458" s="53"/>
      <c r="G2458" s="53"/>
      <c r="H2458" s="53"/>
      <c r="I2458" s="53"/>
      <c r="J2458" s="53"/>
      <c r="K2458" s="53"/>
      <c r="L2458" s="53"/>
      <c r="M2458" s="53"/>
      <c r="N2458" s="53"/>
      <c r="O2458" s="53"/>
      <c r="P2458" s="53"/>
      <c r="Q2458" s="53"/>
      <c r="R2458" s="53"/>
      <c r="S2458" s="53"/>
      <c r="T2458" s="53"/>
      <c r="U2458" s="53"/>
      <c r="V2458" s="53"/>
      <c r="W2458" s="53"/>
      <c r="X2458" s="53"/>
      <c r="Y2458" s="53"/>
      <c r="Z2458" s="53"/>
      <c r="AA2458" s="53"/>
      <c r="AB2458" s="53"/>
      <c r="AC2458" s="53"/>
      <c r="AD2458" s="53"/>
      <c r="AE2458" s="53"/>
      <c r="AF2458" s="53"/>
      <c r="AG2458" s="53"/>
      <c r="AH2458" s="53"/>
      <c r="AI2458" s="53"/>
      <c r="AJ2458" s="53"/>
      <c r="AK2458" s="53"/>
      <c r="AL2458" s="53"/>
      <c r="AM2458" s="53"/>
      <c r="AN2458" s="53"/>
      <c r="AO2458" s="53"/>
      <c r="AP2458" s="53"/>
      <c r="AQ2458" s="53"/>
      <c r="AR2458" s="53"/>
      <c r="AS2458" s="53"/>
      <c r="AT2458" s="53"/>
      <c r="AU2458" s="53"/>
      <c r="AV2458" s="53"/>
      <c r="AW2458" s="53"/>
      <c r="AX2458" s="53"/>
      <c r="AY2458" s="53"/>
      <c r="AZ2458" s="53"/>
      <c r="BA2458" s="53"/>
      <c r="BB2458" s="53"/>
      <c r="BC2458" s="53"/>
      <c r="BD2458" s="53"/>
      <c r="BE2458" s="53"/>
      <c r="BF2458" s="53"/>
      <c r="BG2458" s="53"/>
      <c r="BH2458" s="53"/>
      <c r="BI2458" s="53"/>
      <c r="BJ2458" s="53"/>
      <c r="BK2458" s="53"/>
      <c r="BL2458" s="53"/>
      <c r="BM2458" s="53"/>
      <c r="BN2458" s="53"/>
      <c r="BO2458" s="53"/>
      <c r="BP2458" s="53"/>
      <c r="BQ2458" s="53"/>
      <c r="BR2458" s="53"/>
      <c r="BS2458" s="53"/>
      <c r="BT2458" s="53"/>
      <c r="BU2458" s="53"/>
      <c r="BV2458" s="53"/>
      <c r="BW2458" s="53"/>
      <c r="BX2458" s="53"/>
      <c r="BY2458" s="53"/>
      <c r="BZ2458" s="53"/>
      <c r="CA2458" s="53"/>
      <c r="CB2458" s="53"/>
      <c r="CC2458" s="53"/>
      <c r="CD2458" s="53"/>
      <c r="CE2458" s="53"/>
      <c r="CF2458" s="53"/>
      <c r="CG2458" s="53"/>
      <c r="CH2458" s="53"/>
      <c r="CI2458" s="53"/>
      <c r="CJ2458" s="53"/>
      <c r="CK2458" s="53"/>
      <c r="CL2458" s="53"/>
      <c r="CM2458" s="53"/>
      <c r="CN2458" s="53"/>
    </row>
    <row r="2459" spans="1:92" outlineLevel="1">
      <c r="A2459" s="52" t="s">
        <v>711</v>
      </c>
      <c r="B2459" s="53">
        <v>843750</v>
      </c>
      <c r="C2459" s="53">
        <v>843750</v>
      </c>
      <c r="D2459" s="53">
        <v>843750</v>
      </c>
      <c r="E2459" s="53">
        <v>843750</v>
      </c>
      <c r="F2459" s="53">
        <v>843750</v>
      </c>
      <c r="G2459" s="53">
        <v>843750</v>
      </c>
      <c r="H2459" s="53">
        <v>843750</v>
      </c>
      <c r="I2459" s="53">
        <v>843750</v>
      </c>
      <c r="J2459" s="53">
        <v>843750</v>
      </c>
      <c r="K2459" s="53">
        <v>843750</v>
      </c>
      <c r="L2459" s="53">
        <v>843750</v>
      </c>
      <c r="M2459" s="53">
        <v>843750</v>
      </c>
      <c r="N2459" s="53">
        <v>10125000</v>
      </c>
      <c r="O2459" s="53">
        <v>843750</v>
      </c>
      <c r="P2459" s="53">
        <v>843750</v>
      </c>
      <c r="Q2459" s="53">
        <v>843750</v>
      </c>
      <c r="R2459" s="53">
        <v>843750</v>
      </c>
      <c r="S2459" s="53">
        <v>843750</v>
      </c>
      <c r="T2459" s="53">
        <v>843750</v>
      </c>
      <c r="U2459" s="53">
        <v>843750</v>
      </c>
      <c r="V2459" s="53">
        <v>843750</v>
      </c>
      <c r="W2459" s="53">
        <v>843750</v>
      </c>
      <c r="X2459" s="53">
        <v>843750</v>
      </c>
      <c r="Y2459" s="53">
        <v>843750</v>
      </c>
      <c r="Z2459" s="53">
        <v>843750</v>
      </c>
      <c r="AA2459" s="53">
        <v>10125000</v>
      </c>
      <c r="AB2459" s="53">
        <v>843750</v>
      </c>
      <c r="AC2459" s="53">
        <v>843750</v>
      </c>
      <c r="AD2459" s="53">
        <v>843750</v>
      </c>
      <c r="AE2459" s="53">
        <v>843750</v>
      </c>
      <c r="AF2459" s="53">
        <v>843750</v>
      </c>
      <c r="AG2459" s="53">
        <v>843750</v>
      </c>
      <c r="AH2459" s="53">
        <v>843750</v>
      </c>
      <c r="AI2459" s="53">
        <v>843750</v>
      </c>
      <c r="AJ2459" s="53">
        <v>843750</v>
      </c>
      <c r="AK2459" s="53">
        <v>843750</v>
      </c>
      <c r="AL2459" s="53">
        <v>843750</v>
      </c>
      <c r="AM2459" s="53">
        <v>843750</v>
      </c>
      <c r="AN2459" s="53">
        <v>10125000</v>
      </c>
      <c r="AO2459" s="53">
        <v>843750</v>
      </c>
      <c r="AP2459" s="53">
        <v>843750</v>
      </c>
      <c r="AQ2459" s="53">
        <v>843750</v>
      </c>
      <c r="AR2459" s="53">
        <v>843750</v>
      </c>
      <c r="AS2459" s="53">
        <v>843750</v>
      </c>
      <c r="AT2459" s="53">
        <v>843750</v>
      </c>
      <c r="AU2459" s="53">
        <v>843750</v>
      </c>
      <c r="AV2459" s="53">
        <v>843750</v>
      </c>
      <c r="AW2459" s="53">
        <v>843750</v>
      </c>
      <c r="AX2459" s="53">
        <v>843750</v>
      </c>
      <c r="AY2459" s="53">
        <v>843750</v>
      </c>
      <c r="AZ2459" s="53">
        <v>843750</v>
      </c>
      <c r="BA2459" s="53">
        <v>10125000</v>
      </c>
      <c r="BB2459" s="53">
        <v>843750</v>
      </c>
      <c r="BC2459" s="53">
        <v>843750</v>
      </c>
      <c r="BD2459" s="53">
        <v>843750</v>
      </c>
      <c r="BE2459" s="53">
        <v>843750</v>
      </c>
      <c r="BF2459" s="53">
        <v>843750</v>
      </c>
      <c r="BG2459" s="53">
        <v>843750</v>
      </c>
      <c r="BH2459" s="53">
        <v>843750</v>
      </c>
      <c r="BI2459" s="53">
        <v>843750</v>
      </c>
      <c r="BJ2459" s="53">
        <v>843750</v>
      </c>
      <c r="BK2459" s="53">
        <v>843750</v>
      </c>
      <c r="BL2459" s="53">
        <v>843750</v>
      </c>
      <c r="BM2459" s="53">
        <v>843750</v>
      </c>
      <c r="BN2459" s="53">
        <v>10125000</v>
      </c>
      <c r="BO2459" s="53">
        <v>843750</v>
      </c>
      <c r="BP2459" s="53">
        <v>843750</v>
      </c>
      <c r="BQ2459" s="53">
        <v>843750</v>
      </c>
      <c r="BR2459" s="53">
        <v>843750</v>
      </c>
      <c r="BS2459" s="53">
        <v>843750</v>
      </c>
      <c r="BT2459" s="53">
        <v>843750</v>
      </c>
      <c r="BU2459" s="53">
        <v>843750</v>
      </c>
      <c r="BV2459" s="53">
        <v>843750</v>
      </c>
      <c r="BW2459" s="53">
        <v>843750</v>
      </c>
      <c r="BX2459" s="53">
        <v>843750</v>
      </c>
      <c r="BY2459" s="53">
        <v>843750</v>
      </c>
      <c r="BZ2459" s="53">
        <v>843750</v>
      </c>
      <c r="CA2459" s="53">
        <v>10125000</v>
      </c>
      <c r="CB2459" s="53">
        <v>-2555737.2999999998</v>
      </c>
      <c r="CC2459" s="53">
        <v>-2709377.53</v>
      </c>
      <c r="CD2459" s="53">
        <v>-2658425.8399999901</v>
      </c>
      <c r="CE2459" s="53">
        <v>-2110044.13</v>
      </c>
      <c r="CF2459" s="53">
        <v>-2302031.2799999998</v>
      </c>
      <c r="CG2459" s="53">
        <v>-2465152</v>
      </c>
      <c r="CH2459" s="53">
        <v>-2104715.75</v>
      </c>
      <c r="CI2459" s="53">
        <v>-3265984</v>
      </c>
      <c r="CJ2459" s="53">
        <v>-2673102.46</v>
      </c>
      <c r="CK2459" s="53">
        <v>-2398012.0199999898</v>
      </c>
      <c r="CL2459" s="53">
        <v>-2879835.02</v>
      </c>
      <c r="CM2459" s="53">
        <v>-2813547.2099999902</v>
      </c>
      <c r="CN2459" s="53">
        <v>-30935964.539999899</v>
      </c>
    </row>
    <row r="2460" spans="1:92" outlineLevel="1">
      <c r="A2460" s="52" t="s">
        <v>712</v>
      </c>
      <c r="B2460" s="53">
        <v>1106250</v>
      </c>
      <c r="C2460" s="53">
        <v>1106250</v>
      </c>
      <c r="D2460" s="53">
        <v>1106250</v>
      </c>
      <c r="E2460" s="53">
        <v>1106250</v>
      </c>
      <c r="F2460" s="53">
        <v>1106250</v>
      </c>
      <c r="G2460" s="53">
        <v>1106250</v>
      </c>
      <c r="H2460" s="53">
        <v>1106250</v>
      </c>
      <c r="I2460" s="53">
        <v>1106250</v>
      </c>
      <c r="J2460" s="53">
        <v>1106250</v>
      </c>
      <c r="K2460" s="53">
        <v>1106250</v>
      </c>
      <c r="L2460" s="53">
        <v>1106250</v>
      </c>
      <c r="M2460" s="53">
        <v>1106250</v>
      </c>
      <c r="N2460" s="53">
        <v>13275000</v>
      </c>
      <c r="O2460" s="53">
        <v>1106250</v>
      </c>
      <c r="P2460" s="53">
        <v>1106250</v>
      </c>
      <c r="Q2460" s="53">
        <v>1106250</v>
      </c>
      <c r="R2460" s="53">
        <v>1106250</v>
      </c>
      <c r="S2460" s="53">
        <v>1106250</v>
      </c>
      <c r="T2460" s="53">
        <v>1106250</v>
      </c>
      <c r="U2460" s="53">
        <v>1106250</v>
      </c>
      <c r="V2460" s="53">
        <v>1106250</v>
      </c>
      <c r="W2460" s="53">
        <v>1106250</v>
      </c>
      <c r="X2460" s="53">
        <v>1106250</v>
      </c>
      <c r="Y2460" s="53">
        <v>1106250</v>
      </c>
      <c r="Z2460" s="53">
        <v>1106250</v>
      </c>
      <c r="AA2460" s="53">
        <v>13275000</v>
      </c>
      <c r="AB2460" s="53">
        <v>1106250</v>
      </c>
      <c r="AC2460" s="53">
        <v>1106250</v>
      </c>
      <c r="AD2460" s="53">
        <v>1106250</v>
      </c>
      <c r="AE2460" s="53">
        <v>1106250</v>
      </c>
      <c r="AF2460" s="53">
        <v>1106250</v>
      </c>
      <c r="AG2460" s="53">
        <v>1106250</v>
      </c>
      <c r="AH2460" s="53">
        <v>1106250</v>
      </c>
      <c r="AI2460" s="53">
        <v>1106250</v>
      </c>
      <c r="AJ2460" s="53">
        <v>1106250</v>
      </c>
      <c r="AK2460" s="53">
        <v>1106250</v>
      </c>
      <c r="AL2460" s="53">
        <v>1106250</v>
      </c>
      <c r="AM2460" s="53">
        <v>1106250</v>
      </c>
      <c r="AN2460" s="53">
        <v>13275000</v>
      </c>
      <c r="AO2460" s="53">
        <v>1106250</v>
      </c>
      <c r="AP2460" s="53">
        <v>1106250</v>
      </c>
      <c r="AQ2460" s="53">
        <v>1106250</v>
      </c>
      <c r="AR2460" s="53">
        <v>1106250</v>
      </c>
      <c r="AS2460" s="53">
        <v>1106250</v>
      </c>
      <c r="AT2460" s="53">
        <v>1106250</v>
      </c>
      <c r="AU2460" s="53">
        <v>1106250</v>
      </c>
      <c r="AV2460" s="53">
        <v>1106250</v>
      </c>
      <c r="AW2460" s="53">
        <v>1106250</v>
      </c>
      <c r="AX2460" s="53">
        <v>1106250</v>
      </c>
      <c r="AY2460" s="53">
        <v>1106250</v>
      </c>
      <c r="AZ2460" s="53">
        <v>1106250</v>
      </c>
      <c r="BA2460" s="53">
        <v>13275000</v>
      </c>
      <c r="BB2460" s="53">
        <v>1106250</v>
      </c>
      <c r="BC2460" s="53">
        <v>1106250</v>
      </c>
      <c r="BD2460" s="53">
        <v>1106250</v>
      </c>
      <c r="BE2460" s="53">
        <v>1106250</v>
      </c>
      <c r="BF2460" s="53">
        <v>1106250</v>
      </c>
      <c r="BG2460" s="53">
        <v>1106250</v>
      </c>
      <c r="BH2460" s="53">
        <v>1106250</v>
      </c>
      <c r="BI2460" s="53">
        <v>1106250</v>
      </c>
      <c r="BJ2460" s="53">
        <v>1106250</v>
      </c>
      <c r="BK2460" s="53">
        <v>1106250</v>
      </c>
      <c r="BL2460" s="53">
        <v>1106250</v>
      </c>
      <c r="BM2460" s="53">
        <v>1106250</v>
      </c>
      <c r="BN2460" s="53">
        <v>13275000</v>
      </c>
      <c r="BO2460" s="53">
        <v>1106250</v>
      </c>
      <c r="BP2460" s="53">
        <v>1106250</v>
      </c>
      <c r="BQ2460" s="53">
        <v>1106250</v>
      </c>
      <c r="BR2460" s="53">
        <v>1106250</v>
      </c>
      <c r="BS2460" s="53">
        <v>1106250</v>
      </c>
      <c r="BT2460" s="53">
        <v>1106250</v>
      </c>
      <c r="BU2460" s="53">
        <v>1106250</v>
      </c>
      <c r="BV2460" s="53">
        <v>1106250</v>
      </c>
      <c r="BW2460" s="53">
        <v>1106250</v>
      </c>
      <c r="BX2460" s="53">
        <v>1106250</v>
      </c>
      <c r="BY2460" s="53">
        <v>1106250</v>
      </c>
      <c r="BZ2460" s="53">
        <v>1106250</v>
      </c>
      <c r="CA2460" s="53">
        <v>13275000</v>
      </c>
      <c r="CB2460" s="53"/>
      <c r="CC2460" s="53"/>
      <c r="CD2460" s="53"/>
      <c r="CE2460" s="53"/>
      <c r="CF2460" s="53"/>
      <c r="CG2460" s="53"/>
      <c r="CH2460" s="53"/>
      <c r="CI2460" s="53"/>
      <c r="CJ2460" s="53"/>
      <c r="CK2460" s="53"/>
      <c r="CL2460" s="53"/>
      <c r="CM2460" s="53"/>
      <c r="CN2460" s="53"/>
    </row>
    <row r="2461" spans="1:92" outlineLevel="1">
      <c r="A2461" s="52" t="s">
        <v>713</v>
      </c>
      <c r="B2461" s="53">
        <v>2645833.3333333302</v>
      </c>
      <c r="C2461" s="53">
        <v>2645833.3333333302</v>
      </c>
      <c r="D2461" s="53">
        <v>2645833.3333333302</v>
      </c>
      <c r="E2461" s="53">
        <v>2645833.3333333302</v>
      </c>
      <c r="F2461" s="53">
        <v>2645833.3333333302</v>
      </c>
      <c r="G2461" s="53">
        <v>2645833.3333333302</v>
      </c>
      <c r="H2461" s="53">
        <v>2645833.3333333302</v>
      </c>
      <c r="I2461" s="53">
        <v>2645833.3333333302</v>
      </c>
      <c r="J2461" s="53">
        <v>2645833.3333333302</v>
      </c>
      <c r="K2461" s="53">
        <v>2645833.3333333302</v>
      </c>
      <c r="L2461" s="53">
        <v>2645833.3333333302</v>
      </c>
      <c r="M2461" s="53">
        <v>2645833.3333333302</v>
      </c>
      <c r="N2461" s="53">
        <v>31749999.999999899</v>
      </c>
      <c r="O2461" s="53">
        <v>2645833.3333333302</v>
      </c>
      <c r="P2461" s="53">
        <v>2645833.3333333302</v>
      </c>
      <c r="Q2461" s="53">
        <v>2645833.3333333302</v>
      </c>
      <c r="R2461" s="53">
        <v>2645833.3333333302</v>
      </c>
      <c r="S2461" s="53">
        <v>2645833.3333333302</v>
      </c>
      <c r="T2461" s="53">
        <v>2645833.3333333302</v>
      </c>
      <c r="U2461" s="53">
        <v>2645833.3333333302</v>
      </c>
      <c r="V2461" s="53">
        <v>2645833.3333333302</v>
      </c>
      <c r="W2461" s="53">
        <v>2645833.3333333302</v>
      </c>
      <c r="X2461" s="53">
        <v>2645833.3333333302</v>
      </c>
      <c r="Y2461" s="53">
        <v>2645833.3333333302</v>
      </c>
      <c r="Z2461" s="53">
        <v>2645833.3333333302</v>
      </c>
      <c r="AA2461" s="53">
        <v>31749999.999999899</v>
      </c>
      <c r="AB2461" s="53">
        <v>2645833.3333333302</v>
      </c>
      <c r="AC2461" s="53">
        <v>2645833.3333333302</v>
      </c>
      <c r="AD2461" s="53">
        <v>2645833.3333333302</v>
      </c>
      <c r="AE2461" s="53">
        <v>2645833.3333333302</v>
      </c>
      <c r="AF2461" s="53">
        <v>2645833.3333333302</v>
      </c>
      <c r="AG2461" s="53">
        <v>2645833.3333333302</v>
      </c>
      <c r="AH2461" s="53">
        <v>2645833.3333333302</v>
      </c>
      <c r="AI2461" s="53">
        <v>2645833.3333333302</v>
      </c>
      <c r="AJ2461" s="53">
        <v>2645833.3333333302</v>
      </c>
      <c r="AK2461" s="53">
        <v>2645833.3333333302</v>
      </c>
      <c r="AL2461" s="53">
        <v>2645833.3333333302</v>
      </c>
      <c r="AM2461" s="53">
        <v>2645833.3333333302</v>
      </c>
      <c r="AN2461" s="53">
        <v>31749999.999999899</v>
      </c>
      <c r="AO2461" s="53">
        <v>2645833.3333333302</v>
      </c>
      <c r="AP2461" s="53">
        <v>2645833.3333333302</v>
      </c>
      <c r="AQ2461" s="53">
        <v>2645833.3333333302</v>
      </c>
      <c r="AR2461" s="53">
        <v>2645833.3333333302</v>
      </c>
      <c r="AS2461" s="53">
        <v>2645833.3333333302</v>
      </c>
      <c r="AT2461" s="53">
        <v>2645833.3333333302</v>
      </c>
      <c r="AU2461" s="53">
        <v>2645833.3333333302</v>
      </c>
      <c r="AV2461" s="53">
        <v>2645833.3333333302</v>
      </c>
      <c r="AW2461" s="53">
        <v>2645833.3333333302</v>
      </c>
      <c r="AX2461" s="53">
        <v>2645833.3333333302</v>
      </c>
      <c r="AY2461" s="53">
        <v>2645833.3333333302</v>
      </c>
      <c r="AZ2461" s="53">
        <v>2645833.3333333302</v>
      </c>
      <c r="BA2461" s="53">
        <v>31749999.999999899</v>
      </c>
      <c r="BB2461" s="53">
        <v>2645833.3333333302</v>
      </c>
      <c r="BC2461" s="53">
        <v>2645833.3333333302</v>
      </c>
      <c r="BD2461" s="53">
        <v>2645833.3333333302</v>
      </c>
      <c r="BE2461" s="53">
        <v>2645833.3333333302</v>
      </c>
      <c r="BF2461" s="53">
        <v>2645833.3333333302</v>
      </c>
      <c r="BG2461" s="53">
        <v>2645833.3333333302</v>
      </c>
      <c r="BH2461" s="53">
        <v>2645833.3333333302</v>
      </c>
      <c r="BI2461" s="53">
        <v>2645833.3333333302</v>
      </c>
      <c r="BJ2461" s="53">
        <v>2645833.3333333302</v>
      </c>
      <c r="BK2461" s="53">
        <v>2645833.3333333302</v>
      </c>
      <c r="BL2461" s="53">
        <v>2645833.3333333302</v>
      </c>
      <c r="BM2461" s="53">
        <v>2645833.3333333302</v>
      </c>
      <c r="BN2461" s="53">
        <v>31749999.999999899</v>
      </c>
      <c r="BO2461" s="53">
        <v>2645833.3333333302</v>
      </c>
      <c r="BP2461" s="53">
        <v>2645833.3333333302</v>
      </c>
      <c r="BQ2461" s="53">
        <v>2645833.3333333302</v>
      </c>
      <c r="BR2461" s="53">
        <v>2645833.3333333302</v>
      </c>
      <c r="BS2461" s="53">
        <v>2645833.3333333302</v>
      </c>
      <c r="BT2461" s="53">
        <v>2645833.3333333302</v>
      </c>
      <c r="BU2461" s="53">
        <v>2645833.3333333302</v>
      </c>
      <c r="BV2461" s="53">
        <v>2645833.3333333302</v>
      </c>
      <c r="BW2461" s="53">
        <v>2645833.3333333302</v>
      </c>
      <c r="BX2461" s="53">
        <v>2645833.3333333302</v>
      </c>
      <c r="BY2461" s="53">
        <v>2645833.3333333302</v>
      </c>
      <c r="BZ2461" s="53">
        <v>2645833.3333333302</v>
      </c>
      <c r="CA2461" s="53">
        <v>31749999.999999899</v>
      </c>
      <c r="CB2461" s="53">
        <v>-96801882.019999996</v>
      </c>
      <c r="CC2461" s="53">
        <v>-82686144.709999993</v>
      </c>
      <c r="CD2461" s="53">
        <v>-84040742.510000005</v>
      </c>
      <c r="CE2461" s="53">
        <v>-75622199.959999993</v>
      </c>
      <c r="CF2461" s="53">
        <v>-89792007.289999902</v>
      </c>
      <c r="CG2461" s="53">
        <v>-95721055.140000001</v>
      </c>
      <c r="CH2461" s="53">
        <v>-101577896.73999999</v>
      </c>
      <c r="CI2461" s="53">
        <v>-101850854.92</v>
      </c>
      <c r="CJ2461" s="53">
        <v>-97561165.279999897</v>
      </c>
      <c r="CK2461" s="53">
        <v>-87880748.609999999</v>
      </c>
      <c r="CL2461" s="53">
        <v>-81465344.129999995</v>
      </c>
      <c r="CM2461" s="53">
        <v>-93850456.6199999</v>
      </c>
      <c r="CN2461" s="53">
        <v>-1088850497.9299901</v>
      </c>
    </row>
    <row r="2462" spans="1:92" outlineLevel="1">
      <c r="A2462" s="52" t="s">
        <v>716</v>
      </c>
      <c r="B2462" s="53">
        <v>5333333.3333333302</v>
      </c>
      <c r="C2462" s="53">
        <v>5333333.3333333302</v>
      </c>
      <c r="D2462" s="53">
        <v>5333333.3333333302</v>
      </c>
      <c r="E2462" s="53">
        <v>5333333.3333333302</v>
      </c>
      <c r="F2462" s="53">
        <v>5333333.3333333302</v>
      </c>
      <c r="G2462" s="53">
        <v>5333333.3333333302</v>
      </c>
      <c r="H2462" s="53">
        <v>5333333.3333333302</v>
      </c>
      <c r="I2462" s="53">
        <v>5333333.3333333302</v>
      </c>
      <c r="J2462" s="53">
        <v>5333333.3333333302</v>
      </c>
      <c r="K2462" s="53">
        <v>5333333.3333333302</v>
      </c>
      <c r="L2462" s="53">
        <v>5333333.3333333302</v>
      </c>
      <c r="M2462" s="53">
        <v>5333333.3333333302</v>
      </c>
      <c r="N2462" s="53">
        <v>64000000</v>
      </c>
      <c r="O2462" s="53">
        <v>5333333.3333333302</v>
      </c>
      <c r="P2462" s="53">
        <v>5333333.3333333302</v>
      </c>
      <c r="Q2462" s="53">
        <v>5333333.3333333302</v>
      </c>
      <c r="R2462" s="53">
        <v>5333333.3333333302</v>
      </c>
      <c r="S2462" s="53">
        <v>5333333.3333333302</v>
      </c>
      <c r="T2462" s="53">
        <v>5333333.3333333302</v>
      </c>
      <c r="U2462" s="53">
        <v>5333333.3333333302</v>
      </c>
      <c r="V2462" s="53">
        <v>5333333.3333333302</v>
      </c>
      <c r="W2462" s="53">
        <v>5333333.3333333302</v>
      </c>
      <c r="X2462" s="53">
        <v>5333333.3333333302</v>
      </c>
      <c r="Y2462" s="53">
        <v>5333333.3333333302</v>
      </c>
      <c r="Z2462" s="53">
        <v>5333333.3333333302</v>
      </c>
      <c r="AA2462" s="53">
        <v>64000000</v>
      </c>
      <c r="AB2462" s="53">
        <v>5333333.3333333302</v>
      </c>
      <c r="AC2462" s="53">
        <v>5333333.3333333302</v>
      </c>
      <c r="AD2462" s="53">
        <v>5333333.3333333302</v>
      </c>
      <c r="AE2462" s="53">
        <v>5333333.3333333302</v>
      </c>
      <c r="AF2462" s="53">
        <v>5333333.3333333302</v>
      </c>
      <c r="AG2462" s="53">
        <v>5333333.3333333302</v>
      </c>
      <c r="AH2462" s="53">
        <v>5333333.3333333302</v>
      </c>
      <c r="AI2462" s="53">
        <v>5333333.3333333302</v>
      </c>
      <c r="AJ2462" s="53">
        <v>5333333.3333333302</v>
      </c>
      <c r="AK2462" s="53">
        <v>5333333.3333333302</v>
      </c>
      <c r="AL2462" s="53">
        <v>5333333.3333333302</v>
      </c>
      <c r="AM2462" s="53">
        <v>5333333.3333333302</v>
      </c>
      <c r="AN2462" s="53">
        <v>64000000</v>
      </c>
      <c r="AO2462" s="53">
        <v>5333333.3333333302</v>
      </c>
      <c r="AP2462" s="53">
        <v>5333333.3333333302</v>
      </c>
      <c r="AQ2462" s="53">
        <v>5333333.3333333302</v>
      </c>
      <c r="AR2462" s="53">
        <v>5333333.3333333302</v>
      </c>
      <c r="AS2462" s="53">
        <v>5333333.3333333302</v>
      </c>
      <c r="AT2462" s="53">
        <v>5333333.3333333302</v>
      </c>
      <c r="AU2462" s="53">
        <v>5333333.3333333302</v>
      </c>
      <c r="AV2462" s="53">
        <v>5333333.3333333302</v>
      </c>
      <c r="AW2462" s="53">
        <v>5333333.3333333302</v>
      </c>
      <c r="AX2462" s="53">
        <v>5333333.3333333302</v>
      </c>
      <c r="AY2462" s="53">
        <v>5333333.3333333302</v>
      </c>
      <c r="AZ2462" s="53">
        <v>5333333.3333333302</v>
      </c>
      <c r="BA2462" s="53">
        <v>64000000</v>
      </c>
      <c r="BB2462" s="53">
        <v>5333333.3333333302</v>
      </c>
      <c r="BC2462" s="53">
        <v>5333333.3333333302</v>
      </c>
      <c r="BD2462" s="53">
        <v>5333333.3333333302</v>
      </c>
      <c r="BE2462" s="53">
        <v>5333333.3333333302</v>
      </c>
      <c r="BF2462" s="53">
        <v>5333333.3333333302</v>
      </c>
      <c r="BG2462" s="53">
        <v>5333333.3333333302</v>
      </c>
      <c r="BH2462" s="53">
        <v>5333333.3333333302</v>
      </c>
      <c r="BI2462" s="53">
        <v>5333333.3333333302</v>
      </c>
      <c r="BJ2462" s="53">
        <v>5333333.3333333302</v>
      </c>
      <c r="BK2462" s="53">
        <v>5333333.3333333302</v>
      </c>
      <c r="BL2462" s="53">
        <v>5333333.3333333302</v>
      </c>
      <c r="BM2462" s="53">
        <v>5333333.3333333302</v>
      </c>
      <c r="BN2462" s="53">
        <v>64000000</v>
      </c>
      <c r="BO2462" s="53">
        <v>5333333.3333333302</v>
      </c>
      <c r="BP2462" s="53">
        <v>5333333.3333333302</v>
      </c>
      <c r="BQ2462" s="53">
        <v>5333333.3333333302</v>
      </c>
      <c r="BR2462" s="53">
        <v>5333333.3333333302</v>
      </c>
      <c r="BS2462" s="53">
        <v>5333333.3333333302</v>
      </c>
      <c r="BT2462" s="53">
        <v>5333333.3333333302</v>
      </c>
      <c r="BU2462" s="53">
        <v>5333333.3333333302</v>
      </c>
      <c r="BV2462" s="53">
        <v>5333333.3333333302</v>
      </c>
      <c r="BW2462" s="53">
        <v>5333333.3333333302</v>
      </c>
      <c r="BX2462" s="53">
        <v>5333333.3333333302</v>
      </c>
      <c r="BY2462" s="53">
        <v>5333333.3333333302</v>
      </c>
      <c r="BZ2462" s="53">
        <v>5333333.3333333302</v>
      </c>
      <c r="CA2462" s="53">
        <v>64000000</v>
      </c>
      <c r="CB2462" s="53"/>
      <c r="CC2462" s="53"/>
      <c r="CD2462" s="53"/>
      <c r="CE2462" s="53"/>
      <c r="CF2462" s="53"/>
      <c r="CG2462" s="53"/>
      <c r="CH2462" s="53"/>
      <c r="CI2462" s="53"/>
      <c r="CJ2462" s="53"/>
      <c r="CK2462" s="53"/>
      <c r="CL2462" s="53"/>
      <c r="CM2462" s="53"/>
      <c r="CN2462" s="53"/>
    </row>
    <row r="2463" spans="1:92" outlineLevel="1">
      <c r="A2463" s="52" t="s">
        <v>717</v>
      </c>
      <c r="B2463" s="53">
        <v>1647916.66666666</v>
      </c>
      <c r="C2463" s="53">
        <v>1647916.66666666</v>
      </c>
      <c r="D2463" s="53">
        <v>1647916.66666666</v>
      </c>
      <c r="E2463" s="53">
        <v>1647916.66666666</v>
      </c>
      <c r="F2463" s="53">
        <v>1647916.66666666</v>
      </c>
      <c r="G2463" s="53">
        <v>1647916.66666666</v>
      </c>
      <c r="H2463" s="53">
        <v>1647916.66666666</v>
      </c>
      <c r="I2463" s="53">
        <v>1647916.66666666</v>
      </c>
      <c r="J2463" s="53">
        <v>1647916.66666666</v>
      </c>
      <c r="K2463" s="53">
        <v>1647916.66666666</v>
      </c>
      <c r="L2463" s="53">
        <v>1647916.66666666</v>
      </c>
      <c r="M2463" s="53">
        <v>1647916.66666666</v>
      </c>
      <c r="N2463" s="53">
        <v>19775000</v>
      </c>
      <c r="O2463" s="53">
        <v>1647916.66666666</v>
      </c>
      <c r="P2463" s="53">
        <v>1647916.66666666</v>
      </c>
      <c r="Q2463" s="53">
        <v>1647916.66666666</v>
      </c>
      <c r="R2463" s="53">
        <v>1647916.66666666</v>
      </c>
      <c r="S2463" s="53">
        <v>1647916.66666666</v>
      </c>
      <c r="T2463" s="53">
        <v>1647916.66666666</v>
      </c>
      <c r="U2463" s="53">
        <v>1647916.66666666</v>
      </c>
      <c r="V2463" s="53">
        <v>1647916.66666666</v>
      </c>
      <c r="W2463" s="53">
        <v>1647916.66666666</v>
      </c>
      <c r="X2463" s="53">
        <v>1647916.66666666</v>
      </c>
      <c r="Y2463" s="53">
        <v>1647916.66666666</v>
      </c>
      <c r="Z2463" s="53">
        <v>1647916.66666666</v>
      </c>
      <c r="AA2463" s="53">
        <v>19775000</v>
      </c>
      <c r="AB2463" s="53">
        <v>1647916.66666666</v>
      </c>
      <c r="AC2463" s="53">
        <v>1647916.66666666</v>
      </c>
      <c r="AD2463" s="53">
        <v>1647916.66666666</v>
      </c>
      <c r="AE2463" s="53">
        <v>1647916.66666666</v>
      </c>
      <c r="AF2463" s="53">
        <v>1647916.66666666</v>
      </c>
      <c r="AG2463" s="53">
        <v>1647916.66666666</v>
      </c>
      <c r="AH2463" s="53">
        <v>1647916.66666666</v>
      </c>
      <c r="AI2463" s="53">
        <v>1647916.66666666</v>
      </c>
      <c r="AJ2463" s="53">
        <v>1647916.66666666</v>
      </c>
      <c r="AK2463" s="53">
        <v>1647916.66666666</v>
      </c>
      <c r="AL2463" s="53">
        <v>1647916.66666666</v>
      </c>
      <c r="AM2463" s="53">
        <v>1647916.66666666</v>
      </c>
      <c r="AN2463" s="53">
        <v>19775000</v>
      </c>
      <c r="AO2463" s="53">
        <v>1647916.66666666</v>
      </c>
      <c r="AP2463" s="53">
        <v>1647916.66666666</v>
      </c>
      <c r="AQ2463" s="53">
        <v>1647916.66666666</v>
      </c>
      <c r="AR2463" s="53">
        <v>1647916.66666666</v>
      </c>
      <c r="AS2463" s="53">
        <v>1647916.66666666</v>
      </c>
      <c r="AT2463" s="53">
        <v>1647916.66666666</v>
      </c>
      <c r="AU2463" s="53">
        <v>1647916.66666666</v>
      </c>
      <c r="AV2463" s="53">
        <v>1647916.66666666</v>
      </c>
      <c r="AW2463" s="53">
        <v>1647916.66666666</v>
      </c>
      <c r="AX2463" s="53">
        <v>1647916.66666666</v>
      </c>
      <c r="AY2463" s="53">
        <v>1647916.66666666</v>
      </c>
      <c r="AZ2463" s="53">
        <v>1647916.66666666</v>
      </c>
      <c r="BA2463" s="53">
        <v>19775000</v>
      </c>
      <c r="BB2463" s="53">
        <v>1647916.66666666</v>
      </c>
      <c r="BC2463" s="53">
        <v>1647916.66666666</v>
      </c>
      <c r="BD2463" s="53">
        <v>1647916.66666666</v>
      </c>
      <c r="BE2463" s="53">
        <v>1647916.66666666</v>
      </c>
      <c r="BF2463" s="53">
        <v>1647916.66666666</v>
      </c>
      <c r="BG2463" s="53">
        <v>1647916.66666666</v>
      </c>
      <c r="BH2463" s="53">
        <v>1647916.66666666</v>
      </c>
      <c r="BI2463" s="53">
        <v>1647916.66666666</v>
      </c>
      <c r="BJ2463" s="53">
        <v>1647916.66666666</v>
      </c>
      <c r="BK2463" s="53">
        <v>1647916.66666666</v>
      </c>
      <c r="BL2463" s="53">
        <v>1647916.66666666</v>
      </c>
      <c r="BM2463" s="53">
        <v>1647916.66666666</v>
      </c>
      <c r="BN2463" s="53">
        <v>19775000</v>
      </c>
      <c r="BO2463" s="53">
        <v>1647916.66666666</v>
      </c>
      <c r="BP2463" s="53">
        <v>1647916.66666666</v>
      </c>
      <c r="BQ2463" s="53">
        <v>1647916.66666666</v>
      </c>
      <c r="BR2463" s="53">
        <v>1647916.66666666</v>
      </c>
      <c r="BS2463" s="53">
        <v>1647916.66666666</v>
      </c>
      <c r="BT2463" s="53">
        <v>1647916.66666666</v>
      </c>
      <c r="BU2463" s="53">
        <v>1647916.66666666</v>
      </c>
      <c r="BV2463" s="53">
        <v>1647916.66666666</v>
      </c>
      <c r="BW2463" s="53">
        <v>1647916.66666666</v>
      </c>
      <c r="BX2463" s="53">
        <v>1647916.66666666</v>
      </c>
      <c r="BY2463" s="53">
        <v>1647916.66666666</v>
      </c>
      <c r="BZ2463" s="53">
        <v>1647916.66666666</v>
      </c>
      <c r="CA2463" s="53">
        <v>19775000</v>
      </c>
      <c r="CB2463" s="53"/>
      <c r="CC2463" s="53"/>
      <c r="CD2463" s="53"/>
      <c r="CE2463" s="53"/>
      <c r="CF2463" s="53"/>
      <c r="CG2463" s="53"/>
      <c r="CH2463" s="53"/>
      <c r="CI2463" s="53"/>
      <c r="CJ2463" s="53"/>
      <c r="CK2463" s="53"/>
      <c r="CL2463" s="53"/>
      <c r="CM2463" s="53"/>
      <c r="CN2463" s="53"/>
    </row>
    <row r="2464" spans="1:92" outlineLevel="1">
      <c r="A2464" s="52" t="s">
        <v>718</v>
      </c>
      <c r="B2464" s="53">
        <v>1283333.33333333</v>
      </c>
      <c r="C2464" s="53">
        <v>1283333.33333333</v>
      </c>
      <c r="D2464" s="53">
        <v>1283333.33333333</v>
      </c>
      <c r="E2464" s="53">
        <v>1283333.33333333</v>
      </c>
      <c r="F2464" s="53">
        <v>1283333.33333333</v>
      </c>
      <c r="G2464" s="53">
        <v>1283333.33333333</v>
      </c>
      <c r="H2464" s="53">
        <v>1283333.33333333</v>
      </c>
      <c r="I2464" s="53">
        <v>1283333.33333333</v>
      </c>
      <c r="J2464" s="53">
        <v>1283333.33333333</v>
      </c>
      <c r="K2464" s="53">
        <v>1283333.33333333</v>
      </c>
      <c r="L2464" s="53">
        <v>1283333.33333333</v>
      </c>
      <c r="M2464" s="53">
        <v>1283333.33333333</v>
      </c>
      <c r="N2464" s="53">
        <v>15400000</v>
      </c>
      <c r="O2464" s="53">
        <v>1283333.33333333</v>
      </c>
      <c r="P2464" s="53">
        <v>1283333.33333333</v>
      </c>
      <c r="Q2464" s="53">
        <v>1283333.33333333</v>
      </c>
      <c r="R2464" s="53">
        <v>1283333.33333333</v>
      </c>
      <c r="S2464" s="53">
        <v>1283333.33333333</v>
      </c>
      <c r="T2464" s="53">
        <v>1283333.33333333</v>
      </c>
      <c r="U2464" s="53">
        <v>1283333.33333333</v>
      </c>
      <c r="V2464" s="53">
        <v>1283333.33333333</v>
      </c>
      <c r="W2464" s="53">
        <v>1283333.33333333</v>
      </c>
      <c r="X2464" s="53">
        <v>1283333.33333333</v>
      </c>
      <c r="Y2464" s="53">
        <v>1283333.33333333</v>
      </c>
      <c r="Z2464" s="53">
        <v>1283333.33333333</v>
      </c>
      <c r="AA2464" s="53">
        <v>15400000</v>
      </c>
      <c r="AB2464" s="53">
        <v>1283333.33333333</v>
      </c>
      <c r="AC2464" s="53">
        <v>1283333.33333333</v>
      </c>
      <c r="AD2464" s="53">
        <v>1283333.33333333</v>
      </c>
      <c r="AE2464" s="53">
        <v>1283333.33333333</v>
      </c>
      <c r="AF2464" s="53">
        <v>1283333.33333333</v>
      </c>
      <c r="AG2464" s="53">
        <v>1283333.33333333</v>
      </c>
      <c r="AH2464" s="53">
        <v>1283333.33333333</v>
      </c>
      <c r="AI2464" s="53">
        <v>1283333.33333333</v>
      </c>
      <c r="AJ2464" s="53">
        <v>1283333.33333333</v>
      </c>
      <c r="AK2464" s="53">
        <v>1283333.33333333</v>
      </c>
      <c r="AL2464" s="53">
        <v>1283333.33333333</v>
      </c>
      <c r="AM2464" s="53">
        <v>1283333.33333333</v>
      </c>
      <c r="AN2464" s="53">
        <v>15400000</v>
      </c>
      <c r="AO2464" s="53">
        <v>1283333.33333333</v>
      </c>
      <c r="AP2464" s="53">
        <v>1283333.33333333</v>
      </c>
      <c r="AQ2464" s="53">
        <v>1283333.33333333</v>
      </c>
      <c r="AR2464" s="53">
        <v>1283333.33333333</v>
      </c>
      <c r="AS2464" s="53">
        <v>1283333.33333333</v>
      </c>
      <c r="AT2464" s="53">
        <v>1283333.33333333</v>
      </c>
      <c r="AU2464" s="53">
        <v>1283333.33333333</v>
      </c>
      <c r="AV2464" s="53">
        <v>1283333.33333333</v>
      </c>
      <c r="AW2464" s="53">
        <v>1283333.33333333</v>
      </c>
      <c r="AX2464" s="53">
        <v>1283333.33333333</v>
      </c>
      <c r="AY2464" s="53">
        <v>1283333.33333333</v>
      </c>
      <c r="AZ2464" s="53">
        <v>1283333.33333333</v>
      </c>
      <c r="BA2464" s="53">
        <v>15400000</v>
      </c>
      <c r="BB2464" s="53">
        <v>1283333.33333333</v>
      </c>
      <c r="BC2464" s="53">
        <v>1283333.33333333</v>
      </c>
      <c r="BD2464" s="53">
        <v>1283333.33333333</v>
      </c>
      <c r="BE2464" s="53">
        <v>1283333.33333333</v>
      </c>
      <c r="BF2464" s="53">
        <v>1283333.33333333</v>
      </c>
      <c r="BG2464" s="53">
        <v>1283333.33333333</v>
      </c>
      <c r="BH2464" s="53">
        <v>1283333.33333333</v>
      </c>
      <c r="BI2464" s="53">
        <v>1283333.33333333</v>
      </c>
      <c r="BJ2464" s="53">
        <v>1283333.33333333</v>
      </c>
      <c r="BK2464" s="53">
        <v>1283333.33333333</v>
      </c>
      <c r="BL2464" s="53">
        <v>1283333.33333333</v>
      </c>
      <c r="BM2464" s="53">
        <v>1283333.33333333</v>
      </c>
      <c r="BN2464" s="53">
        <v>15400000</v>
      </c>
      <c r="BO2464" s="53">
        <v>1283333.33333333</v>
      </c>
      <c r="BP2464" s="53">
        <v>1283333.33333333</v>
      </c>
      <c r="BQ2464" s="53">
        <v>1283333.33333333</v>
      </c>
      <c r="BR2464" s="53">
        <v>1283333.33333333</v>
      </c>
      <c r="BS2464" s="53">
        <v>1283333.33333333</v>
      </c>
      <c r="BT2464" s="53">
        <v>1283333.33333333</v>
      </c>
      <c r="BU2464" s="53">
        <v>1283333.33333333</v>
      </c>
      <c r="BV2464" s="53">
        <v>1283333.33333333</v>
      </c>
      <c r="BW2464" s="53">
        <v>1283333.33333333</v>
      </c>
      <c r="BX2464" s="53">
        <v>1283333.33333333</v>
      </c>
      <c r="BY2464" s="53">
        <v>1283333.33333333</v>
      </c>
      <c r="BZ2464" s="53">
        <v>1283333.33333333</v>
      </c>
      <c r="CA2464" s="53">
        <v>15400000</v>
      </c>
      <c r="CB2464" s="53"/>
      <c r="CC2464" s="53"/>
      <c r="CD2464" s="53"/>
      <c r="CE2464" s="53"/>
      <c r="CF2464" s="53"/>
      <c r="CG2464" s="53"/>
      <c r="CH2464" s="53"/>
      <c r="CI2464" s="53"/>
      <c r="CJ2464" s="53"/>
      <c r="CK2464" s="53"/>
      <c r="CL2464" s="53"/>
      <c r="CM2464" s="53"/>
      <c r="CN2464" s="53"/>
    </row>
    <row r="2465" spans="1:92" outlineLevel="1">
      <c r="A2465" s="52" t="s">
        <v>1563</v>
      </c>
      <c r="B2465" s="53">
        <v>187500</v>
      </c>
      <c r="C2465" s="53">
        <v>187500</v>
      </c>
      <c r="D2465" s="53">
        <v>187500</v>
      </c>
      <c r="E2465" s="53">
        <v>187500</v>
      </c>
      <c r="F2465" s="53">
        <v>187500</v>
      </c>
      <c r="G2465" s="53">
        <v>187500</v>
      </c>
      <c r="H2465" s="53">
        <v>937500</v>
      </c>
      <c r="I2465" s="53">
        <v>937500</v>
      </c>
      <c r="J2465" s="53">
        <v>937500</v>
      </c>
      <c r="K2465" s="53">
        <v>937500</v>
      </c>
      <c r="L2465" s="53">
        <v>937500</v>
      </c>
      <c r="M2465" s="53">
        <v>937500</v>
      </c>
      <c r="N2465" s="53">
        <v>6750000</v>
      </c>
      <c r="O2465" s="53">
        <v>1052083.33333333</v>
      </c>
      <c r="P2465" s="53">
        <v>1052083.33333333</v>
      </c>
      <c r="Q2465" s="53">
        <v>1052083.33333333</v>
      </c>
      <c r="R2465" s="53">
        <v>1052083.33333333</v>
      </c>
      <c r="S2465" s="53">
        <v>1052083.33333333</v>
      </c>
      <c r="T2465" s="53">
        <v>1052083.33333333</v>
      </c>
      <c r="U2465" s="53">
        <v>1041666.66666666</v>
      </c>
      <c r="V2465" s="53">
        <v>1041666.66666666</v>
      </c>
      <c r="W2465" s="53">
        <v>1041666.66666666</v>
      </c>
      <c r="X2465" s="53">
        <v>1041666.66666666</v>
      </c>
      <c r="Y2465" s="53">
        <v>1041666.66666666</v>
      </c>
      <c r="Z2465" s="53">
        <v>1041666.66666666</v>
      </c>
      <c r="AA2465" s="53">
        <v>12562499.999999899</v>
      </c>
      <c r="AB2465" s="53">
        <v>937500</v>
      </c>
      <c r="AC2465" s="53">
        <v>937500</v>
      </c>
      <c r="AD2465" s="53">
        <v>937500</v>
      </c>
      <c r="AE2465" s="53">
        <v>937500</v>
      </c>
      <c r="AF2465" s="53">
        <v>937500</v>
      </c>
      <c r="AG2465" s="53">
        <v>937500</v>
      </c>
      <c r="AH2465" s="53">
        <v>937500</v>
      </c>
      <c r="AI2465" s="53">
        <v>937500</v>
      </c>
      <c r="AJ2465" s="53">
        <v>937500</v>
      </c>
      <c r="AK2465" s="53">
        <v>937500</v>
      </c>
      <c r="AL2465" s="53">
        <v>937500</v>
      </c>
      <c r="AM2465" s="53">
        <v>937500</v>
      </c>
      <c r="AN2465" s="53">
        <v>11250000</v>
      </c>
      <c r="AO2465" s="53">
        <v>781249.99999999895</v>
      </c>
      <c r="AP2465" s="53">
        <v>781249.99999999895</v>
      </c>
      <c r="AQ2465" s="53">
        <v>781249.99999999895</v>
      </c>
      <c r="AR2465" s="53">
        <v>781249.99999999895</v>
      </c>
      <c r="AS2465" s="53">
        <v>781249.99999999895</v>
      </c>
      <c r="AT2465" s="53">
        <v>781249.99999999895</v>
      </c>
      <c r="AU2465" s="53">
        <v>781249.99999999895</v>
      </c>
      <c r="AV2465" s="53">
        <v>781249.99999999895</v>
      </c>
      <c r="AW2465" s="53">
        <v>781249.99999999895</v>
      </c>
      <c r="AX2465" s="53">
        <v>781249.99999999895</v>
      </c>
      <c r="AY2465" s="53">
        <v>781249.99999999895</v>
      </c>
      <c r="AZ2465" s="53">
        <v>781249.99999999895</v>
      </c>
      <c r="BA2465" s="53">
        <v>9374999.9999999907</v>
      </c>
      <c r="BB2465" s="53">
        <v>760416.66666666605</v>
      </c>
      <c r="BC2465" s="53">
        <v>760416.66666666605</v>
      </c>
      <c r="BD2465" s="53">
        <v>760416.66666666605</v>
      </c>
      <c r="BE2465" s="53">
        <v>760416.66666666605</v>
      </c>
      <c r="BF2465" s="53">
        <v>760416.66666666605</v>
      </c>
      <c r="BG2465" s="53">
        <v>760416.66666666605</v>
      </c>
      <c r="BH2465" s="53">
        <v>760416.66666666605</v>
      </c>
      <c r="BI2465" s="53">
        <v>760416.66666666605</v>
      </c>
      <c r="BJ2465" s="53">
        <v>760416.66666666605</v>
      </c>
      <c r="BK2465" s="53">
        <v>760416.66666666605</v>
      </c>
      <c r="BL2465" s="53">
        <v>760416.66666666605</v>
      </c>
      <c r="BM2465" s="53">
        <v>760416.66666666605</v>
      </c>
      <c r="BN2465" s="53">
        <v>9125000</v>
      </c>
      <c r="BO2465" s="53">
        <v>770833.33333333302</v>
      </c>
      <c r="BP2465" s="53">
        <v>770833.33333333302</v>
      </c>
      <c r="BQ2465" s="53">
        <v>770833.33333333302</v>
      </c>
      <c r="BR2465" s="53">
        <v>770833.33333333302</v>
      </c>
      <c r="BS2465" s="53">
        <v>770833.33333333302</v>
      </c>
      <c r="BT2465" s="53">
        <v>770833.33333333302</v>
      </c>
      <c r="BU2465" s="53">
        <v>770833.33333333302</v>
      </c>
      <c r="BV2465" s="53">
        <v>770833.33333333302</v>
      </c>
      <c r="BW2465" s="53">
        <v>770833.33333333302</v>
      </c>
      <c r="BX2465" s="53">
        <v>770833.33333333302</v>
      </c>
      <c r="BY2465" s="53">
        <v>770833.33333333302</v>
      </c>
      <c r="BZ2465" s="53">
        <v>770833.33333333302</v>
      </c>
      <c r="CA2465" s="53">
        <v>9250000</v>
      </c>
      <c r="CB2465" s="53"/>
      <c r="CC2465" s="53"/>
      <c r="CD2465" s="53"/>
      <c r="CE2465" s="53"/>
      <c r="CF2465" s="53"/>
      <c r="CG2465" s="53"/>
      <c r="CH2465" s="53"/>
      <c r="CI2465" s="53"/>
      <c r="CJ2465" s="53"/>
      <c r="CK2465" s="53"/>
      <c r="CL2465" s="53"/>
      <c r="CM2465" s="53"/>
      <c r="CN2465" s="53"/>
    </row>
    <row r="2466" spans="1:92" outlineLevel="1">
      <c r="A2466" s="52" t="s">
        <v>721</v>
      </c>
      <c r="B2466" s="53">
        <v>1700000</v>
      </c>
      <c r="C2466" s="53">
        <v>1700000</v>
      </c>
      <c r="D2466" s="53">
        <v>1700000</v>
      </c>
      <c r="E2466" s="53">
        <v>1700000</v>
      </c>
      <c r="F2466" s="53">
        <v>1700000</v>
      </c>
      <c r="G2466" s="53">
        <v>1700000</v>
      </c>
      <c r="H2466" s="53">
        <v>1700000</v>
      </c>
      <c r="I2466" s="53">
        <v>1700000</v>
      </c>
      <c r="J2466" s="53">
        <v>1700000</v>
      </c>
      <c r="K2466" s="53">
        <v>1700000</v>
      </c>
      <c r="L2466" s="53">
        <v>1700000</v>
      </c>
      <c r="M2466" s="53">
        <v>1700000</v>
      </c>
      <c r="N2466" s="53">
        <v>20400000</v>
      </c>
      <c r="O2466" s="53">
        <v>1700000</v>
      </c>
      <c r="P2466" s="53">
        <v>1700000</v>
      </c>
      <c r="Q2466" s="53">
        <v>1700000</v>
      </c>
      <c r="R2466" s="53">
        <v>1700000</v>
      </c>
      <c r="S2466" s="53">
        <v>1700000</v>
      </c>
      <c r="T2466" s="53">
        <v>1700000</v>
      </c>
      <c r="U2466" s="53">
        <v>1700000</v>
      </c>
      <c r="V2466" s="53">
        <v>1700000</v>
      </c>
      <c r="W2466" s="53">
        <v>1700000</v>
      </c>
      <c r="X2466" s="53">
        <v>1700000</v>
      </c>
      <c r="Y2466" s="53">
        <v>1700000</v>
      </c>
      <c r="Z2466" s="53">
        <v>1700000</v>
      </c>
      <c r="AA2466" s="53">
        <v>20400000</v>
      </c>
      <c r="AB2466" s="53">
        <v>1700000</v>
      </c>
      <c r="AC2466" s="53">
        <v>1700000</v>
      </c>
      <c r="AD2466" s="53">
        <v>1700000</v>
      </c>
      <c r="AE2466" s="53">
        <v>1700000</v>
      </c>
      <c r="AF2466" s="53">
        <v>1700000</v>
      </c>
      <c r="AG2466" s="53">
        <v>1700000</v>
      </c>
      <c r="AH2466" s="53">
        <v>1700000</v>
      </c>
      <c r="AI2466" s="53">
        <v>1700000</v>
      </c>
      <c r="AJ2466" s="53">
        <v>1700000</v>
      </c>
      <c r="AK2466" s="53">
        <v>1700000</v>
      </c>
      <c r="AL2466" s="53">
        <v>1700000</v>
      </c>
      <c r="AM2466" s="53">
        <v>1700000</v>
      </c>
      <c r="AN2466" s="53">
        <v>20400000</v>
      </c>
      <c r="AO2466" s="53">
        <v>1700000</v>
      </c>
      <c r="AP2466" s="53">
        <v>1700000</v>
      </c>
      <c r="AQ2466" s="53">
        <v>1700000</v>
      </c>
      <c r="AR2466" s="53">
        <v>1700000</v>
      </c>
      <c r="AS2466" s="53">
        <v>1700000</v>
      </c>
      <c r="AT2466" s="53">
        <v>1700000</v>
      </c>
      <c r="AU2466" s="53">
        <v>1700000</v>
      </c>
      <c r="AV2466" s="53">
        <v>1700000</v>
      </c>
      <c r="AW2466" s="53">
        <v>1700000</v>
      </c>
      <c r="AX2466" s="53">
        <v>1700000</v>
      </c>
      <c r="AY2466" s="53">
        <v>1700000</v>
      </c>
      <c r="AZ2466" s="53">
        <v>1700000</v>
      </c>
      <c r="BA2466" s="53">
        <v>20400000</v>
      </c>
      <c r="BB2466" s="53">
        <v>1700000</v>
      </c>
      <c r="BC2466" s="53">
        <v>1700000</v>
      </c>
      <c r="BD2466" s="53">
        <v>1700000</v>
      </c>
      <c r="BE2466" s="53">
        <v>1700000</v>
      </c>
      <c r="BF2466" s="53">
        <v>1700000</v>
      </c>
      <c r="BG2466" s="53">
        <v>1700000</v>
      </c>
      <c r="BH2466" s="53">
        <v>1700000</v>
      </c>
      <c r="BI2466" s="53">
        <v>1700000</v>
      </c>
      <c r="BJ2466" s="53">
        <v>1700000</v>
      </c>
      <c r="BK2466" s="53">
        <v>1700000</v>
      </c>
      <c r="BL2466" s="53">
        <v>1700000</v>
      </c>
      <c r="BM2466" s="53">
        <v>1700000</v>
      </c>
      <c r="BN2466" s="53">
        <v>20400000</v>
      </c>
      <c r="BO2466" s="53">
        <v>1700000</v>
      </c>
      <c r="BP2466" s="53">
        <v>1700000</v>
      </c>
      <c r="BQ2466" s="53">
        <v>1700000</v>
      </c>
      <c r="BR2466" s="53">
        <v>1700000</v>
      </c>
      <c r="BS2466" s="53">
        <v>1700000</v>
      </c>
      <c r="BT2466" s="53">
        <v>1700000</v>
      </c>
      <c r="BU2466" s="53">
        <v>1700000</v>
      </c>
      <c r="BV2466" s="53">
        <v>1700000</v>
      </c>
      <c r="BW2466" s="53">
        <v>1700000</v>
      </c>
      <c r="BX2466" s="53">
        <v>1700000</v>
      </c>
      <c r="BY2466" s="53">
        <v>1700000</v>
      </c>
      <c r="BZ2466" s="53">
        <v>1700000</v>
      </c>
      <c r="CA2466" s="53">
        <v>20400000</v>
      </c>
      <c r="CB2466" s="53"/>
      <c r="CC2466" s="53"/>
      <c r="CD2466" s="53"/>
      <c r="CE2466" s="53"/>
      <c r="CF2466" s="53"/>
      <c r="CG2466" s="53"/>
      <c r="CH2466" s="53"/>
      <c r="CI2466" s="53"/>
      <c r="CJ2466" s="53"/>
      <c r="CK2466" s="53"/>
      <c r="CL2466" s="53"/>
      <c r="CM2466" s="53"/>
      <c r="CN2466" s="53"/>
    </row>
    <row r="2467" spans="1:92" outlineLevel="1">
      <c r="A2467" s="52" t="s">
        <v>723</v>
      </c>
      <c r="B2467" s="53">
        <v>1733333.33333333</v>
      </c>
      <c r="C2467" s="53">
        <v>1733333.33333333</v>
      </c>
      <c r="D2467" s="53">
        <v>1733333.33333333</v>
      </c>
      <c r="E2467" s="53">
        <v>1733333.33333333</v>
      </c>
      <c r="F2467" s="53">
        <v>1733333.33333333</v>
      </c>
      <c r="G2467" s="53">
        <v>1733333.33333333</v>
      </c>
      <c r="H2467" s="53">
        <v>1733333.33333333</v>
      </c>
      <c r="I2467" s="53">
        <v>1733333.33333333</v>
      </c>
      <c r="J2467" s="53">
        <v>1733333.33333333</v>
      </c>
      <c r="K2467" s="53">
        <v>1733333.33333333</v>
      </c>
      <c r="L2467" s="53">
        <v>1733333.33333333</v>
      </c>
      <c r="M2467" s="53">
        <v>1733333.33333333</v>
      </c>
      <c r="N2467" s="53">
        <v>20800000</v>
      </c>
      <c r="O2467" s="53">
        <v>1733333.33333333</v>
      </c>
      <c r="P2467" s="53">
        <v>1733333.33333333</v>
      </c>
      <c r="Q2467" s="53">
        <v>1733333.33333333</v>
      </c>
      <c r="R2467" s="53">
        <v>1733333.33333333</v>
      </c>
      <c r="S2467" s="53">
        <v>1733333.33333333</v>
      </c>
      <c r="T2467" s="53">
        <v>1733333.33333333</v>
      </c>
      <c r="U2467" s="53">
        <v>1733333.33333333</v>
      </c>
      <c r="V2467" s="53">
        <v>1733333.33333333</v>
      </c>
      <c r="W2467" s="53">
        <v>1733333.33333333</v>
      </c>
      <c r="X2467" s="53">
        <v>1733333.33333333</v>
      </c>
      <c r="Y2467" s="53">
        <v>1733333.33333333</v>
      </c>
      <c r="Z2467" s="53">
        <v>1733333.33333333</v>
      </c>
      <c r="AA2467" s="53">
        <v>20800000</v>
      </c>
      <c r="AB2467" s="53">
        <v>1733333.33333333</v>
      </c>
      <c r="AC2467" s="53">
        <v>1733333.33333333</v>
      </c>
      <c r="AD2467" s="53">
        <v>1733333.33333333</v>
      </c>
      <c r="AE2467" s="53">
        <v>1733333.33333333</v>
      </c>
      <c r="AF2467" s="53">
        <v>1733333.33333333</v>
      </c>
      <c r="AG2467" s="53">
        <v>1733333.33333333</v>
      </c>
      <c r="AH2467" s="53">
        <v>1733333.33333333</v>
      </c>
      <c r="AI2467" s="53">
        <v>1733333.33333333</v>
      </c>
      <c r="AJ2467" s="53">
        <v>1733333.33333333</v>
      </c>
      <c r="AK2467" s="53">
        <v>1733333.33333333</v>
      </c>
      <c r="AL2467" s="53">
        <v>1733333.33333333</v>
      </c>
      <c r="AM2467" s="53">
        <v>1733333.33333333</v>
      </c>
      <c r="AN2467" s="53">
        <v>20800000</v>
      </c>
      <c r="AO2467" s="53">
        <v>1733333.33333333</v>
      </c>
      <c r="AP2467" s="53">
        <v>1733333.33333333</v>
      </c>
      <c r="AQ2467" s="53">
        <v>1733333.33333333</v>
      </c>
      <c r="AR2467" s="53">
        <v>1733333.33333333</v>
      </c>
      <c r="AS2467" s="53">
        <v>1733333.33333333</v>
      </c>
      <c r="AT2467" s="53">
        <v>1733333.33333333</v>
      </c>
      <c r="AU2467" s="53">
        <v>1733333.33333333</v>
      </c>
      <c r="AV2467" s="53">
        <v>1733333.33333333</v>
      </c>
      <c r="AW2467" s="53">
        <v>1733333.33333333</v>
      </c>
      <c r="AX2467" s="53">
        <v>1733333.33333333</v>
      </c>
      <c r="AY2467" s="53">
        <v>1733333.33333333</v>
      </c>
      <c r="AZ2467" s="53">
        <v>1733333.33333333</v>
      </c>
      <c r="BA2467" s="53">
        <v>20800000</v>
      </c>
      <c r="BB2467" s="53">
        <v>1733333.33333333</v>
      </c>
      <c r="BC2467" s="53">
        <v>1733333.33333333</v>
      </c>
      <c r="BD2467" s="53">
        <v>1733333.33333333</v>
      </c>
      <c r="BE2467" s="53">
        <v>1733333.33333333</v>
      </c>
      <c r="BF2467" s="53">
        <v>1733333.33333333</v>
      </c>
      <c r="BG2467" s="53">
        <v>1733333.33333333</v>
      </c>
      <c r="BH2467" s="53">
        <v>1733333.33333333</v>
      </c>
      <c r="BI2467" s="53">
        <v>1733333.33333333</v>
      </c>
      <c r="BJ2467" s="53">
        <v>1733333.33333333</v>
      </c>
      <c r="BK2467" s="53">
        <v>1733333.33333333</v>
      </c>
      <c r="BL2467" s="53">
        <v>1733333.33333333</v>
      </c>
      <c r="BM2467" s="53">
        <v>1733333.33333333</v>
      </c>
      <c r="BN2467" s="53">
        <v>20800000</v>
      </c>
      <c r="BO2467" s="53">
        <v>866666.66666666605</v>
      </c>
      <c r="BP2467" s="53"/>
      <c r="BQ2467" s="53"/>
      <c r="BR2467" s="53"/>
      <c r="BS2467" s="53"/>
      <c r="BT2467" s="53"/>
      <c r="BU2467" s="53"/>
      <c r="BV2467" s="53"/>
      <c r="BW2467" s="53"/>
      <c r="BX2467" s="53"/>
      <c r="BY2467" s="53"/>
      <c r="BZ2467" s="53"/>
      <c r="CA2467" s="53">
        <v>866666.66666666605</v>
      </c>
      <c r="CB2467" s="53"/>
      <c r="CC2467" s="53"/>
      <c r="CD2467" s="53"/>
      <c r="CE2467" s="53"/>
      <c r="CF2467" s="53"/>
      <c r="CG2467" s="53"/>
      <c r="CH2467" s="53"/>
      <c r="CI2467" s="53"/>
      <c r="CJ2467" s="53"/>
      <c r="CK2467" s="53"/>
      <c r="CL2467" s="53"/>
      <c r="CM2467" s="53"/>
      <c r="CN2467" s="53"/>
    </row>
    <row r="2468" spans="1:92" outlineLevel="1">
      <c r="A2468" s="52" t="s">
        <v>724</v>
      </c>
      <c r="B2468" s="53">
        <v>1400000</v>
      </c>
      <c r="C2468" s="53">
        <v>1400000</v>
      </c>
      <c r="D2468" s="53">
        <v>1400000</v>
      </c>
      <c r="E2468" s="53">
        <v>1400000</v>
      </c>
      <c r="F2468" s="53">
        <v>1400000</v>
      </c>
      <c r="G2468" s="53">
        <v>1400000</v>
      </c>
      <c r="H2468" s="53">
        <v>1400000</v>
      </c>
      <c r="I2468" s="53">
        <v>1400000</v>
      </c>
      <c r="J2468" s="53">
        <v>1400000</v>
      </c>
      <c r="K2468" s="53">
        <v>1400000</v>
      </c>
      <c r="L2468" s="53">
        <v>1400000</v>
      </c>
      <c r="M2468" s="53">
        <v>1400000</v>
      </c>
      <c r="N2468" s="53">
        <v>16800000</v>
      </c>
      <c r="O2468" s="53">
        <v>1400000</v>
      </c>
      <c r="P2468" s="53">
        <v>1400000</v>
      </c>
      <c r="Q2468" s="53">
        <v>1400000</v>
      </c>
      <c r="R2468" s="53">
        <v>1400000</v>
      </c>
      <c r="S2468" s="53">
        <v>1400000</v>
      </c>
      <c r="T2468" s="53">
        <v>1400000</v>
      </c>
      <c r="U2468" s="53">
        <v>1400000</v>
      </c>
      <c r="V2468" s="53">
        <v>1400000</v>
      </c>
      <c r="W2468" s="53">
        <v>1400000</v>
      </c>
      <c r="X2468" s="53">
        <v>1400000</v>
      </c>
      <c r="Y2468" s="53">
        <v>1400000</v>
      </c>
      <c r="Z2468" s="53">
        <v>1400000</v>
      </c>
      <c r="AA2468" s="53">
        <v>16800000</v>
      </c>
      <c r="AB2468" s="53">
        <v>1400000</v>
      </c>
      <c r="AC2468" s="53">
        <v>1400000</v>
      </c>
      <c r="AD2468" s="53">
        <v>1400000</v>
      </c>
      <c r="AE2468" s="53">
        <v>1400000</v>
      </c>
      <c r="AF2468" s="53">
        <v>1400000</v>
      </c>
      <c r="AG2468" s="53">
        <v>1400000</v>
      </c>
      <c r="AH2468" s="53">
        <v>1400000</v>
      </c>
      <c r="AI2468" s="53">
        <v>1400000</v>
      </c>
      <c r="AJ2468" s="53">
        <v>1400000</v>
      </c>
      <c r="AK2468" s="53">
        <v>1400000</v>
      </c>
      <c r="AL2468" s="53">
        <v>1400000</v>
      </c>
      <c r="AM2468" s="53">
        <v>1400000</v>
      </c>
      <c r="AN2468" s="53">
        <v>16800000</v>
      </c>
      <c r="AO2468" s="53">
        <v>1400000</v>
      </c>
      <c r="AP2468" s="53">
        <v>1400000</v>
      </c>
      <c r="AQ2468" s="53">
        <v>1400000</v>
      </c>
      <c r="AR2468" s="53">
        <v>1400000</v>
      </c>
      <c r="AS2468" s="53">
        <v>1400000</v>
      </c>
      <c r="AT2468" s="53">
        <v>1400000</v>
      </c>
      <c r="AU2468" s="53">
        <v>1400000</v>
      </c>
      <c r="AV2468" s="53">
        <v>1400000</v>
      </c>
      <c r="AW2468" s="53">
        <v>1400000</v>
      </c>
      <c r="AX2468" s="53">
        <v>1400000</v>
      </c>
      <c r="AY2468" s="53">
        <v>1400000</v>
      </c>
      <c r="AZ2468" s="53">
        <v>1400000</v>
      </c>
      <c r="BA2468" s="53">
        <v>16800000</v>
      </c>
      <c r="BB2468" s="53">
        <v>1400000</v>
      </c>
      <c r="BC2468" s="53">
        <v>1400000</v>
      </c>
      <c r="BD2468" s="53">
        <v>1400000</v>
      </c>
      <c r="BE2468" s="53">
        <v>1400000</v>
      </c>
      <c r="BF2468" s="53">
        <v>1400000</v>
      </c>
      <c r="BG2468" s="53">
        <v>1400000</v>
      </c>
      <c r="BH2468" s="53">
        <v>1400000</v>
      </c>
      <c r="BI2468" s="53">
        <v>1400000</v>
      </c>
      <c r="BJ2468" s="53">
        <v>1400000</v>
      </c>
      <c r="BK2468" s="53">
        <v>1400000</v>
      </c>
      <c r="BL2468" s="53">
        <v>1400000</v>
      </c>
      <c r="BM2468" s="53">
        <v>1400000</v>
      </c>
      <c r="BN2468" s="53">
        <v>16800000</v>
      </c>
      <c r="BO2468" s="53">
        <v>1400000</v>
      </c>
      <c r="BP2468" s="53">
        <v>1400000</v>
      </c>
      <c r="BQ2468" s="53">
        <v>1400000</v>
      </c>
      <c r="BR2468" s="53">
        <v>1400000</v>
      </c>
      <c r="BS2468" s="53">
        <v>1400000</v>
      </c>
      <c r="BT2468" s="53">
        <v>1400000</v>
      </c>
      <c r="BU2468" s="53">
        <v>1400000</v>
      </c>
      <c r="BV2468" s="53">
        <v>1400000</v>
      </c>
      <c r="BW2468" s="53">
        <v>1400000</v>
      </c>
      <c r="BX2468" s="53">
        <v>1400000</v>
      </c>
      <c r="BY2468" s="53">
        <v>1400000</v>
      </c>
      <c r="BZ2468" s="53">
        <v>1400000</v>
      </c>
      <c r="CA2468" s="53">
        <v>16800000</v>
      </c>
      <c r="CB2468" s="53"/>
      <c r="CC2468" s="53"/>
      <c r="CD2468" s="53"/>
      <c r="CE2468" s="53"/>
      <c r="CF2468" s="53"/>
      <c r="CG2468" s="53"/>
      <c r="CH2468" s="53"/>
      <c r="CI2468" s="53"/>
      <c r="CJ2468" s="53"/>
      <c r="CK2468" s="53"/>
      <c r="CL2468" s="53"/>
      <c r="CM2468" s="53"/>
      <c r="CN2468" s="53"/>
    </row>
    <row r="2469" spans="1:92" outlineLevel="1">
      <c r="A2469" s="52" t="s">
        <v>725</v>
      </c>
      <c r="B2469" s="53">
        <v>1900000</v>
      </c>
      <c r="C2469" s="53">
        <v>1900000</v>
      </c>
      <c r="D2469" s="53">
        <v>1900000</v>
      </c>
      <c r="E2469" s="53">
        <v>1900000</v>
      </c>
      <c r="F2469" s="53">
        <v>1900000</v>
      </c>
      <c r="G2469" s="53">
        <v>1900000</v>
      </c>
      <c r="H2469" s="53">
        <v>1900000</v>
      </c>
      <c r="I2469" s="53">
        <v>1900000</v>
      </c>
      <c r="J2469" s="53">
        <v>1900000</v>
      </c>
      <c r="K2469" s="53">
        <v>1900000</v>
      </c>
      <c r="L2469" s="53">
        <v>1900000</v>
      </c>
      <c r="M2469" s="53">
        <v>1900000</v>
      </c>
      <c r="N2469" s="53">
        <v>22800000</v>
      </c>
      <c r="O2469" s="53">
        <v>1900000</v>
      </c>
      <c r="P2469" s="53">
        <v>1900000</v>
      </c>
      <c r="Q2469" s="53">
        <v>1900000</v>
      </c>
      <c r="R2469" s="53">
        <v>1900000</v>
      </c>
      <c r="S2469" s="53">
        <v>1900000</v>
      </c>
      <c r="T2469" s="53">
        <v>1900000</v>
      </c>
      <c r="U2469" s="53">
        <v>1900000</v>
      </c>
      <c r="V2469" s="53">
        <v>1900000</v>
      </c>
      <c r="W2469" s="53">
        <v>1900000</v>
      </c>
      <c r="X2469" s="53">
        <v>1900000</v>
      </c>
      <c r="Y2469" s="53">
        <v>1900000</v>
      </c>
      <c r="Z2469" s="53">
        <v>1900000</v>
      </c>
      <c r="AA2469" s="53">
        <v>22800000</v>
      </c>
      <c r="AB2469" s="53">
        <v>1900000</v>
      </c>
      <c r="AC2469" s="53">
        <v>1900000</v>
      </c>
      <c r="AD2469" s="53">
        <v>1900000</v>
      </c>
      <c r="AE2469" s="53">
        <v>1900000</v>
      </c>
      <c r="AF2469" s="53">
        <v>1900000</v>
      </c>
      <c r="AG2469" s="53">
        <v>1900000</v>
      </c>
      <c r="AH2469" s="53">
        <v>1900000</v>
      </c>
      <c r="AI2469" s="53">
        <v>1900000</v>
      </c>
      <c r="AJ2469" s="53">
        <v>1900000</v>
      </c>
      <c r="AK2469" s="53">
        <v>1900000</v>
      </c>
      <c r="AL2469" s="53">
        <v>1900000</v>
      </c>
      <c r="AM2469" s="53">
        <v>1900000</v>
      </c>
      <c r="AN2469" s="53">
        <v>22800000</v>
      </c>
      <c r="AO2469" s="53">
        <v>1900000</v>
      </c>
      <c r="AP2469" s="53">
        <v>1900000</v>
      </c>
      <c r="AQ2469" s="53">
        <v>1900000</v>
      </c>
      <c r="AR2469" s="53">
        <v>1900000</v>
      </c>
      <c r="AS2469" s="53">
        <v>1900000</v>
      </c>
      <c r="AT2469" s="53">
        <v>1900000</v>
      </c>
      <c r="AU2469" s="53">
        <v>1900000</v>
      </c>
      <c r="AV2469" s="53">
        <v>1900000</v>
      </c>
      <c r="AW2469" s="53">
        <v>1900000</v>
      </c>
      <c r="AX2469" s="53">
        <v>1900000</v>
      </c>
      <c r="AY2469" s="53">
        <v>1900000</v>
      </c>
      <c r="AZ2469" s="53">
        <v>1900000</v>
      </c>
      <c r="BA2469" s="53">
        <v>22800000</v>
      </c>
      <c r="BB2469" s="53">
        <v>1900000</v>
      </c>
      <c r="BC2469" s="53">
        <v>1900000</v>
      </c>
      <c r="BD2469" s="53">
        <v>1900000</v>
      </c>
      <c r="BE2469" s="53">
        <v>1900000</v>
      </c>
      <c r="BF2469" s="53">
        <v>1900000</v>
      </c>
      <c r="BG2469" s="53">
        <v>1900000</v>
      </c>
      <c r="BH2469" s="53">
        <v>1900000</v>
      </c>
      <c r="BI2469" s="53">
        <v>1900000</v>
      </c>
      <c r="BJ2469" s="53">
        <v>1900000</v>
      </c>
      <c r="BK2469" s="53">
        <v>1900000</v>
      </c>
      <c r="BL2469" s="53">
        <v>1900000</v>
      </c>
      <c r="BM2469" s="53">
        <v>1900000</v>
      </c>
      <c r="BN2469" s="53">
        <v>22800000</v>
      </c>
      <c r="BO2469" s="53">
        <v>1900000</v>
      </c>
      <c r="BP2469" s="53">
        <v>1900000</v>
      </c>
      <c r="BQ2469" s="53">
        <v>1900000</v>
      </c>
      <c r="BR2469" s="53">
        <v>1900000</v>
      </c>
      <c r="BS2469" s="53">
        <v>1900000</v>
      </c>
      <c r="BT2469" s="53">
        <v>1900000</v>
      </c>
      <c r="BU2469" s="53">
        <v>1900000</v>
      </c>
      <c r="BV2469" s="53">
        <v>1900000</v>
      </c>
      <c r="BW2469" s="53">
        <v>1900000</v>
      </c>
      <c r="BX2469" s="53">
        <v>1900000</v>
      </c>
      <c r="BY2469" s="53">
        <v>1900000</v>
      </c>
      <c r="BZ2469" s="53">
        <v>1900000</v>
      </c>
      <c r="CA2469" s="53">
        <v>22800000</v>
      </c>
      <c r="CB2469" s="53"/>
      <c r="CC2469" s="53"/>
      <c r="CD2469" s="53"/>
      <c r="CE2469" s="53"/>
      <c r="CF2469" s="53"/>
      <c r="CG2469" s="53"/>
      <c r="CH2469" s="53"/>
      <c r="CI2469" s="53"/>
      <c r="CJ2469" s="53"/>
      <c r="CK2469" s="53"/>
      <c r="CL2469" s="53"/>
      <c r="CM2469" s="53"/>
      <c r="CN2469" s="53"/>
    </row>
    <row r="2470" spans="1:92" outlineLevel="1">
      <c r="A2470" s="52" t="s">
        <v>726</v>
      </c>
      <c r="B2470" s="53">
        <v>1458333.33333333</v>
      </c>
      <c r="C2470" s="53">
        <v>1458333.33333333</v>
      </c>
      <c r="D2470" s="53">
        <v>1458333.33333333</v>
      </c>
      <c r="E2470" s="53">
        <v>1458333.33333333</v>
      </c>
      <c r="F2470" s="53">
        <v>1458333.33333333</v>
      </c>
      <c r="G2470" s="53">
        <v>1458333.33333333</v>
      </c>
      <c r="H2470" s="53">
        <v>1458333.33333333</v>
      </c>
      <c r="I2470" s="53">
        <v>1458333.33333333</v>
      </c>
      <c r="J2470" s="53">
        <v>1458333.33333333</v>
      </c>
      <c r="K2470" s="53">
        <v>1458333.33333333</v>
      </c>
      <c r="L2470" s="53">
        <v>1458333.33333333</v>
      </c>
      <c r="M2470" s="53">
        <v>1458333.33333333</v>
      </c>
      <c r="N2470" s="53">
        <v>17500000</v>
      </c>
      <c r="O2470" s="53">
        <v>1458333.33333333</v>
      </c>
      <c r="P2470" s="53">
        <v>1458333.33333333</v>
      </c>
      <c r="Q2470" s="53">
        <v>1458333.33333333</v>
      </c>
      <c r="R2470" s="53">
        <v>1458333.33333333</v>
      </c>
      <c r="S2470" s="53">
        <v>1458333.33333333</v>
      </c>
      <c r="T2470" s="53">
        <v>1458333.33333333</v>
      </c>
      <c r="U2470" s="53">
        <v>1458333.33333333</v>
      </c>
      <c r="V2470" s="53">
        <v>1458333.33333333</v>
      </c>
      <c r="W2470" s="53">
        <v>1458333.33333333</v>
      </c>
      <c r="X2470" s="53">
        <v>1458333.33333333</v>
      </c>
      <c r="Y2470" s="53">
        <v>1458333.33333333</v>
      </c>
      <c r="Z2470" s="53">
        <v>1458333.33333333</v>
      </c>
      <c r="AA2470" s="53">
        <v>17500000</v>
      </c>
      <c r="AB2470" s="53">
        <v>1458333.33333333</v>
      </c>
      <c r="AC2470" s="53">
        <v>1458333.33333333</v>
      </c>
      <c r="AD2470" s="53">
        <v>1458333.33333333</v>
      </c>
      <c r="AE2470" s="53">
        <v>1458333.33333333</v>
      </c>
      <c r="AF2470" s="53">
        <v>1458333.33333333</v>
      </c>
      <c r="AG2470" s="53">
        <v>1458333.33333333</v>
      </c>
      <c r="AH2470" s="53">
        <v>1458333.33333333</v>
      </c>
      <c r="AI2470" s="53">
        <v>1458333.33333333</v>
      </c>
      <c r="AJ2470" s="53">
        <v>1458333.33333333</v>
      </c>
      <c r="AK2470" s="53">
        <v>1458333.33333333</v>
      </c>
      <c r="AL2470" s="53">
        <v>1458333.33333333</v>
      </c>
      <c r="AM2470" s="53">
        <v>1458333.33333333</v>
      </c>
      <c r="AN2470" s="53">
        <v>17500000</v>
      </c>
      <c r="AO2470" s="53">
        <v>1458333.33333333</v>
      </c>
      <c r="AP2470" s="53">
        <v>1458333.33333333</v>
      </c>
      <c r="AQ2470" s="53">
        <v>1458333.33333333</v>
      </c>
      <c r="AR2470" s="53">
        <v>1458333.33333333</v>
      </c>
      <c r="AS2470" s="53">
        <v>1458333.33333333</v>
      </c>
      <c r="AT2470" s="53">
        <v>1458333.33333333</v>
      </c>
      <c r="AU2470" s="53">
        <v>1458333.33333333</v>
      </c>
      <c r="AV2470" s="53">
        <v>1458333.33333333</v>
      </c>
      <c r="AW2470" s="53">
        <v>1458333.33333333</v>
      </c>
      <c r="AX2470" s="53">
        <v>1458333.33333333</v>
      </c>
      <c r="AY2470" s="53">
        <v>1458333.33333333</v>
      </c>
      <c r="AZ2470" s="53">
        <v>1458333.33333333</v>
      </c>
      <c r="BA2470" s="53">
        <v>17500000</v>
      </c>
      <c r="BB2470" s="53">
        <v>1458333.33333333</v>
      </c>
      <c r="BC2470" s="53">
        <v>1458333.33333333</v>
      </c>
      <c r="BD2470" s="53">
        <v>1458333.33333333</v>
      </c>
      <c r="BE2470" s="53">
        <v>1458333.33333333</v>
      </c>
      <c r="BF2470" s="53">
        <v>1458333.33333333</v>
      </c>
      <c r="BG2470" s="53">
        <v>1458333.33333333</v>
      </c>
      <c r="BH2470" s="53">
        <v>1458333.33333333</v>
      </c>
      <c r="BI2470" s="53">
        <v>1458333.33333333</v>
      </c>
      <c r="BJ2470" s="53">
        <v>1458333.33333333</v>
      </c>
      <c r="BK2470" s="53">
        <v>1458333.33333333</v>
      </c>
      <c r="BL2470" s="53">
        <v>1458333.33333333</v>
      </c>
      <c r="BM2470" s="53">
        <v>1458333.33333333</v>
      </c>
      <c r="BN2470" s="53">
        <v>17500000</v>
      </c>
      <c r="BO2470" s="53">
        <v>1458333.33333333</v>
      </c>
      <c r="BP2470" s="53">
        <v>1458333.33333333</v>
      </c>
      <c r="BQ2470" s="53">
        <v>1458333.33333333</v>
      </c>
      <c r="BR2470" s="53">
        <v>1458333.33333333</v>
      </c>
      <c r="BS2470" s="53">
        <v>1458333.33333333</v>
      </c>
      <c r="BT2470" s="53">
        <v>1458333.33333333</v>
      </c>
      <c r="BU2470" s="53">
        <v>1458333.33333333</v>
      </c>
      <c r="BV2470" s="53">
        <v>1458333.33333333</v>
      </c>
      <c r="BW2470" s="53">
        <v>1458333.33333333</v>
      </c>
      <c r="BX2470" s="53">
        <v>1458333.33333333</v>
      </c>
      <c r="BY2470" s="53">
        <v>1458333.33333333</v>
      </c>
      <c r="BZ2470" s="53">
        <v>1458333.33333333</v>
      </c>
      <c r="CA2470" s="53">
        <v>17500000</v>
      </c>
      <c r="CB2470" s="53"/>
      <c r="CC2470" s="53"/>
      <c r="CD2470" s="53"/>
      <c r="CE2470" s="53"/>
      <c r="CF2470" s="53"/>
      <c r="CG2470" s="53"/>
      <c r="CH2470" s="53"/>
      <c r="CI2470" s="53"/>
      <c r="CJ2470" s="53"/>
      <c r="CK2470" s="53"/>
      <c r="CL2470" s="53"/>
      <c r="CM2470" s="53"/>
      <c r="CN2470" s="53"/>
    </row>
    <row r="2471" spans="1:92" outlineLevel="1">
      <c r="A2471" s="52" t="s">
        <v>728</v>
      </c>
      <c r="B2471" s="53">
        <v>729166.66666666605</v>
      </c>
      <c r="C2471" s="53">
        <v>729166.66666666605</v>
      </c>
      <c r="D2471" s="53">
        <v>729166.66666666605</v>
      </c>
      <c r="E2471" s="53">
        <v>729166.66666666605</v>
      </c>
      <c r="F2471" s="53">
        <v>729166.66666666605</v>
      </c>
      <c r="G2471" s="53">
        <v>729166.66666666605</v>
      </c>
      <c r="H2471" s="53">
        <v>729166.66666666605</v>
      </c>
      <c r="I2471" s="53">
        <v>729166.66666666605</v>
      </c>
      <c r="J2471" s="53">
        <v>729166.66666666605</v>
      </c>
      <c r="K2471" s="53">
        <v>729166.66666666605</v>
      </c>
      <c r="L2471" s="53">
        <v>729166.66666666605</v>
      </c>
      <c r="M2471" s="53">
        <v>729166.66666666605</v>
      </c>
      <c r="N2471" s="53">
        <v>8750000</v>
      </c>
      <c r="O2471" s="53">
        <v>729166.66666666605</v>
      </c>
      <c r="P2471" s="53">
        <v>729166.66666666605</v>
      </c>
      <c r="Q2471" s="53">
        <v>729166.66666666605</v>
      </c>
      <c r="R2471" s="53">
        <v>729166.66666666605</v>
      </c>
      <c r="S2471" s="53">
        <v>729166.66666666605</v>
      </c>
      <c r="T2471" s="53">
        <v>729166.66666666605</v>
      </c>
      <c r="U2471" s="53">
        <v>729166.66666666605</v>
      </c>
      <c r="V2471" s="53">
        <v>729166.66666666605</v>
      </c>
      <c r="W2471" s="53">
        <v>729166.66666666605</v>
      </c>
      <c r="X2471" s="53">
        <v>729166.66666666605</v>
      </c>
      <c r="Y2471" s="53">
        <v>729166.66666666605</v>
      </c>
      <c r="Z2471" s="53">
        <v>729166.66666666605</v>
      </c>
      <c r="AA2471" s="53">
        <v>8750000</v>
      </c>
      <c r="AB2471" s="53">
        <v>729166.66666666605</v>
      </c>
      <c r="AC2471" s="53">
        <v>729166.66666666605</v>
      </c>
      <c r="AD2471" s="53">
        <v>729166.66666666605</v>
      </c>
      <c r="AE2471" s="53">
        <v>729166.66666666605</v>
      </c>
      <c r="AF2471" s="53">
        <v>729166.66666666605</v>
      </c>
      <c r="AG2471" s="53">
        <v>729166.66666666605</v>
      </c>
      <c r="AH2471" s="53">
        <v>729166.66666666605</v>
      </c>
      <c r="AI2471" s="53">
        <v>729166.66666666605</v>
      </c>
      <c r="AJ2471" s="53">
        <v>729166.66666666605</v>
      </c>
      <c r="AK2471" s="53">
        <v>729166.66666666605</v>
      </c>
      <c r="AL2471" s="53">
        <v>729166.66666666605</v>
      </c>
      <c r="AM2471" s="53">
        <v>729166.66666666605</v>
      </c>
      <c r="AN2471" s="53">
        <v>8750000</v>
      </c>
      <c r="AO2471" s="53">
        <v>729166.66666666605</v>
      </c>
      <c r="AP2471" s="53">
        <v>729166.66666666605</v>
      </c>
      <c r="AQ2471" s="53">
        <v>729166.66666666605</v>
      </c>
      <c r="AR2471" s="53">
        <v>729166.66666666605</v>
      </c>
      <c r="AS2471" s="53">
        <v>729166.66666666605</v>
      </c>
      <c r="AT2471" s="53">
        <v>729166.66666666605</v>
      </c>
      <c r="AU2471" s="53">
        <v>729166.66666666605</v>
      </c>
      <c r="AV2471" s="53">
        <v>729166.66666666605</v>
      </c>
      <c r="AW2471" s="53">
        <v>729166.66666666605</v>
      </c>
      <c r="AX2471" s="53">
        <v>729166.66666666605</v>
      </c>
      <c r="AY2471" s="53">
        <v>729166.66666666605</v>
      </c>
      <c r="AZ2471" s="53">
        <v>729166.66666666605</v>
      </c>
      <c r="BA2471" s="53">
        <v>8750000</v>
      </c>
      <c r="BB2471" s="53">
        <v>729166.66666666605</v>
      </c>
      <c r="BC2471" s="53">
        <v>729166.66666666605</v>
      </c>
      <c r="BD2471" s="53">
        <v>729166.66666666605</v>
      </c>
      <c r="BE2471" s="53">
        <v>729166.66666666605</v>
      </c>
      <c r="BF2471" s="53">
        <v>729166.66666666605</v>
      </c>
      <c r="BG2471" s="53">
        <v>729166.66666666605</v>
      </c>
      <c r="BH2471" s="53">
        <v>729166.66666666605</v>
      </c>
      <c r="BI2471" s="53">
        <v>729166.66666666605</v>
      </c>
      <c r="BJ2471" s="53">
        <v>729166.66666666605</v>
      </c>
      <c r="BK2471" s="53">
        <v>729166.66666666605</v>
      </c>
      <c r="BL2471" s="53">
        <v>729166.66666666605</v>
      </c>
      <c r="BM2471" s="53">
        <v>729166.66666666605</v>
      </c>
      <c r="BN2471" s="53">
        <v>8750000</v>
      </c>
      <c r="BO2471" s="53">
        <v>729166.66666666605</v>
      </c>
      <c r="BP2471" s="53">
        <v>729166.66666666605</v>
      </c>
      <c r="BQ2471" s="53">
        <v>729166.66666666605</v>
      </c>
      <c r="BR2471" s="53">
        <v>729166.66666666605</v>
      </c>
      <c r="BS2471" s="53">
        <v>729166.66666666605</v>
      </c>
      <c r="BT2471" s="53">
        <v>729166.66666666605</v>
      </c>
      <c r="BU2471" s="53">
        <v>729166.66666666605</v>
      </c>
      <c r="BV2471" s="53">
        <v>729166.66666666605</v>
      </c>
      <c r="BW2471" s="53">
        <v>729166.66666666605</v>
      </c>
      <c r="BX2471" s="53">
        <v>729166.66666666605</v>
      </c>
      <c r="BY2471" s="53">
        <v>729166.66666666605</v>
      </c>
      <c r="BZ2471" s="53">
        <v>729166.66666666605</v>
      </c>
      <c r="CA2471" s="53">
        <v>8750000</v>
      </c>
      <c r="CB2471" s="53"/>
      <c r="CC2471" s="53">
        <v>-5062500</v>
      </c>
      <c r="CD2471" s="53"/>
      <c r="CE2471" s="53"/>
      <c r="CF2471" s="53"/>
      <c r="CG2471" s="53"/>
      <c r="CH2471" s="53"/>
      <c r="CI2471" s="53">
        <v>-5062500</v>
      </c>
      <c r="CJ2471" s="53"/>
      <c r="CK2471" s="53"/>
      <c r="CL2471" s="53"/>
      <c r="CM2471" s="53"/>
      <c r="CN2471" s="53">
        <v>-10125000</v>
      </c>
    </row>
    <row r="2472" spans="1:92" outlineLevel="1">
      <c r="A2472" s="52" t="s">
        <v>729</v>
      </c>
      <c r="B2472" s="53">
        <v>1300000</v>
      </c>
      <c r="C2472" s="53">
        <v>1300000</v>
      </c>
      <c r="D2472" s="53">
        <v>1300000</v>
      </c>
      <c r="E2472" s="53">
        <v>1300000</v>
      </c>
      <c r="F2472" s="53">
        <v>1300000</v>
      </c>
      <c r="G2472" s="53">
        <v>1300000</v>
      </c>
      <c r="H2472" s="53">
        <v>1300000</v>
      </c>
      <c r="I2472" s="53">
        <v>1300000</v>
      </c>
      <c r="J2472" s="53">
        <v>1300000</v>
      </c>
      <c r="K2472" s="53">
        <v>1300000</v>
      </c>
      <c r="L2472" s="53">
        <v>1300000</v>
      </c>
      <c r="M2472" s="53">
        <v>1300000</v>
      </c>
      <c r="N2472" s="53">
        <v>15600000</v>
      </c>
      <c r="O2472" s="53">
        <v>1300000</v>
      </c>
      <c r="P2472" s="53">
        <v>1300000</v>
      </c>
      <c r="Q2472" s="53">
        <v>1300000</v>
      </c>
      <c r="R2472" s="53">
        <v>1300000</v>
      </c>
      <c r="S2472" s="53">
        <v>1300000</v>
      </c>
      <c r="T2472" s="53">
        <v>1300000</v>
      </c>
      <c r="U2472" s="53">
        <v>1300000</v>
      </c>
      <c r="V2472" s="53">
        <v>1300000</v>
      </c>
      <c r="W2472" s="53">
        <v>1300000</v>
      </c>
      <c r="X2472" s="53">
        <v>1300000</v>
      </c>
      <c r="Y2472" s="53">
        <v>1300000</v>
      </c>
      <c r="Z2472" s="53">
        <v>1300000</v>
      </c>
      <c r="AA2472" s="53">
        <v>15600000</v>
      </c>
      <c r="AB2472" s="53">
        <v>1300000</v>
      </c>
      <c r="AC2472" s="53">
        <v>1300000</v>
      </c>
      <c r="AD2472" s="53">
        <v>1300000</v>
      </c>
      <c r="AE2472" s="53">
        <v>1300000</v>
      </c>
      <c r="AF2472" s="53">
        <v>1300000</v>
      </c>
      <c r="AG2472" s="53">
        <v>1300000</v>
      </c>
      <c r="AH2472" s="53">
        <v>1300000</v>
      </c>
      <c r="AI2472" s="53">
        <v>1300000</v>
      </c>
      <c r="AJ2472" s="53">
        <v>1300000</v>
      </c>
      <c r="AK2472" s="53">
        <v>1300000</v>
      </c>
      <c r="AL2472" s="53">
        <v>1300000</v>
      </c>
      <c r="AM2472" s="53">
        <v>1300000</v>
      </c>
      <c r="AN2472" s="53">
        <v>15600000</v>
      </c>
      <c r="AO2472" s="53">
        <v>1300000</v>
      </c>
      <c r="AP2472" s="53">
        <v>1300000</v>
      </c>
      <c r="AQ2472" s="53">
        <v>1300000</v>
      </c>
      <c r="AR2472" s="53">
        <v>1300000</v>
      </c>
      <c r="AS2472" s="53">
        <v>1300000</v>
      </c>
      <c r="AT2472" s="53">
        <v>1300000</v>
      </c>
      <c r="AU2472" s="53">
        <v>1300000</v>
      </c>
      <c r="AV2472" s="53">
        <v>1300000</v>
      </c>
      <c r="AW2472" s="53">
        <v>1300000</v>
      </c>
      <c r="AX2472" s="53">
        <v>1300000</v>
      </c>
      <c r="AY2472" s="53">
        <v>1300000</v>
      </c>
      <c r="AZ2472" s="53">
        <v>1300000</v>
      </c>
      <c r="BA2472" s="53">
        <v>15600000</v>
      </c>
      <c r="BB2472" s="53">
        <v>1300000</v>
      </c>
      <c r="BC2472" s="53">
        <v>1300000</v>
      </c>
      <c r="BD2472" s="53">
        <v>1300000</v>
      </c>
      <c r="BE2472" s="53">
        <v>1300000</v>
      </c>
      <c r="BF2472" s="53">
        <v>1300000</v>
      </c>
      <c r="BG2472" s="53">
        <v>1300000</v>
      </c>
      <c r="BH2472" s="53">
        <v>1300000</v>
      </c>
      <c r="BI2472" s="53">
        <v>1300000</v>
      </c>
      <c r="BJ2472" s="53">
        <v>1300000</v>
      </c>
      <c r="BK2472" s="53">
        <v>1300000</v>
      </c>
      <c r="BL2472" s="53">
        <v>1300000</v>
      </c>
      <c r="BM2472" s="53">
        <v>1300000</v>
      </c>
      <c r="BN2472" s="53">
        <v>15600000</v>
      </c>
      <c r="BO2472" s="53">
        <v>1300000</v>
      </c>
      <c r="BP2472" s="53">
        <v>1300000</v>
      </c>
      <c r="BQ2472" s="53">
        <v>1300000</v>
      </c>
      <c r="BR2472" s="53">
        <v>1300000</v>
      </c>
      <c r="BS2472" s="53">
        <v>1300000</v>
      </c>
      <c r="BT2472" s="53">
        <v>1300000</v>
      </c>
      <c r="BU2472" s="53">
        <v>1300000</v>
      </c>
      <c r="BV2472" s="53">
        <v>1300000</v>
      </c>
      <c r="BW2472" s="53">
        <v>1300000</v>
      </c>
      <c r="BX2472" s="53">
        <v>1300000</v>
      </c>
      <c r="BY2472" s="53">
        <v>1300000</v>
      </c>
      <c r="BZ2472" s="53">
        <v>1300000</v>
      </c>
      <c r="CA2472" s="53">
        <v>15600000</v>
      </c>
      <c r="CB2472" s="53"/>
      <c r="CC2472" s="53"/>
      <c r="CD2472" s="53">
        <v>-6637500</v>
      </c>
      <c r="CE2472" s="53"/>
      <c r="CF2472" s="53"/>
      <c r="CG2472" s="53"/>
      <c r="CH2472" s="53"/>
      <c r="CI2472" s="53"/>
      <c r="CJ2472" s="53">
        <v>-6637500</v>
      </c>
      <c r="CK2472" s="53"/>
      <c r="CL2472" s="53"/>
      <c r="CM2472" s="53"/>
      <c r="CN2472" s="53">
        <v>-13275000</v>
      </c>
    </row>
    <row r="2473" spans="1:92" outlineLevel="1">
      <c r="A2473" s="52" t="s">
        <v>730</v>
      </c>
      <c r="B2473" s="53">
        <v>1249999.99999999</v>
      </c>
      <c r="C2473" s="53">
        <v>1249999.99999999</v>
      </c>
      <c r="D2473" s="53">
        <v>1249999.99999999</v>
      </c>
      <c r="E2473" s="53">
        <v>1249999.99999999</v>
      </c>
      <c r="F2473" s="53">
        <v>1249999.99999999</v>
      </c>
      <c r="G2473" s="53">
        <v>1249999.99999999</v>
      </c>
      <c r="H2473" s="53">
        <v>1249999.99999999</v>
      </c>
      <c r="I2473" s="53">
        <v>1249999.99999999</v>
      </c>
      <c r="J2473" s="53">
        <v>1249999.99999999</v>
      </c>
      <c r="K2473" s="53">
        <v>1249999.99999999</v>
      </c>
      <c r="L2473" s="53">
        <v>1249999.99999999</v>
      </c>
      <c r="M2473" s="53">
        <v>1249999.99999999</v>
      </c>
      <c r="N2473" s="53">
        <v>14999999.999999899</v>
      </c>
      <c r="O2473" s="53">
        <v>1249999.99999999</v>
      </c>
      <c r="P2473" s="53">
        <v>1249999.99999999</v>
      </c>
      <c r="Q2473" s="53">
        <v>1249999.99999999</v>
      </c>
      <c r="R2473" s="53">
        <v>1249999.99999999</v>
      </c>
      <c r="S2473" s="53">
        <v>1249999.99999999</v>
      </c>
      <c r="T2473" s="53">
        <v>1249999.99999999</v>
      </c>
      <c r="U2473" s="53">
        <v>1249999.99999999</v>
      </c>
      <c r="V2473" s="53">
        <v>1249999.99999999</v>
      </c>
      <c r="W2473" s="53">
        <v>1249999.99999999</v>
      </c>
      <c r="X2473" s="53">
        <v>1249999.99999999</v>
      </c>
      <c r="Y2473" s="53">
        <v>1249999.99999999</v>
      </c>
      <c r="Z2473" s="53">
        <v>1249999.99999999</v>
      </c>
      <c r="AA2473" s="53">
        <v>14999999.999999899</v>
      </c>
      <c r="AB2473" s="53">
        <v>1249999.99999999</v>
      </c>
      <c r="AC2473" s="53">
        <v>1249999.99999999</v>
      </c>
      <c r="AD2473" s="53">
        <v>1249999.99999999</v>
      </c>
      <c r="AE2473" s="53">
        <v>1249999.99999999</v>
      </c>
      <c r="AF2473" s="53">
        <v>1249999.99999999</v>
      </c>
      <c r="AG2473" s="53">
        <v>1249999.99999999</v>
      </c>
      <c r="AH2473" s="53">
        <v>1249999.99999999</v>
      </c>
      <c r="AI2473" s="53">
        <v>1249999.99999999</v>
      </c>
      <c r="AJ2473" s="53">
        <v>1249999.99999999</v>
      </c>
      <c r="AK2473" s="53">
        <v>1249999.99999999</v>
      </c>
      <c r="AL2473" s="53">
        <v>1249999.99999999</v>
      </c>
      <c r="AM2473" s="53">
        <v>1249999.99999999</v>
      </c>
      <c r="AN2473" s="53">
        <v>14999999.999999899</v>
      </c>
      <c r="AO2473" s="53">
        <v>1249999.99999999</v>
      </c>
      <c r="AP2473" s="53">
        <v>1249999.99999999</v>
      </c>
      <c r="AQ2473" s="53">
        <v>1249999.99999999</v>
      </c>
      <c r="AR2473" s="53">
        <v>1249999.99999999</v>
      </c>
      <c r="AS2473" s="53">
        <v>1249999.99999999</v>
      </c>
      <c r="AT2473" s="53">
        <v>1249999.99999999</v>
      </c>
      <c r="AU2473" s="53">
        <v>1249999.99999999</v>
      </c>
      <c r="AV2473" s="53">
        <v>1249999.99999999</v>
      </c>
      <c r="AW2473" s="53">
        <v>1249999.99999999</v>
      </c>
      <c r="AX2473" s="53">
        <v>1249999.99999999</v>
      </c>
      <c r="AY2473" s="53">
        <v>1249999.99999999</v>
      </c>
      <c r="AZ2473" s="53">
        <v>1249999.99999999</v>
      </c>
      <c r="BA2473" s="53">
        <v>14999999.999999899</v>
      </c>
      <c r="BB2473" s="53">
        <v>1249999.99999999</v>
      </c>
      <c r="BC2473" s="53">
        <v>1249999.99999999</v>
      </c>
      <c r="BD2473" s="53">
        <v>1249999.99999999</v>
      </c>
      <c r="BE2473" s="53">
        <v>1249999.99999999</v>
      </c>
      <c r="BF2473" s="53">
        <v>1249999.99999999</v>
      </c>
      <c r="BG2473" s="53">
        <v>1249999.99999999</v>
      </c>
      <c r="BH2473" s="53">
        <v>1249999.99999999</v>
      </c>
      <c r="BI2473" s="53">
        <v>1249999.99999999</v>
      </c>
      <c r="BJ2473" s="53">
        <v>1249999.99999999</v>
      </c>
      <c r="BK2473" s="53">
        <v>1249999.99999999</v>
      </c>
      <c r="BL2473" s="53">
        <v>1249999.99999999</v>
      </c>
      <c r="BM2473" s="53">
        <v>1249999.99999999</v>
      </c>
      <c r="BN2473" s="53">
        <v>14999999.999999899</v>
      </c>
      <c r="BO2473" s="53">
        <v>1249999.99999999</v>
      </c>
      <c r="BP2473" s="53">
        <v>1249999.99999999</v>
      </c>
      <c r="BQ2473" s="53">
        <v>1249999.99999999</v>
      </c>
      <c r="BR2473" s="53">
        <v>1249999.99999999</v>
      </c>
      <c r="BS2473" s="53">
        <v>1249999.99999999</v>
      </c>
      <c r="BT2473" s="53">
        <v>1249999.99999999</v>
      </c>
      <c r="BU2473" s="53">
        <v>1249999.99999999</v>
      </c>
      <c r="BV2473" s="53">
        <v>1249999.99999999</v>
      </c>
      <c r="BW2473" s="53">
        <v>1249999.99999999</v>
      </c>
      <c r="BX2473" s="53">
        <v>1249999.99999999</v>
      </c>
      <c r="BY2473" s="53">
        <v>1249999.99999999</v>
      </c>
      <c r="BZ2473" s="53">
        <v>1249999.99999999</v>
      </c>
      <c r="CA2473" s="53">
        <v>14999999.999999899</v>
      </c>
      <c r="CB2473" s="53"/>
      <c r="CC2473" s="53"/>
      <c r="CD2473" s="53">
        <v>-15875000</v>
      </c>
      <c r="CE2473" s="53"/>
      <c r="CF2473" s="53"/>
      <c r="CG2473" s="53"/>
      <c r="CH2473" s="53"/>
      <c r="CI2473" s="53"/>
      <c r="CJ2473" s="53">
        <v>-15875000</v>
      </c>
      <c r="CK2473" s="53"/>
      <c r="CL2473" s="53"/>
      <c r="CM2473" s="53"/>
      <c r="CN2473" s="53">
        <v>-31750000</v>
      </c>
    </row>
    <row r="2474" spans="1:92" outlineLevel="1">
      <c r="A2474" s="52" t="s">
        <v>1564</v>
      </c>
      <c r="B2474" s="53"/>
      <c r="C2474" s="53"/>
      <c r="D2474" s="53"/>
      <c r="E2474" s="53"/>
      <c r="F2474" s="53"/>
      <c r="G2474" s="53"/>
      <c r="H2474" s="53"/>
      <c r="I2474" s="53"/>
      <c r="J2474" s="53"/>
      <c r="K2474" s="53">
        <v>1718279.56989247</v>
      </c>
      <c r="L2474" s="53">
        <v>3133333.3333333302</v>
      </c>
      <c r="M2474" s="53">
        <v>3133333.3333333302</v>
      </c>
      <c r="N2474" s="53">
        <v>7984946.2365591303</v>
      </c>
      <c r="O2474" s="53">
        <v>3433333.3333333302</v>
      </c>
      <c r="P2474" s="53">
        <v>3433333.3333333302</v>
      </c>
      <c r="Q2474" s="53">
        <v>3433333.3333333302</v>
      </c>
      <c r="R2474" s="53">
        <v>3433333.3333333302</v>
      </c>
      <c r="S2474" s="53">
        <v>3433333.3333333302</v>
      </c>
      <c r="T2474" s="53">
        <v>3433333.3333333302</v>
      </c>
      <c r="U2474" s="53">
        <v>3300000</v>
      </c>
      <c r="V2474" s="53">
        <v>3300000</v>
      </c>
      <c r="W2474" s="53">
        <v>3300000</v>
      </c>
      <c r="X2474" s="53">
        <v>3300000</v>
      </c>
      <c r="Y2474" s="53">
        <v>3300000</v>
      </c>
      <c r="Z2474" s="53">
        <v>3300000</v>
      </c>
      <c r="AA2474" s="53">
        <v>40400000</v>
      </c>
      <c r="AB2474" s="53">
        <v>2933333.3333333302</v>
      </c>
      <c r="AC2474" s="53">
        <v>2933333.3333333302</v>
      </c>
      <c r="AD2474" s="53">
        <v>2933333.3333333302</v>
      </c>
      <c r="AE2474" s="53">
        <v>1368888.8888888799</v>
      </c>
      <c r="AF2474" s="53"/>
      <c r="AG2474" s="53"/>
      <c r="AH2474" s="53"/>
      <c r="AI2474" s="53"/>
      <c r="AJ2474" s="53"/>
      <c r="AK2474" s="53"/>
      <c r="AL2474" s="53"/>
      <c r="AM2474" s="53"/>
      <c r="AN2474" s="53">
        <v>10168888.888888801</v>
      </c>
      <c r="AO2474" s="53"/>
      <c r="AP2474" s="53"/>
      <c r="AQ2474" s="53"/>
      <c r="AR2474" s="53"/>
      <c r="AS2474" s="53"/>
      <c r="AT2474" s="53"/>
      <c r="AU2474" s="53"/>
      <c r="AV2474" s="53"/>
      <c r="AW2474" s="53"/>
      <c r="AX2474" s="53"/>
      <c r="AY2474" s="53"/>
      <c r="AZ2474" s="53"/>
      <c r="BA2474" s="53"/>
      <c r="BB2474" s="53"/>
      <c r="BC2474" s="53"/>
      <c r="BD2474" s="53"/>
      <c r="BE2474" s="53"/>
      <c r="BF2474" s="53"/>
      <c r="BG2474" s="53"/>
      <c r="BH2474" s="53"/>
      <c r="BI2474" s="53"/>
      <c r="BJ2474" s="53"/>
      <c r="BK2474" s="53"/>
      <c r="BL2474" s="53"/>
      <c r="BM2474" s="53"/>
      <c r="BN2474" s="53"/>
      <c r="BO2474" s="53"/>
      <c r="BP2474" s="53"/>
      <c r="BQ2474" s="53"/>
      <c r="BR2474" s="53"/>
      <c r="BS2474" s="53"/>
      <c r="BT2474" s="53"/>
      <c r="BU2474" s="53"/>
      <c r="BV2474" s="53"/>
      <c r="BW2474" s="53"/>
      <c r="BX2474" s="53"/>
      <c r="BY2474" s="53"/>
      <c r="BZ2474" s="53"/>
      <c r="CA2474" s="53"/>
      <c r="CB2474" s="53"/>
      <c r="CC2474" s="53"/>
      <c r="CD2474" s="53"/>
      <c r="CE2474" s="53"/>
      <c r="CF2474" s="53"/>
      <c r="CG2474" s="53"/>
      <c r="CH2474" s="53"/>
      <c r="CI2474" s="53"/>
      <c r="CJ2474" s="53"/>
      <c r="CK2474" s="53"/>
      <c r="CL2474" s="53"/>
      <c r="CM2474" s="53"/>
      <c r="CN2474" s="53"/>
    </row>
    <row r="2475" spans="1:92" outlineLevel="1">
      <c r="A2475" s="52" t="s">
        <v>1565</v>
      </c>
      <c r="B2475" s="53"/>
      <c r="C2475" s="53"/>
      <c r="D2475" s="53"/>
      <c r="E2475" s="53"/>
      <c r="F2475" s="53"/>
      <c r="G2475" s="53"/>
      <c r="H2475" s="53"/>
      <c r="I2475" s="53"/>
      <c r="J2475" s="53"/>
      <c r="K2475" s="53"/>
      <c r="L2475" s="53">
        <v>1652777.7777777701</v>
      </c>
      <c r="M2475" s="53">
        <v>2479166.66666666</v>
      </c>
      <c r="N2475" s="53">
        <v>4131944.4444444398</v>
      </c>
      <c r="O2475" s="53">
        <v>2479166.66666666</v>
      </c>
      <c r="P2475" s="53">
        <v>2479166.66666666</v>
      </c>
      <c r="Q2475" s="53">
        <v>2479166.66666666</v>
      </c>
      <c r="R2475" s="53">
        <v>2479166.66666666</v>
      </c>
      <c r="S2475" s="53">
        <v>2479166.66666666</v>
      </c>
      <c r="T2475" s="53">
        <v>2479166.66666666</v>
      </c>
      <c r="U2475" s="53">
        <v>2479166.66666666</v>
      </c>
      <c r="V2475" s="53">
        <v>2479166.66666666</v>
      </c>
      <c r="W2475" s="53">
        <v>2479166.66666666</v>
      </c>
      <c r="X2475" s="53">
        <v>2479166.66666666</v>
      </c>
      <c r="Y2475" s="53">
        <v>2479166.66666666</v>
      </c>
      <c r="Z2475" s="53">
        <v>2479166.66666666</v>
      </c>
      <c r="AA2475" s="53">
        <v>29750000</v>
      </c>
      <c r="AB2475" s="53">
        <v>2479166.66666666</v>
      </c>
      <c r="AC2475" s="53">
        <v>2479166.66666666</v>
      </c>
      <c r="AD2475" s="53">
        <v>2479166.66666666</v>
      </c>
      <c r="AE2475" s="53">
        <v>2479166.66666666</v>
      </c>
      <c r="AF2475" s="53">
        <v>2479166.66666666</v>
      </c>
      <c r="AG2475" s="53">
        <v>2479166.66666666</v>
      </c>
      <c r="AH2475" s="53">
        <v>2479166.66666666</v>
      </c>
      <c r="AI2475" s="53">
        <v>2479166.66666666</v>
      </c>
      <c r="AJ2475" s="53">
        <v>2479166.66666666</v>
      </c>
      <c r="AK2475" s="53">
        <v>2479166.66666666</v>
      </c>
      <c r="AL2475" s="53">
        <v>2479166.66666666</v>
      </c>
      <c r="AM2475" s="53">
        <v>2479166.66666666</v>
      </c>
      <c r="AN2475" s="53">
        <v>29750000</v>
      </c>
      <c r="AO2475" s="53">
        <v>2479166.66666666</v>
      </c>
      <c r="AP2475" s="53">
        <v>2479166.66666666</v>
      </c>
      <c r="AQ2475" s="53">
        <v>2479166.66666666</v>
      </c>
      <c r="AR2475" s="53">
        <v>2479166.66666666</v>
      </c>
      <c r="AS2475" s="53">
        <v>2479166.66666666</v>
      </c>
      <c r="AT2475" s="53">
        <v>2479166.66666666</v>
      </c>
      <c r="AU2475" s="53">
        <v>2479166.66666666</v>
      </c>
      <c r="AV2475" s="53">
        <v>2479166.66666666</v>
      </c>
      <c r="AW2475" s="53">
        <v>2479166.66666666</v>
      </c>
      <c r="AX2475" s="53">
        <v>2479166.66666666</v>
      </c>
      <c r="AY2475" s="53">
        <v>2479166.66666666</v>
      </c>
      <c r="AZ2475" s="53">
        <v>2479166.66666666</v>
      </c>
      <c r="BA2475" s="53">
        <v>29750000</v>
      </c>
      <c r="BB2475" s="53">
        <v>2479166.66666666</v>
      </c>
      <c r="BC2475" s="53">
        <v>2479166.66666666</v>
      </c>
      <c r="BD2475" s="53">
        <v>2479166.66666666</v>
      </c>
      <c r="BE2475" s="53">
        <v>2479166.66666666</v>
      </c>
      <c r="BF2475" s="53">
        <v>2479166.66666666</v>
      </c>
      <c r="BG2475" s="53">
        <v>2479166.66666666</v>
      </c>
      <c r="BH2475" s="53">
        <v>2479166.66666666</v>
      </c>
      <c r="BI2475" s="53">
        <v>2479166.66666666</v>
      </c>
      <c r="BJ2475" s="53">
        <v>2479166.66666666</v>
      </c>
      <c r="BK2475" s="53">
        <v>2479166.66666666</v>
      </c>
      <c r="BL2475" s="53">
        <v>2479166.66666666</v>
      </c>
      <c r="BM2475" s="53">
        <v>2479166.66666666</v>
      </c>
      <c r="BN2475" s="53">
        <v>29750000</v>
      </c>
      <c r="BO2475" s="53">
        <v>2479166.66666666</v>
      </c>
      <c r="BP2475" s="53">
        <v>2479166.66666666</v>
      </c>
      <c r="BQ2475" s="53">
        <v>2479166.66666666</v>
      </c>
      <c r="BR2475" s="53">
        <v>2479166.66666666</v>
      </c>
      <c r="BS2475" s="53">
        <v>2479166.66666666</v>
      </c>
      <c r="BT2475" s="53">
        <v>2479166.66666666</v>
      </c>
      <c r="BU2475" s="53">
        <v>2479166.66666666</v>
      </c>
      <c r="BV2475" s="53">
        <v>2479166.66666666</v>
      </c>
      <c r="BW2475" s="53">
        <v>2479166.66666666</v>
      </c>
      <c r="BX2475" s="53">
        <v>2479166.66666666</v>
      </c>
      <c r="BY2475" s="53">
        <v>2479166.66666666</v>
      </c>
      <c r="BZ2475" s="53">
        <v>2479166.66666666</v>
      </c>
      <c r="CA2475" s="53">
        <v>29750000</v>
      </c>
      <c r="CB2475" s="53"/>
      <c r="CC2475" s="53"/>
      <c r="CD2475" s="53"/>
      <c r="CE2475" s="53"/>
      <c r="CF2475" s="53"/>
      <c r="CG2475" s="53"/>
      <c r="CH2475" s="53"/>
      <c r="CI2475" s="53"/>
      <c r="CJ2475" s="53"/>
      <c r="CK2475" s="53"/>
      <c r="CL2475" s="53"/>
      <c r="CM2475" s="53"/>
      <c r="CN2475" s="53"/>
    </row>
    <row r="2476" spans="1:92" outlineLevel="1">
      <c r="A2476" s="52" t="s">
        <v>731</v>
      </c>
      <c r="B2476" s="53"/>
      <c r="C2476" s="53"/>
      <c r="D2476" s="53"/>
      <c r="E2476" s="53"/>
      <c r="F2476" s="53"/>
      <c r="G2476" s="53"/>
      <c r="H2476" s="53"/>
      <c r="I2476" s="53"/>
      <c r="J2476" s="53"/>
      <c r="K2476" s="53"/>
      <c r="L2476" s="53"/>
      <c r="M2476" s="53"/>
      <c r="N2476" s="53"/>
      <c r="O2476" s="53"/>
      <c r="P2476" s="53"/>
      <c r="Q2476" s="53"/>
      <c r="R2476" s="53"/>
      <c r="S2476" s="53"/>
      <c r="T2476" s="53"/>
      <c r="U2476" s="53"/>
      <c r="V2476" s="53"/>
      <c r="W2476" s="53"/>
      <c r="X2476" s="53"/>
      <c r="Y2476" s="53"/>
      <c r="Z2476" s="53"/>
      <c r="AA2476" s="53"/>
      <c r="AB2476" s="53"/>
      <c r="AC2476" s="53"/>
      <c r="AD2476" s="53"/>
      <c r="AE2476" s="53"/>
      <c r="AF2476" s="53"/>
      <c r="AG2476" s="53"/>
      <c r="AH2476" s="53"/>
      <c r="AI2476" s="53"/>
      <c r="AJ2476" s="53"/>
      <c r="AK2476" s="53"/>
      <c r="AL2476" s="53"/>
      <c r="AM2476" s="53"/>
      <c r="AN2476" s="53"/>
      <c r="AO2476" s="53"/>
      <c r="AP2476" s="53"/>
      <c r="AQ2476" s="53"/>
      <c r="AR2476" s="53"/>
      <c r="AS2476" s="53"/>
      <c r="AT2476" s="53"/>
      <c r="AU2476" s="53"/>
      <c r="AV2476" s="53"/>
      <c r="AW2476" s="53"/>
      <c r="AX2476" s="53"/>
      <c r="AY2476" s="53"/>
      <c r="AZ2476" s="53"/>
      <c r="BA2476" s="53"/>
      <c r="BB2476" s="53"/>
      <c r="BC2476" s="53"/>
      <c r="BD2476" s="53"/>
      <c r="BE2476" s="53"/>
      <c r="BF2476" s="53"/>
      <c r="BG2476" s="53"/>
      <c r="BH2476" s="53"/>
      <c r="BI2476" s="53"/>
      <c r="BJ2476" s="53"/>
      <c r="BK2476" s="53"/>
      <c r="BL2476" s="53"/>
      <c r="BM2476" s="53"/>
      <c r="BN2476" s="53"/>
      <c r="BO2476" s="53"/>
      <c r="BP2476" s="53"/>
      <c r="BQ2476" s="53"/>
      <c r="BR2476" s="53"/>
      <c r="BS2476" s="53"/>
      <c r="BT2476" s="53"/>
      <c r="BU2476" s="53"/>
      <c r="BV2476" s="53"/>
      <c r="BW2476" s="53"/>
      <c r="BX2476" s="53"/>
      <c r="BY2476" s="53"/>
      <c r="BZ2476" s="53"/>
      <c r="CA2476" s="53"/>
      <c r="CB2476" s="53"/>
      <c r="CC2476" s="53"/>
      <c r="CD2476" s="53"/>
      <c r="CE2476" s="53"/>
      <c r="CF2476" s="53"/>
      <c r="CG2476" s="53">
        <v>-32000000</v>
      </c>
      <c r="CH2476" s="53"/>
      <c r="CI2476" s="53"/>
      <c r="CJ2476" s="53"/>
      <c r="CK2476" s="53"/>
      <c r="CL2476" s="53"/>
      <c r="CM2476" s="53">
        <v>-31999999.999999899</v>
      </c>
      <c r="CN2476" s="53">
        <v>-64000000</v>
      </c>
    </row>
    <row r="2477" spans="1:92" outlineLevel="1">
      <c r="A2477" s="52" t="s">
        <v>711</v>
      </c>
      <c r="B2477" s="53">
        <v>15351.5205479452</v>
      </c>
      <c r="C2477" s="53">
        <v>15351.5138888888</v>
      </c>
      <c r="D2477" s="53">
        <v>15351.521126760499</v>
      </c>
      <c r="E2477" s="53">
        <v>15351.5142857142</v>
      </c>
      <c r="F2477" s="53">
        <v>15351.5217391304</v>
      </c>
      <c r="G2477" s="53">
        <v>15351.5147058823</v>
      </c>
      <c r="H2477" s="53">
        <v>15351.5223880596</v>
      </c>
      <c r="I2477" s="53">
        <v>15351.515151515099</v>
      </c>
      <c r="J2477" s="53">
        <v>15351.523076923</v>
      </c>
      <c r="K2477" s="53">
        <v>15351.515625</v>
      </c>
      <c r="L2477" s="53">
        <v>15351.5238095238</v>
      </c>
      <c r="M2477" s="53">
        <v>15351.516129032199</v>
      </c>
      <c r="N2477" s="53">
        <v>184218.22247437501</v>
      </c>
      <c r="O2477" s="53">
        <v>15351.524590163899</v>
      </c>
      <c r="P2477" s="53">
        <v>15351.524590163899</v>
      </c>
      <c r="Q2477" s="53">
        <v>15351.524590163899</v>
      </c>
      <c r="R2477" s="53">
        <v>15351.524590163899</v>
      </c>
      <c r="S2477" s="53">
        <v>15351.524590163899</v>
      </c>
      <c r="T2477" s="53">
        <v>15351.524590163899</v>
      </c>
      <c r="U2477" s="53">
        <v>15351.524590163899</v>
      </c>
      <c r="V2477" s="53">
        <v>15351.524590163899</v>
      </c>
      <c r="W2477" s="53">
        <v>15351.524590163899</v>
      </c>
      <c r="X2477" s="53">
        <v>15351.524590163899</v>
      </c>
      <c r="Y2477" s="53">
        <v>15351.524590163899</v>
      </c>
      <c r="Z2477" s="53">
        <v>15351.524590163899</v>
      </c>
      <c r="AA2477" s="53">
        <v>184218.29508196699</v>
      </c>
      <c r="AB2477" s="53">
        <v>15351.524590163899</v>
      </c>
      <c r="AC2477" s="53">
        <v>15351.524590163899</v>
      </c>
      <c r="AD2477" s="53">
        <v>15351.524590163899</v>
      </c>
      <c r="AE2477" s="53">
        <v>15351.524590163899</v>
      </c>
      <c r="AF2477" s="53">
        <v>15351.524590163899</v>
      </c>
      <c r="AG2477" s="53">
        <v>15351.524590163899</v>
      </c>
      <c r="AH2477" s="53">
        <v>15351.524590163899</v>
      </c>
      <c r="AI2477" s="53">
        <v>15351.524590163899</v>
      </c>
      <c r="AJ2477" s="53">
        <v>15351.524590163899</v>
      </c>
      <c r="AK2477" s="53">
        <v>15351.524590163899</v>
      </c>
      <c r="AL2477" s="53">
        <v>15351.524590163899</v>
      </c>
      <c r="AM2477" s="53">
        <v>15351.524590163899</v>
      </c>
      <c r="AN2477" s="53">
        <v>184218.29508196699</v>
      </c>
      <c r="AO2477" s="53">
        <v>15351.524590163899</v>
      </c>
      <c r="AP2477" s="53">
        <v>15351.524590163899</v>
      </c>
      <c r="AQ2477" s="53">
        <v>15351.524590163899</v>
      </c>
      <c r="AR2477" s="53">
        <v>15351.524590163899</v>
      </c>
      <c r="AS2477" s="53">
        <v>15351.524590163899</v>
      </c>
      <c r="AT2477" s="53">
        <v>15351.524590163899</v>
      </c>
      <c r="AU2477" s="53">
        <v>15351.524590163899</v>
      </c>
      <c r="AV2477" s="53">
        <v>15351.524590163899</v>
      </c>
      <c r="AW2477" s="53">
        <v>15351.524590163899</v>
      </c>
      <c r="AX2477" s="53">
        <v>15351.524590163899</v>
      </c>
      <c r="AY2477" s="53">
        <v>15351.524590163899</v>
      </c>
      <c r="AZ2477" s="53">
        <v>15351.524590163899</v>
      </c>
      <c r="BA2477" s="53">
        <v>184218.29508196699</v>
      </c>
      <c r="BB2477" s="53">
        <v>15351.524590163899</v>
      </c>
      <c r="BC2477" s="53">
        <v>15351.524590163899</v>
      </c>
      <c r="BD2477" s="53">
        <v>15351.524590163899</v>
      </c>
      <c r="BE2477" s="53">
        <v>15351.524590163899</v>
      </c>
      <c r="BF2477" s="53">
        <v>15351.524590163899</v>
      </c>
      <c r="BG2477" s="53">
        <v>15351.524590163899</v>
      </c>
      <c r="BH2477" s="53">
        <v>15351.524590163899</v>
      </c>
      <c r="BI2477" s="53">
        <v>15351.524590163899</v>
      </c>
      <c r="BJ2477" s="53">
        <v>15351.524590163899</v>
      </c>
      <c r="BK2477" s="53">
        <v>15351.524590163899</v>
      </c>
      <c r="BL2477" s="53">
        <v>15351.524590163899</v>
      </c>
      <c r="BM2477" s="53">
        <v>15351.524590163899</v>
      </c>
      <c r="BN2477" s="53">
        <v>184218.29508196699</v>
      </c>
      <c r="BO2477" s="53">
        <v>15351.524590163899</v>
      </c>
      <c r="BP2477" s="53">
        <v>15351.524590163899</v>
      </c>
      <c r="BQ2477" s="53">
        <v>15351.524590163899</v>
      </c>
      <c r="BR2477" s="53">
        <v>15351.524590163899</v>
      </c>
      <c r="BS2477" s="53">
        <v>15351.524590163899</v>
      </c>
      <c r="BT2477" s="53">
        <v>15351.524590163899</v>
      </c>
      <c r="BU2477" s="53">
        <v>15351.524590163899</v>
      </c>
      <c r="BV2477" s="53">
        <v>15351.524590163899</v>
      </c>
      <c r="BW2477" s="53">
        <v>15351.524590163899</v>
      </c>
      <c r="BX2477" s="53">
        <v>15351.524590163899</v>
      </c>
      <c r="BY2477" s="53">
        <v>15351.524590163899</v>
      </c>
      <c r="BZ2477" s="53">
        <v>15351.524590163899</v>
      </c>
      <c r="CA2477" s="53">
        <v>184218.29508196699</v>
      </c>
      <c r="CB2477" s="53"/>
      <c r="CC2477" s="53"/>
      <c r="CD2477" s="53"/>
      <c r="CE2477" s="53">
        <v>-9887500</v>
      </c>
      <c r="CF2477" s="53"/>
      <c r="CG2477" s="53"/>
      <c r="CH2477" s="53"/>
      <c r="CI2477" s="53"/>
      <c r="CJ2477" s="53"/>
      <c r="CK2477" s="53">
        <v>-9887500</v>
      </c>
      <c r="CL2477" s="53"/>
      <c r="CM2477" s="53"/>
      <c r="CN2477" s="53">
        <v>-19775000</v>
      </c>
    </row>
    <row r="2478" spans="1:92" outlineLevel="1">
      <c r="A2478" s="52" t="s">
        <v>712</v>
      </c>
      <c r="B2478" s="53">
        <v>8310.1044776119397</v>
      </c>
      <c r="C2478" s="53">
        <v>8310.1052631578896</v>
      </c>
      <c r="D2478" s="53">
        <v>8310.1060606060601</v>
      </c>
      <c r="E2478" s="53">
        <v>8310.1068702289995</v>
      </c>
      <c r="F2478" s="53">
        <v>8310.1076923076907</v>
      </c>
      <c r="G2478" s="53">
        <v>8310.1007751937905</v>
      </c>
      <c r="H2478" s="53">
        <v>8310.1015625</v>
      </c>
      <c r="I2478" s="53">
        <v>8310.1023622047196</v>
      </c>
      <c r="J2478" s="53">
        <v>8310.1031746031695</v>
      </c>
      <c r="K2478" s="53">
        <v>8310.1039999999994</v>
      </c>
      <c r="L2478" s="53">
        <v>8310.1048387096707</v>
      </c>
      <c r="M2478" s="53">
        <v>8310.1056910569096</v>
      </c>
      <c r="N2478" s="53">
        <v>99721.252768180799</v>
      </c>
      <c r="O2478" s="53">
        <v>8310.1065573770393</v>
      </c>
      <c r="P2478" s="53">
        <v>8310.1065573770393</v>
      </c>
      <c r="Q2478" s="53">
        <v>8310.1065573770393</v>
      </c>
      <c r="R2478" s="53">
        <v>8310.1065573770393</v>
      </c>
      <c r="S2478" s="53">
        <v>8310.1065573770502</v>
      </c>
      <c r="T2478" s="53">
        <v>8310.1065573770502</v>
      </c>
      <c r="U2478" s="53">
        <v>8310.1065573770502</v>
      </c>
      <c r="V2478" s="53">
        <v>8310.1065573770502</v>
      </c>
      <c r="W2478" s="53">
        <v>8310.1065573770502</v>
      </c>
      <c r="X2478" s="53">
        <v>8310.1065573770502</v>
      </c>
      <c r="Y2478" s="53">
        <v>8310.1065573770502</v>
      </c>
      <c r="Z2478" s="53">
        <v>8310.1065573770502</v>
      </c>
      <c r="AA2478" s="53">
        <v>99721.278688524602</v>
      </c>
      <c r="AB2478" s="53">
        <v>8310.1065573770502</v>
      </c>
      <c r="AC2478" s="53">
        <v>8310.1065573770502</v>
      </c>
      <c r="AD2478" s="53">
        <v>8310.1065573770502</v>
      </c>
      <c r="AE2478" s="53">
        <v>8310.1065573770502</v>
      </c>
      <c r="AF2478" s="53">
        <v>8310.1065573770502</v>
      </c>
      <c r="AG2478" s="53">
        <v>8310.1065573770502</v>
      </c>
      <c r="AH2478" s="53">
        <v>8310.1065573770502</v>
      </c>
      <c r="AI2478" s="53">
        <v>8310.1065573770502</v>
      </c>
      <c r="AJ2478" s="53">
        <v>8310.1065573770502</v>
      </c>
      <c r="AK2478" s="53">
        <v>8310.1065573770502</v>
      </c>
      <c r="AL2478" s="53">
        <v>8310.1065573770502</v>
      </c>
      <c r="AM2478" s="53">
        <v>8310.1065573770502</v>
      </c>
      <c r="AN2478" s="53">
        <v>99721.278688524602</v>
      </c>
      <c r="AO2478" s="53">
        <v>8310.1065573770502</v>
      </c>
      <c r="AP2478" s="53">
        <v>8310.1065573770502</v>
      </c>
      <c r="AQ2478" s="53">
        <v>8310.1065573770502</v>
      </c>
      <c r="AR2478" s="53">
        <v>8310.1065573770502</v>
      </c>
      <c r="AS2478" s="53">
        <v>8310.1065573770502</v>
      </c>
      <c r="AT2478" s="53">
        <v>8310.1065573770502</v>
      </c>
      <c r="AU2478" s="53">
        <v>8310.1065573770502</v>
      </c>
      <c r="AV2478" s="53">
        <v>8310.1065573770502</v>
      </c>
      <c r="AW2478" s="53">
        <v>8310.1065573770502</v>
      </c>
      <c r="AX2478" s="53">
        <v>8310.1065573770502</v>
      </c>
      <c r="AY2478" s="53">
        <v>8310.1065573770502</v>
      </c>
      <c r="AZ2478" s="53">
        <v>8310.1065573770502</v>
      </c>
      <c r="BA2478" s="53">
        <v>99721.278688524602</v>
      </c>
      <c r="BB2478" s="53">
        <v>8310.1065573770593</v>
      </c>
      <c r="BC2478" s="53">
        <v>8310.1065573770593</v>
      </c>
      <c r="BD2478" s="53">
        <v>8310.1065573770593</v>
      </c>
      <c r="BE2478" s="53">
        <v>8310.1065573770593</v>
      </c>
      <c r="BF2478" s="53">
        <v>8310.1065573770593</v>
      </c>
      <c r="BG2478" s="53">
        <v>8310.1065573770593</v>
      </c>
      <c r="BH2478" s="53">
        <v>8310.1065573770593</v>
      </c>
      <c r="BI2478" s="53">
        <v>8310.1065573770593</v>
      </c>
      <c r="BJ2478" s="53">
        <v>8310.1065573770593</v>
      </c>
      <c r="BK2478" s="53">
        <v>8310.1065573770593</v>
      </c>
      <c r="BL2478" s="53">
        <v>8310.1065573770593</v>
      </c>
      <c r="BM2478" s="53">
        <v>8310.1065573770593</v>
      </c>
      <c r="BN2478" s="53">
        <v>99721.278688524704</v>
      </c>
      <c r="BO2478" s="53">
        <v>8310.1065573770593</v>
      </c>
      <c r="BP2478" s="53">
        <v>8310.1065573770593</v>
      </c>
      <c r="BQ2478" s="53">
        <v>8310.1065573770593</v>
      </c>
      <c r="BR2478" s="53">
        <v>8310.1065573770593</v>
      </c>
      <c r="BS2478" s="53">
        <v>8310.1065573770593</v>
      </c>
      <c r="BT2478" s="53">
        <v>8310.1065573770593</v>
      </c>
      <c r="BU2478" s="53">
        <v>8310.1065573770593</v>
      </c>
      <c r="BV2478" s="53">
        <v>8310.1065573770593</v>
      </c>
      <c r="BW2478" s="53">
        <v>8310.1065573770593</v>
      </c>
      <c r="BX2478" s="53">
        <v>8310.1065573770702</v>
      </c>
      <c r="BY2478" s="53">
        <v>8310.1065573770702</v>
      </c>
      <c r="BZ2478" s="53">
        <v>8310.1065573770702</v>
      </c>
      <c r="CA2478" s="53">
        <v>99721.278688524806</v>
      </c>
      <c r="CB2478" s="53"/>
      <c r="CC2478" s="53"/>
      <c r="CD2478" s="53"/>
      <c r="CE2478" s="53"/>
      <c r="CF2478" s="53">
        <v>-7699999.9999999898</v>
      </c>
      <c r="CG2478" s="53"/>
      <c r="CH2478" s="53"/>
      <c r="CI2478" s="53"/>
      <c r="CJ2478" s="53"/>
      <c r="CK2478" s="53"/>
      <c r="CL2478" s="53">
        <v>-7700000</v>
      </c>
      <c r="CM2478" s="53"/>
      <c r="CN2478" s="53">
        <v>-15400000</v>
      </c>
    </row>
    <row r="2479" spans="1:92" outlineLevel="1">
      <c r="A2479" s="52" t="s">
        <v>713</v>
      </c>
      <c r="B2479" s="53">
        <v>18632.710875331501</v>
      </c>
      <c r="C2479" s="53">
        <v>18632.7093333333</v>
      </c>
      <c r="D2479" s="53">
        <v>18632.713136729199</v>
      </c>
      <c r="E2479" s="53">
        <v>18632.7115902964</v>
      </c>
      <c r="F2479" s="53">
        <v>18632.710027100198</v>
      </c>
      <c r="G2479" s="53">
        <v>18632.7084468664</v>
      </c>
      <c r="H2479" s="53">
        <v>18632.712328767098</v>
      </c>
      <c r="I2479" s="53">
        <v>18632.710743801599</v>
      </c>
      <c r="J2479" s="53">
        <v>18632.709141274201</v>
      </c>
      <c r="K2479" s="53">
        <v>18632.713091922</v>
      </c>
      <c r="L2479" s="53">
        <v>18632.711484593801</v>
      </c>
      <c r="M2479" s="53">
        <v>18632.7098591549</v>
      </c>
      <c r="N2479" s="53">
        <v>223592.530059171</v>
      </c>
      <c r="O2479" s="53">
        <v>18632.7082152974</v>
      </c>
      <c r="P2479" s="53">
        <v>18632.7082152974</v>
      </c>
      <c r="Q2479" s="53">
        <v>18632.7082152974</v>
      </c>
      <c r="R2479" s="53">
        <v>18632.7082152974</v>
      </c>
      <c r="S2479" s="53">
        <v>18632.7082152974</v>
      </c>
      <c r="T2479" s="53">
        <v>18632.7082152974</v>
      </c>
      <c r="U2479" s="53">
        <v>18632.7082152974</v>
      </c>
      <c r="V2479" s="53">
        <v>18632.7082152974</v>
      </c>
      <c r="W2479" s="53">
        <v>18632.7082152974</v>
      </c>
      <c r="X2479" s="53">
        <v>18632.7082152974</v>
      </c>
      <c r="Y2479" s="53">
        <v>18632.7082152974</v>
      </c>
      <c r="Z2479" s="53">
        <v>18632.7082152974</v>
      </c>
      <c r="AA2479" s="53">
        <v>223592.49858356899</v>
      </c>
      <c r="AB2479" s="53">
        <v>18632.7082152974</v>
      </c>
      <c r="AC2479" s="53">
        <v>18632.7082152974</v>
      </c>
      <c r="AD2479" s="53">
        <v>18632.7082152974</v>
      </c>
      <c r="AE2479" s="53">
        <v>18632.7082152974</v>
      </c>
      <c r="AF2479" s="53">
        <v>18632.7082152974</v>
      </c>
      <c r="AG2479" s="53">
        <v>18632.7082152974</v>
      </c>
      <c r="AH2479" s="53">
        <v>18632.7082152974</v>
      </c>
      <c r="AI2479" s="53">
        <v>18632.7082152974</v>
      </c>
      <c r="AJ2479" s="53">
        <v>18632.7082152974</v>
      </c>
      <c r="AK2479" s="53">
        <v>18632.7082152974</v>
      </c>
      <c r="AL2479" s="53">
        <v>18632.7082152974</v>
      </c>
      <c r="AM2479" s="53">
        <v>18632.7082152974</v>
      </c>
      <c r="AN2479" s="53">
        <v>223592.49858356899</v>
      </c>
      <c r="AO2479" s="53">
        <v>18632.7082152974</v>
      </c>
      <c r="AP2479" s="53">
        <v>18632.7082152974</v>
      </c>
      <c r="AQ2479" s="53">
        <v>18632.7082152974</v>
      </c>
      <c r="AR2479" s="53">
        <v>18632.7082152974</v>
      </c>
      <c r="AS2479" s="53">
        <v>18632.7082152974</v>
      </c>
      <c r="AT2479" s="53">
        <v>18632.7082152974</v>
      </c>
      <c r="AU2479" s="53">
        <v>18632.7082152974</v>
      </c>
      <c r="AV2479" s="53">
        <v>18632.7082152974</v>
      </c>
      <c r="AW2479" s="53">
        <v>18632.7082152974</v>
      </c>
      <c r="AX2479" s="53">
        <v>18632.7082152974</v>
      </c>
      <c r="AY2479" s="53">
        <v>18632.7082152974</v>
      </c>
      <c r="AZ2479" s="53">
        <v>18632.7082152974</v>
      </c>
      <c r="BA2479" s="53">
        <v>223592.49858356899</v>
      </c>
      <c r="BB2479" s="53">
        <v>18632.7082152974</v>
      </c>
      <c r="BC2479" s="53">
        <v>18632.7082152974</v>
      </c>
      <c r="BD2479" s="53">
        <v>18632.7082152974</v>
      </c>
      <c r="BE2479" s="53">
        <v>18632.7082152974</v>
      </c>
      <c r="BF2479" s="53">
        <v>18632.7082152974</v>
      </c>
      <c r="BG2479" s="53">
        <v>18632.7082152974</v>
      </c>
      <c r="BH2479" s="53">
        <v>18632.7082152974</v>
      </c>
      <c r="BI2479" s="53">
        <v>18632.7082152974</v>
      </c>
      <c r="BJ2479" s="53">
        <v>18632.7082152974</v>
      </c>
      <c r="BK2479" s="53">
        <v>18632.7082152974</v>
      </c>
      <c r="BL2479" s="53">
        <v>18632.7082152974</v>
      </c>
      <c r="BM2479" s="53">
        <v>18632.7082152974</v>
      </c>
      <c r="BN2479" s="53">
        <v>223592.49858356899</v>
      </c>
      <c r="BO2479" s="53">
        <v>18632.7082152974</v>
      </c>
      <c r="BP2479" s="53">
        <v>18632.7082152974</v>
      </c>
      <c r="BQ2479" s="53">
        <v>18632.7082152974</v>
      </c>
      <c r="BR2479" s="53">
        <v>18632.7082152974</v>
      </c>
      <c r="BS2479" s="53">
        <v>18632.7082152974</v>
      </c>
      <c r="BT2479" s="53">
        <v>18632.7082152974</v>
      </c>
      <c r="BU2479" s="53">
        <v>18632.7082152974</v>
      </c>
      <c r="BV2479" s="53">
        <v>18632.7082152974</v>
      </c>
      <c r="BW2479" s="53">
        <v>18632.7082152974</v>
      </c>
      <c r="BX2479" s="53">
        <v>18632.7082152974</v>
      </c>
      <c r="BY2479" s="53">
        <v>18632.7082152974</v>
      </c>
      <c r="BZ2479" s="53">
        <v>18632.7082152974</v>
      </c>
      <c r="CA2479" s="53">
        <v>223592.49858356899</v>
      </c>
      <c r="CB2479" s="53">
        <v>-468750</v>
      </c>
      <c r="CC2479" s="53">
        <v>-489583.33333333302</v>
      </c>
      <c r="CD2479" s="53">
        <v>-489583.33333333302</v>
      </c>
      <c r="CE2479" s="53">
        <v>-489583.33333333302</v>
      </c>
      <c r="CF2479" s="53">
        <v>-489583.33333333302</v>
      </c>
      <c r="CG2479" s="53">
        <v>-489583.33333333302</v>
      </c>
      <c r="CH2479" s="53">
        <v>-489583.33333333302</v>
      </c>
      <c r="CI2479" s="53">
        <v>-489583.33333333302</v>
      </c>
      <c r="CJ2479" s="53">
        <v>-489583.33333333302</v>
      </c>
      <c r="CK2479" s="53">
        <v>-489583.33333333302</v>
      </c>
      <c r="CL2479" s="53">
        <v>-489583.33333333302</v>
      </c>
      <c r="CM2479" s="53">
        <v>-489583.33333333302</v>
      </c>
      <c r="CN2479" s="53">
        <v>-5854166.6666666605</v>
      </c>
    </row>
    <row r="2480" spans="1:92" outlineLevel="1">
      <c r="A2480" s="52" t="s">
        <v>716</v>
      </c>
      <c r="B2480" s="53">
        <v>36488.334177215103</v>
      </c>
      <c r="C2480" s="53">
        <v>36488.335877862599</v>
      </c>
      <c r="D2480" s="53">
        <v>36488.332480818397</v>
      </c>
      <c r="E2480" s="53">
        <v>36488.334190231297</v>
      </c>
      <c r="F2480" s="53">
        <v>36488.335917312601</v>
      </c>
      <c r="G2480" s="53">
        <v>36488.332467532397</v>
      </c>
      <c r="H2480" s="53">
        <v>36488.3342036553</v>
      </c>
      <c r="I2480" s="53">
        <v>36488.335958005198</v>
      </c>
      <c r="J2480" s="53">
        <v>36488.332453825802</v>
      </c>
      <c r="K2480" s="53">
        <v>36488.334217506599</v>
      </c>
      <c r="L2480" s="53">
        <v>36488.335999999901</v>
      </c>
      <c r="M2480" s="53">
        <v>36488.332439678197</v>
      </c>
      <c r="N2480" s="53">
        <v>437860.01038364402</v>
      </c>
      <c r="O2480" s="53">
        <v>36488.3342318059</v>
      </c>
      <c r="P2480" s="53">
        <v>36488.3342318059</v>
      </c>
      <c r="Q2480" s="53">
        <v>36488.3342318059</v>
      </c>
      <c r="R2480" s="53">
        <v>36488.3342318059</v>
      </c>
      <c r="S2480" s="53">
        <v>36488.3342318059</v>
      </c>
      <c r="T2480" s="53">
        <v>36488.3342318059</v>
      </c>
      <c r="U2480" s="53">
        <v>36488.3342318059</v>
      </c>
      <c r="V2480" s="53">
        <v>36488.3342318059</v>
      </c>
      <c r="W2480" s="53">
        <v>36488.3342318059</v>
      </c>
      <c r="X2480" s="53">
        <v>36488.3342318059</v>
      </c>
      <c r="Y2480" s="53">
        <v>36488.3342318059</v>
      </c>
      <c r="Z2480" s="53">
        <v>36488.3342318059</v>
      </c>
      <c r="AA2480" s="53">
        <v>437860.01078167098</v>
      </c>
      <c r="AB2480" s="53">
        <v>36488.3342318059</v>
      </c>
      <c r="AC2480" s="53">
        <v>36488.3342318059</v>
      </c>
      <c r="AD2480" s="53">
        <v>36488.3342318059</v>
      </c>
      <c r="AE2480" s="53">
        <v>36488.3342318059</v>
      </c>
      <c r="AF2480" s="53">
        <v>36488.3342318059</v>
      </c>
      <c r="AG2480" s="53">
        <v>36488.3342318059</v>
      </c>
      <c r="AH2480" s="53">
        <v>36488.3342318059</v>
      </c>
      <c r="AI2480" s="53">
        <v>36488.3342318059</v>
      </c>
      <c r="AJ2480" s="53">
        <v>36488.334231805798</v>
      </c>
      <c r="AK2480" s="53">
        <v>36488.334231805798</v>
      </c>
      <c r="AL2480" s="53">
        <v>36488.334231805798</v>
      </c>
      <c r="AM2480" s="53">
        <v>36488.334231805798</v>
      </c>
      <c r="AN2480" s="53">
        <v>437860.01078166999</v>
      </c>
      <c r="AO2480" s="53">
        <v>36488.334231805798</v>
      </c>
      <c r="AP2480" s="53">
        <v>36488.334231805798</v>
      </c>
      <c r="AQ2480" s="53">
        <v>36488.334231805798</v>
      </c>
      <c r="AR2480" s="53">
        <v>36488.334231805798</v>
      </c>
      <c r="AS2480" s="53">
        <v>36488.334231805798</v>
      </c>
      <c r="AT2480" s="53">
        <v>36488.334231805798</v>
      </c>
      <c r="AU2480" s="53">
        <v>36488.334231805798</v>
      </c>
      <c r="AV2480" s="53">
        <v>36488.334231805798</v>
      </c>
      <c r="AW2480" s="53">
        <v>36488.334231805798</v>
      </c>
      <c r="AX2480" s="53">
        <v>36488.334231805798</v>
      </c>
      <c r="AY2480" s="53">
        <v>36488.334231805798</v>
      </c>
      <c r="AZ2480" s="53">
        <v>36488.334231805798</v>
      </c>
      <c r="BA2480" s="53">
        <v>437860.01078166999</v>
      </c>
      <c r="BB2480" s="53">
        <v>36488.334231805798</v>
      </c>
      <c r="BC2480" s="53">
        <v>36488.334231805798</v>
      </c>
      <c r="BD2480" s="53">
        <v>36488.334231805798</v>
      </c>
      <c r="BE2480" s="53">
        <v>36488.334231805798</v>
      </c>
      <c r="BF2480" s="53">
        <v>36488.334231805798</v>
      </c>
      <c r="BG2480" s="53">
        <v>36488.334231805798</v>
      </c>
      <c r="BH2480" s="53">
        <v>36488.334231805798</v>
      </c>
      <c r="BI2480" s="53">
        <v>36488.334231805798</v>
      </c>
      <c r="BJ2480" s="53">
        <v>36488.334231805798</v>
      </c>
      <c r="BK2480" s="53">
        <v>36488.334231805798</v>
      </c>
      <c r="BL2480" s="53">
        <v>36488.334231805798</v>
      </c>
      <c r="BM2480" s="53">
        <v>36488.334231805798</v>
      </c>
      <c r="BN2480" s="53">
        <v>437860.01078166999</v>
      </c>
      <c r="BO2480" s="53">
        <v>36488.334231805798</v>
      </c>
      <c r="BP2480" s="53">
        <v>36488.334231805798</v>
      </c>
      <c r="BQ2480" s="53">
        <v>36488.334231805798</v>
      </c>
      <c r="BR2480" s="53">
        <v>36488.334231805798</v>
      </c>
      <c r="BS2480" s="53">
        <v>36488.334231805798</v>
      </c>
      <c r="BT2480" s="53">
        <v>36488.334231805798</v>
      </c>
      <c r="BU2480" s="53">
        <v>36488.334231805798</v>
      </c>
      <c r="BV2480" s="53">
        <v>36488.334231805798</v>
      </c>
      <c r="BW2480" s="53">
        <v>36488.334231805798</v>
      </c>
      <c r="BX2480" s="53">
        <v>36488.334231805798</v>
      </c>
      <c r="BY2480" s="53">
        <v>36488.334231805798</v>
      </c>
      <c r="BZ2480" s="53">
        <v>36488.334231805697</v>
      </c>
      <c r="CA2480" s="53">
        <v>437860.010781669</v>
      </c>
      <c r="CB2480" s="53"/>
      <c r="CC2480" s="53"/>
      <c r="CD2480" s="53"/>
      <c r="CE2480" s="53"/>
      <c r="CF2480" s="53"/>
      <c r="CG2480" s="53"/>
      <c r="CH2480" s="53"/>
      <c r="CI2480" s="53"/>
      <c r="CJ2480" s="53"/>
      <c r="CK2480" s="53"/>
      <c r="CL2480" s="53"/>
      <c r="CM2480" s="53"/>
      <c r="CN2480" s="53"/>
    </row>
    <row r="2481" spans="1:92" outlineLevel="1">
      <c r="A2481" s="52" t="s">
        <v>717</v>
      </c>
      <c r="B2481" s="53">
        <v>13019.146118721401</v>
      </c>
      <c r="C2481" s="53">
        <v>13019.1467889908</v>
      </c>
      <c r="D2481" s="53">
        <v>13019.1474654377</v>
      </c>
      <c r="E2481" s="53">
        <v>13019.148148148101</v>
      </c>
      <c r="F2481" s="53">
        <v>13019.1441860465</v>
      </c>
      <c r="G2481" s="53">
        <v>13019.144859812999</v>
      </c>
      <c r="H2481" s="53">
        <v>13019.1455399061</v>
      </c>
      <c r="I2481" s="53">
        <v>13019.146226415</v>
      </c>
      <c r="J2481" s="53">
        <v>13019.146919431199</v>
      </c>
      <c r="K2481" s="53">
        <v>13019.147619047601</v>
      </c>
      <c r="L2481" s="53">
        <v>13019.148325358799</v>
      </c>
      <c r="M2481" s="53">
        <v>13019.1442307692</v>
      </c>
      <c r="N2481" s="53">
        <v>156229.756428086</v>
      </c>
      <c r="O2481" s="53">
        <v>13019.144927536199</v>
      </c>
      <c r="P2481" s="53">
        <v>13019.144927536199</v>
      </c>
      <c r="Q2481" s="53">
        <v>13019.144927536199</v>
      </c>
      <c r="R2481" s="53">
        <v>13019.144927536199</v>
      </c>
      <c r="S2481" s="53">
        <v>13019.144927536199</v>
      </c>
      <c r="T2481" s="53">
        <v>13019.144927536199</v>
      </c>
      <c r="U2481" s="53">
        <v>13019.144927536199</v>
      </c>
      <c r="V2481" s="53">
        <v>13019.144927536199</v>
      </c>
      <c r="W2481" s="53">
        <v>13019.144927536199</v>
      </c>
      <c r="X2481" s="53">
        <v>13019.144927536199</v>
      </c>
      <c r="Y2481" s="53">
        <v>13019.144927536199</v>
      </c>
      <c r="Z2481" s="53">
        <v>13019.144927536199</v>
      </c>
      <c r="AA2481" s="53">
        <v>156229.739130434</v>
      </c>
      <c r="AB2481" s="53">
        <v>13019.144927536199</v>
      </c>
      <c r="AC2481" s="53">
        <v>13019.144927536199</v>
      </c>
      <c r="AD2481" s="53">
        <v>13019.144927536199</v>
      </c>
      <c r="AE2481" s="53">
        <v>13019.144927536199</v>
      </c>
      <c r="AF2481" s="53">
        <v>13019.144927536199</v>
      </c>
      <c r="AG2481" s="53">
        <v>13019.144927536199</v>
      </c>
      <c r="AH2481" s="53">
        <v>13019.144927536199</v>
      </c>
      <c r="AI2481" s="53">
        <v>13019.144927536199</v>
      </c>
      <c r="AJ2481" s="53">
        <v>13019.144927536199</v>
      </c>
      <c r="AK2481" s="53">
        <v>13019.144927536199</v>
      </c>
      <c r="AL2481" s="53">
        <v>13019.144927536199</v>
      </c>
      <c r="AM2481" s="53">
        <v>13019.144927536199</v>
      </c>
      <c r="AN2481" s="53">
        <v>156229.739130434</v>
      </c>
      <c r="AO2481" s="53">
        <v>13019.144927536199</v>
      </c>
      <c r="AP2481" s="53">
        <v>13019.144927536199</v>
      </c>
      <c r="AQ2481" s="53">
        <v>13019.144927536199</v>
      </c>
      <c r="AR2481" s="53">
        <v>13019.144927536199</v>
      </c>
      <c r="AS2481" s="53">
        <v>13019.144927536199</v>
      </c>
      <c r="AT2481" s="53">
        <v>13019.144927536199</v>
      </c>
      <c r="AU2481" s="53">
        <v>13019.144927536199</v>
      </c>
      <c r="AV2481" s="53">
        <v>13019.144927536199</v>
      </c>
      <c r="AW2481" s="53">
        <v>13019.144927536199</v>
      </c>
      <c r="AX2481" s="53">
        <v>13019.144927536199</v>
      </c>
      <c r="AY2481" s="53">
        <v>13019.144927536199</v>
      </c>
      <c r="AZ2481" s="53">
        <v>13019.144927536199</v>
      </c>
      <c r="BA2481" s="53">
        <v>156229.739130434</v>
      </c>
      <c r="BB2481" s="53">
        <v>13019.144927536199</v>
      </c>
      <c r="BC2481" s="53">
        <v>13019.144927536199</v>
      </c>
      <c r="BD2481" s="53">
        <v>13019.144927536199</v>
      </c>
      <c r="BE2481" s="53">
        <v>13019.144927536199</v>
      </c>
      <c r="BF2481" s="53">
        <v>13019.144927536199</v>
      </c>
      <c r="BG2481" s="53">
        <v>13019.144927536199</v>
      </c>
      <c r="BH2481" s="53">
        <v>13019.144927536199</v>
      </c>
      <c r="BI2481" s="53">
        <v>13019.144927536199</v>
      </c>
      <c r="BJ2481" s="53">
        <v>13019.144927536199</v>
      </c>
      <c r="BK2481" s="53">
        <v>13019.144927536199</v>
      </c>
      <c r="BL2481" s="53">
        <v>13019.144927536199</v>
      </c>
      <c r="BM2481" s="53">
        <v>13019.144927536199</v>
      </c>
      <c r="BN2481" s="53">
        <v>156229.739130434</v>
      </c>
      <c r="BO2481" s="53">
        <v>13019.144927536199</v>
      </c>
      <c r="BP2481" s="53">
        <v>13019.144927536199</v>
      </c>
      <c r="BQ2481" s="53">
        <v>13019.144927536199</v>
      </c>
      <c r="BR2481" s="53">
        <v>13019.144927536199</v>
      </c>
      <c r="BS2481" s="53">
        <v>13019.144927536199</v>
      </c>
      <c r="BT2481" s="53">
        <v>13019.144927536199</v>
      </c>
      <c r="BU2481" s="53">
        <v>13019.144927536199</v>
      </c>
      <c r="BV2481" s="53">
        <v>13019.144927536199</v>
      </c>
      <c r="BW2481" s="53">
        <v>13019.144927536199</v>
      </c>
      <c r="BX2481" s="53">
        <v>13019.144927536199</v>
      </c>
      <c r="BY2481" s="53">
        <v>13019.144927536199</v>
      </c>
      <c r="BZ2481" s="53">
        <v>13019.144927536199</v>
      </c>
      <c r="CA2481" s="53">
        <v>156229.739130434</v>
      </c>
      <c r="CB2481" s="53"/>
      <c r="CC2481" s="53"/>
      <c r="CD2481" s="53"/>
      <c r="CE2481" s="53">
        <v>-10200000</v>
      </c>
      <c r="CF2481" s="53"/>
      <c r="CG2481" s="53"/>
      <c r="CH2481" s="53"/>
      <c r="CI2481" s="53"/>
      <c r="CJ2481" s="53"/>
      <c r="CK2481" s="53">
        <v>-10200000</v>
      </c>
      <c r="CL2481" s="53"/>
      <c r="CM2481" s="53"/>
      <c r="CN2481" s="53">
        <v>-20400000</v>
      </c>
    </row>
    <row r="2482" spans="1:92" outlineLevel="1">
      <c r="A2482" s="52" t="s">
        <v>718</v>
      </c>
      <c r="B2482" s="53">
        <v>13527.6846307385</v>
      </c>
      <c r="C2482" s="53">
        <v>13527.683366733399</v>
      </c>
      <c r="D2482" s="53">
        <v>13527.686116700201</v>
      </c>
      <c r="E2482" s="53">
        <v>13527.6848484848</v>
      </c>
      <c r="F2482" s="53">
        <v>13527.683569979699</v>
      </c>
      <c r="G2482" s="53">
        <v>13527.6863543788</v>
      </c>
      <c r="H2482" s="53">
        <v>13527.6850715746</v>
      </c>
      <c r="I2482" s="53">
        <v>13527.683778234001</v>
      </c>
      <c r="J2482" s="53">
        <v>13527.6865979381</v>
      </c>
      <c r="K2482" s="53">
        <v>13527.685300207</v>
      </c>
      <c r="L2482" s="53">
        <v>13527.6839916839</v>
      </c>
      <c r="M2482" s="53">
        <v>13527.682672233799</v>
      </c>
      <c r="N2482" s="53">
        <v>162332.21629888701</v>
      </c>
      <c r="O2482" s="53">
        <v>13527.685534591101</v>
      </c>
      <c r="P2482" s="53">
        <v>13527.685534591101</v>
      </c>
      <c r="Q2482" s="53">
        <v>13527.685534591101</v>
      </c>
      <c r="R2482" s="53">
        <v>13527.685534591101</v>
      </c>
      <c r="S2482" s="53">
        <v>13527.685534591101</v>
      </c>
      <c r="T2482" s="53">
        <v>13527.685534591101</v>
      </c>
      <c r="U2482" s="53">
        <v>13527.685534591101</v>
      </c>
      <c r="V2482" s="53">
        <v>13527.685534591201</v>
      </c>
      <c r="W2482" s="53">
        <v>13527.685534591201</v>
      </c>
      <c r="X2482" s="53">
        <v>13527.685534591201</v>
      </c>
      <c r="Y2482" s="53">
        <v>13527.685534591201</v>
      </c>
      <c r="Z2482" s="53">
        <v>13527.685534591201</v>
      </c>
      <c r="AA2482" s="53">
        <v>162332.22641509399</v>
      </c>
      <c r="AB2482" s="53">
        <v>13527.685534591201</v>
      </c>
      <c r="AC2482" s="53">
        <v>13527.685534591201</v>
      </c>
      <c r="AD2482" s="53">
        <v>13527.685534591201</v>
      </c>
      <c r="AE2482" s="53">
        <v>13527.685534591201</v>
      </c>
      <c r="AF2482" s="53">
        <v>13527.685534591201</v>
      </c>
      <c r="AG2482" s="53">
        <v>13527.685534591201</v>
      </c>
      <c r="AH2482" s="53">
        <v>13527.685534591201</v>
      </c>
      <c r="AI2482" s="53">
        <v>13527.685534591201</v>
      </c>
      <c r="AJ2482" s="53">
        <v>13527.685534591201</v>
      </c>
      <c r="AK2482" s="53">
        <v>13527.685534591201</v>
      </c>
      <c r="AL2482" s="53">
        <v>13527.685534591201</v>
      </c>
      <c r="AM2482" s="53">
        <v>13527.685534591201</v>
      </c>
      <c r="AN2482" s="53">
        <v>162332.22641509399</v>
      </c>
      <c r="AO2482" s="53">
        <v>13527.685534591201</v>
      </c>
      <c r="AP2482" s="53">
        <v>13527.685534591201</v>
      </c>
      <c r="AQ2482" s="53">
        <v>13527.685534591201</v>
      </c>
      <c r="AR2482" s="53">
        <v>13527.685534591201</v>
      </c>
      <c r="AS2482" s="53">
        <v>13527.685534591201</v>
      </c>
      <c r="AT2482" s="53">
        <v>13527.685534591201</v>
      </c>
      <c r="AU2482" s="53">
        <v>13527.685534591201</v>
      </c>
      <c r="AV2482" s="53">
        <v>13527.685534591201</v>
      </c>
      <c r="AW2482" s="53">
        <v>13527.685534591201</v>
      </c>
      <c r="AX2482" s="53">
        <v>13527.685534591201</v>
      </c>
      <c r="AY2482" s="53">
        <v>13527.685534591201</v>
      </c>
      <c r="AZ2482" s="53">
        <v>13527.685534591201</v>
      </c>
      <c r="BA2482" s="53">
        <v>162332.22641509399</v>
      </c>
      <c r="BB2482" s="53">
        <v>13527.685534591201</v>
      </c>
      <c r="BC2482" s="53">
        <v>13527.685534591201</v>
      </c>
      <c r="BD2482" s="53">
        <v>13527.685534591201</v>
      </c>
      <c r="BE2482" s="53">
        <v>13527.685534591201</v>
      </c>
      <c r="BF2482" s="53">
        <v>13527.685534591201</v>
      </c>
      <c r="BG2482" s="53">
        <v>13527.685534591201</v>
      </c>
      <c r="BH2482" s="53">
        <v>13527.685534591201</v>
      </c>
      <c r="BI2482" s="53">
        <v>13527.685534591201</v>
      </c>
      <c r="BJ2482" s="53">
        <v>13527.685534591201</v>
      </c>
      <c r="BK2482" s="53">
        <v>13527.685534591201</v>
      </c>
      <c r="BL2482" s="53">
        <v>13527.685534591201</v>
      </c>
      <c r="BM2482" s="53">
        <v>13527.685534591201</v>
      </c>
      <c r="BN2482" s="53">
        <v>162332.22641509399</v>
      </c>
      <c r="BO2482" s="53">
        <v>13527.685534591201</v>
      </c>
      <c r="BP2482" s="53">
        <v>13527.685534591201</v>
      </c>
      <c r="BQ2482" s="53">
        <v>13527.685534591201</v>
      </c>
      <c r="BR2482" s="53">
        <v>13527.685534591201</v>
      </c>
      <c r="BS2482" s="53">
        <v>13527.685534591201</v>
      </c>
      <c r="BT2482" s="53">
        <v>13527.685534591201</v>
      </c>
      <c r="BU2482" s="53">
        <v>13527.685534591201</v>
      </c>
      <c r="BV2482" s="53">
        <v>13527.685534591201</v>
      </c>
      <c r="BW2482" s="53">
        <v>13527.685534591201</v>
      </c>
      <c r="BX2482" s="53">
        <v>13527.685534591201</v>
      </c>
      <c r="BY2482" s="53">
        <v>13527.685534591201</v>
      </c>
      <c r="BZ2482" s="53">
        <v>13527.685534591201</v>
      </c>
      <c r="CA2482" s="53">
        <v>162332.22641509399</v>
      </c>
      <c r="CB2482" s="53"/>
      <c r="CC2482" s="53"/>
      <c r="CD2482" s="53"/>
      <c r="CE2482" s="53"/>
      <c r="CF2482" s="53"/>
      <c r="CG2482" s="53"/>
      <c r="CH2482" s="53"/>
      <c r="CI2482" s="53"/>
      <c r="CJ2482" s="53"/>
      <c r="CK2482" s="53"/>
      <c r="CL2482" s="53"/>
      <c r="CM2482" s="53"/>
      <c r="CN2482" s="53"/>
    </row>
    <row r="2483" spans="1:92" outlineLevel="1">
      <c r="A2483" s="52" t="s">
        <v>721</v>
      </c>
      <c r="B2483" s="53">
        <v>20148.979797979799</v>
      </c>
      <c r="C2483" s="53">
        <v>20148.979729729701</v>
      </c>
      <c r="D2483" s="53">
        <v>20148.9796610169</v>
      </c>
      <c r="E2483" s="53">
        <v>20148.979591836702</v>
      </c>
      <c r="F2483" s="53">
        <v>20148.979522184301</v>
      </c>
      <c r="G2483" s="53">
        <v>20148.9794520547</v>
      </c>
      <c r="H2483" s="53">
        <v>20148.979381443201</v>
      </c>
      <c r="I2483" s="53">
        <v>20148.979310344799</v>
      </c>
      <c r="J2483" s="53">
        <v>20148.979238754298</v>
      </c>
      <c r="K2483" s="53">
        <v>20148.979166666599</v>
      </c>
      <c r="L2483" s="53">
        <v>20148.9790940766</v>
      </c>
      <c r="M2483" s="53">
        <v>20148.979020979001</v>
      </c>
      <c r="N2483" s="53">
        <v>241787.752967067</v>
      </c>
      <c r="O2483" s="53">
        <v>20148.9789473684</v>
      </c>
      <c r="P2483" s="53">
        <v>20148.9789473684</v>
      </c>
      <c r="Q2483" s="53">
        <v>20148.9789473684</v>
      </c>
      <c r="R2483" s="53">
        <v>20148.9789473684</v>
      </c>
      <c r="S2483" s="53">
        <v>20148.9789473684</v>
      </c>
      <c r="T2483" s="53">
        <v>20148.9789473684</v>
      </c>
      <c r="U2483" s="53">
        <v>20148.9789473684</v>
      </c>
      <c r="V2483" s="53">
        <v>20148.9789473684</v>
      </c>
      <c r="W2483" s="53">
        <v>20148.9789473684</v>
      </c>
      <c r="X2483" s="53">
        <v>20148.9789473684</v>
      </c>
      <c r="Y2483" s="53">
        <v>20148.9789473684</v>
      </c>
      <c r="Z2483" s="53">
        <v>20148.9789473684</v>
      </c>
      <c r="AA2483" s="53">
        <v>241787.747368421</v>
      </c>
      <c r="AB2483" s="53">
        <v>20148.9789473684</v>
      </c>
      <c r="AC2483" s="53">
        <v>20148.9789473684</v>
      </c>
      <c r="AD2483" s="53">
        <v>20148.9789473684</v>
      </c>
      <c r="AE2483" s="53">
        <v>20148.9789473684</v>
      </c>
      <c r="AF2483" s="53">
        <v>20148.9789473684</v>
      </c>
      <c r="AG2483" s="53">
        <v>20148.9789473684</v>
      </c>
      <c r="AH2483" s="53">
        <v>20148.9789473684</v>
      </c>
      <c r="AI2483" s="53">
        <v>20148.9789473684</v>
      </c>
      <c r="AJ2483" s="53">
        <v>20148.9789473684</v>
      </c>
      <c r="AK2483" s="53">
        <v>20148.9789473684</v>
      </c>
      <c r="AL2483" s="53">
        <v>20148.9789473684</v>
      </c>
      <c r="AM2483" s="53">
        <v>20148.9789473684</v>
      </c>
      <c r="AN2483" s="53">
        <v>241787.747368421</v>
      </c>
      <c r="AO2483" s="53">
        <v>20148.9789473684</v>
      </c>
      <c r="AP2483" s="53">
        <v>20148.9789473684</v>
      </c>
      <c r="AQ2483" s="53">
        <v>20148.9789473684</v>
      </c>
      <c r="AR2483" s="53">
        <v>20148.9789473684</v>
      </c>
      <c r="AS2483" s="53">
        <v>20148.9789473684</v>
      </c>
      <c r="AT2483" s="53">
        <v>20148.9789473684</v>
      </c>
      <c r="AU2483" s="53">
        <v>20148.9789473684</v>
      </c>
      <c r="AV2483" s="53">
        <v>20148.9789473684</v>
      </c>
      <c r="AW2483" s="53">
        <v>20148.9789473684</v>
      </c>
      <c r="AX2483" s="53">
        <v>20148.9789473684</v>
      </c>
      <c r="AY2483" s="53">
        <v>20148.9789473684</v>
      </c>
      <c r="AZ2483" s="53">
        <v>20148.9789473684</v>
      </c>
      <c r="BA2483" s="53">
        <v>241787.747368421</v>
      </c>
      <c r="BB2483" s="53">
        <v>20148.9789473684</v>
      </c>
      <c r="BC2483" s="53">
        <v>20148.9789473684</v>
      </c>
      <c r="BD2483" s="53">
        <v>20148.9789473684</v>
      </c>
      <c r="BE2483" s="53">
        <v>20148.9789473684</v>
      </c>
      <c r="BF2483" s="53">
        <v>20148.9789473684</v>
      </c>
      <c r="BG2483" s="53">
        <v>20148.9789473684</v>
      </c>
      <c r="BH2483" s="53">
        <v>20148.9789473684</v>
      </c>
      <c r="BI2483" s="53">
        <v>20148.9789473684</v>
      </c>
      <c r="BJ2483" s="53">
        <v>20148.9789473684</v>
      </c>
      <c r="BK2483" s="53">
        <v>20148.9789473684</v>
      </c>
      <c r="BL2483" s="53">
        <v>20148.9789473684</v>
      </c>
      <c r="BM2483" s="53">
        <v>20148.9789473684</v>
      </c>
      <c r="BN2483" s="53">
        <v>241787.747368421</v>
      </c>
      <c r="BO2483" s="53">
        <v>20148.9789473684</v>
      </c>
      <c r="BP2483" s="53">
        <v>20148.9789473684</v>
      </c>
      <c r="BQ2483" s="53">
        <v>20148.9789473684</v>
      </c>
      <c r="BR2483" s="53">
        <v>20148.978947368501</v>
      </c>
      <c r="BS2483" s="53">
        <v>20148.978947368501</v>
      </c>
      <c r="BT2483" s="53">
        <v>20148.978947368501</v>
      </c>
      <c r="BU2483" s="53">
        <v>20148.978947368501</v>
      </c>
      <c r="BV2483" s="53">
        <v>20148.978947368501</v>
      </c>
      <c r="BW2483" s="53">
        <v>20148.978947368501</v>
      </c>
      <c r="BX2483" s="53">
        <v>20148.978947368501</v>
      </c>
      <c r="BY2483" s="53">
        <v>20148.978947368501</v>
      </c>
      <c r="BZ2483" s="53">
        <v>20148.978947368501</v>
      </c>
      <c r="CA2483" s="53">
        <v>241787.74736842199</v>
      </c>
      <c r="CB2483" s="53">
        <v>-10400000</v>
      </c>
      <c r="CC2483" s="53"/>
      <c r="CD2483" s="53"/>
      <c r="CE2483" s="53"/>
      <c r="CF2483" s="53"/>
      <c r="CG2483" s="53"/>
      <c r="CH2483" s="53">
        <v>-10400000</v>
      </c>
      <c r="CI2483" s="53"/>
      <c r="CJ2483" s="53"/>
      <c r="CK2483" s="53"/>
      <c r="CL2483" s="53"/>
      <c r="CM2483" s="53"/>
      <c r="CN2483" s="53">
        <v>-20800000</v>
      </c>
    </row>
    <row r="2484" spans="1:92" outlineLevel="1">
      <c r="A2484" s="52" t="s">
        <v>723</v>
      </c>
      <c r="B2484" s="53">
        <v>49399.371900826402</v>
      </c>
      <c r="C2484" s="53">
        <v>49399.378151260498</v>
      </c>
      <c r="D2484" s="53">
        <v>49399.367521367501</v>
      </c>
      <c r="E2484" s="53">
        <v>49399.373913043397</v>
      </c>
      <c r="F2484" s="53">
        <v>49399.380530973402</v>
      </c>
      <c r="G2484" s="53">
        <v>49399.369369369299</v>
      </c>
      <c r="H2484" s="53">
        <v>49399.376146788898</v>
      </c>
      <c r="I2484" s="53">
        <v>49399.364485981299</v>
      </c>
      <c r="J2484" s="53">
        <v>49399.371428571401</v>
      </c>
      <c r="K2484" s="53">
        <v>49399.378640776697</v>
      </c>
      <c r="L2484" s="53">
        <v>49399.366336633597</v>
      </c>
      <c r="M2484" s="53">
        <v>49399.373737373702</v>
      </c>
      <c r="N2484" s="53">
        <v>592792.47216296603</v>
      </c>
      <c r="O2484" s="53">
        <v>49399.381443298902</v>
      </c>
      <c r="P2484" s="53">
        <v>49399.381443298902</v>
      </c>
      <c r="Q2484" s="53">
        <v>49399.381443298902</v>
      </c>
      <c r="R2484" s="53">
        <v>49399.381443298902</v>
      </c>
      <c r="S2484" s="53">
        <v>49399.381443298902</v>
      </c>
      <c r="T2484" s="53">
        <v>49399.381443298902</v>
      </c>
      <c r="U2484" s="53">
        <v>49399.381443298902</v>
      </c>
      <c r="V2484" s="53">
        <v>49399.381443298997</v>
      </c>
      <c r="W2484" s="53">
        <v>49399.381443298902</v>
      </c>
      <c r="X2484" s="53">
        <v>49399.381443298902</v>
      </c>
      <c r="Y2484" s="53">
        <v>49399.381443298902</v>
      </c>
      <c r="Z2484" s="53">
        <v>49399.381443298902</v>
      </c>
      <c r="AA2484" s="53">
        <v>592792.577319587</v>
      </c>
      <c r="AB2484" s="53">
        <v>49399.381443298902</v>
      </c>
      <c r="AC2484" s="53">
        <v>49399.381443298902</v>
      </c>
      <c r="AD2484" s="53">
        <v>49399.381443298902</v>
      </c>
      <c r="AE2484" s="53">
        <v>49399.381443298902</v>
      </c>
      <c r="AF2484" s="53">
        <v>49399.381443298902</v>
      </c>
      <c r="AG2484" s="53">
        <v>49399.381443298902</v>
      </c>
      <c r="AH2484" s="53">
        <v>49399.381443298902</v>
      </c>
      <c r="AI2484" s="53">
        <v>49399.381443298902</v>
      </c>
      <c r="AJ2484" s="53">
        <v>49399.381443298902</v>
      </c>
      <c r="AK2484" s="53">
        <v>49399.381443298902</v>
      </c>
      <c r="AL2484" s="53">
        <v>49399.381443298902</v>
      </c>
      <c r="AM2484" s="53">
        <v>49399.381443298902</v>
      </c>
      <c r="AN2484" s="53">
        <v>592792.577319587</v>
      </c>
      <c r="AO2484" s="53">
        <v>49399.381443298902</v>
      </c>
      <c r="AP2484" s="53">
        <v>49399.381443298902</v>
      </c>
      <c r="AQ2484" s="53">
        <v>49399.381443298902</v>
      </c>
      <c r="AR2484" s="53">
        <v>49399.381443298902</v>
      </c>
      <c r="AS2484" s="53">
        <v>49399.381443298902</v>
      </c>
      <c r="AT2484" s="53">
        <v>49399.381443298902</v>
      </c>
      <c r="AU2484" s="53">
        <v>49399.381443298902</v>
      </c>
      <c r="AV2484" s="53">
        <v>49399.381443298902</v>
      </c>
      <c r="AW2484" s="53">
        <v>49399.381443298902</v>
      </c>
      <c r="AX2484" s="53">
        <v>49399.381443298902</v>
      </c>
      <c r="AY2484" s="53">
        <v>49399.381443298902</v>
      </c>
      <c r="AZ2484" s="53">
        <v>49399.381443298902</v>
      </c>
      <c r="BA2484" s="53">
        <v>592792.577319587</v>
      </c>
      <c r="BB2484" s="53">
        <v>49399.381443298902</v>
      </c>
      <c r="BC2484" s="53">
        <v>49399.381443298902</v>
      </c>
      <c r="BD2484" s="53">
        <v>49399.381443298902</v>
      </c>
      <c r="BE2484" s="53">
        <v>49399.381443298902</v>
      </c>
      <c r="BF2484" s="53">
        <v>49399.381443298902</v>
      </c>
      <c r="BG2484" s="53">
        <v>49399.381443298902</v>
      </c>
      <c r="BH2484" s="53">
        <v>49399.381443298902</v>
      </c>
      <c r="BI2484" s="53">
        <v>49399.381443298902</v>
      </c>
      <c r="BJ2484" s="53">
        <v>49399.381443298902</v>
      </c>
      <c r="BK2484" s="53">
        <v>49399.381443298902</v>
      </c>
      <c r="BL2484" s="53">
        <v>49399.381443298902</v>
      </c>
      <c r="BM2484" s="53">
        <v>49399.381443298902</v>
      </c>
      <c r="BN2484" s="53">
        <v>592792.577319587</v>
      </c>
      <c r="BO2484" s="53">
        <v>24699.6907216494</v>
      </c>
      <c r="BP2484" s="53"/>
      <c r="BQ2484" s="53"/>
      <c r="BR2484" s="53"/>
      <c r="BS2484" s="53"/>
      <c r="BT2484" s="53"/>
      <c r="BU2484" s="53"/>
      <c r="BV2484" s="53"/>
      <c r="BW2484" s="53"/>
      <c r="BX2484" s="53"/>
      <c r="BY2484" s="53"/>
      <c r="BZ2484" s="53"/>
      <c r="CA2484" s="53">
        <v>24699.6907216494</v>
      </c>
      <c r="CB2484" s="53">
        <v>-8400000</v>
      </c>
      <c r="CC2484" s="53"/>
      <c r="CD2484" s="53"/>
      <c r="CE2484" s="53"/>
      <c r="CF2484" s="53"/>
      <c r="CG2484" s="53"/>
      <c r="CH2484" s="53">
        <v>-8400000</v>
      </c>
      <c r="CI2484" s="53"/>
      <c r="CJ2484" s="53"/>
      <c r="CK2484" s="53"/>
      <c r="CL2484" s="53"/>
      <c r="CM2484" s="53"/>
      <c r="CN2484" s="53">
        <v>-16800000</v>
      </c>
    </row>
    <row r="2485" spans="1:92" outlineLevel="1">
      <c r="A2485" s="52" t="s">
        <v>724</v>
      </c>
      <c r="B2485" s="53">
        <v>13370.822605965401</v>
      </c>
      <c r="C2485" s="53">
        <v>13370.822047244001</v>
      </c>
      <c r="D2485" s="53">
        <v>13370.821484992101</v>
      </c>
      <c r="E2485" s="53">
        <v>13370.824088748001</v>
      </c>
      <c r="F2485" s="53">
        <v>13370.8235294117</v>
      </c>
      <c r="G2485" s="53">
        <v>13370.822966507099</v>
      </c>
      <c r="H2485" s="53">
        <v>13370.822399999999</v>
      </c>
      <c r="I2485" s="53">
        <v>13370.8218298555</v>
      </c>
      <c r="J2485" s="53">
        <v>13370.8212560386</v>
      </c>
      <c r="K2485" s="53">
        <v>13370.8239095315</v>
      </c>
      <c r="L2485" s="53">
        <v>13370.8233387358</v>
      </c>
      <c r="M2485" s="53">
        <v>13370.8227642276</v>
      </c>
      <c r="N2485" s="53">
        <v>160449.87222125701</v>
      </c>
      <c r="O2485" s="53">
        <v>13370.822185970599</v>
      </c>
      <c r="P2485" s="53">
        <v>13370.822185970599</v>
      </c>
      <c r="Q2485" s="53">
        <v>13370.822185970599</v>
      </c>
      <c r="R2485" s="53">
        <v>13370.822185970599</v>
      </c>
      <c r="S2485" s="53">
        <v>13370.822185970599</v>
      </c>
      <c r="T2485" s="53">
        <v>13370.822185970599</v>
      </c>
      <c r="U2485" s="53">
        <v>13370.822185970599</v>
      </c>
      <c r="V2485" s="53">
        <v>13370.822185970599</v>
      </c>
      <c r="W2485" s="53">
        <v>13370.822185970599</v>
      </c>
      <c r="X2485" s="53">
        <v>13370.822185970599</v>
      </c>
      <c r="Y2485" s="53">
        <v>13370.822185970599</v>
      </c>
      <c r="Z2485" s="53">
        <v>13370.822185970599</v>
      </c>
      <c r="AA2485" s="53">
        <v>160449.866231647</v>
      </c>
      <c r="AB2485" s="53">
        <v>13370.822185970599</v>
      </c>
      <c r="AC2485" s="53">
        <v>13370.822185970599</v>
      </c>
      <c r="AD2485" s="53">
        <v>13370.822185970599</v>
      </c>
      <c r="AE2485" s="53">
        <v>13370.822185970599</v>
      </c>
      <c r="AF2485" s="53">
        <v>13370.822185970599</v>
      </c>
      <c r="AG2485" s="53">
        <v>13370.822185970599</v>
      </c>
      <c r="AH2485" s="53">
        <v>13370.822185970599</v>
      </c>
      <c r="AI2485" s="53">
        <v>13370.822185970599</v>
      </c>
      <c r="AJ2485" s="53">
        <v>13370.822185970599</v>
      </c>
      <c r="AK2485" s="53">
        <v>13370.822185970599</v>
      </c>
      <c r="AL2485" s="53">
        <v>13370.822185970599</v>
      </c>
      <c r="AM2485" s="53">
        <v>13370.822185970599</v>
      </c>
      <c r="AN2485" s="53">
        <v>160449.866231647</v>
      </c>
      <c r="AO2485" s="53">
        <v>13370.822185970599</v>
      </c>
      <c r="AP2485" s="53">
        <v>13370.822185970599</v>
      </c>
      <c r="AQ2485" s="53">
        <v>13370.822185970599</v>
      </c>
      <c r="AR2485" s="53">
        <v>13370.822185970599</v>
      </c>
      <c r="AS2485" s="53">
        <v>13370.822185970599</v>
      </c>
      <c r="AT2485" s="53">
        <v>13370.822185970599</v>
      </c>
      <c r="AU2485" s="53">
        <v>13370.822185970599</v>
      </c>
      <c r="AV2485" s="53">
        <v>13370.822185970599</v>
      </c>
      <c r="AW2485" s="53">
        <v>13370.822185970599</v>
      </c>
      <c r="AX2485" s="53">
        <v>13370.822185970599</v>
      </c>
      <c r="AY2485" s="53">
        <v>13370.822185970599</v>
      </c>
      <c r="AZ2485" s="53">
        <v>13370.822185970599</v>
      </c>
      <c r="BA2485" s="53">
        <v>160449.866231647</v>
      </c>
      <c r="BB2485" s="53">
        <v>13370.822185970599</v>
      </c>
      <c r="BC2485" s="53">
        <v>13370.822185970599</v>
      </c>
      <c r="BD2485" s="53">
        <v>13370.822185970599</v>
      </c>
      <c r="BE2485" s="53">
        <v>13370.822185970599</v>
      </c>
      <c r="BF2485" s="53">
        <v>13370.822185970599</v>
      </c>
      <c r="BG2485" s="53">
        <v>13370.822185970599</v>
      </c>
      <c r="BH2485" s="53">
        <v>13370.822185970599</v>
      </c>
      <c r="BI2485" s="53">
        <v>13370.822185970599</v>
      </c>
      <c r="BJ2485" s="53">
        <v>13370.822185970599</v>
      </c>
      <c r="BK2485" s="53">
        <v>13370.822185970599</v>
      </c>
      <c r="BL2485" s="53">
        <v>13370.822185970599</v>
      </c>
      <c r="BM2485" s="53">
        <v>13370.822185970599</v>
      </c>
      <c r="BN2485" s="53">
        <v>160449.866231647</v>
      </c>
      <c r="BO2485" s="53">
        <v>13370.822185970599</v>
      </c>
      <c r="BP2485" s="53">
        <v>13370.822185970599</v>
      </c>
      <c r="BQ2485" s="53">
        <v>13370.822185970599</v>
      </c>
      <c r="BR2485" s="53">
        <v>13370.822185970599</v>
      </c>
      <c r="BS2485" s="53">
        <v>13370.822185970599</v>
      </c>
      <c r="BT2485" s="53">
        <v>13370.822185970599</v>
      </c>
      <c r="BU2485" s="53">
        <v>13370.822185970599</v>
      </c>
      <c r="BV2485" s="53">
        <v>13370.822185970599</v>
      </c>
      <c r="BW2485" s="53">
        <v>13370.822185970599</v>
      </c>
      <c r="BX2485" s="53">
        <v>13370.822185970599</v>
      </c>
      <c r="BY2485" s="53">
        <v>13370.822185970599</v>
      </c>
      <c r="BZ2485" s="53">
        <v>13370.822185970599</v>
      </c>
      <c r="CA2485" s="53">
        <v>160449.866231647</v>
      </c>
      <c r="CB2485" s="53">
        <v>-11400000</v>
      </c>
      <c r="CC2485" s="53"/>
      <c r="CD2485" s="53"/>
      <c r="CE2485" s="53"/>
      <c r="CF2485" s="53"/>
      <c r="CG2485" s="53"/>
      <c r="CH2485" s="53">
        <v>-11400000</v>
      </c>
      <c r="CI2485" s="53"/>
      <c r="CJ2485" s="53"/>
      <c r="CK2485" s="53"/>
      <c r="CL2485" s="53"/>
      <c r="CM2485" s="53"/>
      <c r="CN2485" s="53">
        <v>-22800000</v>
      </c>
    </row>
    <row r="2486" spans="1:92" outlineLevel="1">
      <c r="A2486" s="52" t="s">
        <v>725</v>
      </c>
      <c r="B2486" s="53">
        <v>44991.872611464903</v>
      </c>
      <c r="C2486" s="53">
        <v>44991.870967741903</v>
      </c>
      <c r="D2486" s="53">
        <v>44991.8692810457</v>
      </c>
      <c r="E2486" s="53">
        <v>44991.867549668801</v>
      </c>
      <c r="F2486" s="53">
        <v>44991.879194630797</v>
      </c>
      <c r="G2486" s="53">
        <v>44991.8775510204</v>
      </c>
      <c r="H2486" s="53">
        <v>44991.875862068897</v>
      </c>
      <c r="I2486" s="53">
        <v>44991.874125874099</v>
      </c>
      <c r="J2486" s="53">
        <v>44991.8723404255</v>
      </c>
      <c r="K2486" s="53">
        <v>44991.8705035971</v>
      </c>
      <c r="L2486" s="53">
        <v>44991.868613138598</v>
      </c>
      <c r="M2486" s="53">
        <v>44991.866666666603</v>
      </c>
      <c r="N2486" s="53">
        <v>539902.46526734298</v>
      </c>
      <c r="O2486" s="53">
        <v>44991.8796992481</v>
      </c>
      <c r="P2486" s="53">
        <v>44991.8796992481</v>
      </c>
      <c r="Q2486" s="53">
        <v>44991.8796992481</v>
      </c>
      <c r="R2486" s="53">
        <v>44991.8796992481</v>
      </c>
      <c r="S2486" s="53">
        <v>44991.8796992481</v>
      </c>
      <c r="T2486" s="53">
        <v>44991.8796992481</v>
      </c>
      <c r="U2486" s="53">
        <v>44991.8796992481</v>
      </c>
      <c r="V2486" s="53">
        <v>44991.8796992481</v>
      </c>
      <c r="W2486" s="53">
        <v>44991.8796992481</v>
      </c>
      <c r="X2486" s="53">
        <v>44991.8796992481</v>
      </c>
      <c r="Y2486" s="53">
        <v>44991.8796992481</v>
      </c>
      <c r="Z2486" s="53">
        <v>44991.8796992481</v>
      </c>
      <c r="AA2486" s="53">
        <v>539902.556390977</v>
      </c>
      <c r="AB2486" s="53">
        <v>44991.8796992481</v>
      </c>
      <c r="AC2486" s="53">
        <v>44991.8796992481</v>
      </c>
      <c r="AD2486" s="53">
        <v>44991.8796992481</v>
      </c>
      <c r="AE2486" s="53">
        <v>44991.8796992481</v>
      </c>
      <c r="AF2486" s="53">
        <v>44991.8796992481</v>
      </c>
      <c r="AG2486" s="53">
        <v>44991.8796992481</v>
      </c>
      <c r="AH2486" s="53">
        <v>44991.8796992481</v>
      </c>
      <c r="AI2486" s="53">
        <v>44991.8796992481</v>
      </c>
      <c r="AJ2486" s="53">
        <v>44991.8796992481</v>
      </c>
      <c r="AK2486" s="53">
        <v>44991.8796992481</v>
      </c>
      <c r="AL2486" s="53">
        <v>44991.8796992481</v>
      </c>
      <c r="AM2486" s="53">
        <v>44991.8796992481</v>
      </c>
      <c r="AN2486" s="53">
        <v>539902.556390977</v>
      </c>
      <c r="AO2486" s="53">
        <v>44991.8796992481</v>
      </c>
      <c r="AP2486" s="53">
        <v>44991.8796992481</v>
      </c>
      <c r="AQ2486" s="53">
        <v>44991.8796992481</v>
      </c>
      <c r="AR2486" s="53">
        <v>44991.8796992481</v>
      </c>
      <c r="AS2486" s="53">
        <v>44991.8796992481</v>
      </c>
      <c r="AT2486" s="53">
        <v>44991.8796992481</v>
      </c>
      <c r="AU2486" s="53">
        <v>44991.8796992481</v>
      </c>
      <c r="AV2486" s="53">
        <v>44991.8796992481</v>
      </c>
      <c r="AW2486" s="53">
        <v>44991.8796992481</v>
      </c>
      <c r="AX2486" s="53">
        <v>44991.8796992481</v>
      </c>
      <c r="AY2486" s="53">
        <v>44991.8796992481</v>
      </c>
      <c r="AZ2486" s="53">
        <v>44991.8796992481</v>
      </c>
      <c r="BA2486" s="53">
        <v>539902.556390977</v>
      </c>
      <c r="BB2486" s="53">
        <v>44991.8796992481</v>
      </c>
      <c r="BC2486" s="53">
        <v>44991.8796992481</v>
      </c>
      <c r="BD2486" s="53">
        <v>44991.8796992481</v>
      </c>
      <c r="BE2486" s="53">
        <v>44991.8796992481</v>
      </c>
      <c r="BF2486" s="53">
        <v>44991.8796992481</v>
      </c>
      <c r="BG2486" s="53">
        <v>44991.8796992481</v>
      </c>
      <c r="BH2486" s="53">
        <v>44991.8796992481</v>
      </c>
      <c r="BI2486" s="53">
        <v>44991.8796992481</v>
      </c>
      <c r="BJ2486" s="53">
        <v>44991.8796992481</v>
      </c>
      <c r="BK2486" s="53">
        <v>44991.8796992481</v>
      </c>
      <c r="BL2486" s="53">
        <v>44991.8796992481</v>
      </c>
      <c r="BM2486" s="53">
        <v>44991.8796992481</v>
      </c>
      <c r="BN2486" s="53">
        <v>539902.556390977</v>
      </c>
      <c r="BO2486" s="53">
        <v>44991.8796992481</v>
      </c>
      <c r="BP2486" s="53">
        <v>44991.8796992481</v>
      </c>
      <c r="BQ2486" s="53">
        <v>44991.8796992481</v>
      </c>
      <c r="BR2486" s="53">
        <v>44991.8796992481</v>
      </c>
      <c r="BS2486" s="53">
        <v>44991.8796992481</v>
      </c>
      <c r="BT2486" s="53">
        <v>44991.8796992481</v>
      </c>
      <c r="BU2486" s="53">
        <v>44991.8796992481</v>
      </c>
      <c r="BV2486" s="53">
        <v>44991.8796992481</v>
      </c>
      <c r="BW2486" s="53">
        <v>44991.8796992481</v>
      </c>
      <c r="BX2486" s="53">
        <v>44991.8796992481</v>
      </c>
      <c r="BY2486" s="53">
        <v>44991.8796992481</v>
      </c>
      <c r="BZ2486" s="53">
        <v>44991.8796992481</v>
      </c>
      <c r="CA2486" s="53">
        <v>539902.556390977</v>
      </c>
      <c r="CB2486" s="53"/>
      <c r="CC2486" s="53"/>
      <c r="CD2486" s="53"/>
      <c r="CE2486" s="53"/>
      <c r="CF2486" s="53"/>
      <c r="CG2486" s="53">
        <v>-8750000</v>
      </c>
      <c r="CH2486" s="53"/>
      <c r="CI2486" s="53"/>
      <c r="CJ2486" s="53"/>
      <c r="CK2486" s="53"/>
      <c r="CL2486" s="53"/>
      <c r="CM2486" s="53">
        <v>-8750000</v>
      </c>
      <c r="CN2486" s="53">
        <v>-17500000</v>
      </c>
    </row>
    <row r="2487" spans="1:92" outlineLevel="1">
      <c r="A2487" s="52" t="s">
        <v>726</v>
      </c>
      <c r="B2487" s="53">
        <v>52157.242105263103</v>
      </c>
      <c r="C2487" s="53">
        <v>52157.244680850999</v>
      </c>
      <c r="D2487" s="53">
        <v>52157.247311827901</v>
      </c>
      <c r="E2487" s="53">
        <v>52157.239130434697</v>
      </c>
      <c r="F2487" s="53">
        <v>52157.241758241697</v>
      </c>
      <c r="G2487" s="53">
        <v>52157.244444444397</v>
      </c>
      <c r="H2487" s="53">
        <v>52157.2471910112</v>
      </c>
      <c r="I2487" s="53">
        <v>52157.238636363603</v>
      </c>
      <c r="J2487" s="53">
        <v>52157.241379310297</v>
      </c>
      <c r="K2487" s="53">
        <v>52157.244186046497</v>
      </c>
      <c r="L2487" s="53">
        <v>52157.247058823501</v>
      </c>
      <c r="M2487" s="53">
        <v>52157.238095237997</v>
      </c>
      <c r="N2487" s="53">
        <v>625886.91597785603</v>
      </c>
      <c r="O2487" s="53">
        <v>52157.240963855402</v>
      </c>
      <c r="P2487" s="53">
        <v>52157.240963855402</v>
      </c>
      <c r="Q2487" s="53">
        <v>52157.240963855402</v>
      </c>
      <c r="R2487" s="53">
        <v>52157.240963855402</v>
      </c>
      <c r="S2487" s="53">
        <v>52157.240963855402</v>
      </c>
      <c r="T2487" s="53">
        <v>52157.240963855402</v>
      </c>
      <c r="U2487" s="53">
        <v>52157.240963855402</v>
      </c>
      <c r="V2487" s="53">
        <v>52157.240963855402</v>
      </c>
      <c r="W2487" s="53">
        <v>52157.240963855402</v>
      </c>
      <c r="X2487" s="53">
        <v>52157.240963855402</v>
      </c>
      <c r="Y2487" s="53">
        <v>52157.240963855402</v>
      </c>
      <c r="Z2487" s="53">
        <v>52157.240963855402</v>
      </c>
      <c r="AA2487" s="53">
        <v>625886.89156626503</v>
      </c>
      <c r="AB2487" s="53">
        <v>52157.240963855402</v>
      </c>
      <c r="AC2487" s="53">
        <v>52157.240963855402</v>
      </c>
      <c r="AD2487" s="53">
        <v>52157.240963855402</v>
      </c>
      <c r="AE2487" s="53">
        <v>52157.240963855402</v>
      </c>
      <c r="AF2487" s="53">
        <v>52157.240963855402</v>
      </c>
      <c r="AG2487" s="53">
        <v>52157.240963855402</v>
      </c>
      <c r="AH2487" s="53">
        <v>52157.240963855402</v>
      </c>
      <c r="AI2487" s="53">
        <v>52157.240963855402</v>
      </c>
      <c r="AJ2487" s="53">
        <v>52157.240963855402</v>
      </c>
      <c r="AK2487" s="53">
        <v>52157.240963855402</v>
      </c>
      <c r="AL2487" s="53">
        <v>52157.240963855402</v>
      </c>
      <c r="AM2487" s="53">
        <v>52157.240963855402</v>
      </c>
      <c r="AN2487" s="53">
        <v>625886.89156626503</v>
      </c>
      <c r="AO2487" s="53">
        <v>52157.240963855402</v>
      </c>
      <c r="AP2487" s="53">
        <v>52157.240963855402</v>
      </c>
      <c r="AQ2487" s="53">
        <v>52157.240963855402</v>
      </c>
      <c r="AR2487" s="53">
        <v>52157.240963855402</v>
      </c>
      <c r="AS2487" s="53">
        <v>52157.240963855402</v>
      </c>
      <c r="AT2487" s="53">
        <v>52157.240963855402</v>
      </c>
      <c r="AU2487" s="53">
        <v>52157.240963855402</v>
      </c>
      <c r="AV2487" s="53">
        <v>52157.240963855402</v>
      </c>
      <c r="AW2487" s="53">
        <v>52157.240963855402</v>
      </c>
      <c r="AX2487" s="53">
        <v>52157.240963855402</v>
      </c>
      <c r="AY2487" s="53">
        <v>52157.240963855402</v>
      </c>
      <c r="AZ2487" s="53">
        <v>52157.240963855402</v>
      </c>
      <c r="BA2487" s="53">
        <v>625886.89156626503</v>
      </c>
      <c r="BB2487" s="53">
        <v>52157.240963855402</v>
      </c>
      <c r="BC2487" s="53">
        <v>52157.240963855402</v>
      </c>
      <c r="BD2487" s="53">
        <v>52157.240963855402</v>
      </c>
      <c r="BE2487" s="53">
        <v>52157.240963855402</v>
      </c>
      <c r="BF2487" s="53">
        <v>52157.240963855402</v>
      </c>
      <c r="BG2487" s="53">
        <v>52157.240963855402</v>
      </c>
      <c r="BH2487" s="53">
        <v>52157.240963855402</v>
      </c>
      <c r="BI2487" s="53">
        <v>52157.240963855402</v>
      </c>
      <c r="BJ2487" s="53">
        <v>52157.240963855402</v>
      </c>
      <c r="BK2487" s="53">
        <v>52157.240963855402</v>
      </c>
      <c r="BL2487" s="53">
        <v>52157.240963855402</v>
      </c>
      <c r="BM2487" s="53">
        <v>52157.240963855402</v>
      </c>
      <c r="BN2487" s="53">
        <v>625886.89156626503</v>
      </c>
      <c r="BO2487" s="53">
        <v>52157.240963855402</v>
      </c>
      <c r="BP2487" s="53">
        <v>52157.240963855402</v>
      </c>
      <c r="BQ2487" s="53">
        <v>52157.240963855402</v>
      </c>
      <c r="BR2487" s="53">
        <v>52157.240963855402</v>
      </c>
      <c r="BS2487" s="53">
        <v>52157.240963855402</v>
      </c>
      <c r="BT2487" s="53">
        <v>52157.240963855402</v>
      </c>
      <c r="BU2487" s="53">
        <v>52157.240963855402</v>
      </c>
      <c r="BV2487" s="53">
        <v>52157.240963855402</v>
      </c>
      <c r="BW2487" s="53">
        <v>52157.240963855402</v>
      </c>
      <c r="BX2487" s="53">
        <v>52157.240963855402</v>
      </c>
      <c r="BY2487" s="53">
        <v>52157.240963855402</v>
      </c>
      <c r="BZ2487" s="53">
        <v>52157.240963855402</v>
      </c>
      <c r="CA2487" s="53">
        <v>625886.89156626503</v>
      </c>
      <c r="CB2487" s="53"/>
      <c r="CC2487" s="53"/>
      <c r="CD2487" s="53"/>
      <c r="CE2487" s="53"/>
      <c r="CF2487" s="53"/>
      <c r="CG2487" s="53"/>
      <c r="CH2487" s="53"/>
      <c r="CI2487" s="53"/>
      <c r="CJ2487" s="53"/>
      <c r="CK2487" s="53"/>
      <c r="CL2487" s="53"/>
      <c r="CM2487" s="53"/>
      <c r="CN2487" s="53"/>
    </row>
    <row r="2488" spans="1:92" outlineLevel="1">
      <c r="A2488" s="52" t="s">
        <v>728</v>
      </c>
      <c r="B2488" s="53">
        <v>38996.049261083703</v>
      </c>
      <c r="C2488" s="53">
        <v>38996.0497512437</v>
      </c>
      <c r="D2488" s="53">
        <v>38996.050251256202</v>
      </c>
      <c r="E2488" s="53">
        <v>38996.050761421298</v>
      </c>
      <c r="F2488" s="53">
        <v>38996.051282051201</v>
      </c>
      <c r="G2488" s="53">
        <v>38996.051813471502</v>
      </c>
      <c r="H2488" s="53">
        <v>38996.052356020897</v>
      </c>
      <c r="I2488" s="53">
        <v>38996.052910052902</v>
      </c>
      <c r="J2488" s="53">
        <v>38996.053475935798</v>
      </c>
      <c r="K2488" s="53">
        <v>38996.054054054002</v>
      </c>
      <c r="L2488" s="53">
        <v>38996.054644808697</v>
      </c>
      <c r="M2488" s="53">
        <v>38996.044198894997</v>
      </c>
      <c r="N2488" s="53">
        <v>467952.61476029502</v>
      </c>
      <c r="O2488" s="53">
        <v>38996.0446927374</v>
      </c>
      <c r="P2488" s="53">
        <v>38996.0446927374</v>
      </c>
      <c r="Q2488" s="53">
        <v>38996.0446927374</v>
      </c>
      <c r="R2488" s="53">
        <v>38996.0446927374</v>
      </c>
      <c r="S2488" s="53">
        <v>38996.0446927374</v>
      </c>
      <c r="T2488" s="53">
        <v>38996.0446927374</v>
      </c>
      <c r="U2488" s="53">
        <v>38996.0446927374</v>
      </c>
      <c r="V2488" s="53">
        <v>38996.0446927374</v>
      </c>
      <c r="W2488" s="53">
        <v>38996.0446927374</v>
      </c>
      <c r="X2488" s="53">
        <v>38996.0446927374</v>
      </c>
      <c r="Y2488" s="53">
        <v>38996.0446927374</v>
      </c>
      <c r="Z2488" s="53">
        <v>38996.0446927374</v>
      </c>
      <c r="AA2488" s="53">
        <v>467952.53631284903</v>
      </c>
      <c r="AB2488" s="53">
        <v>38996.0446927374</v>
      </c>
      <c r="AC2488" s="53">
        <v>38996.0446927374</v>
      </c>
      <c r="AD2488" s="53">
        <v>38996.0446927374</v>
      </c>
      <c r="AE2488" s="53">
        <v>38996.0446927374</v>
      </c>
      <c r="AF2488" s="53">
        <v>38996.0446927374</v>
      </c>
      <c r="AG2488" s="53">
        <v>38996.0446927374</v>
      </c>
      <c r="AH2488" s="53">
        <v>38996.0446927374</v>
      </c>
      <c r="AI2488" s="53">
        <v>38996.0446927374</v>
      </c>
      <c r="AJ2488" s="53">
        <v>38996.0446927374</v>
      </c>
      <c r="AK2488" s="53">
        <v>38996.0446927374</v>
      </c>
      <c r="AL2488" s="53">
        <v>38996.0446927374</v>
      </c>
      <c r="AM2488" s="53">
        <v>38996.044692737298</v>
      </c>
      <c r="AN2488" s="53">
        <v>467952.53631284798</v>
      </c>
      <c r="AO2488" s="53">
        <v>38996.044692737298</v>
      </c>
      <c r="AP2488" s="53">
        <v>38996.044692737298</v>
      </c>
      <c r="AQ2488" s="53">
        <v>38996.044692737298</v>
      </c>
      <c r="AR2488" s="53">
        <v>38996.044692737298</v>
      </c>
      <c r="AS2488" s="53">
        <v>38996.044692737298</v>
      </c>
      <c r="AT2488" s="53">
        <v>38996.044692737298</v>
      </c>
      <c r="AU2488" s="53">
        <v>38996.044692737298</v>
      </c>
      <c r="AV2488" s="53">
        <v>38996.044692737298</v>
      </c>
      <c r="AW2488" s="53">
        <v>38996.044692737298</v>
      </c>
      <c r="AX2488" s="53">
        <v>38996.044692737298</v>
      </c>
      <c r="AY2488" s="53">
        <v>38996.044692737298</v>
      </c>
      <c r="AZ2488" s="53">
        <v>38996.044692737298</v>
      </c>
      <c r="BA2488" s="53">
        <v>467952.53631284798</v>
      </c>
      <c r="BB2488" s="53">
        <v>38996.044692737298</v>
      </c>
      <c r="BC2488" s="53">
        <v>38996.044692737298</v>
      </c>
      <c r="BD2488" s="53">
        <v>38996.044692737298</v>
      </c>
      <c r="BE2488" s="53">
        <v>38996.044692737298</v>
      </c>
      <c r="BF2488" s="53">
        <v>38996.044692737298</v>
      </c>
      <c r="BG2488" s="53">
        <v>38996.044692737298</v>
      </c>
      <c r="BH2488" s="53">
        <v>38996.044692737298</v>
      </c>
      <c r="BI2488" s="53">
        <v>38996.044692737298</v>
      </c>
      <c r="BJ2488" s="53">
        <v>38996.044692737298</v>
      </c>
      <c r="BK2488" s="53">
        <v>38996.044692737298</v>
      </c>
      <c r="BL2488" s="53">
        <v>38996.044692737298</v>
      </c>
      <c r="BM2488" s="53">
        <v>38996.044692737298</v>
      </c>
      <c r="BN2488" s="53">
        <v>467952.53631284798</v>
      </c>
      <c r="BO2488" s="53">
        <v>38996.044692737298</v>
      </c>
      <c r="BP2488" s="53">
        <v>38996.044692737298</v>
      </c>
      <c r="BQ2488" s="53">
        <v>38996.044692737298</v>
      </c>
      <c r="BR2488" s="53">
        <v>38996.044692737298</v>
      </c>
      <c r="BS2488" s="53">
        <v>38996.044692737298</v>
      </c>
      <c r="BT2488" s="53">
        <v>38996.044692737298</v>
      </c>
      <c r="BU2488" s="53">
        <v>38996.044692737298</v>
      </c>
      <c r="BV2488" s="53">
        <v>38996.044692737298</v>
      </c>
      <c r="BW2488" s="53">
        <v>38996.044692737298</v>
      </c>
      <c r="BX2488" s="53">
        <v>38996.044692737298</v>
      </c>
      <c r="BY2488" s="53">
        <v>38996.044692737298</v>
      </c>
      <c r="BZ2488" s="53">
        <v>38996.044692737298</v>
      </c>
      <c r="CA2488" s="53">
        <v>467952.53631284798</v>
      </c>
      <c r="CB2488" s="53"/>
      <c r="CC2488" s="53"/>
      <c r="CD2488" s="53"/>
      <c r="CE2488" s="53"/>
      <c r="CF2488" s="53"/>
      <c r="CG2488" s="53">
        <v>-4375000</v>
      </c>
      <c r="CH2488" s="53"/>
      <c r="CI2488" s="53"/>
      <c r="CJ2488" s="53"/>
      <c r="CK2488" s="53"/>
      <c r="CL2488" s="53"/>
      <c r="CM2488" s="53">
        <v>-4375000</v>
      </c>
      <c r="CN2488" s="53">
        <v>-8750000</v>
      </c>
    </row>
    <row r="2489" spans="1:92" outlineLevel="1">
      <c r="A2489" s="52" t="s">
        <v>729</v>
      </c>
      <c r="B2489" s="53">
        <v>48595.514644351402</v>
      </c>
      <c r="C2489" s="53">
        <v>48595.510548523198</v>
      </c>
      <c r="D2489" s="53">
        <v>48595.514893617001</v>
      </c>
      <c r="E2489" s="53">
        <v>48595.510729613699</v>
      </c>
      <c r="F2489" s="53">
        <v>48595.515151515101</v>
      </c>
      <c r="G2489" s="53">
        <v>48595.5109170305</v>
      </c>
      <c r="H2489" s="53">
        <v>48595.515418502197</v>
      </c>
      <c r="I2489" s="53">
        <v>48595.511111111096</v>
      </c>
      <c r="J2489" s="53">
        <v>48595.515695067203</v>
      </c>
      <c r="K2489" s="53">
        <v>48595.511312217197</v>
      </c>
      <c r="L2489" s="53">
        <v>48595.515981735101</v>
      </c>
      <c r="M2489" s="53">
        <v>48595.511520737302</v>
      </c>
      <c r="N2489" s="53">
        <v>583146.15792402101</v>
      </c>
      <c r="O2489" s="53">
        <v>48595.5162790697</v>
      </c>
      <c r="P2489" s="53">
        <v>48595.5162790697</v>
      </c>
      <c r="Q2489" s="53">
        <v>48595.5162790697</v>
      </c>
      <c r="R2489" s="53">
        <v>48595.5162790697</v>
      </c>
      <c r="S2489" s="53">
        <v>48595.5162790697</v>
      </c>
      <c r="T2489" s="53">
        <v>48595.5162790697</v>
      </c>
      <c r="U2489" s="53">
        <v>48595.5162790697</v>
      </c>
      <c r="V2489" s="53">
        <v>48595.5162790697</v>
      </c>
      <c r="W2489" s="53">
        <v>48595.5162790697</v>
      </c>
      <c r="X2489" s="53">
        <v>48595.5162790697</v>
      </c>
      <c r="Y2489" s="53">
        <v>48595.5162790697</v>
      </c>
      <c r="Z2489" s="53">
        <v>48595.5162790697</v>
      </c>
      <c r="AA2489" s="53">
        <v>583146.19534883695</v>
      </c>
      <c r="AB2489" s="53">
        <v>48595.5162790697</v>
      </c>
      <c r="AC2489" s="53">
        <v>48595.5162790697</v>
      </c>
      <c r="AD2489" s="53">
        <v>48595.5162790697</v>
      </c>
      <c r="AE2489" s="53">
        <v>48595.5162790697</v>
      </c>
      <c r="AF2489" s="53">
        <v>48595.5162790697</v>
      </c>
      <c r="AG2489" s="53">
        <v>48595.5162790697</v>
      </c>
      <c r="AH2489" s="53">
        <v>48595.5162790697</v>
      </c>
      <c r="AI2489" s="53">
        <v>48595.5162790697</v>
      </c>
      <c r="AJ2489" s="53">
        <v>48595.5162790697</v>
      </c>
      <c r="AK2489" s="53">
        <v>48595.5162790697</v>
      </c>
      <c r="AL2489" s="53">
        <v>48595.5162790697</v>
      </c>
      <c r="AM2489" s="53">
        <v>48595.5162790697</v>
      </c>
      <c r="AN2489" s="53">
        <v>583146.19534883695</v>
      </c>
      <c r="AO2489" s="53">
        <v>48595.516279069801</v>
      </c>
      <c r="AP2489" s="53">
        <v>48595.516279069801</v>
      </c>
      <c r="AQ2489" s="53">
        <v>48595.516279069801</v>
      </c>
      <c r="AR2489" s="53">
        <v>48595.516279069801</v>
      </c>
      <c r="AS2489" s="53">
        <v>48595.516279069801</v>
      </c>
      <c r="AT2489" s="53">
        <v>48595.516279069801</v>
      </c>
      <c r="AU2489" s="53">
        <v>48595.516279069801</v>
      </c>
      <c r="AV2489" s="53">
        <v>48595.516279069801</v>
      </c>
      <c r="AW2489" s="53">
        <v>48595.516279069801</v>
      </c>
      <c r="AX2489" s="53">
        <v>48595.516279069801</v>
      </c>
      <c r="AY2489" s="53">
        <v>48595.516279069801</v>
      </c>
      <c r="AZ2489" s="53">
        <v>48595.516279069801</v>
      </c>
      <c r="BA2489" s="53">
        <v>583146.19534883695</v>
      </c>
      <c r="BB2489" s="53">
        <v>48595.516279069801</v>
      </c>
      <c r="BC2489" s="53">
        <v>48595.516279069801</v>
      </c>
      <c r="BD2489" s="53">
        <v>48595.516279069801</v>
      </c>
      <c r="BE2489" s="53">
        <v>48595.516279069801</v>
      </c>
      <c r="BF2489" s="53">
        <v>48595.516279069801</v>
      </c>
      <c r="BG2489" s="53">
        <v>48595.516279069801</v>
      </c>
      <c r="BH2489" s="53">
        <v>48595.516279069801</v>
      </c>
      <c r="BI2489" s="53">
        <v>48595.516279069801</v>
      </c>
      <c r="BJ2489" s="53">
        <v>48595.516279069801</v>
      </c>
      <c r="BK2489" s="53">
        <v>48595.516279069801</v>
      </c>
      <c r="BL2489" s="53">
        <v>48595.516279069801</v>
      </c>
      <c r="BM2489" s="53">
        <v>48595.516279069801</v>
      </c>
      <c r="BN2489" s="53">
        <v>583146.19534883799</v>
      </c>
      <c r="BO2489" s="53">
        <v>48595.516279069801</v>
      </c>
      <c r="BP2489" s="53">
        <v>48595.516279069801</v>
      </c>
      <c r="BQ2489" s="53">
        <v>48595.516279069801</v>
      </c>
      <c r="BR2489" s="53">
        <v>48595.516279069801</v>
      </c>
      <c r="BS2489" s="53">
        <v>48595.516279069801</v>
      </c>
      <c r="BT2489" s="53">
        <v>48595.516279069801</v>
      </c>
      <c r="BU2489" s="53">
        <v>48595.516279069801</v>
      </c>
      <c r="BV2489" s="53">
        <v>48595.516279069801</v>
      </c>
      <c r="BW2489" s="53">
        <v>48595.516279069801</v>
      </c>
      <c r="BX2489" s="53">
        <v>48595.516279069801</v>
      </c>
      <c r="BY2489" s="53">
        <v>48595.516279069801</v>
      </c>
      <c r="BZ2489" s="53">
        <v>48595.516279069801</v>
      </c>
      <c r="CA2489" s="53">
        <v>583146.19534883799</v>
      </c>
      <c r="CB2489" s="53"/>
      <c r="CC2489" s="53"/>
      <c r="CD2489" s="53"/>
      <c r="CE2489" s="53"/>
      <c r="CF2489" s="53"/>
      <c r="CG2489" s="53">
        <v>-7800000</v>
      </c>
      <c r="CH2489" s="53"/>
      <c r="CI2489" s="53"/>
      <c r="CJ2489" s="53"/>
      <c r="CK2489" s="53"/>
      <c r="CL2489" s="53"/>
      <c r="CM2489" s="53">
        <v>-7800000</v>
      </c>
      <c r="CN2489" s="53">
        <v>-15600000</v>
      </c>
    </row>
    <row r="2490" spans="1:92" outlineLevel="1">
      <c r="A2490" s="52" t="s">
        <v>730</v>
      </c>
      <c r="B2490" s="53">
        <v>16652.086230876201</v>
      </c>
      <c r="C2490" s="53">
        <v>16652.086471408598</v>
      </c>
      <c r="D2490" s="53">
        <v>16652.086713286699</v>
      </c>
      <c r="E2490" s="53">
        <v>16652.0869565217</v>
      </c>
      <c r="F2490" s="53">
        <v>16652.087201125101</v>
      </c>
      <c r="G2490" s="53">
        <v>16652.087447108599</v>
      </c>
      <c r="H2490" s="53">
        <v>16652.0848656294</v>
      </c>
      <c r="I2490" s="53">
        <v>16652.0851063829</v>
      </c>
      <c r="J2490" s="53">
        <v>16652.0853485064</v>
      </c>
      <c r="K2490" s="53">
        <v>16652.085592011401</v>
      </c>
      <c r="L2490" s="53">
        <v>16652.085836909799</v>
      </c>
      <c r="M2490" s="53">
        <v>16652.0860832137</v>
      </c>
      <c r="N2490" s="53">
        <v>199825.03385298001</v>
      </c>
      <c r="O2490" s="53">
        <v>16652.086330935199</v>
      </c>
      <c r="P2490" s="53">
        <v>16652.086330935199</v>
      </c>
      <c r="Q2490" s="53">
        <v>16652.086330935199</v>
      </c>
      <c r="R2490" s="53">
        <v>16652.086330935199</v>
      </c>
      <c r="S2490" s="53">
        <v>16652.086330935199</v>
      </c>
      <c r="T2490" s="53">
        <v>16652.086330935199</v>
      </c>
      <c r="U2490" s="53">
        <v>16652.086330935199</v>
      </c>
      <c r="V2490" s="53">
        <v>16652.086330935199</v>
      </c>
      <c r="W2490" s="53">
        <v>16652.086330935199</v>
      </c>
      <c r="X2490" s="53">
        <v>16652.086330935199</v>
      </c>
      <c r="Y2490" s="53">
        <v>16652.086330935199</v>
      </c>
      <c r="Z2490" s="53">
        <v>16652.086330935199</v>
      </c>
      <c r="AA2490" s="53">
        <v>199825.035971223</v>
      </c>
      <c r="AB2490" s="53">
        <v>16652.086330935199</v>
      </c>
      <c r="AC2490" s="53">
        <v>16652.086330935199</v>
      </c>
      <c r="AD2490" s="53">
        <v>16652.086330935199</v>
      </c>
      <c r="AE2490" s="53">
        <v>16652.086330935199</v>
      </c>
      <c r="AF2490" s="53">
        <v>16652.086330935199</v>
      </c>
      <c r="AG2490" s="53">
        <v>16652.086330935199</v>
      </c>
      <c r="AH2490" s="53">
        <v>16652.086330935199</v>
      </c>
      <c r="AI2490" s="53">
        <v>16652.086330935199</v>
      </c>
      <c r="AJ2490" s="53">
        <v>16652.086330935199</v>
      </c>
      <c r="AK2490" s="53">
        <v>16652.086330935199</v>
      </c>
      <c r="AL2490" s="53">
        <v>16652.086330935199</v>
      </c>
      <c r="AM2490" s="53">
        <v>16652.086330935199</v>
      </c>
      <c r="AN2490" s="53">
        <v>199825.035971223</v>
      </c>
      <c r="AO2490" s="53">
        <v>16652.086330935199</v>
      </c>
      <c r="AP2490" s="53">
        <v>16652.086330935199</v>
      </c>
      <c r="AQ2490" s="53">
        <v>16652.086330935199</v>
      </c>
      <c r="AR2490" s="53">
        <v>16652.086330935199</v>
      </c>
      <c r="AS2490" s="53">
        <v>16652.086330935199</v>
      </c>
      <c r="AT2490" s="53">
        <v>16652.086330935199</v>
      </c>
      <c r="AU2490" s="53">
        <v>16652.086330935199</v>
      </c>
      <c r="AV2490" s="53">
        <v>16652.086330935199</v>
      </c>
      <c r="AW2490" s="53">
        <v>16652.086330935199</v>
      </c>
      <c r="AX2490" s="53">
        <v>16652.086330935199</v>
      </c>
      <c r="AY2490" s="53">
        <v>16652.086330935199</v>
      </c>
      <c r="AZ2490" s="53">
        <v>16652.086330935199</v>
      </c>
      <c r="BA2490" s="53">
        <v>199825.035971223</v>
      </c>
      <c r="BB2490" s="53">
        <v>16652.086330935199</v>
      </c>
      <c r="BC2490" s="53">
        <v>16652.086330935199</v>
      </c>
      <c r="BD2490" s="53">
        <v>16652.086330935199</v>
      </c>
      <c r="BE2490" s="53">
        <v>16652.086330935199</v>
      </c>
      <c r="BF2490" s="53">
        <v>16652.086330935199</v>
      </c>
      <c r="BG2490" s="53">
        <v>16652.086330935199</v>
      </c>
      <c r="BH2490" s="53">
        <v>16652.086330935199</v>
      </c>
      <c r="BI2490" s="53">
        <v>16652.086330935199</v>
      </c>
      <c r="BJ2490" s="53">
        <v>16652.086330935199</v>
      </c>
      <c r="BK2490" s="53">
        <v>16652.086330935199</v>
      </c>
      <c r="BL2490" s="53">
        <v>16652.086330935199</v>
      </c>
      <c r="BM2490" s="53">
        <v>16652.086330935199</v>
      </c>
      <c r="BN2490" s="53">
        <v>199825.035971223</v>
      </c>
      <c r="BO2490" s="53">
        <v>16652.086330935199</v>
      </c>
      <c r="BP2490" s="53">
        <v>16652.086330935199</v>
      </c>
      <c r="BQ2490" s="53">
        <v>16652.086330935199</v>
      </c>
      <c r="BR2490" s="53">
        <v>16652.086330935199</v>
      </c>
      <c r="BS2490" s="53">
        <v>16652.086330935199</v>
      </c>
      <c r="BT2490" s="53">
        <v>16652.086330935199</v>
      </c>
      <c r="BU2490" s="53">
        <v>16652.086330935199</v>
      </c>
      <c r="BV2490" s="53">
        <v>16652.086330935199</v>
      </c>
      <c r="BW2490" s="53">
        <v>16652.086330935199</v>
      </c>
      <c r="BX2490" s="53">
        <v>16652.086330935199</v>
      </c>
      <c r="BY2490" s="53">
        <v>16652.086330935199</v>
      </c>
      <c r="BZ2490" s="53">
        <v>16652.086330935199</v>
      </c>
      <c r="CA2490" s="53">
        <v>199825.035971223</v>
      </c>
      <c r="CB2490" s="53"/>
      <c r="CC2490" s="53"/>
      <c r="CD2490" s="53"/>
      <c r="CE2490" s="53"/>
      <c r="CF2490" s="53"/>
      <c r="CG2490" s="53">
        <v>-7499999.9999999898</v>
      </c>
      <c r="CH2490" s="53"/>
      <c r="CI2490" s="53"/>
      <c r="CJ2490" s="53"/>
      <c r="CK2490" s="53"/>
      <c r="CL2490" s="53"/>
      <c r="CM2490" s="53">
        <v>-7499999.9999999898</v>
      </c>
      <c r="CN2490" s="53">
        <v>-14999999.999999899</v>
      </c>
    </row>
    <row r="2491" spans="1:92" outlineLevel="1">
      <c r="A2491" s="52" t="s">
        <v>1565</v>
      </c>
      <c r="B2491" s="53"/>
      <c r="C2491" s="53"/>
      <c r="D2491" s="53"/>
      <c r="E2491" s="53"/>
      <c r="F2491" s="53"/>
      <c r="G2491" s="53"/>
      <c r="H2491" s="53"/>
      <c r="I2491" s="53"/>
      <c r="J2491" s="53"/>
      <c r="K2491" s="53"/>
      <c r="L2491" s="53">
        <v>7791.4932963476604</v>
      </c>
      <c r="M2491" s="53">
        <v>11698.0778859527</v>
      </c>
      <c r="N2491" s="53">
        <v>19489.5711823003</v>
      </c>
      <c r="O2491" s="53">
        <v>11698.0753138075</v>
      </c>
      <c r="P2491" s="53">
        <v>11698.0753138075</v>
      </c>
      <c r="Q2491" s="53">
        <v>11698.0753138075</v>
      </c>
      <c r="R2491" s="53">
        <v>11698.0753138075</v>
      </c>
      <c r="S2491" s="53">
        <v>11698.0753138075</v>
      </c>
      <c r="T2491" s="53">
        <v>11698.0753138075</v>
      </c>
      <c r="U2491" s="53">
        <v>11698.0753138075</v>
      </c>
      <c r="V2491" s="53">
        <v>11698.0753138075</v>
      </c>
      <c r="W2491" s="53">
        <v>11698.0753138075</v>
      </c>
      <c r="X2491" s="53">
        <v>11698.0753138075</v>
      </c>
      <c r="Y2491" s="53">
        <v>11698.0753138075</v>
      </c>
      <c r="Z2491" s="53">
        <v>11698.0753138075</v>
      </c>
      <c r="AA2491" s="53">
        <v>140376.90376568999</v>
      </c>
      <c r="AB2491" s="53">
        <v>11698.0753138075</v>
      </c>
      <c r="AC2491" s="53">
        <v>11698.0753138075</v>
      </c>
      <c r="AD2491" s="53">
        <v>11698.0753138075</v>
      </c>
      <c r="AE2491" s="53">
        <v>11698.0753138075</v>
      </c>
      <c r="AF2491" s="53">
        <v>11698.0753138075</v>
      </c>
      <c r="AG2491" s="53">
        <v>11698.0753138075</v>
      </c>
      <c r="AH2491" s="53">
        <v>11698.0753138075</v>
      </c>
      <c r="AI2491" s="53">
        <v>11698.0753138075</v>
      </c>
      <c r="AJ2491" s="53">
        <v>11698.0753138075</v>
      </c>
      <c r="AK2491" s="53">
        <v>11698.0753138075</v>
      </c>
      <c r="AL2491" s="53">
        <v>11698.0753138075</v>
      </c>
      <c r="AM2491" s="53">
        <v>11698.0753138075</v>
      </c>
      <c r="AN2491" s="53">
        <v>140376.90376568999</v>
      </c>
      <c r="AO2491" s="53">
        <v>11698.0753138075</v>
      </c>
      <c r="AP2491" s="53">
        <v>11698.0753138075</v>
      </c>
      <c r="AQ2491" s="53">
        <v>11698.0753138075</v>
      </c>
      <c r="AR2491" s="53">
        <v>11698.0753138075</v>
      </c>
      <c r="AS2491" s="53">
        <v>11698.0753138075</v>
      </c>
      <c r="AT2491" s="53">
        <v>11698.0753138075</v>
      </c>
      <c r="AU2491" s="53">
        <v>11698.0753138075</v>
      </c>
      <c r="AV2491" s="53">
        <v>11698.0753138075</v>
      </c>
      <c r="AW2491" s="53">
        <v>11698.0753138075</v>
      </c>
      <c r="AX2491" s="53">
        <v>11698.0753138075</v>
      </c>
      <c r="AY2491" s="53">
        <v>11698.0753138075</v>
      </c>
      <c r="AZ2491" s="53">
        <v>11698.0753138075</v>
      </c>
      <c r="BA2491" s="53">
        <v>140376.90376568999</v>
      </c>
      <c r="BB2491" s="53">
        <v>11698.0753138075</v>
      </c>
      <c r="BC2491" s="53">
        <v>11698.0753138075</v>
      </c>
      <c r="BD2491" s="53">
        <v>11698.0753138075</v>
      </c>
      <c r="BE2491" s="53">
        <v>11698.0753138075</v>
      </c>
      <c r="BF2491" s="53">
        <v>11698.0753138075</v>
      </c>
      <c r="BG2491" s="53">
        <v>11698.0753138075</v>
      </c>
      <c r="BH2491" s="53">
        <v>11698.0753138075</v>
      </c>
      <c r="BI2491" s="53">
        <v>11698.0753138075</v>
      </c>
      <c r="BJ2491" s="53">
        <v>11698.0753138075</v>
      </c>
      <c r="BK2491" s="53">
        <v>11698.0753138075</v>
      </c>
      <c r="BL2491" s="53">
        <v>11698.0753138075</v>
      </c>
      <c r="BM2491" s="53">
        <v>11698.0753138075</v>
      </c>
      <c r="BN2491" s="53">
        <v>140376.90376568999</v>
      </c>
      <c r="BO2491" s="53">
        <v>11698.0753138075</v>
      </c>
      <c r="BP2491" s="53">
        <v>11698.0753138075</v>
      </c>
      <c r="BQ2491" s="53">
        <v>11698.0753138075</v>
      </c>
      <c r="BR2491" s="53">
        <v>11698.0753138075</v>
      </c>
      <c r="BS2491" s="53">
        <v>11698.0753138075</v>
      </c>
      <c r="BT2491" s="53">
        <v>11698.0753138075</v>
      </c>
      <c r="BU2491" s="53">
        <v>11698.0753138075</v>
      </c>
      <c r="BV2491" s="53">
        <v>11698.0753138075</v>
      </c>
      <c r="BW2491" s="53">
        <v>11698.0753138075</v>
      </c>
      <c r="BX2491" s="53">
        <v>11698.0753138075</v>
      </c>
      <c r="BY2491" s="53">
        <v>11698.0753138075</v>
      </c>
      <c r="BZ2491" s="53">
        <v>11698.0753138075</v>
      </c>
      <c r="CA2491" s="53">
        <v>140376.90376568999</v>
      </c>
      <c r="CB2491" s="53"/>
      <c r="CC2491" s="53"/>
      <c r="CD2491" s="53"/>
      <c r="CE2491" s="53"/>
      <c r="CF2491" s="53"/>
      <c r="CG2491" s="53"/>
      <c r="CH2491" s="53"/>
      <c r="CI2491" s="53"/>
      <c r="CJ2491" s="53"/>
      <c r="CK2491" s="53"/>
      <c r="CL2491" s="53"/>
      <c r="CM2491" s="53"/>
      <c r="CN2491" s="53"/>
    </row>
    <row r="2492" spans="1:92" outlineLevel="1">
      <c r="A2492" s="52" t="s">
        <v>732</v>
      </c>
      <c r="B2492" s="53"/>
      <c r="C2492" s="53"/>
      <c r="D2492" s="53"/>
      <c r="E2492" s="53"/>
      <c r="F2492" s="53"/>
      <c r="G2492" s="53"/>
      <c r="H2492" s="53"/>
      <c r="I2492" s="53"/>
      <c r="J2492" s="53"/>
      <c r="K2492" s="53"/>
      <c r="L2492" s="53"/>
      <c r="M2492" s="53"/>
      <c r="N2492" s="53"/>
      <c r="O2492" s="53"/>
      <c r="P2492" s="53"/>
      <c r="Q2492" s="53"/>
      <c r="R2492" s="53"/>
      <c r="S2492" s="53"/>
      <c r="T2492" s="53"/>
      <c r="U2492" s="53"/>
      <c r="V2492" s="53"/>
      <c r="W2492" s="53"/>
      <c r="X2492" s="53"/>
      <c r="Y2492" s="53"/>
      <c r="Z2492" s="53"/>
      <c r="AA2492" s="53"/>
      <c r="AB2492" s="53"/>
      <c r="AC2492" s="53"/>
      <c r="AD2492" s="53"/>
      <c r="AE2492" s="53"/>
      <c r="AF2492" s="53"/>
      <c r="AG2492" s="53"/>
      <c r="AH2492" s="53"/>
      <c r="AI2492" s="53"/>
      <c r="AJ2492" s="53"/>
      <c r="AK2492" s="53"/>
      <c r="AL2492" s="53"/>
      <c r="AM2492" s="53"/>
      <c r="AN2492" s="53"/>
      <c r="AO2492" s="53"/>
      <c r="AP2492" s="53"/>
      <c r="AQ2492" s="53"/>
      <c r="AR2492" s="53"/>
      <c r="AS2492" s="53"/>
      <c r="AT2492" s="53"/>
      <c r="AU2492" s="53"/>
      <c r="AV2492" s="53"/>
      <c r="AW2492" s="53"/>
      <c r="AX2492" s="53"/>
      <c r="AY2492" s="53"/>
      <c r="AZ2492" s="53"/>
      <c r="BA2492" s="53"/>
      <c r="BB2492" s="53"/>
      <c r="BC2492" s="53"/>
      <c r="BD2492" s="53"/>
      <c r="BE2492" s="53"/>
      <c r="BF2492" s="53"/>
      <c r="BG2492" s="53"/>
      <c r="BH2492" s="53"/>
      <c r="BI2492" s="53"/>
      <c r="BJ2492" s="53"/>
      <c r="BK2492" s="53"/>
      <c r="BL2492" s="53"/>
      <c r="BM2492" s="53"/>
      <c r="BN2492" s="53"/>
      <c r="BO2492" s="53"/>
      <c r="BP2492" s="53"/>
      <c r="BQ2492" s="53"/>
      <c r="BR2492" s="53"/>
      <c r="BS2492" s="53"/>
      <c r="BT2492" s="53"/>
      <c r="BU2492" s="53"/>
      <c r="BV2492" s="53"/>
      <c r="BW2492" s="53"/>
      <c r="BX2492" s="53"/>
      <c r="BY2492" s="53"/>
      <c r="BZ2492" s="53"/>
      <c r="CA2492" s="53"/>
      <c r="CB2492" s="53">
        <v>-15351.5205479452</v>
      </c>
      <c r="CC2492" s="53">
        <v>-15351.5205479452</v>
      </c>
      <c r="CD2492" s="53">
        <v>-15351.5205479452</v>
      </c>
      <c r="CE2492" s="53">
        <v>-15351.5205479452</v>
      </c>
      <c r="CF2492" s="53">
        <v>-15351.5205479452</v>
      </c>
      <c r="CG2492" s="53">
        <v>-15351.5205479452</v>
      </c>
      <c r="CH2492" s="53">
        <v>-15351.5205479452</v>
      </c>
      <c r="CI2492" s="53">
        <v>-15351.5205479452</v>
      </c>
      <c r="CJ2492" s="53">
        <v>-15351.5205479452</v>
      </c>
      <c r="CK2492" s="53">
        <v>-15351.5205479452</v>
      </c>
      <c r="CL2492" s="53">
        <v>-15351.5205479452</v>
      </c>
      <c r="CM2492" s="53">
        <v>-15351.5205479452</v>
      </c>
      <c r="CN2492" s="53">
        <v>-184218.246575342</v>
      </c>
    </row>
    <row r="2493" spans="1:92" outlineLevel="1">
      <c r="A2493" s="52" t="s">
        <v>711</v>
      </c>
      <c r="B2493" s="53">
        <v>1213.9315068493099</v>
      </c>
      <c r="C2493" s="53">
        <v>1213.93055555555</v>
      </c>
      <c r="D2493" s="53">
        <v>1213.9295774647801</v>
      </c>
      <c r="E2493" s="53">
        <v>1213.92857142857</v>
      </c>
      <c r="F2493" s="53">
        <v>1213.9275362318799</v>
      </c>
      <c r="G2493" s="53">
        <v>1213.9264705882299</v>
      </c>
      <c r="H2493" s="53">
        <v>1213.9253731343199</v>
      </c>
      <c r="I2493" s="53">
        <v>1213.92424242424</v>
      </c>
      <c r="J2493" s="53">
        <v>1213.9384615384599</v>
      </c>
      <c r="K2493" s="53">
        <v>1213.9375</v>
      </c>
      <c r="L2493" s="53">
        <v>1213.9365079365</v>
      </c>
      <c r="M2493" s="53">
        <v>1213.9354838709601</v>
      </c>
      <c r="N2493" s="53">
        <v>14567.1717870228</v>
      </c>
      <c r="O2493" s="53">
        <v>1213.9344262295001</v>
      </c>
      <c r="P2493" s="53">
        <v>1213.9344262295001</v>
      </c>
      <c r="Q2493" s="53">
        <v>1213.9344262295001</v>
      </c>
      <c r="R2493" s="53">
        <v>1213.9344262295001</v>
      </c>
      <c r="S2493" s="53">
        <v>1213.9344262295001</v>
      </c>
      <c r="T2493" s="53">
        <v>1213.9344262295001</v>
      </c>
      <c r="U2493" s="53">
        <v>1213.9344262295001</v>
      </c>
      <c r="V2493" s="53">
        <v>1213.9344262295001</v>
      </c>
      <c r="W2493" s="53">
        <v>1213.9344262295001</v>
      </c>
      <c r="X2493" s="53">
        <v>1213.9344262295001</v>
      </c>
      <c r="Y2493" s="53">
        <v>1213.9344262295001</v>
      </c>
      <c r="Z2493" s="53">
        <v>1213.9344262295001</v>
      </c>
      <c r="AA2493" s="53">
        <v>14567.213114754</v>
      </c>
      <c r="AB2493" s="53">
        <v>1213.9344262295001</v>
      </c>
      <c r="AC2493" s="53">
        <v>1213.9344262295001</v>
      </c>
      <c r="AD2493" s="53">
        <v>1213.9344262295001</v>
      </c>
      <c r="AE2493" s="53">
        <v>1213.9344262295001</v>
      </c>
      <c r="AF2493" s="53">
        <v>1213.9344262295001</v>
      </c>
      <c r="AG2493" s="53">
        <v>1213.9344262295001</v>
      </c>
      <c r="AH2493" s="53">
        <v>1213.9344262295001</v>
      </c>
      <c r="AI2493" s="53">
        <v>1213.9344262295001</v>
      </c>
      <c r="AJ2493" s="53">
        <v>1213.9344262295001</v>
      </c>
      <c r="AK2493" s="53">
        <v>1213.9344262295001</v>
      </c>
      <c r="AL2493" s="53">
        <v>1213.9344262295001</v>
      </c>
      <c r="AM2493" s="53">
        <v>1213.9344262295001</v>
      </c>
      <c r="AN2493" s="53">
        <v>14567.213114754</v>
      </c>
      <c r="AO2493" s="53">
        <v>1213.9344262295001</v>
      </c>
      <c r="AP2493" s="53">
        <v>1213.9344262295001</v>
      </c>
      <c r="AQ2493" s="53">
        <v>1213.9344262295001</v>
      </c>
      <c r="AR2493" s="53">
        <v>1213.9344262295001</v>
      </c>
      <c r="AS2493" s="53">
        <v>1213.9344262295001</v>
      </c>
      <c r="AT2493" s="53">
        <v>1213.9344262295001</v>
      </c>
      <c r="AU2493" s="53">
        <v>1213.9344262295001</v>
      </c>
      <c r="AV2493" s="53">
        <v>1213.9344262295001</v>
      </c>
      <c r="AW2493" s="53">
        <v>1213.9344262295001</v>
      </c>
      <c r="AX2493" s="53">
        <v>1213.9344262295001</v>
      </c>
      <c r="AY2493" s="53">
        <v>1213.9344262295001</v>
      </c>
      <c r="AZ2493" s="53">
        <v>1213.9344262295001</v>
      </c>
      <c r="BA2493" s="53">
        <v>14567.213114754</v>
      </c>
      <c r="BB2493" s="53">
        <v>1213.9344262295001</v>
      </c>
      <c r="BC2493" s="53">
        <v>1213.9344262295001</v>
      </c>
      <c r="BD2493" s="53">
        <v>1213.9344262295001</v>
      </c>
      <c r="BE2493" s="53">
        <v>1213.9344262295001</v>
      </c>
      <c r="BF2493" s="53">
        <v>1213.9344262295001</v>
      </c>
      <c r="BG2493" s="53">
        <v>1213.9344262295001</v>
      </c>
      <c r="BH2493" s="53">
        <v>1213.9344262295001</v>
      </c>
      <c r="BI2493" s="53">
        <v>1213.9344262295001</v>
      </c>
      <c r="BJ2493" s="53">
        <v>1213.9344262295001</v>
      </c>
      <c r="BK2493" s="53">
        <v>1213.9344262295001</v>
      </c>
      <c r="BL2493" s="53">
        <v>1213.9344262295001</v>
      </c>
      <c r="BM2493" s="53">
        <v>1213.9344262295001</v>
      </c>
      <c r="BN2493" s="53">
        <v>14567.213114754</v>
      </c>
      <c r="BO2493" s="53">
        <v>1213.9344262295001</v>
      </c>
      <c r="BP2493" s="53">
        <v>1213.9344262295001</v>
      </c>
      <c r="BQ2493" s="53">
        <v>1213.9344262295001</v>
      </c>
      <c r="BR2493" s="53">
        <v>1213.9344262295001</v>
      </c>
      <c r="BS2493" s="53">
        <v>1213.9344262295001</v>
      </c>
      <c r="BT2493" s="53">
        <v>1213.9344262295001</v>
      </c>
      <c r="BU2493" s="53">
        <v>1213.9344262295001</v>
      </c>
      <c r="BV2493" s="53">
        <v>1213.9344262295001</v>
      </c>
      <c r="BW2493" s="53">
        <v>1213.9344262295001</v>
      </c>
      <c r="BX2493" s="53">
        <v>1213.9344262295001</v>
      </c>
      <c r="BY2493" s="53">
        <v>1213.9344262295001</v>
      </c>
      <c r="BZ2493" s="53">
        <v>1213.9344262295001</v>
      </c>
      <c r="CA2493" s="53">
        <v>14567.2131147541</v>
      </c>
      <c r="CB2493" s="53">
        <v>-8310.1044776119197</v>
      </c>
      <c r="CC2493" s="53">
        <v>-8310.1044776119197</v>
      </c>
      <c r="CD2493" s="53">
        <v>-8310.1044776119197</v>
      </c>
      <c r="CE2493" s="53">
        <v>-8310.1044776119197</v>
      </c>
      <c r="CF2493" s="53">
        <v>-8310.1044776119197</v>
      </c>
      <c r="CG2493" s="53">
        <v>-8310.1044776119197</v>
      </c>
      <c r="CH2493" s="53">
        <v>-8310.1044776119197</v>
      </c>
      <c r="CI2493" s="53">
        <v>-8310.1044776119197</v>
      </c>
      <c r="CJ2493" s="53">
        <v>-8310.1044776119197</v>
      </c>
      <c r="CK2493" s="53">
        <v>-8310.1044776119197</v>
      </c>
      <c r="CL2493" s="53">
        <v>-8310.1044776119197</v>
      </c>
      <c r="CM2493" s="53">
        <v>-8310.1044776119197</v>
      </c>
      <c r="CN2493" s="53">
        <v>-99721.253731343095</v>
      </c>
    </row>
    <row r="2494" spans="1:92" outlineLevel="1">
      <c r="A2494" s="52" t="s">
        <v>712</v>
      </c>
      <c r="B2494" s="53">
        <v>1583.15671641791</v>
      </c>
      <c r="C2494" s="53">
        <v>1583.15789473684</v>
      </c>
      <c r="D2494" s="53">
        <v>1583.1590909090901</v>
      </c>
      <c r="E2494" s="53">
        <v>1583.1603053435099</v>
      </c>
      <c r="F2494" s="53">
        <v>1583.15384615384</v>
      </c>
      <c r="G2494" s="53">
        <v>1583.1550387596899</v>
      </c>
      <c r="H2494" s="53">
        <v>1583.15625</v>
      </c>
      <c r="I2494" s="53">
        <v>1583.1574803149599</v>
      </c>
      <c r="J2494" s="53">
        <v>1583.1587301587299</v>
      </c>
      <c r="K2494" s="53">
        <v>1583.16</v>
      </c>
      <c r="L2494" s="53">
        <v>1583.1532258064501</v>
      </c>
      <c r="M2494" s="53">
        <v>1583.1544715447101</v>
      </c>
      <c r="N2494" s="53">
        <v>18997.883050145701</v>
      </c>
      <c r="O2494" s="53">
        <v>1583.1557377049101</v>
      </c>
      <c r="P2494" s="53">
        <v>1583.1557377049101</v>
      </c>
      <c r="Q2494" s="53">
        <v>1583.1557377049101</v>
      </c>
      <c r="R2494" s="53">
        <v>1583.1557377049101</v>
      </c>
      <c r="S2494" s="53">
        <v>1583.1557377049101</v>
      </c>
      <c r="T2494" s="53">
        <v>1583.1557377049101</v>
      </c>
      <c r="U2494" s="53">
        <v>1583.1557377049101</v>
      </c>
      <c r="V2494" s="53">
        <v>1583.1557377049101</v>
      </c>
      <c r="W2494" s="53">
        <v>1583.1557377049101</v>
      </c>
      <c r="X2494" s="53">
        <v>1583.1557377049101</v>
      </c>
      <c r="Y2494" s="53">
        <v>1583.1557377049101</v>
      </c>
      <c r="Z2494" s="53">
        <v>1583.1557377049101</v>
      </c>
      <c r="AA2494" s="53">
        <v>18997.868852459</v>
      </c>
      <c r="AB2494" s="53">
        <v>1583.1557377049101</v>
      </c>
      <c r="AC2494" s="53">
        <v>1583.1557377049101</v>
      </c>
      <c r="AD2494" s="53">
        <v>1583.1557377049101</v>
      </c>
      <c r="AE2494" s="53">
        <v>1583.1557377049101</v>
      </c>
      <c r="AF2494" s="53">
        <v>1583.1557377049101</v>
      </c>
      <c r="AG2494" s="53">
        <v>1583.1557377049101</v>
      </c>
      <c r="AH2494" s="53">
        <v>1583.1557377049101</v>
      </c>
      <c r="AI2494" s="53">
        <v>1583.1557377049101</v>
      </c>
      <c r="AJ2494" s="53">
        <v>1583.1557377049101</v>
      </c>
      <c r="AK2494" s="53">
        <v>1583.1557377049101</v>
      </c>
      <c r="AL2494" s="53">
        <v>1583.1557377049101</v>
      </c>
      <c r="AM2494" s="53">
        <v>1583.1557377049101</v>
      </c>
      <c r="AN2494" s="53">
        <v>18997.868852459</v>
      </c>
      <c r="AO2494" s="53">
        <v>1583.1557377049101</v>
      </c>
      <c r="AP2494" s="53">
        <v>1583.1557377049101</v>
      </c>
      <c r="AQ2494" s="53">
        <v>1583.1557377049101</v>
      </c>
      <c r="AR2494" s="53">
        <v>1583.1557377049101</v>
      </c>
      <c r="AS2494" s="53">
        <v>1583.1557377049101</v>
      </c>
      <c r="AT2494" s="53">
        <v>1583.1557377049101</v>
      </c>
      <c r="AU2494" s="53">
        <v>1583.1557377049101</v>
      </c>
      <c r="AV2494" s="53">
        <v>1583.1557377049101</v>
      </c>
      <c r="AW2494" s="53">
        <v>1583.1557377049101</v>
      </c>
      <c r="AX2494" s="53">
        <v>1583.1557377049101</v>
      </c>
      <c r="AY2494" s="53">
        <v>1583.1557377049101</v>
      </c>
      <c r="AZ2494" s="53">
        <v>1583.1557377049101</v>
      </c>
      <c r="BA2494" s="53">
        <v>18997.868852459</v>
      </c>
      <c r="BB2494" s="53">
        <v>1583.1557377049101</v>
      </c>
      <c r="BC2494" s="53">
        <v>1583.1557377049201</v>
      </c>
      <c r="BD2494" s="53">
        <v>1583.1557377049201</v>
      </c>
      <c r="BE2494" s="53">
        <v>1583.1557377049201</v>
      </c>
      <c r="BF2494" s="53">
        <v>1583.1557377049201</v>
      </c>
      <c r="BG2494" s="53">
        <v>1583.1557377049201</v>
      </c>
      <c r="BH2494" s="53">
        <v>1583.1557377049201</v>
      </c>
      <c r="BI2494" s="53">
        <v>1583.1557377049201</v>
      </c>
      <c r="BJ2494" s="53">
        <v>1583.1557377049201</v>
      </c>
      <c r="BK2494" s="53">
        <v>1583.1557377049201</v>
      </c>
      <c r="BL2494" s="53">
        <v>1583.1557377049201</v>
      </c>
      <c r="BM2494" s="53">
        <v>1583.1557377049201</v>
      </c>
      <c r="BN2494" s="53">
        <v>18997.868852459</v>
      </c>
      <c r="BO2494" s="53">
        <v>1583.1557377049201</v>
      </c>
      <c r="BP2494" s="53">
        <v>1583.1557377049201</v>
      </c>
      <c r="BQ2494" s="53">
        <v>1583.1557377049201</v>
      </c>
      <c r="BR2494" s="53">
        <v>1583.1557377049201</v>
      </c>
      <c r="BS2494" s="53">
        <v>1583.1557377049201</v>
      </c>
      <c r="BT2494" s="53">
        <v>1583.1557377049201</v>
      </c>
      <c r="BU2494" s="53">
        <v>1583.1557377049201</v>
      </c>
      <c r="BV2494" s="53">
        <v>1583.1557377049201</v>
      </c>
      <c r="BW2494" s="53">
        <v>1583.1557377049201</v>
      </c>
      <c r="BX2494" s="53">
        <v>1583.1557377049201</v>
      </c>
      <c r="BY2494" s="53">
        <v>1583.1557377049201</v>
      </c>
      <c r="BZ2494" s="53">
        <v>1583.1557377049201</v>
      </c>
      <c r="CA2494" s="53">
        <v>18997.868852459</v>
      </c>
      <c r="CB2494" s="53">
        <v>-18632.710875331501</v>
      </c>
      <c r="CC2494" s="53">
        <v>-18632.710875331501</v>
      </c>
      <c r="CD2494" s="53">
        <v>-18632.710875331501</v>
      </c>
      <c r="CE2494" s="53">
        <v>-18632.710875331501</v>
      </c>
      <c r="CF2494" s="53">
        <v>-18632.710875331501</v>
      </c>
      <c r="CG2494" s="53">
        <v>-18632.710875331501</v>
      </c>
      <c r="CH2494" s="53">
        <v>-18632.710875331501</v>
      </c>
      <c r="CI2494" s="53">
        <v>-18632.710875331501</v>
      </c>
      <c r="CJ2494" s="53">
        <v>-18632.710875331501</v>
      </c>
      <c r="CK2494" s="53">
        <v>-18632.710875331501</v>
      </c>
      <c r="CL2494" s="53">
        <v>-18632.710875331501</v>
      </c>
      <c r="CM2494" s="53">
        <v>-18632.710875331501</v>
      </c>
      <c r="CN2494" s="53">
        <v>-223592.53050397799</v>
      </c>
    </row>
    <row r="2495" spans="1:92" outlineLevel="1">
      <c r="A2495" s="52" t="s">
        <v>713</v>
      </c>
      <c r="B2495" s="53">
        <v>1833.3899204244001</v>
      </c>
      <c r="C2495" s="53">
        <v>1833.3920000000001</v>
      </c>
      <c r="D2495" s="53">
        <v>1833.3887399463799</v>
      </c>
      <c r="E2495" s="53">
        <v>1833.3908355795099</v>
      </c>
      <c r="F2495" s="53">
        <v>1833.3875338753301</v>
      </c>
      <c r="G2495" s="53">
        <v>1833.38964577656</v>
      </c>
      <c r="H2495" s="53">
        <v>1833.3917808219101</v>
      </c>
      <c r="I2495" s="53">
        <v>1833.3884297520599</v>
      </c>
      <c r="J2495" s="53">
        <v>1833.39058171745</v>
      </c>
      <c r="K2495" s="53">
        <v>1833.3871866295201</v>
      </c>
      <c r="L2495" s="53">
        <v>1833.38935574229</v>
      </c>
      <c r="M2495" s="53">
        <v>1833.3915492957699</v>
      </c>
      <c r="N2495" s="53">
        <v>22000.677559561202</v>
      </c>
      <c r="O2495" s="53">
        <v>1833.3881019830001</v>
      </c>
      <c r="P2495" s="53">
        <v>1833.3881019830001</v>
      </c>
      <c r="Q2495" s="53">
        <v>1833.3881019830001</v>
      </c>
      <c r="R2495" s="53">
        <v>1833.3881019830001</v>
      </c>
      <c r="S2495" s="53">
        <v>1833.3881019830001</v>
      </c>
      <c r="T2495" s="53">
        <v>1833.3881019830001</v>
      </c>
      <c r="U2495" s="53">
        <v>1833.3881019830001</v>
      </c>
      <c r="V2495" s="53">
        <v>1833.3881019830001</v>
      </c>
      <c r="W2495" s="53">
        <v>1833.3881019830001</v>
      </c>
      <c r="X2495" s="53">
        <v>1833.3881019830001</v>
      </c>
      <c r="Y2495" s="53">
        <v>1833.3881019830001</v>
      </c>
      <c r="Z2495" s="53">
        <v>1833.3881019830001</v>
      </c>
      <c r="AA2495" s="53">
        <v>22000.657223795999</v>
      </c>
      <c r="AB2495" s="53">
        <v>1833.3881019830001</v>
      </c>
      <c r="AC2495" s="53">
        <v>1833.3881019830001</v>
      </c>
      <c r="AD2495" s="53">
        <v>1833.3881019830001</v>
      </c>
      <c r="AE2495" s="53">
        <v>1833.3881019830001</v>
      </c>
      <c r="AF2495" s="53">
        <v>1833.3881019830001</v>
      </c>
      <c r="AG2495" s="53">
        <v>1833.3881019830001</v>
      </c>
      <c r="AH2495" s="53">
        <v>1833.3881019830001</v>
      </c>
      <c r="AI2495" s="53">
        <v>1833.3881019830001</v>
      </c>
      <c r="AJ2495" s="53">
        <v>1833.3881019830001</v>
      </c>
      <c r="AK2495" s="53">
        <v>1833.3881019830001</v>
      </c>
      <c r="AL2495" s="53">
        <v>1833.3881019830001</v>
      </c>
      <c r="AM2495" s="53">
        <v>1833.3881019830001</v>
      </c>
      <c r="AN2495" s="53">
        <v>22000.657223795999</v>
      </c>
      <c r="AO2495" s="53">
        <v>1833.3881019830001</v>
      </c>
      <c r="AP2495" s="53">
        <v>1833.3881019830001</v>
      </c>
      <c r="AQ2495" s="53">
        <v>1833.3881019830001</v>
      </c>
      <c r="AR2495" s="53">
        <v>1833.3881019830001</v>
      </c>
      <c r="AS2495" s="53">
        <v>1833.3881019829901</v>
      </c>
      <c r="AT2495" s="53">
        <v>1833.3881019829901</v>
      </c>
      <c r="AU2495" s="53">
        <v>1833.3881019829901</v>
      </c>
      <c r="AV2495" s="53">
        <v>1833.3881019829901</v>
      </c>
      <c r="AW2495" s="53">
        <v>1833.3881019829901</v>
      </c>
      <c r="AX2495" s="53">
        <v>1833.3881019829901</v>
      </c>
      <c r="AY2495" s="53">
        <v>1833.3881019829901</v>
      </c>
      <c r="AZ2495" s="53">
        <v>1833.3881019829901</v>
      </c>
      <c r="BA2495" s="53">
        <v>22000.657223795999</v>
      </c>
      <c r="BB2495" s="53">
        <v>1833.3881019829901</v>
      </c>
      <c r="BC2495" s="53">
        <v>1833.3881019829901</v>
      </c>
      <c r="BD2495" s="53">
        <v>1833.3881019829901</v>
      </c>
      <c r="BE2495" s="53">
        <v>1833.3881019829901</v>
      </c>
      <c r="BF2495" s="53">
        <v>1833.3881019829901</v>
      </c>
      <c r="BG2495" s="53">
        <v>1833.3881019829901</v>
      </c>
      <c r="BH2495" s="53">
        <v>1833.3881019829901</v>
      </c>
      <c r="BI2495" s="53">
        <v>1833.3881019829901</v>
      </c>
      <c r="BJ2495" s="53">
        <v>1833.3881019829901</v>
      </c>
      <c r="BK2495" s="53">
        <v>1833.3881019829901</v>
      </c>
      <c r="BL2495" s="53">
        <v>1833.3881019829901</v>
      </c>
      <c r="BM2495" s="53">
        <v>1833.3881019829901</v>
      </c>
      <c r="BN2495" s="53">
        <v>22000.657223795901</v>
      </c>
      <c r="BO2495" s="53">
        <v>1833.3881019829901</v>
      </c>
      <c r="BP2495" s="53">
        <v>1833.3881019829901</v>
      </c>
      <c r="BQ2495" s="53">
        <v>1833.3881019829901</v>
      </c>
      <c r="BR2495" s="53">
        <v>1833.3881019829901</v>
      </c>
      <c r="BS2495" s="53">
        <v>1833.3881019829901</v>
      </c>
      <c r="BT2495" s="53">
        <v>1833.3881019830001</v>
      </c>
      <c r="BU2495" s="53">
        <v>1833.3881019830001</v>
      </c>
      <c r="BV2495" s="53">
        <v>1833.3881019830001</v>
      </c>
      <c r="BW2495" s="53">
        <v>1833.3881019830001</v>
      </c>
      <c r="BX2495" s="53">
        <v>1833.3881019830001</v>
      </c>
      <c r="BY2495" s="53">
        <v>1833.3881019830001</v>
      </c>
      <c r="BZ2495" s="53">
        <v>1833.3881019830001</v>
      </c>
      <c r="CA2495" s="53">
        <v>22000.657223795999</v>
      </c>
      <c r="CB2495" s="53"/>
      <c r="CC2495" s="53"/>
      <c r="CD2495" s="53"/>
      <c r="CE2495" s="53"/>
      <c r="CF2495" s="53"/>
      <c r="CG2495" s="53"/>
      <c r="CH2495" s="53"/>
      <c r="CI2495" s="53"/>
      <c r="CJ2495" s="53"/>
      <c r="CK2495" s="53"/>
      <c r="CL2495" s="53"/>
      <c r="CM2495" s="53"/>
      <c r="CN2495" s="53"/>
    </row>
    <row r="2496" spans="1:92" outlineLevel="1">
      <c r="A2496" s="52" t="s">
        <v>716</v>
      </c>
      <c r="B2496" s="53">
        <v>11723.4531645569</v>
      </c>
      <c r="C2496" s="53">
        <v>11723.455470737899</v>
      </c>
      <c r="D2496" s="53">
        <v>11723.4526854219</v>
      </c>
      <c r="E2496" s="53">
        <v>11723.455012853399</v>
      </c>
      <c r="F2496" s="53">
        <v>11723.452196382401</v>
      </c>
      <c r="G2496" s="53">
        <v>11723.4545454545</v>
      </c>
      <c r="H2496" s="53">
        <v>11723.451697127901</v>
      </c>
      <c r="I2496" s="53">
        <v>11723.454068241401</v>
      </c>
      <c r="J2496" s="53">
        <v>11723.451187335</v>
      </c>
      <c r="K2496" s="53">
        <v>11723.4535809018</v>
      </c>
      <c r="L2496" s="53">
        <v>11723.4506666666</v>
      </c>
      <c r="M2496" s="53">
        <v>11723.4530831099</v>
      </c>
      <c r="N2496" s="53">
        <v>140681.43735878999</v>
      </c>
      <c r="O2496" s="53">
        <v>11723.4555256064</v>
      </c>
      <c r="P2496" s="53">
        <v>11723.4555256064</v>
      </c>
      <c r="Q2496" s="53">
        <v>11723.4555256064</v>
      </c>
      <c r="R2496" s="53">
        <v>11723.4555256064</v>
      </c>
      <c r="S2496" s="53">
        <v>11723.4555256064</v>
      </c>
      <c r="T2496" s="53">
        <v>11723.4555256064</v>
      </c>
      <c r="U2496" s="53">
        <v>11723.4555256064</v>
      </c>
      <c r="V2496" s="53">
        <v>11723.4555256064</v>
      </c>
      <c r="W2496" s="53">
        <v>11723.4555256064</v>
      </c>
      <c r="X2496" s="53">
        <v>11723.4555256064</v>
      </c>
      <c r="Y2496" s="53">
        <v>11723.4555256064</v>
      </c>
      <c r="Z2496" s="53">
        <v>11723.4555256064</v>
      </c>
      <c r="AA2496" s="53">
        <v>140681.46630727701</v>
      </c>
      <c r="AB2496" s="53">
        <v>11723.4555256064</v>
      </c>
      <c r="AC2496" s="53">
        <v>11723.4555256064</v>
      </c>
      <c r="AD2496" s="53">
        <v>11723.4555256064</v>
      </c>
      <c r="AE2496" s="53">
        <v>11723.4555256064</v>
      </c>
      <c r="AF2496" s="53">
        <v>11723.4555256064</v>
      </c>
      <c r="AG2496" s="53">
        <v>11723.4555256064</v>
      </c>
      <c r="AH2496" s="53">
        <v>11723.4555256064</v>
      </c>
      <c r="AI2496" s="53">
        <v>11723.4555256064</v>
      </c>
      <c r="AJ2496" s="53">
        <v>11723.4555256064</v>
      </c>
      <c r="AK2496" s="53">
        <v>11723.4555256064</v>
      </c>
      <c r="AL2496" s="53">
        <v>11723.4555256064</v>
      </c>
      <c r="AM2496" s="53">
        <v>11723.4555256064</v>
      </c>
      <c r="AN2496" s="53">
        <v>140681.46630727701</v>
      </c>
      <c r="AO2496" s="53">
        <v>11723.4555256064</v>
      </c>
      <c r="AP2496" s="53">
        <v>11723.4555256064</v>
      </c>
      <c r="AQ2496" s="53">
        <v>11723.4555256064</v>
      </c>
      <c r="AR2496" s="53">
        <v>11723.4555256064</v>
      </c>
      <c r="AS2496" s="53">
        <v>11723.4555256064</v>
      </c>
      <c r="AT2496" s="53">
        <v>11723.4555256064</v>
      </c>
      <c r="AU2496" s="53">
        <v>11723.4555256064</v>
      </c>
      <c r="AV2496" s="53">
        <v>11723.4555256064</v>
      </c>
      <c r="AW2496" s="53">
        <v>11723.4555256064</v>
      </c>
      <c r="AX2496" s="53">
        <v>11723.4555256064</v>
      </c>
      <c r="AY2496" s="53">
        <v>11723.4555256064</v>
      </c>
      <c r="AZ2496" s="53">
        <v>11723.4555256064</v>
      </c>
      <c r="BA2496" s="53">
        <v>140681.46630727701</v>
      </c>
      <c r="BB2496" s="53">
        <v>11723.4555256064</v>
      </c>
      <c r="BC2496" s="53">
        <v>11723.4555256064</v>
      </c>
      <c r="BD2496" s="53">
        <v>11723.4555256064</v>
      </c>
      <c r="BE2496" s="53">
        <v>11723.4555256064</v>
      </c>
      <c r="BF2496" s="53">
        <v>11723.4555256064</v>
      </c>
      <c r="BG2496" s="53">
        <v>11723.4555256064</v>
      </c>
      <c r="BH2496" s="53">
        <v>11723.4555256064</v>
      </c>
      <c r="BI2496" s="53">
        <v>11723.4555256064</v>
      </c>
      <c r="BJ2496" s="53">
        <v>11723.4555256064</v>
      </c>
      <c r="BK2496" s="53">
        <v>11723.4555256064</v>
      </c>
      <c r="BL2496" s="53">
        <v>11723.4555256064</v>
      </c>
      <c r="BM2496" s="53">
        <v>11723.4555256064</v>
      </c>
      <c r="BN2496" s="53">
        <v>140681.46630727701</v>
      </c>
      <c r="BO2496" s="53">
        <v>11723.4555256064</v>
      </c>
      <c r="BP2496" s="53">
        <v>11723.4555256064</v>
      </c>
      <c r="BQ2496" s="53">
        <v>11723.4555256064</v>
      </c>
      <c r="BR2496" s="53">
        <v>11723.4555256064</v>
      </c>
      <c r="BS2496" s="53">
        <v>11723.4555256064</v>
      </c>
      <c r="BT2496" s="53">
        <v>11723.4555256064</v>
      </c>
      <c r="BU2496" s="53">
        <v>11723.4555256064</v>
      </c>
      <c r="BV2496" s="53">
        <v>11723.4555256064</v>
      </c>
      <c r="BW2496" s="53">
        <v>11723.4555256064</v>
      </c>
      <c r="BX2496" s="53">
        <v>11723.4555256064</v>
      </c>
      <c r="BY2496" s="53">
        <v>11723.4555256064</v>
      </c>
      <c r="BZ2496" s="53">
        <v>11723.4555256064</v>
      </c>
      <c r="CA2496" s="53">
        <v>140681.46630727701</v>
      </c>
      <c r="CB2496" s="53">
        <v>-36488.334177215103</v>
      </c>
      <c r="CC2496" s="53">
        <v>-36488.334177215103</v>
      </c>
      <c r="CD2496" s="53">
        <v>-36488.334177215103</v>
      </c>
      <c r="CE2496" s="53">
        <v>-36488.334177215103</v>
      </c>
      <c r="CF2496" s="53">
        <v>-36488.334177215103</v>
      </c>
      <c r="CG2496" s="53">
        <v>-36488.334177215103</v>
      </c>
      <c r="CH2496" s="53">
        <v>-36488.334177215103</v>
      </c>
      <c r="CI2496" s="53">
        <v>-36488.334177215103</v>
      </c>
      <c r="CJ2496" s="53">
        <v>-36488.334177215103</v>
      </c>
      <c r="CK2496" s="53">
        <v>-36488.334177215103</v>
      </c>
      <c r="CL2496" s="53">
        <v>-36488.334177215103</v>
      </c>
      <c r="CM2496" s="53">
        <v>-36488.334177215103</v>
      </c>
      <c r="CN2496" s="53">
        <v>-437860.010126582</v>
      </c>
    </row>
    <row r="2497" spans="1:92" outlineLevel="1">
      <c r="A2497" s="52" t="s">
        <v>717</v>
      </c>
      <c r="B2497" s="53">
        <v>4051.8264840182601</v>
      </c>
      <c r="C2497" s="53">
        <v>4051.8256880733902</v>
      </c>
      <c r="D2497" s="53">
        <v>4051.8248847926202</v>
      </c>
      <c r="E2497" s="53">
        <v>4051.8287037036998</v>
      </c>
      <c r="F2497" s="53">
        <v>4051.82790697674</v>
      </c>
      <c r="G2497" s="53">
        <v>4051.8271028037302</v>
      </c>
      <c r="H2497" s="53">
        <v>4051.8262910798098</v>
      </c>
      <c r="I2497" s="53">
        <v>4051.8254716981101</v>
      </c>
      <c r="J2497" s="53">
        <v>4051.8246445497598</v>
      </c>
      <c r="K2497" s="53">
        <v>4051.8285714285698</v>
      </c>
      <c r="L2497" s="53">
        <v>4051.8277511961701</v>
      </c>
      <c r="M2497" s="53">
        <v>4051.8269230769201</v>
      </c>
      <c r="N2497" s="53">
        <v>48621.920423397802</v>
      </c>
      <c r="O2497" s="53">
        <v>4051.8260869565202</v>
      </c>
      <c r="P2497" s="53">
        <v>4051.8260869565202</v>
      </c>
      <c r="Q2497" s="53">
        <v>4051.8260869565202</v>
      </c>
      <c r="R2497" s="53">
        <v>4051.8260869565202</v>
      </c>
      <c r="S2497" s="53">
        <v>4051.8260869565202</v>
      </c>
      <c r="T2497" s="53">
        <v>4051.8260869565202</v>
      </c>
      <c r="U2497" s="53">
        <v>4051.8260869565202</v>
      </c>
      <c r="V2497" s="53">
        <v>4051.8260869565202</v>
      </c>
      <c r="W2497" s="53">
        <v>4051.8260869565102</v>
      </c>
      <c r="X2497" s="53">
        <v>4051.8260869565102</v>
      </c>
      <c r="Y2497" s="53">
        <v>4051.8260869565102</v>
      </c>
      <c r="Z2497" s="53">
        <v>4051.8260869565102</v>
      </c>
      <c r="AA2497" s="53">
        <v>48621.913043478198</v>
      </c>
      <c r="AB2497" s="53">
        <v>4051.8260869565102</v>
      </c>
      <c r="AC2497" s="53">
        <v>4051.8260869565102</v>
      </c>
      <c r="AD2497" s="53">
        <v>4051.8260869565102</v>
      </c>
      <c r="AE2497" s="53">
        <v>4051.8260869565102</v>
      </c>
      <c r="AF2497" s="53">
        <v>4051.8260869565102</v>
      </c>
      <c r="AG2497" s="53">
        <v>4051.8260869565102</v>
      </c>
      <c r="AH2497" s="53">
        <v>4051.8260869565102</v>
      </c>
      <c r="AI2497" s="53">
        <v>4051.8260869565102</v>
      </c>
      <c r="AJ2497" s="53">
        <v>4051.8260869565102</v>
      </c>
      <c r="AK2497" s="53">
        <v>4051.8260869565102</v>
      </c>
      <c r="AL2497" s="53">
        <v>4051.8260869565102</v>
      </c>
      <c r="AM2497" s="53">
        <v>4051.8260869565102</v>
      </c>
      <c r="AN2497" s="53">
        <v>48621.913043478198</v>
      </c>
      <c r="AO2497" s="53">
        <v>4051.8260869565102</v>
      </c>
      <c r="AP2497" s="53">
        <v>4051.8260869565102</v>
      </c>
      <c r="AQ2497" s="53">
        <v>4051.8260869565102</v>
      </c>
      <c r="AR2497" s="53">
        <v>4051.8260869565102</v>
      </c>
      <c r="AS2497" s="53">
        <v>4051.8260869565102</v>
      </c>
      <c r="AT2497" s="53">
        <v>4051.8260869565102</v>
      </c>
      <c r="AU2497" s="53">
        <v>4051.8260869565102</v>
      </c>
      <c r="AV2497" s="53">
        <v>4051.8260869565102</v>
      </c>
      <c r="AW2497" s="53">
        <v>4051.8260869565102</v>
      </c>
      <c r="AX2497" s="53">
        <v>4051.8260869565102</v>
      </c>
      <c r="AY2497" s="53">
        <v>4051.8260869565102</v>
      </c>
      <c r="AZ2497" s="53">
        <v>4051.8260869565102</v>
      </c>
      <c r="BA2497" s="53">
        <v>48621.913043478096</v>
      </c>
      <c r="BB2497" s="53">
        <v>4051.8260869565102</v>
      </c>
      <c r="BC2497" s="53">
        <v>4051.8260869565102</v>
      </c>
      <c r="BD2497" s="53">
        <v>4051.8260869565102</v>
      </c>
      <c r="BE2497" s="53">
        <v>4051.8260869565102</v>
      </c>
      <c r="BF2497" s="53">
        <v>4051.8260869565102</v>
      </c>
      <c r="BG2497" s="53">
        <v>4051.8260869565102</v>
      </c>
      <c r="BH2497" s="53">
        <v>4051.8260869565001</v>
      </c>
      <c r="BI2497" s="53">
        <v>4051.8260869565001</v>
      </c>
      <c r="BJ2497" s="53">
        <v>4051.8260869565001</v>
      </c>
      <c r="BK2497" s="53">
        <v>4051.8260869565102</v>
      </c>
      <c r="BL2497" s="53">
        <v>4051.8260869565001</v>
      </c>
      <c r="BM2497" s="53">
        <v>4051.8260869565001</v>
      </c>
      <c r="BN2497" s="53">
        <v>48621.913043478096</v>
      </c>
      <c r="BO2497" s="53">
        <v>4051.8260869565102</v>
      </c>
      <c r="BP2497" s="53">
        <v>4051.8260869565001</v>
      </c>
      <c r="BQ2497" s="53">
        <v>4051.8260869565001</v>
      </c>
      <c r="BR2497" s="53">
        <v>4051.8260869565001</v>
      </c>
      <c r="BS2497" s="53">
        <v>4051.8260869565001</v>
      </c>
      <c r="BT2497" s="53">
        <v>4051.8260869565102</v>
      </c>
      <c r="BU2497" s="53">
        <v>4051.8260869565102</v>
      </c>
      <c r="BV2497" s="53">
        <v>4051.8260869565001</v>
      </c>
      <c r="BW2497" s="53">
        <v>4051.8260869565001</v>
      </c>
      <c r="BX2497" s="53">
        <v>4051.8260869565102</v>
      </c>
      <c r="BY2497" s="53">
        <v>4051.8260869565001</v>
      </c>
      <c r="BZ2497" s="53">
        <v>4051.8260869565001</v>
      </c>
      <c r="CA2497" s="53">
        <v>48621.913043478096</v>
      </c>
      <c r="CB2497" s="53">
        <v>-13019.146118721401</v>
      </c>
      <c r="CC2497" s="53">
        <v>-13019.146118721401</v>
      </c>
      <c r="CD2497" s="53">
        <v>-13019.146118721401</v>
      </c>
      <c r="CE2497" s="53">
        <v>-13019.146118721401</v>
      </c>
      <c r="CF2497" s="53">
        <v>-13019.146118721401</v>
      </c>
      <c r="CG2497" s="53">
        <v>-13019.146118721401</v>
      </c>
      <c r="CH2497" s="53">
        <v>-13019.146118721401</v>
      </c>
      <c r="CI2497" s="53">
        <v>-13019.146118721401</v>
      </c>
      <c r="CJ2497" s="53">
        <v>-13019.146118721401</v>
      </c>
      <c r="CK2497" s="53">
        <v>-13019.146118721401</v>
      </c>
      <c r="CL2497" s="53">
        <v>-13019.146118721401</v>
      </c>
      <c r="CM2497" s="53">
        <v>-13019.146118721401</v>
      </c>
      <c r="CN2497" s="53">
        <v>-156229.75342465701</v>
      </c>
    </row>
    <row r="2498" spans="1:92" outlineLevel="1">
      <c r="A2498" s="52" t="s">
        <v>718</v>
      </c>
      <c r="B2498" s="53">
        <v>3523.4091816367199</v>
      </c>
      <c r="C2498" s="53">
        <v>3523.4108216432801</v>
      </c>
      <c r="D2498" s="53">
        <v>3523.4084507042198</v>
      </c>
      <c r="E2498" s="53">
        <v>3523.4101010100999</v>
      </c>
      <c r="F2498" s="53">
        <v>3523.4077079107501</v>
      </c>
      <c r="G2498" s="53">
        <v>3523.4093686354299</v>
      </c>
      <c r="H2498" s="53">
        <v>3523.4110429447801</v>
      </c>
      <c r="I2498" s="53">
        <v>3523.40862422997</v>
      </c>
      <c r="J2498" s="53">
        <v>3523.4103092783498</v>
      </c>
      <c r="K2498" s="53">
        <v>3523.40786749482</v>
      </c>
      <c r="L2498" s="53">
        <v>3523.4095634095602</v>
      </c>
      <c r="M2498" s="53">
        <v>3523.4070981210798</v>
      </c>
      <c r="N2498" s="53">
        <v>42280.910137019098</v>
      </c>
      <c r="O2498" s="53">
        <v>3523.4088050314399</v>
      </c>
      <c r="P2498" s="53">
        <v>3523.4088050314399</v>
      </c>
      <c r="Q2498" s="53">
        <v>3523.4088050314399</v>
      </c>
      <c r="R2498" s="53">
        <v>3523.4088050314399</v>
      </c>
      <c r="S2498" s="53">
        <v>3523.4088050314399</v>
      </c>
      <c r="T2498" s="53">
        <v>3523.4088050314399</v>
      </c>
      <c r="U2498" s="53">
        <v>3523.4088050314399</v>
      </c>
      <c r="V2498" s="53">
        <v>3523.4088050314399</v>
      </c>
      <c r="W2498" s="53">
        <v>3523.4088050314399</v>
      </c>
      <c r="X2498" s="53">
        <v>3523.4088050314399</v>
      </c>
      <c r="Y2498" s="53">
        <v>3523.4088050314399</v>
      </c>
      <c r="Z2498" s="53">
        <v>3523.4088050314399</v>
      </c>
      <c r="AA2498" s="53">
        <v>42280.905660377299</v>
      </c>
      <c r="AB2498" s="53">
        <v>3523.4088050314399</v>
      </c>
      <c r="AC2498" s="53">
        <v>3523.4088050314399</v>
      </c>
      <c r="AD2498" s="53">
        <v>3523.4088050314399</v>
      </c>
      <c r="AE2498" s="53">
        <v>3523.4088050314399</v>
      </c>
      <c r="AF2498" s="53">
        <v>3523.4088050314399</v>
      </c>
      <c r="AG2498" s="53">
        <v>3523.4088050314399</v>
      </c>
      <c r="AH2498" s="53">
        <v>3523.4088050314499</v>
      </c>
      <c r="AI2498" s="53">
        <v>3523.4088050314399</v>
      </c>
      <c r="AJ2498" s="53">
        <v>3523.4088050314499</v>
      </c>
      <c r="AK2498" s="53">
        <v>3523.4088050314499</v>
      </c>
      <c r="AL2498" s="53">
        <v>3523.4088050314499</v>
      </c>
      <c r="AM2498" s="53">
        <v>3523.4088050314499</v>
      </c>
      <c r="AN2498" s="53">
        <v>42280.905660377401</v>
      </c>
      <c r="AO2498" s="53">
        <v>3523.4088050314499</v>
      </c>
      <c r="AP2498" s="53">
        <v>3523.4088050314499</v>
      </c>
      <c r="AQ2498" s="53">
        <v>3523.4088050314499</v>
      </c>
      <c r="AR2498" s="53">
        <v>3523.4088050314499</v>
      </c>
      <c r="AS2498" s="53">
        <v>3523.4088050314499</v>
      </c>
      <c r="AT2498" s="53">
        <v>3523.4088050314499</v>
      </c>
      <c r="AU2498" s="53">
        <v>3523.4088050314499</v>
      </c>
      <c r="AV2498" s="53">
        <v>3523.4088050314499</v>
      </c>
      <c r="AW2498" s="53">
        <v>3523.4088050314499</v>
      </c>
      <c r="AX2498" s="53">
        <v>3523.4088050314499</v>
      </c>
      <c r="AY2498" s="53">
        <v>3523.4088050314499</v>
      </c>
      <c r="AZ2498" s="53">
        <v>3523.4088050314499</v>
      </c>
      <c r="BA2498" s="53">
        <v>42280.905660377401</v>
      </c>
      <c r="BB2498" s="53">
        <v>3523.4088050314499</v>
      </c>
      <c r="BC2498" s="53">
        <v>3523.4088050314499</v>
      </c>
      <c r="BD2498" s="53">
        <v>3523.4088050314499</v>
      </c>
      <c r="BE2498" s="53">
        <v>3523.4088050314499</v>
      </c>
      <c r="BF2498" s="53">
        <v>3523.4088050314499</v>
      </c>
      <c r="BG2498" s="53">
        <v>3523.4088050314499</v>
      </c>
      <c r="BH2498" s="53">
        <v>3523.4088050314499</v>
      </c>
      <c r="BI2498" s="53">
        <v>3523.4088050314499</v>
      </c>
      <c r="BJ2498" s="53">
        <v>3523.4088050314499</v>
      </c>
      <c r="BK2498" s="53">
        <v>3523.4088050314499</v>
      </c>
      <c r="BL2498" s="53">
        <v>3523.4088050314499</v>
      </c>
      <c r="BM2498" s="53">
        <v>3523.4088050314499</v>
      </c>
      <c r="BN2498" s="53">
        <v>42280.905660377401</v>
      </c>
      <c r="BO2498" s="53">
        <v>3523.4088050314499</v>
      </c>
      <c r="BP2498" s="53">
        <v>3523.4088050314499</v>
      </c>
      <c r="BQ2498" s="53">
        <v>3523.4088050314499</v>
      </c>
      <c r="BR2498" s="53">
        <v>3523.4088050314499</v>
      </c>
      <c r="BS2498" s="53">
        <v>3523.4088050314499</v>
      </c>
      <c r="BT2498" s="53">
        <v>3523.4088050314499</v>
      </c>
      <c r="BU2498" s="53">
        <v>3523.4088050314499</v>
      </c>
      <c r="BV2498" s="53">
        <v>3523.4088050314499</v>
      </c>
      <c r="BW2498" s="53">
        <v>3523.4088050314499</v>
      </c>
      <c r="BX2498" s="53">
        <v>3523.4088050314499</v>
      </c>
      <c r="BY2498" s="53">
        <v>3523.4088050314499</v>
      </c>
      <c r="BZ2498" s="53">
        <v>3523.4088050314499</v>
      </c>
      <c r="CA2498" s="53">
        <v>42280.905660377401</v>
      </c>
      <c r="CB2498" s="53">
        <v>-13527.6846307385</v>
      </c>
      <c r="CC2498" s="53">
        <v>-13527.6846307385</v>
      </c>
      <c r="CD2498" s="53">
        <v>-13527.6846307385</v>
      </c>
      <c r="CE2498" s="53">
        <v>-13527.6846307385</v>
      </c>
      <c r="CF2498" s="53">
        <v>-13527.6846307385</v>
      </c>
      <c r="CG2498" s="53">
        <v>-13527.6846307385</v>
      </c>
      <c r="CH2498" s="53">
        <v>-13527.6846307385</v>
      </c>
      <c r="CI2498" s="53">
        <v>-13527.6846307385</v>
      </c>
      <c r="CJ2498" s="53">
        <v>-13527.6846307385</v>
      </c>
      <c r="CK2498" s="53">
        <v>-13527.6846307385</v>
      </c>
      <c r="CL2498" s="53">
        <v>-13527.6846307385</v>
      </c>
      <c r="CM2498" s="53">
        <v>-13527.6846307385</v>
      </c>
      <c r="CN2498" s="53">
        <v>-162332.21556886201</v>
      </c>
    </row>
    <row r="2499" spans="1:92" outlineLevel="1">
      <c r="A2499" s="52" t="s">
        <v>721</v>
      </c>
      <c r="B2499" s="53">
        <v>9347.6262626262596</v>
      </c>
      <c r="C2499" s="53">
        <v>9347.625</v>
      </c>
      <c r="D2499" s="53">
        <v>9347.6271186440608</v>
      </c>
      <c r="E2499" s="53">
        <v>9347.6258503401295</v>
      </c>
      <c r="F2499" s="53">
        <v>9347.6245733788401</v>
      </c>
      <c r="G2499" s="53">
        <v>9347.6267123287598</v>
      </c>
      <c r="H2499" s="53">
        <v>9347.6254295532599</v>
      </c>
      <c r="I2499" s="53">
        <v>9347.6275862068906</v>
      </c>
      <c r="J2499" s="53">
        <v>9347.62629757785</v>
      </c>
      <c r="K2499" s="53">
        <v>9347.6249999999909</v>
      </c>
      <c r="L2499" s="53">
        <v>9347.6271777003403</v>
      </c>
      <c r="M2499" s="53">
        <v>9347.6258741258698</v>
      </c>
      <c r="N2499" s="53">
        <v>112171.512882482</v>
      </c>
      <c r="O2499" s="53">
        <v>9347.6245614034997</v>
      </c>
      <c r="P2499" s="53">
        <v>9347.6245614034997</v>
      </c>
      <c r="Q2499" s="53">
        <v>9347.6245614035106</v>
      </c>
      <c r="R2499" s="53">
        <v>9347.6245614035106</v>
      </c>
      <c r="S2499" s="53">
        <v>9347.6245614035106</v>
      </c>
      <c r="T2499" s="53">
        <v>9347.6245614035106</v>
      </c>
      <c r="U2499" s="53">
        <v>9347.6245614035106</v>
      </c>
      <c r="V2499" s="53">
        <v>9347.6245614035106</v>
      </c>
      <c r="W2499" s="53">
        <v>9347.6245614035106</v>
      </c>
      <c r="X2499" s="53">
        <v>9347.6245614035106</v>
      </c>
      <c r="Y2499" s="53">
        <v>9347.6245614035106</v>
      </c>
      <c r="Z2499" s="53">
        <v>9347.6245614035106</v>
      </c>
      <c r="AA2499" s="53">
        <v>112171.494736842</v>
      </c>
      <c r="AB2499" s="53">
        <v>9347.6245614035106</v>
      </c>
      <c r="AC2499" s="53">
        <v>9347.6245614035106</v>
      </c>
      <c r="AD2499" s="53">
        <v>9347.6245614035106</v>
      </c>
      <c r="AE2499" s="53">
        <v>9347.6245614035197</v>
      </c>
      <c r="AF2499" s="53">
        <v>9347.6245614035197</v>
      </c>
      <c r="AG2499" s="53">
        <v>9347.6245614035197</v>
      </c>
      <c r="AH2499" s="53">
        <v>9347.6245614035197</v>
      </c>
      <c r="AI2499" s="53">
        <v>9347.6245614035197</v>
      </c>
      <c r="AJ2499" s="53">
        <v>9347.6245614035197</v>
      </c>
      <c r="AK2499" s="53">
        <v>9347.6245614035197</v>
      </c>
      <c r="AL2499" s="53">
        <v>9347.6245614035197</v>
      </c>
      <c r="AM2499" s="53">
        <v>9347.6245614035197</v>
      </c>
      <c r="AN2499" s="53">
        <v>112171.494736842</v>
      </c>
      <c r="AO2499" s="53">
        <v>9347.6245614035197</v>
      </c>
      <c r="AP2499" s="53">
        <v>9347.6245614035197</v>
      </c>
      <c r="AQ2499" s="53">
        <v>9347.6245614035197</v>
      </c>
      <c r="AR2499" s="53">
        <v>9347.6245614035197</v>
      </c>
      <c r="AS2499" s="53">
        <v>9347.6245614035197</v>
      </c>
      <c r="AT2499" s="53">
        <v>9347.6245614035197</v>
      </c>
      <c r="AU2499" s="53">
        <v>9347.6245614035197</v>
      </c>
      <c r="AV2499" s="53">
        <v>9347.6245614035197</v>
      </c>
      <c r="AW2499" s="53">
        <v>9347.6245614035197</v>
      </c>
      <c r="AX2499" s="53">
        <v>9347.6245614035197</v>
      </c>
      <c r="AY2499" s="53">
        <v>9347.6245614035306</v>
      </c>
      <c r="AZ2499" s="53">
        <v>9347.6245614035306</v>
      </c>
      <c r="BA2499" s="53">
        <v>112171.494736842</v>
      </c>
      <c r="BB2499" s="53">
        <v>9347.6245614035306</v>
      </c>
      <c r="BC2499" s="53">
        <v>9347.6245614035306</v>
      </c>
      <c r="BD2499" s="53">
        <v>9347.6245614035306</v>
      </c>
      <c r="BE2499" s="53">
        <v>9347.6245614035306</v>
      </c>
      <c r="BF2499" s="53">
        <v>9347.6245614035306</v>
      </c>
      <c r="BG2499" s="53">
        <v>9347.6245614035306</v>
      </c>
      <c r="BH2499" s="53">
        <v>9347.6245614035306</v>
      </c>
      <c r="BI2499" s="53">
        <v>9347.6245614035306</v>
      </c>
      <c r="BJ2499" s="53">
        <v>9347.6245614035397</v>
      </c>
      <c r="BK2499" s="53">
        <v>9347.6245614035397</v>
      </c>
      <c r="BL2499" s="53">
        <v>9347.6245614035397</v>
      </c>
      <c r="BM2499" s="53">
        <v>9347.6245614035397</v>
      </c>
      <c r="BN2499" s="53">
        <v>112171.494736842</v>
      </c>
      <c r="BO2499" s="53">
        <v>9347.6245614035397</v>
      </c>
      <c r="BP2499" s="53">
        <v>9347.6245614035397</v>
      </c>
      <c r="BQ2499" s="53">
        <v>9347.6245614035397</v>
      </c>
      <c r="BR2499" s="53">
        <v>9347.6245614035397</v>
      </c>
      <c r="BS2499" s="53">
        <v>9347.6245614035397</v>
      </c>
      <c r="BT2499" s="53">
        <v>9347.6245614035397</v>
      </c>
      <c r="BU2499" s="53">
        <v>9347.6245614035397</v>
      </c>
      <c r="BV2499" s="53">
        <v>9347.6245614035397</v>
      </c>
      <c r="BW2499" s="53">
        <v>9347.6245614035397</v>
      </c>
      <c r="BX2499" s="53">
        <v>9347.6245614035506</v>
      </c>
      <c r="BY2499" s="53">
        <v>9347.6245614035506</v>
      </c>
      <c r="BZ2499" s="53">
        <v>9347.6245614035506</v>
      </c>
      <c r="CA2499" s="53">
        <v>112171.494736842</v>
      </c>
      <c r="CB2499" s="53">
        <v>-20148.9797979797</v>
      </c>
      <c r="CC2499" s="53">
        <v>-20148.9797979797</v>
      </c>
      <c r="CD2499" s="53">
        <v>-20148.9797979797</v>
      </c>
      <c r="CE2499" s="53">
        <v>-20148.9797979797</v>
      </c>
      <c r="CF2499" s="53">
        <v>-20148.9797979797</v>
      </c>
      <c r="CG2499" s="53">
        <v>-20148.9797979797</v>
      </c>
      <c r="CH2499" s="53">
        <v>-20148.9797979797</v>
      </c>
      <c r="CI2499" s="53">
        <v>-20148.9797979797</v>
      </c>
      <c r="CJ2499" s="53">
        <v>-20148.9797979797</v>
      </c>
      <c r="CK2499" s="53">
        <v>-20148.9797979797</v>
      </c>
      <c r="CL2499" s="53">
        <v>-20148.9797979797</v>
      </c>
      <c r="CM2499" s="53">
        <v>-20148.9797979797</v>
      </c>
      <c r="CN2499" s="53">
        <v>-241787.75757575699</v>
      </c>
    </row>
    <row r="2500" spans="1:92" outlineLevel="1">
      <c r="A2500" s="52" t="s">
        <v>723</v>
      </c>
      <c r="B2500" s="53">
        <v>3240.39669421487</v>
      </c>
      <c r="C2500" s="53">
        <v>3240.4033613445299</v>
      </c>
      <c r="D2500" s="53">
        <v>3240.3931623931599</v>
      </c>
      <c r="E2500" s="53">
        <v>3240.4</v>
      </c>
      <c r="F2500" s="53">
        <v>3240.3893805309699</v>
      </c>
      <c r="G2500" s="53">
        <v>3240.3963963963902</v>
      </c>
      <c r="H2500" s="53">
        <v>3240.4036697247702</v>
      </c>
      <c r="I2500" s="53">
        <v>3240.39252336448</v>
      </c>
      <c r="J2500" s="53">
        <v>3240.4</v>
      </c>
      <c r="K2500" s="53">
        <v>3240.3883495145601</v>
      </c>
      <c r="L2500" s="53">
        <v>3240.3960396039602</v>
      </c>
      <c r="M2500" s="53">
        <v>3240.4040404040402</v>
      </c>
      <c r="N2500" s="53">
        <v>38884.763617491699</v>
      </c>
      <c r="O2500" s="53">
        <v>3240.3917525773099</v>
      </c>
      <c r="P2500" s="53">
        <v>3240.3917525773099</v>
      </c>
      <c r="Q2500" s="53">
        <v>3240.3917525773099</v>
      </c>
      <c r="R2500" s="53">
        <v>3240.3917525773099</v>
      </c>
      <c r="S2500" s="53">
        <v>3240.3917525773099</v>
      </c>
      <c r="T2500" s="53">
        <v>3240.3917525773099</v>
      </c>
      <c r="U2500" s="53">
        <v>3240.3917525773099</v>
      </c>
      <c r="V2500" s="53">
        <v>3240.3917525773099</v>
      </c>
      <c r="W2500" s="53">
        <v>3240.3917525773099</v>
      </c>
      <c r="X2500" s="53">
        <v>3240.3917525773099</v>
      </c>
      <c r="Y2500" s="53">
        <v>3240.3917525773099</v>
      </c>
      <c r="Z2500" s="53">
        <v>3240.3917525773099</v>
      </c>
      <c r="AA2500" s="53">
        <v>38884.701030927798</v>
      </c>
      <c r="AB2500" s="53">
        <v>3240.3917525773099</v>
      </c>
      <c r="AC2500" s="53">
        <v>3240.3917525773099</v>
      </c>
      <c r="AD2500" s="53">
        <v>3240.3917525773099</v>
      </c>
      <c r="AE2500" s="53">
        <v>3240.3917525773099</v>
      </c>
      <c r="AF2500" s="53">
        <v>3240.3917525773099</v>
      </c>
      <c r="AG2500" s="53">
        <v>3240.3917525773099</v>
      </c>
      <c r="AH2500" s="53">
        <v>3240.3917525773099</v>
      </c>
      <c r="AI2500" s="53">
        <v>3240.3917525773099</v>
      </c>
      <c r="AJ2500" s="53">
        <v>3240.3917525773099</v>
      </c>
      <c r="AK2500" s="53">
        <v>3240.3917525773099</v>
      </c>
      <c r="AL2500" s="53">
        <v>3240.3917525773099</v>
      </c>
      <c r="AM2500" s="53">
        <v>3240.3917525773099</v>
      </c>
      <c r="AN2500" s="53">
        <v>38884.701030927798</v>
      </c>
      <c r="AO2500" s="53">
        <v>3240.3917525773099</v>
      </c>
      <c r="AP2500" s="53">
        <v>3240.3917525773099</v>
      </c>
      <c r="AQ2500" s="53">
        <v>3240.3917525773099</v>
      </c>
      <c r="AR2500" s="53">
        <v>3240.3917525773099</v>
      </c>
      <c r="AS2500" s="53">
        <v>3240.3917525773099</v>
      </c>
      <c r="AT2500" s="53">
        <v>3240.3917525773099</v>
      </c>
      <c r="AU2500" s="53">
        <v>3240.3917525773099</v>
      </c>
      <c r="AV2500" s="53">
        <v>3240.3917525773099</v>
      </c>
      <c r="AW2500" s="53">
        <v>3240.3917525773099</v>
      </c>
      <c r="AX2500" s="53">
        <v>3240.3917525773099</v>
      </c>
      <c r="AY2500" s="53">
        <v>3240.3917525773099</v>
      </c>
      <c r="AZ2500" s="53">
        <v>3240.3917525773099</v>
      </c>
      <c r="BA2500" s="53">
        <v>38884.701030927703</v>
      </c>
      <c r="BB2500" s="53">
        <v>3240.3917525773099</v>
      </c>
      <c r="BC2500" s="53">
        <v>3240.3917525773099</v>
      </c>
      <c r="BD2500" s="53">
        <v>3240.3917525773099</v>
      </c>
      <c r="BE2500" s="53">
        <v>3240.3917525773099</v>
      </c>
      <c r="BF2500" s="53">
        <v>3240.3917525773099</v>
      </c>
      <c r="BG2500" s="53">
        <v>3240.3917525773099</v>
      </c>
      <c r="BH2500" s="53">
        <v>3240.3917525773099</v>
      </c>
      <c r="BI2500" s="53">
        <v>3240.3917525773099</v>
      </c>
      <c r="BJ2500" s="53">
        <v>3240.3917525773099</v>
      </c>
      <c r="BK2500" s="53">
        <v>3240.3917525773099</v>
      </c>
      <c r="BL2500" s="53">
        <v>3240.3917525773099</v>
      </c>
      <c r="BM2500" s="53">
        <v>3240.3917525773099</v>
      </c>
      <c r="BN2500" s="53">
        <v>38884.701030927703</v>
      </c>
      <c r="BO2500" s="53">
        <v>1620.19587628865</v>
      </c>
      <c r="BP2500" s="53"/>
      <c r="BQ2500" s="53"/>
      <c r="BR2500" s="53"/>
      <c r="BS2500" s="53"/>
      <c r="BT2500" s="53"/>
      <c r="BU2500" s="53"/>
      <c r="BV2500" s="53"/>
      <c r="BW2500" s="53"/>
      <c r="BX2500" s="53"/>
      <c r="BY2500" s="53"/>
      <c r="BZ2500" s="53"/>
      <c r="CA2500" s="53">
        <v>1620.19587628865</v>
      </c>
      <c r="CB2500" s="53">
        <v>-24699.685950413201</v>
      </c>
      <c r="CC2500" s="53"/>
      <c r="CD2500" s="53"/>
      <c r="CE2500" s="53"/>
      <c r="CF2500" s="53"/>
      <c r="CG2500" s="53"/>
      <c r="CH2500" s="53"/>
      <c r="CI2500" s="53"/>
      <c r="CJ2500" s="53"/>
      <c r="CK2500" s="53"/>
      <c r="CL2500" s="53"/>
      <c r="CM2500" s="53"/>
      <c r="CN2500" s="53">
        <v>-24699.685950413201</v>
      </c>
    </row>
    <row r="2501" spans="1:92" outlineLevel="1">
      <c r="A2501" s="52" t="s">
        <v>724</v>
      </c>
      <c r="B2501" s="53">
        <v>1540.86342229199</v>
      </c>
      <c r="C2501" s="53">
        <v>1540.8629921259801</v>
      </c>
      <c r="D2501" s="53">
        <v>1540.8625592417</v>
      </c>
      <c r="E2501" s="53">
        <v>1540.8621236133099</v>
      </c>
      <c r="F2501" s="53">
        <v>1540.86486486486</v>
      </c>
      <c r="G2501" s="53">
        <v>1540.8644338117999</v>
      </c>
      <c r="H2501" s="53">
        <v>1540.864</v>
      </c>
      <c r="I2501" s="53">
        <v>1540.8635634028799</v>
      </c>
      <c r="J2501" s="53">
        <v>1540.8631239935501</v>
      </c>
      <c r="K2501" s="53">
        <v>1540.86268174474</v>
      </c>
      <c r="L2501" s="53">
        <v>1540.86223662884</v>
      </c>
      <c r="M2501" s="53">
        <v>1540.8650406504</v>
      </c>
      <c r="N2501" s="53">
        <v>18490.361042370099</v>
      </c>
      <c r="O2501" s="53">
        <v>1540.86460032626</v>
      </c>
      <c r="P2501" s="53">
        <v>1540.86460032626</v>
      </c>
      <c r="Q2501" s="53">
        <v>1540.86460032626</v>
      </c>
      <c r="R2501" s="53">
        <v>1540.86460032626</v>
      </c>
      <c r="S2501" s="53">
        <v>1540.86460032626</v>
      </c>
      <c r="T2501" s="53">
        <v>1540.86460032626</v>
      </c>
      <c r="U2501" s="53">
        <v>1540.86460032626</v>
      </c>
      <c r="V2501" s="53">
        <v>1540.86460032626</v>
      </c>
      <c r="W2501" s="53">
        <v>1540.86460032626</v>
      </c>
      <c r="X2501" s="53">
        <v>1540.86460032626</v>
      </c>
      <c r="Y2501" s="53">
        <v>1540.86460032626</v>
      </c>
      <c r="Z2501" s="53">
        <v>1540.86460032626</v>
      </c>
      <c r="AA2501" s="53">
        <v>18490.3752039151</v>
      </c>
      <c r="AB2501" s="53">
        <v>1540.86460032626</v>
      </c>
      <c r="AC2501" s="53">
        <v>1540.86460032626</v>
      </c>
      <c r="AD2501" s="53">
        <v>1540.86460032626</v>
      </c>
      <c r="AE2501" s="53">
        <v>1540.86460032626</v>
      </c>
      <c r="AF2501" s="53">
        <v>1540.86460032626</v>
      </c>
      <c r="AG2501" s="53">
        <v>1540.86460032626</v>
      </c>
      <c r="AH2501" s="53">
        <v>1540.86460032626</v>
      </c>
      <c r="AI2501" s="53">
        <v>1540.86460032626</v>
      </c>
      <c r="AJ2501" s="53">
        <v>1540.86460032626</v>
      </c>
      <c r="AK2501" s="53">
        <v>1540.86460032626</v>
      </c>
      <c r="AL2501" s="53">
        <v>1540.86460032626</v>
      </c>
      <c r="AM2501" s="53">
        <v>1540.86460032626</v>
      </c>
      <c r="AN2501" s="53">
        <v>18490.3752039151</v>
      </c>
      <c r="AO2501" s="53">
        <v>1540.86460032626</v>
      </c>
      <c r="AP2501" s="53">
        <v>1540.86460032626</v>
      </c>
      <c r="AQ2501" s="53">
        <v>1540.86460032626</v>
      </c>
      <c r="AR2501" s="53">
        <v>1540.86460032626</v>
      </c>
      <c r="AS2501" s="53">
        <v>1540.86460032626</v>
      </c>
      <c r="AT2501" s="53">
        <v>1540.86460032626</v>
      </c>
      <c r="AU2501" s="53">
        <v>1540.86460032626</v>
      </c>
      <c r="AV2501" s="53">
        <v>1540.86460032626</v>
      </c>
      <c r="AW2501" s="53">
        <v>1540.86460032626</v>
      </c>
      <c r="AX2501" s="53">
        <v>1540.86460032626</v>
      </c>
      <c r="AY2501" s="53">
        <v>1540.86460032626</v>
      </c>
      <c r="AZ2501" s="53">
        <v>1540.86460032626</v>
      </c>
      <c r="BA2501" s="53">
        <v>18490.3752039151</v>
      </c>
      <c r="BB2501" s="53">
        <v>1540.86460032626</v>
      </c>
      <c r="BC2501" s="53">
        <v>1540.86460032626</v>
      </c>
      <c r="BD2501" s="53">
        <v>1540.86460032626</v>
      </c>
      <c r="BE2501" s="53">
        <v>1540.86460032626</v>
      </c>
      <c r="BF2501" s="53">
        <v>1540.86460032626</v>
      </c>
      <c r="BG2501" s="53">
        <v>1540.86460032626</v>
      </c>
      <c r="BH2501" s="53">
        <v>1540.86460032626</v>
      </c>
      <c r="BI2501" s="53">
        <v>1540.86460032626</v>
      </c>
      <c r="BJ2501" s="53">
        <v>1540.86460032626</v>
      </c>
      <c r="BK2501" s="53">
        <v>1540.86460032626</v>
      </c>
      <c r="BL2501" s="53">
        <v>1540.86460032626</v>
      </c>
      <c r="BM2501" s="53">
        <v>1540.86460032626</v>
      </c>
      <c r="BN2501" s="53">
        <v>18490.375203915199</v>
      </c>
      <c r="BO2501" s="53">
        <v>1540.86460032626</v>
      </c>
      <c r="BP2501" s="53">
        <v>1540.86460032626</v>
      </c>
      <c r="BQ2501" s="53">
        <v>1540.86460032626</v>
      </c>
      <c r="BR2501" s="53">
        <v>1540.86460032626</v>
      </c>
      <c r="BS2501" s="53">
        <v>1540.86460032626</v>
      </c>
      <c r="BT2501" s="53">
        <v>1540.86460032626</v>
      </c>
      <c r="BU2501" s="53">
        <v>1540.86460032626</v>
      </c>
      <c r="BV2501" s="53">
        <v>1540.86460032626</v>
      </c>
      <c r="BW2501" s="53">
        <v>1540.86460032626</v>
      </c>
      <c r="BX2501" s="53">
        <v>1540.86460032626</v>
      </c>
      <c r="BY2501" s="53">
        <v>1540.86460032626</v>
      </c>
      <c r="BZ2501" s="53">
        <v>1540.86460032626</v>
      </c>
      <c r="CA2501" s="53">
        <v>18490.375203915199</v>
      </c>
      <c r="CB2501" s="53">
        <v>-13370.822605965401</v>
      </c>
      <c r="CC2501" s="53">
        <v>-13370.822605965401</v>
      </c>
      <c r="CD2501" s="53">
        <v>-13370.822605965401</v>
      </c>
      <c r="CE2501" s="53">
        <v>-13370.822605965401</v>
      </c>
      <c r="CF2501" s="53">
        <v>-13370.822605965401</v>
      </c>
      <c r="CG2501" s="53">
        <v>-13370.822605965401</v>
      </c>
      <c r="CH2501" s="53">
        <v>-13370.822605965401</v>
      </c>
      <c r="CI2501" s="53">
        <v>-13370.822605965401</v>
      </c>
      <c r="CJ2501" s="53">
        <v>-13370.822605965401</v>
      </c>
      <c r="CK2501" s="53">
        <v>-13370.822605965401</v>
      </c>
      <c r="CL2501" s="53">
        <v>-13370.822605965401</v>
      </c>
      <c r="CM2501" s="53">
        <v>-13370.822605965401</v>
      </c>
      <c r="CN2501" s="53">
        <v>-160449.871271585</v>
      </c>
    </row>
    <row r="2502" spans="1:92" outlineLevel="1">
      <c r="A2502" s="52" t="s">
        <v>725</v>
      </c>
      <c r="B2502" s="53">
        <v>9185.2866242038199</v>
      </c>
      <c r="C2502" s="53">
        <v>9185.2903225806403</v>
      </c>
      <c r="D2502" s="53">
        <v>9185.2810457516298</v>
      </c>
      <c r="E2502" s="53">
        <v>9185.2847682119209</v>
      </c>
      <c r="F2502" s="53">
        <v>9185.2885906040192</v>
      </c>
      <c r="G2502" s="53">
        <v>9185.2925170067992</v>
      </c>
      <c r="H2502" s="53">
        <v>9185.2827586206895</v>
      </c>
      <c r="I2502" s="53">
        <v>9185.2867132867104</v>
      </c>
      <c r="J2502" s="53">
        <v>9185.2907801418405</v>
      </c>
      <c r="K2502" s="53">
        <v>9185.2805755395693</v>
      </c>
      <c r="L2502" s="53">
        <v>9185.2846715328396</v>
      </c>
      <c r="M2502" s="53">
        <v>9185.2888888888792</v>
      </c>
      <c r="N2502" s="53">
        <v>110223.438256369</v>
      </c>
      <c r="O2502" s="53">
        <v>9185.2932330827007</v>
      </c>
      <c r="P2502" s="53">
        <v>9185.2932330827007</v>
      </c>
      <c r="Q2502" s="53">
        <v>9185.2932330827007</v>
      </c>
      <c r="R2502" s="53">
        <v>9185.2932330827007</v>
      </c>
      <c r="S2502" s="53">
        <v>9185.2932330827007</v>
      </c>
      <c r="T2502" s="53">
        <v>9185.2932330827007</v>
      </c>
      <c r="U2502" s="53">
        <v>9185.2932330827007</v>
      </c>
      <c r="V2502" s="53">
        <v>9185.2932330827007</v>
      </c>
      <c r="W2502" s="53">
        <v>9185.2932330827098</v>
      </c>
      <c r="X2502" s="53">
        <v>9185.2932330827098</v>
      </c>
      <c r="Y2502" s="53">
        <v>9185.2932330827098</v>
      </c>
      <c r="Z2502" s="53">
        <v>9185.2932330827098</v>
      </c>
      <c r="AA2502" s="53">
        <v>110223.51879699199</v>
      </c>
      <c r="AB2502" s="53">
        <v>9185.2932330827098</v>
      </c>
      <c r="AC2502" s="53">
        <v>9185.2932330827098</v>
      </c>
      <c r="AD2502" s="53">
        <v>9185.2932330827098</v>
      </c>
      <c r="AE2502" s="53">
        <v>9185.2932330827098</v>
      </c>
      <c r="AF2502" s="53">
        <v>9185.2932330827098</v>
      </c>
      <c r="AG2502" s="53">
        <v>9185.2932330827098</v>
      </c>
      <c r="AH2502" s="53">
        <v>9185.2932330827098</v>
      </c>
      <c r="AI2502" s="53">
        <v>9185.2932330827098</v>
      </c>
      <c r="AJ2502" s="53">
        <v>9185.2932330827098</v>
      </c>
      <c r="AK2502" s="53">
        <v>9185.2932330827098</v>
      </c>
      <c r="AL2502" s="53">
        <v>9185.2932330827098</v>
      </c>
      <c r="AM2502" s="53">
        <v>9185.2932330827098</v>
      </c>
      <c r="AN2502" s="53">
        <v>110223.51879699199</v>
      </c>
      <c r="AO2502" s="53">
        <v>9185.2932330827098</v>
      </c>
      <c r="AP2502" s="53">
        <v>9185.2932330827098</v>
      </c>
      <c r="AQ2502" s="53">
        <v>9185.2932330827098</v>
      </c>
      <c r="AR2502" s="53">
        <v>9185.2932330827098</v>
      </c>
      <c r="AS2502" s="53">
        <v>9185.2932330827098</v>
      </c>
      <c r="AT2502" s="53">
        <v>9185.2932330827098</v>
      </c>
      <c r="AU2502" s="53">
        <v>9185.2932330827098</v>
      </c>
      <c r="AV2502" s="53">
        <v>9185.2932330827098</v>
      </c>
      <c r="AW2502" s="53">
        <v>9185.2932330827098</v>
      </c>
      <c r="AX2502" s="53">
        <v>9185.2932330827098</v>
      </c>
      <c r="AY2502" s="53">
        <v>9185.2932330827098</v>
      </c>
      <c r="AZ2502" s="53">
        <v>9185.2932330827098</v>
      </c>
      <c r="BA2502" s="53">
        <v>110223.51879699199</v>
      </c>
      <c r="BB2502" s="53">
        <v>9185.2932330827098</v>
      </c>
      <c r="BC2502" s="53">
        <v>9185.2932330827098</v>
      </c>
      <c r="BD2502" s="53">
        <v>9185.2932330827098</v>
      </c>
      <c r="BE2502" s="53">
        <v>9185.2932330827098</v>
      </c>
      <c r="BF2502" s="53">
        <v>9185.2932330827098</v>
      </c>
      <c r="BG2502" s="53">
        <v>9185.2932330827098</v>
      </c>
      <c r="BH2502" s="53">
        <v>9185.2932330827098</v>
      </c>
      <c r="BI2502" s="53">
        <v>9185.2932330827098</v>
      </c>
      <c r="BJ2502" s="53">
        <v>9185.2932330827098</v>
      </c>
      <c r="BK2502" s="53">
        <v>9185.2932330827098</v>
      </c>
      <c r="BL2502" s="53">
        <v>9185.2932330827098</v>
      </c>
      <c r="BM2502" s="53">
        <v>9185.2932330827098</v>
      </c>
      <c r="BN2502" s="53">
        <v>110223.51879699199</v>
      </c>
      <c r="BO2502" s="53">
        <v>9185.2932330827207</v>
      </c>
      <c r="BP2502" s="53">
        <v>9185.2932330827098</v>
      </c>
      <c r="BQ2502" s="53">
        <v>9185.2932330827207</v>
      </c>
      <c r="BR2502" s="53">
        <v>9185.2932330827098</v>
      </c>
      <c r="BS2502" s="53">
        <v>9185.2932330827207</v>
      </c>
      <c r="BT2502" s="53">
        <v>9185.2932330827098</v>
      </c>
      <c r="BU2502" s="53">
        <v>9185.2932330827207</v>
      </c>
      <c r="BV2502" s="53">
        <v>9185.2932330827207</v>
      </c>
      <c r="BW2502" s="53">
        <v>9185.2932330827207</v>
      </c>
      <c r="BX2502" s="53">
        <v>9185.2932330827207</v>
      </c>
      <c r="BY2502" s="53">
        <v>9185.2932330827207</v>
      </c>
      <c r="BZ2502" s="53">
        <v>9185.2932330827207</v>
      </c>
      <c r="CA2502" s="53">
        <v>110223.51879699199</v>
      </c>
      <c r="CB2502" s="53">
        <v>-44991.872611464903</v>
      </c>
      <c r="CC2502" s="53">
        <v>-44991.872611464903</v>
      </c>
      <c r="CD2502" s="53">
        <v>-44991.872611464903</v>
      </c>
      <c r="CE2502" s="53">
        <v>-44991.872611464903</v>
      </c>
      <c r="CF2502" s="53">
        <v>-44991.872611464903</v>
      </c>
      <c r="CG2502" s="53">
        <v>-44991.872611464903</v>
      </c>
      <c r="CH2502" s="53">
        <v>-44991.872611464903</v>
      </c>
      <c r="CI2502" s="53">
        <v>-44991.872611464903</v>
      </c>
      <c r="CJ2502" s="53">
        <v>-44991.872611464903</v>
      </c>
      <c r="CK2502" s="53">
        <v>-44991.872611464903</v>
      </c>
      <c r="CL2502" s="53">
        <v>-44991.872611464903</v>
      </c>
      <c r="CM2502" s="53">
        <v>-44991.872611464903</v>
      </c>
      <c r="CN2502" s="53">
        <v>-539902.47133757896</v>
      </c>
    </row>
    <row r="2503" spans="1:92" outlineLevel="1">
      <c r="A2503" s="52" t="s">
        <v>726</v>
      </c>
      <c r="B2503" s="53">
        <v>3087.3789473684201</v>
      </c>
      <c r="C2503" s="53">
        <v>3087.3829787233999</v>
      </c>
      <c r="D2503" s="53">
        <v>3087.3763440860198</v>
      </c>
      <c r="E2503" s="53">
        <v>3087.3804347825999</v>
      </c>
      <c r="F2503" s="53">
        <v>3087.37362637362</v>
      </c>
      <c r="G2503" s="53">
        <v>3087.37777777777</v>
      </c>
      <c r="H2503" s="53">
        <v>3087.3820224719002</v>
      </c>
      <c r="I2503" s="53">
        <v>3087.375</v>
      </c>
      <c r="J2503" s="53">
        <v>3087.3793103448202</v>
      </c>
      <c r="K2503" s="53">
        <v>3087.3837209302301</v>
      </c>
      <c r="L2503" s="53">
        <v>3087.3764705882299</v>
      </c>
      <c r="M2503" s="53">
        <v>3087.38095238095</v>
      </c>
      <c r="N2503" s="53">
        <v>37048.547585827997</v>
      </c>
      <c r="O2503" s="53">
        <v>3087.3734939759001</v>
      </c>
      <c r="P2503" s="53">
        <v>3087.3734939759001</v>
      </c>
      <c r="Q2503" s="53">
        <v>3087.3734939759001</v>
      </c>
      <c r="R2503" s="53">
        <v>3087.3734939759001</v>
      </c>
      <c r="S2503" s="53">
        <v>3087.3734939759001</v>
      </c>
      <c r="T2503" s="53">
        <v>3087.3734939759001</v>
      </c>
      <c r="U2503" s="53">
        <v>3087.3734939759001</v>
      </c>
      <c r="V2503" s="53">
        <v>3087.3734939759001</v>
      </c>
      <c r="W2503" s="53">
        <v>3087.3734939759001</v>
      </c>
      <c r="X2503" s="53">
        <v>3087.3734939759001</v>
      </c>
      <c r="Y2503" s="53">
        <v>3087.3734939759001</v>
      </c>
      <c r="Z2503" s="53">
        <v>3087.3734939759001</v>
      </c>
      <c r="AA2503" s="53">
        <v>37048.481927710804</v>
      </c>
      <c r="AB2503" s="53">
        <v>3087.3734939759001</v>
      </c>
      <c r="AC2503" s="53">
        <v>3087.3734939759001</v>
      </c>
      <c r="AD2503" s="53">
        <v>3087.3734939759001</v>
      </c>
      <c r="AE2503" s="53">
        <v>3087.3734939759001</v>
      </c>
      <c r="AF2503" s="53">
        <v>3087.3734939759001</v>
      </c>
      <c r="AG2503" s="53">
        <v>3087.3734939759001</v>
      </c>
      <c r="AH2503" s="53">
        <v>3087.3734939759001</v>
      </c>
      <c r="AI2503" s="53">
        <v>3087.3734939759001</v>
      </c>
      <c r="AJ2503" s="53">
        <v>3087.3734939759001</v>
      </c>
      <c r="AK2503" s="53">
        <v>3087.3734939759001</v>
      </c>
      <c r="AL2503" s="53">
        <v>3087.3734939759001</v>
      </c>
      <c r="AM2503" s="53">
        <v>3087.3734939759001</v>
      </c>
      <c r="AN2503" s="53">
        <v>37048.481927710804</v>
      </c>
      <c r="AO2503" s="53">
        <v>3087.3734939759001</v>
      </c>
      <c r="AP2503" s="53">
        <v>3087.3734939759001</v>
      </c>
      <c r="AQ2503" s="53">
        <v>3087.3734939759001</v>
      </c>
      <c r="AR2503" s="53">
        <v>3087.3734939759001</v>
      </c>
      <c r="AS2503" s="53">
        <v>3087.3734939759001</v>
      </c>
      <c r="AT2503" s="53">
        <v>3087.3734939759001</v>
      </c>
      <c r="AU2503" s="53">
        <v>3087.3734939759001</v>
      </c>
      <c r="AV2503" s="53">
        <v>3087.3734939759001</v>
      </c>
      <c r="AW2503" s="53">
        <v>3087.3734939759001</v>
      </c>
      <c r="AX2503" s="53">
        <v>3087.3734939759001</v>
      </c>
      <c r="AY2503" s="53">
        <v>3087.3734939759001</v>
      </c>
      <c r="AZ2503" s="53">
        <v>3087.3734939759001</v>
      </c>
      <c r="BA2503" s="53">
        <v>37048.481927710804</v>
      </c>
      <c r="BB2503" s="53">
        <v>3087.3734939759001</v>
      </c>
      <c r="BC2503" s="53">
        <v>3087.3734939759001</v>
      </c>
      <c r="BD2503" s="53">
        <v>3087.3734939759001</v>
      </c>
      <c r="BE2503" s="53">
        <v>3087.3734939759001</v>
      </c>
      <c r="BF2503" s="53">
        <v>3087.3734939759001</v>
      </c>
      <c r="BG2503" s="53">
        <v>3087.3734939759001</v>
      </c>
      <c r="BH2503" s="53">
        <v>3087.3734939759001</v>
      </c>
      <c r="BI2503" s="53">
        <v>3087.3734939759001</v>
      </c>
      <c r="BJ2503" s="53">
        <v>3087.3734939759001</v>
      </c>
      <c r="BK2503" s="53">
        <v>3087.3734939759001</v>
      </c>
      <c r="BL2503" s="53">
        <v>3087.3734939759001</v>
      </c>
      <c r="BM2503" s="53">
        <v>3087.3734939759001</v>
      </c>
      <c r="BN2503" s="53">
        <v>37048.481927710804</v>
      </c>
      <c r="BO2503" s="53">
        <v>3087.3734939759001</v>
      </c>
      <c r="BP2503" s="53">
        <v>3087.3734939759001</v>
      </c>
      <c r="BQ2503" s="53">
        <v>3087.3734939759001</v>
      </c>
      <c r="BR2503" s="53">
        <v>3087.3734939759001</v>
      </c>
      <c r="BS2503" s="53">
        <v>3087.3734939759001</v>
      </c>
      <c r="BT2503" s="53">
        <v>3087.3734939759001</v>
      </c>
      <c r="BU2503" s="53">
        <v>3087.3734939759001</v>
      </c>
      <c r="BV2503" s="53">
        <v>3087.3734939759001</v>
      </c>
      <c r="BW2503" s="53">
        <v>3087.3734939759001</v>
      </c>
      <c r="BX2503" s="53">
        <v>3087.3734939759001</v>
      </c>
      <c r="BY2503" s="53">
        <v>3087.3734939759001</v>
      </c>
      <c r="BZ2503" s="53">
        <v>3087.3734939759001</v>
      </c>
      <c r="CA2503" s="53">
        <v>37048.481927710804</v>
      </c>
      <c r="CB2503" s="53">
        <v>-52157.242105263002</v>
      </c>
      <c r="CC2503" s="53">
        <v>-52157.242105263002</v>
      </c>
      <c r="CD2503" s="53">
        <v>-52157.242105263002</v>
      </c>
      <c r="CE2503" s="53">
        <v>-52157.242105263002</v>
      </c>
      <c r="CF2503" s="53">
        <v>-52157.242105263002</v>
      </c>
      <c r="CG2503" s="53">
        <v>-52157.242105263002</v>
      </c>
      <c r="CH2503" s="53">
        <v>-52157.242105263002</v>
      </c>
      <c r="CI2503" s="53">
        <v>-52157.242105263002</v>
      </c>
      <c r="CJ2503" s="53">
        <v>-52157.242105263002</v>
      </c>
      <c r="CK2503" s="53">
        <v>-52157.242105263002</v>
      </c>
      <c r="CL2503" s="53">
        <v>-52157.242105263002</v>
      </c>
      <c r="CM2503" s="53">
        <v>-52157.242105263002</v>
      </c>
      <c r="CN2503" s="53">
        <v>-625886.90526315698</v>
      </c>
    </row>
    <row r="2504" spans="1:92" outlineLevel="1">
      <c r="A2504" s="52" t="s">
        <v>728</v>
      </c>
      <c r="B2504" s="53">
        <v>5700.3251231527001</v>
      </c>
      <c r="C2504" s="53">
        <v>5700.3283582089498</v>
      </c>
      <c r="D2504" s="53">
        <v>5700.3216080401999</v>
      </c>
      <c r="E2504" s="53">
        <v>5700.3248730964397</v>
      </c>
      <c r="F2504" s="53">
        <v>5700.3282051282004</v>
      </c>
      <c r="G2504" s="53">
        <v>5700.3212435233099</v>
      </c>
      <c r="H2504" s="53">
        <v>5700.3246073298396</v>
      </c>
      <c r="I2504" s="53">
        <v>5700.3280423280403</v>
      </c>
      <c r="J2504" s="53">
        <v>5700.3208556149702</v>
      </c>
      <c r="K2504" s="53">
        <v>5700.3243243243196</v>
      </c>
      <c r="L2504" s="53">
        <v>5700.3278688524597</v>
      </c>
      <c r="M2504" s="53">
        <v>5700.3204419889498</v>
      </c>
      <c r="N2504" s="53">
        <v>68403.895551588401</v>
      </c>
      <c r="O2504" s="53">
        <v>5700.3240223463599</v>
      </c>
      <c r="P2504" s="53">
        <v>5700.3240223463599</v>
      </c>
      <c r="Q2504" s="53">
        <v>5700.3240223463599</v>
      </c>
      <c r="R2504" s="53">
        <v>5700.3240223463599</v>
      </c>
      <c r="S2504" s="53">
        <v>5700.3240223463599</v>
      </c>
      <c r="T2504" s="53">
        <v>5700.3240223463599</v>
      </c>
      <c r="U2504" s="53">
        <v>5700.3240223463599</v>
      </c>
      <c r="V2504" s="53">
        <v>5700.3240223463599</v>
      </c>
      <c r="W2504" s="53">
        <v>5700.3240223463599</v>
      </c>
      <c r="X2504" s="53">
        <v>5700.3240223463599</v>
      </c>
      <c r="Y2504" s="53">
        <v>5700.3240223463599</v>
      </c>
      <c r="Z2504" s="53">
        <v>5700.3240223463599</v>
      </c>
      <c r="AA2504" s="53">
        <v>68403.888268156399</v>
      </c>
      <c r="AB2504" s="53">
        <v>5700.3240223463599</v>
      </c>
      <c r="AC2504" s="53">
        <v>5700.3240223463599</v>
      </c>
      <c r="AD2504" s="53">
        <v>5700.3240223463599</v>
      </c>
      <c r="AE2504" s="53">
        <v>5700.3240223463599</v>
      </c>
      <c r="AF2504" s="53">
        <v>5700.3240223463599</v>
      </c>
      <c r="AG2504" s="53">
        <v>5700.3240223463599</v>
      </c>
      <c r="AH2504" s="53">
        <v>5700.3240223463599</v>
      </c>
      <c r="AI2504" s="53">
        <v>5700.3240223463599</v>
      </c>
      <c r="AJ2504" s="53">
        <v>5700.3240223463599</v>
      </c>
      <c r="AK2504" s="53">
        <v>5700.3240223463599</v>
      </c>
      <c r="AL2504" s="53">
        <v>5700.3240223463599</v>
      </c>
      <c r="AM2504" s="53">
        <v>5700.3240223463599</v>
      </c>
      <c r="AN2504" s="53">
        <v>68403.888268156399</v>
      </c>
      <c r="AO2504" s="53">
        <v>5700.3240223463599</v>
      </c>
      <c r="AP2504" s="53">
        <v>5700.3240223463599</v>
      </c>
      <c r="AQ2504" s="53">
        <v>5700.3240223463599</v>
      </c>
      <c r="AR2504" s="53">
        <v>5700.3240223463699</v>
      </c>
      <c r="AS2504" s="53">
        <v>5700.3240223463699</v>
      </c>
      <c r="AT2504" s="53">
        <v>5700.3240223463699</v>
      </c>
      <c r="AU2504" s="53">
        <v>5700.3240223463699</v>
      </c>
      <c r="AV2504" s="53">
        <v>5700.3240223463699</v>
      </c>
      <c r="AW2504" s="53">
        <v>5700.3240223463699</v>
      </c>
      <c r="AX2504" s="53">
        <v>5700.3240223463699</v>
      </c>
      <c r="AY2504" s="53">
        <v>5700.3240223463699</v>
      </c>
      <c r="AZ2504" s="53">
        <v>5700.3240223463699</v>
      </c>
      <c r="BA2504" s="53">
        <v>68403.888268156399</v>
      </c>
      <c r="BB2504" s="53">
        <v>5700.3240223463699</v>
      </c>
      <c r="BC2504" s="53">
        <v>5700.3240223463699</v>
      </c>
      <c r="BD2504" s="53">
        <v>5700.3240223463699</v>
      </c>
      <c r="BE2504" s="53">
        <v>5700.3240223463699</v>
      </c>
      <c r="BF2504" s="53">
        <v>5700.3240223463699</v>
      </c>
      <c r="BG2504" s="53">
        <v>5700.3240223463699</v>
      </c>
      <c r="BH2504" s="53">
        <v>5700.3240223463699</v>
      </c>
      <c r="BI2504" s="53">
        <v>5700.3240223463699</v>
      </c>
      <c r="BJ2504" s="53">
        <v>5700.3240223463699</v>
      </c>
      <c r="BK2504" s="53">
        <v>5700.3240223463699</v>
      </c>
      <c r="BL2504" s="53">
        <v>5700.3240223463699</v>
      </c>
      <c r="BM2504" s="53">
        <v>5700.3240223463699</v>
      </c>
      <c r="BN2504" s="53">
        <v>68403.888268156399</v>
      </c>
      <c r="BO2504" s="53">
        <v>5700.3240223463699</v>
      </c>
      <c r="BP2504" s="53">
        <v>5700.3240223463699</v>
      </c>
      <c r="BQ2504" s="53">
        <v>5700.3240223463699</v>
      </c>
      <c r="BR2504" s="53">
        <v>5700.3240223463699</v>
      </c>
      <c r="BS2504" s="53">
        <v>5700.3240223463699</v>
      </c>
      <c r="BT2504" s="53">
        <v>5700.3240223463699</v>
      </c>
      <c r="BU2504" s="53">
        <v>5700.3240223463699</v>
      </c>
      <c r="BV2504" s="53">
        <v>5700.3240223463699</v>
      </c>
      <c r="BW2504" s="53">
        <v>5700.3240223463699</v>
      </c>
      <c r="BX2504" s="53">
        <v>5700.3240223463699</v>
      </c>
      <c r="BY2504" s="53">
        <v>5700.3240223463699</v>
      </c>
      <c r="BZ2504" s="53">
        <v>5700.3240223463699</v>
      </c>
      <c r="CA2504" s="53">
        <v>68403.888268156399</v>
      </c>
      <c r="CB2504" s="53"/>
      <c r="CC2504" s="53"/>
      <c r="CD2504" s="53"/>
      <c r="CE2504" s="53"/>
      <c r="CF2504" s="53"/>
      <c r="CG2504" s="53"/>
      <c r="CH2504" s="53"/>
      <c r="CI2504" s="53"/>
      <c r="CJ2504" s="53"/>
      <c r="CK2504" s="53"/>
      <c r="CL2504" s="53"/>
      <c r="CM2504" s="53"/>
      <c r="CN2504" s="53"/>
    </row>
    <row r="2505" spans="1:92" outlineLevel="1">
      <c r="A2505" s="52" t="s">
        <v>729</v>
      </c>
      <c r="B2505" s="53">
        <v>8149.6234309623396</v>
      </c>
      <c r="C2505" s="53">
        <v>8149.6202531645504</v>
      </c>
      <c r="D2505" s="53">
        <v>8149.6255319148904</v>
      </c>
      <c r="E2505" s="53">
        <v>8149.6223175965597</v>
      </c>
      <c r="F2505" s="53">
        <v>8149.6277056277004</v>
      </c>
      <c r="G2505" s="53">
        <v>8149.6244541484702</v>
      </c>
      <c r="H2505" s="53">
        <v>8149.62114537445</v>
      </c>
      <c r="I2505" s="53">
        <v>8149.6266666666597</v>
      </c>
      <c r="J2505" s="53">
        <v>8149.6233183856502</v>
      </c>
      <c r="K2505" s="53">
        <v>8149.6199095022603</v>
      </c>
      <c r="L2505" s="53">
        <v>8149.6255707762502</v>
      </c>
      <c r="M2505" s="53">
        <v>8149.62211981566</v>
      </c>
      <c r="N2505" s="53">
        <v>97795.482423935493</v>
      </c>
      <c r="O2505" s="53">
        <v>8149.6279069767397</v>
      </c>
      <c r="P2505" s="53">
        <v>8149.6279069767397</v>
      </c>
      <c r="Q2505" s="53">
        <v>8149.6279069767397</v>
      </c>
      <c r="R2505" s="53">
        <v>8149.6279069767397</v>
      </c>
      <c r="S2505" s="53">
        <v>8149.6279069767397</v>
      </c>
      <c r="T2505" s="53">
        <v>8149.6279069767397</v>
      </c>
      <c r="U2505" s="53">
        <v>8149.6279069767397</v>
      </c>
      <c r="V2505" s="53">
        <v>8149.6279069767397</v>
      </c>
      <c r="W2505" s="53">
        <v>8149.6279069767397</v>
      </c>
      <c r="X2505" s="53">
        <v>8149.6279069767397</v>
      </c>
      <c r="Y2505" s="53">
        <v>8149.6279069767397</v>
      </c>
      <c r="Z2505" s="53">
        <v>8149.6279069767397</v>
      </c>
      <c r="AA2505" s="53">
        <v>97795.534883720902</v>
      </c>
      <c r="AB2505" s="53">
        <v>8149.6279069767397</v>
      </c>
      <c r="AC2505" s="53">
        <v>8149.6279069767397</v>
      </c>
      <c r="AD2505" s="53">
        <v>8149.6279069767397</v>
      </c>
      <c r="AE2505" s="53">
        <v>8149.6279069767397</v>
      </c>
      <c r="AF2505" s="53">
        <v>8149.6279069767397</v>
      </c>
      <c r="AG2505" s="53">
        <v>8149.6279069767297</v>
      </c>
      <c r="AH2505" s="53">
        <v>8149.6279069767297</v>
      </c>
      <c r="AI2505" s="53">
        <v>8149.6279069767297</v>
      </c>
      <c r="AJ2505" s="53">
        <v>8149.6279069767297</v>
      </c>
      <c r="AK2505" s="53">
        <v>8149.6279069767297</v>
      </c>
      <c r="AL2505" s="53">
        <v>8149.6279069767297</v>
      </c>
      <c r="AM2505" s="53">
        <v>8149.6279069767297</v>
      </c>
      <c r="AN2505" s="53">
        <v>97795.5348837208</v>
      </c>
      <c r="AO2505" s="53">
        <v>8149.6279069767297</v>
      </c>
      <c r="AP2505" s="53">
        <v>8149.6279069767297</v>
      </c>
      <c r="AQ2505" s="53">
        <v>8149.6279069767297</v>
      </c>
      <c r="AR2505" s="53">
        <v>8149.6279069767297</v>
      </c>
      <c r="AS2505" s="53">
        <v>8149.6279069767297</v>
      </c>
      <c r="AT2505" s="53">
        <v>8149.6279069767297</v>
      </c>
      <c r="AU2505" s="53">
        <v>8149.6279069767297</v>
      </c>
      <c r="AV2505" s="53">
        <v>8149.6279069767297</v>
      </c>
      <c r="AW2505" s="53">
        <v>8149.6279069767297</v>
      </c>
      <c r="AX2505" s="53">
        <v>8149.6279069767297</v>
      </c>
      <c r="AY2505" s="53">
        <v>8149.6279069767297</v>
      </c>
      <c r="AZ2505" s="53">
        <v>8149.6279069767197</v>
      </c>
      <c r="BA2505" s="53">
        <v>97795.534883720698</v>
      </c>
      <c r="BB2505" s="53">
        <v>8149.6279069767197</v>
      </c>
      <c r="BC2505" s="53">
        <v>8149.6279069767197</v>
      </c>
      <c r="BD2505" s="53">
        <v>8149.6279069767197</v>
      </c>
      <c r="BE2505" s="53">
        <v>8149.6279069767197</v>
      </c>
      <c r="BF2505" s="53">
        <v>8149.6279069767197</v>
      </c>
      <c r="BG2505" s="53">
        <v>8149.6279069767197</v>
      </c>
      <c r="BH2505" s="53">
        <v>8149.6279069767197</v>
      </c>
      <c r="BI2505" s="53">
        <v>8149.6279069767197</v>
      </c>
      <c r="BJ2505" s="53">
        <v>8149.6279069767197</v>
      </c>
      <c r="BK2505" s="53">
        <v>8149.6279069767197</v>
      </c>
      <c r="BL2505" s="53">
        <v>8149.6279069767197</v>
      </c>
      <c r="BM2505" s="53">
        <v>8149.6279069767197</v>
      </c>
      <c r="BN2505" s="53">
        <v>97795.534883720698</v>
      </c>
      <c r="BO2505" s="53">
        <v>8149.6279069767197</v>
      </c>
      <c r="BP2505" s="53">
        <v>8149.6279069767197</v>
      </c>
      <c r="BQ2505" s="53">
        <v>8149.6279069767197</v>
      </c>
      <c r="BR2505" s="53">
        <v>8149.6279069767197</v>
      </c>
      <c r="BS2505" s="53">
        <v>8149.6279069767197</v>
      </c>
      <c r="BT2505" s="53">
        <v>8149.6279069767197</v>
      </c>
      <c r="BU2505" s="53">
        <v>8149.6279069767197</v>
      </c>
      <c r="BV2505" s="53">
        <v>8149.6279069767197</v>
      </c>
      <c r="BW2505" s="53">
        <v>8149.6279069767197</v>
      </c>
      <c r="BX2505" s="53">
        <v>8149.6279069767197</v>
      </c>
      <c r="BY2505" s="53">
        <v>8149.6279069767197</v>
      </c>
      <c r="BZ2505" s="53">
        <v>8149.6279069767197</v>
      </c>
      <c r="CA2505" s="53">
        <v>97795.534883720597</v>
      </c>
      <c r="CB2505" s="53">
        <v>-38996.049261083703</v>
      </c>
      <c r="CC2505" s="53">
        <v>-38996.049261083703</v>
      </c>
      <c r="CD2505" s="53">
        <v>-38996.049261083703</v>
      </c>
      <c r="CE2505" s="53">
        <v>-38996.049261083703</v>
      </c>
      <c r="CF2505" s="53">
        <v>-38996.049261083703</v>
      </c>
      <c r="CG2505" s="53">
        <v>-38996.049261083703</v>
      </c>
      <c r="CH2505" s="53">
        <v>-38996.049261083703</v>
      </c>
      <c r="CI2505" s="53">
        <v>-38996.049261083703</v>
      </c>
      <c r="CJ2505" s="53">
        <v>-38996.049261083703</v>
      </c>
      <c r="CK2505" s="53">
        <v>-38996.049261083703</v>
      </c>
      <c r="CL2505" s="53">
        <v>-38996.049261083703</v>
      </c>
      <c r="CM2505" s="53">
        <v>-38996.049261083703</v>
      </c>
      <c r="CN2505" s="53">
        <v>-467952.591133004</v>
      </c>
    </row>
    <row r="2506" spans="1:92" outlineLevel="1">
      <c r="A2506" s="52" t="s">
        <v>730</v>
      </c>
      <c r="B2506" s="53">
        <v>7907.1043115438097</v>
      </c>
      <c r="C2506" s="53">
        <v>7907.1046025104597</v>
      </c>
      <c r="D2506" s="53">
        <v>7907.1048951048897</v>
      </c>
      <c r="E2506" s="53">
        <v>7907.1051893408103</v>
      </c>
      <c r="F2506" s="53">
        <v>7907.1054852320603</v>
      </c>
      <c r="G2506" s="53">
        <v>7907.10296191819</v>
      </c>
      <c r="H2506" s="53">
        <v>7907.1032531824603</v>
      </c>
      <c r="I2506" s="53">
        <v>7907.1035460992898</v>
      </c>
      <c r="J2506" s="53">
        <v>7907.1038406827802</v>
      </c>
      <c r="K2506" s="53">
        <v>7907.1041369472096</v>
      </c>
      <c r="L2506" s="53">
        <v>7907.1044349070098</v>
      </c>
      <c r="M2506" s="53">
        <v>7907.1047345767502</v>
      </c>
      <c r="N2506" s="53">
        <v>94885.251392045699</v>
      </c>
      <c r="O2506" s="53">
        <v>7907.1050359712199</v>
      </c>
      <c r="P2506" s="53">
        <v>7907.1050359712199</v>
      </c>
      <c r="Q2506" s="53">
        <v>7907.1050359712199</v>
      </c>
      <c r="R2506" s="53">
        <v>7907.1050359712199</v>
      </c>
      <c r="S2506" s="53">
        <v>7907.1050359712199</v>
      </c>
      <c r="T2506" s="53">
        <v>7907.1050359712199</v>
      </c>
      <c r="U2506" s="53">
        <v>7907.1050359712199</v>
      </c>
      <c r="V2506" s="53">
        <v>7907.1050359712199</v>
      </c>
      <c r="W2506" s="53">
        <v>7907.1050359712199</v>
      </c>
      <c r="X2506" s="53">
        <v>7907.1050359712199</v>
      </c>
      <c r="Y2506" s="53">
        <v>7907.1050359712199</v>
      </c>
      <c r="Z2506" s="53">
        <v>7907.1050359712199</v>
      </c>
      <c r="AA2506" s="53">
        <v>94885.260431654693</v>
      </c>
      <c r="AB2506" s="53">
        <v>7907.1050359712199</v>
      </c>
      <c r="AC2506" s="53">
        <v>7907.1050359712199</v>
      </c>
      <c r="AD2506" s="53">
        <v>7907.1050359712199</v>
      </c>
      <c r="AE2506" s="53">
        <v>7907.1050359712199</v>
      </c>
      <c r="AF2506" s="53">
        <v>7907.1050359712199</v>
      </c>
      <c r="AG2506" s="53">
        <v>7907.1050359712199</v>
      </c>
      <c r="AH2506" s="53">
        <v>7907.1050359712199</v>
      </c>
      <c r="AI2506" s="53">
        <v>7907.1050359712199</v>
      </c>
      <c r="AJ2506" s="53">
        <v>7907.1050359712199</v>
      </c>
      <c r="AK2506" s="53">
        <v>7907.1050359712199</v>
      </c>
      <c r="AL2506" s="53">
        <v>7907.1050359712199</v>
      </c>
      <c r="AM2506" s="53">
        <v>7907.1050359712199</v>
      </c>
      <c r="AN2506" s="53">
        <v>94885.260431654693</v>
      </c>
      <c r="AO2506" s="53">
        <v>7907.1050359712199</v>
      </c>
      <c r="AP2506" s="53">
        <v>7907.1050359712199</v>
      </c>
      <c r="AQ2506" s="53">
        <v>7907.1050359712199</v>
      </c>
      <c r="AR2506" s="53">
        <v>7907.1050359712199</v>
      </c>
      <c r="AS2506" s="53">
        <v>7907.1050359712199</v>
      </c>
      <c r="AT2506" s="53">
        <v>7907.1050359712199</v>
      </c>
      <c r="AU2506" s="53">
        <v>7907.1050359712199</v>
      </c>
      <c r="AV2506" s="53">
        <v>7907.1050359712199</v>
      </c>
      <c r="AW2506" s="53">
        <v>7907.1050359712199</v>
      </c>
      <c r="AX2506" s="53">
        <v>7907.1050359712199</v>
      </c>
      <c r="AY2506" s="53">
        <v>7907.1050359712199</v>
      </c>
      <c r="AZ2506" s="53">
        <v>7907.1050359712199</v>
      </c>
      <c r="BA2506" s="53">
        <v>94885.260431654693</v>
      </c>
      <c r="BB2506" s="53">
        <v>7907.1050359712199</v>
      </c>
      <c r="BC2506" s="53">
        <v>7907.1050359712199</v>
      </c>
      <c r="BD2506" s="53">
        <v>7907.1050359712199</v>
      </c>
      <c r="BE2506" s="53">
        <v>7907.1050359712199</v>
      </c>
      <c r="BF2506" s="53">
        <v>7907.1050359712199</v>
      </c>
      <c r="BG2506" s="53">
        <v>7907.1050359712199</v>
      </c>
      <c r="BH2506" s="53">
        <v>7907.1050359712199</v>
      </c>
      <c r="BI2506" s="53">
        <v>7907.1050359712199</v>
      </c>
      <c r="BJ2506" s="53">
        <v>7907.1050359712199</v>
      </c>
      <c r="BK2506" s="53">
        <v>7907.1050359712199</v>
      </c>
      <c r="BL2506" s="53">
        <v>7907.1050359712199</v>
      </c>
      <c r="BM2506" s="53">
        <v>7907.1050359712199</v>
      </c>
      <c r="BN2506" s="53">
        <v>94885.260431654693</v>
      </c>
      <c r="BO2506" s="53">
        <v>7907.1050359712199</v>
      </c>
      <c r="BP2506" s="53">
        <v>7907.1050359712199</v>
      </c>
      <c r="BQ2506" s="53">
        <v>7907.1050359712199</v>
      </c>
      <c r="BR2506" s="53">
        <v>7907.1050359712199</v>
      </c>
      <c r="BS2506" s="53">
        <v>7907.1050359712199</v>
      </c>
      <c r="BT2506" s="53">
        <v>7907.1050359712199</v>
      </c>
      <c r="BU2506" s="53">
        <v>7907.1050359712199</v>
      </c>
      <c r="BV2506" s="53">
        <v>7907.1050359712199</v>
      </c>
      <c r="BW2506" s="53">
        <v>7907.1050359712199</v>
      </c>
      <c r="BX2506" s="53">
        <v>7907.1050359712199</v>
      </c>
      <c r="BY2506" s="53">
        <v>7907.1050359712199</v>
      </c>
      <c r="BZ2506" s="53">
        <v>7907.1050359712199</v>
      </c>
      <c r="CA2506" s="53">
        <v>94885.260431654693</v>
      </c>
      <c r="CB2506" s="53">
        <v>-48595.514644351497</v>
      </c>
      <c r="CC2506" s="53">
        <v>-48595.514644351497</v>
      </c>
      <c r="CD2506" s="53">
        <v>-48595.514644351497</v>
      </c>
      <c r="CE2506" s="53">
        <v>-48595.514644351497</v>
      </c>
      <c r="CF2506" s="53">
        <v>-48595.514644351497</v>
      </c>
      <c r="CG2506" s="53">
        <v>-48595.514644351497</v>
      </c>
      <c r="CH2506" s="53">
        <v>-48595.514644351497</v>
      </c>
      <c r="CI2506" s="53">
        <v>-48595.514644351497</v>
      </c>
      <c r="CJ2506" s="53">
        <v>-48595.514644351497</v>
      </c>
      <c r="CK2506" s="53">
        <v>-48595.514644351497</v>
      </c>
      <c r="CL2506" s="53">
        <v>-48595.514644351497</v>
      </c>
      <c r="CM2506" s="53">
        <v>-48595.514644351497</v>
      </c>
      <c r="CN2506" s="53">
        <v>-583146.17573221796</v>
      </c>
    </row>
    <row r="2507" spans="1:92" outlineLevel="1">
      <c r="A2507" s="52" t="s">
        <v>1565</v>
      </c>
      <c r="B2507" s="53"/>
      <c r="C2507" s="53"/>
      <c r="D2507" s="53"/>
      <c r="E2507" s="53"/>
      <c r="F2507" s="53"/>
      <c r="G2507" s="53"/>
      <c r="H2507" s="53"/>
      <c r="I2507" s="53"/>
      <c r="J2507" s="53"/>
      <c r="K2507" s="53"/>
      <c r="L2507" s="53">
        <v>5899.2140545538596</v>
      </c>
      <c r="M2507" s="53">
        <v>8857.0264255910897</v>
      </c>
      <c r="N2507" s="53">
        <v>14756.240480144899</v>
      </c>
      <c r="O2507" s="53">
        <v>8857.0264993026503</v>
      </c>
      <c r="P2507" s="53">
        <v>8857.0264993026503</v>
      </c>
      <c r="Q2507" s="53">
        <v>8857.0264993026503</v>
      </c>
      <c r="R2507" s="53">
        <v>8857.0264993026503</v>
      </c>
      <c r="S2507" s="53">
        <v>8857.0264993026503</v>
      </c>
      <c r="T2507" s="53">
        <v>8857.0264993026503</v>
      </c>
      <c r="U2507" s="53">
        <v>8857.0264993026503</v>
      </c>
      <c r="V2507" s="53">
        <v>8857.0264993026503</v>
      </c>
      <c r="W2507" s="53">
        <v>8857.0264993026394</v>
      </c>
      <c r="X2507" s="53">
        <v>8857.0264993026394</v>
      </c>
      <c r="Y2507" s="53">
        <v>8857.0264993026394</v>
      </c>
      <c r="Z2507" s="53">
        <v>8857.0264993026394</v>
      </c>
      <c r="AA2507" s="53">
        <v>106284.317991631</v>
      </c>
      <c r="AB2507" s="53">
        <v>8857.0264993026394</v>
      </c>
      <c r="AC2507" s="53">
        <v>8857.0264993026394</v>
      </c>
      <c r="AD2507" s="53">
        <v>8857.0264993026394</v>
      </c>
      <c r="AE2507" s="53">
        <v>8857.0264993026394</v>
      </c>
      <c r="AF2507" s="53">
        <v>8857.0264993026394</v>
      </c>
      <c r="AG2507" s="53">
        <v>8857.0264993026394</v>
      </c>
      <c r="AH2507" s="53">
        <v>8857.0264993026394</v>
      </c>
      <c r="AI2507" s="53">
        <v>8857.0264993026394</v>
      </c>
      <c r="AJ2507" s="53">
        <v>8857.0264993026394</v>
      </c>
      <c r="AK2507" s="53">
        <v>8857.0264993026394</v>
      </c>
      <c r="AL2507" s="53">
        <v>8857.0264993026394</v>
      </c>
      <c r="AM2507" s="53">
        <v>8857.0264993026394</v>
      </c>
      <c r="AN2507" s="53">
        <v>106284.317991631</v>
      </c>
      <c r="AO2507" s="53">
        <v>8857.0264993026394</v>
      </c>
      <c r="AP2507" s="53">
        <v>8857.0264993026394</v>
      </c>
      <c r="AQ2507" s="53">
        <v>8857.0264993026394</v>
      </c>
      <c r="AR2507" s="53">
        <v>8857.0264993026394</v>
      </c>
      <c r="AS2507" s="53">
        <v>8857.0264993026394</v>
      </c>
      <c r="AT2507" s="53">
        <v>8857.0264993026394</v>
      </c>
      <c r="AU2507" s="53">
        <v>8857.0264993026394</v>
      </c>
      <c r="AV2507" s="53">
        <v>8857.0264993026394</v>
      </c>
      <c r="AW2507" s="53">
        <v>8857.0264993026394</v>
      </c>
      <c r="AX2507" s="53">
        <v>8857.0264993026394</v>
      </c>
      <c r="AY2507" s="53">
        <v>8857.0264993026394</v>
      </c>
      <c r="AZ2507" s="53">
        <v>8857.0264993026394</v>
      </c>
      <c r="BA2507" s="53">
        <v>106284.317991631</v>
      </c>
      <c r="BB2507" s="53">
        <v>8857.0264993026394</v>
      </c>
      <c r="BC2507" s="53">
        <v>8857.0264993026394</v>
      </c>
      <c r="BD2507" s="53">
        <v>8857.0264993026394</v>
      </c>
      <c r="BE2507" s="53">
        <v>8857.0264993026394</v>
      </c>
      <c r="BF2507" s="53">
        <v>8857.0264993026394</v>
      </c>
      <c r="BG2507" s="53">
        <v>8857.0264993026394</v>
      </c>
      <c r="BH2507" s="53">
        <v>8857.0264993026394</v>
      </c>
      <c r="BI2507" s="53">
        <v>8857.0264993026394</v>
      </c>
      <c r="BJ2507" s="53">
        <v>8857.0264993026394</v>
      </c>
      <c r="BK2507" s="53">
        <v>8857.0264993026394</v>
      </c>
      <c r="BL2507" s="53">
        <v>8857.0264993026394</v>
      </c>
      <c r="BM2507" s="53">
        <v>8857.0264993026394</v>
      </c>
      <c r="BN2507" s="53">
        <v>106284.317991631</v>
      </c>
      <c r="BO2507" s="53">
        <v>8857.0264993026394</v>
      </c>
      <c r="BP2507" s="53">
        <v>8857.0264993026394</v>
      </c>
      <c r="BQ2507" s="53">
        <v>8857.0264993026394</v>
      </c>
      <c r="BR2507" s="53">
        <v>8857.0264993026394</v>
      </c>
      <c r="BS2507" s="53">
        <v>8857.0264993026394</v>
      </c>
      <c r="BT2507" s="53">
        <v>8857.0264993026394</v>
      </c>
      <c r="BU2507" s="53">
        <v>8857.0264993026303</v>
      </c>
      <c r="BV2507" s="53">
        <v>8857.0264993026303</v>
      </c>
      <c r="BW2507" s="53">
        <v>8857.0264993026303</v>
      </c>
      <c r="BX2507" s="53">
        <v>8857.0264993026303</v>
      </c>
      <c r="BY2507" s="53">
        <v>8857.0264993026303</v>
      </c>
      <c r="BZ2507" s="53">
        <v>8857.0264993026303</v>
      </c>
      <c r="CA2507" s="53">
        <v>106284.317991631</v>
      </c>
      <c r="CB2507" s="53">
        <v>-16652.086230876201</v>
      </c>
      <c r="CC2507" s="53">
        <v>-16652.086230876201</v>
      </c>
      <c r="CD2507" s="53">
        <v>-16652.086230876201</v>
      </c>
      <c r="CE2507" s="53">
        <v>-16652.086230876201</v>
      </c>
      <c r="CF2507" s="53">
        <v>-16652.086230876201</v>
      </c>
      <c r="CG2507" s="53">
        <v>-16652.086230876201</v>
      </c>
      <c r="CH2507" s="53">
        <v>-16652.086230876201</v>
      </c>
      <c r="CI2507" s="53">
        <v>-16652.086230876201</v>
      </c>
      <c r="CJ2507" s="53">
        <v>-16652.086230876201</v>
      </c>
      <c r="CK2507" s="53">
        <v>-16652.086230876201</v>
      </c>
      <c r="CL2507" s="53">
        <v>-16652.086230876201</v>
      </c>
      <c r="CM2507" s="53">
        <v>-16652.086230876201</v>
      </c>
      <c r="CN2507" s="53">
        <v>-199825.034770514</v>
      </c>
    </row>
    <row r="2508" spans="1:92" outlineLevel="1">
      <c r="A2508" s="52" t="s">
        <v>1580</v>
      </c>
      <c r="B2508" s="53"/>
      <c r="C2508" s="53"/>
      <c r="D2508" s="53"/>
      <c r="E2508" s="53"/>
      <c r="F2508" s="53"/>
      <c r="G2508" s="53"/>
      <c r="H2508" s="53"/>
      <c r="I2508" s="53"/>
      <c r="J2508" s="53"/>
      <c r="K2508" s="53"/>
      <c r="L2508" s="53"/>
      <c r="M2508" s="53"/>
      <c r="N2508" s="53"/>
      <c r="O2508" s="53"/>
      <c r="P2508" s="53"/>
      <c r="Q2508" s="53"/>
      <c r="R2508" s="53"/>
      <c r="S2508" s="53"/>
      <c r="T2508" s="53"/>
      <c r="U2508" s="53"/>
      <c r="V2508" s="53"/>
      <c r="W2508" s="53"/>
      <c r="X2508" s="53"/>
      <c r="Y2508" s="53"/>
      <c r="Z2508" s="53"/>
      <c r="AA2508" s="53"/>
      <c r="AB2508" s="53"/>
      <c r="AC2508" s="53"/>
      <c r="AD2508" s="53"/>
      <c r="AE2508" s="53"/>
      <c r="AF2508" s="53"/>
      <c r="AG2508" s="53"/>
      <c r="AH2508" s="53"/>
      <c r="AI2508" s="53"/>
      <c r="AJ2508" s="53"/>
      <c r="AK2508" s="53"/>
      <c r="AL2508" s="53"/>
      <c r="AM2508" s="53"/>
      <c r="AN2508" s="53"/>
      <c r="AO2508" s="53"/>
      <c r="AP2508" s="53"/>
      <c r="AQ2508" s="53"/>
      <c r="AR2508" s="53"/>
      <c r="AS2508" s="53"/>
      <c r="AT2508" s="53"/>
      <c r="AU2508" s="53"/>
      <c r="AV2508" s="53"/>
      <c r="AW2508" s="53"/>
      <c r="AX2508" s="53"/>
      <c r="AY2508" s="53"/>
      <c r="AZ2508" s="53"/>
      <c r="BA2508" s="53"/>
      <c r="BB2508" s="53"/>
      <c r="BC2508" s="53"/>
      <c r="BD2508" s="53"/>
      <c r="BE2508" s="53"/>
      <c r="BF2508" s="53"/>
      <c r="BG2508" s="53"/>
      <c r="BH2508" s="53"/>
      <c r="BI2508" s="53"/>
      <c r="BJ2508" s="53"/>
      <c r="BK2508" s="53"/>
      <c r="BL2508" s="53"/>
      <c r="BM2508" s="53"/>
      <c r="BN2508" s="53"/>
      <c r="BO2508" s="53"/>
      <c r="BP2508" s="53"/>
      <c r="BQ2508" s="53"/>
      <c r="BR2508" s="53"/>
      <c r="BS2508" s="53"/>
      <c r="BT2508" s="53"/>
      <c r="BU2508" s="53"/>
      <c r="BV2508" s="53"/>
      <c r="BW2508" s="53"/>
      <c r="BX2508" s="53"/>
      <c r="BY2508" s="53"/>
      <c r="BZ2508" s="53"/>
      <c r="CA2508" s="53"/>
      <c r="CB2508" s="53"/>
      <c r="CC2508" s="53"/>
      <c r="CD2508" s="53"/>
      <c r="CE2508" s="53"/>
      <c r="CF2508" s="53"/>
      <c r="CG2508" s="53"/>
      <c r="CH2508" s="53"/>
      <c r="CI2508" s="53"/>
      <c r="CJ2508" s="53"/>
      <c r="CK2508" s="53"/>
      <c r="CL2508" s="53"/>
      <c r="CM2508" s="53"/>
      <c r="CN2508" s="53"/>
    </row>
    <row r="2509" spans="1:92" outlineLevel="1">
      <c r="A2509" s="52" t="s">
        <v>711</v>
      </c>
      <c r="B2509" s="53"/>
      <c r="C2509" s="53"/>
      <c r="D2509" s="53"/>
      <c r="E2509" s="53"/>
      <c r="F2509" s="53"/>
      <c r="G2509" s="53"/>
      <c r="H2509" s="53"/>
      <c r="I2509" s="53"/>
      <c r="J2509" s="53"/>
      <c r="K2509" s="53"/>
      <c r="L2509" s="53"/>
      <c r="M2509" s="53"/>
      <c r="N2509" s="53"/>
      <c r="O2509" s="53"/>
      <c r="P2509" s="53"/>
      <c r="Q2509" s="53"/>
      <c r="R2509" s="53"/>
      <c r="S2509" s="53"/>
      <c r="T2509" s="53"/>
      <c r="U2509" s="53"/>
      <c r="V2509" s="53"/>
      <c r="W2509" s="53"/>
      <c r="X2509" s="53"/>
      <c r="Y2509" s="53"/>
      <c r="Z2509" s="53"/>
      <c r="AA2509" s="53"/>
      <c r="AB2509" s="53"/>
      <c r="AC2509" s="53"/>
      <c r="AD2509" s="53"/>
      <c r="AE2509" s="53"/>
      <c r="AF2509" s="53"/>
      <c r="AG2509" s="53"/>
      <c r="AH2509" s="53"/>
      <c r="AI2509" s="53"/>
      <c r="AJ2509" s="53"/>
      <c r="AK2509" s="53"/>
      <c r="AL2509" s="53"/>
      <c r="AM2509" s="53"/>
      <c r="AN2509" s="53"/>
      <c r="AO2509" s="53"/>
      <c r="AP2509" s="53"/>
      <c r="AQ2509" s="53"/>
      <c r="AR2509" s="53"/>
      <c r="AS2509" s="53"/>
      <c r="AT2509" s="53"/>
      <c r="AU2509" s="53"/>
      <c r="AV2509" s="53"/>
      <c r="AW2509" s="53"/>
      <c r="AX2509" s="53"/>
      <c r="AY2509" s="53"/>
      <c r="AZ2509" s="53"/>
      <c r="BA2509" s="53"/>
      <c r="BB2509" s="53"/>
      <c r="BC2509" s="53"/>
      <c r="BD2509" s="53"/>
      <c r="BE2509" s="53"/>
      <c r="BF2509" s="53"/>
      <c r="BG2509" s="53"/>
      <c r="BH2509" s="53"/>
      <c r="BI2509" s="53"/>
      <c r="BJ2509" s="53"/>
      <c r="BK2509" s="53"/>
      <c r="BL2509" s="53"/>
      <c r="BM2509" s="53"/>
      <c r="BN2509" s="53"/>
      <c r="BO2509" s="53"/>
      <c r="BP2509" s="53">
        <v>150000000</v>
      </c>
      <c r="BQ2509" s="53"/>
      <c r="BR2509" s="53"/>
      <c r="BS2509" s="53"/>
      <c r="BT2509" s="53"/>
      <c r="BU2509" s="53"/>
      <c r="BV2509" s="53"/>
      <c r="BW2509" s="53"/>
      <c r="BX2509" s="53"/>
      <c r="BY2509" s="53"/>
      <c r="BZ2509" s="53"/>
      <c r="CA2509" s="53">
        <v>150000000</v>
      </c>
      <c r="CB2509" s="53">
        <v>-1213.9315068493099</v>
      </c>
      <c r="CC2509" s="53">
        <v>-1213.9315068493099</v>
      </c>
      <c r="CD2509" s="53">
        <v>-1213.9315068493099</v>
      </c>
      <c r="CE2509" s="53">
        <v>-1213.9315068493099</v>
      </c>
      <c r="CF2509" s="53">
        <v>-1213.9315068493099</v>
      </c>
      <c r="CG2509" s="53">
        <v>-1213.9315068493099</v>
      </c>
      <c r="CH2509" s="53">
        <v>-1213.9315068493099</v>
      </c>
      <c r="CI2509" s="53">
        <v>-1213.9315068493099</v>
      </c>
      <c r="CJ2509" s="53">
        <v>-1213.9315068493099</v>
      </c>
      <c r="CK2509" s="53">
        <v>-1213.9315068493099</v>
      </c>
      <c r="CL2509" s="53">
        <v>-1213.9315068493099</v>
      </c>
      <c r="CM2509" s="53">
        <v>-1213.9315068493099</v>
      </c>
      <c r="CN2509" s="53">
        <v>-14567.1780821917</v>
      </c>
    </row>
    <row r="2510" spans="1:92" outlineLevel="1">
      <c r="A2510" s="52" t="s">
        <v>723</v>
      </c>
      <c r="B2510" s="53"/>
      <c r="C2510" s="53"/>
      <c r="D2510" s="53"/>
      <c r="E2510" s="53"/>
      <c r="F2510" s="53"/>
      <c r="G2510" s="53"/>
      <c r="H2510" s="53"/>
      <c r="I2510" s="53"/>
      <c r="J2510" s="53"/>
      <c r="K2510" s="53"/>
      <c r="L2510" s="53"/>
      <c r="M2510" s="53"/>
      <c r="N2510" s="53"/>
      <c r="O2510" s="53"/>
      <c r="P2510" s="53"/>
      <c r="Q2510" s="53"/>
      <c r="R2510" s="53"/>
      <c r="S2510" s="53"/>
      <c r="T2510" s="53"/>
      <c r="U2510" s="53"/>
      <c r="V2510" s="53"/>
      <c r="W2510" s="53"/>
      <c r="X2510" s="53"/>
      <c r="Y2510" s="53"/>
      <c r="Z2510" s="53"/>
      <c r="AA2510" s="53"/>
      <c r="AB2510" s="53"/>
      <c r="AC2510" s="53"/>
      <c r="AD2510" s="53"/>
      <c r="AE2510" s="53"/>
      <c r="AF2510" s="53"/>
      <c r="AG2510" s="53"/>
      <c r="AH2510" s="53"/>
      <c r="AI2510" s="53"/>
      <c r="AJ2510" s="53"/>
      <c r="AK2510" s="53"/>
      <c r="AL2510" s="53"/>
      <c r="AM2510" s="53"/>
      <c r="AN2510" s="53"/>
      <c r="AO2510" s="53"/>
      <c r="AP2510" s="53"/>
      <c r="AQ2510" s="53"/>
      <c r="AR2510" s="53"/>
      <c r="AS2510" s="53"/>
      <c r="AT2510" s="53"/>
      <c r="AU2510" s="53"/>
      <c r="AV2510" s="53"/>
      <c r="AW2510" s="53"/>
      <c r="AX2510" s="53"/>
      <c r="AY2510" s="53"/>
      <c r="AZ2510" s="53"/>
      <c r="BA2510" s="53"/>
      <c r="BB2510" s="53">
        <v>650000000</v>
      </c>
      <c r="BC2510" s="53"/>
      <c r="BD2510" s="53"/>
      <c r="BE2510" s="53"/>
      <c r="BF2510" s="53"/>
      <c r="BG2510" s="53"/>
      <c r="BH2510" s="53"/>
      <c r="BI2510" s="53"/>
      <c r="BJ2510" s="53"/>
      <c r="BK2510" s="53"/>
      <c r="BL2510" s="53"/>
      <c r="BM2510" s="53"/>
      <c r="BN2510" s="53">
        <v>650000000</v>
      </c>
      <c r="BO2510" s="53"/>
      <c r="BP2510" s="53"/>
      <c r="BQ2510" s="53"/>
      <c r="BR2510" s="53"/>
      <c r="BS2510" s="53"/>
      <c r="BT2510" s="53"/>
      <c r="BU2510" s="53"/>
      <c r="BV2510" s="53"/>
      <c r="BW2510" s="53"/>
      <c r="BX2510" s="53"/>
      <c r="BY2510" s="53"/>
      <c r="BZ2510" s="53"/>
      <c r="CA2510" s="53"/>
      <c r="CB2510" s="53">
        <v>-1583.15671641791</v>
      </c>
      <c r="CC2510" s="53">
        <v>-1583.15671641791</v>
      </c>
      <c r="CD2510" s="53">
        <v>-1583.15671641791</v>
      </c>
      <c r="CE2510" s="53">
        <v>-1583.15671641791</v>
      </c>
      <c r="CF2510" s="53">
        <v>-1583.15671641791</v>
      </c>
      <c r="CG2510" s="53">
        <v>-1583.15671641791</v>
      </c>
      <c r="CH2510" s="53">
        <v>-1583.15671641791</v>
      </c>
      <c r="CI2510" s="53">
        <v>-1583.15671641791</v>
      </c>
      <c r="CJ2510" s="53">
        <v>-1583.15671641791</v>
      </c>
      <c r="CK2510" s="53">
        <v>-1583.15671641791</v>
      </c>
      <c r="CL2510" s="53">
        <v>-1583.15671641791</v>
      </c>
      <c r="CM2510" s="53">
        <v>-1583.15671641791</v>
      </c>
      <c r="CN2510" s="53">
        <v>-18997.880597014901</v>
      </c>
    </row>
    <row r="2511" spans="1:92" outlineLevel="1">
      <c r="A2511" s="52" t="s">
        <v>725</v>
      </c>
      <c r="B2511" s="53"/>
      <c r="C2511" s="53"/>
      <c r="D2511" s="53"/>
      <c r="E2511" s="53"/>
      <c r="F2511" s="53"/>
      <c r="G2511" s="53"/>
      <c r="H2511" s="53"/>
      <c r="I2511" s="53"/>
      <c r="J2511" s="53"/>
      <c r="K2511" s="53"/>
      <c r="L2511" s="53"/>
      <c r="M2511" s="53"/>
      <c r="N2511" s="53"/>
      <c r="O2511" s="53"/>
      <c r="P2511" s="53"/>
      <c r="Q2511" s="53"/>
      <c r="R2511" s="53"/>
      <c r="S2511" s="53"/>
      <c r="T2511" s="53"/>
      <c r="U2511" s="53"/>
      <c r="V2511" s="53"/>
      <c r="W2511" s="53"/>
      <c r="X2511" s="53"/>
      <c r="Y2511" s="53"/>
      <c r="Z2511" s="53"/>
      <c r="AA2511" s="53"/>
      <c r="AB2511" s="53"/>
      <c r="AC2511" s="53"/>
      <c r="AD2511" s="53"/>
      <c r="AE2511" s="53"/>
      <c r="AF2511" s="53"/>
      <c r="AG2511" s="53"/>
      <c r="AH2511" s="53"/>
      <c r="AI2511" s="53"/>
      <c r="AJ2511" s="53"/>
      <c r="AK2511" s="53"/>
      <c r="AL2511" s="53"/>
      <c r="AM2511" s="53"/>
      <c r="AN2511" s="53"/>
      <c r="AO2511" s="53"/>
      <c r="AP2511" s="53"/>
      <c r="AQ2511" s="53"/>
      <c r="AR2511" s="53"/>
      <c r="AS2511" s="53"/>
      <c r="AT2511" s="53"/>
      <c r="AU2511" s="53"/>
      <c r="AV2511" s="53"/>
      <c r="AW2511" s="53"/>
      <c r="AX2511" s="53"/>
      <c r="AY2511" s="53"/>
      <c r="AZ2511" s="53"/>
      <c r="BA2511" s="53"/>
      <c r="BB2511" s="53"/>
      <c r="BC2511" s="53"/>
      <c r="BD2511" s="53"/>
      <c r="BE2511" s="53"/>
      <c r="BF2511" s="53"/>
      <c r="BG2511" s="53"/>
      <c r="BH2511" s="53"/>
      <c r="BI2511" s="53"/>
      <c r="BJ2511" s="53"/>
      <c r="BK2511" s="53"/>
      <c r="BL2511" s="53"/>
      <c r="BM2511" s="53"/>
      <c r="BN2511" s="53"/>
      <c r="BO2511" s="53"/>
      <c r="BP2511" s="53"/>
      <c r="BQ2511" s="53"/>
      <c r="BR2511" s="53"/>
      <c r="BS2511" s="53"/>
      <c r="BT2511" s="53"/>
      <c r="BU2511" s="53">
        <v>600000000</v>
      </c>
      <c r="BV2511" s="53"/>
      <c r="BW2511" s="53"/>
      <c r="BX2511" s="53"/>
      <c r="BY2511" s="53"/>
      <c r="BZ2511" s="53"/>
      <c r="CA2511" s="53">
        <v>600000000</v>
      </c>
      <c r="CB2511" s="53">
        <v>-1833.3899204244001</v>
      </c>
      <c r="CC2511" s="53">
        <v>-1833.3899204244001</v>
      </c>
      <c r="CD2511" s="53">
        <v>-1833.3899204244001</v>
      </c>
      <c r="CE2511" s="53">
        <v>-1833.3899204244001</v>
      </c>
      <c r="CF2511" s="53">
        <v>-1833.3899204244001</v>
      </c>
      <c r="CG2511" s="53">
        <v>-1833.3899204244001</v>
      </c>
      <c r="CH2511" s="53">
        <v>-1833.3899204244001</v>
      </c>
      <c r="CI2511" s="53">
        <v>-1833.3899204244001</v>
      </c>
      <c r="CJ2511" s="53">
        <v>-1833.3899204244001</v>
      </c>
      <c r="CK2511" s="53">
        <v>-1833.3899204244001</v>
      </c>
      <c r="CL2511" s="53">
        <v>-1833.3899204244001</v>
      </c>
      <c r="CM2511" s="53">
        <v>-1833.3899204244001</v>
      </c>
      <c r="CN2511" s="53">
        <v>-22000.679045092798</v>
      </c>
    </row>
    <row r="2512" spans="1:92" outlineLevel="1">
      <c r="A2512" s="52" t="s">
        <v>726</v>
      </c>
      <c r="B2512" s="53"/>
      <c r="C2512" s="53"/>
      <c r="D2512" s="53"/>
      <c r="E2512" s="53"/>
      <c r="F2512" s="53"/>
      <c r="G2512" s="53"/>
      <c r="H2512" s="53"/>
      <c r="I2512" s="53"/>
      <c r="J2512" s="53"/>
      <c r="K2512" s="53"/>
      <c r="L2512" s="53"/>
      <c r="M2512" s="53"/>
      <c r="N2512" s="53"/>
      <c r="O2512" s="53"/>
      <c r="P2512" s="53"/>
      <c r="Q2512" s="53"/>
      <c r="R2512" s="53"/>
      <c r="S2512" s="53"/>
      <c r="T2512" s="53"/>
      <c r="U2512" s="53"/>
      <c r="V2512" s="53"/>
      <c r="W2512" s="53"/>
      <c r="X2512" s="53"/>
      <c r="Y2512" s="53"/>
      <c r="Z2512" s="53"/>
      <c r="AA2512" s="53"/>
      <c r="AB2512" s="53"/>
      <c r="AC2512" s="53"/>
      <c r="AD2512" s="53"/>
      <c r="AE2512" s="53"/>
      <c r="AF2512" s="53"/>
      <c r="AG2512" s="53"/>
      <c r="AH2512" s="53"/>
      <c r="AI2512" s="53"/>
      <c r="AJ2512" s="53"/>
      <c r="AK2512" s="53"/>
      <c r="AL2512" s="53"/>
      <c r="AM2512" s="53"/>
      <c r="AN2512" s="53"/>
      <c r="AO2512" s="53"/>
      <c r="AP2512" s="53"/>
      <c r="AQ2512" s="53"/>
      <c r="AR2512" s="53"/>
      <c r="AS2512" s="53"/>
      <c r="AT2512" s="53"/>
      <c r="AU2512" s="53"/>
      <c r="AV2512" s="53"/>
      <c r="AW2512" s="53"/>
      <c r="AX2512" s="53"/>
      <c r="AY2512" s="53"/>
      <c r="AZ2512" s="53"/>
      <c r="BA2512" s="53"/>
      <c r="BB2512" s="53"/>
      <c r="BC2512" s="53"/>
      <c r="BD2512" s="53"/>
      <c r="BE2512" s="53"/>
      <c r="BF2512" s="53"/>
      <c r="BG2512" s="53"/>
      <c r="BH2512" s="53"/>
      <c r="BI2512" s="53"/>
      <c r="BJ2512" s="53"/>
      <c r="BK2512" s="53"/>
      <c r="BL2512" s="53"/>
      <c r="BM2512" s="53"/>
      <c r="BN2512" s="53"/>
      <c r="BO2512" s="53"/>
      <c r="BP2512" s="53"/>
      <c r="BQ2512" s="53"/>
      <c r="BR2512" s="53"/>
      <c r="BS2512" s="53"/>
      <c r="BT2512" s="53"/>
      <c r="BU2512" s="53"/>
      <c r="BV2512" s="53"/>
      <c r="BW2512" s="53"/>
      <c r="BX2512" s="53"/>
      <c r="BY2512" s="53"/>
      <c r="BZ2512" s="53"/>
      <c r="CA2512" s="53"/>
      <c r="CB2512" s="53"/>
      <c r="CC2512" s="53"/>
      <c r="CD2512" s="53"/>
      <c r="CE2512" s="53"/>
      <c r="CF2512" s="53"/>
      <c r="CG2512" s="53"/>
      <c r="CH2512" s="53"/>
      <c r="CI2512" s="53"/>
      <c r="CJ2512" s="53"/>
      <c r="CK2512" s="53"/>
      <c r="CL2512" s="53"/>
      <c r="CM2512" s="53"/>
      <c r="CN2512" s="53"/>
    </row>
    <row r="2513" spans="1:92" outlineLevel="1">
      <c r="A2513" s="52" t="s">
        <v>1564</v>
      </c>
      <c r="B2513" s="53"/>
      <c r="C2513" s="53"/>
      <c r="D2513" s="53"/>
      <c r="E2513" s="53"/>
      <c r="F2513" s="53"/>
      <c r="G2513" s="53"/>
      <c r="H2513" s="53"/>
      <c r="I2513" s="53"/>
      <c r="J2513" s="53"/>
      <c r="K2513" s="53"/>
      <c r="L2513" s="53"/>
      <c r="M2513" s="53"/>
      <c r="N2513" s="53"/>
      <c r="O2513" s="53"/>
      <c r="P2513" s="53"/>
      <c r="Q2513" s="53"/>
      <c r="R2513" s="53">
        <v>800000000</v>
      </c>
      <c r="S2513" s="53"/>
      <c r="T2513" s="53"/>
      <c r="U2513" s="53"/>
      <c r="V2513" s="53"/>
      <c r="W2513" s="53"/>
      <c r="X2513" s="53"/>
      <c r="Y2513" s="53"/>
      <c r="Z2513" s="53"/>
      <c r="AA2513" s="53">
        <v>800000000</v>
      </c>
      <c r="AB2513" s="53"/>
      <c r="AC2513" s="53"/>
      <c r="AD2513" s="53"/>
      <c r="AE2513" s="53"/>
      <c r="AF2513" s="53"/>
      <c r="AG2513" s="53"/>
      <c r="AH2513" s="53"/>
      <c r="AI2513" s="53"/>
      <c r="AJ2513" s="53"/>
      <c r="AK2513" s="53"/>
      <c r="AL2513" s="53"/>
      <c r="AM2513" s="53"/>
      <c r="AN2513" s="53"/>
      <c r="AO2513" s="53"/>
      <c r="AP2513" s="53"/>
      <c r="AQ2513" s="53"/>
      <c r="AR2513" s="53"/>
      <c r="AS2513" s="53"/>
      <c r="AT2513" s="53"/>
      <c r="AU2513" s="53"/>
      <c r="AV2513" s="53"/>
      <c r="AW2513" s="53"/>
      <c r="AX2513" s="53"/>
      <c r="AY2513" s="53"/>
      <c r="AZ2513" s="53"/>
      <c r="BA2513" s="53"/>
      <c r="BB2513" s="53"/>
      <c r="BC2513" s="53"/>
      <c r="BD2513" s="53"/>
      <c r="BE2513" s="53"/>
      <c r="BF2513" s="53"/>
      <c r="BG2513" s="53"/>
      <c r="BH2513" s="53"/>
      <c r="BI2513" s="53"/>
      <c r="BJ2513" s="53"/>
      <c r="BK2513" s="53"/>
      <c r="BL2513" s="53"/>
      <c r="BM2513" s="53"/>
      <c r="BN2513" s="53"/>
      <c r="BO2513" s="53"/>
      <c r="BP2513" s="53"/>
      <c r="BQ2513" s="53"/>
      <c r="BR2513" s="53"/>
      <c r="BS2513" s="53"/>
      <c r="BT2513" s="53"/>
      <c r="BU2513" s="53"/>
      <c r="BV2513" s="53"/>
      <c r="BW2513" s="53"/>
      <c r="BX2513" s="53"/>
      <c r="BY2513" s="53"/>
      <c r="BZ2513" s="53"/>
      <c r="CA2513" s="53"/>
      <c r="CB2513" s="53">
        <v>-11723.4531645569</v>
      </c>
      <c r="CC2513" s="53">
        <v>-11723.4531645569</v>
      </c>
      <c r="CD2513" s="53">
        <v>-11723.4531645569</v>
      </c>
      <c r="CE2513" s="53">
        <v>-11723.4531645569</v>
      </c>
      <c r="CF2513" s="53">
        <v>-11723.4531645569</v>
      </c>
      <c r="CG2513" s="53">
        <v>-11723.4531645569</v>
      </c>
      <c r="CH2513" s="53">
        <v>-11723.4531645569</v>
      </c>
      <c r="CI2513" s="53">
        <v>-11723.4531645569</v>
      </c>
      <c r="CJ2513" s="53">
        <v>-11723.4531645569</v>
      </c>
      <c r="CK2513" s="53">
        <v>-11723.4531645569</v>
      </c>
      <c r="CL2513" s="53">
        <v>-11723.4531645569</v>
      </c>
      <c r="CM2513" s="53">
        <v>-11723.4531645569</v>
      </c>
      <c r="CN2513" s="53">
        <v>-140681.43797468301</v>
      </c>
    </row>
    <row r="2514" spans="1:92" outlineLevel="1">
      <c r="A2514" s="52" t="s">
        <v>1376</v>
      </c>
      <c r="B2514" s="53"/>
      <c r="C2514" s="53"/>
      <c r="D2514" s="53"/>
      <c r="E2514" s="53"/>
      <c r="F2514" s="53"/>
      <c r="G2514" s="53"/>
      <c r="H2514" s="53"/>
      <c r="I2514" s="53"/>
      <c r="J2514" s="53"/>
      <c r="K2514" s="53"/>
      <c r="L2514" s="53"/>
      <c r="M2514" s="53"/>
      <c r="N2514" s="53"/>
      <c r="O2514" s="53"/>
      <c r="P2514" s="53"/>
      <c r="Q2514" s="53"/>
      <c r="R2514" s="53"/>
      <c r="S2514" s="53"/>
      <c r="T2514" s="53"/>
      <c r="U2514" s="53"/>
      <c r="V2514" s="53"/>
      <c r="W2514" s="53"/>
      <c r="X2514" s="53"/>
      <c r="Y2514" s="53"/>
      <c r="Z2514" s="53"/>
      <c r="AA2514" s="53"/>
      <c r="AB2514" s="53"/>
      <c r="AC2514" s="53"/>
      <c r="AD2514" s="53"/>
      <c r="AE2514" s="53"/>
      <c r="AF2514" s="53"/>
      <c r="AG2514" s="53"/>
      <c r="AH2514" s="53"/>
      <c r="AI2514" s="53"/>
      <c r="AJ2514" s="53"/>
      <c r="AK2514" s="53"/>
      <c r="AL2514" s="53"/>
      <c r="AM2514" s="53"/>
      <c r="AN2514" s="53"/>
      <c r="AO2514" s="53"/>
      <c r="AP2514" s="53"/>
      <c r="AQ2514" s="53"/>
      <c r="AR2514" s="53"/>
      <c r="AS2514" s="53"/>
      <c r="AT2514" s="53"/>
      <c r="AU2514" s="53"/>
      <c r="AV2514" s="53"/>
      <c r="AW2514" s="53"/>
      <c r="AX2514" s="53"/>
      <c r="AY2514" s="53"/>
      <c r="AZ2514" s="53"/>
      <c r="BA2514" s="53"/>
      <c r="BB2514" s="53"/>
      <c r="BC2514" s="53"/>
      <c r="BD2514" s="53"/>
      <c r="BE2514" s="53"/>
      <c r="BF2514" s="53"/>
      <c r="BG2514" s="53"/>
      <c r="BH2514" s="53"/>
      <c r="BI2514" s="53"/>
      <c r="BJ2514" s="53"/>
      <c r="BK2514" s="53"/>
      <c r="BL2514" s="53"/>
      <c r="BM2514" s="53"/>
      <c r="BN2514" s="53"/>
      <c r="BO2514" s="53"/>
      <c r="BP2514" s="53"/>
      <c r="BQ2514" s="53"/>
      <c r="BR2514" s="53"/>
      <c r="BS2514" s="53"/>
      <c r="BT2514" s="53"/>
      <c r="BU2514" s="53"/>
      <c r="BV2514" s="53"/>
      <c r="BW2514" s="53"/>
      <c r="BX2514" s="53"/>
      <c r="BY2514" s="53"/>
      <c r="BZ2514" s="53"/>
      <c r="CA2514" s="53"/>
      <c r="CB2514" s="53">
        <v>-4051.8264840182501</v>
      </c>
      <c r="CC2514" s="53">
        <v>-4051.8264840182401</v>
      </c>
      <c r="CD2514" s="53">
        <v>-4051.8264840182401</v>
      </c>
      <c r="CE2514" s="53">
        <v>-4051.8264840182401</v>
      </c>
      <c r="CF2514" s="53">
        <v>-4051.8264840182401</v>
      </c>
      <c r="CG2514" s="53">
        <v>-4051.8264840182501</v>
      </c>
      <c r="CH2514" s="53">
        <v>-4051.8264840182501</v>
      </c>
      <c r="CI2514" s="53">
        <v>-4051.8264840182401</v>
      </c>
      <c r="CJ2514" s="53">
        <v>-4051.8264840182401</v>
      </c>
      <c r="CK2514" s="53">
        <v>-4051.8264840182501</v>
      </c>
      <c r="CL2514" s="53">
        <v>-4051.8264840182401</v>
      </c>
      <c r="CM2514" s="53">
        <v>-4051.8264840182401</v>
      </c>
      <c r="CN2514" s="53">
        <v>-48621.917808218997</v>
      </c>
    </row>
    <row r="2515" spans="1:92" outlineLevel="1">
      <c r="A2515" s="52" t="s">
        <v>1587</v>
      </c>
      <c r="B2515" s="53"/>
      <c r="C2515" s="53"/>
      <c r="D2515" s="53"/>
      <c r="E2515" s="53"/>
      <c r="F2515" s="53"/>
      <c r="G2515" s="53"/>
      <c r="H2515" s="53"/>
      <c r="I2515" s="53"/>
      <c r="J2515" s="53"/>
      <c r="K2515" s="53"/>
      <c r="L2515" s="53"/>
      <c r="M2515" s="53"/>
      <c r="N2515" s="53"/>
      <c r="O2515" s="53"/>
      <c r="P2515" s="53"/>
      <c r="Q2515" s="53"/>
      <c r="R2515" s="53"/>
      <c r="S2515" s="53"/>
      <c r="T2515" s="53"/>
      <c r="U2515" s="53"/>
      <c r="V2515" s="53"/>
      <c r="W2515" s="53"/>
      <c r="X2515" s="53"/>
      <c r="Y2515" s="53"/>
      <c r="Z2515" s="53"/>
      <c r="AA2515" s="53"/>
      <c r="AB2515" s="53"/>
      <c r="AC2515" s="53"/>
      <c r="AD2515" s="53"/>
      <c r="AE2515" s="53"/>
      <c r="AF2515" s="53"/>
      <c r="AG2515" s="53"/>
      <c r="AH2515" s="53"/>
      <c r="AI2515" s="53"/>
      <c r="AJ2515" s="53"/>
      <c r="AK2515" s="53"/>
      <c r="AL2515" s="53"/>
      <c r="AM2515" s="53"/>
      <c r="AN2515" s="53"/>
      <c r="AO2515" s="53"/>
      <c r="AP2515" s="53"/>
      <c r="AQ2515" s="53"/>
      <c r="AR2515" s="53"/>
      <c r="AS2515" s="53"/>
      <c r="AT2515" s="53"/>
      <c r="AU2515" s="53"/>
      <c r="AV2515" s="53"/>
      <c r="AW2515" s="53"/>
      <c r="AX2515" s="53"/>
      <c r="AY2515" s="53"/>
      <c r="AZ2515" s="53"/>
      <c r="BA2515" s="53"/>
      <c r="BB2515" s="53"/>
      <c r="BC2515" s="53"/>
      <c r="BD2515" s="53"/>
      <c r="BE2515" s="53"/>
      <c r="BF2515" s="53"/>
      <c r="BG2515" s="53"/>
      <c r="BH2515" s="53"/>
      <c r="BI2515" s="53"/>
      <c r="BJ2515" s="53"/>
      <c r="BK2515" s="53"/>
      <c r="BL2515" s="53"/>
      <c r="BM2515" s="53"/>
      <c r="BN2515" s="53"/>
      <c r="BO2515" s="53"/>
      <c r="BP2515" s="53"/>
      <c r="BQ2515" s="53"/>
      <c r="BR2515" s="53"/>
      <c r="BS2515" s="53"/>
      <c r="BT2515" s="53"/>
      <c r="BU2515" s="53"/>
      <c r="BV2515" s="53"/>
      <c r="BW2515" s="53"/>
      <c r="BX2515" s="53"/>
      <c r="BY2515" s="53"/>
      <c r="BZ2515" s="53"/>
      <c r="CA2515" s="53"/>
      <c r="CB2515" s="53">
        <v>-3523.40918163673</v>
      </c>
      <c r="CC2515" s="53">
        <v>-3523.40918163673</v>
      </c>
      <c r="CD2515" s="53">
        <v>-3523.40918163673</v>
      </c>
      <c r="CE2515" s="53">
        <v>-3523.40918163673</v>
      </c>
      <c r="CF2515" s="53">
        <v>-3523.40918163673</v>
      </c>
      <c r="CG2515" s="53">
        <v>-3523.40918163673</v>
      </c>
      <c r="CH2515" s="53">
        <v>-3523.40918163673</v>
      </c>
      <c r="CI2515" s="53">
        <v>-3523.40918163673</v>
      </c>
      <c r="CJ2515" s="53">
        <v>-3523.40918163673</v>
      </c>
      <c r="CK2515" s="53">
        <v>-3523.40918163673</v>
      </c>
      <c r="CL2515" s="53">
        <v>-3523.40918163673</v>
      </c>
      <c r="CM2515" s="53">
        <v>-3523.40918163673</v>
      </c>
      <c r="CN2515" s="53">
        <v>-42280.910179640799</v>
      </c>
    </row>
    <row r="2516" spans="1:92" outlineLevel="1">
      <c r="A2516" s="52" t="s">
        <v>1378</v>
      </c>
      <c r="B2516" s="53">
        <v>1204871.6006449901</v>
      </c>
      <c r="C2516" s="53">
        <v>1213613.9481673399</v>
      </c>
      <c r="D2516" s="53">
        <v>661267.92870625702</v>
      </c>
      <c r="E2516" s="53">
        <v>624188.97858562798</v>
      </c>
      <c r="F2516" s="53">
        <v>1173118.9897827399</v>
      </c>
      <c r="G2516" s="53">
        <v>3149849.9456527801</v>
      </c>
      <c r="H2516" s="53">
        <v>3172704.7318834402</v>
      </c>
      <c r="I2516" s="53">
        <v>3195725.34863387</v>
      </c>
      <c r="J2516" s="53">
        <v>1152980.9991426601</v>
      </c>
      <c r="K2516" s="53">
        <v>714658.83710894606</v>
      </c>
      <c r="L2516" s="53">
        <v>719844.28252120304</v>
      </c>
      <c r="M2516" s="53">
        <v>1328096.1526611301</v>
      </c>
      <c r="N2516" s="53">
        <v>18310921.743491001</v>
      </c>
      <c r="O2516" s="53">
        <v>1326741.92699548</v>
      </c>
      <c r="P2516" s="53">
        <v>1336368.5452941</v>
      </c>
      <c r="Q2516" s="53">
        <v>784913.21273066802</v>
      </c>
      <c r="R2516" s="53">
        <v>748731.412183373</v>
      </c>
      <c r="S2516" s="53">
        <v>-3.8769374325073702</v>
      </c>
      <c r="T2516" s="53">
        <v>-3.9050678443614002</v>
      </c>
      <c r="U2516" s="53">
        <v>-3.93340236579545</v>
      </c>
      <c r="V2516" s="53">
        <v>-3.9619424777946</v>
      </c>
      <c r="W2516" s="53">
        <v>-3.9906896720897298</v>
      </c>
      <c r="X2516" s="53">
        <v>-4.0196454512354602</v>
      </c>
      <c r="Y2516" s="53">
        <v>-4.0488113286887204</v>
      </c>
      <c r="Z2516" s="53">
        <v>-4.0781888288877903</v>
      </c>
      <c r="AA2516" s="53">
        <v>4196723.2825182201</v>
      </c>
      <c r="AB2516" s="53">
        <v>-4.1077794873320599</v>
      </c>
      <c r="AC2516" s="53">
        <v>-4.1375848506622299</v>
      </c>
      <c r="AD2516" s="53">
        <v>-4.1676064767411498</v>
      </c>
      <c r="AE2516" s="53">
        <v>-4.1978459347353096</v>
      </c>
      <c r="AF2516" s="53">
        <v>-4.2283048051967498</v>
      </c>
      <c r="AG2516" s="53">
        <v>-4.2589846801457902</v>
      </c>
      <c r="AH2516" s="53">
        <v>-4.28988716315415</v>
      </c>
      <c r="AI2516" s="53">
        <v>-4.3210138694287998</v>
      </c>
      <c r="AJ2516" s="53">
        <v>-4.3523664258963901</v>
      </c>
      <c r="AK2516" s="53">
        <v>-4.3839464712882901</v>
      </c>
      <c r="AL2516" s="53">
        <v>-4.4157556562262101</v>
      </c>
      <c r="AM2516" s="53">
        <v>-4.4477956433085</v>
      </c>
      <c r="AN2516" s="53">
        <v>-51.308871464115597</v>
      </c>
      <c r="AO2516" s="53">
        <v>-4.48006810719707</v>
      </c>
      <c r="AP2516" s="53">
        <v>-4.5125747347048701</v>
      </c>
      <c r="AQ2516" s="53">
        <v>-4.5453172248840996</v>
      </c>
      <c r="AR2516" s="53">
        <v>-4.57829728911498</v>
      </c>
      <c r="AS2516" s="53">
        <v>-4.6115166511952497</v>
      </c>
      <c r="AT2516" s="53">
        <v>-4.6449770474302099</v>
      </c>
      <c r="AU2516" s="53">
        <v>-4.6786802267235101</v>
      </c>
      <c r="AV2516" s="53">
        <v>-4.71262795066857</v>
      </c>
      <c r="AW2516" s="53">
        <v>-4.7468219936406202</v>
      </c>
      <c r="AX2516" s="53">
        <v>-4.7812641428894702</v>
      </c>
      <c r="AY2516" s="53">
        <v>-4.81595619863291</v>
      </c>
      <c r="AZ2516" s="53">
        <v>-4.8508999741508196</v>
      </c>
      <c r="BA2516" s="53">
        <v>-55.959001541232396</v>
      </c>
      <c r="BB2516" s="53">
        <v>-4.8860972958799103</v>
      </c>
      <c r="BC2516" s="53">
        <v>-4.9215500035092301</v>
      </c>
      <c r="BD2516" s="53">
        <v>-4.9572599500763399</v>
      </c>
      <c r="BE2516" s="53">
        <v>-4.9932290020640604</v>
      </c>
      <c r="BF2516" s="53"/>
      <c r="BG2516" s="53"/>
      <c r="BH2516" s="53"/>
      <c r="BI2516" s="53"/>
      <c r="BJ2516" s="53"/>
      <c r="BK2516" s="53"/>
      <c r="BL2516" s="53"/>
      <c r="BM2516" s="53"/>
      <c r="BN2516" s="53">
        <v>-19.7581362515295</v>
      </c>
      <c r="BO2516" s="53"/>
      <c r="BP2516" s="53"/>
      <c r="BQ2516" s="53"/>
      <c r="BR2516" s="53"/>
      <c r="BS2516" s="53"/>
      <c r="BT2516" s="53"/>
      <c r="BU2516" s="53"/>
      <c r="BV2516" s="53"/>
      <c r="BW2516" s="53"/>
      <c r="BX2516" s="53"/>
      <c r="BY2516" s="53"/>
      <c r="BZ2516" s="53"/>
      <c r="CA2516" s="53"/>
      <c r="CB2516" s="53">
        <v>-9347.6262626262305</v>
      </c>
      <c r="CC2516" s="53">
        <v>-9347.6262626262305</v>
      </c>
      <c r="CD2516" s="53">
        <v>-9347.6262626262305</v>
      </c>
      <c r="CE2516" s="53">
        <v>-9347.6262626262305</v>
      </c>
      <c r="CF2516" s="53">
        <v>-9347.6262626262305</v>
      </c>
      <c r="CG2516" s="53">
        <v>-9347.6262626262305</v>
      </c>
      <c r="CH2516" s="53">
        <v>-9347.6262626262305</v>
      </c>
      <c r="CI2516" s="53">
        <v>-9347.6262626262305</v>
      </c>
      <c r="CJ2516" s="53">
        <v>-9347.6262626262305</v>
      </c>
      <c r="CK2516" s="53">
        <v>-9347.6262626262305</v>
      </c>
      <c r="CL2516" s="53">
        <v>-9347.6262626262305</v>
      </c>
      <c r="CM2516" s="53">
        <v>-9347.6262626262305</v>
      </c>
      <c r="CN2516" s="53">
        <v>-112171.515151514</v>
      </c>
    </row>
    <row r="2517" spans="1:92" outlineLevel="1">
      <c r="A2517" s="52" t="s">
        <v>1379</v>
      </c>
      <c r="B2517" s="53">
        <v>310944.68276122899</v>
      </c>
      <c r="C2517" s="53">
        <v>312838.85412038199</v>
      </c>
      <c r="D2517" s="53">
        <v>314744.56414006598</v>
      </c>
      <c r="E2517" s="53">
        <v>316661.88310995197</v>
      </c>
      <c r="F2517" s="53">
        <v>318590.88174789702</v>
      </c>
      <c r="G2517" s="53">
        <v>320531.63120254403</v>
      </c>
      <c r="H2517" s="53">
        <v>322484.20305595302</v>
      </c>
      <c r="I2517" s="53">
        <v>324448.66932623601</v>
      </c>
      <c r="J2517" s="53">
        <v>326425.10247021401</v>
      </c>
      <c r="K2517" s="53">
        <v>328413.57538609498</v>
      </c>
      <c r="L2517" s="53">
        <v>330414.16141615598</v>
      </c>
      <c r="M2517" s="53">
        <v>332426.934349449</v>
      </c>
      <c r="N2517" s="53">
        <v>3858925.1430861698</v>
      </c>
      <c r="O2517" s="53">
        <v>334451.96842452802</v>
      </c>
      <c r="P2517" s="53">
        <v>336489.33833217999</v>
      </c>
      <c r="Q2517" s="53">
        <v>338539.119218187</v>
      </c>
      <c r="R2517" s="53">
        <v>340601.38668609102</v>
      </c>
      <c r="S2517" s="53">
        <v>342676.21679998701</v>
      </c>
      <c r="T2517" s="53">
        <v>344763.68608732702</v>
      </c>
      <c r="U2517" s="53">
        <v>346863.871541742</v>
      </c>
      <c r="V2517" s="53">
        <v>348976.85062588402</v>
      </c>
      <c r="W2517" s="53">
        <v>351102.70127428003</v>
      </c>
      <c r="X2517" s="53">
        <v>353241.50189620903</v>
      </c>
      <c r="Y2517" s="53">
        <v>355393.33137859299</v>
      </c>
      <c r="Z2517" s="53">
        <v>357558.26908890699</v>
      </c>
      <c r="AA2517" s="53">
        <v>4150658.24135391</v>
      </c>
      <c r="AB2517" s="53">
        <v>359736.39487810701</v>
      </c>
      <c r="AC2517" s="53">
        <v>361927.78908357298</v>
      </c>
      <c r="AD2517" s="53">
        <v>364132.53253207402</v>
      </c>
      <c r="AE2517" s="53">
        <v>366350.70654274803</v>
      </c>
      <c r="AF2517" s="53">
        <v>368582.39293010399</v>
      </c>
      <c r="AG2517" s="53">
        <v>370827.67400703701</v>
      </c>
      <c r="AH2517" s="53">
        <v>373086.63258786203</v>
      </c>
      <c r="AI2517" s="53">
        <v>375359.35199137701</v>
      </c>
      <c r="AJ2517" s="53">
        <v>377645.91604392399</v>
      </c>
      <c r="AK2517" s="53">
        <v>379946.40908249101</v>
      </c>
      <c r="AL2517" s="53">
        <v>382260.91595781897</v>
      </c>
      <c r="AM2517" s="53">
        <v>384589.52203752799</v>
      </c>
      <c r="AN2517" s="53">
        <v>4464446.2376746396</v>
      </c>
      <c r="AO2517" s="53">
        <v>386932.31320927298</v>
      </c>
      <c r="AP2517" s="53">
        <v>389289.37588390597</v>
      </c>
      <c r="AQ2517" s="53">
        <v>391660.79699866503</v>
      </c>
      <c r="AR2517" s="53">
        <v>394046.66402038198</v>
      </c>
      <c r="AS2517" s="53">
        <v>396447.06494870601</v>
      </c>
      <c r="AT2517" s="53">
        <v>398862.08831935102</v>
      </c>
      <c r="AU2517" s="53">
        <v>401291.82320736302</v>
      </c>
      <c r="AV2517" s="53">
        <v>403736.3592304</v>
      </c>
      <c r="AW2517" s="53">
        <v>406195.78655204503</v>
      </c>
      <c r="AX2517" s="53">
        <v>408670.19588512398</v>
      </c>
      <c r="AY2517" s="53">
        <v>411159.67849505699</v>
      </c>
      <c r="AZ2517" s="53">
        <v>413664.32620322099</v>
      </c>
      <c r="BA2517" s="53">
        <v>4801956.47295349</v>
      </c>
      <c r="BB2517" s="53">
        <v>416184.23139034002</v>
      </c>
      <c r="BC2517" s="53">
        <v>418719.48699989298</v>
      </c>
      <c r="BD2517" s="53">
        <v>421270.186541526</v>
      </c>
      <c r="BE2517" s="53"/>
      <c r="BF2517" s="53"/>
      <c r="BG2517" s="53"/>
      <c r="BH2517" s="53"/>
      <c r="BI2517" s="53"/>
      <c r="BJ2517" s="53"/>
      <c r="BK2517" s="53"/>
      <c r="BL2517" s="53"/>
      <c r="BM2517" s="53"/>
      <c r="BN2517" s="53">
        <v>1256173.9049317599</v>
      </c>
      <c r="BO2517" s="53"/>
      <c r="BP2517" s="53"/>
      <c r="BQ2517" s="53"/>
      <c r="BR2517" s="53"/>
      <c r="BS2517" s="53"/>
      <c r="BT2517" s="53"/>
      <c r="BU2517" s="53"/>
      <c r="BV2517" s="53"/>
      <c r="BW2517" s="53"/>
      <c r="BX2517" s="53"/>
      <c r="BY2517" s="53"/>
      <c r="BZ2517" s="53"/>
      <c r="CA2517" s="53"/>
      <c r="CB2517" s="53">
        <v>-1620.19834710743</v>
      </c>
      <c r="CC2517" s="53"/>
      <c r="CD2517" s="53"/>
      <c r="CE2517" s="53"/>
      <c r="CF2517" s="53"/>
      <c r="CG2517" s="53"/>
      <c r="CH2517" s="53"/>
      <c r="CI2517" s="53"/>
      <c r="CJ2517" s="53"/>
      <c r="CK2517" s="53"/>
      <c r="CL2517" s="53"/>
      <c r="CM2517" s="53"/>
      <c r="CN2517" s="53">
        <v>-1620.19834710743</v>
      </c>
    </row>
    <row r="2518" spans="1:92" outlineLevel="1">
      <c r="A2518" s="52" t="s">
        <v>739</v>
      </c>
      <c r="B2518" s="53"/>
      <c r="C2518" s="53"/>
      <c r="D2518" s="53"/>
      <c r="E2518" s="53"/>
      <c r="F2518" s="53"/>
      <c r="G2518" s="53"/>
      <c r="H2518" s="53"/>
      <c r="I2518" s="53"/>
      <c r="J2518" s="53"/>
      <c r="K2518" s="53"/>
      <c r="L2518" s="53"/>
      <c r="M2518" s="53"/>
      <c r="N2518" s="53"/>
      <c r="O2518" s="53"/>
      <c r="P2518" s="53"/>
      <c r="Q2518" s="53"/>
      <c r="R2518" s="53"/>
      <c r="S2518" s="53"/>
      <c r="T2518" s="53"/>
      <c r="U2518" s="53"/>
      <c r="V2518" s="53"/>
      <c r="W2518" s="53"/>
      <c r="X2518" s="53"/>
      <c r="Y2518" s="53"/>
      <c r="Z2518" s="53"/>
      <c r="AA2518" s="53"/>
      <c r="AB2518" s="53"/>
      <c r="AC2518" s="53"/>
      <c r="AD2518" s="53"/>
      <c r="AE2518" s="53"/>
      <c r="AF2518" s="53"/>
      <c r="AG2518" s="53"/>
      <c r="AH2518" s="53"/>
      <c r="AI2518" s="53"/>
      <c r="AJ2518" s="53"/>
      <c r="AK2518" s="53"/>
      <c r="AL2518" s="53"/>
      <c r="AM2518" s="53"/>
      <c r="AN2518" s="53"/>
      <c r="AO2518" s="53"/>
      <c r="AP2518" s="53"/>
      <c r="AQ2518" s="53"/>
      <c r="AR2518" s="53"/>
      <c r="AS2518" s="53"/>
      <c r="AT2518" s="53"/>
      <c r="AU2518" s="53"/>
      <c r="AV2518" s="53"/>
      <c r="AW2518" s="53"/>
      <c r="AX2518" s="53"/>
      <c r="AY2518" s="53"/>
      <c r="AZ2518" s="53"/>
      <c r="BA2518" s="53"/>
      <c r="BB2518" s="53"/>
      <c r="BC2518" s="53"/>
      <c r="BD2518" s="53"/>
      <c r="BE2518" s="53"/>
      <c r="BF2518" s="53"/>
      <c r="BG2518" s="53"/>
      <c r="BH2518" s="53"/>
      <c r="BI2518" s="53"/>
      <c r="BJ2518" s="53"/>
      <c r="BK2518" s="53"/>
      <c r="BL2518" s="53"/>
      <c r="BM2518" s="53"/>
      <c r="BN2518" s="53"/>
      <c r="BO2518" s="53"/>
      <c r="BP2518" s="53"/>
      <c r="BQ2518" s="53"/>
      <c r="BR2518" s="53"/>
      <c r="BS2518" s="53"/>
      <c r="BT2518" s="53"/>
      <c r="BU2518" s="53"/>
      <c r="BV2518" s="53"/>
      <c r="BW2518" s="53"/>
      <c r="BX2518" s="53"/>
      <c r="BY2518" s="53"/>
      <c r="BZ2518" s="53"/>
      <c r="CA2518" s="53"/>
      <c r="CB2518" s="53">
        <v>-1540.86342229199</v>
      </c>
      <c r="CC2518" s="53">
        <v>-1540.86342229199</v>
      </c>
      <c r="CD2518" s="53">
        <v>-1540.86342229199</v>
      </c>
      <c r="CE2518" s="53">
        <v>-1540.86342229199</v>
      </c>
      <c r="CF2518" s="53">
        <v>-1540.86342229199</v>
      </c>
      <c r="CG2518" s="53">
        <v>-1540.86342229199</v>
      </c>
      <c r="CH2518" s="53">
        <v>-1540.86342229199</v>
      </c>
      <c r="CI2518" s="53">
        <v>-1540.86342229199</v>
      </c>
      <c r="CJ2518" s="53">
        <v>-1540.86342229199</v>
      </c>
      <c r="CK2518" s="53">
        <v>-1540.86342229199</v>
      </c>
      <c r="CL2518" s="53">
        <v>-1540.86342229199</v>
      </c>
      <c r="CM2518" s="53">
        <v>-1540.86342229199</v>
      </c>
      <c r="CN2518" s="53">
        <v>-18490.361067503902</v>
      </c>
    </row>
    <row r="2519" spans="1:92" outlineLevel="1">
      <c r="A2519" s="52" t="s">
        <v>1220</v>
      </c>
      <c r="B2519" s="53"/>
      <c r="C2519" s="53"/>
      <c r="D2519" s="53"/>
      <c r="E2519" s="53"/>
      <c r="F2519" s="53"/>
      <c r="G2519" s="53"/>
      <c r="H2519" s="53"/>
      <c r="I2519" s="53"/>
      <c r="J2519" s="53"/>
      <c r="K2519" s="53"/>
      <c r="L2519" s="53"/>
      <c r="M2519" s="53"/>
      <c r="N2519" s="53"/>
      <c r="O2519" s="53"/>
      <c r="P2519" s="53"/>
      <c r="Q2519" s="53"/>
      <c r="R2519" s="53"/>
      <c r="S2519" s="53"/>
      <c r="T2519" s="53"/>
      <c r="U2519" s="53"/>
      <c r="V2519" s="53"/>
      <c r="W2519" s="53"/>
      <c r="X2519" s="53"/>
      <c r="Y2519" s="53"/>
      <c r="Z2519" s="53"/>
      <c r="AA2519" s="53"/>
      <c r="AB2519" s="53"/>
      <c r="AC2519" s="53"/>
      <c r="AD2519" s="53"/>
      <c r="AE2519" s="53"/>
      <c r="AF2519" s="53"/>
      <c r="AG2519" s="53"/>
      <c r="AH2519" s="53"/>
      <c r="AI2519" s="53"/>
      <c r="AJ2519" s="53"/>
      <c r="AK2519" s="53"/>
      <c r="AL2519" s="53"/>
      <c r="AM2519" s="53"/>
      <c r="AN2519" s="53"/>
      <c r="AO2519" s="53"/>
      <c r="AP2519" s="53"/>
      <c r="AQ2519" s="53"/>
      <c r="AR2519" s="53"/>
      <c r="AS2519" s="53"/>
      <c r="AT2519" s="53"/>
      <c r="AU2519" s="53"/>
      <c r="AV2519" s="53"/>
      <c r="AW2519" s="53"/>
      <c r="AX2519" s="53"/>
      <c r="AY2519" s="53"/>
      <c r="AZ2519" s="53"/>
      <c r="BA2519" s="53"/>
      <c r="BB2519" s="53"/>
      <c r="BC2519" s="53"/>
      <c r="BD2519" s="53"/>
      <c r="BE2519" s="53"/>
      <c r="BF2519" s="53"/>
      <c r="BG2519" s="53"/>
      <c r="BH2519" s="53"/>
      <c r="BI2519" s="53"/>
      <c r="BJ2519" s="53"/>
      <c r="BK2519" s="53"/>
      <c r="BL2519" s="53"/>
      <c r="BM2519" s="53"/>
      <c r="BN2519" s="53"/>
      <c r="BO2519" s="53"/>
      <c r="BP2519" s="53"/>
      <c r="BQ2519" s="53"/>
      <c r="BR2519" s="53"/>
      <c r="BS2519" s="53"/>
      <c r="BT2519" s="53"/>
      <c r="BU2519" s="53"/>
      <c r="BV2519" s="53"/>
      <c r="BW2519" s="53"/>
      <c r="BX2519" s="53"/>
      <c r="BY2519" s="53"/>
      <c r="BZ2519" s="53"/>
      <c r="CA2519" s="53"/>
      <c r="CB2519" s="53">
        <v>-9185.2866242038108</v>
      </c>
      <c r="CC2519" s="53">
        <v>-9185.2866242038108</v>
      </c>
      <c r="CD2519" s="53">
        <v>-9185.2866242038108</v>
      </c>
      <c r="CE2519" s="53">
        <v>-9185.2866242038108</v>
      </c>
      <c r="CF2519" s="53">
        <v>-9185.2866242038108</v>
      </c>
      <c r="CG2519" s="53">
        <v>-9185.2866242038108</v>
      </c>
      <c r="CH2519" s="53">
        <v>-9185.2866242038108</v>
      </c>
      <c r="CI2519" s="53">
        <v>-9185.2866242038108</v>
      </c>
      <c r="CJ2519" s="53">
        <v>-9185.2866242038108</v>
      </c>
      <c r="CK2519" s="53">
        <v>-9185.2866242038108</v>
      </c>
      <c r="CL2519" s="53">
        <v>-9185.2866242038108</v>
      </c>
      <c r="CM2519" s="53">
        <v>-9185.2866242038108</v>
      </c>
      <c r="CN2519" s="53">
        <v>-110223.439490445</v>
      </c>
    </row>
    <row r="2520" spans="1:92" outlineLevel="1">
      <c r="A2520" s="52" t="s">
        <v>649</v>
      </c>
      <c r="B2520" s="53"/>
      <c r="C2520" s="53"/>
      <c r="D2520" s="53"/>
      <c r="E2520" s="53"/>
      <c r="F2520" s="53"/>
      <c r="G2520" s="53"/>
      <c r="H2520" s="53"/>
      <c r="I2520" s="53"/>
      <c r="J2520" s="53"/>
      <c r="K2520" s="53"/>
      <c r="L2520" s="53"/>
      <c r="M2520" s="53"/>
      <c r="N2520" s="53"/>
      <c r="O2520" s="53">
        <v>691286528.74057901</v>
      </c>
      <c r="P2520" s="53">
        <v>640850776.38673306</v>
      </c>
      <c r="Q2520" s="53">
        <v>747112323.97426796</v>
      </c>
      <c r="R2520" s="53">
        <v>804127382.51984704</v>
      </c>
      <c r="S2520" s="53">
        <v>848837587.29495704</v>
      </c>
      <c r="T2520" s="53">
        <v>266203941.454465</v>
      </c>
      <c r="U2520" s="53">
        <v>156791960.200288</v>
      </c>
      <c r="V2520" s="53"/>
      <c r="W2520" s="53"/>
      <c r="X2520" s="53"/>
      <c r="Y2520" s="53"/>
      <c r="Z2520" s="53">
        <v>160584988.64838701</v>
      </c>
      <c r="AA2520" s="53">
        <v>4315795489.2195196</v>
      </c>
      <c r="AB2520" s="53">
        <v>145146799.75453001</v>
      </c>
      <c r="AC2520" s="53">
        <v>43986462.048842996</v>
      </c>
      <c r="AD2520" s="53">
        <v>126073770.957846</v>
      </c>
      <c r="AE2520" s="53">
        <v>958100711.50871003</v>
      </c>
      <c r="AF2520" s="53">
        <v>997092550.63431501</v>
      </c>
      <c r="AG2520" s="53">
        <v>1089790129.6900799</v>
      </c>
      <c r="AH2520" s="53">
        <v>1010243814.99792</v>
      </c>
      <c r="AI2520" s="53"/>
      <c r="AJ2520" s="53"/>
      <c r="AK2520" s="53"/>
      <c r="AL2520" s="53"/>
      <c r="AM2520" s="53">
        <v>5938772.7716698796</v>
      </c>
      <c r="AN2520" s="53">
        <v>4376373012.3639202</v>
      </c>
      <c r="AO2520" s="53">
        <v>37208835.7320804</v>
      </c>
      <c r="AP2520" s="53">
        <v>27491554.847943299</v>
      </c>
      <c r="AQ2520" s="53">
        <v>189077993.35148901</v>
      </c>
      <c r="AR2520" s="53">
        <v>271867626.10165399</v>
      </c>
      <c r="AS2520" s="53">
        <v>374588955.818542</v>
      </c>
      <c r="AT2520" s="53"/>
      <c r="AU2520" s="53"/>
      <c r="AV2520" s="53"/>
      <c r="AW2520" s="53"/>
      <c r="AX2520" s="53"/>
      <c r="AY2520" s="53"/>
      <c r="AZ2520" s="53">
        <v>131852214.951662</v>
      </c>
      <c r="BA2520" s="53">
        <v>1032087180.80337</v>
      </c>
      <c r="BB2520" s="53">
        <v>196512174.79109901</v>
      </c>
      <c r="BC2520" s="53">
        <v>168300839.92753699</v>
      </c>
      <c r="BD2520" s="53">
        <v>279697063.07687598</v>
      </c>
      <c r="BE2520" s="53">
        <v>284151828.04402</v>
      </c>
      <c r="BF2520" s="53">
        <v>363591134.76955199</v>
      </c>
      <c r="BG2520" s="53"/>
      <c r="BH2520" s="53"/>
      <c r="BI2520" s="53"/>
      <c r="BJ2520" s="53"/>
      <c r="BK2520" s="53"/>
      <c r="BL2520" s="53"/>
      <c r="BM2520" s="53">
        <v>180915258.75754201</v>
      </c>
      <c r="BN2520" s="53">
        <v>1473168299.3666201</v>
      </c>
      <c r="BO2520" s="53">
        <v>888992446.32978797</v>
      </c>
      <c r="BP2520" s="53">
        <v>858047614.98357701</v>
      </c>
      <c r="BQ2520" s="53">
        <v>973328736.45499504</v>
      </c>
      <c r="BR2520" s="53">
        <v>974042396.54382598</v>
      </c>
      <c r="BS2520" s="53">
        <v>1048936334.2269599</v>
      </c>
      <c r="BT2520" s="53"/>
      <c r="BU2520" s="53"/>
      <c r="BV2520" s="53"/>
      <c r="BW2520" s="53"/>
      <c r="BX2520" s="53"/>
      <c r="BY2520" s="53"/>
      <c r="BZ2520" s="53">
        <v>186734302.987297</v>
      </c>
      <c r="CA2520" s="53">
        <v>4930081831.5264502</v>
      </c>
      <c r="CB2520" s="53">
        <v>-3087.3789473684201</v>
      </c>
      <c r="CC2520" s="53">
        <v>-3087.3789473684201</v>
      </c>
      <c r="CD2520" s="53">
        <v>-3087.3789473684201</v>
      </c>
      <c r="CE2520" s="53">
        <v>-3087.3789473684201</v>
      </c>
      <c r="CF2520" s="53">
        <v>-3087.3789473684201</v>
      </c>
      <c r="CG2520" s="53">
        <v>-3087.3789473684201</v>
      </c>
      <c r="CH2520" s="53">
        <v>-3087.3789473684201</v>
      </c>
      <c r="CI2520" s="53">
        <v>-3087.3789473684201</v>
      </c>
      <c r="CJ2520" s="53">
        <v>-3087.3789473684201</v>
      </c>
      <c r="CK2520" s="53">
        <v>-3087.3789473684201</v>
      </c>
      <c r="CL2520" s="53">
        <v>-3087.3789473684201</v>
      </c>
      <c r="CM2520" s="53">
        <v>-3087.3789473684201</v>
      </c>
      <c r="CN2520" s="53">
        <v>-37048.547368421001</v>
      </c>
    </row>
    <row r="2521" spans="1:92" outlineLevel="1">
      <c r="A2521" s="52" t="s">
        <v>741</v>
      </c>
      <c r="B2521" s="53"/>
      <c r="C2521" s="53"/>
      <c r="D2521" s="53"/>
      <c r="E2521" s="53"/>
      <c r="F2521" s="53"/>
      <c r="G2521" s="53"/>
      <c r="H2521" s="53"/>
      <c r="I2521" s="53"/>
      <c r="J2521" s="53"/>
      <c r="K2521" s="53"/>
      <c r="L2521" s="53"/>
      <c r="M2521" s="53"/>
      <c r="N2521" s="53"/>
      <c r="O2521" s="53"/>
      <c r="P2521" s="53"/>
      <c r="Q2521" s="53"/>
      <c r="R2521" s="53"/>
      <c r="S2521" s="53"/>
      <c r="T2521" s="53"/>
      <c r="U2521" s="53"/>
      <c r="V2521" s="53"/>
      <c r="W2521" s="53"/>
      <c r="X2521" s="53"/>
      <c r="Y2521" s="53"/>
      <c r="Z2521" s="53"/>
      <c r="AA2521" s="53"/>
      <c r="AB2521" s="53"/>
      <c r="AC2521" s="53"/>
      <c r="AD2521" s="53"/>
      <c r="AE2521" s="53"/>
      <c r="AF2521" s="53"/>
      <c r="AG2521" s="53"/>
      <c r="AH2521" s="53"/>
      <c r="AI2521" s="53"/>
      <c r="AJ2521" s="53"/>
      <c r="AK2521" s="53"/>
      <c r="AL2521" s="53"/>
      <c r="AM2521" s="53"/>
      <c r="AN2521" s="53"/>
      <c r="AO2521" s="53"/>
      <c r="AP2521" s="53"/>
      <c r="AQ2521" s="53"/>
      <c r="AR2521" s="53"/>
      <c r="AS2521" s="53"/>
      <c r="AT2521" s="53"/>
      <c r="AU2521" s="53"/>
      <c r="AV2521" s="53"/>
      <c r="AW2521" s="53"/>
      <c r="AX2521" s="53"/>
      <c r="AY2521" s="53"/>
      <c r="AZ2521" s="53"/>
      <c r="BA2521" s="53"/>
      <c r="BB2521" s="53"/>
      <c r="BC2521" s="53"/>
      <c r="BD2521" s="53"/>
      <c r="BE2521" s="53"/>
      <c r="BF2521" s="53"/>
      <c r="BG2521" s="53"/>
      <c r="BH2521" s="53"/>
      <c r="BI2521" s="53"/>
      <c r="BJ2521" s="53"/>
      <c r="BK2521" s="53"/>
      <c r="BL2521" s="53"/>
      <c r="BM2521" s="53"/>
      <c r="BN2521" s="53"/>
      <c r="BO2521" s="53"/>
      <c r="BP2521" s="53"/>
      <c r="BQ2521" s="53"/>
      <c r="BR2521" s="53"/>
      <c r="BS2521" s="53"/>
      <c r="BT2521" s="53"/>
      <c r="BU2521" s="53"/>
      <c r="BV2521" s="53"/>
      <c r="BW2521" s="53"/>
      <c r="BX2521" s="53"/>
      <c r="BY2521" s="53"/>
      <c r="BZ2521" s="53"/>
      <c r="CA2521" s="53"/>
      <c r="CB2521" s="53">
        <v>-5700.3251231527101</v>
      </c>
      <c r="CC2521" s="53">
        <v>-5700.3251231527101</v>
      </c>
      <c r="CD2521" s="53">
        <v>-5700.3251231527101</v>
      </c>
      <c r="CE2521" s="53">
        <v>-5700.3251231527101</v>
      </c>
      <c r="CF2521" s="53">
        <v>-5700.3251231527101</v>
      </c>
      <c r="CG2521" s="53">
        <v>-5700.3251231527101</v>
      </c>
      <c r="CH2521" s="53">
        <v>-5700.3251231527101</v>
      </c>
      <c r="CI2521" s="53">
        <v>-5700.3251231527101</v>
      </c>
      <c r="CJ2521" s="53">
        <v>-5700.3251231527101</v>
      </c>
      <c r="CK2521" s="53">
        <v>-5700.3251231527101</v>
      </c>
      <c r="CL2521" s="53">
        <v>-5700.3251231527101</v>
      </c>
      <c r="CM2521" s="53">
        <v>-5700.3251231527101</v>
      </c>
      <c r="CN2521" s="53">
        <v>-68403.901477832507</v>
      </c>
    </row>
    <row r="2522" spans="1:92" outlineLevel="1">
      <c r="A2522" s="52" t="s">
        <v>1521</v>
      </c>
      <c r="B2522" s="53"/>
      <c r="C2522" s="53"/>
      <c r="D2522" s="53"/>
      <c r="E2522" s="53"/>
      <c r="F2522" s="53"/>
      <c r="G2522" s="53"/>
      <c r="H2522" s="53"/>
      <c r="I2522" s="53"/>
      <c r="J2522" s="53"/>
      <c r="K2522" s="53"/>
      <c r="L2522" s="53"/>
      <c r="M2522" s="53"/>
      <c r="N2522" s="53"/>
      <c r="O2522" s="53"/>
      <c r="P2522" s="53"/>
      <c r="Q2522" s="53"/>
      <c r="R2522" s="53"/>
      <c r="S2522" s="53"/>
      <c r="T2522" s="53"/>
      <c r="U2522" s="53"/>
      <c r="V2522" s="53"/>
      <c r="W2522" s="53"/>
      <c r="X2522" s="53"/>
      <c r="Y2522" s="53"/>
      <c r="Z2522" s="53"/>
      <c r="AA2522" s="53"/>
      <c r="AB2522" s="53"/>
      <c r="AC2522" s="53"/>
      <c r="AD2522" s="53"/>
      <c r="AE2522" s="53"/>
      <c r="AF2522" s="53"/>
      <c r="AG2522" s="53"/>
      <c r="AH2522" s="53"/>
      <c r="AI2522" s="53"/>
      <c r="AJ2522" s="53"/>
      <c r="AK2522" s="53"/>
      <c r="AL2522" s="53"/>
      <c r="AM2522" s="53"/>
      <c r="AN2522" s="53"/>
      <c r="AO2522" s="53"/>
      <c r="AP2522" s="53"/>
      <c r="AQ2522" s="53"/>
      <c r="AR2522" s="53"/>
      <c r="AS2522" s="53"/>
      <c r="AT2522" s="53"/>
      <c r="AU2522" s="53"/>
      <c r="AV2522" s="53"/>
      <c r="AW2522" s="53"/>
      <c r="AX2522" s="53"/>
      <c r="AY2522" s="53"/>
      <c r="AZ2522" s="53"/>
      <c r="BA2522" s="53"/>
      <c r="BB2522" s="53"/>
      <c r="BC2522" s="53"/>
      <c r="BD2522" s="53"/>
      <c r="BE2522" s="53"/>
      <c r="BF2522" s="53"/>
      <c r="BG2522" s="53"/>
      <c r="BH2522" s="53"/>
      <c r="BI2522" s="53"/>
      <c r="BJ2522" s="53"/>
      <c r="BK2522" s="53"/>
      <c r="BL2522" s="53"/>
      <c r="BM2522" s="53"/>
      <c r="BN2522" s="53"/>
      <c r="BO2522" s="53"/>
      <c r="BP2522" s="53"/>
      <c r="BQ2522" s="53"/>
      <c r="BR2522" s="53"/>
      <c r="BS2522" s="53"/>
      <c r="BT2522" s="53"/>
      <c r="BU2522" s="53"/>
      <c r="BV2522" s="53"/>
      <c r="BW2522" s="53"/>
      <c r="BX2522" s="53"/>
      <c r="BY2522" s="53"/>
      <c r="BZ2522" s="53"/>
      <c r="CA2522" s="53"/>
      <c r="CB2522" s="53">
        <v>-8149.6234309623196</v>
      </c>
      <c r="CC2522" s="53">
        <v>-8149.6234309623196</v>
      </c>
      <c r="CD2522" s="53">
        <v>-8149.6234309623196</v>
      </c>
      <c r="CE2522" s="53">
        <v>-8149.6234309623196</v>
      </c>
      <c r="CF2522" s="53">
        <v>-8149.6234309623196</v>
      </c>
      <c r="CG2522" s="53">
        <v>-8149.6234309623196</v>
      </c>
      <c r="CH2522" s="53">
        <v>-8149.6234309623196</v>
      </c>
      <c r="CI2522" s="53">
        <v>-8149.6234309623196</v>
      </c>
      <c r="CJ2522" s="53">
        <v>-8149.6234309623196</v>
      </c>
      <c r="CK2522" s="53">
        <v>-8149.6234309623196</v>
      </c>
      <c r="CL2522" s="53">
        <v>-8149.6234309623196</v>
      </c>
      <c r="CM2522" s="53">
        <v>-8149.6234309623196</v>
      </c>
      <c r="CN2522" s="53">
        <v>-97795.481171547799</v>
      </c>
    </row>
    <row r="2523" spans="1:92" outlineLevel="1">
      <c r="A2523" s="52" t="s">
        <v>649</v>
      </c>
      <c r="B2523" s="53"/>
      <c r="C2523" s="53"/>
      <c r="D2523" s="53">
        <v>5586250</v>
      </c>
      <c r="E2523" s="53"/>
      <c r="F2523" s="53"/>
      <c r="G2523" s="53">
        <v>5586250</v>
      </c>
      <c r="H2523" s="53"/>
      <c r="I2523" s="53"/>
      <c r="J2523" s="53">
        <v>5586250</v>
      </c>
      <c r="K2523" s="53"/>
      <c r="L2523" s="53"/>
      <c r="M2523" s="53">
        <v>5586250</v>
      </c>
      <c r="N2523" s="53">
        <v>22345000</v>
      </c>
      <c r="O2523" s="53"/>
      <c r="P2523" s="53"/>
      <c r="Q2523" s="53"/>
      <c r="R2523" s="53"/>
      <c r="S2523" s="53"/>
      <c r="T2523" s="53"/>
      <c r="U2523" s="53"/>
      <c r="V2523" s="53"/>
      <c r="W2523" s="53"/>
      <c r="X2523" s="53"/>
      <c r="Y2523" s="53"/>
      <c r="Z2523" s="53"/>
      <c r="AA2523" s="53"/>
      <c r="AB2523" s="53"/>
      <c r="AC2523" s="53"/>
      <c r="AD2523" s="53"/>
      <c r="AE2523" s="53"/>
      <c r="AF2523" s="53"/>
      <c r="AG2523" s="53"/>
      <c r="AH2523" s="53"/>
      <c r="AI2523" s="53"/>
      <c r="AJ2523" s="53"/>
      <c r="AK2523" s="53"/>
      <c r="AL2523" s="53"/>
      <c r="AM2523" s="53"/>
      <c r="AN2523" s="53"/>
      <c r="AO2523" s="53"/>
      <c r="AP2523" s="53"/>
      <c r="AQ2523" s="53"/>
      <c r="AR2523" s="53"/>
      <c r="AS2523" s="53"/>
      <c r="AT2523" s="53"/>
      <c r="AU2523" s="53"/>
      <c r="AV2523" s="53"/>
      <c r="AW2523" s="53"/>
      <c r="AX2523" s="53"/>
      <c r="AY2523" s="53"/>
      <c r="AZ2523" s="53"/>
      <c r="BA2523" s="53"/>
      <c r="BB2523" s="53"/>
      <c r="BC2523" s="53"/>
      <c r="BD2523" s="53"/>
      <c r="BE2523" s="53"/>
      <c r="BF2523" s="53"/>
      <c r="BG2523" s="53"/>
      <c r="BH2523" s="53"/>
      <c r="BI2523" s="53"/>
      <c r="BJ2523" s="53"/>
      <c r="BK2523" s="53"/>
      <c r="BL2523" s="53"/>
      <c r="BM2523" s="53"/>
      <c r="BN2523" s="53"/>
      <c r="BO2523" s="53"/>
      <c r="BP2523" s="53"/>
      <c r="BQ2523" s="53"/>
      <c r="BR2523" s="53"/>
      <c r="BS2523" s="53"/>
      <c r="BT2523" s="53"/>
      <c r="BU2523" s="53"/>
      <c r="BV2523" s="53"/>
      <c r="BW2523" s="53"/>
      <c r="BX2523" s="53"/>
      <c r="BY2523" s="53"/>
      <c r="BZ2523" s="53"/>
      <c r="CA2523" s="53"/>
      <c r="CB2523" s="53">
        <v>-7907.1043115438397</v>
      </c>
      <c r="CC2523" s="53">
        <v>-7907.1043115438397</v>
      </c>
      <c r="CD2523" s="53">
        <v>-7907.1043115438397</v>
      </c>
      <c r="CE2523" s="53">
        <v>-7907.1043115438397</v>
      </c>
      <c r="CF2523" s="53">
        <v>-7907.1043115438397</v>
      </c>
      <c r="CG2523" s="53">
        <v>-7907.1043115438397</v>
      </c>
      <c r="CH2523" s="53">
        <v>-7907.1043115438397</v>
      </c>
      <c r="CI2523" s="53">
        <v>-7907.1043115438397</v>
      </c>
      <c r="CJ2523" s="53">
        <v>-7907.1043115438397</v>
      </c>
      <c r="CK2523" s="53">
        <v>-7907.1043115438397</v>
      </c>
      <c r="CL2523" s="53">
        <v>-7907.1043115438397</v>
      </c>
      <c r="CM2523" s="53">
        <v>-7907.1043115438397</v>
      </c>
      <c r="CN2523" s="53">
        <v>-94885.251738526102</v>
      </c>
    </row>
    <row r="2524" spans="1:92" outlineLevel="1">
      <c r="A2524" s="52" t="s">
        <v>700</v>
      </c>
      <c r="B2524" s="53"/>
      <c r="C2524" s="53"/>
      <c r="D2524" s="53"/>
      <c r="E2524" s="53"/>
      <c r="F2524" s="53"/>
      <c r="G2524" s="53"/>
      <c r="H2524" s="53"/>
      <c r="I2524" s="53"/>
      <c r="J2524" s="53"/>
      <c r="K2524" s="53"/>
      <c r="L2524" s="53"/>
      <c r="M2524" s="53"/>
      <c r="N2524" s="53"/>
      <c r="O2524" s="53"/>
      <c r="P2524" s="53"/>
      <c r="Q2524" s="53"/>
      <c r="R2524" s="53"/>
      <c r="S2524" s="53"/>
      <c r="T2524" s="53"/>
      <c r="U2524" s="53"/>
      <c r="V2524" s="53"/>
      <c r="W2524" s="53"/>
      <c r="X2524" s="53"/>
      <c r="Y2524" s="53"/>
      <c r="Z2524" s="53"/>
      <c r="AA2524" s="53"/>
      <c r="AB2524" s="53"/>
      <c r="AC2524" s="53"/>
      <c r="AD2524" s="53"/>
      <c r="AE2524" s="53"/>
      <c r="AF2524" s="53"/>
      <c r="AG2524" s="53"/>
      <c r="AH2524" s="53"/>
      <c r="AI2524" s="53"/>
      <c r="AJ2524" s="53"/>
      <c r="AK2524" s="53"/>
      <c r="AL2524" s="53"/>
      <c r="AM2524" s="53"/>
      <c r="AN2524" s="53"/>
      <c r="AO2524" s="53"/>
      <c r="AP2524" s="53"/>
      <c r="AQ2524" s="53"/>
      <c r="AR2524" s="53"/>
      <c r="AS2524" s="53"/>
      <c r="AT2524" s="53"/>
      <c r="AU2524" s="53"/>
      <c r="AV2524" s="53"/>
      <c r="AW2524" s="53"/>
      <c r="AX2524" s="53"/>
      <c r="AY2524" s="53"/>
      <c r="AZ2524" s="53"/>
      <c r="BA2524" s="53"/>
      <c r="BB2524" s="53"/>
      <c r="BC2524" s="53"/>
      <c r="BD2524" s="53"/>
      <c r="BE2524" s="53"/>
      <c r="BF2524" s="53"/>
      <c r="BG2524" s="53"/>
      <c r="BH2524" s="53"/>
      <c r="BI2524" s="53"/>
      <c r="BJ2524" s="53"/>
      <c r="BK2524" s="53"/>
      <c r="BL2524" s="53"/>
      <c r="BM2524" s="53"/>
      <c r="BN2524" s="53"/>
      <c r="BO2524" s="53"/>
      <c r="BP2524" s="53"/>
      <c r="BQ2524" s="53"/>
      <c r="BR2524" s="53"/>
      <c r="BS2524" s="53"/>
      <c r="BT2524" s="53"/>
      <c r="BU2524" s="53"/>
      <c r="BV2524" s="53"/>
      <c r="BW2524" s="53"/>
      <c r="BX2524" s="53"/>
      <c r="BY2524" s="53"/>
      <c r="BZ2524" s="53"/>
      <c r="CA2524" s="53"/>
      <c r="CB2524" s="53"/>
      <c r="CC2524" s="53"/>
      <c r="CD2524" s="53"/>
      <c r="CE2524" s="53"/>
      <c r="CF2524" s="53"/>
      <c r="CG2524" s="53"/>
      <c r="CH2524" s="53"/>
      <c r="CI2524" s="53"/>
      <c r="CJ2524" s="53"/>
      <c r="CK2524" s="53"/>
      <c r="CL2524" s="53"/>
      <c r="CM2524" s="53"/>
      <c r="CN2524" s="53"/>
    </row>
    <row r="2525" spans="1:92" outlineLevel="1">
      <c r="A2525" s="52" t="s">
        <v>1545</v>
      </c>
      <c r="B2525" s="53"/>
      <c r="C2525" s="53"/>
      <c r="D2525" s="53"/>
      <c r="E2525" s="53"/>
      <c r="F2525" s="53"/>
      <c r="G2525" s="53"/>
      <c r="H2525" s="53"/>
      <c r="I2525" s="53"/>
      <c r="J2525" s="53"/>
      <c r="K2525" s="53"/>
      <c r="L2525" s="53"/>
      <c r="M2525" s="53"/>
      <c r="N2525" s="53"/>
      <c r="O2525" s="53"/>
      <c r="P2525" s="53"/>
      <c r="Q2525" s="53"/>
      <c r="R2525" s="53"/>
      <c r="S2525" s="53"/>
      <c r="T2525" s="53"/>
      <c r="U2525" s="53"/>
      <c r="V2525" s="53"/>
      <c r="W2525" s="53"/>
      <c r="X2525" s="53"/>
      <c r="Y2525" s="53"/>
      <c r="Z2525" s="53"/>
      <c r="AA2525" s="53"/>
      <c r="AB2525" s="53"/>
      <c r="AC2525" s="53"/>
      <c r="AD2525" s="53"/>
      <c r="AE2525" s="53"/>
      <c r="AF2525" s="53"/>
      <c r="AG2525" s="53"/>
      <c r="AH2525" s="53"/>
      <c r="AI2525" s="53"/>
      <c r="AJ2525" s="53"/>
      <c r="AK2525" s="53"/>
      <c r="AL2525" s="53"/>
      <c r="AM2525" s="53"/>
      <c r="AN2525" s="53"/>
      <c r="AO2525" s="53"/>
      <c r="AP2525" s="53"/>
      <c r="AQ2525" s="53"/>
      <c r="AR2525" s="53"/>
      <c r="AS2525" s="53"/>
      <c r="AT2525" s="53"/>
      <c r="AU2525" s="53"/>
      <c r="AV2525" s="53"/>
      <c r="AW2525" s="53"/>
      <c r="AX2525" s="53"/>
      <c r="AY2525" s="53"/>
      <c r="AZ2525" s="53"/>
      <c r="BA2525" s="53"/>
      <c r="BB2525" s="53"/>
      <c r="BC2525" s="53"/>
      <c r="BD2525" s="53"/>
      <c r="BE2525" s="53"/>
      <c r="BF2525" s="53"/>
      <c r="BG2525" s="53"/>
      <c r="BH2525" s="53"/>
      <c r="BI2525" s="53"/>
      <c r="BJ2525" s="53"/>
      <c r="BK2525" s="53"/>
      <c r="BL2525" s="53"/>
      <c r="BM2525" s="53"/>
      <c r="BN2525" s="53"/>
      <c r="BO2525" s="53"/>
      <c r="BP2525" s="53"/>
      <c r="BQ2525" s="53"/>
      <c r="BR2525" s="53"/>
      <c r="BS2525" s="53"/>
      <c r="BT2525" s="53"/>
      <c r="BU2525" s="53"/>
      <c r="BV2525" s="53"/>
      <c r="BW2525" s="53"/>
      <c r="BX2525" s="53"/>
      <c r="BY2525" s="53"/>
      <c r="BZ2525" s="53"/>
      <c r="CA2525" s="53"/>
      <c r="CB2525" s="53"/>
      <c r="CC2525" s="53"/>
      <c r="CD2525" s="53"/>
      <c r="CE2525" s="53"/>
      <c r="CF2525" s="53"/>
      <c r="CG2525" s="53"/>
      <c r="CH2525" s="53"/>
      <c r="CI2525" s="53"/>
      <c r="CJ2525" s="53"/>
      <c r="CK2525" s="53"/>
      <c r="CL2525" s="53"/>
      <c r="CM2525" s="53"/>
      <c r="CN2525" s="53"/>
    </row>
    <row r="2526" spans="1:92" outlineLevel="1">
      <c r="A2526" s="52" t="s">
        <v>649</v>
      </c>
      <c r="B2526" s="53"/>
      <c r="C2526" s="53">
        <v>41299889.189999998</v>
      </c>
      <c r="D2526" s="53">
        <v>-44148894.339999899</v>
      </c>
      <c r="E2526" s="53">
        <v>20009216.609999999</v>
      </c>
      <c r="F2526" s="53">
        <v>25699052.4599999</v>
      </c>
      <c r="G2526" s="53">
        <v>-2588740.4500000002</v>
      </c>
      <c r="H2526" s="53">
        <v>33882161.280000001</v>
      </c>
      <c r="I2526" s="53">
        <v>43328605.619999997</v>
      </c>
      <c r="J2526" s="53">
        <v>-155288185.47999999</v>
      </c>
      <c r="K2526" s="53">
        <v>23355241.239999998</v>
      </c>
      <c r="L2526" s="53">
        <v>-80388057.909999996</v>
      </c>
      <c r="M2526" s="53">
        <v>62971865.200000003</v>
      </c>
      <c r="N2526" s="53">
        <v>-31867846.579999901</v>
      </c>
      <c r="O2526" s="53">
        <v>37865103.3442581</v>
      </c>
      <c r="P2526" s="53">
        <v>1131054.34314039</v>
      </c>
      <c r="Q2526" s="53">
        <v>12492542.1691538</v>
      </c>
      <c r="R2526" s="53">
        <v>17636359.837863602</v>
      </c>
      <c r="S2526" s="53">
        <v>28710720.1790937</v>
      </c>
      <c r="T2526" s="53">
        <v>45304257.125916503</v>
      </c>
      <c r="U2526" s="53">
        <v>34693304.274804801</v>
      </c>
      <c r="V2526" s="53">
        <v>63263407.212860197</v>
      </c>
      <c r="W2526" s="53">
        <v>38595087.7452024</v>
      </c>
      <c r="X2526" s="53">
        <v>22058097.085769299</v>
      </c>
      <c r="Y2526" s="53">
        <v>6094028.8559284704</v>
      </c>
      <c r="Z2526" s="53">
        <v>39508320.432936497</v>
      </c>
      <c r="AA2526" s="53">
        <v>347352282.60692799</v>
      </c>
      <c r="AB2526" s="53">
        <v>44982271.174240403</v>
      </c>
      <c r="AC2526" s="53">
        <v>9418362.4007743094</v>
      </c>
      <c r="AD2526" s="53">
        <v>13245724.0235334</v>
      </c>
      <c r="AE2526" s="53">
        <v>10394165.160293199</v>
      </c>
      <c r="AF2526" s="53">
        <v>21247970.125796601</v>
      </c>
      <c r="AG2526" s="53">
        <v>33075821.331933301</v>
      </c>
      <c r="AH2526" s="53">
        <v>30540579.781497698</v>
      </c>
      <c r="AI2526" s="53">
        <v>57406203.065954998</v>
      </c>
      <c r="AJ2526" s="53">
        <v>29160773.6440151</v>
      </c>
      <c r="AK2526" s="53">
        <v>15476615.286668099</v>
      </c>
      <c r="AL2526" s="53">
        <v>971948.721715705</v>
      </c>
      <c r="AM2526" s="53">
        <v>30526545.963097099</v>
      </c>
      <c r="AN2526" s="53">
        <v>296446980.67952001</v>
      </c>
      <c r="AO2526" s="53">
        <v>23081134.660026401</v>
      </c>
      <c r="AP2526" s="53">
        <v>-9629434.6873962805</v>
      </c>
      <c r="AQ2526" s="53">
        <v>-10426351.203508001</v>
      </c>
      <c r="AR2526" s="53">
        <v>-3150617.7737994599</v>
      </c>
      <c r="AS2526" s="53">
        <v>6595064.8513809098</v>
      </c>
      <c r="AT2526" s="53">
        <v>11735229.152884999</v>
      </c>
      <c r="AU2526" s="53">
        <v>14194670.024472401</v>
      </c>
      <c r="AV2526" s="53">
        <v>37583723.997091196</v>
      </c>
      <c r="AW2526" s="53">
        <v>8845123.8880278897</v>
      </c>
      <c r="AX2526" s="53">
        <v>1511243.7832522599</v>
      </c>
      <c r="AY2526" s="53">
        <v>-11930069.2085458</v>
      </c>
      <c r="AZ2526" s="53">
        <v>10855375.2184547</v>
      </c>
      <c r="BA2526" s="53">
        <v>79265092.702341393</v>
      </c>
      <c r="BB2526" s="53">
        <v>21888624.6300973</v>
      </c>
      <c r="BC2526" s="53">
        <v>-11271275.060912499</v>
      </c>
      <c r="BD2526" s="53">
        <v>-11811370.919035699</v>
      </c>
      <c r="BE2526" s="53">
        <v>-4411511.7456106199</v>
      </c>
      <c r="BF2526" s="53">
        <v>5487238.0334484903</v>
      </c>
      <c r="BG2526" s="53">
        <v>11101190.3164391</v>
      </c>
      <c r="BH2526" s="53">
        <v>13405227.557574</v>
      </c>
      <c r="BI2526" s="53">
        <v>36650837.915797003</v>
      </c>
      <c r="BJ2526" s="53">
        <v>7504037.1464072699</v>
      </c>
      <c r="BK2526" s="53">
        <v>-259710.23477055301</v>
      </c>
      <c r="BL2526" s="53">
        <v>-14246110.8496993</v>
      </c>
      <c r="BM2526" s="53">
        <v>9403895.0006362908</v>
      </c>
      <c r="BN2526" s="53">
        <v>63441071.7903708</v>
      </c>
      <c r="BO2526" s="53">
        <v>20385043.800289001</v>
      </c>
      <c r="BP2526" s="53">
        <v>-12151041.4777027</v>
      </c>
      <c r="BQ2526" s="53">
        <v>-13240165.326444799</v>
      </c>
      <c r="BR2526" s="53">
        <v>-5753306.7389960801</v>
      </c>
      <c r="BS2526" s="53">
        <v>5271776.0118435901</v>
      </c>
      <c r="BT2526" s="53">
        <v>10641418.193526501</v>
      </c>
      <c r="BU2526" s="53">
        <v>13198795.906983299</v>
      </c>
      <c r="BV2526" s="53">
        <v>36556744.077083401</v>
      </c>
      <c r="BW2526" s="53">
        <v>7395982.1966443202</v>
      </c>
      <c r="BX2526" s="53">
        <v>-447742.85660072399</v>
      </c>
      <c r="BY2526" s="53">
        <v>-13521427.961851699</v>
      </c>
      <c r="BZ2526" s="53">
        <v>1784825.4440604199</v>
      </c>
      <c r="CA2526" s="53">
        <v>50120901.268834502</v>
      </c>
      <c r="CB2526" s="53">
        <v>4.4720973724483297</v>
      </c>
      <c r="CC2526" s="53">
        <v>4.5045461656332497</v>
      </c>
      <c r="CD2526" s="53">
        <v>4.5372304018533898</v>
      </c>
      <c r="CE2526" s="53">
        <v>4.5701517894441599</v>
      </c>
      <c r="CF2526" s="53">
        <v>4.6033120491363997</v>
      </c>
      <c r="CG2526" s="53">
        <v>4.6367129141462602</v>
      </c>
      <c r="CH2526" s="53">
        <v>4.6703561302658096</v>
      </c>
      <c r="CI2526" s="53">
        <v>4.7042434559543196</v>
      </c>
      <c r="CJ2526" s="53">
        <v>4.7383766624301398</v>
      </c>
      <c r="CK2526" s="53">
        <v>4.7727575337632802</v>
      </c>
      <c r="CL2526" s="53">
        <v>4.8073878669686696</v>
      </c>
      <c r="CM2526" s="53">
        <v>4.8422694721000799</v>
      </c>
      <c r="CN2526" s="53">
        <v>55.859441814144098</v>
      </c>
    </row>
    <row r="2527" spans="1:92" outlineLevel="1">
      <c r="A2527" s="52" t="s">
        <v>703</v>
      </c>
      <c r="B2527" s="53"/>
      <c r="C2527" s="53"/>
      <c r="D2527" s="53"/>
      <c r="E2527" s="53"/>
      <c r="F2527" s="53"/>
      <c r="G2527" s="53"/>
      <c r="H2527" s="53"/>
      <c r="I2527" s="53"/>
      <c r="J2527" s="53"/>
      <c r="K2527" s="53"/>
      <c r="L2527" s="53"/>
      <c r="M2527" s="53"/>
      <c r="N2527" s="53"/>
      <c r="O2527" s="53"/>
      <c r="P2527" s="53"/>
      <c r="Q2527" s="53"/>
      <c r="R2527" s="53"/>
      <c r="S2527" s="53"/>
      <c r="T2527" s="53"/>
      <c r="U2527" s="53"/>
      <c r="V2527" s="53"/>
      <c r="W2527" s="53"/>
      <c r="X2527" s="53"/>
      <c r="Y2527" s="53"/>
      <c r="Z2527" s="53"/>
      <c r="AA2527" s="53"/>
      <c r="AB2527" s="53"/>
      <c r="AC2527" s="53"/>
      <c r="AD2527" s="53"/>
      <c r="AE2527" s="53"/>
      <c r="AF2527" s="53"/>
      <c r="AG2527" s="53"/>
      <c r="AH2527" s="53"/>
      <c r="AI2527" s="53"/>
      <c r="AJ2527" s="53"/>
      <c r="AK2527" s="53"/>
      <c r="AL2527" s="53"/>
      <c r="AM2527" s="53"/>
      <c r="AN2527" s="53"/>
      <c r="AO2527" s="53"/>
      <c r="AP2527" s="53"/>
      <c r="AQ2527" s="53"/>
      <c r="AR2527" s="53"/>
      <c r="AS2527" s="53"/>
      <c r="AT2527" s="53"/>
      <c r="AU2527" s="53"/>
      <c r="AV2527" s="53"/>
      <c r="AW2527" s="53"/>
      <c r="AX2527" s="53"/>
      <c r="AY2527" s="53"/>
      <c r="AZ2527" s="53"/>
      <c r="BA2527" s="53"/>
      <c r="BB2527" s="53"/>
      <c r="BC2527" s="53"/>
      <c r="BD2527" s="53"/>
      <c r="BE2527" s="53"/>
      <c r="BF2527" s="53"/>
      <c r="BG2527" s="53"/>
      <c r="BH2527" s="53"/>
      <c r="BI2527" s="53"/>
      <c r="BJ2527" s="53"/>
      <c r="BK2527" s="53"/>
      <c r="BL2527" s="53"/>
      <c r="BM2527" s="53"/>
      <c r="BN2527" s="53"/>
      <c r="BO2527" s="53"/>
      <c r="BP2527" s="53"/>
      <c r="BQ2527" s="53"/>
      <c r="BR2527" s="53"/>
      <c r="BS2527" s="53"/>
      <c r="BT2527" s="53"/>
      <c r="BU2527" s="53"/>
      <c r="BV2527" s="53"/>
      <c r="BW2527" s="53"/>
      <c r="BX2527" s="53"/>
      <c r="BY2527" s="53"/>
      <c r="BZ2527" s="53"/>
      <c r="CA2527" s="53"/>
      <c r="CB2527" s="53">
        <v>-386932.316836135</v>
      </c>
      <c r="CC2527" s="53">
        <v>-389289.379532861</v>
      </c>
      <c r="CD2527" s="53">
        <v>-391660.80066984898</v>
      </c>
      <c r="CE2527" s="53">
        <v>-394046.66771392903</v>
      </c>
      <c r="CF2527" s="53">
        <v>-396447.06866475299</v>
      </c>
      <c r="CG2527" s="53">
        <v>-398862.09205803502</v>
      </c>
      <c r="CH2527" s="53">
        <v>-401291.82696882199</v>
      </c>
      <c r="CI2527" s="53">
        <v>-403736.363014773</v>
      </c>
      <c r="CJ2527" s="53">
        <v>-406195.79035947099</v>
      </c>
      <c r="CK2527" s="53">
        <v>-408670.19971574302</v>
      </c>
      <c r="CL2527" s="53">
        <v>-411159.68234901101</v>
      </c>
      <c r="CM2527" s="53">
        <v>-413664.33008065203</v>
      </c>
      <c r="CN2527" s="53">
        <v>-4801956.5179640297</v>
      </c>
    </row>
    <row r="2528" spans="1:92" outlineLevel="1">
      <c r="A2528" s="52" t="s">
        <v>704</v>
      </c>
      <c r="B2528" s="53"/>
      <c r="C2528" s="53"/>
      <c r="D2528" s="53"/>
      <c r="E2528" s="53"/>
      <c r="F2528" s="53"/>
      <c r="G2528" s="53"/>
      <c r="H2528" s="53"/>
      <c r="I2528" s="53"/>
      <c r="J2528" s="53"/>
      <c r="K2528" s="53"/>
      <c r="L2528" s="53"/>
      <c r="M2528" s="53"/>
      <c r="N2528" s="53"/>
      <c r="O2528" s="53"/>
      <c r="P2528" s="53"/>
      <c r="Q2528" s="53"/>
      <c r="R2528" s="53"/>
      <c r="S2528" s="53"/>
      <c r="T2528" s="53"/>
      <c r="U2528" s="53"/>
      <c r="V2528" s="53"/>
      <c r="W2528" s="53"/>
      <c r="X2528" s="53"/>
      <c r="Y2528" s="53"/>
      <c r="Z2528" s="53"/>
      <c r="AA2528" s="53"/>
      <c r="AB2528" s="53"/>
      <c r="AC2528" s="53"/>
      <c r="AD2528" s="53"/>
      <c r="AE2528" s="53"/>
      <c r="AF2528" s="53"/>
      <c r="AG2528" s="53"/>
      <c r="AH2528" s="53"/>
      <c r="AI2528" s="53"/>
      <c r="AJ2528" s="53"/>
      <c r="AK2528" s="53"/>
      <c r="AL2528" s="53"/>
      <c r="AM2528" s="53"/>
      <c r="AN2528" s="53"/>
      <c r="AO2528" s="53"/>
      <c r="AP2528" s="53"/>
      <c r="AQ2528" s="53"/>
      <c r="AR2528" s="53"/>
      <c r="AS2528" s="53"/>
      <c r="AT2528" s="53"/>
      <c r="AU2528" s="53"/>
      <c r="AV2528" s="53"/>
      <c r="AW2528" s="53"/>
      <c r="AX2528" s="53"/>
      <c r="AY2528" s="53"/>
      <c r="AZ2528" s="53"/>
      <c r="BA2528" s="53"/>
      <c r="BB2528" s="53"/>
      <c r="BC2528" s="53"/>
      <c r="BD2528" s="53"/>
      <c r="BE2528" s="53"/>
      <c r="BF2528" s="53"/>
      <c r="BG2528" s="53"/>
      <c r="BH2528" s="53"/>
      <c r="BI2528" s="53"/>
      <c r="BJ2528" s="53"/>
      <c r="BK2528" s="53"/>
      <c r="BL2528" s="53"/>
      <c r="BM2528" s="53"/>
      <c r="BN2528" s="53"/>
      <c r="BO2528" s="53"/>
      <c r="BP2528" s="53"/>
      <c r="BQ2528" s="53"/>
      <c r="BR2528" s="53"/>
      <c r="BS2528" s="53"/>
      <c r="BT2528" s="53"/>
      <c r="BU2528" s="53"/>
      <c r="BV2528" s="53"/>
      <c r="BW2528" s="53"/>
      <c r="BX2528" s="53"/>
      <c r="BY2528" s="53"/>
      <c r="BZ2528" s="53"/>
      <c r="CA2528" s="53"/>
      <c r="CB2528" s="53"/>
      <c r="CC2528" s="53"/>
      <c r="CD2528" s="53"/>
      <c r="CE2528" s="53"/>
      <c r="CF2528" s="53"/>
      <c r="CG2528" s="53"/>
      <c r="CH2528" s="53"/>
      <c r="CI2528" s="53"/>
      <c r="CJ2528" s="53"/>
      <c r="CK2528" s="53"/>
      <c r="CL2528" s="53"/>
      <c r="CM2528" s="53"/>
      <c r="CN2528" s="53"/>
    </row>
    <row r="2529" spans="1:92" outlineLevel="1">
      <c r="A2529" s="52" t="s">
        <v>705</v>
      </c>
      <c r="B2529" s="53"/>
      <c r="C2529" s="53"/>
      <c r="D2529" s="53"/>
      <c r="E2529" s="53"/>
      <c r="F2529" s="53"/>
      <c r="G2529" s="53"/>
      <c r="H2529" s="53"/>
      <c r="I2529" s="53"/>
      <c r="J2529" s="53"/>
      <c r="K2529" s="53"/>
      <c r="L2529" s="53"/>
      <c r="M2529" s="53"/>
      <c r="N2529" s="53"/>
      <c r="O2529" s="53">
        <v>9510532.8059798405</v>
      </c>
      <c r="P2529" s="53">
        <v>-670231.59342291602</v>
      </c>
      <c r="Q2529" s="53">
        <v>2478580.8552076598</v>
      </c>
      <c r="R2529" s="53">
        <v>3904179.1005039099</v>
      </c>
      <c r="S2529" s="53">
        <v>6973414.77078686</v>
      </c>
      <c r="T2529" s="53">
        <v>11572278.626041301</v>
      </c>
      <c r="U2529" s="53">
        <v>8631475.3667259701</v>
      </c>
      <c r="V2529" s="53">
        <v>16549619.2900973</v>
      </c>
      <c r="W2529" s="53">
        <v>9712846.4469570909</v>
      </c>
      <c r="X2529" s="53">
        <v>5129654.2762903199</v>
      </c>
      <c r="Y2529" s="53">
        <v>705246.35166825796</v>
      </c>
      <c r="Z2529" s="53">
        <v>9965946.9650995601</v>
      </c>
      <c r="AA2529" s="53">
        <v>84463543.261935204</v>
      </c>
      <c r="AB2529" s="53">
        <v>11803200.673573799</v>
      </c>
      <c r="AC2529" s="53">
        <v>1946738.17651845</v>
      </c>
      <c r="AD2529" s="53">
        <v>3007483.3982456001</v>
      </c>
      <c r="AE2529" s="53">
        <v>2217179.8584209098</v>
      </c>
      <c r="AF2529" s="53">
        <v>5225289.0703266095</v>
      </c>
      <c r="AG2529" s="53">
        <v>8503353.1486209594</v>
      </c>
      <c r="AH2529" s="53">
        <v>7800716.2865702901</v>
      </c>
      <c r="AI2529" s="53">
        <v>15246467.259838801</v>
      </c>
      <c r="AJ2529" s="53">
        <v>7418305.9184093196</v>
      </c>
      <c r="AK2529" s="53">
        <v>3625770.2184643298</v>
      </c>
      <c r="AL2529" s="53">
        <v>-394167.60502965801</v>
      </c>
      <c r="AM2529" s="53">
        <v>7796826.84332499</v>
      </c>
      <c r="AN2529" s="53">
        <v>74197163.247284502</v>
      </c>
      <c r="AO2529" s="53">
        <v>6293279.4317911603</v>
      </c>
      <c r="AP2529" s="53">
        <v>-2772386.04620456</v>
      </c>
      <c r="AQ2529" s="53">
        <v>-2993249.7820883798</v>
      </c>
      <c r="AR2529" s="53">
        <v>-976795.56876528403</v>
      </c>
      <c r="AS2529" s="53">
        <v>1724199.8677926401</v>
      </c>
      <c r="AT2529" s="53">
        <v>3148785.5900538098</v>
      </c>
      <c r="AU2529" s="53">
        <v>3830414.4534315201</v>
      </c>
      <c r="AV2529" s="53">
        <v>10312641.555946101</v>
      </c>
      <c r="AW2529" s="53">
        <v>2347798.9961150601</v>
      </c>
      <c r="AX2529" s="53">
        <v>315229.55412634899</v>
      </c>
      <c r="AY2529" s="53">
        <v>-3410002.0636559501</v>
      </c>
      <c r="AZ2529" s="53">
        <v>2904935.9231670899</v>
      </c>
      <c r="BA2529" s="53">
        <v>20724851.911709599</v>
      </c>
      <c r="BB2529" s="53">
        <v>6028590.8329194002</v>
      </c>
      <c r="BC2529" s="53">
        <v>-3161605.6044983198</v>
      </c>
      <c r="BD2529" s="53">
        <v>-3311292.0353210601</v>
      </c>
      <c r="BE2529" s="53">
        <v>-1260436.6332632101</v>
      </c>
      <c r="BF2529" s="53">
        <v>1482981.0429688401</v>
      </c>
      <c r="BG2529" s="53">
        <v>3038876.1075416999</v>
      </c>
      <c r="BH2529" s="53">
        <v>3677435.1816783799</v>
      </c>
      <c r="BI2529" s="53">
        <v>10119907.1882405</v>
      </c>
      <c r="BJ2529" s="53">
        <v>2041932.67417435</v>
      </c>
      <c r="BK2529" s="53">
        <v>-109773.579112525</v>
      </c>
      <c r="BL2529" s="53">
        <v>-3986075.0848877099</v>
      </c>
      <c r="BM2529" s="53">
        <v>2568474.2815444502</v>
      </c>
      <c r="BN2529" s="53">
        <v>17129014.371984798</v>
      </c>
      <c r="BO2529" s="53">
        <v>5649672.0031035403</v>
      </c>
      <c r="BP2529" s="53">
        <v>-3367635.5821297602</v>
      </c>
      <c r="BQ2529" s="53">
        <v>-3669483.96550499</v>
      </c>
      <c r="BR2529" s="53">
        <v>-1594516.85888024</v>
      </c>
      <c r="BS2529" s="53">
        <v>1461061.63089643</v>
      </c>
      <c r="BT2529" s="53">
        <v>2949246.6648725602</v>
      </c>
      <c r="BU2529" s="53">
        <v>3658018.5179344001</v>
      </c>
      <c r="BV2529" s="53">
        <v>10131624.712721501</v>
      </c>
      <c r="BW2529" s="53">
        <v>2049780.9060994601</v>
      </c>
      <c r="BX2529" s="53">
        <v>-124090.990743462</v>
      </c>
      <c r="BY2529" s="53">
        <v>-3747435.3131864099</v>
      </c>
      <c r="BZ2529" s="53">
        <v>-3694692.5729879802</v>
      </c>
      <c r="CA2529" s="53">
        <v>9701549.1521950606</v>
      </c>
      <c r="CB2529" s="53"/>
      <c r="CC2529" s="53"/>
      <c r="CD2529" s="53"/>
      <c r="CE2529" s="53"/>
      <c r="CF2529" s="53"/>
      <c r="CG2529" s="53"/>
      <c r="CH2529" s="53"/>
      <c r="CI2529" s="53"/>
      <c r="CJ2529" s="53"/>
      <c r="CK2529" s="53"/>
      <c r="CL2529" s="53"/>
      <c r="CM2529" s="53"/>
      <c r="CN2529" s="53"/>
    </row>
    <row r="2530" spans="1:92" outlineLevel="1">
      <c r="A2530" s="52" t="s">
        <v>1615</v>
      </c>
      <c r="B2530" s="53"/>
      <c r="C2530" s="53"/>
      <c r="D2530" s="53"/>
      <c r="E2530" s="53"/>
      <c r="F2530" s="53"/>
      <c r="G2530" s="53"/>
      <c r="H2530" s="53"/>
      <c r="I2530" s="53"/>
      <c r="J2530" s="53"/>
      <c r="K2530" s="53"/>
      <c r="L2530" s="53"/>
      <c r="M2530" s="53"/>
      <c r="N2530" s="53"/>
      <c r="O2530" s="53"/>
      <c r="P2530" s="53"/>
      <c r="Q2530" s="53"/>
      <c r="R2530" s="53"/>
      <c r="S2530" s="53"/>
      <c r="T2530" s="53"/>
      <c r="U2530" s="53"/>
      <c r="V2530" s="53"/>
      <c r="W2530" s="53"/>
      <c r="X2530" s="53"/>
      <c r="Y2530" s="53"/>
      <c r="Z2530" s="53"/>
      <c r="AA2530" s="53"/>
      <c r="AB2530" s="53"/>
      <c r="AC2530" s="53"/>
      <c r="AD2530" s="53"/>
      <c r="AE2530" s="53"/>
      <c r="AF2530" s="53"/>
      <c r="AG2530" s="53"/>
      <c r="AH2530" s="53"/>
      <c r="AI2530" s="53"/>
      <c r="AJ2530" s="53"/>
      <c r="AK2530" s="53"/>
      <c r="AL2530" s="53"/>
      <c r="AM2530" s="53"/>
      <c r="AN2530" s="53"/>
      <c r="AO2530" s="53"/>
      <c r="AP2530" s="53"/>
      <c r="AQ2530" s="53"/>
      <c r="AR2530" s="53"/>
      <c r="AS2530" s="53"/>
      <c r="AT2530" s="53"/>
      <c r="AU2530" s="53"/>
      <c r="AV2530" s="53"/>
      <c r="AW2530" s="53"/>
      <c r="AX2530" s="53"/>
      <c r="AY2530" s="53"/>
      <c r="AZ2530" s="53"/>
      <c r="BA2530" s="53"/>
      <c r="BB2530" s="53"/>
      <c r="BC2530" s="53"/>
      <c r="BD2530" s="53"/>
      <c r="BE2530" s="53"/>
      <c r="BF2530" s="53"/>
      <c r="BG2530" s="53"/>
      <c r="BH2530" s="53"/>
      <c r="BI2530" s="53"/>
      <c r="BJ2530" s="53"/>
      <c r="BK2530" s="53"/>
      <c r="BL2530" s="53"/>
      <c r="BM2530" s="53"/>
      <c r="BN2530" s="53"/>
      <c r="BO2530" s="53"/>
      <c r="BP2530" s="53"/>
      <c r="BQ2530" s="53"/>
      <c r="BR2530" s="53"/>
      <c r="BS2530" s="53"/>
      <c r="BT2530" s="53"/>
      <c r="BU2530" s="53"/>
      <c r="BV2530" s="53"/>
      <c r="BW2530" s="53"/>
      <c r="BX2530" s="53"/>
      <c r="BY2530" s="53"/>
      <c r="BZ2530" s="53"/>
      <c r="CA2530" s="53"/>
      <c r="CB2530" s="53"/>
      <c r="CC2530" s="53"/>
      <c r="CD2530" s="53"/>
      <c r="CE2530" s="53"/>
      <c r="CF2530" s="53"/>
      <c r="CG2530" s="53"/>
      <c r="CH2530" s="53"/>
      <c r="CI2530" s="53"/>
      <c r="CJ2530" s="53"/>
      <c r="CK2530" s="53"/>
      <c r="CL2530" s="53"/>
      <c r="CM2530" s="53"/>
      <c r="CN2530" s="53"/>
    </row>
    <row r="2531" spans="1:92" outlineLevel="1">
      <c r="A2531" s="52" t="s">
        <v>1622</v>
      </c>
      <c r="B2531" s="53"/>
      <c r="C2531" s="53"/>
      <c r="D2531" s="53"/>
      <c r="E2531" s="53"/>
      <c r="F2531" s="53"/>
      <c r="G2531" s="53"/>
      <c r="H2531" s="53"/>
      <c r="I2531" s="53"/>
      <c r="J2531" s="53"/>
      <c r="K2531" s="53"/>
      <c r="L2531" s="53"/>
      <c r="M2531" s="53"/>
      <c r="N2531" s="53"/>
      <c r="O2531" s="53"/>
      <c r="P2531" s="53"/>
      <c r="Q2531" s="53"/>
      <c r="R2531" s="53"/>
      <c r="S2531" s="53"/>
      <c r="T2531" s="53"/>
      <c r="U2531" s="53"/>
      <c r="V2531" s="53"/>
      <c r="W2531" s="53"/>
      <c r="X2531" s="53"/>
      <c r="Y2531" s="53"/>
      <c r="Z2531" s="53"/>
      <c r="AA2531" s="53"/>
      <c r="AB2531" s="53"/>
      <c r="AC2531" s="53"/>
      <c r="AD2531" s="53"/>
      <c r="AE2531" s="53"/>
      <c r="AF2531" s="53"/>
      <c r="AG2531" s="53"/>
      <c r="AH2531" s="53"/>
      <c r="AI2531" s="53"/>
      <c r="AJ2531" s="53"/>
      <c r="AK2531" s="53"/>
      <c r="AL2531" s="53"/>
      <c r="AM2531" s="53"/>
      <c r="AN2531" s="53"/>
      <c r="AO2531" s="53"/>
      <c r="AP2531" s="53"/>
      <c r="AQ2531" s="53"/>
      <c r="AR2531" s="53"/>
      <c r="AS2531" s="53"/>
      <c r="AT2531" s="53"/>
      <c r="AU2531" s="53"/>
      <c r="AV2531" s="53"/>
      <c r="AW2531" s="53"/>
      <c r="AX2531" s="53"/>
      <c r="AY2531" s="53"/>
      <c r="AZ2531" s="53"/>
      <c r="BA2531" s="53"/>
      <c r="BB2531" s="53"/>
      <c r="BC2531" s="53"/>
      <c r="BD2531" s="53"/>
      <c r="BE2531" s="53"/>
      <c r="BF2531" s="53"/>
      <c r="BG2531" s="53"/>
      <c r="BH2531" s="53"/>
      <c r="BI2531" s="53"/>
      <c r="BJ2531" s="53"/>
      <c r="BK2531" s="53"/>
      <c r="BL2531" s="53"/>
      <c r="BM2531" s="53"/>
      <c r="BN2531" s="53"/>
      <c r="BO2531" s="53"/>
      <c r="BP2531" s="53"/>
      <c r="BQ2531" s="53"/>
      <c r="BR2531" s="53"/>
      <c r="BS2531" s="53"/>
      <c r="BT2531" s="53"/>
      <c r="BU2531" s="53"/>
      <c r="BV2531" s="53"/>
      <c r="BW2531" s="53"/>
      <c r="BX2531" s="53"/>
      <c r="BY2531" s="53"/>
      <c r="BZ2531" s="53"/>
      <c r="CA2531" s="53"/>
      <c r="CB2531" s="53"/>
      <c r="CC2531" s="53"/>
      <c r="CD2531" s="53"/>
      <c r="CE2531" s="53"/>
      <c r="CF2531" s="53"/>
      <c r="CG2531" s="53"/>
      <c r="CH2531" s="53"/>
      <c r="CI2531" s="53"/>
      <c r="CJ2531" s="53"/>
      <c r="CK2531" s="53"/>
      <c r="CL2531" s="53"/>
      <c r="CM2531" s="53"/>
      <c r="CN2531" s="53"/>
    </row>
    <row r="2532" spans="1:92" outlineLevel="1">
      <c r="A2532" s="52" t="s">
        <v>649</v>
      </c>
      <c r="B2532" s="53">
        <v>1992746.08333332</v>
      </c>
      <c r="C2532" s="53">
        <v>1992746.08333332</v>
      </c>
      <c r="D2532" s="53">
        <v>1992746.08333332</v>
      </c>
      <c r="E2532" s="53">
        <v>1992746.08333332</v>
      </c>
      <c r="F2532" s="53">
        <v>1992746.08333332</v>
      </c>
      <c r="G2532" s="53">
        <v>1992746.08333332</v>
      </c>
      <c r="H2532" s="53">
        <v>1992746.08333332</v>
      </c>
      <c r="I2532" s="53">
        <v>1992746.08333332</v>
      </c>
      <c r="J2532" s="53">
        <v>1992746.08333332</v>
      </c>
      <c r="K2532" s="53">
        <v>1992746.08333332</v>
      </c>
      <c r="L2532" s="53">
        <v>1992746.08333332</v>
      </c>
      <c r="M2532" s="53">
        <v>1992746.08333332</v>
      </c>
      <c r="N2532" s="53">
        <v>23912952.999999799</v>
      </c>
      <c r="O2532" s="53">
        <v>732992</v>
      </c>
      <c r="P2532" s="53">
        <v>746864</v>
      </c>
      <c r="Q2532" s="53">
        <v>753263</v>
      </c>
      <c r="R2532" s="53">
        <v>759019</v>
      </c>
      <c r="S2532" s="53">
        <v>752356</v>
      </c>
      <c r="T2532" s="53">
        <v>896129</v>
      </c>
      <c r="U2532" s="53">
        <v>767722</v>
      </c>
      <c r="V2532" s="53">
        <v>754615</v>
      </c>
      <c r="W2532" s="53">
        <v>750330</v>
      </c>
      <c r="X2532" s="53">
        <v>754157</v>
      </c>
      <c r="Y2532" s="53">
        <v>759561</v>
      </c>
      <c r="Z2532" s="53">
        <v>898975</v>
      </c>
      <c r="AA2532" s="53">
        <v>9325983</v>
      </c>
      <c r="AB2532" s="53">
        <v>761409</v>
      </c>
      <c r="AC2532" s="53">
        <v>775439</v>
      </c>
      <c r="AD2532" s="53">
        <v>783671</v>
      </c>
      <c r="AE2532" s="53">
        <v>789011</v>
      </c>
      <c r="AF2532" s="53">
        <v>900671</v>
      </c>
      <c r="AG2532" s="53">
        <v>813488</v>
      </c>
      <c r="AH2532" s="53">
        <v>796944</v>
      </c>
      <c r="AI2532" s="53">
        <v>784000</v>
      </c>
      <c r="AJ2532" s="53">
        <v>779402</v>
      </c>
      <c r="AK2532" s="53">
        <v>781156</v>
      </c>
      <c r="AL2532" s="53">
        <v>899467</v>
      </c>
      <c r="AM2532" s="53">
        <v>808216</v>
      </c>
      <c r="AN2532" s="53">
        <v>9672874</v>
      </c>
      <c r="AO2532" s="53">
        <v>806072.83333333302</v>
      </c>
      <c r="AP2532" s="53">
        <v>806072.83333333302</v>
      </c>
      <c r="AQ2532" s="53">
        <v>806072.83333333302</v>
      </c>
      <c r="AR2532" s="53">
        <v>806072.83333333302</v>
      </c>
      <c r="AS2532" s="53">
        <v>806072.83333333302</v>
      </c>
      <c r="AT2532" s="53">
        <v>806072.83333333302</v>
      </c>
      <c r="AU2532" s="53">
        <v>806072.83333333302</v>
      </c>
      <c r="AV2532" s="53">
        <v>806072.83333333302</v>
      </c>
      <c r="AW2532" s="53">
        <v>806072.83333333302</v>
      </c>
      <c r="AX2532" s="53">
        <v>806072.83333333302</v>
      </c>
      <c r="AY2532" s="53">
        <v>806072.83333333302</v>
      </c>
      <c r="AZ2532" s="53">
        <v>806072.83333333302</v>
      </c>
      <c r="BA2532" s="53">
        <v>9672874</v>
      </c>
      <c r="BB2532" s="53">
        <v>806072.83333333302</v>
      </c>
      <c r="BC2532" s="53">
        <v>806072.83333333302</v>
      </c>
      <c r="BD2532" s="53">
        <v>806072.83333333302</v>
      </c>
      <c r="BE2532" s="53">
        <v>806072.83333333302</v>
      </c>
      <c r="BF2532" s="53">
        <v>806072.83333333302</v>
      </c>
      <c r="BG2532" s="53">
        <v>806072.83333333302</v>
      </c>
      <c r="BH2532" s="53">
        <v>806072.83333333302</v>
      </c>
      <c r="BI2532" s="53">
        <v>806072.83333333302</v>
      </c>
      <c r="BJ2532" s="53">
        <v>806072.83333333302</v>
      </c>
      <c r="BK2532" s="53">
        <v>806072.83333333302</v>
      </c>
      <c r="BL2532" s="53">
        <v>806072.83333333302</v>
      </c>
      <c r="BM2532" s="53">
        <v>806072.83333333302</v>
      </c>
      <c r="BN2532" s="53">
        <v>9672874</v>
      </c>
      <c r="BO2532" s="53">
        <v>806072.83333333302</v>
      </c>
      <c r="BP2532" s="53">
        <v>806072.83333333302</v>
      </c>
      <c r="BQ2532" s="53">
        <v>806072.83333333302</v>
      </c>
      <c r="BR2532" s="53">
        <v>806072.83333333302</v>
      </c>
      <c r="BS2532" s="53">
        <v>806072.83333333302</v>
      </c>
      <c r="BT2532" s="53">
        <v>806072.83333333302</v>
      </c>
      <c r="BU2532" s="53">
        <v>806072.83333333302</v>
      </c>
      <c r="BV2532" s="53">
        <v>806072.83333333302</v>
      </c>
      <c r="BW2532" s="53">
        <v>806072.83333333302</v>
      </c>
      <c r="BX2532" s="53">
        <v>806072.83333333302</v>
      </c>
      <c r="BY2532" s="53">
        <v>806072.83333333302</v>
      </c>
      <c r="BZ2532" s="53">
        <v>806072.83333333302</v>
      </c>
      <c r="CA2532" s="53">
        <v>9672874</v>
      </c>
      <c r="CB2532" s="53"/>
      <c r="CC2532" s="53"/>
      <c r="CD2532" s="53"/>
      <c r="CE2532" s="53"/>
      <c r="CF2532" s="53"/>
      <c r="CG2532" s="53"/>
      <c r="CH2532" s="53"/>
      <c r="CI2532" s="53"/>
      <c r="CJ2532" s="53"/>
      <c r="CK2532" s="53"/>
      <c r="CL2532" s="53"/>
      <c r="CM2532" s="53"/>
      <c r="CN2532" s="53"/>
    </row>
    <row r="2533" spans="1:92" outlineLevel="1">
      <c r="A2533" s="52" t="s">
        <v>1623</v>
      </c>
      <c r="B2533" s="53"/>
      <c r="C2533" s="53"/>
      <c r="D2533" s="53"/>
      <c r="E2533" s="53"/>
      <c r="F2533" s="53"/>
      <c r="G2533" s="53"/>
      <c r="H2533" s="53"/>
      <c r="I2533" s="53"/>
      <c r="J2533" s="53"/>
      <c r="K2533" s="53"/>
      <c r="L2533" s="53"/>
      <c r="M2533" s="53"/>
      <c r="N2533" s="53"/>
      <c r="O2533" s="53"/>
      <c r="P2533" s="53"/>
      <c r="Q2533" s="53"/>
      <c r="R2533" s="53"/>
      <c r="S2533" s="53"/>
      <c r="T2533" s="53"/>
      <c r="U2533" s="53"/>
      <c r="V2533" s="53"/>
      <c r="W2533" s="53"/>
      <c r="X2533" s="53"/>
      <c r="Y2533" s="53"/>
      <c r="Z2533" s="53"/>
      <c r="AA2533" s="53"/>
      <c r="AB2533" s="53"/>
      <c r="AC2533" s="53"/>
      <c r="AD2533" s="53"/>
      <c r="AE2533" s="53"/>
      <c r="AF2533" s="53"/>
      <c r="AG2533" s="53"/>
      <c r="AH2533" s="53"/>
      <c r="AI2533" s="53"/>
      <c r="AJ2533" s="53"/>
      <c r="AK2533" s="53"/>
      <c r="AL2533" s="53"/>
      <c r="AM2533" s="53"/>
      <c r="AN2533" s="53"/>
      <c r="AO2533" s="53"/>
      <c r="AP2533" s="53"/>
      <c r="AQ2533" s="53"/>
      <c r="AR2533" s="53"/>
      <c r="AS2533" s="53"/>
      <c r="AT2533" s="53"/>
      <c r="AU2533" s="53"/>
      <c r="AV2533" s="53"/>
      <c r="AW2533" s="53"/>
      <c r="AX2533" s="53"/>
      <c r="AY2533" s="53"/>
      <c r="AZ2533" s="53"/>
      <c r="BA2533" s="53"/>
      <c r="BB2533" s="53"/>
      <c r="BC2533" s="53"/>
      <c r="BD2533" s="53"/>
      <c r="BE2533" s="53"/>
      <c r="BF2533" s="53"/>
      <c r="BG2533" s="53"/>
      <c r="BH2533" s="53"/>
      <c r="BI2533" s="53"/>
      <c r="BJ2533" s="53"/>
      <c r="BK2533" s="53"/>
      <c r="BL2533" s="53"/>
      <c r="BM2533" s="53"/>
      <c r="BN2533" s="53"/>
      <c r="BO2533" s="53"/>
      <c r="BP2533" s="53"/>
      <c r="BQ2533" s="53"/>
      <c r="BR2533" s="53"/>
      <c r="BS2533" s="53"/>
      <c r="BT2533" s="53"/>
      <c r="BU2533" s="53"/>
      <c r="BV2533" s="53"/>
      <c r="BW2533" s="53"/>
      <c r="BX2533" s="53"/>
      <c r="BY2533" s="53"/>
      <c r="BZ2533" s="53"/>
      <c r="CA2533" s="53"/>
      <c r="CB2533" s="53"/>
      <c r="CC2533" s="53"/>
      <c r="CD2533" s="53"/>
      <c r="CE2533" s="53"/>
      <c r="CF2533" s="53"/>
      <c r="CG2533" s="53"/>
      <c r="CH2533" s="53"/>
      <c r="CI2533" s="53"/>
      <c r="CJ2533" s="53"/>
      <c r="CK2533" s="53"/>
      <c r="CL2533" s="53"/>
      <c r="CM2533" s="53"/>
      <c r="CN2533" s="53"/>
    </row>
    <row r="2534" spans="1:92" outlineLevel="1">
      <c r="A2534" s="52" t="s">
        <v>649</v>
      </c>
      <c r="B2534" s="53"/>
      <c r="C2534" s="53"/>
      <c r="D2534" s="53"/>
      <c r="E2534" s="53"/>
      <c r="F2534" s="53"/>
      <c r="G2534" s="53"/>
      <c r="H2534" s="53"/>
      <c r="I2534" s="53"/>
      <c r="J2534" s="53"/>
      <c r="K2534" s="53"/>
      <c r="L2534" s="53"/>
      <c r="M2534" s="53"/>
      <c r="N2534" s="53"/>
      <c r="O2534" s="53">
        <v>804163</v>
      </c>
      <c r="P2534" s="53">
        <v>858562</v>
      </c>
      <c r="Q2534" s="53">
        <v>855481</v>
      </c>
      <c r="R2534" s="53">
        <v>831116</v>
      </c>
      <c r="S2534" s="53">
        <v>823382</v>
      </c>
      <c r="T2534" s="53">
        <v>878777</v>
      </c>
      <c r="U2534" s="53">
        <v>765162</v>
      </c>
      <c r="V2534" s="53">
        <v>766313</v>
      </c>
      <c r="W2534" s="53">
        <v>746586</v>
      </c>
      <c r="X2534" s="53">
        <v>767535</v>
      </c>
      <c r="Y2534" s="53">
        <v>737556</v>
      </c>
      <c r="Z2534" s="53">
        <v>772429</v>
      </c>
      <c r="AA2534" s="53">
        <v>9607062</v>
      </c>
      <c r="AB2534" s="53">
        <v>777882</v>
      </c>
      <c r="AC2534" s="53">
        <v>818227</v>
      </c>
      <c r="AD2534" s="53">
        <v>834389</v>
      </c>
      <c r="AE2534" s="53">
        <v>856023</v>
      </c>
      <c r="AF2534" s="53">
        <v>862806</v>
      </c>
      <c r="AG2534" s="53">
        <v>920512</v>
      </c>
      <c r="AH2534" s="53">
        <v>822671</v>
      </c>
      <c r="AI2534" s="53">
        <v>831782</v>
      </c>
      <c r="AJ2534" s="53">
        <v>824462</v>
      </c>
      <c r="AK2534" s="53">
        <v>841941</v>
      </c>
      <c r="AL2534" s="53">
        <v>831614</v>
      </c>
      <c r="AM2534" s="53">
        <v>840586</v>
      </c>
      <c r="AN2534" s="53">
        <v>10062895</v>
      </c>
      <c r="AO2534" s="53">
        <v>838574.5</v>
      </c>
      <c r="AP2534" s="53">
        <v>838574.5</v>
      </c>
      <c r="AQ2534" s="53">
        <v>838574.5</v>
      </c>
      <c r="AR2534" s="53">
        <v>838574.5</v>
      </c>
      <c r="AS2534" s="53">
        <v>838574.5</v>
      </c>
      <c r="AT2534" s="53">
        <v>838574.5</v>
      </c>
      <c r="AU2534" s="53">
        <v>838574.5</v>
      </c>
      <c r="AV2534" s="53">
        <v>838574.5</v>
      </c>
      <c r="AW2534" s="53">
        <v>838574.5</v>
      </c>
      <c r="AX2534" s="53">
        <v>838574.5</v>
      </c>
      <c r="AY2534" s="53">
        <v>838574.5</v>
      </c>
      <c r="AZ2534" s="53">
        <v>838574.5</v>
      </c>
      <c r="BA2534" s="53">
        <v>10062894</v>
      </c>
      <c r="BB2534" s="53">
        <v>838574.5</v>
      </c>
      <c r="BC2534" s="53">
        <v>838574.5</v>
      </c>
      <c r="BD2534" s="53">
        <v>838574.5</v>
      </c>
      <c r="BE2534" s="53">
        <v>838574.5</v>
      </c>
      <c r="BF2534" s="53">
        <v>838574.5</v>
      </c>
      <c r="BG2534" s="53">
        <v>838574.5</v>
      </c>
      <c r="BH2534" s="53">
        <v>838574.5</v>
      </c>
      <c r="BI2534" s="53">
        <v>838574.5</v>
      </c>
      <c r="BJ2534" s="53">
        <v>838574.5</v>
      </c>
      <c r="BK2534" s="53">
        <v>838574.5</v>
      </c>
      <c r="BL2534" s="53">
        <v>838574.5</v>
      </c>
      <c r="BM2534" s="53">
        <v>838574.5</v>
      </c>
      <c r="BN2534" s="53">
        <v>10062894</v>
      </c>
      <c r="BO2534" s="53">
        <v>838574.5</v>
      </c>
      <c r="BP2534" s="53">
        <v>838574.5</v>
      </c>
      <c r="BQ2534" s="53">
        <v>838574.5</v>
      </c>
      <c r="BR2534" s="53">
        <v>838574.5</v>
      </c>
      <c r="BS2534" s="53">
        <v>838574.5</v>
      </c>
      <c r="BT2534" s="53">
        <v>838574.5</v>
      </c>
      <c r="BU2534" s="53">
        <v>838574.5</v>
      </c>
      <c r="BV2534" s="53">
        <v>838574.5</v>
      </c>
      <c r="BW2534" s="53">
        <v>838574.5</v>
      </c>
      <c r="BX2534" s="53">
        <v>838574.5</v>
      </c>
      <c r="BY2534" s="53">
        <v>838574.5</v>
      </c>
      <c r="BZ2534" s="53">
        <v>838574.5</v>
      </c>
      <c r="CA2534" s="53">
        <v>10062894</v>
      </c>
      <c r="CB2534" s="53"/>
      <c r="CC2534" s="53"/>
      <c r="CD2534" s="53"/>
      <c r="CE2534" s="53"/>
      <c r="CF2534" s="53"/>
      <c r="CG2534" s="53"/>
      <c r="CH2534" s="53"/>
      <c r="CI2534" s="53"/>
      <c r="CJ2534" s="53"/>
      <c r="CK2534" s="53"/>
      <c r="CL2534" s="53"/>
      <c r="CM2534" s="53"/>
      <c r="CN2534" s="53"/>
    </row>
    <row r="2535" spans="1:92" outlineLevel="1">
      <c r="A2535" s="52" t="s">
        <v>1624</v>
      </c>
      <c r="B2535" s="53"/>
      <c r="C2535" s="53"/>
      <c r="D2535" s="53"/>
      <c r="E2535" s="53"/>
      <c r="F2535" s="53"/>
      <c r="G2535" s="53"/>
      <c r="H2535" s="53"/>
      <c r="I2535" s="53"/>
      <c r="J2535" s="53"/>
      <c r="K2535" s="53"/>
      <c r="L2535" s="53"/>
      <c r="M2535" s="53"/>
      <c r="N2535" s="53"/>
      <c r="O2535" s="53"/>
      <c r="P2535" s="53"/>
      <c r="Q2535" s="53"/>
      <c r="R2535" s="53"/>
      <c r="S2535" s="53"/>
      <c r="T2535" s="53"/>
      <c r="U2535" s="53"/>
      <c r="V2535" s="53"/>
      <c r="W2535" s="53"/>
      <c r="X2535" s="53"/>
      <c r="Y2535" s="53"/>
      <c r="Z2535" s="53"/>
      <c r="AA2535" s="53"/>
      <c r="AB2535" s="53"/>
      <c r="AC2535" s="53"/>
      <c r="AD2535" s="53"/>
      <c r="AE2535" s="53"/>
      <c r="AF2535" s="53"/>
      <c r="AG2535" s="53"/>
      <c r="AH2535" s="53"/>
      <c r="AI2535" s="53"/>
      <c r="AJ2535" s="53"/>
      <c r="AK2535" s="53"/>
      <c r="AL2535" s="53"/>
      <c r="AM2535" s="53"/>
      <c r="AN2535" s="53"/>
      <c r="AO2535" s="53"/>
      <c r="AP2535" s="53"/>
      <c r="AQ2535" s="53"/>
      <c r="AR2535" s="53"/>
      <c r="AS2535" s="53"/>
      <c r="AT2535" s="53"/>
      <c r="AU2535" s="53"/>
      <c r="AV2535" s="53"/>
      <c r="AW2535" s="53"/>
      <c r="AX2535" s="53"/>
      <c r="AY2535" s="53"/>
      <c r="AZ2535" s="53"/>
      <c r="BA2535" s="53"/>
      <c r="BB2535" s="53"/>
      <c r="BC2535" s="53"/>
      <c r="BD2535" s="53"/>
      <c r="BE2535" s="53"/>
      <c r="BF2535" s="53"/>
      <c r="BG2535" s="53"/>
      <c r="BH2535" s="53"/>
      <c r="BI2535" s="53"/>
      <c r="BJ2535" s="53"/>
      <c r="BK2535" s="53"/>
      <c r="BL2535" s="53"/>
      <c r="BM2535" s="53"/>
      <c r="BN2535" s="53"/>
      <c r="BO2535" s="53"/>
      <c r="BP2535" s="53"/>
      <c r="BQ2535" s="53"/>
      <c r="BR2535" s="53"/>
      <c r="BS2535" s="53"/>
      <c r="BT2535" s="53"/>
      <c r="BU2535" s="53"/>
      <c r="BV2535" s="53"/>
      <c r="BW2535" s="53"/>
      <c r="BX2535" s="53"/>
      <c r="BY2535" s="53"/>
      <c r="BZ2535" s="53"/>
      <c r="CA2535" s="53"/>
      <c r="CB2535" s="53">
        <v>-6148015.4214001903</v>
      </c>
      <c r="CC2535" s="53">
        <v>-10014252.445839399</v>
      </c>
      <c r="CD2535" s="53">
        <v>-5695985.3494004598</v>
      </c>
      <c r="CE2535" s="53">
        <v>-56073374.921472199</v>
      </c>
      <c r="CF2535" s="53">
        <v>-55467475.822112098</v>
      </c>
      <c r="CG2535" s="53">
        <v>-38737969.727702603</v>
      </c>
      <c r="CH2535" s="53">
        <v>-129564121.638422</v>
      </c>
      <c r="CI2535" s="53">
        <v>-25424080.3079019</v>
      </c>
      <c r="CJ2535" s="53"/>
      <c r="CK2535" s="53"/>
      <c r="CL2535" s="53"/>
      <c r="CM2535" s="53"/>
      <c r="CN2535" s="53">
        <v>-327125275.634251</v>
      </c>
    </row>
    <row r="2536" spans="1:92" outlineLevel="1">
      <c r="A2536" s="52" t="s">
        <v>649</v>
      </c>
      <c r="B2536" s="53"/>
      <c r="C2536" s="53"/>
      <c r="D2536" s="53"/>
      <c r="E2536" s="53"/>
      <c r="F2536" s="53"/>
      <c r="G2536" s="53"/>
      <c r="H2536" s="53"/>
      <c r="I2536" s="53"/>
      <c r="J2536" s="53"/>
      <c r="K2536" s="53"/>
      <c r="L2536" s="53"/>
      <c r="M2536" s="53"/>
      <c r="N2536" s="53"/>
      <c r="O2536" s="53">
        <v>448280</v>
      </c>
      <c r="P2536" s="53">
        <v>476052</v>
      </c>
      <c r="Q2536" s="53">
        <v>479119</v>
      </c>
      <c r="R2536" s="53">
        <v>472183</v>
      </c>
      <c r="S2536" s="53">
        <v>477885</v>
      </c>
      <c r="T2536" s="53">
        <v>489781</v>
      </c>
      <c r="U2536" s="53">
        <v>460934</v>
      </c>
      <c r="V2536" s="53">
        <v>482100</v>
      </c>
      <c r="W2536" s="53">
        <v>465006</v>
      </c>
      <c r="X2536" s="53">
        <v>484372</v>
      </c>
      <c r="Y2536" s="53">
        <v>453530</v>
      </c>
      <c r="Z2536" s="53">
        <v>433037</v>
      </c>
      <c r="AA2536" s="53">
        <v>5622279</v>
      </c>
      <c r="AB2536" s="53">
        <v>452857</v>
      </c>
      <c r="AC2536" s="53">
        <v>480629</v>
      </c>
      <c r="AD2536" s="53">
        <v>484771</v>
      </c>
      <c r="AE2536" s="53">
        <v>477098</v>
      </c>
      <c r="AF2536" s="53">
        <v>499524</v>
      </c>
      <c r="AG2536" s="53">
        <v>478537</v>
      </c>
      <c r="AH2536" s="53">
        <v>465849</v>
      </c>
      <c r="AI2536" s="53">
        <v>487016</v>
      </c>
      <c r="AJ2536" s="53">
        <v>469921</v>
      </c>
      <c r="AK2536" s="53">
        <v>489288</v>
      </c>
      <c r="AL2536" s="53">
        <v>475180</v>
      </c>
      <c r="AM2536" s="53">
        <v>421577</v>
      </c>
      <c r="AN2536" s="53">
        <v>5682247</v>
      </c>
      <c r="AO2536" s="53">
        <v>473520.66666666599</v>
      </c>
      <c r="AP2536" s="53">
        <v>473520.66666666599</v>
      </c>
      <c r="AQ2536" s="53">
        <v>473520.66666666599</v>
      </c>
      <c r="AR2536" s="53">
        <v>473520.66666666599</v>
      </c>
      <c r="AS2536" s="53">
        <v>473520.66666666599</v>
      </c>
      <c r="AT2536" s="53">
        <v>473520.66666666599</v>
      </c>
      <c r="AU2536" s="53">
        <v>473520.66666666599</v>
      </c>
      <c r="AV2536" s="53">
        <v>473520.66666666599</v>
      </c>
      <c r="AW2536" s="53">
        <v>473520.66666666599</v>
      </c>
      <c r="AX2536" s="53">
        <v>473520.66666666599</v>
      </c>
      <c r="AY2536" s="53">
        <v>473520.66666666599</v>
      </c>
      <c r="AZ2536" s="53">
        <v>473520.66666666599</v>
      </c>
      <c r="BA2536" s="53">
        <v>5682247.9999999898</v>
      </c>
      <c r="BB2536" s="53">
        <v>473520.66666666599</v>
      </c>
      <c r="BC2536" s="53">
        <v>473520.66666666599</v>
      </c>
      <c r="BD2536" s="53">
        <v>473520.66666666599</v>
      </c>
      <c r="BE2536" s="53">
        <v>473520.66666666599</v>
      </c>
      <c r="BF2536" s="53">
        <v>473520.66666666599</v>
      </c>
      <c r="BG2536" s="53">
        <v>473520.66666666599</v>
      </c>
      <c r="BH2536" s="53">
        <v>473520.66666666599</v>
      </c>
      <c r="BI2536" s="53">
        <v>473520.66666666599</v>
      </c>
      <c r="BJ2536" s="53">
        <v>473520.66666666599</v>
      </c>
      <c r="BK2536" s="53">
        <v>473520.66666666599</v>
      </c>
      <c r="BL2536" s="53">
        <v>473520.66666666599</v>
      </c>
      <c r="BM2536" s="53">
        <v>473520.66666666599</v>
      </c>
      <c r="BN2536" s="53">
        <v>5682247.9999999898</v>
      </c>
      <c r="BO2536" s="53">
        <v>473520.66666666599</v>
      </c>
      <c r="BP2536" s="53">
        <v>473520.66666666599</v>
      </c>
      <c r="BQ2536" s="53">
        <v>473520.66666666599</v>
      </c>
      <c r="BR2536" s="53">
        <v>473520.66666666599</v>
      </c>
      <c r="BS2536" s="53">
        <v>473520.66666666599</v>
      </c>
      <c r="BT2536" s="53">
        <v>473520.66666666599</v>
      </c>
      <c r="BU2536" s="53">
        <v>473520.66666666599</v>
      </c>
      <c r="BV2536" s="53">
        <v>473520.66666666599</v>
      </c>
      <c r="BW2536" s="53">
        <v>473520.66666666599</v>
      </c>
      <c r="BX2536" s="53">
        <v>473520.66666666599</v>
      </c>
      <c r="BY2536" s="53">
        <v>473520.66666666599</v>
      </c>
      <c r="BZ2536" s="53">
        <v>473520.66666666599</v>
      </c>
      <c r="CA2536" s="53">
        <v>5682247.9999999898</v>
      </c>
      <c r="CB2536" s="53"/>
      <c r="CC2536" s="53"/>
      <c r="CD2536" s="53"/>
      <c r="CE2536" s="53"/>
      <c r="CF2536" s="53"/>
      <c r="CG2536" s="53"/>
      <c r="CH2536" s="53"/>
      <c r="CI2536" s="53"/>
      <c r="CJ2536" s="53"/>
      <c r="CK2536" s="53"/>
      <c r="CL2536" s="53"/>
      <c r="CM2536" s="53"/>
      <c r="CN2536" s="53"/>
    </row>
    <row r="2537" spans="1:92" outlineLevel="1">
      <c r="A2537" s="52" t="s">
        <v>1625</v>
      </c>
      <c r="B2537" s="53"/>
      <c r="C2537" s="53"/>
      <c r="D2537" s="53"/>
      <c r="E2537" s="53"/>
      <c r="F2537" s="53"/>
      <c r="G2537" s="53"/>
      <c r="H2537" s="53"/>
      <c r="I2537" s="53"/>
      <c r="J2537" s="53"/>
      <c r="K2537" s="53"/>
      <c r="L2537" s="53"/>
      <c r="M2537" s="53"/>
      <c r="N2537" s="53"/>
      <c r="O2537" s="53"/>
      <c r="P2537" s="53"/>
      <c r="Q2537" s="53"/>
      <c r="R2537" s="53"/>
      <c r="S2537" s="53"/>
      <c r="T2537" s="53"/>
      <c r="U2537" s="53"/>
      <c r="V2537" s="53"/>
      <c r="W2537" s="53"/>
      <c r="X2537" s="53"/>
      <c r="Y2537" s="53"/>
      <c r="Z2537" s="53"/>
      <c r="AA2537" s="53"/>
      <c r="AB2537" s="53"/>
      <c r="AC2537" s="53"/>
      <c r="AD2537" s="53"/>
      <c r="AE2537" s="53"/>
      <c r="AF2537" s="53"/>
      <c r="AG2537" s="53"/>
      <c r="AH2537" s="53"/>
      <c r="AI2537" s="53"/>
      <c r="AJ2537" s="53"/>
      <c r="AK2537" s="53"/>
      <c r="AL2537" s="53"/>
      <c r="AM2537" s="53"/>
      <c r="AN2537" s="53"/>
      <c r="AO2537" s="53"/>
      <c r="AP2537" s="53"/>
      <c r="AQ2537" s="53"/>
      <c r="AR2537" s="53"/>
      <c r="AS2537" s="53"/>
      <c r="AT2537" s="53"/>
      <c r="AU2537" s="53"/>
      <c r="AV2537" s="53"/>
      <c r="AW2537" s="53"/>
      <c r="AX2537" s="53"/>
      <c r="AY2537" s="53"/>
      <c r="AZ2537" s="53"/>
      <c r="BA2537" s="53"/>
      <c r="BB2537" s="53"/>
      <c r="BC2537" s="53"/>
      <c r="BD2537" s="53"/>
      <c r="BE2537" s="53"/>
      <c r="BF2537" s="53"/>
      <c r="BG2537" s="53"/>
      <c r="BH2537" s="53"/>
      <c r="BI2537" s="53"/>
      <c r="BJ2537" s="53"/>
      <c r="BK2537" s="53"/>
      <c r="BL2537" s="53"/>
      <c r="BM2537" s="53"/>
      <c r="BN2537" s="53"/>
      <c r="BO2537" s="53"/>
      <c r="BP2537" s="53"/>
      <c r="BQ2537" s="53"/>
      <c r="BR2537" s="53"/>
      <c r="BS2537" s="53"/>
      <c r="BT2537" s="53"/>
      <c r="BU2537" s="53"/>
      <c r="BV2537" s="53"/>
      <c r="BW2537" s="53"/>
      <c r="BX2537" s="53"/>
      <c r="BY2537" s="53"/>
      <c r="BZ2537" s="53"/>
      <c r="CA2537" s="53"/>
      <c r="CB2537" s="53"/>
      <c r="CC2537" s="53"/>
      <c r="CD2537" s="53"/>
      <c r="CE2537" s="53"/>
      <c r="CF2537" s="53"/>
      <c r="CG2537" s="53"/>
      <c r="CH2537" s="53"/>
      <c r="CI2537" s="53"/>
      <c r="CJ2537" s="53"/>
      <c r="CK2537" s="53"/>
      <c r="CL2537" s="53"/>
      <c r="CM2537" s="53"/>
      <c r="CN2537" s="53"/>
    </row>
    <row r="2538" spans="1:92" outlineLevel="1">
      <c r="A2538" s="52" t="s">
        <v>649</v>
      </c>
      <c r="B2538" s="53">
        <v>259056.99083333201</v>
      </c>
      <c r="C2538" s="53">
        <v>259056.99083333201</v>
      </c>
      <c r="D2538" s="53">
        <v>259056.99083333201</v>
      </c>
      <c r="E2538" s="53">
        <v>259056.99083333201</v>
      </c>
      <c r="F2538" s="53">
        <v>259056.99083333201</v>
      </c>
      <c r="G2538" s="53">
        <v>259056.99083333201</v>
      </c>
      <c r="H2538" s="53">
        <v>259056.99083333201</v>
      </c>
      <c r="I2538" s="53">
        <v>259056.99083333201</v>
      </c>
      <c r="J2538" s="53">
        <v>259056.99083333201</v>
      </c>
      <c r="K2538" s="53">
        <v>259056.99083333201</v>
      </c>
      <c r="L2538" s="53">
        <v>259056.99083333201</v>
      </c>
      <c r="M2538" s="53">
        <v>259056.99083333201</v>
      </c>
      <c r="N2538" s="53">
        <v>3108683.8899999801</v>
      </c>
      <c r="O2538" s="53">
        <v>95288.960000000006</v>
      </c>
      <c r="P2538" s="53">
        <v>97092.32</v>
      </c>
      <c r="Q2538" s="53">
        <v>97924.19</v>
      </c>
      <c r="R2538" s="53">
        <v>98672.47</v>
      </c>
      <c r="S2538" s="53">
        <v>97806.28</v>
      </c>
      <c r="T2538" s="53">
        <v>116496.77</v>
      </c>
      <c r="U2538" s="53">
        <v>99803.86</v>
      </c>
      <c r="V2538" s="53">
        <v>98099.95</v>
      </c>
      <c r="W2538" s="53">
        <v>97542.9</v>
      </c>
      <c r="X2538" s="53">
        <v>98040.41</v>
      </c>
      <c r="Y2538" s="53">
        <v>98742.93</v>
      </c>
      <c r="Z2538" s="53">
        <v>116866.75</v>
      </c>
      <c r="AA2538" s="53">
        <v>1212377.78999999</v>
      </c>
      <c r="AB2538" s="53">
        <v>98983.17</v>
      </c>
      <c r="AC2538" s="53">
        <v>100807.069999999</v>
      </c>
      <c r="AD2538" s="53">
        <v>101877.23</v>
      </c>
      <c r="AE2538" s="53">
        <v>102571.43</v>
      </c>
      <c r="AF2538" s="53">
        <v>117087.23</v>
      </c>
      <c r="AG2538" s="53">
        <v>105753.44</v>
      </c>
      <c r="AH2538" s="53">
        <v>103602.72</v>
      </c>
      <c r="AI2538" s="53">
        <v>101920</v>
      </c>
      <c r="AJ2538" s="53">
        <v>101322.26</v>
      </c>
      <c r="AK2538" s="53">
        <v>101550.28</v>
      </c>
      <c r="AL2538" s="53">
        <v>116930.71</v>
      </c>
      <c r="AM2538" s="53">
        <v>105068.08</v>
      </c>
      <c r="AN2538" s="53">
        <v>1257473.6199999901</v>
      </c>
      <c r="AO2538" s="53">
        <v>104789.468333333</v>
      </c>
      <c r="AP2538" s="53">
        <v>104789.468333333</v>
      </c>
      <c r="AQ2538" s="53">
        <v>104789.468333333</v>
      </c>
      <c r="AR2538" s="53">
        <v>104789.468333333</v>
      </c>
      <c r="AS2538" s="53">
        <v>104789.468333333</v>
      </c>
      <c r="AT2538" s="53">
        <v>104789.468333333</v>
      </c>
      <c r="AU2538" s="53">
        <v>104789.468333333</v>
      </c>
      <c r="AV2538" s="53">
        <v>104789.468333333</v>
      </c>
      <c r="AW2538" s="53">
        <v>104789.468333333</v>
      </c>
      <c r="AX2538" s="53">
        <v>104789.468333333</v>
      </c>
      <c r="AY2538" s="53">
        <v>104789.468333333</v>
      </c>
      <c r="AZ2538" s="53">
        <v>104789.468333333</v>
      </c>
      <c r="BA2538" s="53">
        <v>1257473.6200000001</v>
      </c>
      <c r="BB2538" s="53">
        <v>104789.468333333</v>
      </c>
      <c r="BC2538" s="53">
        <v>104789.468333333</v>
      </c>
      <c r="BD2538" s="53">
        <v>104789.468333333</v>
      </c>
      <c r="BE2538" s="53">
        <v>104789.468333333</v>
      </c>
      <c r="BF2538" s="53">
        <v>104789.468333333</v>
      </c>
      <c r="BG2538" s="53">
        <v>104789.468333333</v>
      </c>
      <c r="BH2538" s="53">
        <v>104789.468333333</v>
      </c>
      <c r="BI2538" s="53">
        <v>104789.468333333</v>
      </c>
      <c r="BJ2538" s="53">
        <v>104789.468333333</v>
      </c>
      <c r="BK2538" s="53">
        <v>104789.468333333</v>
      </c>
      <c r="BL2538" s="53">
        <v>104789.468333333</v>
      </c>
      <c r="BM2538" s="53">
        <v>104789.468333333</v>
      </c>
      <c r="BN2538" s="53">
        <v>1257473.6200000001</v>
      </c>
      <c r="BO2538" s="53">
        <v>104789.468333333</v>
      </c>
      <c r="BP2538" s="53">
        <v>104789.468333333</v>
      </c>
      <c r="BQ2538" s="53">
        <v>104789.468333333</v>
      </c>
      <c r="BR2538" s="53">
        <v>104789.468333333</v>
      </c>
      <c r="BS2538" s="53">
        <v>104789.468333333</v>
      </c>
      <c r="BT2538" s="53">
        <v>104789.468333333</v>
      </c>
      <c r="BU2538" s="53">
        <v>104789.468333333</v>
      </c>
      <c r="BV2538" s="53">
        <v>104789.468333333</v>
      </c>
      <c r="BW2538" s="53">
        <v>104789.468333333</v>
      </c>
      <c r="BX2538" s="53">
        <v>104789.468333333</v>
      </c>
      <c r="BY2538" s="53">
        <v>104789.468333333</v>
      </c>
      <c r="BZ2538" s="53">
        <v>104789.468333333</v>
      </c>
      <c r="CA2538" s="53">
        <v>1257473.6200000001</v>
      </c>
      <c r="CB2538" s="53"/>
      <c r="CC2538" s="53"/>
      <c r="CD2538" s="53">
        <v>-9665239.1953504495</v>
      </c>
      <c r="CE2538" s="53"/>
      <c r="CF2538" s="53"/>
      <c r="CG2538" s="53">
        <v>-18796138.1368342</v>
      </c>
      <c r="CH2538" s="53"/>
      <c r="CI2538" s="53"/>
      <c r="CJ2538" s="53">
        <v>-52534028.561362997</v>
      </c>
      <c r="CK2538" s="53"/>
      <c r="CL2538" s="53"/>
      <c r="CM2538" s="53">
        <v>-98432353.592288703</v>
      </c>
      <c r="CN2538" s="53">
        <v>-179427759.485836</v>
      </c>
    </row>
    <row r="2539" spans="1:92" outlineLevel="1">
      <c r="A2539" s="52" t="s">
        <v>1626</v>
      </c>
      <c r="B2539" s="53"/>
      <c r="C2539" s="53"/>
      <c r="D2539" s="53"/>
      <c r="E2539" s="53"/>
      <c r="F2539" s="53"/>
      <c r="G2539" s="53"/>
      <c r="H2539" s="53"/>
      <c r="I2539" s="53"/>
      <c r="J2539" s="53"/>
      <c r="K2539" s="53"/>
      <c r="L2539" s="53"/>
      <c r="M2539" s="53"/>
      <c r="N2539" s="53"/>
      <c r="O2539" s="53"/>
      <c r="P2539" s="53"/>
      <c r="Q2539" s="53"/>
      <c r="R2539" s="53"/>
      <c r="S2539" s="53"/>
      <c r="T2539" s="53"/>
      <c r="U2539" s="53"/>
      <c r="V2539" s="53"/>
      <c r="W2539" s="53"/>
      <c r="X2539" s="53"/>
      <c r="Y2539" s="53"/>
      <c r="Z2539" s="53"/>
      <c r="AA2539" s="53"/>
      <c r="AB2539" s="53"/>
      <c r="AC2539" s="53"/>
      <c r="AD2539" s="53"/>
      <c r="AE2539" s="53"/>
      <c r="AF2539" s="53"/>
      <c r="AG2539" s="53"/>
      <c r="AH2539" s="53"/>
      <c r="AI2539" s="53"/>
      <c r="AJ2539" s="53"/>
      <c r="AK2539" s="53"/>
      <c r="AL2539" s="53"/>
      <c r="AM2539" s="53"/>
      <c r="AN2539" s="53"/>
      <c r="AO2539" s="53"/>
      <c r="AP2539" s="53"/>
      <c r="AQ2539" s="53"/>
      <c r="AR2539" s="53"/>
      <c r="AS2539" s="53"/>
      <c r="AT2539" s="53"/>
      <c r="AU2539" s="53"/>
      <c r="AV2539" s="53"/>
      <c r="AW2539" s="53"/>
      <c r="AX2539" s="53"/>
      <c r="AY2539" s="53"/>
      <c r="AZ2539" s="53"/>
      <c r="BA2539" s="53"/>
      <c r="BB2539" s="53"/>
      <c r="BC2539" s="53"/>
      <c r="BD2539" s="53"/>
      <c r="BE2539" s="53"/>
      <c r="BF2539" s="53"/>
      <c r="BG2539" s="53"/>
      <c r="BH2539" s="53"/>
      <c r="BI2539" s="53"/>
      <c r="BJ2539" s="53"/>
      <c r="BK2539" s="53"/>
      <c r="BL2539" s="53"/>
      <c r="BM2539" s="53"/>
      <c r="BN2539" s="53"/>
      <c r="BO2539" s="53"/>
      <c r="BP2539" s="53"/>
      <c r="BQ2539" s="53"/>
      <c r="BR2539" s="53"/>
      <c r="BS2539" s="53"/>
      <c r="BT2539" s="53"/>
      <c r="BU2539" s="53"/>
      <c r="BV2539" s="53"/>
      <c r="BW2539" s="53"/>
      <c r="BX2539" s="53"/>
      <c r="BY2539" s="53"/>
      <c r="BZ2539" s="53"/>
      <c r="CA2539" s="53"/>
      <c r="CB2539" s="53"/>
      <c r="CC2539" s="53"/>
      <c r="CD2539" s="53"/>
      <c r="CE2539" s="53"/>
      <c r="CF2539" s="53"/>
      <c r="CG2539" s="53"/>
      <c r="CH2539" s="53"/>
      <c r="CI2539" s="53"/>
      <c r="CJ2539" s="53"/>
      <c r="CK2539" s="53"/>
      <c r="CL2539" s="53"/>
      <c r="CM2539" s="53"/>
      <c r="CN2539" s="53"/>
    </row>
    <row r="2540" spans="1:92" outlineLevel="1">
      <c r="A2540" s="52" t="s">
        <v>649</v>
      </c>
      <c r="B2540" s="53"/>
      <c r="C2540" s="53"/>
      <c r="D2540" s="53"/>
      <c r="E2540" s="53"/>
      <c r="F2540" s="53"/>
      <c r="G2540" s="53"/>
      <c r="H2540" s="53"/>
      <c r="I2540" s="53"/>
      <c r="J2540" s="53"/>
      <c r="K2540" s="53"/>
      <c r="L2540" s="53"/>
      <c r="M2540" s="53"/>
      <c r="N2540" s="53"/>
      <c r="O2540" s="53">
        <v>104541.19</v>
      </c>
      <c r="P2540" s="53">
        <v>111613.06</v>
      </c>
      <c r="Q2540" s="53">
        <v>111212.53</v>
      </c>
      <c r="R2540" s="53">
        <v>108045.08</v>
      </c>
      <c r="S2540" s="53">
        <v>107039.66</v>
      </c>
      <c r="T2540" s="53">
        <v>114241.01</v>
      </c>
      <c r="U2540" s="53">
        <v>99471.06</v>
      </c>
      <c r="V2540" s="53">
        <v>99620.69</v>
      </c>
      <c r="W2540" s="53">
        <v>97056.18</v>
      </c>
      <c r="X2540" s="53">
        <v>99779.55</v>
      </c>
      <c r="Y2540" s="53">
        <v>95882.28</v>
      </c>
      <c r="Z2540" s="53">
        <v>100415.769999999</v>
      </c>
      <c r="AA2540" s="53">
        <v>1248918.06</v>
      </c>
      <c r="AB2540" s="53">
        <v>101124.659999999</v>
      </c>
      <c r="AC2540" s="53">
        <v>106369.51</v>
      </c>
      <c r="AD2540" s="53">
        <v>108470.57</v>
      </c>
      <c r="AE2540" s="53">
        <v>111282.99</v>
      </c>
      <c r="AF2540" s="53">
        <v>112164.78</v>
      </c>
      <c r="AG2540" s="53">
        <v>119666.55999999899</v>
      </c>
      <c r="AH2540" s="53">
        <v>106947.23</v>
      </c>
      <c r="AI2540" s="53">
        <v>108131.66</v>
      </c>
      <c r="AJ2540" s="53">
        <v>107180.06</v>
      </c>
      <c r="AK2540" s="53">
        <v>109452.33</v>
      </c>
      <c r="AL2540" s="53">
        <v>108109.82</v>
      </c>
      <c r="AM2540" s="53">
        <v>109276.18</v>
      </c>
      <c r="AN2540" s="53">
        <v>1308176.3500000001</v>
      </c>
      <c r="AO2540" s="53">
        <v>109014.685</v>
      </c>
      <c r="AP2540" s="53">
        <v>109014.685</v>
      </c>
      <c r="AQ2540" s="53">
        <v>109014.685</v>
      </c>
      <c r="AR2540" s="53">
        <v>109014.685</v>
      </c>
      <c r="AS2540" s="53">
        <v>109014.685</v>
      </c>
      <c r="AT2540" s="53">
        <v>109014.685</v>
      </c>
      <c r="AU2540" s="53">
        <v>109014.685</v>
      </c>
      <c r="AV2540" s="53">
        <v>109014.685</v>
      </c>
      <c r="AW2540" s="53">
        <v>109014.685</v>
      </c>
      <c r="AX2540" s="53">
        <v>109014.685</v>
      </c>
      <c r="AY2540" s="53">
        <v>109014.685</v>
      </c>
      <c r="AZ2540" s="53">
        <v>109014.685</v>
      </c>
      <c r="BA2540" s="53">
        <v>1308176.22</v>
      </c>
      <c r="BB2540" s="53">
        <v>109014.685</v>
      </c>
      <c r="BC2540" s="53">
        <v>109014.685</v>
      </c>
      <c r="BD2540" s="53">
        <v>109014.685</v>
      </c>
      <c r="BE2540" s="53">
        <v>109014.685</v>
      </c>
      <c r="BF2540" s="53">
        <v>109014.685</v>
      </c>
      <c r="BG2540" s="53">
        <v>109014.685</v>
      </c>
      <c r="BH2540" s="53">
        <v>109014.685</v>
      </c>
      <c r="BI2540" s="53">
        <v>109014.685</v>
      </c>
      <c r="BJ2540" s="53">
        <v>109014.685</v>
      </c>
      <c r="BK2540" s="53">
        <v>109014.685</v>
      </c>
      <c r="BL2540" s="53">
        <v>109014.685</v>
      </c>
      <c r="BM2540" s="53">
        <v>109014.685</v>
      </c>
      <c r="BN2540" s="53">
        <v>1308176.22</v>
      </c>
      <c r="BO2540" s="53">
        <v>109014.685</v>
      </c>
      <c r="BP2540" s="53">
        <v>109014.685</v>
      </c>
      <c r="BQ2540" s="53">
        <v>109014.685</v>
      </c>
      <c r="BR2540" s="53">
        <v>109014.685</v>
      </c>
      <c r="BS2540" s="53">
        <v>109014.685</v>
      </c>
      <c r="BT2540" s="53">
        <v>109014.685</v>
      </c>
      <c r="BU2540" s="53">
        <v>109014.685</v>
      </c>
      <c r="BV2540" s="53">
        <v>109014.685</v>
      </c>
      <c r="BW2540" s="53">
        <v>109014.685</v>
      </c>
      <c r="BX2540" s="53">
        <v>109014.685</v>
      </c>
      <c r="BY2540" s="53">
        <v>109014.685</v>
      </c>
      <c r="BZ2540" s="53">
        <v>109014.685</v>
      </c>
      <c r="CA2540" s="53">
        <v>1308176.22</v>
      </c>
      <c r="CB2540" s="53"/>
      <c r="CC2540" s="53"/>
      <c r="CD2540" s="53"/>
      <c r="CE2540" s="53"/>
      <c r="CF2540" s="53"/>
      <c r="CG2540" s="53"/>
      <c r="CH2540" s="53"/>
      <c r="CI2540" s="53"/>
      <c r="CJ2540" s="53"/>
      <c r="CK2540" s="53"/>
      <c r="CL2540" s="53"/>
      <c r="CM2540" s="53"/>
      <c r="CN2540" s="53"/>
    </row>
    <row r="2541" spans="1:92" outlineLevel="1">
      <c r="A2541" s="52" t="s">
        <v>1627</v>
      </c>
      <c r="B2541" s="53"/>
      <c r="C2541" s="53"/>
      <c r="D2541" s="53"/>
      <c r="E2541" s="53"/>
      <c r="F2541" s="53"/>
      <c r="G2541" s="53"/>
      <c r="H2541" s="53"/>
      <c r="I2541" s="53"/>
      <c r="J2541" s="53"/>
      <c r="K2541" s="53"/>
      <c r="L2541" s="53"/>
      <c r="M2541" s="53"/>
      <c r="N2541" s="53"/>
      <c r="O2541" s="53"/>
      <c r="P2541" s="53"/>
      <c r="Q2541" s="53"/>
      <c r="R2541" s="53"/>
      <c r="S2541" s="53"/>
      <c r="T2541" s="53"/>
      <c r="U2541" s="53"/>
      <c r="V2541" s="53"/>
      <c r="W2541" s="53"/>
      <c r="X2541" s="53"/>
      <c r="Y2541" s="53"/>
      <c r="Z2541" s="53"/>
      <c r="AA2541" s="53"/>
      <c r="AB2541" s="53"/>
      <c r="AC2541" s="53"/>
      <c r="AD2541" s="53"/>
      <c r="AE2541" s="53"/>
      <c r="AF2541" s="53"/>
      <c r="AG2541" s="53"/>
      <c r="AH2541" s="53"/>
      <c r="AI2541" s="53"/>
      <c r="AJ2541" s="53"/>
      <c r="AK2541" s="53"/>
      <c r="AL2541" s="53"/>
      <c r="AM2541" s="53"/>
      <c r="AN2541" s="53"/>
      <c r="AO2541" s="53"/>
      <c r="AP2541" s="53"/>
      <c r="AQ2541" s="53"/>
      <c r="AR2541" s="53"/>
      <c r="AS2541" s="53"/>
      <c r="AT2541" s="53"/>
      <c r="AU2541" s="53"/>
      <c r="AV2541" s="53"/>
      <c r="AW2541" s="53"/>
      <c r="AX2541" s="53"/>
      <c r="AY2541" s="53"/>
      <c r="AZ2541" s="53"/>
      <c r="BA2541" s="53"/>
      <c r="BB2541" s="53"/>
      <c r="BC2541" s="53"/>
      <c r="BD2541" s="53"/>
      <c r="BE2541" s="53"/>
      <c r="BF2541" s="53"/>
      <c r="BG2541" s="53"/>
      <c r="BH2541" s="53"/>
      <c r="BI2541" s="53"/>
      <c r="BJ2541" s="53"/>
      <c r="BK2541" s="53"/>
      <c r="BL2541" s="53"/>
      <c r="BM2541" s="53"/>
      <c r="BN2541" s="53"/>
      <c r="BO2541" s="53"/>
      <c r="BP2541" s="53"/>
      <c r="BQ2541" s="53"/>
      <c r="BR2541" s="53"/>
      <c r="BS2541" s="53"/>
      <c r="BT2541" s="53"/>
      <c r="BU2541" s="53"/>
      <c r="BV2541" s="53"/>
      <c r="BW2541" s="53"/>
      <c r="BX2541" s="53"/>
      <c r="BY2541" s="53"/>
      <c r="BZ2541" s="53"/>
      <c r="CA2541" s="53"/>
      <c r="CB2541" s="53"/>
      <c r="CC2541" s="53"/>
      <c r="CD2541" s="53"/>
      <c r="CE2541" s="53">
        <v>-12410706.1507174</v>
      </c>
      <c r="CF2541" s="53"/>
      <c r="CG2541" s="53">
        <v>-12410706.1507174</v>
      </c>
      <c r="CH2541" s="53"/>
      <c r="CI2541" s="53"/>
      <c r="CJ2541" s="53">
        <v>-12410706.1507174</v>
      </c>
      <c r="CK2541" s="53"/>
      <c r="CL2541" s="53"/>
      <c r="CM2541" s="53">
        <v>-12410706.14869</v>
      </c>
      <c r="CN2541" s="53">
        <v>-49642824.600842401</v>
      </c>
    </row>
    <row r="2542" spans="1:92" outlineLevel="1">
      <c r="A2542" s="52" t="s">
        <v>649</v>
      </c>
      <c r="B2542" s="53"/>
      <c r="C2542" s="53"/>
      <c r="D2542" s="53"/>
      <c r="E2542" s="53"/>
      <c r="F2542" s="53"/>
      <c r="G2542" s="53"/>
      <c r="H2542" s="53"/>
      <c r="I2542" s="53"/>
      <c r="J2542" s="53"/>
      <c r="K2542" s="53"/>
      <c r="L2542" s="53"/>
      <c r="M2542" s="53"/>
      <c r="N2542" s="53"/>
      <c r="O2542" s="53">
        <v>58276.3999999999</v>
      </c>
      <c r="P2542" s="53">
        <v>61886.76</v>
      </c>
      <c r="Q2542" s="53">
        <v>62285.47</v>
      </c>
      <c r="R2542" s="53">
        <v>61383.79</v>
      </c>
      <c r="S2542" s="53">
        <v>62125.05</v>
      </c>
      <c r="T2542" s="53">
        <v>63671.53</v>
      </c>
      <c r="U2542" s="53">
        <v>59921.42</v>
      </c>
      <c r="V2542" s="53">
        <v>62673</v>
      </c>
      <c r="W2542" s="53">
        <v>60450.78</v>
      </c>
      <c r="X2542" s="53">
        <v>62968.36</v>
      </c>
      <c r="Y2542" s="53">
        <v>58958.9</v>
      </c>
      <c r="Z2542" s="53">
        <v>56294.81</v>
      </c>
      <c r="AA2542" s="53">
        <v>730896.26999999897</v>
      </c>
      <c r="AB2542" s="53">
        <v>58871.41</v>
      </c>
      <c r="AC2542" s="53">
        <v>62481.77</v>
      </c>
      <c r="AD2542" s="53">
        <v>63020.23</v>
      </c>
      <c r="AE2542" s="53">
        <v>62022.74</v>
      </c>
      <c r="AF2542" s="53">
        <v>64938.119999999901</v>
      </c>
      <c r="AG2542" s="53">
        <v>62209.81</v>
      </c>
      <c r="AH2542" s="53">
        <v>60560.369999999901</v>
      </c>
      <c r="AI2542" s="53">
        <v>63312.08</v>
      </c>
      <c r="AJ2542" s="53">
        <v>61089.73</v>
      </c>
      <c r="AK2542" s="53">
        <v>63607.44</v>
      </c>
      <c r="AL2542" s="53">
        <v>61773.4</v>
      </c>
      <c r="AM2542" s="53">
        <v>54805.01</v>
      </c>
      <c r="AN2542" s="53">
        <v>738692.11</v>
      </c>
      <c r="AO2542" s="53">
        <v>61557.686666666603</v>
      </c>
      <c r="AP2542" s="53">
        <v>61557.686666666603</v>
      </c>
      <c r="AQ2542" s="53">
        <v>61557.686666666603</v>
      </c>
      <c r="AR2542" s="53">
        <v>61557.686666666603</v>
      </c>
      <c r="AS2542" s="53">
        <v>61557.686666666603</v>
      </c>
      <c r="AT2542" s="53">
        <v>61557.686666666603</v>
      </c>
      <c r="AU2542" s="53">
        <v>61557.686666666603</v>
      </c>
      <c r="AV2542" s="53">
        <v>61557.686666666603</v>
      </c>
      <c r="AW2542" s="53">
        <v>61557.686666666603</v>
      </c>
      <c r="AX2542" s="53">
        <v>61557.686666666603</v>
      </c>
      <c r="AY2542" s="53">
        <v>61557.686666666603</v>
      </c>
      <c r="AZ2542" s="53">
        <v>61557.686666666603</v>
      </c>
      <c r="BA2542" s="53">
        <v>738692.24</v>
      </c>
      <c r="BB2542" s="53">
        <v>61557.686666666603</v>
      </c>
      <c r="BC2542" s="53">
        <v>61557.686666666603</v>
      </c>
      <c r="BD2542" s="53">
        <v>61557.686666666603</v>
      </c>
      <c r="BE2542" s="53">
        <v>61557.686666666603</v>
      </c>
      <c r="BF2542" s="53">
        <v>61557.686666666603</v>
      </c>
      <c r="BG2542" s="53">
        <v>61557.686666666603</v>
      </c>
      <c r="BH2542" s="53">
        <v>61557.686666666603</v>
      </c>
      <c r="BI2542" s="53">
        <v>61557.686666666603</v>
      </c>
      <c r="BJ2542" s="53">
        <v>61557.686666666603</v>
      </c>
      <c r="BK2542" s="53">
        <v>61557.686666666603</v>
      </c>
      <c r="BL2542" s="53">
        <v>61557.686666666603</v>
      </c>
      <c r="BM2542" s="53">
        <v>61557.686666666603</v>
      </c>
      <c r="BN2542" s="53">
        <v>738692.24</v>
      </c>
      <c r="BO2542" s="53">
        <v>61557.686666666603</v>
      </c>
      <c r="BP2542" s="53">
        <v>61557.686666666603</v>
      </c>
      <c r="BQ2542" s="53">
        <v>61557.686666666603</v>
      </c>
      <c r="BR2542" s="53">
        <v>61557.686666666603</v>
      </c>
      <c r="BS2542" s="53">
        <v>61557.686666666603</v>
      </c>
      <c r="BT2542" s="53">
        <v>61557.686666666603</v>
      </c>
      <c r="BU2542" s="53">
        <v>61557.686666666603</v>
      </c>
      <c r="BV2542" s="53">
        <v>61557.686666666603</v>
      </c>
      <c r="BW2542" s="53">
        <v>61557.686666666603</v>
      </c>
      <c r="BX2542" s="53">
        <v>61557.686666666603</v>
      </c>
      <c r="BY2542" s="53">
        <v>61557.686666666603</v>
      </c>
      <c r="BZ2542" s="53">
        <v>61557.686666666603</v>
      </c>
      <c r="CA2542" s="53">
        <v>738692.24</v>
      </c>
      <c r="CB2542" s="53"/>
      <c r="CC2542" s="53"/>
      <c r="CD2542" s="53"/>
      <c r="CE2542" s="53"/>
      <c r="CF2542" s="53"/>
      <c r="CG2542" s="53"/>
      <c r="CH2542" s="53"/>
      <c r="CI2542" s="53"/>
      <c r="CJ2542" s="53"/>
      <c r="CK2542" s="53"/>
      <c r="CL2542" s="53"/>
      <c r="CM2542" s="53"/>
      <c r="CN2542" s="53"/>
    </row>
    <row r="2543" spans="1:92" outlineLevel="1">
      <c r="A2543" s="52" t="s">
        <v>650</v>
      </c>
      <c r="B2543" s="53"/>
      <c r="C2543" s="53"/>
      <c r="D2543" s="53"/>
      <c r="E2543" s="53"/>
      <c r="F2543" s="53"/>
      <c r="G2543" s="53"/>
      <c r="H2543" s="53"/>
      <c r="I2543" s="53"/>
      <c r="J2543" s="53"/>
      <c r="K2543" s="53"/>
      <c r="L2543" s="53"/>
      <c r="M2543" s="53"/>
      <c r="N2543" s="53"/>
      <c r="O2543" s="53"/>
      <c r="P2543" s="53"/>
      <c r="Q2543" s="53"/>
      <c r="R2543" s="53"/>
      <c r="S2543" s="53"/>
      <c r="T2543" s="53"/>
      <c r="U2543" s="53"/>
      <c r="V2543" s="53"/>
      <c r="W2543" s="53"/>
      <c r="X2543" s="53"/>
      <c r="Y2543" s="53"/>
      <c r="Z2543" s="53"/>
      <c r="AA2543" s="53"/>
      <c r="AB2543" s="53"/>
      <c r="AC2543" s="53"/>
      <c r="AD2543" s="53"/>
      <c r="AE2543" s="53"/>
      <c r="AF2543" s="53"/>
      <c r="AG2543" s="53"/>
      <c r="AH2543" s="53"/>
      <c r="AI2543" s="53"/>
      <c r="AJ2543" s="53"/>
      <c r="AK2543" s="53"/>
      <c r="AL2543" s="53"/>
      <c r="AM2543" s="53"/>
      <c r="AN2543" s="53"/>
      <c r="AO2543" s="53"/>
      <c r="AP2543" s="53"/>
      <c r="AQ2543" s="53"/>
      <c r="AR2543" s="53"/>
      <c r="AS2543" s="53"/>
      <c r="AT2543" s="53"/>
      <c r="AU2543" s="53"/>
      <c r="AV2543" s="53"/>
      <c r="AW2543" s="53"/>
      <c r="AX2543" s="53"/>
      <c r="AY2543" s="53"/>
      <c r="AZ2543" s="53"/>
      <c r="BA2543" s="53"/>
      <c r="BB2543" s="53"/>
      <c r="BC2543" s="53"/>
      <c r="BD2543" s="53"/>
      <c r="BE2543" s="53"/>
      <c r="BF2543" s="53"/>
      <c r="BG2543" s="53"/>
      <c r="BH2543" s="53"/>
      <c r="BI2543" s="53"/>
      <c r="BJ2543" s="53"/>
      <c r="BK2543" s="53"/>
      <c r="BL2543" s="53"/>
      <c r="BM2543" s="53"/>
      <c r="BN2543" s="53"/>
      <c r="BO2543" s="53"/>
      <c r="BP2543" s="53"/>
      <c r="BQ2543" s="53"/>
      <c r="BR2543" s="53"/>
      <c r="BS2543" s="53"/>
      <c r="BT2543" s="53"/>
      <c r="BU2543" s="53"/>
      <c r="BV2543" s="53"/>
      <c r="BW2543" s="53"/>
      <c r="BX2543" s="53"/>
      <c r="BY2543" s="53"/>
      <c r="BZ2543" s="53"/>
      <c r="CA2543" s="53"/>
      <c r="CB2543" s="53"/>
      <c r="CC2543" s="53"/>
      <c r="CD2543" s="53"/>
      <c r="CE2543" s="53"/>
      <c r="CF2543" s="53"/>
      <c r="CG2543" s="53"/>
      <c r="CH2543" s="53"/>
      <c r="CI2543" s="53"/>
      <c r="CJ2543" s="53"/>
      <c r="CK2543" s="53"/>
      <c r="CL2543" s="53"/>
      <c r="CM2543" s="53"/>
      <c r="CN2543" s="53"/>
    </row>
    <row r="2544" spans="1:92" outlineLevel="1">
      <c r="A2544" s="52" t="s">
        <v>1294</v>
      </c>
      <c r="B2544" s="53"/>
      <c r="C2544" s="53"/>
      <c r="D2544" s="53"/>
      <c r="E2544" s="53"/>
      <c r="F2544" s="53"/>
      <c r="G2544" s="53"/>
      <c r="H2544" s="53"/>
      <c r="I2544" s="53"/>
      <c r="J2544" s="53"/>
      <c r="K2544" s="53"/>
      <c r="L2544" s="53"/>
      <c r="M2544" s="53"/>
      <c r="N2544" s="53"/>
      <c r="O2544" s="53"/>
      <c r="P2544" s="53"/>
      <c r="Q2544" s="53"/>
      <c r="R2544" s="53"/>
      <c r="S2544" s="53"/>
      <c r="T2544" s="53"/>
      <c r="U2544" s="53"/>
      <c r="V2544" s="53"/>
      <c r="W2544" s="53"/>
      <c r="X2544" s="53"/>
      <c r="Y2544" s="53"/>
      <c r="Z2544" s="53"/>
      <c r="AA2544" s="53"/>
      <c r="AB2544" s="53"/>
      <c r="AC2544" s="53"/>
      <c r="AD2544" s="53"/>
      <c r="AE2544" s="53"/>
      <c r="AF2544" s="53"/>
      <c r="AG2544" s="53"/>
      <c r="AH2544" s="53"/>
      <c r="AI2544" s="53"/>
      <c r="AJ2544" s="53"/>
      <c r="AK2544" s="53"/>
      <c r="AL2544" s="53"/>
      <c r="AM2544" s="53"/>
      <c r="AN2544" s="53"/>
      <c r="AO2544" s="53"/>
      <c r="AP2544" s="53"/>
      <c r="AQ2544" s="53"/>
      <c r="AR2544" s="53"/>
      <c r="AS2544" s="53"/>
      <c r="AT2544" s="53"/>
      <c r="AU2544" s="53"/>
      <c r="AV2544" s="53"/>
      <c r="AW2544" s="53"/>
      <c r="AX2544" s="53"/>
      <c r="AY2544" s="53"/>
      <c r="AZ2544" s="53"/>
      <c r="BA2544" s="53"/>
      <c r="BB2544" s="53"/>
      <c r="BC2544" s="53"/>
      <c r="BD2544" s="53"/>
      <c r="BE2544" s="53"/>
      <c r="BF2544" s="53"/>
      <c r="BG2544" s="53"/>
      <c r="BH2544" s="53"/>
      <c r="BI2544" s="53"/>
      <c r="BJ2544" s="53"/>
      <c r="BK2544" s="53"/>
      <c r="BL2544" s="53"/>
      <c r="BM2544" s="53"/>
      <c r="BN2544" s="53"/>
      <c r="BO2544" s="53"/>
      <c r="BP2544" s="53"/>
      <c r="BQ2544" s="53"/>
      <c r="BR2544" s="53"/>
      <c r="BS2544" s="53"/>
      <c r="BT2544" s="53"/>
      <c r="BU2544" s="53"/>
      <c r="BV2544" s="53"/>
      <c r="BW2544" s="53"/>
      <c r="BX2544" s="53"/>
      <c r="BY2544" s="53"/>
      <c r="BZ2544" s="53"/>
      <c r="CA2544" s="53"/>
      <c r="CB2544" s="53"/>
      <c r="CC2544" s="53"/>
      <c r="CD2544" s="53">
        <v>-22892803</v>
      </c>
      <c r="CE2544" s="53"/>
      <c r="CF2544" s="53"/>
      <c r="CG2544" s="53"/>
      <c r="CH2544" s="53"/>
      <c r="CI2544" s="53"/>
      <c r="CJ2544" s="53"/>
      <c r="CK2544" s="53"/>
      <c r="CL2544" s="53"/>
      <c r="CM2544" s="53"/>
      <c r="CN2544" s="53">
        <v>-22892803</v>
      </c>
    </row>
    <row r="2545" spans="1:92" outlineLevel="1">
      <c r="A2545" s="52" t="s">
        <v>1249</v>
      </c>
      <c r="B2545" s="53"/>
      <c r="C2545" s="53"/>
      <c r="D2545" s="53"/>
      <c r="E2545" s="53"/>
      <c r="F2545" s="53"/>
      <c r="G2545" s="53"/>
      <c r="H2545" s="53"/>
      <c r="I2545" s="53"/>
      <c r="J2545" s="53"/>
      <c r="K2545" s="53"/>
      <c r="L2545" s="53"/>
      <c r="M2545" s="53"/>
      <c r="N2545" s="53"/>
      <c r="O2545" s="53">
        <v>-13011993.853433199</v>
      </c>
      <c r="P2545" s="53"/>
      <c r="Q2545" s="53"/>
      <c r="R2545" s="53"/>
      <c r="S2545" s="53"/>
      <c r="T2545" s="53"/>
      <c r="U2545" s="53"/>
      <c r="V2545" s="53"/>
      <c r="W2545" s="53"/>
      <c r="X2545" s="53"/>
      <c r="Y2545" s="53"/>
      <c r="Z2545" s="53"/>
      <c r="AA2545" s="53">
        <v>-13011993.853433199</v>
      </c>
      <c r="AB2545" s="53"/>
      <c r="AC2545" s="53"/>
      <c r="AD2545" s="53"/>
      <c r="AE2545" s="53"/>
      <c r="AF2545" s="53"/>
      <c r="AG2545" s="53"/>
      <c r="AH2545" s="53"/>
      <c r="AI2545" s="53"/>
      <c r="AJ2545" s="53"/>
      <c r="AK2545" s="53"/>
      <c r="AL2545" s="53"/>
      <c r="AM2545" s="53"/>
      <c r="AN2545" s="53"/>
      <c r="AO2545" s="53"/>
      <c r="AP2545" s="53"/>
      <c r="AQ2545" s="53"/>
      <c r="AR2545" s="53"/>
      <c r="AS2545" s="53"/>
      <c r="AT2545" s="53"/>
      <c r="AU2545" s="53"/>
      <c r="AV2545" s="53"/>
      <c r="AW2545" s="53"/>
      <c r="AX2545" s="53"/>
      <c r="AY2545" s="53"/>
      <c r="AZ2545" s="53"/>
      <c r="BA2545" s="53"/>
      <c r="BB2545" s="53"/>
      <c r="BC2545" s="53"/>
      <c r="BD2545" s="53"/>
      <c r="BE2545" s="53"/>
      <c r="BF2545" s="53"/>
      <c r="BG2545" s="53"/>
      <c r="BH2545" s="53"/>
      <c r="BI2545" s="53"/>
      <c r="BJ2545" s="53"/>
      <c r="BK2545" s="53"/>
      <c r="BL2545" s="53"/>
      <c r="BM2545" s="53"/>
      <c r="BN2545" s="53"/>
      <c r="BO2545" s="53"/>
      <c r="BP2545" s="53"/>
      <c r="BQ2545" s="53"/>
      <c r="BR2545" s="53"/>
      <c r="BS2545" s="53"/>
      <c r="BT2545" s="53"/>
      <c r="BU2545" s="53"/>
      <c r="BV2545" s="53"/>
      <c r="BW2545" s="53"/>
      <c r="BX2545" s="53"/>
      <c r="BY2545" s="53"/>
      <c r="BZ2545" s="53"/>
      <c r="CA2545" s="53"/>
      <c r="CB2545" s="53"/>
      <c r="CC2545" s="53"/>
      <c r="CD2545" s="53"/>
      <c r="CE2545" s="53"/>
      <c r="CF2545" s="53"/>
      <c r="CG2545" s="53"/>
      <c r="CH2545" s="53"/>
      <c r="CI2545" s="53"/>
      <c r="CJ2545" s="53"/>
      <c r="CK2545" s="53"/>
      <c r="CL2545" s="53"/>
      <c r="CM2545" s="53"/>
      <c r="CN2545" s="53"/>
    </row>
    <row r="2546" spans="1:92" outlineLevel="1">
      <c r="A2546" s="52" t="s">
        <v>1289</v>
      </c>
      <c r="B2546" s="53"/>
      <c r="C2546" s="53"/>
      <c r="D2546" s="53"/>
      <c r="E2546" s="53"/>
      <c r="F2546" s="53"/>
      <c r="G2546" s="53"/>
      <c r="H2546" s="53"/>
      <c r="I2546" s="53"/>
      <c r="J2546" s="53"/>
      <c r="K2546" s="53"/>
      <c r="L2546" s="53"/>
      <c r="M2546" s="53"/>
      <c r="N2546" s="53"/>
      <c r="O2546" s="53"/>
      <c r="P2546" s="53"/>
      <c r="Q2546" s="53"/>
      <c r="R2546" s="53"/>
      <c r="S2546" s="53"/>
      <c r="T2546" s="53"/>
      <c r="U2546" s="53"/>
      <c r="V2546" s="53"/>
      <c r="W2546" s="53"/>
      <c r="X2546" s="53"/>
      <c r="Y2546" s="53"/>
      <c r="Z2546" s="53"/>
      <c r="AA2546" s="53"/>
      <c r="AB2546" s="53"/>
      <c r="AC2546" s="53"/>
      <c r="AD2546" s="53"/>
      <c r="AE2546" s="53"/>
      <c r="AF2546" s="53"/>
      <c r="AG2546" s="53"/>
      <c r="AH2546" s="53"/>
      <c r="AI2546" s="53"/>
      <c r="AJ2546" s="53"/>
      <c r="AK2546" s="53"/>
      <c r="AL2546" s="53"/>
      <c r="AM2546" s="53"/>
      <c r="AN2546" s="53"/>
      <c r="AO2546" s="53"/>
      <c r="AP2546" s="53"/>
      <c r="AQ2546" s="53"/>
      <c r="AR2546" s="53"/>
      <c r="AS2546" s="53"/>
      <c r="AT2546" s="53"/>
      <c r="AU2546" s="53"/>
      <c r="AV2546" s="53"/>
      <c r="AW2546" s="53"/>
      <c r="AX2546" s="53"/>
      <c r="AY2546" s="53"/>
      <c r="AZ2546" s="53"/>
      <c r="BA2546" s="53"/>
      <c r="BB2546" s="53"/>
      <c r="BC2546" s="53"/>
      <c r="BD2546" s="53"/>
      <c r="BE2546" s="53"/>
      <c r="BF2546" s="53"/>
      <c r="BG2546" s="53"/>
      <c r="BH2546" s="53"/>
      <c r="BI2546" s="53"/>
      <c r="BJ2546" s="53"/>
      <c r="BK2546" s="53"/>
      <c r="BL2546" s="53"/>
      <c r="BM2546" s="53"/>
      <c r="BN2546" s="53"/>
      <c r="BO2546" s="53"/>
      <c r="BP2546" s="53"/>
      <c r="BQ2546" s="53"/>
      <c r="BR2546" s="53"/>
      <c r="BS2546" s="53"/>
      <c r="BT2546" s="53"/>
      <c r="BU2546" s="53"/>
      <c r="BV2546" s="53"/>
      <c r="BW2546" s="53"/>
      <c r="BX2546" s="53"/>
      <c r="BY2546" s="53"/>
      <c r="BZ2546" s="53"/>
      <c r="CA2546" s="53"/>
      <c r="CB2546" s="53"/>
      <c r="CC2546" s="53"/>
      <c r="CD2546" s="53"/>
      <c r="CE2546" s="53"/>
      <c r="CF2546" s="53"/>
      <c r="CG2546" s="53"/>
      <c r="CH2546" s="53"/>
      <c r="CI2546" s="53"/>
      <c r="CJ2546" s="53"/>
      <c r="CK2546" s="53"/>
      <c r="CL2546" s="53"/>
      <c r="CM2546" s="53"/>
      <c r="CN2546" s="53"/>
    </row>
    <row r="2547" spans="1:92" outlineLevel="1">
      <c r="A2547" s="52" t="s">
        <v>1249</v>
      </c>
      <c r="B2547" s="53">
        <v>166666.66666666701</v>
      </c>
      <c r="C2547" s="53">
        <v>166666.66666666701</v>
      </c>
      <c r="D2547" s="53">
        <v>166666.66666666701</v>
      </c>
      <c r="E2547" s="53">
        <v>166666.66666666701</v>
      </c>
      <c r="F2547" s="53">
        <v>166666.66666666701</v>
      </c>
      <c r="G2547" s="53">
        <v>166666.66666666701</v>
      </c>
      <c r="H2547" s="53">
        <v>166666.66666666701</v>
      </c>
      <c r="I2547" s="53">
        <v>166666.66666666701</v>
      </c>
      <c r="J2547" s="53">
        <v>166666.66666666701</v>
      </c>
      <c r="K2547" s="53">
        <v>166666.66666666701</v>
      </c>
      <c r="L2547" s="53">
        <v>166666.66666666701</v>
      </c>
      <c r="M2547" s="53">
        <v>166666.66666666701</v>
      </c>
      <c r="N2547" s="53">
        <v>2000000</v>
      </c>
      <c r="O2547" s="53">
        <v>13011993.853433199</v>
      </c>
      <c r="P2547" s="53"/>
      <c r="Q2547" s="53"/>
      <c r="R2547" s="53"/>
      <c r="S2547" s="53"/>
      <c r="T2547" s="53"/>
      <c r="U2547" s="53"/>
      <c r="V2547" s="53"/>
      <c r="W2547" s="53"/>
      <c r="X2547" s="53"/>
      <c r="Y2547" s="53"/>
      <c r="Z2547" s="53"/>
      <c r="AA2547" s="53">
        <v>13011993.853433199</v>
      </c>
      <c r="AB2547" s="53"/>
      <c r="AC2547" s="53"/>
      <c r="AD2547" s="53"/>
      <c r="AE2547" s="53"/>
      <c r="AF2547" s="53"/>
      <c r="AG2547" s="53"/>
      <c r="AH2547" s="53"/>
      <c r="AI2547" s="53"/>
      <c r="AJ2547" s="53"/>
      <c r="AK2547" s="53"/>
      <c r="AL2547" s="53"/>
      <c r="AM2547" s="53"/>
      <c r="AN2547" s="53"/>
      <c r="AO2547" s="53"/>
      <c r="AP2547" s="53"/>
      <c r="AQ2547" s="53"/>
      <c r="AR2547" s="53"/>
      <c r="AS2547" s="53"/>
      <c r="AT2547" s="53"/>
      <c r="AU2547" s="53"/>
      <c r="AV2547" s="53"/>
      <c r="AW2547" s="53"/>
      <c r="AX2547" s="53"/>
      <c r="AY2547" s="53"/>
      <c r="AZ2547" s="53"/>
      <c r="BA2547" s="53"/>
      <c r="BB2547" s="53"/>
      <c r="BC2547" s="53"/>
      <c r="BD2547" s="53"/>
      <c r="BE2547" s="53"/>
      <c r="BF2547" s="53"/>
      <c r="BG2547" s="53"/>
      <c r="BH2547" s="53"/>
      <c r="BI2547" s="53"/>
      <c r="BJ2547" s="53"/>
      <c r="BK2547" s="53"/>
      <c r="BL2547" s="53"/>
      <c r="BM2547" s="53"/>
      <c r="BN2547" s="53"/>
      <c r="BO2547" s="53"/>
      <c r="BP2547" s="53"/>
      <c r="BQ2547" s="53"/>
      <c r="BR2547" s="53"/>
      <c r="BS2547" s="53"/>
      <c r="BT2547" s="53"/>
      <c r="BU2547" s="53"/>
      <c r="BV2547" s="53"/>
      <c r="BW2547" s="53"/>
      <c r="BX2547" s="53"/>
      <c r="BY2547" s="53"/>
      <c r="BZ2547" s="53"/>
      <c r="CA2547" s="53"/>
      <c r="CB2547" s="53"/>
      <c r="CC2547" s="53"/>
      <c r="CD2547" s="53"/>
      <c r="CE2547" s="53"/>
      <c r="CF2547" s="53"/>
      <c r="CG2547" s="53"/>
      <c r="CH2547" s="53"/>
      <c r="CI2547" s="53"/>
      <c r="CJ2547" s="53"/>
      <c r="CK2547" s="53"/>
      <c r="CL2547" s="53"/>
      <c r="CM2547" s="53"/>
      <c r="CN2547" s="53"/>
    </row>
    <row r="2548" spans="1:92" outlineLevel="1">
      <c r="A2548" s="52" t="s">
        <v>1287</v>
      </c>
      <c r="B2548" s="53"/>
      <c r="C2548" s="53"/>
      <c r="D2548" s="53"/>
      <c r="E2548" s="53"/>
      <c r="F2548" s="53"/>
      <c r="G2548" s="53"/>
      <c r="H2548" s="53"/>
      <c r="I2548" s="53"/>
      <c r="J2548" s="53"/>
      <c r="K2548" s="53"/>
      <c r="L2548" s="53"/>
      <c r="M2548" s="53"/>
      <c r="N2548" s="53"/>
      <c r="O2548" s="53"/>
      <c r="P2548" s="53"/>
      <c r="Q2548" s="53"/>
      <c r="R2548" s="53"/>
      <c r="S2548" s="53"/>
      <c r="T2548" s="53"/>
      <c r="U2548" s="53"/>
      <c r="V2548" s="53"/>
      <c r="W2548" s="53"/>
      <c r="X2548" s="53"/>
      <c r="Y2548" s="53"/>
      <c r="Z2548" s="53"/>
      <c r="AA2548" s="53"/>
      <c r="AB2548" s="53"/>
      <c r="AC2548" s="53"/>
      <c r="AD2548" s="53"/>
      <c r="AE2548" s="53"/>
      <c r="AF2548" s="53"/>
      <c r="AG2548" s="53"/>
      <c r="AH2548" s="53"/>
      <c r="AI2548" s="53"/>
      <c r="AJ2548" s="53"/>
      <c r="AK2548" s="53"/>
      <c r="AL2548" s="53"/>
      <c r="AM2548" s="53"/>
      <c r="AN2548" s="53"/>
      <c r="AO2548" s="53"/>
      <c r="AP2548" s="53"/>
      <c r="AQ2548" s="53"/>
      <c r="AR2548" s="53"/>
      <c r="AS2548" s="53"/>
      <c r="AT2548" s="53"/>
      <c r="AU2548" s="53"/>
      <c r="AV2548" s="53"/>
      <c r="AW2548" s="53"/>
      <c r="AX2548" s="53"/>
      <c r="AY2548" s="53"/>
      <c r="AZ2548" s="53"/>
      <c r="BA2548" s="53"/>
      <c r="BB2548" s="53"/>
      <c r="BC2548" s="53"/>
      <c r="BD2548" s="53"/>
      <c r="BE2548" s="53"/>
      <c r="BF2548" s="53"/>
      <c r="BG2548" s="53"/>
      <c r="BH2548" s="53"/>
      <c r="BI2548" s="53"/>
      <c r="BJ2548" s="53"/>
      <c r="BK2548" s="53"/>
      <c r="BL2548" s="53"/>
      <c r="BM2548" s="53"/>
      <c r="BN2548" s="53"/>
      <c r="BO2548" s="53"/>
      <c r="BP2548" s="53"/>
      <c r="BQ2548" s="53"/>
      <c r="BR2548" s="53"/>
      <c r="BS2548" s="53"/>
      <c r="BT2548" s="53"/>
      <c r="BU2548" s="53"/>
      <c r="BV2548" s="53"/>
      <c r="BW2548" s="53"/>
      <c r="BX2548" s="53"/>
      <c r="BY2548" s="53"/>
      <c r="BZ2548" s="53"/>
      <c r="CA2548" s="53"/>
      <c r="CB2548" s="53"/>
      <c r="CC2548" s="53"/>
      <c r="CD2548" s="53"/>
      <c r="CE2548" s="53"/>
      <c r="CF2548" s="53"/>
      <c r="CG2548" s="53"/>
      <c r="CH2548" s="53"/>
      <c r="CI2548" s="53"/>
      <c r="CJ2548" s="53"/>
      <c r="CK2548" s="53"/>
      <c r="CL2548" s="53"/>
      <c r="CM2548" s="53"/>
      <c r="CN2548" s="53"/>
    </row>
    <row r="2549" spans="1:92" outlineLevel="1">
      <c r="A2549" s="52" t="s">
        <v>1249</v>
      </c>
      <c r="B2549" s="53">
        <v>16854.599999999999</v>
      </c>
      <c r="C2549" s="53">
        <v>8567.7999999999993</v>
      </c>
      <c r="D2549" s="53">
        <v>1641.6</v>
      </c>
      <c r="E2549" s="53">
        <v>4957</v>
      </c>
      <c r="F2549" s="53">
        <v>16777.400000000001</v>
      </c>
      <c r="G2549" s="53">
        <v>-395.1</v>
      </c>
      <c r="H2549" s="53">
        <v>-113.6</v>
      </c>
      <c r="I2549" s="53">
        <v>455.2</v>
      </c>
      <c r="J2549" s="53">
        <v>2129</v>
      </c>
      <c r="K2549" s="53">
        <v>1834.8999999999901</v>
      </c>
      <c r="L2549" s="53">
        <v>8.6969565163599292</v>
      </c>
      <c r="M2549" s="53">
        <v>6925.2</v>
      </c>
      <c r="N2549" s="53">
        <v>59642.696956516302</v>
      </c>
      <c r="O2549" s="53">
        <v>-26972252.3807608</v>
      </c>
      <c r="P2549" s="53">
        <v>-12342.963667496701</v>
      </c>
      <c r="Q2549" s="53">
        <v>-107477.202463333</v>
      </c>
      <c r="R2549" s="53">
        <v>-107264.92164589401</v>
      </c>
      <c r="S2549" s="53">
        <v>-87254.804872237801</v>
      </c>
      <c r="T2549" s="53">
        <v>-56618.983309157898</v>
      </c>
      <c r="U2549" s="53">
        <v>-66423.5662530962</v>
      </c>
      <c r="V2549" s="53">
        <v>-57434.5205439364</v>
      </c>
      <c r="W2549" s="53">
        <v>-58357.588991040197</v>
      </c>
      <c r="X2549" s="53">
        <v>-76317.635634432503</v>
      </c>
      <c r="Y2549" s="53">
        <v>8353.6205669180599</v>
      </c>
      <c r="Z2549" s="53">
        <v>9266.0006087423099</v>
      </c>
      <c r="AA2549" s="53">
        <v>-27584124.946965698</v>
      </c>
      <c r="AB2549" s="53">
        <v>-19566.449826817901</v>
      </c>
      <c r="AC2549" s="53">
        <v>-33703.264818216499</v>
      </c>
      <c r="AD2549" s="53">
        <v>35567.587871606302</v>
      </c>
      <c r="AE2549" s="53">
        <v>-5642.2607364955602</v>
      </c>
      <c r="AF2549" s="53">
        <v>60900.837342934603</v>
      </c>
      <c r="AG2549" s="53">
        <v>73746.685166889001</v>
      </c>
      <c r="AH2549" s="53">
        <v>26884.298339926499</v>
      </c>
      <c r="AI2549" s="53">
        <v>-77031.902905713301</v>
      </c>
      <c r="AJ2549" s="53">
        <v>-44708.705025899697</v>
      </c>
      <c r="AK2549" s="53">
        <v>-53810.013761321403</v>
      </c>
      <c r="AL2549" s="53">
        <v>5011.6688384317404</v>
      </c>
      <c r="AM2549" s="53">
        <v>22556.548018615998</v>
      </c>
      <c r="AN2549" s="53">
        <v>-9794.9714960601395</v>
      </c>
      <c r="AO2549" s="53">
        <v>16592.636564938301</v>
      </c>
      <c r="AP2549" s="53">
        <v>24403.5073785116</v>
      </c>
      <c r="AQ2549" s="53">
        <v>84752.463028330603</v>
      </c>
      <c r="AR2549" s="53">
        <v>44264.936813268498</v>
      </c>
      <c r="AS2549" s="53">
        <v>94468.629338087398</v>
      </c>
      <c r="AT2549" s="53">
        <v>103709.355246443</v>
      </c>
      <c r="AU2549" s="53">
        <v>56280.2952303407</v>
      </c>
      <c r="AV2549" s="53">
        <v>-70896.193023423199</v>
      </c>
      <c r="AW2549" s="53">
        <v>-43270.8060995552</v>
      </c>
      <c r="AX2549" s="53">
        <v>-13107.5833478512</v>
      </c>
      <c r="AY2549" s="53">
        <v>18262.825693200899</v>
      </c>
      <c r="AZ2549" s="53">
        <v>20087.004303966602</v>
      </c>
      <c r="BA2549" s="53">
        <v>335547.071126258</v>
      </c>
      <c r="BB2549" s="53">
        <v>15829.759425570999</v>
      </c>
      <c r="BC2549" s="53">
        <v>20453.762957928098</v>
      </c>
      <c r="BD2549" s="53">
        <v>58907.947855812403</v>
      </c>
      <c r="BE2549" s="53">
        <v>32315.685607551099</v>
      </c>
      <c r="BF2549" s="53">
        <v>79736.355696440995</v>
      </c>
      <c r="BG2549" s="53">
        <v>76219.210612762297</v>
      </c>
      <c r="BH2549" s="53">
        <v>44241.617582025399</v>
      </c>
      <c r="BI2549" s="53">
        <v>-93594.184419023804</v>
      </c>
      <c r="BJ2549" s="53">
        <v>-82810.495379220796</v>
      </c>
      <c r="BK2549" s="53">
        <v>-49982.634886036998</v>
      </c>
      <c r="BL2549" s="53">
        <v>-23808.6058711197</v>
      </c>
      <c r="BM2549" s="53">
        <v>-21308.695381128899</v>
      </c>
      <c r="BN2549" s="53">
        <v>56199.7238015611</v>
      </c>
      <c r="BO2549" s="53">
        <v>-10423.2427628449</v>
      </c>
      <c r="BP2549" s="53">
        <v>-597.35156434180703</v>
      </c>
      <c r="BQ2549" s="53">
        <v>23318.967840968999</v>
      </c>
      <c r="BR2549" s="53">
        <v>15157.073525915501</v>
      </c>
      <c r="BS2549" s="53">
        <v>49889.174690979402</v>
      </c>
      <c r="BT2549" s="53">
        <v>41408.2619443652</v>
      </c>
      <c r="BU2549" s="53">
        <v>32623.451761930399</v>
      </c>
      <c r="BV2549" s="53">
        <v>-114032.39609742</v>
      </c>
      <c r="BW2549" s="53">
        <v>-102229.043502389</v>
      </c>
      <c r="BX2549" s="53">
        <v>-66725.321171368705</v>
      </c>
      <c r="BY2549" s="53">
        <v>-47441.8958135211</v>
      </c>
      <c r="BZ2549" s="53">
        <v>-45557.996967385399</v>
      </c>
      <c r="CA2549" s="53">
        <v>-224610.31811511199</v>
      </c>
      <c r="CB2549" s="53"/>
      <c r="CC2549" s="53"/>
      <c r="CD2549" s="53"/>
      <c r="CE2549" s="53"/>
      <c r="CF2549" s="53"/>
      <c r="CG2549" s="53"/>
      <c r="CH2549" s="53"/>
      <c r="CI2549" s="53"/>
      <c r="CJ2549" s="53"/>
      <c r="CK2549" s="53"/>
      <c r="CL2549" s="53"/>
      <c r="CM2549" s="53"/>
      <c r="CN2549" s="53"/>
    </row>
    <row r="2550" spans="1:92" outlineLevel="1">
      <c r="A2550" s="52" t="s">
        <v>1291</v>
      </c>
      <c r="B2550" s="53"/>
      <c r="C2550" s="53"/>
      <c r="D2550" s="53"/>
      <c r="E2550" s="53"/>
      <c r="F2550" s="53"/>
      <c r="G2550" s="53"/>
      <c r="H2550" s="53"/>
      <c r="I2550" s="53"/>
      <c r="J2550" s="53"/>
      <c r="K2550" s="53"/>
      <c r="L2550" s="53"/>
      <c r="M2550" s="53"/>
      <c r="N2550" s="53"/>
      <c r="O2550" s="53"/>
      <c r="P2550" s="53"/>
      <c r="Q2550" s="53"/>
      <c r="R2550" s="53"/>
      <c r="S2550" s="53"/>
      <c r="T2550" s="53"/>
      <c r="U2550" s="53"/>
      <c r="V2550" s="53"/>
      <c r="W2550" s="53"/>
      <c r="X2550" s="53"/>
      <c r="Y2550" s="53"/>
      <c r="Z2550" s="53"/>
      <c r="AA2550" s="53"/>
      <c r="AB2550" s="53"/>
      <c r="AC2550" s="53"/>
      <c r="AD2550" s="53"/>
      <c r="AE2550" s="53"/>
      <c r="AF2550" s="53"/>
      <c r="AG2550" s="53"/>
      <c r="AH2550" s="53"/>
      <c r="AI2550" s="53"/>
      <c r="AJ2550" s="53"/>
      <c r="AK2550" s="53"/>
      <c r="AL2550" s="53"/>
      <c r="AM2550" s="53"/>
      <c r="AN2550" s="53"/>
      <c r="AO2550" s="53"/>
      <c r="AP2550" s="53"/>
      <c r="AQ2550" s="53"/>
      <c r="AR2550" s="53"/>
      <c r="AS2550" s="53"/>
      <c r="AT2550" s="53"/>
      <c r="AU2550" s="53"/>
      <c r="AV2550" s="53"/>
      <c r="AW2550" s="53"/>
      <c r="AX2550" s="53"/>
      <c r="AY2550" s="53"/>
      <c r="AZ2550" s="53"/>
      <c r="BA2550" s="53"/>
      <c r="BB2550" s="53"/>
      <c r="BC2550" s="53"/>
      <c r="BD2550" s="53"/>
      <c r="BE2550" s="53"/>
      <c r="BF2550" s="53"/>
      <c r="BG2550" s="53"/>
      <c r="BH2550" s="53"/>
      <c r="BI2550" s="53"/>
      <c r="BJ2550" s="53"/>
      <c r="BK2550" s="53"/>
      <c r="BL2550" s="53"/>
      <c r="BM2550" s="53"/>
      <c r="BN2550" s="53"/>
      <c r="BO2550" s="53"/>
      <c r="BP2550" s="53"/>
      <c r="BQ2550" s="53"/>
      <c r="BR2550" s="53"/>
      <c r="BS2550" s="53"/>
      <c r="BT2550" s="53"/>
      <c r="BU2550" s="53"/>
      <c r="BV2550" s="53"/>
      <c r="BW2550" s="53"/>
      <c r="BX2550" s="53"/>
      <c r="BY2550" s="53"/>
      <c r="BZ2550" s="53"/>
      <c r="CA2550" s="53"/>
      <c r="CB2550" s="53"/>
      <c r="CC2550" s="53"/>
      <c r="CD2550" s="53">
        <v>-2976064.39</v>
      </c>
      <c r="CE2550" s="53"/>
      <c r="CF2550" s="53"/>
      <c r="CG2550" s="53"/>
      <c r="CH2550" s="53"/>
      <c r="CI2550" s="53"/>
      <c r="CJ2550" s="53"/>
      <c r="CK2550" s="53"/>
      <c r="CL2550" s="53"/>
      <c r="CM2550" s="53"/>
      <c r="CN2550" s="53">
        <v>-2976064.39</v>
      </c>
    </row>
    <row r="2551" spans="1:92" outlineLevel="1">
      <c r="A2551" s="52" t="s">
        <v>1249</v>
      </c>
      <c r="B2551" s="53">
        <v>720000.74046040897</v>
      </c>
      <c r="C2551" s="53">
        <v>720000.74046040897</v>
      </c>
      <c r="D2551" s="53">
        <v>720000.74046040897</v>
      </c>
      <c r="E2551" s="53">
        <v>720000.74046040897</v>
      </c>
      <c r="F2551" s="53">
        <v>720000.74046040897</v>
      </c>
      <c r="G2551" s="53">
        <v>720000.74046040897</v>
      </c>
      <c r="H2551" s="53">
        <v>720000.74046040897</v>
      </c>
      <c r="I2551" s="53">
        <v>720000.74046040897</v>
      </c>
      <c r="J2551" s="53">
        <v>720000.74046040897</v>
      </c>
      <c r="K2551" s="53">
        <v>720000.74046040897</v>
      </c>
      <c r="L2551" s="53">
        <v>720000.74046040897</v>
      </c>
      <c r="M2551" s="53">
        <v>720000.74046040897</v>
      </c>
      <c r="N2551" s="53">
        <v>8640008.8855249099</v>
      </c>
      <c r="O2551" s="53">
        <v>837739.11872719799</v>
      </c>
      <c r="P2551" s="53">
        <v>-14366131.421122599</v>
      </c>
      <c r="Q2551" s="53">
        <v>-6636112.9663426802</v>
      </c>
      <c r="R2551" s="53">
        <v>17382.418596622301</v>
      </c>
      <c r="S2551" s="53">
        <v>1320420.1621185499</v>
      </c>
      <c r="T2551" s="53">
        <v>1222762.59542939</v>
      </c>
      <c r="U2551" s="53">
        <v>1246933.72720965</v>
      </c>
      <c r="V2551" s="53">
        <v>1198618.65355461</v>
      </c>
      <c r="W2551" s="53">
        <v>816607.97157991305</v>
      </c>
      <c r="X2551" s="53">
        <v>78969.734516533194</v>
      </c>
      <c r="Y2551" s="53"/>
      <c r="Z2551" s="53"/>
      <c r="AA2551" s="53">
        <v>-14262810.005732801</v>
      </c>
      <c r="AB2551" s="53">
        <v>159396.98351845299</v>
      </c>
      <c r="AC2551" s="53">
        <v>7655.8406842814302</v>
      </c>
      <c r="AD2551" s="53"/>
      <c r="AE2551" s="53">
        <v>97255.291564477404</v>
      </c>
      <c r="AF2551" s="53">
        <v>776917.36263051303</v>
      </c>
      <c r="AG2551" s="53">
        <v>738188.55743353197</v>
      </c>
      <c r="AH2551" s="53">
        <v>708003.12641932396</v>
      </c>
      <c r="AI2551" s="53">
        <v>812705.60911089601</v>
      </c>
      <c r="AJ2551" s="53">
        <v>406740.82915997098</v>
      </c>
      <c r="AK2551" s="53">
        <v>183173.97711180101</v>
      </c>
      <c r="AL2551" s="53">
        <v>267465.69639317802</v>
      </c>
      <c r="AM2551" s="53"/>
      <c r="AN2551" s="53">
        <v>4157503.27402642</v>
      </c>
      <c r="AO2551" s="53">
        <v>31914.462826986</v>
      </c>
      <c r="AP2551" s="53">
        <v>8623.9390217233395</v>
      </c>
      <c r="AQ2551" s="53">
        <v>321708.75747491699</v>
      </c>
      <c r="AR2551" s="53">
        <v>149778.38290843501</v>
      </c>
      <c r="AS2551" s="53">
        <v>340894.52444876998</v>
      </c>
      <c r="AT2551" s="53">
        <v>351551.61753155699</v>
      </c>
      <c r="AU2551" s="53">
        <v>330216.15992824099</v>
      </c>
      <c r="AV2551" s="53">
        <v>231424.09819176799</v>
      </c>
      <c r="AW2551" s="53">
        <v>217062.36264681499</v>
      </c>
      <c r="AX2551" s="53">
        <v>114785.01584178599</v>
      </c>
      <c r="AY2551" s="53"/>
      <c r="AZ2551" s="53"/>
      <c r="BA2551" s="53">
        <v>2097959.32082099</v>
      </c>
      <c r="BB2551" s="53">
        <v>54835.355413437399</v>
      </c>
      <c r="BC2551" s="53">
        <v>5999.9016805231804</v>
      </c>
      <c r="BD2551" s="53"/>
      <c r="BE2551" s="53">
        <v>3534.66142005345</v>
      </c>
      <c r="BF2551" s="53">
        <v>446186.69961813401</v>
      </c>
      <c r="BG2551" s="53">
        <v>457606.463671531</v>
      </c>
      <c r="BH2551" s="53">
        <v>439080.89468070801</v>
      </c>
      <c r="BI2551" s="53">
        <v>401082.65208509698</v>
      </c>
      <c r="BJ2551" s="53">
        <v>342254.75542270602</v>
      </c>
      <c r="BK2551" s="53">
        <v>377762.24580325698</v>
      </c>
      <c r="BL2551" s="53">
        <v>108007.46336428</v>
      </c>
      <c r="BM2551" s="53"/>
      <c r="BN2551" s="53">
        <v>2636351.0931597198</v>
      </c>
      <c r="BO2551" s="53">
        <v>42811.950860384997</v>
      </c>
      <c r="BP2551" s="53">
        <v>21507.163226604502</v>
      </c>
      <c r="BQ2551" s="53">
        <v>201253.810403068</v>
      </c>
      <c r="BR2551" s="53">
        <v>2741.34073271125</v>
      </c>
      <c r="BS2551" s="53">
        <v>289003.657767025</v>
      </c>
      <c r="BT2551" s="53">
        <v>285680.66946936602</v>
      </c>
      <c r="BU2551" s="53">
        <v>288034.81392021099</v>
      </c>
      <c r="BV2551" s="53">
        <v>251776.877214943</v>
      </c>
      <c r="BW2551" s="53">
        <v>225111.941258292</v>
      </c>
      <c r="BX2551" s="53">
        <v>167914.45636721599</v>
      </c>
      <c r="BY2551" s="53"/>
      <c r="BZ2551" s="53">
        <v>4270.7639702566703</v>
      </c>
      <c r="CA2551" s="53">
        <v>1780107.44519007</v>
      </c>
      <c r="CB2551" s="53"/>
      <c r="CC2551" s="53"/>
      <c r="CD2551" s="53"/>
      <c r="CE2551" s="53"/>
      <c r="CF2551" s="53"/>
      <c r="CG2551" s="53"/>
      <c r="CH2551" s="53"/>
      <c r="CI2551" s="53"/>
      <c r="CJ2551" s="53"/>
      <c r="CK2551" s="53"/>
      <c r="CL2551" s="53"/>
      <c r="CM2551" s="53"/>
      <c r="CN2551" s="53"/>
    </row>
    <row r="2552" spans="1:92" outlineLevel="1">
      <c r="A2552" s="52" t="s">
        <v>1292</v>
      </c>
      <c r="B2552" s="53"/>
      <c r="C2552" s="53"/>
      <c r="D2552" s="53"/>
      <c r="E2552" s="53"/>
      <c r="F2552" s="53"/>
      <c r="G2552" s="53"/>
      <c r="H2552" s="53"/>
      <c r="I2552" s="53"/>
      <c r="J2552" s="53"/>
      <c r="K2552" s="53"/>
      <c r="L2552" s="53"/>
      <c r="M2552" s="53"/>
      <c r="N2552" s="53"/>
      <c r="O2552" s="53"/>
      <c r="P2552" s="53"/>
      <c r="Q2552" s="53"/>
      <c r="R2552" s="53"/>
      <c r="S2552" s="53"/>
      <c r="T2552" s="53"/>
      <c r="U2552" s="53"/>
      <c r="V2552" s="53"/>
      <c r="W2552" s="53"/>
      <c r="X2552" s="53"/>
      <c r="Y2552" s="53"/>
      <c r="Z2552" s="53"/>
      <c r="AA2552" s="53"/>
      <c r="AB2552" s="53"/>
      <c r="AC2552" s="53"/>
      <c r="AD2552" s="53"/>
      <c r="AE2552" s="53"/>
      <c r="AF2552" s="53"/>
      <c r="AG2552" s="53"/>
      <c r="AH2552" s="53"/>
      <c r="AI2552" s="53"/>
      <c r="AJ2552" s="53"/>
      <c r="AK2552" s="53"/>
      <c r="AL2552" s="53"/>
      <c r="AM2552" s="53"/>
      <c r="AN2552" s="53"/>
      <c r="AO2552" s="53"/>
      <c r="AP2552" s="53"/>
      <c r="AQ2552" s="53"/>
      <c r="AR2552" s="53"/>
      <c r="AS2552" s="53"/>
      <c r="AT2552" s="53"/>
      <c r="AU2552" s="53"/>
      <c r="AV2552" s="53"/>
      <c r="AW2552" s="53"/>
      <c r="AX2552" s="53"/>
      <c r="AY2552" s="53"/>
      <c r="AZ2552" s="53"/>
      <c r="BA2552" s="53"/>
      <c r="BB2552" s="53"/>
      <c r="BC2552" s="53"/>
      <c r="BD2552" s="53"/>
      <c r="BE2552" s="53"/>
      <c r="BF2552" s="53"/>
      <c r="BG2552" s="53"/>
      <c r="BH2552" s="53"/>
      <c r="BI2552" s="53"/>
      <c r="BJ2552" s="53"/>
      <c r="BK2552" s="53"/>
      <c r="BL2552" s="53"/>
      <c r="BM2552" s="53"/>
      <c r="BN2552" s="53"/>
      <c r="BO2552" s="53"/>
      <c r="BP2552" s="53"/>
      <c r="BQ2552" s="53"/>
      <c r="BR2552" s="53"/>
      <c r="BS2552" s="53"/>
      <c r="BT2552" s="53"/>
      <c r="BU2552" s="53"/>
      <c r="BV2552" s="53"/>
      <c r="BW2552" s="53"/>
      <c r="BX2552" s="53"/>
      <c r="BY2552" s="53"/>
      <c r="BZ2552" s="53"/>
      <c r="CA2552" s="53"/>
      <c r="CB2552" s="53"/>
      <c r="CC2552" s="53"/>
      <c r="CD2552" s="53"/>
      <c r="CE2552" s="53"/>
      <c r="CF2552" s="53"/>
      <c r="CG2552" s="53"/>
      <c r="CH2552" s="53"/>
      <c r="CI2552" s="53"/>
      <c r="CJ2552" s="53"/>
      <c r="CK2552" s="53"/>
      <c r="CL2552" s="53"/>
      <c r="CM2552" s="53"/>
      <c r="CN2552" s="53"/>
    </row>
    <row r="2553" spans="1:92" outlineLevel="1">
      <c r="A2553" s="52" t="s">
        <v>1249</v>
      </c>
      <c r="B2553" s="53">
        <v>-228698.20629999999</v>
      </c>
      <c r="C2553" s="53">
        <v>-117870.7846</v>
      </c>
      <c r="D2553" s="53">
        <v>-62151.5</v>
      </c>
      <c r="E2553" s="53">
        <v>-36723.769999999997</v>
      </c>
      <c r="F2553" s="53">
        <v>-66655.3</v>
      </c>
      <c r="G2553" s="53">
        <v>1206775</v>
      </c>
      <c r="H2553" s="53">
        <v>1170593.8</v>
      </c>
      <c r="I2553" s="53">
        <v>1213492.29999999</v>
      </c>
      <c r="J2553" s="53">
        <v>1231131.8999999999</v>
      </c>
      <c r="K2553" s="53">
        <v>1234847.6000000001</v>
      </c>
      <c r="L2553" s="53">
        <v>1244708.5999999901</v>
      </c>
      <c r="M2553" s="53">
        <v>4505441.3999999901</v>
      </c>
      <c r="N2553" s="53">
        <v>11294891.0390999</v>
      </c>
      <c r="O2553" s="53"/>
      <c r="P2553" s="53"/>
      <c r="Q2553" s="53"/>
      <c r="R2553" s="53"/>
      <c r="S2553" s="53"/>
      <c r="T2553" s="53"/>
      <c r="U2553" s="53"/>
      <c r="V2553" s="53"/>
      <c r="W2553" s="53"/>
      <c r="X2553" s="53"/>
      <c r="Y2553" s="53"/>
      <c r="Z2553" s="53"/>
      <c r="AA2553" s="53"/>
      <c r="AB2553" s="53"/>
      <c r="AC2553" s="53"/>
      <c r="AD2553" s="53"/>
      <c r="AE2553" s="53"/>
      <c r="AF2553" s="53"/>
      <c r="AG2553" s="53"/>
      <c r="AH2553" s="53"/>
      <c r="AI2553" s="53"/>
      <c r="AJ2553" s="53"/>
      <c r="AK2553" s="53"/>
      <c r="AL2553" s="53"/>
      <c r="AM2553" s="53"/>
      <c r="AN2553" s="53"/>
      <c r="AO2553" s="53"/>
      <c r="AP2553" s="53"/>
      <c r="AQ2553" s="53"/>
      <c r="AR2553" s="53"/>
      <c r="AS2553" s="53"/>
      <c r="AT2553" s="53"/>
      <c r="AU2553" s="53"/>
      <c r="AV2553" s="53"/>
      <c r="AW2553" s="53"/>
      <c r="AX2553" s="53"/>
      <c r="AY2553" s="53"/>
      <c r="AZ2553" s="53"/>
      <c r="BA2553" s="53"/>
      <c r="BB2553" s="53"/>
      <c r="BC2553" s="53"/>
      <c r="BD2553" s="53"/>
      <c r="BE2553" s="53"/>
      <c r="BF2553" s="53"/>
      <c r="BG2553" s="53"/>
      <c r="BH2553" s="53"/>
      <c r="BI2553" s="53"/>
      <c r="BJ2553" s="53"/>
      <c r="BK2553" s="53"/>
      <c r="BL2553" s="53"/>
      <c r="BM2553" s="53"/>
      <c r="BN2553" s="53"/>
      <c r="BO2553" s="53"/>
      <c r="BP2553" s="53"/>
      <c r="BQ2553" s="53"/>
      <c r="BR2553" s="53"/>
      <c r="BS2553" s="53"/>
      <c r="BT2553" s="53"/>
      <c r="BU2553" s="53"/>
      <c r="BV2553" s="53"/>
      <c r="BW2553" s="53"/>
      <c r="BX2553" s="53"/>
      <c r="BY2553" s="53"/>
      <c r="BZ2553" s="53"/>
      <c r="CA2553" s="53"/>
      <c r="CB2553" s="53"/>
      <c r="CC2553" s="53"/>
      <c r="CD2553" s="53"/>
      <c r="CE2553" s="53"/>
      <c r="CF2553" s="53"/>
      <c r="CG2553" s="53"/>
      <c r="CH2553" s="53"/>
      <c r="CI2553" s="53"/>
      <c r="CJ2553" s="53"/>
      <c r="CK2553" s="53"/>
      <c r="CL2553" s="53"/>
      <c r="CM2553" s="53"/>
      <c r="CN2553" s="53"/>
    </row>
    <row r="2554" spans="1:92" outlineLevel="1">
      <c r="A2554" s="52" t="s">
        <v>670</v>
      </c>
      <c r="B2554" s="53"/>
      <c r="C2554" s="53"/>
      <c r="D2554" s="53"/>
      <c r="E2554" s="53"/>
      <c r="F2554" s="53"/>
      <c r="G2554" s="53"/>
      <c r="H2554" s="53"/>
      <c r="I2554" s="53"/>
      <c r="J2554" s="53"/>
      <c r="K2554" s="53"/>
      <c r="L2554" s="53"/>
      <c r="M2554" s="53"/>
      <c r="N2554" s="53"/>
      <c r="O2554" s="53"/>
      <c r="P2554" s="53"/>
      <c r="Q2554" s="53"/>
      <c r="R2554" s="53"/>
      <c r="S2554" s="53"/>
      <c r="T2554" s="53"/>
      <c r="U2554" s="53"/>
      <c r="V2554" s="53"/>
      <c r="W2554" s="53"/>
      <c r="X2554" s="53"/>
      <c r="Y2554" s="53"/>
      <c r="Z2554" s="53"/>
      <c r="AA2554" s="53"/>
      <c r="AB2554" s="53"/>
      <c r="AC2554" s="53"/>
      <c r="AD2554" s="53"/>
      <c r="AE2554" s="53"/>
      <c r="AF2554" s="53"/>
      <c r="AG2554" s="53"/>
      <c r="AH2554" s="53"/>
      <c r="AI2554" s="53"/>
      <c r="AJ2554" s="53"/>
      <c r="AK2554" s="53"/>
      <c r="AL2554" s="53"/>
      <c r="AM2554" s="53"/>
      <c r="AN2554" s="53"/>
      <c r="AO2554" s="53"/>
      <c r="AP2554" s="53"/>
      <c r="AQ2554" s="53"/>
      <c r="AR2554" s="53"/>
      <c r="AS2554" s="53"/>
      <c r="AT2554" s="53"/>
      <c r="AU2554" s="53"/>
      <c r="AV2554" s="53"/>
      <c r="AW2554" s="53"/>
      <c r="AX2554" s="53"/>
      <c r="AY2554" s="53"/>
      <c r="AZ2554" s="53"/>
      <c r="BA2554" s="53"/>
      <c r="BB2554" s="53"/>
      <c r="BC2554" s="53"/>
      <c r="BD2554" s="53"/>
      <c r="BE2554" s="53"/>
      <c r="BF2554" s="53"/>
      <c r="BG2554" s="53"/>
      <c r="BH2554" s="53"/>
      <c r="BI2554" s="53"/>
      <c r="BJ2554" s="53"/>
      <c r="BK2554" s="53"/>
      <c r="BL2554" s="53"/>
      <c r="BM2554" s="53"/>
      <c r="BN2554" s="53"/>
      <c r="BO2554" s="53"/>
      <c r="BP2554" s="53"/>
      <c r="BQ2554" s="53"/>
      <c r="BR2554" s="53"/>
      <c r="BS2554" s="53"/>
      <c r="BT2554" s="53"/>
      <c r="BU2554" s="53"/>
      <c r="BV2554" s="53"/>
      <c r="BW2554" s="53"/>
      <c r="BX2554" s="53"/>
      <c r="BY2554" s="53"/>
      <c r="BZ2554" s="53"/>
      <c r="CA2554" s="53"/>
      <c r="CB2554" s="53"/>
      <c r="CC2554" s="53"/>
      <c r="CD2554" s="53"/>
      <c r="CE2554" s="53"/>
      <c r="CF2554" s="53"/>
      <c r="CG2554" s="53"/>
      <c r="CH2554" s="53"/>
      <c r="CI2554" s="53"/>
      <c r="CJ2554" s="53"/>
      <c r="CK2554" s="53"/>
      <c r="CL2554" s="53"/>
      <c r="CM2554" s="53"/>
      <c r="CN2554" s="53"/>
    </row>
    <row r="2555" spans="1:92" outlineLevel="1">
      <c r="A2555" s="52" t="s">
        <v>671</v>
      </c>
      <c r="B2555" s="53"/>
      <c r="C2555" s="53"/>
      <c r="D2555" s="53"/>
      <c r="E2555" s="53"/>
      <c r="F2555" s="53"/>
      <c r="G2555" s="53"/>
      <c r="H2555" s="53"/>
      <c r="I2555" s="53"/>
      <c r="J2555" s="53"/>
      <c r="K2555" s="53"/>
      <c r="L2555" s="53"/>
      <c r="M2555" s="53"/>
      <c r="N2555" s="53"/>
      <c r="O2555" s="53"/>
      <c r="P2555" s="53"/>
      <c r="Q2555" s="53"/>
      <c r="R2555" s="53"/>
      <c r="S2555" s="53"/>
      <c r="T2555" s="53"/>
      <c r="U2555" s="53"/>
      <c r="V2555" s="53"/>
      <c r="W2555" s="53"/>
      <c r="X2555" s="53"/>
      <c r="Y2555" s="53"/>
      <c r="Z2555" s="53"/>
      <c r="AA2555" s="53"/>
      <c r="AB2555" s="53"/>
      <c r="AC2555" s="53"/>
      <c r="AD2555" s="53"/>
      <c r="AE2555" s="53"/>
      <c r="AF2555" s="53"/>
      <c r="AG2555" s="53"/>
      <c r="AH2555" s="53"/>
      <c r="AI2555" s="53"/>
      <c r="AJ2555" s="53"/>
      <c r="AK2555" s="53"/>
      <c r="AL2555" s="53"/>
      <c r="AM2555" s="53"/>
      <c r="AN2555" s="53"/>
      <c r="AO2555" s="53"/>
      <c r="AP2555" s="53"/>
      <c r="AQ2555" s="53"/>
      <c r="AR2555" s="53"/>
      <c r="AS2555" s="53"/>
      <c r="AT2555" s="53"/>
      <c r="AU2555" s="53"/>
      <c r="AV2555" s="53"/>
      <c r="AW2555" s="53"/>
      <c r="AX2555" s="53"/>
      <c r="AY2555" s="53"/>
      <c r="AZ2555" s="53"/>
      <c r="BA2555" s="53"/>
      <c r="BB2555" s="53"/>
      <c r="BC2555" s="53"/>
      <c r="BD2555" s="53"/>
      <c r="BE2555" s="53"/>
      <c r="BF2555" s="53"/>
      <c r="BG2555" s="53"/>
      <c r="BH2555" s="53"/>
      <c r="BI2555" s="53"/>
      <c r="BJ2555" s="53"/>
      <c r="BK2555" s="53"/>
      <c r="BL2555" s="53"/>
      <c r="BM2555" s="53"/>
      <c r="BN2555" s="53"/>
      <c r="BO2555" s="53"/>
      <c r="BP2555" s="53"/>
      <c r="BQ2555" s="53"/>
      <c r="BR2555" s="53"/>
      <c r="BS2555" s="53"/>
      <c r="BT2555" s="53"/>
      <c r="BU2555" s="53"/>
      <c r="BV2555" s="53"/>
      <c r="BW2555" s="53"/>
      <c r="BX2555" s="53"/>
      <c r="BY2555" s="53"/>
      <c r="BZ2555" s="53"/>
      <c r="CA2555" s="53"/>
      <c r="CB2555" s="53"/>
      <c r="CC2555" s="53"/>
      <c r="CD2555" s="53"/>
      <c r="CE2555" s="53"/>
      <c r="CF2555" s="53"/>
      <c r="CG2555" s="53"/>
      <c r="CH2555" s="53"/>
      <c r="CI2555" s="53"/>
      <c r="CJ2555" s="53"/>
      <c r="CK2555" s="53"/>
      <c r="CL2555" s="53"/>
      <c r="CM2555" s="53"/>
      <c r="CN2555" s="53"/>
    </row>
    <row r="2556" spans="1:92" outlineLevel="1">
      <c r="A2556" s="52" t="s">
        <v>649</v>
      </c>
      <c r="B2556" s="53">
        <v>1659457.54999999</v>
      </c>
      <c r="C2556" s="53">
        <v>1501390.14</v>
      </c>
      <c r="D2556" s="53">
        <v>1540071.9</v>
      </c>
      <c r="E2556" s="53">
        <v>1298458.71</v>
      </c>
      <c r="F2556" s="53">
        <v>1357107.18</v>
      </c>
      <c r="G2556" s="53">
        <v>-979270.12</v>
      </c>
      <c r="H2556" s="53">
        <v>1537353.5699999901</v>
      </c>
      <c r="I2556" s="53">
        <v>1064526.3399999901</v>
      </c>
      <c r="J2556" s="53">
        <v>830069.43999999901</v>
      </c>
      <c r="K2556" s="53">
        <v>428552.45</v>
      </c>
      <c r="L2556" s="53">
        <v>1792328.1899999899</v>
      </c>
      <c r="M2556" s="53">
        <v>2577665.14</v>
      </c>
      <c r="N2556" s="53">
        <v>14607710.49</v>
      </c>
      <c r="O2556" s="53">
        <v>1288011</v>
      </c>
      <c r="P2556" s="53">
        <v>1312759</v>
      </c>
      <c r="Q2556" s="53">
        <v>1320943</v>
      </c>
      <c r="R2556" s="53">
        <v>1339012</v>
      </c>
      <c r="S2556" s="53">
        <v>1327680</v>
      </c>
      <c r="T2556" s="53">
        <v>1573045</v>
      </c>
      <c r="U2556" s="53">
        <v>1362504</v>
      </c>
      <c r="V2556" s="53">
        <v>1331174</v>
      </c>
      <c r="W2556" s="53">
        <v>1319668</v>
      </c>
      <c r="X2556" s="53">
        <v>1319596</v>
      </c>
      <c r="Y2556" s="53">
        <v>1336985</v>
      </c>
      <c r="Z2556" s="53">
        <v>1563864</v>
      </c>
      <c r="AA2556" s="53">
        <v>16395241</v>
      </c>
      <c r="AB2556" s="53">
        <v>1322735</v>
      </c>
      <c r="AC2556" s="53">
        <v>1347755</v>
      </c>
      <c r="AD2556" s="53">
        <v>1361043</v>
      </c>
      <c r="AE2556" s="53">
        <v>1376515</v>
      </c>
      <c r="AF2556" s="53">
        <v>1541295</v>
      </c>
      <c r="AG2556" s="53">
        <v>1442950</v>
      </c>
      <c r="AH2556" s="53">
        <v>1401889</v>
      </c>
      <c r="AI2556" s="53">
        <v>1374728</v>
      </c>
      <c r="AJ2556" s="53">
        <v>1362800</v>
      </c>
      <c r="AK2556" s="53">
        <v>1360469</v>
      </c>
      <c r="AL2556" s="53">
        <v>1549908</v>
      </c>
      <c r="AM2556" s="53">
        <v>1433105</v>
      </c>
      <c r="AN2556" s="53">
        <v>16875192</v>
      </c>
      <c r="AO2556" s="53">
        <v>1406265.99999999</v>
      </c>
      <c r="AP2556" s="53">
        <v>1406265.99999999</v>
      </c>
      <c r="AQ2556" s="53">
        <v>1406265.99999999</v>
      </c>
      <c r="AR2556" s="53">
        <v>1406265.99999999</v>
      </c>
      <c r="AS2556" s="53">
        <v>1406265.99999999</v>
      </c>
      <c r="AT2556" s="53">
        <v>1406265.99999999</v>
      </c>
      <c r="AU2556" s="53">
        <v>1406265.99999999</v>
      </c>
      <c r="AV2556" s="53">
        <v>1406265.99999999</v>
      </c>
      <c r="AW2556" s="53">
        <v>1406265.99999999</v>
      </c>
      <c r="AX2556" s="53">
        <v>1406265.99999999</v>
      </c>
      <c r="AY2556" s="53">
        <v>1406265.99999999</v>
      </c>
      <c r="AZ2556" s="53">
        <v>1406265.99999999</v>
      </c>
      <c r="BA2556" s="53">
        <v>16875192</v>
      </c>
      <c r="BB2556" s="53">
        <v>1406265.99999999</v>
      </c>
      <c r="BC2556" s="53">
        <v>1406265.99999999</v>
      </c>
      <c r="BD2556" s="53">
        <v>1406265.99999999</v>
      </c>
      <c r="BE2556" s="53">
        <v>1406265.99999999</v>
      </c>
      <c r="BF2556" s="53">
        <v>1406265.99999999</v>
      </c>
      <c r="BG2556" s="53">
        <v>1406265.99999999</v>
      </c>
      <c r="BH2556" s="53">
        <v>1406265.99999999</v>
      </c>
      <c r="BI2556" s="53">
        <v>1406265.99999999</v>
      </c>
      <c r="BJ2556" s="53">
        <v>1406265.99999999</v>
      </c>
      <c r="BK2556" s="53">
        <v>1406265.99999999</v>
      </c>
      <c r="BL2556" s="53">
        <v>1406265.99999999</v>
      </c>
      <c r="BM2556" s="53">
        <v>1406265.99999999</v>
      </c>
      <c r="BN2556" s="53">
        <v>16875192</v>
      </c>
      <c r="BO2556" s="53">
        <v>1406265.99999999</v>
      </c>
      <c r="BP2556" s="53">
        <v>1406265.99999999</v>
      </c>
      <c r="BQ2556" s="53">
        <v>1406265.99999999</v>
      </c>
      <c r="BR2556" s="53">
        <v>1406265.99999999</v>
      </c>
      <c r="BS2556" s="53">
        <v>1406265.99999999</v>
      </c>
      <c r="BT2556" s="53">
        <v>1406265.99999999</v>
      </c>
      <c r="BU2556" s="53">
        <v>1406265.99999999</v>
      </c>
      <c r="BV2556" s="53">
        <v>1406265.99999999</v>
      </c>
      <c r="BW2556" s="53">
        <v>1406265.99999999</v>
      </c>
      <c r="BX2556" s="53">
        <v>1406265.99999999</v>
      </c>
      <c r="BY2556" s="53">
        <v>1406265.99999999</v>
      </c>
      <c r="BZ2556" s="53">
        <v>1406265.99999999</v>
      </c>
      <c r="CA2556" s="53">
        <v>16875192</v>
      </c>
      <c r="CB2556" s="53"/>
      <c r="CC2556" s="53"/>
      <c r="CD2556" s="53"/>
      <c r="CE2556" s="53"/>
      <c r="CF2556" s="53"/>
      <c r="CG2556" s="53"/>
      <c r="CH2556" s="53"/>
      <c r="CI2556" s="53"/>
      <c r="CJ2556" s="53"/>
      <c r="CK2556" s="53"/>
      <c r="CL2556" s="53"/>
      <c r="CM2556" s="53"/>
      <c r="CN2556" s="53"/>
    </row>
    <row r="2557" spans="1:92" outlineLevel="1">
      <c r="A2557" s="57" t="s">
        <v>1646</v>
      </c>
      <c r="B2557" s="53">
        <v>1746573059.22</v>
      </c>
      <c r="C2557" s="53">
        <v>1806046044.6599901</v>
      </c>
      <c r="D2557" s="53">
        <v>1760201657.55</v>
      </c>
      <c r="E2557" s="53">
        <v>2034314508.48</v>
      </c>
      <c r="F2557" s="53">
        <v>2496476497.6900001</v>
      </c>
      <c r="G2557" s="53">
        <v>2553720672.6900001</v>
      </c>
      <c r="H2557" s="53">
        <v>2723671889.01999</v>
      </c>
      <c r="I2557" s="53">
        <v>2914604600.96</v>
      </c>
      <c r="J2557" s="53">
        <v>3142389611.4000001</v>
      </c>
      <c r="K2557" s="53">
        <v>2591310361.4499998</v>
      </c>
      <c r="L2557" s="53">
        <v>2349286856.23</v>
      </c>
      <c r="M2557" s="53">
        <v>2669594272.8399901</v>
      </c>
      <c r="N2557" s="53">
        <v>2669594272.8399901</v>
      </c>
      <c r="O2557" s="53">
        <v>2814093964.5229802</v>
      </c>
      <c r="P2557" s="53">
        <v>2801794081.2615499</v>
      </c>
      <c r="Q2557" s="53">
        <v>2925699133.8776898</v>
      </c>
      <c r="R2557" s="53">
        <v>3805625147.6563702</v>
      </c>
      <c r="S2557" s="53">
        <v>3904100776.2922401</v>
      </c>
      <c r="T2557" s="53">
        <v>3284840006.2287698</v>
      </c>
      <c r="U2557" s="53">
        <v>3227105615.7275901</v>
      </c>
      <c r="V2557" s="53">
        <v>3183636539.98597</v>
      </c>
      <c r="W2557" s="53">
        <v>3137614484.0679598</v>
      </c>
      <c r="X2557" s="53">
        <v>3186304098.9705801</v>
      </c>
      <c r="Y2557" s="53">
        <v>3042731099.1486702</v>
      </c>
      <c r="Z2557" s="53">
        <v>3054092079.2940202</v>
      </c>
      <c r="AA2557" s="53">
        <v>3054092079.2940202</v>
      </c>
      <c r="AB2557" s="53">
        <v>3106935655.5360098</v>
      </c>
      <c r="AC2557" s="53">
        <v>3055539483.1396098</v>
      </c>
      <c r="AD2557" s="53">
        <v>3102051322.7385201</v>
      </c>
      <c r="AE2557" s="53">
        <v>3149311282.41748</v>
      </c>
      <c r="AF2557" s="53">
        <v>3237352783.3080902</v>
      </c>
      <c r="AG2557" s="53">
        <v>3269840299.4847102</v>
      </c>
      <c r="AH2557" s="53">
        <v>3243180542.1992998</v>
      </c>
      <c r="AI2557" s="53">
        <v>2345305806.0235901</v>
      </c>
      <c r="AJ2557" s="53">
        <v>2320866655.6656499</v>
      </c>
      <c r="AK2557" s="53">
        <v>2364696435.37779</v>
      </c>
      <c r="AL2557" s="53">
        <v>2200694815.8867202</v>
      </c>
      <c r="AM2557" s="53">
        <v>2078051780.6638801</v>
      </c>
      <c r="AN2557" s="53">
        <v>2078051780.6638801</v>
      </c>
      <c r="AO2557" s="53">
        <v>2154669585.0213699</v>
      </c>
      <c r="AP2557" s="53">
        <v>2173766440.3745999</v>
      </c>
      <c r="AQ2557" s="53">
        <v>2285478548.66609</v>
      </c>
      <c r="AR2557" s="53">
        <v>2385150846.3400402</v>
      </c>
      <c r="AS2557" s="53">
        <v>2519895400.8245001</v>
      </c>
      <c r="AT2557" s="53">
        <v>2137838027.2213299</v>
      </c>
      <c r="AU2557" s="53">
        <v>2171942412.2602201</v>
      </c>
      <c r="AV2557" s="53">
        <v>2261055750.1880498</v>
      </c>
      <c r="AW2557" s="53">
        <v>2275654928.5633998</v>
      </c>
      <c r="AX2557" s="53">
        <v>2303673721.0494299</v>
      </c>
      <c r="AY2557" s="53">
        <v>2107472852.8687899</v>
      </c>
      <c r="AZ2557" s="53">
        <v>2171624574.3956299</v>
      </c>
      <c r="BA2557" s="53">
        <v>2171624574.3956299</v>
      </c>
      <c r="BB2557" s="53">
        <v>2932273468.8219399</v>
      </c>
      <c r="BC2557" s="53">
        <v>2932875387.15974</v>
      </c>
      <c r="BD2557" s="53">
        <v>3027297596.3256898</v>
      </c>
      <c r="BE2557" s="53">
        <v>3049595816.40311</v>
      </c>
      <c r="BF2557" s="53">
        <v>3161313103.9162302</v>
      </c>
      <c r="BG2557" s="53">
        <v>2796229150.0318098</v>
      </c>
      <c r="BH2557" s="53">
        <v>2830989729.7911701</v>
      </c>
      <c r="BI2557" s="53">
        <v>2920573447.41324</v>
      </c>
      <c r="BJ2557" s="53">
        <v>2939020760.1451001</v>
      </c>
      <c r="BK2557" s="53">
        <v>2966434315.0812302</v>
      </c>
      <c r="BL2557" s="53">
        <v>2745223763.83147</v>
      </c>
      <c r="BM2557" s="53">
        <v>2863969290.5769901</v>
      </c>
      <c r="BN2557" s="53">
        <v>2863969290.5769901</v>
      </c>
      <c r="BO2557" s="53">
        <v>2966177500.7830701</v>
      </c>
      <c r="BP2557" s="53">
        <v>3112063634.5598102</v>
      </c>
      <c r="BQ2557" s="53">
        <v>3211452056.0198102</v>
      </c>
      <c r="BR2557" s="53">
        <v>3230135866.89504</v>
      </c>
      <c r="BS2557" s="53">
        <v>3337018498.9691</v>
      </c>
      <c r="BT2557" s="53">
        <v>2291659461.9393401</v>
      </c>
      <c r="BU2557" s="53">
        <v>2936574221.6989498</v>
      </c>
      <c r="BV2557" s="53">
        <v>3026085124.4099102</v>
      </c>
      <c r="BW2557" s="53">
        <v>3048318146.3940802</v>
      </c>
      <c r="BX2557" s="53">
        <v>3075543846.4678998</v>
      </c>
      <c r="BY2557" s="53">
        <v>2839460879.7234702</v>
      </c>
      <c r="BZ2557" s="53">
        <v>2952616182.9328098</v>
      </c>
      <c r="CA2557" s="53">
        <v>2952616182.9328098</v>
      </c>
      <c r="CB2557" s="53"/>
      <c r="CC2557" s="53"/>
      <c r="CD2557" s="53"/>
      <c r="CE2557" s="53"/>
      <c r="CF2557" s="53"/>
      <c r="CG2557" s="53"/>
      <c r="CH2557" s="53"/>
      <c r="CI2557" s="53"/>
      <c r="CJ2557" s="53"/>
      <c r="CK2557" s="53"/>
      <c r="CL2557" s="53"/>
      <c r="CM2557" s="53"/>
      <c r="CN2557" s="53"/>
    </row>
    <row r="2558" spans="1:92" outlineLevel="1">
      <c r="A2558" s="52" t="s">
        <v>1647</v>
      </c>
      <c r="B2558" s="53"/>
      <c r="C2558" s="53"/>
      <c r="D2558" s="53"/>
      <c r="E2558" s="53"/>
      <c r="F2558" s="53"/>
      <c r="G2558" s="53"/>
      <c r="H2558" s="53"/>
      <c r="I2558" s="53"/>
      <c r="J2558" s="53"/>
      <c r="K2558" s="53"/>
      <c r="L2558" s="53"/>
      <c r="M2558" s="53"/>
      <c r="N2558" s="53"/>
      <c r="O2558" s="53"/>
      <c r="P2558" s="53"/>
      <c r="Q2558" s="53"/>
      <c r="R2558" s="53"/>
      <c r="S2558" s="53"/>
      <c r="T2558" s="53"/>
      <c r="U2558" s="53"/>
      <c r="V2558" s="53"/>
      <c r="W2558" s="53"/>
      <c r="X2558" s="53"/>
      <c r="Y2558" s="53"/>
      <c r="Z2558" s="53"/>
      <c r="AA2558" s="53"/>
      <c r="AB2558" s="53"/>
      <c r="AC2558" s="53"/>
      <c r="AD2558" s="53"/>
      <c r="AE2558" s="53"/>
      <c r="AF2558" s="53"/>
      <c r="AG2558" s="53"/>
      <c r="AH2558" s="53"/>
      <c r="AI2558" s="53"/>
      <c r="AJ2558" s="53"/>
      <c r="AK2558" s="53"/>
      <c r="AL2558" s="53"/>
      <c r="AM2558" s="53"/>
      <c r="AN2558" s="53"/>
      <c r="AO2558" s="53"/>
      <c r="AP2558" s="53"/>
      <c r="AQ2558" s="53"/>
      <c r="AR2558" s="53"/>
      <c r="AS2558" s="53"/>
      <c r="AT2558" s="53"/>
      <c r="AU2558" s="53"/>
      <c r="AV2558" s="53"/>
      <c r="AW2558" s="53"/>
      <c r="AX2558" s="53"/>
      <c r="AY2558" s="53"/>
      <c r="AZ2558" s="53"/>
      <c r="BA2558" s="53"/>
      <c r="BB2558" s="53"/>
      <c r="BC2558" s="53"/>
      <c r="BD2558" s="53"/>
      <c r="BE2558" s="53"/>
      <c r="BF2558" s="53"/>
      <c r="BG2558" s="53"/>
      <c r="BH2558" s="53"/>
      <c r="BI2558" s="53"/>
      <c r="BJ2558" s="53"/>
      <c r="BK2558" s="53"/>
      <c r="BL2558" s="53"/>
      <c r="BM2558" s="53"/>
      <c r="BN2558" s="53"/>
      <c r="BO2558" s="53"/>
      <c r="BP2558" s="53"/>
      <c r="BQ2558" s="53"/>
      <c r="BR2558" s="53"/>
      <c r="BS2558" s="53"/>
      <c r="BT2558" s="53"/>
      <c r="BU2558" s="53"/>
      <c r="BV2558" s="53"/>
      <c r="BW2558" s="53"/>
      <c r="BX2558" s="53"/>
      <c r="BY2558" s="53"/>
      <c r="BZ2558" s="53"/>
      <c r="CA2558" s="53"/>
      <c r="CB2558" s="53"/>
      <c r="CC2558" s="53"/>
      <c r="CD2558" s="53"/>
      <c r="CE2558" s="53"/>
      <c r="CF2558" s="53"/>
      <c r="CG2558" s="53"/>
      <c r="CH2558" s="53"/>
      <c r="CI2558" s="53"/>
      <c r="CJ2558" s="53"/>
      <c r="CK2558" s="53"/>
      <c r="CL2558" s="53"/>
      <c r="CM2558" s="53"/>
      <c r="CN2558" s="53"/>
    </row>
    <row r="2559" spans="1:92" outlineLevel="1">
      <c r="A2559" s="57" t="s">
        <v>1648</v>
      </c>
      <c r="B2559" s="53"/>
      <c r="C2559" s="53"/>
      <c r="D2559" s="53"/>
      <c r="E2559" s="53"/>
      <c r="F2559" s="53"/>
      <c r="G2559" s="53"/>
      <c r="H2559" s="53"/>
      <c r="I2559" s="53"/>
      <c r="J2559" s="53"/>
      <c r="K2559" s="53"/>
      <c r="L2559" s="53"/>
      <c r="M2559" s="53"/>
      <c r="N2559" s="53"/>
      <c r="O2559" s="53"/>
      <c r="P2559" s="53"/>
      <c r="Q2559" s="53"/>
      <c r="R2559" s="53"/>
      <c r="S2559" s="53"/>
      <c r="T2559" s="53"/>
      <c r="U2559" s="53"/>
      <c r="V2559" s="53"/>
      <c r="W2559" s="53"/>
      <c r="X2559" s="53"/>
      <c r="Y2559" s="53"/>
      <c r="Z2559" s="53"/>
      <c r="AA2559" s="53"/>
      <c r="AB2559" s="53"/>
      <c r="AC2559" s="53"/>
      <c r="AD2559" s="53"/>
      <c r="AE2559" s="53"/>
      <c r="AF2559" s="53"/>
      <c r="AG2559" s="53"/>
      <c r="AH2559" s="53"/>
      <c r="AI2559" s="53"/>
      <c r="AJ2559" s="53"/>
      <c r="AK2559" s="53"/>
      <c r="AL2559" s="53"/>
      <c r="AM2559" s="53"/>
      <c r="AN2559" s="53"/>
      <c r="AO2559" s="53"/>
      <c r="AP2559" s="53"/>
      <c r="AQ2559" s="53"/>
      <c r="AR2559" s="53"/>
      <c r="AS2559" s="53"/>
      <c r="AT2559" s="53"/>
      <c r="AU2559" s="53"/>
      <c r="AV2559" s="53"/>
      <c r="AW2559" s="53"/>
      <c r="AX2559" s="53"/>
      <c r="AY2559" s="53"/>
      <c r="AZ2559" s="53"/>
      <c r="BA2559" s="53"/>
      <c r="BB2559" s="53"/>
      <c r="BC2559" s="53"/>
      <c r="BD2559" s="53"/>
      <c r="BE2559" s="53"/>
      <c r="BF2559" s="53"/>
      <c r="BG2559" s="53"/>
      <c r="BH2559" s="53"/>
      <c r="BI2559" s="53"/>
      <c r="BJ2559" s="53"/>
      <c r="BK2559" s="53"/>
      <c r="BL2559" s="53"/>
      <c r="BM2559" s="53"/>
      <c r="BN2559" s="53"/>
      <c r="BO2559" s="53"/>
      <c r="BP2559" s="53"/>
      <c r="BQ2559" s="53"/>
      <c r="BR2559" s="53"/>
      <c r="BS2559" s="53"/>
      <c r="BT2559" s="53"/>
      <c r="BU2559" s="53"/>
      <c r="BV2559" s="53"/>
      <c r="BW2559" s="53"/>
      <c r="BX2559" s="53"/>
      <c r="BY2559" s="53"/>
      <c r="BZ2559" s="53"/>
      <c r="CA2559" s="53"/>
      <c r="CB2559" s="53"/>
      <c r="CC2559" s="53"/>
      <c r="CD2559" s="53"/>
      <c r="CE2559" s="53"/>
      <c r="CF2559" s="53"/>
      <c r="CG2559" s="53"/>
      <c r="CH2559" s="53"/>
      <c r="CI2559" s="53"/>
      <c r="CJ2559" s="53"/>
      <c r="CK2559" s="53"/>
      <c r="CL2559" s="53"/>
      <c r="CM2559" s="53"/>
      <c r="CN2559" s="53"/>
    </row>
    <row r="2560" spans="1:92" outlineLevel="1">
      <c r="A2560" s="52" t="s">
        <v>1649</v>
      </c>
      <c r="B2560" s="53">
        <v>0</v>
      </c>
      <c r="C2560" s="53">
        <v>0</v>
      </c>
      <c r="D2560" s="53">
        <v>0</v>
      </c>
      <c r="E2560" s="53">
        <v>0</v>
      </c>
      <c r="F2560" s="53">
        <v>0</v>
      </c>
      <c r="G2560" s="53">
        <v>0</v>
      </c>
      <c r="H2560" s="53">
        <v>0</v>
      </c>
      <c r="I2560" s="53">
        <v>0</v>
      </c>
      <c r="J2560" s="53">
        <v>0</v>
      </c>
      <c r="K2560" s="53">
        <v>0</v>
      </c>
      <c r="L2560" s="53">
        <v>0</v>
      </c>
      <c r="M2560" s="53">
        <v>0</v>
      </c>
      <c r="N2560" s="53">
        <v>0</v>
      </c>
      <c r="O2560" s="53">
        <v>0</v>
      </c>
      <c r="P2560" s="53">
        <v>0</v>
      </c>
      <c r="Q2560" s="53">
        <v>0</v>
      </c>
      <c r="R2560" s="53">
        <v>0</v>
      </c>
      <c r="S2560" s="53">
        <v>0</v>
      </c>
      <c r="T2560" s="53">
        <v>0</v>
      </c>
      <c r="U2560" s="53">
        <v>0</v>
      </c>
      <c r="V2560" s="53">
        <v>0</v>
      </c>
      <c r="W2560" s="53">
        <v>0</v>
      </c>
      <c r="X2560" s="53">
        <v>0</v>
      </c>
      <c r="Y2560" s="53">
        <v>0</v>
      </c>
      <c r="Z2560" s="53">
        <v>0</v>
      </c>
      <c r="AA2560" s="53">
        <v>0</v>
      </c>
      <c r="AB2560" s="53">
        <v>0</v>
      </c>
      <c r="AC2560" s="53">
        <v>0</v>
      </c>
      <c r="AD2560" s="53">
        <v>0</v>
      </c>
      <c r="AE2560" s="53">
        <v>0</v>
      </c>
      <c r="AF2560" s="53">
        <v>0</v>
      </c>
      <c r="AG2560" s="53">
        <v>0</v>
      </c>
      <c r="AH2560" s="53">
        <v>0</v>
      </c>
      <c r="AI2560" s="53">
        <v>0</v>
      </c>
      <c r="AJ2560" s="53">
        <v>0</v>
      </c>
      <c r="AK2560" s="53">
        <v>0</v>
      </c>
      <c r="AL2560" s="53">
        <v>0</v>
      </c>
      <c r="AM2560" s="53">
        <v>0</v>
      </c>
      <c r="AN2560" s="53">
        <v>0</v>
      </c>
      <c r="AO2560" s="53">
        <v>0</v>
      </c>
      <c r="AP2560" s="53">
        <v>0</v>
      </c>
      <c r="AQ2560" s="53">
        <v>0</v>
      </c>
      <c r="AR2560" s="53">
        <v>0</v>
      </c>
      <c r="AS2560" s="53">
        <v>0</v>
      </c>
      <c r="AT2560" s="53">
        <v>0</v>
      </c>
      <c r="AU2560" s="53">
        <v>0</v>
      </c>
      <c r="AV2560" s="53">
        <v>0</v>
      </c>
      <c r="AW2560" s="53">
        <v>0</v>
      </c>
      <c r="AX2560" s="53">
        <v>0</v>
      </c>
      <c r="AY2560" s="53">
        <v>0</v>
      </c>
      <c r="AZ2560" s="53">
        <v>0</v>
      </c>
      <c r="BA2560" s="53">
        <v>0</v>
      </c>
      <c r="BB2560" s="53">
        <v>0</v>
      </c>
      <c r="BC2560" s="53">
        <v>0</v>
      </c>
      <c r="BD2560" s="53">
        <v>0</v>
      </c>
      <c r="BE2560" s="53">
        <v>0</v>
      </c>
      <c r="BF2560" s="53">
        <v>0</v>
      </c>
      <c r="BG2560" s="53">
        <v>0</v>
      </c>
      <c r="BH2560" s="53">
        <v>0</v>
      </c>
      <c r="BI2560" s="53">
        <v>0</v>
      </c>
      <c r="BJ2560" s="53">
        <v>0</v>
      </c>
      <c r="BK2560" s="53">
        <v>0</v>
      </c>
      <c r="BL2560" s="53">
        <v>0</v>
      </c>
      <c r="BM2560" s="53">
        <v>0</v>
      </c>
      <c r="BN2560" s="53">
        <v>0</v>
      </c>
      <c r="BO2560" s="53">
        <v>0</v>
      </c>
      <c r="BP2560" s="53">
        <v>0</v>
      </c>
      <c r="BQ2560" s="53">
        <v>0</v>
      </c>
      <c r="BR2560" s="53">
        <v>0</v>
      </c>
      <c r="BS2560" s="53">
        <v>0</v>
      </c>
      <c r="BT2560" s="53">
        <v>0</v>
      </c>
      <c r="BU2560" s="53">
        <v>0</v>
      </c>
      <c r="BV2560" s="53">
        <v>0</v>
      </c>
      <c r="BW2560" s="53">
        <v>0</v>
      </c>
      <c r="BX2560" s="53">
        <v>0</v>
      </c>
      <c r="BY2560" s="53">
        <v>0</v>
      </c>
      <c r="BZ2560" s="53">
        <v>0</v>
      </c>
      <c r="CA2560" s="53">
        <v>0</v>
      </c>
      <c r="CB2560" s="53"/>
      <c r="CC2560" s="53"/>
      <c r="CD2560" s="53"/>
      <c r="CE2560" s="53"/>
      <c r="CF2560" s="53"/>
      <c r="CG2560" s="53"/>
      <c r="CH2560" s="53"/>
      <c r="CI2560" s="53"/>
      <c r="CJ2560" s="53"/>
      <c r="CK2560" s="53"/>
      <c r="CL2560" s="53"/>
      <c r="CM2560" s="53"/>
      <c r="CN2560" s="53"/>
    </row>
    <row r="2561" spans="1:92" outlineLevel="1">
      <c r="A2561" s="52" t="s">
        <v>1650</v>
      </c>
      <c r="B2561" s="53">
        <v>5875000000</v>
      </c>
      <c r="C2561" s="53">
        <v>5875000000</v>
      </c>
      <c r="D2561" s="53">
        <v>5875000000</v>
      </c>
      <c r="E2561" s="53">
        <v>5875000000</v>
      </c>
      <c r="F2561" s="53">
        <v>5875000000</v>
      </c>
      <c r="G2561" s="53">
        <v>5875000000</v>
      </c>
      <c r="H2561" s="53">
        <v>5875000000</v>
      </c>
      <c r="I2561" s="53">
        <v>5875000000</v>
      </c>
      <c r="J2561" s="53">
        <v>5875000000</v>
      </c>
      <c r="K2561" s="53">
        <v>5875000000</v>
      </c>
      <c r="L2561" s="53">
        <v>6375000000</v>
      </c>
      <c r="M2561" s="53">
        <v>6375000000</v>
      </c>
      <c r="N2561" s="53">
        <v>6375000000</v>
      </c>
      <c r="O2561" s="53">
        <v>6375000000</v>
      </c>
      <c r="P2561" s="53">
        <v>6375000000</v>
      </c>
      <c r="Q2561" s="53">
        <v>6375000000</v>
      </c>
      <c r="R2561" s="53">
        <v>6375000000</v>
      </c>
      <c r="S2561" s="53">
        <v>6375000000</v>
      </c>
      <c r="T2561" s="53">
        <v>6375000000</v>
      </c>
      <c r="U2561" s="53">
        <v>6375000000</v>
      </c>
      <c r="V2561" s="53">
        <v>6375000000</v>
      </c>
      <c r="W2561" s="53">
        <v>6375000000</v>
      </c>
      <c r="X2561" s="53">
        <v>6375000000</v>
      </c>
      <c r="Y2561" s="53">
        <v>6375000000</v>
      </c>
      <c r="Z2561" s="53">
        <v>6375000000</v>
      </c>
      <c r="AA2561" s="53">
        <v>6375000000</v>
      </c>
      <c r="AB2561" s="53">
        <v>6375000000</v>
      </c>
      <c r="AC2561" s="53">
        <v>6375000000</v>
      </c>
      <c r="AD2561" s="53">
        <v>6375000000</v>
      </c>
      <c r="AE2561" s="53">
        <v>6375000000</v>
      </c>
      <c r="AF2561" s="53">
        <v>6375000000</v>
      </c>
      <c r="AG2561" s="53">
        <v>6375000000</v>
      </c>
      <c r="AH2561" s="53">
        <v>6375000000</v>
      </c>
      <c r="AI2561" s="53">
        <v>6375000000</v>
      </c>
      <c r="AJ2561" s="53">
        <v>6375000000</v>
      </c>
      <c r="AK2561" s="53">
        <v>6375000000</v>
      </c>
      <c r="AL2561" s="53">
        <v>6375000000</v>
      </c>
      <c r="AM2561" s="53">
        <v>6375000000</v>
      </c>
      <c r="AN2561" s="53">
        <v>6375000000</v>
      </c>
      <c r="AO2561" s="53">
        <v>6375000000</v>
      </c>
      <c r="AP2561" s="53">
        <v>6375000000</v>
      </c>
      <c r="AQ2561" s="53">
        <v>6375000000</v>
      </c>
      <c r="AR2561" s="53">
        <v>6375000000</v>
      </c>
      <c r="AS2561" s="53">
        <v>6375000000</v>
      </c>
      <c r="AT2561" s="53">
        <v>6375000000</v>
      </c>
      <c r="AU2561" s="53">
        <v>6375000000</v>
      </c>
      <c r="AV2561" s="53">
        <v>6375000000</v>
      </c>
      <c r="AW2561" s="53">
        <v>6375000000</v>
      </c>
      <c r="AX2561" s="53">
        <v>6375000000</v>
      </c>
      <c r="AY2561" s="53">
        <v>6375000000</v>
      </c>
      <c r="AZ2561" s="53">
        <v>6375000000</v>
      </c>
      <c r="BA2561" s="53">
        <v>6375000000</v>
      </c>
      <c r="BB2561" s="53">
        <v>6375000000</v>
      </c>
      <c r="BC2561" s="53">
        <v>6375000000</v>
      </c>
      <c r="BD2561" s="53">
        <v>6375000000</v>
      </c>
      <c r="BE2561" s="53">
        <v>6375000000</v>
      </c>
      <c r="BF2561" s="53">
        <v>6375000000</v>
      </c>
      <c r="BG2561" s="53">
        <v>6375000000</v>
      </c>
      <c r="BH2561" s="53">
        <v>6375000000</v>
      </c>
      <c r="BI2561" s="53">
        <v>6375000000</v>
      </c>
      <c r="BJ2561" s="53">
        <v>6375000000</v>
      </c>
      <c r="BK2561" s="53">
        <v>6375000000</v>
      </c>
      <c r="BL2561" s="53">
        <v>6375000000</v>
      </c>
      <c r="BM2561" s="53">
        <v>6375000000</v>
      </c>
      <c r="BN2561" s="53">
        <v>6375000000</v>
      </c>
      <c r="BO2561" s="53">
        <v>6375000000</v>
      </c>
      <c r="BP2561" s="53">
        <v>6375000000</v>
      </c>
      <c r="BQ2561" s="53">
        <v>6375000000</v>
      </c>
      <c r="BR2561" s="53">
        <v>6375000000</v>
      </c>
      <c r="BS2561" s="53">
        <v>6375000000</v>
      </c>
      <c r="BT2561" s="53">
        <v>6375000000</v>
      </c>
      <c r="BU2561" s="53">
        <v>6375000000</v>
      </c>
      <c r="BV2561" s="53">
        <v>6375000000</v>
      </c>
      <c r="BW2561" s="53">
        <v>6375000000</v>
      </c>
      <c r="BX2561" s="53">
        <v>6375000000</v>
      </c>
      <c r="BY2561" s="53">
        <v>6375000000</v>
      </c>
      <c r="BZ2561" s="53">
        <v>6375000000</v>
      </c>
      <c r="CA2561" s="53">
        <v>6375000000</v>
      </c>
      <c r="CB2561" s="53"/>
      <c r="CC2561" s="53"/>
      <c r="CD2561" s="53"/>
      <c r="CE2561" s="53"/>
      <c r="CF2561" s="53"/>
      <c r="CG2561" s="53"/>
      <c r="CH2561" s="53"/>
      <c r="CI2561" s="53"/>
      <c r="CJ2561" s="53"/>
      <c r="CK2561" s="53"/>
      <c r="CL2561" s="53"/>
      <c r="CM2561" s="53"/>
      <c r="CN2561" s="53"/>
    </row>
    <row r="2562" spans="1:92" outlineLevel="1">
      <c r="A2562" s="52" t="s">
        <v>1651</v>
      </c>
      <c r="B2562" s="53">
        <v>0</v>
      </c>
      <c r="C2562" s="53">
        <v>0</v>
      </c>
      <c r="D2562" s="53">
        <v>0</v>
      </c>
      <c r="E2562" s="53">
        <v>0</v>
      </c>
      <c r="F2562" s="53">
        <v>0</v>
      </c>
      <c r="G2562" s="53">
        <v>0</v>
      </c>
      <c r="H2562" s="53">
        <v>0</v>
      </c>
      <c r="I2562" s="53">
        <v>0</v>
      </c>
      <c r="J2562" s="53">
        <v>0</v>
      </c>
      <c r="K2562" s="53">
        <v>0</v>
      </c>
      <c r="L2562" s="53">
        <v>0</v>
      </c>
      <c r="M2562" s="53">
        <v>0</v>
      </c>
      <c r="N2562" s="53">
        <v>0</v>
      </c>
      <c r="O2562" s="53">
        <v>0</v>
      </c>
      <c r="P2562" s="53">
        <v>0</v>
      </c>
      <c r="Q2562" s="53">
        <v>0</v>
      </c>
      <c r="R2562" s="53">
        <v>0</v>
      </c>
      <c r="S2562" s="53">
        <v>0</v>
      </c>
      <c r="T2562" s="53">
        <v>0</v>
      </c>
      <c r="U2562" s="53">
        <v>0</v>
      </c>
      <c r="V2562" s="53">
        <v>0</v>
      </c>
      <c r="W2562" s="53">
        <v>0</v>
      </c>
      <c r="X2562" s="53">
        <v>0</v>
      </c>
      <c r="Y2562" s="53">
        <v>0</v>
      </c>
      <c r="Z2562" s="53">
        <v>0</v>
      </c>
      <c r="AA2562" s="53">
        <v>0</v>
      </c>
      <c r="AB2562" s="53">
        <v>0</v>
      </c>
      <c r="AC2562" s="53">
        <v>0</v>
      </c>
      <c r="AD2562" s="53">
        <v>0</v>
      </c>
      <c r="AE2562" s="53">
        <v>0</v>
      </c>
      <c r="AF2562" s="53">
        <v>0</v>
      </c>
      <c r="AG2562" s="53">
        <v>0</v>
      </c>
      <c r="AH2562" s="53">
        <v>0</v>
      </c>
      <c r="AI2562" s="53">
        <v>0</v>
      </c>
      <c r="AJ2562" s="53">
        <v>0</v>
      </c>
      <c r="AK2562" s="53">
        <v>0</v>
      </c>
      <c r="AL2562" s="53">
        <v>0</v>
      </c>
      <c r="AM2562" s="53">
        <v>0</v>
      </c>
      <c r="AN2562" s="53">
        <v>0</v>
      </c>
      <c r="AO2562" s="53">
        <v>0</v>
      </c>
      <c r="AP2562" s="53">
        <v>0</v>
      </c>
      <c r="AQ2562" s="53">
        <v>0</v>
      </c>
      <c r="AR2562" s="53">
        <v>0</v>
      </c>
      <c r="AS2562" s="53">
        <v>0</v>
      </c>
      <c r="AT2562" s="53">
        <v>0</v>
      </c>
      <c r="AU2562" s="53">
        <v>0</v>
      </c>
      <c r="AV2562" s="53">
        <v>0</v>
      </c>
      <c r="AW2562" s="53">
        <v>0</v>
      </c>
      <c r="AX2562" s="53">
        <v>0</v>
      </c>
      <c r="AY2562" s="53">
        <v>0</v>
      </c>
      <c r="AZ2562" s="53">
        <v>0</v>
      </c>
      <c r="BA2562" s="53">
        <v>0</v>
      </c>
      <c r="BB2562" s="53">
        <v>0</v>
      </c>
      <c r="BC2562" s="53">
        <v>0</v>
      </c>
      <c r="BD2562" s="53">
        <v>0</v>
      </c>
      <c r="BE2562" s="53">
        <v>0</v>
      </c>
      <c r="BF2562" s="53">
        <v>0</v>
      </c>
      <c r="BG2562" s="53">
        <v>0</v>
      </c>
      <c r="BH2562" s="53">
        <v>0</v>
      </c>
      <c r="BI2562" s="53">
        <v>0</v>
      </c>
      <c r="BJ2562" s="53">
        <v>0</v>
      </c>
      <c r="BK2562" s="53">
        <v>0</v>
      </c>
      <c r="BL2562" s="53">
        <v>0</v>
      </c>
      <c r="BM2562" s="53">
        <v>0</v>
      </c>
      <c r="BN2562" s="53">
        <v>0</v>
      </c>
      <c r="BO2562" s="53">
        <v>0</v>
      </c>
      <c r="BP2562" s="53">
        <v>0</v>
      </c>
      <c r="BQ2562" s="53">
        <v>0</v>
      </c>
      <c r="BR2562" s="53">
        <v>0</v>
      </c>
      <c r="BS2562" s="53">
        <v>0</v>
      </c>
      <c r="BT2562" s="53">
        <v>0</v>
      </c>
      <c r="BU2562" s="53">
        <v>0</v>
      </c>
      <c r="BV2562" s="53">
        <v>0</v>
      </c>
      <c r="BW2562" s="53">
        <v>0</v>
      </c>
      <c r="BX2562" s="53">
        <v>0</v>
      </c>
      <c r="BY2562" s="53">
        <v>0</v>
      </c>
      <c r="BZ2562" s="53">
        <v>0</v>
      </c>
      <c r="CA2562" s="53">
        <v>0</v>
      </c>
      <c r="CB2562" s="53"/>
      <c r="CC2562" s="53"/>
      <c r="CD2562" s="53"/>
      <c r="CE2562" s="53"/>
      <c r="CF2562" s="53"/>
      <c r="CG2562" s="53"/>
      <c r="CH2562" s="53"/>
      <c r="CI2562" s="53"/>
      <c r="CJ2562" s="53"/>
      <c r="CK2562" s="53"/>
      <c r="CL2562" s="53"/>
      <c r="CM2562" s="53"/>
      <c r="CN2562" s="53"/>
    </row>
    <row r="2563" spans="1:92" outlineLevel="1">
      <c r="A2563" s="52" t="s">
        <v>1218</v>
      </c>
      <c r="B2563" s="53">
        <v>14229943.1</v>
      </c>
      <c r="C2563" s="53">
        <v>14279336.73</v>
      </c>
      <c r="D2563" s="53">
        <v>14538405.74</v>
      </c>
      <c r="E2563" s="53">
        <v>14538405.74</v>
      </c>
      <c r="F2563" s="53">
        <v>14538405.74</v>
      </c>
      <c r="G2563" s="53">
        <v>15402497.57</v>
      </c>
      <c r="H2563" s="53">
        <v>15401121.560000001</v>
      </c>
      <c r="I2563" s="53">
        <v>15985027.869999999</v>
      </c>
      <c r="J2563" s="53">
        <v>17018558.850000001</v>
      </c>
      <c r="K2563" s="53">
        <v>17808084.760000002</v>
      </c>
      <c r="L2563" s="53">
        <v>18554106.960000001</v>
      </c>
      <c r="M2563" s="53">
        <v>19778136.440000001</v>
      </c>
      <c r="N2563" s="53">
        <v>14229943.1</v>
      </c>
      <c r="O2563" s="53">
        <v>21358587.039999999</v>
      </c>
      <c r="P2563" s="53">
        <v>21412492.839269999</v>
      </c>
      <c r="Q2563" s="53">
        <v>21466398.63854</v>
      </c>
      <c r="R2563" s="53">
        <v>21520304.43781</v>
      </c>
      <c r="S2563" s="53">
        <v>21574210.23708</v>
      </c>
      <c r="T2563" s="53">
        <v>21628116.0363499</v>
      </c>
      <c r="U2563" s="53">
        <v>21682021.8356199</v>
      </c>
      <c r="V2563" s="53">
        <v>21735927.634889901</v>
      </c>
      <c r="W2563" s="53">
        <v>21789833.434159901</v>
      </c>
      <c r="X2563" s="53">
        <v>21843739.233429998</v>
      </c>
      <c r="Y2563" s="53">
        <v>21897645.032699998</v>
      </c>
      <c r="Z2563" s="53">
        <v>21951550.831969999</v>
      </c>
      <c r="AA2563" s="53">
        <v>21358587.039999999</v>
      </c>
      <c r="AB2563" s="53">
        <v>22005456.631239999</v>
      </c>
      <c r="AC2563" s="53">
        <v>22059362.430509999</v>
      </c>
      <c r="AD2563" s="53">
        <v>22113268.22978</v>
      </c>
      <c r="AE2563" s="53">
        <v>22167174.02905</v>
      </c>
      <c r="AF2563" s="53">
        <v>22221079.8283199</v>
      </c>
      <c r="AG2563" s="53">
        <v>16574985.6275899</v>
      </c>
      <c r="AH2563" s="53">
        <v>16574985.6275899</v>
      </c>
      <c r="AI2563" s="53">
        <v>16574985.6275899</v>
      </c>
      <c r="AJ2563" s="53">
        <v>16574985.6275899</v>
      </c>
      <c r="AK2563" s="53">
        <v>16574985.6275899</v>
      </c>
      <c r="AL2563" s="53">
        <v>16574985.6275899</v>
      </c>
      <c r="AM2563" s="53">
        <v>16574985.6275899</v>
      </c>
      <c r="AN2563" s="53">
        <v>22005456.631239999</v>
      </c>
      <c r="AO2563" s="53">
        <v>16574985.6275899</v>
      </c>
      <c r="AP2563" s="53">
        <v>16574985.6275899</v>
      </c>
      <c r="AQ2563" s="53">
        <v>16574985.6275899</v>
      </c>
      <c r="AR2563" s="53">
        <v>16574985.6275899</v>
      </c>
      <c r="AS2563" s="53">
        <v>16574985.6275899</v>
      </c>
      <c r="AT2563" s="53">
        <v>16574985.6275899</v>
      </c>
      <c r="AU2563" s="53">
        <v>16574985.6275899</v>
      </c>
      <c r="AV2563" s="53">
        <v>16574985.6275899</v>
      </c>
      <c r="AW2563" s="53">
        <v>16574985.6275899</v>
      </c>
      <c r="AX2563" s="53">
        <v>16574985.6275899</v>
      </c>
      <c r="AY2563" s="53">
        <v>16574985.6275899</v>
      </c>
      <c r="AZ2563" s="53">
        <v>16574985.6275899</v>
      </c>
      <c r="BA2563" s="53">
        <v>16574985.6275899</v>
      </c>
      <c r="BB2563" s="53">
        <v>16574985.6275899</v>
      </c>
      <c r="BC2563" s="53">
        <v>16574985.6275899</v>
      </c>
      <c r="BD2563" s="53">
        <v>16574985.6275899</v>
      </c>
      <c r="BE2563" s="53">
        <v>16574985.6275899</v>
      </c>
      <c r="BF2563" s="53">
        <v>16574985.6275899</v>
      </c>
      <c r="BG2563" s="53">
        <v>16574985.6275899</v>
      </c>
      <c r="BH2563" s="53">
        <v>16574985.6275899</v>
      </c>
      <c r="BI2563" s="53">
        <v>16574985.6275899</v>
      </c>
      <c r="BJ2563" s="53">
        <v>16574985.6275899</v>
      </c>
      <c r="BK2563" s="53">
        <v>16574985.6275899</v>
      </c>
      <c r="BL2563" s="53">
        <v>16574985.6275899</v>
      </c>
      <c r="BM2563" s="53">
        <v>16574985.6275899</v>
      </c>
      <c r="BN2563" s="53">
        <v>16574985.6275899</v>
      </c>
      <c r="BO2563" s="53">
        <v>16574985.6275899</v>
      </c>
      <c r="BP2563" s="53">
        <v>16574985.6275899</v>
      </c>
      <c r="BQ2563" s="53">
        <v>16574985.6275899</v>
      </c>
      <c r="BR2563" s="53">
        <v>16574985.6275899</v>
      </c>
      <c r="BS2563" s="53">
        <v>16574985.6275899</v>
      </c>
      <c r="BT2563" s="53">
        <v>16574985.6275899</v>
      </c>
      <c r="BU2563" s="53">
        <v>16574985.6275899</v>
      </c>
      <c r="BV2563" s="53">
        <v>16574985.6275899</v>
      </c>
      <c r="BW2563" s="53">
        <v>16574985.6275899</v>
      </c>
      <c r="BX2563" s="53">
        <v>16574985.6275899</v>
      </c>
      <c r="BY2563" s="53">
        <v>16574985.6275899</v>
      </c>
      <c r="BZ2563" s="53">
        <v>16574985.6275899</v>
      </c>
      <c r="CA2563" s="53">
        <v>16574985.6275899</v>
      </c>
      <c r="CB2563" s="53"/>
      <c r="CC2563" s="53"/>
      <c r="CD2563" s="53"/>
      <c r="CE2563" s="53"/>
      <c r="CF2563" s="53"/>
      <c r="CG2563" s="53"/>
      <c r="CH2563" s="53"/>
      <c r="CI2563" s="53"/>
      <c r="CJ2563" s="53"/>
      <c r="CK2563" s="53"/>
      <c r="CL2563" s="53"/>
      <c r="CM2563" s="53"/>
      <c r="CN2563" s="53"/>
    </row>
    <row r="2564" spans="1:92" outlineLevel="1">
      <c r="A2564" s="52" t="s">
        <v>699</v>
      </c>
      <c r="B2564" s="53"/>
      <c r="C2564" s="53"/>
      <c r="D2564" s="53"/>
      <c r="E2564" s="53"/>
      <c r="F2564" s="53"/>
      <c r="G2564" s="53"/>
      <c r="H2564" s="53"/>
      <c r="I2564" s="53"/>
      <c r="J2564" s="53"/>
      <c r="K2564" s="53"/>
      <c r="L2564" s="53"/>
      <c r="M2564" s="53"/>
      <c r="N2564" s="53"/>
      <c r="O2564" s="53"/>
      <c r="P2564" s="53"/>
      <c r="Q2564" s="53"/>
      <c r="R2564" s="53"/>
      <c r="S2564" s="53"/>
      <c r="T2564" s="53"/>
      <c r="U2564" s="53"/>
      <c r="V2564" s="53"/>
      <c r="W2564" s="53"/>
      <c r="X2564" s="53"/>
      <c r="Y2564" s="53"/>
      <c r="Z2564" s="53"/>
      <c r="AA2564" s="53"/>
      <c r="AB2564" s="53"/>
      <c r="AC2564" s="53"/>
      <c r="AD2564" s="53"/>
      <c r="AE2564" s="53"/>
      <c r="AF2564" s="53"/>
      <c r="AG2564" s="53"/>
      <c r="AH2564" s="53"/>
      <c r="AI2564" s="53"/>
      <c r="AJ2564" s="53"/>
      <c r="AK2564" s="53"/>
      <c r="AL2564" s="53"/>
      <c r="AM2564" s="53"/>
      <c r="AN2564" s="53"/>
      <c r="AO2564" s="53"/>
      <c r="AP2564" s="53"/>
      <c r="AQ2564" s="53"/>
      <c r="AR2564" s="53"/>
      <c r="AS2564" s="53"/>
      <c r="AT2564" s="53"/>
      <c r="AU2564" s="53"/>
      <c r="AV2564" s="53"/>
      <c r="AW2564" s="53"/>
      <c r="AX2564" s="53"/>
      <c r="AY2564" s="53"/>
      <c r="AZ2564" s="53"/>
      <c r="BA2564" s="53"/>
      <c r="BB2564" s="53"/>
      <c r="BC2564" s="53"/>
      <c r="BD2564" s="53"/>
      <c r="BE2564" s="53"/>
      <c r="BF2564" s="53"/>
      <c r="BG2564" s="53"/>
      <c r="BH2564" s="53"/>
      <c r="BI2564" s="53"/>
      <c r="BJ2564" s="53"/>
      <c r="BK2564" s="53"/>
      <c r="BL2564" s="53"/>
      <c r="BM2564" s="53"/>
      <c r="BN2564" s="53"/>
      <c r="BO2564" s="53"/>
      <c r="BP2564" s="53"/>
      <c r="BQ2564" s="53"/>
      <c r="BR2564" s="53"/>
      <c r="BS2564" s="53"/>
      <c r="BT2564" s="53"/>
      <c r="BU2564" s="53"/>
      <c r="BV2564" s="53"/>
      <c r="BW2564" s="53"/>
      <c r="BX2564" s="53"/>
      <c r="BY2564" s="53"/>
      <c r="BZ2564" s="53"/>
      <c r="CA2564" s="53"/>
      <c r="CB2564" s="53"/>
      <c r="CC2564" s="53"/>
      <c r="CD2564" s="53"/>
      <c r="CE2564" s="53"/>
      <c r="CF2564" s="53"/>
      <c r="CG2564" s="53"/>
      <c r="CH2564" s="53"/>
      <c r="CI2564" s="53"/>
      <c r="CJ2564" s="53"/>
      <c r="CK2564" s="53"/>
      <c r="CL2564" s="53"/>
      <c r="CM2564" s="53"/>
      <c r="CN2564" s="53"/>
    </row>
    <row r="2565" spans="1:92" outlineLevel="1">
      <c r="A2565" s="52" t="s">
        <v>650</v>
      </c>
      <c r="B2565" s="53"/>
      <c r="C2565" s="53"/>
      <c r="D2565" s="53"/>
      <c r="E2565" s="53"/>
      <c r="F2565" s="53"/>
      <c r="G2565" s="53"/>
      <c r="H2565" s="53"/>
      <c r="I2565" s="53"/>
      <c r="J2565" s="53"/>
      <c r="K2565" s="53"/>
      <c r="L2565" s="53"/>
      <c r="M2565" s="53"/>
      <c r="N2565" s="53"/>
      <c r="O2565" s="53"/>
      <c r="P2565" s="53"/>
      <c r="Q2565" s="53"/>
      <c r="R2565" s="53"/>
      <c r="S2565" s="53"/>
      <c r="T2565" s="53"/>
      <c r="U2565" s="53"/>
      <c r="V2565" s="53"/>
      <c r="W2565" s="53"/>
      <c r="X2565" s="53"/>
      <c r="Y2565" s="53"/>
      <c r="Z2565" s="53"/>
      <c r="AA2565" s="53"/>
      <c r="AB2565" s="53"/>
      <c r="AC2565" s="53"/>
      <c r="AD2565" s="53"/>
      <c r="AE2565" s="53"/>
      <c r="AF2565" s="53"/>
      <c r="AG2565" s="53"/>
      <c r="AH2565" s="53"/>
      <c r="AI2565" s="53"/>
      <c r="AJ2565" s="53"/>
      <c r="AK2565" s="53"/>
      <c r="AL2565" s="53"/>
      <c r="AM2565" s="53"/>
      <c r="AN2565" s="53"/>
      <c r="AO2565" s="53"/>
      <c r="AP2565" s="53"/>
      <c r="AQ2565" s="53"/>
      <c r="AR2565" s="53"/>
      <c r="AS2565" s="53"/>
      <c r="AT2565" s="53"/>
      <c r="AU2565" s="53"/>
      <c r="AV2565" s="53"/>
      <c r="AW2565" s="53"/>
      <c r="AX2565" s="53"/>
      <c r="AY2565" s="53"/>
      <c r="AZ2565" s="53"/>
      <c r="BA2565" s="53"/>
      <c r="BB2565" s="53"/>
      <c r="BC2565" s="53"/>
      <c r="BD2565" s="53"/>
      <c r="BE2565" s="53"/>
      <c r="BF2565" s="53"/>
      <c r="BG2565" s="53"/>
      <c r="BH2565" s="53"/>
      <c r="BI2565" s="53"/>
      <c r="BJ2565" s="53"/>
      <c r="BK2565" s="53"/>
      <c r="BL2565" s="53"/>
      <c r="BM2565" s="53"/>
      <c r="BN2565" s="53"/>
      <c r="BO2565" s="53"/>
      <c r="BP2565" s="53"/>
      <c r="BQ2565" s="53"/>
      <c r="BR2565" s="53"/>
      <c r="BS2565" s="53"/>
      <c r="BT2565" s="53"/>
      <c r="BU2565" s="53"/>
      <c r="BV2565" s="53"/>
      <c r="BW2565" s="53"/>
      <c r="BX2565" s="53"/>
      <c r="BY2565" s="53"/>
      <c r="BZ2565" s="53"/>
      <c r="CA2565" s="53"/>
      <c r="CB2565" s="53"/>
      <c r="CC2565" s="53"/>
      <c r="CD2565" s="53"/>
      <c r="CE2565" s="53"/>
      <c r="CF2565" s="53"/>
      <c r="CG2565" s="53"/>
      <c r="CH2565" s="53"/>
      <c r="CI2565" s="53"/>
      <c r="CJ2565" s="53"/>
      <c r="CK2565" s="53"/>
      <c r="CL2565" s="53"/>
      <c r="CM2565" s="53"/>
      <c r="CN2565" s="53"/>
    </row>
    <row r="2566" spans="1:92" outlineLevel="1">
      <c r="A2566" s="52" t="s">
        <v>1652</v>
      </c>
      <c r="B2566" s="53"/>
      <c r="C2566" s="53"/>
      <c r="D2566" s="53"/>
      <c r="E2566" s="53"/>
      <c r="F2566" s="53"/>
      <c r="G2566" s="53"/>
      <c r="H2566" s="53"/>
      <c r="I2566" s="53"/>
      <c r="J2566" s="53"/>
      <c r="K2566" s="53"/>
      <c r="L2566" s="53"/>
      <c r="M2566" s="53"/>
      <c r="N2566" s="53"/>
      <c r="O2566" s="53"/>
      <c r="P2566" s="53"/>
      <c r="Q2566" s="53"/>
      <c r="R2566" s="53"/>
      <c r="S2566" s="53"/>
      <c r="T2566" s="53"/>
      <c r="U2566" s="53"/>
      <c r="V2566" s="53"/>
      <c r="W2566" s="53"/>
      <c r="X2566" s="53"/>
      <c r="Y2566" s="53"/>
      <c r="Z2566" s="53"/>
      <c r="AA2566" s="53"/>
      <c r="AB2566" s="53"/>
      <c r="AC2566" s="53"/>
      <c r="AD2566" s="53"/>
      <c r="AE2566" s="53"/>
      <c r="AF2566" s="53"/>
      <c r="AG2566" s="53"/>
      <c r="AH2566" s="53"/>
      <c r="AI2566" s="53"/>
      <c r="AJ2566" s="53"/>
      <c r="AK2566" s="53"/>
      <c r="AL2566" s="53"/>
      <c r="AM2566" s="53"/>
      <c r="AN2566" s="53"/>
      <c r="AO2566" s="53"/>
      <c r="AP2566" s="53"/>
      <c r="AQ2566" s="53"/>
      <c r="AR2566" s="53"/>
      <c r="AS2566" s="53"/>
      <c r="AT2566" s="53"/>
      <c r="AU2566" s="53"/>
      <c r="AV2566" s="53"/>
      <c r="AW2566" s="53"/>
      <c r="AX2566" s="53"/>
      <c r="AY2566" s="53"/>
      <c r="AZ2566" s="53"/>
      <c r="BA2566" s="53"/>
      <c r="BB2566" s="53"/>
      <c r="BC2566" s="53"/>
      <c r="BD2566" s="53"/>
      <c r="BE2566" s="53"/>
      <c r="BF2566" s="53"/>
      <c r="BG2566" s="53"/>
      <c r="BH2566" s="53"/>
      <c r="BI2566" s="53"/>
      <c r="BJ2566" s="53"/>
      <c r="BK2566" s="53"/>
      <c r="BL2566" s="53"/>
      <c r="BM2566" s="53"/>
      <c r="BN2566" s="53"/>
      <c r="BO2566" s="53"/>
      <c r="BP2566" s="53"/>
      <c r="BQ2566" s="53"/>
      <c r="BR2566" s="53"/>
      <c r="BS2566" s="53"/>
      <c r="BT2566" s="53"/>
      <c r="BU2566" s="53"/>
      <c r="BV2566" s="53"/>
      <c r="BW2566" s="53"/>
      <c r="BX2566" s="53"/>
      <c r="BY2566" s="53"/>
      <c r="BZ2566" s="53"/>
      <c r="CA2566" s="53"/>
      <c r="CB2566" s="53"/>
      <c r="CC2566" s="53"/>
      <c r="CD2566" s="53"/>
      <c r="CE2566" s="53"/>
      <c r="CF2566" s="53"/>
      <c r="CG2566" s="53"/>
      <c r="CH2566" s="53"/>
      <c r="CI2566" s="53"/>
      <c r="CJ2566" s="53"/>
      <c r="CK2566" s="53"/>
      <c r="CL2566" s="53"/>
      <c r="CM2566" s="53"/>
      <c r="CN2566" s="53"/>
    </row>
    <row r="2567" spans="1:92" outlineLevel="1">
      <c r="A2567" s="52" t="s">
        <v>649</v>
      </c>
      <c r="B2567" s="53"/>
      <c r="C2567" s="53"/>
      <c r="D2567" s="53"/>
      <c r="E2567" s="53"/>
      <c r="F2567" s="53"/>
      <c r="G2567" s="53"/>
      <c r="H2567" s="53"/>
      <c r="I2567" s="53"/>
      <c r="J2567" s="53"/>
      <c r="K2567" s="53"/>
      <c r="L2567" s="53"/>
      <c r="M2567" s="53"/>
      <c r="N2567" s="53"/>
      <c r="O2567" s="53"/>
      <c r="P2567" s="53"/>
      <c r="Q2567" s="53"/>
      <c r="R2567" s="53"/>
      <c r="S2567" s="53"/>
      <c r="T2567" s="53"/>
      <c r="U2567" s="53"/>
      <c r="V2567" s="53"/>
      <c r="W2567" s="53"/>
      <c r="X2567" s="53"/>
      <c r="Y2567" s="53"/>
      <c r="Z2567" s="53"/>
      <c r="AA2567" s="53"/>
      <c r="AB2567" s="53"/>
      <c r="AC2567" s="53"/>
      <c r="AD2567" s="53"/>
      <c r="AE2567" s="53"/>
      <c r="AF2567" s="53">
        <v>-5700000</v>
      </c>
      <c r="AG2567" s="53"/>
      <c r="AH2567" s="53"/>
      <c r="AI2567" s="53"/>
      <c r="AJ2567" s="53"/>
      <c r="AK2567" s="53"/>
      <c r="AL2567" s="53"/>
      <c r="AM2567" s="53"/>
      <c r="AN2567" s="53">
        <v>-5700000</v>
      </c>
      <c r="AO2567" s="53"/>
      <c r="AP2567" s="53"/>
      <c r="AQ2567" s="53"/>
      <c r="AR2567" s="53"/>
      <c r="AS2567" s="53"/>
      <c r="AT2567" s="53"/>
      <c r="AU2567" s="53"/>
      <c r="AV2567" s="53"/>
      <c r="AW2567" s="53"/>
      <c r="AX2567" s="53"/>
      <c r="AY2567" s="53"/>
      <c r="AZ2567" s="53"/>
      <c r="BA2567" s="53"/>
      <c r="BB2567" s="53"/>
      <c r="BC2567" s="53"/>
      <c r="BD2567" s="53"/>
      <c r="BE2567" s="53"/>
      <c r="BF2567" s="53"/>
      <c r="BG2567" s="53"/>
      <c r="BH2567" s="53"/>
      <c r="BI2567" s="53"/>
      <c r="BJ2567" s="53"/>
      <c r="BK2567" s="53"/>
      <c r="BL2567" s="53"/>
      <c r="BM2567" s="53"/>
      <c r="BN2567" s="53"/>
      <c r="BO2567" s="53"/>
      <c r="BP2567" s="53"/>
      <c r="BQ2567" s="53"/>
      <c r="BR2567" s="53"/>
      <c r="BS2567" s="53"/>
      <c r="BT2567" s="53"/>
      <c r="BU2567" s="53"/>
      <c r="BV2567" s="53"/>
      <c r="BW2567" s="53"/>
      <c r="BX2567" s="53"/>
      <c r="BY2567" s="53"/>
      <c r="BZ2567" s="53"/>
      <c r="CA2567" s="53"/>
      <c r="CB2567" s="53"/>
      <c r="CC2567" s="53"/>
      <c r="CD2567" s="53"/>
      <c r="CE2567" s="53"/>
      <c r="CF2567" s="53"/>
      <c r="CG2567" s="53"/>
      <c r="CH2567" s="53"/>
      <c r="CI2567" s="53"/>
      <c r="CJ2567" s="53"/>
      <c r="CK2567" s="53"/>
      <c r="CL2567" s="53">
        <v>-1000000</v>
      </c>
      <c r="CM2567" s="53"/>
      <c r="CN2567" s="53">
        <v>-1000000</v>
      </c>
    </row>
    <row r="2568" spans="1:92" outlineLevel="1">
      <c r="A2568" s="52" t="s">
        <v>672</v>
      </c>
      <c r="B2568" s="53"/>
      <c r="C2568" s="53"/>
      <c r="D2568" s="53"/>
      <c r="E2568" s="53"/>
      <c r="F2568" s="53"/>
      <c r="G2568" s="53"/>
      <c r="H2568" s="53"/>
      <c r="I2568" s="53"/>
      <c r="J2568" s="53"/>
      <c r="K2568" s="53"/>
      <c r="L2568" s="53"/>
      <c r="M2568" s="53"/>
      <c r="N2568" s="53"/>
      <c r="O2568" s="53"/>
      <c r="P2568" s="53"/>
      <c r="Q2568" s="53"/>
      <c r="R2568" s="53"/>
      <c r="S2568" s="53"/>
      <c r="T2568" s="53"/>
      <c r="U2568" s="53"/>
      <c r="V2568" s="53"/>
      <c r="W2568" s="53"/>
      <c r="X2568" s="53"/>
      <c r="Y2568" s="53"/>
      <c r="Z2568" s="53"/>
      <c r="AA2568" s="53"/>
      <c r="AB2568" s="53"/>
      <c r="AC2568" s="53"/>
      <c r="AD2568" s="53"/>
      <c r="AE2568" s="53"/>
      <c r="AF2568" s="53"/>
      <c r="AG2568" s="53"/>
      <c r="AH2568" s="53"/>
      <c r="AI2568" s="53"/>
      <c r="AJ2568" s="53"/>
      <c r="AK2568" s="53"/>
      <c r="AL2568" s="53"/>
      <c r="AM2568" s="53"/>
      <c r="AN2568" s="53"/>
      <c r="AO2568" s="53"/>
      <c r="AP2568" s="53"/>
      <c r="AQ2568" s="53"/>
      <c r="AR2568" s="53"/>
      <c r="AS2568" s="53"/>
      <c r="AT2568" s="53"/>
      <c r="AU2568" s="53"/>
      <c r="AV2568" s="53"/>
      <c r="AW2568" s="53"/>
      <c r="AX2568" s="53"/>
      <c r="AY2568" s="53"/>
      <c r="AZ2568" s="53"/>
      <c r="BA2568" s="53"/>
      <c r="BB2568" s="53"/>
      <c r="BC2568" s="53"/>
      <c r="BD2568" s="53"/>
      <c r="BE2568" s="53"/>
      <c r="BF2568" s="53"/>
      <c r="BG2568" s="53"/>
      <c r="BH2568" s="53"/>
      <c r="BI2568" s="53"/>
      <c r="BJ2568" s="53"/>
      <c r="BK2568" s="53"/>
      <c r="BL2568" s="53"/>
      <c r="BM2568" s="53"/>
      <c r="BN2568" s="53"/>
      <c r="BO2568" s="53"/>
      <c r="BP2568" s="53"/>
      <c r="BQ2568" s="53"/>
      <c r="BR2568" s="53"/>
      <c r="BS2568" s="53"/>
      <c r="BT2568" s="53"/>
      <c r="BU2568" s="53"/>
      <c r="BV2568" s="53"/>
      <c r="BW2568" s="53"/>
      <c r="BX2568" s="53"/>
      <c r="BY2568" s="53"/>
      <c r="BZ2568" s="53"/>
      <c r="CA2568" s="53"/>
      <c r="CB2568" s="53"/>
      <c r="CC2568" s="53"/>
      <c r="CD2568" s="53"/>
      <c r="CE2568" s="53"/>
      <c r="CF2568" s="53"/>
      <c r="CG2568" s="53"/>
      <c r="CH2568" s="53"/>
      <c r="CI2568" s="53"/>
      <c r="CJ2568" s="53"/>
      <c r="CK2568" s="53"/>
      <c r="CL2568" s="53"/>
      <c r="CM2568" s="53"/>
      <c r="CN2568" s="53"/>
    </row>
    <row r="2569" spans="1:92" outlineLevel="1">
      <c r="A2569" s="52" t="s">
        <v>650</v>
      </c>
      <c r="B2569" s="53"/>
      <c r="C2569" s="53"/>
      <c r="D2569" s="53"/>
      <c r="E2569" s="53"/>
      <c r="F2569" s="53"/>
      <c r="G2569" s="53"/>
      <c r="H2569" s="53"/>
      <c r="I2569" s="53"/>
      <c r="J2569" s="53"/>
      <c r="K2569" s="53"/>
      <c r="L2569" s="53"/>
      <c r="M2569" s="53"/>
      <c r="N2569" s="53"/>
      <c r="O2569" s="53"/>
      <c r="P2569" s="53"/>
      <c r="Q2569" s="53"/>
      <c r="R2569" s="53"/>
      <c r="S2569" s="53"/>
      <c r="T2569" s="53"/>
      <c r="U2569" s="53"/>
      <c r="V2569" s="53"/>
      <c r="W2569" s="53"/>
      <c r="X2569" s="53"/>
      <c r="Y2569" s="53"/>
      <c r="Z2569" s="53"/>
      <c r="AA2569" s="53"/>
      <c r="AB2569" s="53"/>
      <c r="AC2569" s="53"/>
      <c r="AD2569" s="53"/>
      <c r="AE2569" s="53"/>
      <c r="AF2569" s="53"/>
      <c r="AG2569" s="53"/>
      <c r="AH2569" s="53"/>
      <c r="AI2569" s="53"/>
      <c r="AJ2569" s="53"/>
      <c r="AK2569" s="53"/>
      <c r="AL2569" s="53"/>
      <c r="AM2569" s="53"/>
      <c r="AN2569" s="53"/>
      <c r="AO2569" s="53"/>
      <c r="AP2569" s="53"/>
      <c r="AQ2569" s="53"/>
      <c r="AR2569" s="53"/>
      <c r="AS2569" s="53"/>
      <c r="AT2569" s="53"/>
      <c r="AU2569" s="53"/>
      <c r="AV2569" s="53"/>
      <c r="AW2569" s="53"/>
      <c r="AX2569" s="53"/>
      <c r="AY2569" s="53"/>
      <c r="AZ2569" s="53"/>
      <c r="BA2569" s="53"/>
      <c r="BB2569" s="53"/>
      <c r="BC2569" s="53"/>
      <c r="BD2569" s="53"/>
      <c r="BE2569" s="53"/>
      <c r="BF2569" s="53"/>
      <c r="BG2569" s="53"/>
      <c r="BH2569" s="53"/>
      <c r="BI2569" s="53"/>
      <c r="BJ2569" s="53"/>
      <c r="BK2569" s="53"/>
      <c r="BL2569" s="53"/>
      <c r="BM2569" s="53"/>
      <c r="BN2569" s="53"/>
      <c r="BO2569" s="53"/>
      <c r="BP2569" s="53"/>
      <c r="BQ2569" s="53"/>
      <c r="BR2569" s="53"/>
      <c r="BS2569" s="53"/>
      <c r="BT2569" s="53"/>
      <c r="BU2569" s="53"/>
      <c r="BV2569" s="53"/>
      <c r="BW2569" s="53"/>
      <c r="BX2569" s="53"/>
      <c r="BY2569" s="53"/>
      <c r="BZ2569" s="53"/>
      <c r="CA2569" s="53"/>
      <c r="CB2569" s="53"/>
      <c r="CC2569" s="53"/>
      <c r="CD2569" s="53"/>
      <c r="CE2569" s="53"/>
      <c r="CF2569" s="53"/>
      <c r="CG2569" s="53"/>
      <c r="CH2569" s="53"/>
      <c r="CI2569" s="53"/>
      <c r="CJ2569" s="53"/>
      <c r="CK2569" s="53"/>
      <c r="CL2569" s="53"/>
      <c r="CM2569" s="53"/>
      <c r="CN2569" s="53"/>
    </row>
    <row r="2570" spans="1:92" outlineLevel="1">
      <c r="A2570" s="52" t="s">
        <v>1355</v>
      </c>
      <c r="B2570" s="53"/>
      <c r="C2570" s="53"/>
      <c r="D2570" s="53"/>
      <c r="E2570" s="53"/>
      <c r="F2570" s="53"/>
      <c r="G2570" s="53"/>
      <c r="H2570" s="53"/>
      <c r="I2570" s="53"/>
      <c r="J2570" s="53"/>
      <c r="K2570" s="53"/>
      <c r="L2570" s="53"/>
      <c r="M2570" s="53"/>
      <c r="N2570" s="53"/>
      <c r="O2570" s="53"/>
      <c r="P2570" s="53"/>
      <c r="Q2570" s="53"/>
      <c r="R2570" s="53"/>
      <c r="S2570" s="53"/>
      <c r="T2570" s="53"/>
      <c r="U2570" s="53"/>
      <c r="V2570" s="53"/>
      <c r="W2570" s="53"/>
      <c r="X2570" s="53"/>
      <c r="Y2570" s="53"/>
      <c r="Z2570" s="53"/>
      <c r="AA2570" s="53"/>
      <c r="AB2570" s="53"/>
      <c r="AC2570" s="53"/>
      <c r="AD2570" s="53"/>
      <c r="AE2570" s="53"/>
      <c r="AF2570" s="53"/>
      <c r="AG2570" s="53"/>
      <c r="AH2570" s="53"/>
      <c r="AI2570" s="53"/>
      <c r="AJ2570" s="53"/>
      <c r="AK2570" s="53"/>
      <c r="AL2570" s="53"/>
      <c r="AM2570" s="53"/>
      <c r="AN2570" s="53"/>
      <c r="AO2570" s="53"/>
      <c r="AP2570" s="53"/>
      <c r="AQ2570" s="53"/>
      <c r="AR2570" s="53"/>
      <c r="AS2570" s="53"/>
      <c r="AT2570" s="53"/>
      <c r="AU2570" s="53"/>
      <c r="AV2570" s="53"/>
      <c r="AW2570" s="53"/>
      <c r="AX2570" s="53"/>
      <c r="AY2570" s="53"/>
      <c r="AZ2570" s="53"/>
      <c r="BA2570" s="53"/>
      <c r="BB2570" s="53"/>
      <c r="BC2570" s="53"/>
      <c r="BD2570" s="53"/>
      <c r="BE2570" s="53"/>
      <c r="BF2570" s="53"/>
      <c r="BG2570" s="53"/>
      <c r="BH2570" s="53"/>
      <c r="BI2570" s="53"/>
      <c r="BJ2570" s="53"/>
      <c r="BK2570" s="53"/>
      <c r="BL2570" s="53"/>
      <c r="BM2570" s="53"/>
      <c r="BN2570" s="53"/>
      <c r="BO2570" s="53"/>
      <c r="BP2570" s="53"/>
      <c r="BQ2570" s="53"/>
      <c r="BR2570" s="53"/>
      <c r="BS2570" s="53"/>
      <c r="BT2570" s="53"/>
      <c r="BU2570" s="53"/>
      <c r="BV2570" s="53"/>
      <c r="BW2570" s="53"/>
      <c r="BX2570" s="53"/>
      <c r="BY2570" s="53"/>
      <c r="BZ2570" s="53"/>
      <c r="CA2570" s="53"/>
      <c r="CB2570" s="53">
        <v>-1427936.33333333</v>
      </c>
      <c r="CC2570" s="53">
        <v>-1427936.33333333</v>
      </c>
      <c r="CD2570" s="53">
        <v>-1427936.33333333</v>
      </c>
      <c r="CE2570" s="53">
        <v>-1427936.33333333</v>
      </c>
      <c r="CF2570" s="53">
        <v>-1427936.33333333</v>
      </c>
      <c r="CG2570" s="53">
        <v>-1427936.33333333</v>
      </c>
      <c r="CH2570" s="53">
        <v>-1427936.33333333</v>
      </c>
      <c r="CI2570" s="53">
        <v>-1427936.33333333</v>
      </c>
      <c r="CJ2570" s="53">
        <v>-1427936.33333333</v>
      </c>
      <c r="CK2570" s="53">
        <v>-1427936.33333333</v>
      </c>
      <c r="CL2570" s="53">
        <v>-1427936.33333333</v>
      </c>
      <c r="CM2570" s="53">
        <v>-1427936.33333333</v>
      </c>
      <c r="CN2570" s="53">
        <v>-17135236</v>
      </c>
    </row>
    <row r="2571" spans="1:92" outlineLevel="1">
      <c r="A2571" s="52" t="s">
        <v>649</v>
      </c>
      <c r="B2571" s="53">
        <v>53905.799270000003</v>
      </c>
      <c r="C2571" s="53">
        <v>53905.799270000003</v>
      </c>
      <c r="D2571" s="53">
        <v>53905.799270000003</v>
      </c>
      <c r="E2571" s="53">
        <v>53905.799270000003</v>
      </c>
      <c r="F2571" s="53">
        <v>53905.799270000003</v>
      </c>
      <c r="G2571" s="53">
        <v>53905.799270000003</v>
      </c>
      <c r="H2571" s="53">
        <v>53905.799270000003</v>
      </c>
      <c r="I2571" s="53">
        <v>53905.799270000003</v>
      </c>
      <c r="J2571" s="53">
        <v>53905.799270000003</v>
      </c>
      <c r="K2571" s="53">
        <v>53905.799270000003</v>
      </c>
      <c r="L2571" s="53">
        <v>53905.799270000003</v>
      </c>
      <c r="M2571" s="53">
        <v>53905.799270000003</v>
      </c>
      <c r="N2571" s="53">
        <v>646869.59123999998</v>
      </c>
      <c r="O2571" s="53">
        <v>53905.799270000003</v>
      </c>
      <c r="P2571" s="53">
        <v>53905.799270000003</v>
      </c>
      <c r="Q2571" s="53">
        <v>53905.799270000003</v>
      </c>
      <c r="R2571" s="53">
        <v>53905.799270000003</v>
      </c>
      <c r="S2571" s="53">
        <v>53905.799270000003</v>
      </c>
      <c r="T2571" s="53">
        <v>53905.799270000003</v>
      </c>
      <c r="U2571" s="53">
        <v>53905.799270000003</v>
      </c>
      <c r="V2571" s="53">
        <v>53905.799270000003</v>
      </c>
      <c r="W2571" s="53">
        <v>53905.799270000003</v>
      </c>
      <c r="X2571" s="53">
        <v>53905.799270000003</v>
      </c>
      <c r="Y2571" s="53">
        <v>53905.799270000003</v>
      </c>
      <c r="Z2571" s="53">
        <v>53905.799270000003</v>
      </c>
      <c r="AA2571" s="53">
        <v>646869.59123999998</v>
      </c>
      <c r="AB2571" s="53">
        <v>53905.799270000003</v>
      </c>
      <c r="AC2571" s="53">
        <v>53905.799270000003</v>
      </c>
      <c r="AD2571" s="53">
        <v>53905.799270000003</v>
      </c>
      <c r="AE2571" s="53">
        <v>53905.799270000003</v>
      </c>
      <c r="AF2571" s="53">
        <v>53905.799270000003</v>
      </c>
      <c r="AG2571" s="53"/>
      <c r="AH2571" s="53"/>
      <c r="AI2571" s="53"/>
      <c r="AJ2571" s="53"/>
      <c r="AK2571" s="53"/>
      <c r="AL2571" s="53"/>
      <c r="AM2571" s="53"/>
      <c r="AN2571" s="53">
        <v>269528.99634999997</v>
      </c>
      <c r="AO2571" s="53"/>
      <c r="AP2571" s="53"/>
      <c r="AQ2571" s="53"/>
      <c r="AR2571" s="53"/>
      <c r="AS2571" s="53"/>
      <c r="AT2571" s="53"/>
      <c r="AU2571" s="53"/>
      <c r="AV2571" s="53"/>
      <c r="AW2571" s="53"/>
      <c r="AX2571" s="53"/>
      <c r="AY2571" s="53"/>
      <c r="AZ2571" s="53"/>
      <c r="BA2571" s="53"/>
      <c r="BB2571" s="53"/>
      <c r="BC2571" s="53"/>
      <c r="BD2571" s="53"/>
      <c r="BE2571" s="53"/>
      <c r="BF2571" s="53"/>
      <c r="BG2571" s="53"/>
      <c r="BH2571" s="53"/>
      <c r="BI2571" s="53"/>
      <c r="BJ2571" s="53"/>
      <c r="BK2571" s="53"/>
      <c r="BL2571" s="53"/>
      <c r="BM2571" s="53"/>
      <c r="BN2571" s="53"/>
      <c r="BO2571" s="53"/>
      <c r="BP2571" s="53"/>
      <c r="BQ2571" s="53"/>
      <c r="BR2571" s="53"/>
      <c r="BS2571" s="53"/>
      <c r="BT2571" s="53"/>
      <c r="BU2571" s="53"/>
      <c r="BV2571" s="53"/>
      <c r="BW2571" s="53"/>
      <c r="BX2571" s="53"/>
      <c r="BY2571" s="53"/>
      <c r="BZ2571" s="53"/>
      <c r="CA2571" s="53"/>
      <c r="CB2571" s="53"/>
      <c r="CC2571" s="53"/>
      <c r="CD2571" s="53"/>
      <c r="CE2571" s="53"/>
      <c r="CF2571" s="53"/>
      <c r="CG2571" s="53"/>
      <c r="CH2571" s="53"/>
      <c r="CI2571" s="53"/>
      <c r="CJ2571" s="53"/>
      <c r="CK2571" s="53"/>
      <c r="CL2571" s="53"/>
      <c r="CM2571" s="53"/>
      <c r="CN2571" s="53"/>
    </row>
    <row r="2572" spans="1:92" outlineLevel="1">
      <c r="A2572" s="52" t="s">
        <v>1653</v>
      </c>
      <c r="B2572" s="53">
        <v>14279336.73</v>
      </c>
      <c r="C2572" s="53">
        <v>14538405.74</v>
      </c>
      <c r="D2572" s="53">
        <v>14538405.74</v>
      </c>
      <c r="E2572" s="53">
        <v>14538405.74</v>
      </c>
      <c r="F2572" s="53">
        <v>15402497.57</v>
      </c>
      <c r="G2572" s="53">
        <v>15401121.560000001</v>
      </c>
      <c r="H2572" s="53">
        <v>15985027.869999999</v>
      </c>
      <c r="I2572" s="53">
        <v>17018558.850000001</v>
      </c>
      <c r="J2572" s="53">
        <v>17808084.760000002</v>
      </c>
      <c r="K2572" s="53">
        <v>18554106.960000001</v>
      </c>
      <c r="L2572" s="53">
        <v>19778136.440000001</v>
      </c>
      <c r="M2572" s="53">
        <v>21358587.039999999</v>
      </c>
      <c r="N2572" s="53">
        <v>21358587.039999999</v>
      </c>
      <c r="O2572" s="53">
        <v>21412492.839269999</v>
      </c>
      <c r="P2572" s="53">
        <v>21466398.63854</v>
      </c>
      <c r="Q2572" s="53">
        <v>21520304.43781</v>
      </c>
      <c r="R2572" s="53">
        <v>21574210.23708</v>
      </c>
      <c r="S2572" s="53">
        <v>21628116.0363499</v>
      </c>
      <c r="T2572" s="53">
        <v>21682021.8356199</v>
      </c>
      <c r="U2572" s="53">
        <v>21735927.634889901</v>
      </c>
      <c r="V2572" s="53">
        <v>21789833.434159901</v>
      </c>
      <c r="W2572" s="53">
        <v>21843739.233429998</v>
      </c>
      <c r="X2572" s="53">
        <v>21897645.032699998</v>
      </c>
      <c r="Y2572" s="53">
        <v>21951550.831969999</v>
      </c>
      <c r="Z2572" s="53">
        <v>22005456.631239999</v>
      </c>
      <c r="AA2572" s="53">
        <v>22005456.631239999</v>
      </c>
      <c r="AB2572" s="53">
        <v>22059362.430509999</v>
      </c>
      <c r="AC2572" s="53">
        <v>22113268.22978</v>
      </c>
      <c r="AD2572" s="53">
        <v>22167174.02905</v>
      </c>
      <c r="AE2572" s="53">
        <v>22221079.8283199</v>
      </c>
      <c r="AF2572" s="53">
        <v>16574985.6275899</v>
      </c>
      <c r="AG2572" s="53">
        <v>16574985.6275899</v>
      </c>
      <c r="AH2572" s="53">
        <v>16574985.6275899</v>
      </c>
      <c r="AI2572" s="53">
        <v>16574985.6275899</v>
      </c>
      <c r="AJ2572" s="53">
        <v>16574985.6275899</v>
      </c>
      <c r="AK2572" s="53">
        <v>16574985.6275899</v>
      </c>
      <c r="AL2572" s="53">
        <v>16574985.6275899</v>
      </c>
      <c r="AM2572" s="53">
        <v>16574985.6275899</v>
      </c>
      <c r="AN2572" s="53">
        <v>16574985.6275899</v>
      </c>
      <c r="AO2572" s="53">
        <v>16574985.6275899</v>
      </c>
      <c r="AP2572" s="53">
        <v>16574985.6275899</v>
      </c>
      <c r="AQ2572" s="53">
        <v>16574985.6275899</v>
      </c>
      <c r="AR2572" s="53">
        <v>16574985.6275899</v>
      </c>
      <c r="AS2572" s="53">
        <v>16574985.6275899</v>
      </c>
      <c r="AT2572" s="53">
        <v>16574985.6275899</v>
      </c>
      <c r="AU2572" s="53">
        <v>16574985.6275899</v>
      </c>
      <c r="AV2572" s="53">
        <v>16574985.6275899</v>
      </c>
      <c r="AW2572" s="53">
        <v>16574985.6275899</v>
      </c>
      <c r="AX2572" s="53">
        <v>16574985.6275899</v>
      </c>
      <c r="AY2572" s="53">
        <v>16574985.6275899</v>
      </c>
      <c r="AZ2572" s="53">
        <v>16574985.6275899</v>
      </c>
      <c r="BA2572" s="53">
        <v>16574985.6275899</v>
      </c>
      <c r="BB2572" s="53">
        <v>16574985.6275899</v>
      </c>
      <c r="BC2572" s="53">
        <v>16574985.6275899</v>
      </c>
      <c r="BD2572" s="53">
        <v>16574985.6275899</v>
      </c>
      <c r="BE2572" s="53">
        <v>16574985.6275899</v>
      </c>
      <c r="BF2572" s="53">
        <v>16574985.6275899</v>
      </c>
      <c r="BG2572" s="53">
        <v>16574985.6275899</v>
      </c>
      <c r="BH2572" s="53">
        <v>16574985.6275899</v>
      </c>
      <c r="BI2572" s="53">
        <v>16574985.6275899</v>
      </c>
      <c r="BJ2572" s="53">
        <v>16574985.6275899</v>
      </c>
      <c r="BK2572" s="53">
        <v>16574985.6275899</v>
      </c>
      <c r="BL2572" s="53">
        <v>16574985.6275899</v>
      </c>
      <c r="BM2572" s="53">
        <v>16574985.6275899</v>
      </c>
      <c r="BN2572" s="53">
        <v>16574985.6275899</v>
      </c>
      <c r="BO2572" s="53">
        <v>16574985.6275899</v>
      </c>
      <c r="BP2572" s="53">
        <v>16574985.6275899</v>
      </c>
      <c r="BQ2572" s="53">
        <v>16574985.6275899</v>
      </c>
      <c r="BR2572" s="53">
        <v>16574985.6275899</v>
      </c>
      <c r="BS2572" s="53">
        <v>16574985.6275899</v>
      </c>
      <c r="BT2572" s="53">
        <v>16574985.6275899</v>
      </c>
      <c r="BU2572" s="53">
        <v>16574985.6275899</v>
      </c>
      <c r="BV2572" s="53">
        <v>16574985.6275899</v>
      </c>
      <c r="BW2572" s="53">
        <v>16574985.6275899</v>
      </c>
      <c r="BX2572" s="53">
        <v>16574985.6275899</v>
      </c>
      <c r="BY2572" s="53">
        <v>16574985.6275899</v>
      </c>
      <c r="BZ2572" s="53">
        <v>16574985.6275899</v>
      </c>
      <c r="CA2572" s="53">
        <v>16574985.6275899</v>
      </c>
      <c r="CB2572" s="53"/>
      <c r="CC2572" s="53"/>
      <c r="CD2572" s="53"/>
      <c r="CE2572" s="53"/>
      <c r="CF2572" s="53"/>
      <c r="CG2572" s="53"/>
      <c r="CH2572" s="53"/>
      <c r="CI2572" s="53"/>
      <c r="CJ2572" s="53"/>
      <c r="CK2572" s="53"/>
      <c r="CL2572" s="53"/>
      <c r="CM2572" s="53"/>
      <c r="CN2572" s="53"/>
    </row>
    <row r="2573" spans="1:92" outlineLevel="1">
      <c r="A2573" s="52" t="s">
        <v>1654</v>
      </c>
      <c r="B2573" s="53">
        <v>1200000000</v>
      </c>
      <c r="C2573" s="53">
        <v>1200000000</v>
      </c>
      <c r="D2573" s="53">
        <v>1200000000</v>
      </c>
      <c r="E2573" s="53">
        <v>1200000000</v>
      </c>
      <c r="F2573" s="53">
        <v>1200000000</v>
      </c>
      <c r="G2573" s="53">
        <v>1200000000</v>
      </c>
      <c r="H2573" s="53">
        <v>1200000000</v>
      </c>
      <c r="I2573" s="53">
        <v>1200000000</v>
      </c>
      <c r="J2573" s="53">
        <v>1200000000</v>
      </c>
      <c r="K2573" s="53">
        <v>1200000000</v>
      </c>
      <c r="L2573" s="53">
        <v>1200000000</v>
      </c>
      <c r="M2573" s="53">
        <v>1200000000</v>
      </c>
      <c r="N2573" s="53">
        <v>1200000000</v>
      </c>
      <c r="O2573" s="53">
        <v>1200000000</v>
      </c>
      <c r="P2573" s="53">
        <v>1200000000</v>
      </c>
      <c r="Q2573" s="53">
        <v>1200000000</v>
      </c>
      <c r="R2573" s="53">
        <v>1200000000</v>
      </c>
      <c r="S2573" s="53">
        <v>1200000000</v>
      </c>
      <c r="T2573" s="53">
        <v>1200000000</v>
      </c>
      <c r="U2573" s="53">
        <v>1200000000</v>
      </c>
      <c r="V2573" s="53">
        <v>1200000000</v>
      </c>
      <c r="W2573" s="53">
        <v>1200000000</v>
      </c>
      <c r="X2573" s="53">
        <v>1200000000</v>
      </c>
      <c r="Y2573" s="53">
        <v>1200000000</v>
      </c>
      <c r="Z2573" s="53">
        <v>1200000000</v>
      </c>
      <c r="AA2573" s="53">
        <v>1200000000</v>
      </c>
      <c r="AB2573" s="53">
        <v>1200000000</v>
      </c>
      <c r="AC2573" s="53">
        <v>1200000000</v>
      </c>
      <c r="AD2573" s="53">
        <v>1200000000</v>
      </c>
      <c r="AE2573" s="53">
        <v>1200000000</v>
      </c>
      <c r="AF2573" s="53">
        <v>1200000000</v>
      </c>
      <c r="AG2573" s="53">
        <v>1200000000</v>
      </c>
      <c r="AH2573" s="53">
        <v>1200000000</v>
      </c>
      <c r="AI2573" s="53">
        <v>1200000000</v>
      </c>
      <c r="AJ2573" s="53">
        <v>1200000000</v>
      </c>
      <c r="AK2573" s="53">
        <v>1200000000</v>
      </c>
      <c r="AL2573" s="53">
        <v>1200000000</v>
      </c>
      <c r="AM2573" s="53">
        <v>1200000000</v>
      </c>
      <c r="AN2573" s="53">
        <v>1200000000</v>
      </c>
      <c r="AO2573" s="53">
        <v>1200000000</v>
      </c>
      <c r="AP2573" s="53">
        <v>1200000000</v>
      </c>
      <c r="AQ2573" s="53">
        <v>1200000000</v>
      </c>
      <c r="AR2573" s="53">
        <v>1200000000</v>
      </c>
      <c r="AS2573" s="53">
        <v>1200000000</v>
      </c>
      <c r="AT2573" s="53">
        <v>1200000000</v>
      </c>
      <c r="AU2573" s="53">
        <v>1200000000</v>
      </c>
      <c r="AV2573" s="53">
        <v>1200000000</v>
      </c>
      <c r="AW2573" s="53">
        <v>1200000000</v>
      </c>
      <c r="AX2573" s="53">
        <v>1200000000</v>
      </c>
      <c r="AY2573" s="53">
        <v>1200000000</v>
      </c>
      <c r="AZ2573" s="53">
        <v>1200000000</v>
      </c>
      <c r="BA2573" s="53">
        <v>1200000000</v>
      </c>
      <c r="BB2573" s="53">
        <v>1200000000</v>
      </c>
      <c r="BC2573" s="53">
        <v>1200000000</v>
      </c>
      <c r="BD2573" s="53">
        <v>1200000000</v>
      </c>
      <c r="BE2573" s="53">
        <v>1200000000</v>
      </c>
      <c r="BF2573" s="53">
        <v>1200000000</v>
      </c>
      <c r="BG2573" s="53">
        <v>1200000000</v>
      </c>
      <c r="BH2573" s="53">
        <v>1200000000</v>
      </c>
      <c r="BI2573" s="53">
        <v>1200000000</v>
      </c>
      <c r="BJ2573" s="53">
        <v>1200000000</v>
      </c>
      <c r="BK2573" s="53">
        <v>1200000000</v>
      </c>
      <c r="BL2573" s="53">
        <v>1200000000</v>
      </c>
      <c r="BM2573" s="53">
        <v>1200000000</v>
      </c>
      <c r="BN2573" s="53">
        <v>1200000000</v>
      </c>
      <c r="BO2573" s="53">
        <v>1200000000</v>
      </c>
      <c r="BP2573" s="53">
        <v>1200000000</v>
      </c>
      <c r="BQ2573" s="53">
        <v>1200000000</v>
      </c>
      <c r="BR2573" s="53">
        <v>1200000000</v>
      </c>
      <c r="BS2573" s="53">
        <v>1200000000</v>
      </c>
      <c r="BT2573" s="53">
        <v>1200000000</v>
      </c>
      <c r="BU2573" s="53">
        <v>1200000000</v>
      </c>
      <c r="BV2573" s="53">
        <v>1200000000</v>
      </c>
      <c r="BW2573" s="53">
        <v>1200000000</v>
      </c>
      <c r="BX2573" s="53">
        <v>1200000000</v>
      </c>
      <c r="BY2573" s="53">
        <v>1200000000</v>
      </c>
      <c r="BZ2573" s="53">
        <v>1200000000</v>
      </c>
      <c r="CA2573" s="53">
        <v>1200000000</v>
      </c>
      <c r="CB2573" s="53"/>
      <c r="CC2573" s="53"/>
      <c r="CD2573" s="53"/>
      <c r="CE2573" s="53"/>
      <c r="CF2573" s="53"/>
      <c r="CG2573" s="53"/>
      <c r="CH2573" s="53"/>
      <c r="CI2573" s="53"/>
      <c r="CJ2573" s="53"/>
      <c r="CK2573" s="53"/>
      <c r="CL2573" s="53"/>
      <c r="CM2573" s="53"/>
      <c r="CN2573" s="53"/>
    </row>
    <row r="2574" spans="1:92" outlineLevel="1">
      <c r="A2574" s="52" t="s">
        <v>1655</v>
      </c>
      <c r="B2574" s="53">
        <v>0</v>
      </c>
      <c r="C2574" s="53">
        <v>0</v>
      </c>
      <c r="D2574" s="53">
        <v>0</v>
      </c>
      <c r="E2574" s="53">
        <v>0</v>
      </c>
      <c r="F2574" s="53">
        <v>0</v>
      </c>
      <c r="G2574" s="53">
        <v>0</v>
      </c>
      <c r="H2574" s="53">
        <v>0</v>
      </c>
      <c r="I2574" s="53">
        <v>0</v>
      </c>
      <c r="J2574" s="53">
        <v>0</v>
      </c>
      <c r="K2574" s="53">
        <v>0</v>
      </c>
      <c r="L2574" s="53">
        <v>0</v>
      </c>
      <c r="M2574" s="53">
        <v>0</v>
      </c>
      <c r="N2574" s="53">
        <v>0</v>
      </c>
      <c r="O2574" s="53">
        <v>0</v>
      </c>
      <c r="P2574" s="53">
        <v>0</v>
      </c>
      <c r="Q2574" s="53">
        <v>0</v>
      </c>
      <c r="R2574" s="53">
        <v>0</v>
      </c>
      <c r="S2574" s="53">
        <v>0</v>
      </c>
      <c r="T2574" s="53">
        <v>0</v>
      </c>
      <c r="U2574" s="53">
        <v>0</v>
      </c>
      <c r="V2574" s="53">
        <v>0</v>
      </c>
      <c r="W2574" s="53">
        <v>0</v>
      </c>
      <c r="X2574" s="53">
        <v>0</v>
      </c>
      <c r="Y2574" s="53">
        <v>0</v>
      </c>
      <c r="Z2574" s="53">
        <v>0</v>
      </c>
      <c r="AA2574" s="53">
        <v>0</v>
      </c>
      <c r="AB2574" s="53">
        <v>0</v>
      </c>
      <c r="AC2574" s="53">
        <v>0</v>
      </c>
      <c r="AD2574" s="53">
        <v>0</v>
      </c>
      <c r="AE2574" s="53">
        <v>0</v>
      </c>
      <c r="AF2574" s="53">
        <v>0</v>
      </c>
      <c r="AG2574" s="53">
        <v>0</v>
      </c>
      <c r="AH2574" s="53">
        <v>0</v>
      </c>
      <c r="AI2574" s="53">
        <v>0</v>
      </c>
      <c r="AJ2574" s="53">
        <v>0</v>
      </c>
      <c r="AK2574" s="53">
        <v>0</v>
      </c>
      <c r="AL2574" s="53">
        <v>0</v>
      </c>
      <c r="AM2574" s="53">
        <v>0</v>
      </c>
      <c r="AN2574" s="53">
        <v>0</v>
      </c>
      <c r="AO2574" s="53">
        <v>0</v>
      </c>
      <c r="AP2574" s="53">
        <v>0</v>
      </c>
      <c r="AQ2574" s="53">
        <v>0</v>
      </c>
      <c r="AR2574" s="53">
        <v>0</v>
      </c>
      <c r="AS2574" s="53">
        <v>0</v>
      </c>
      <c r="AT2574" s="53">
        <v>0</v>
      </c>
      <c r="AU2574" s="53">
        <v>0</v>
      </c>
      <c r="AV2574" s="53">
        <v>0</v>
      </c>
      <c r="AW2574" s="53">
        <v>0</v>
      </c>
      <c r="AX2574" s="53">
        <v>0</v>
      </c>
      <c r="AY2574" s="53">
        <v>0</v>
      </c>
      <c r="AZ2574" s="53">
        <v>0</v>
      </c>
      <c r="BA2574" s="53">
        <v>0</v>
      </c>
      <c r="BB2574" s="53">
        <v>0</v>
      </c>
      <c r="BC2574" s="53">
        <v>0</v>
      </c>
      <c r="BD2574" s="53">
        <v>0</v>
      </c>
      <c r="BE2574" s="53">
        <v>0</v>
      </c>
      <c r="BF2574" s="53">
        <v>0</v>
      </c>
      <c r="BG2574" s="53">
        <v>0</v>
      </c>
      <c r="BH2574" s="53">
        <v>0</v>
      </c>
      <c r="BI2574" s="53">
        <v>0</v>
      </c>
      <c r="BJ2574" s="53">
        <v>0</v>
      </c>
      <c r="BK2574" s="53">
        <v>0</v>
      </c>
      <c r="BL2574" s="53">
        <v>0</v>
      </c>
      <c r="BM2574" s="53">
        <v>0</v>
      </c>
      <c r="BN2574" s="53">
        <v>0</v>
      </c>
      <c r="BO2574" s="53">
        <v>0</v>
      </c>
      <c r="BP2574" s="53">
        <v>0</v>
      </c>
      <c r="BQ2574" s="53">
        <v>0</v>
      </c>
      <c r="BR2574" s="53">
        <v>0</v>
      </c>
      <c r="BS2574" s="53">
        <v>0</v>
      </c>
      <c r="BT2574" s="53">
        <v>0</v>
      </c>
      <c r="BU2574" s="53">
        <v>0</v>
      </c>
      <c r="BV2574" s="53">
        <v>0</v>
      </c>
      <c r="BW2574" s="53">
        <v>0</v>
      </c>
      <c r="BX2574" s="53">
        <v>0</v>
      </c>
      <c r="BY2574" s="53">
        <v>0</v>
      </c>
      <c r="BZ2574" s="53">
        <v>0</v>
      </c>
      <c r="CA2574" s="53">
        <v>0</v>
      </c>
      <c r="CB2574" s="53"/>
      <c r="CC2574" s="53"/>
      <c r="CD2574" s="53"/>
      <c r="CE2574" s="53"/>
      <c r="CF2574" s="53"/>
      <c r="CG2574" s="53"/>
      <c r="CH2574" s="53"/>
      <c r="CI2574" s="53"/>
      <c r="CJ2574" s="53"/>
      <c r="CK2574" s="53"/>
      <c r="CL2574" s="53"/>
      <c r="CM2574" s="53"/>
      <c r="CN2574" s="53"/>
    </row>
    <row r="2575" spans="1:92" outlineLevel="1">
      <c r="A2575" s="52" t="s">
        <v>1656</v>
      </c>
      <c r="B2575" s="53">
        <v>0</v>
      </c>
      <c r="C2575" s="53">
        <v>0</v>
      </c>
      <c r="D2575" s="53">
        <v>0</v>
      </c>
      <c r="E2575" s="53">
        <v>0</v>
      </c>
      <c r="F2575" s="53">
        <v>0</v>
      </c>
      <c r="G2575" s="53">
        <v>0</v>
      </c>
      <c r="H2575" s="53">
        <v>0</v>
      </c>
      <c r="I2575" s="53">
        <v>0</v>
      </c>
      <c r="J2575" s="53">
        <v>0</v>
      </c>
      <c r="K2575" s="53">
        <v>800000000</v>
      </c>
      <c r="L2575" s="53">
        <v>800000000</v>
      </c>
      <c r="M2575" s="53">
        <v>800000000</v>
      </c>
      <c r="N2575" s="53">
        <v>800000000</v>
      </c>
      <c r="O2575" s="53">
        <v>800000000</v>
      </c>
      <c r="P2575" s="53">
        <v>800000000</v>
      </c>
      <c r="Q2575" s="53">
        <v>800000000</v>
      </c>
      <c r="R2575" s="53">
        <v>800000000</v>
      </c>
      <c r="S2575" s="53">
        <v>800000000</v>
      </c>
      <c r="T2575" s="53">
        <v>800000000</v>
      </c>
      <c r="U2575" s="53">
        <v>800000000</v>
      </c>
      <c r="V2575" s="53">
        <v>800000000</v>
      </c>
      <c r="W2575" s="53">
        <v>800000000</v>
      </c>
      <c r="X2575" s="53">
        <v>800000000</v>
      </c>
      <c r="Y2575" s="53">
        <v>800000000</v>
      </c>
      <c r="Z2575" s="53">
        <v>800000000</v>
      </c>
      <c r="AA2575" s="53">
        <v>800000000</v>
      </c>
      <c r="AB2575" s="53">
        <v>800000000</v>
      </c>
      <c r="AC2575" s="53">
        <v>800000000</v>
      </c>
      <c r="AD2575" s="53">
        <v>800000000</v>
      </c>
      <c r="AE2575" s="53">
        <v>800000000</v>
      </c>
      <c r="AF2575" s="53">
        <v>800000000</v>
      </c>
      <c r="AG2575" s="53">
        <v>800000000</v>
      </c>
      <c r="AH2575" s="53">
        <v>800000000</v>
      </c>
      <c r="AI2575" s="53">
        <v>800000000</v>
      </c>
      <c r="AJ2575" s="53">
        <v>800000000</v>
      </c>
      <c r="AK2575" s="53">
        <v>800000000</v>
      </c>
      <c r="AL2575" s="53">
        <v>800000000</v>
      </c>
      <c r="AM2575" s="53">
        <v>800000000</v>
      </c>
      <c r="AN2575" s="53">
        <v>800000000</v>
      </c>
      <c r="AO2575" s="53">
        <v>800000000</v>
      </c>
      <c r="AP2575" s="53">
        <v>800000000</v>
      </c>
      <c r="AQ2575" s="53">
        <v>800000000</v>
      </c>
      <c r="AR2575" s="53">
        <v>800000000</v>
      </c>
      <c r="AS2575" s="53">
        <v>800000000</v>
      </c>
      <c r="AT2575" s="53">
        <v>800000000</v>
      </c>
      <c r="AU2575" s="53">
        <v>800000000</v>
      </c>
      <c r="AV2575" s="53">
        <v>800000000</v>
      </c>
      <c r="AW2575" s="53">
        <v>800000000</v>
      </c>
      <c r="AX2575" s="53">
        <v>800000000</v>
      </c>
      <c r="AY2575" s="53">
        <v>800000000</v>
      </c>
      <c r="AZ2575" s="53">
        <v>800000000</v>
      </c>
      <c r="BA2575" s="53">
        <v>800000000</v>
      </c>
      <c r="BB2575" s="53">
        <v>800000000</v>
      </c>
      <c r="BC2575" s="53">
        <v>800000000</v>
      </c>
      <c r="BD2575" s="53">
        <v>800000000</v>
      </c>
      <c r="BE2575" s="53">
        <v>800000000</v>
      </c>
      <c r="BF2575" s="53">
        <v>800000000</v>
      </c>
      <c r="BG2575" s="53">
        <v>800000000</v>
      </c>
      <c r="BH2575" s="53">
        <v>800000000</v>
      </c>
      <c r="BI2575" s="53">
        <v>800000000</v>
      </c>
      <c r="BJ2575" s="53">
        <v>800000000</v>
      </c>
      <c r="BK2575" s="53">
        <v>800000000</v>
      </c>
      <c r="BL2575" s="53">
        <v>800000000</v>
      </c>
      <c r="BM2575" s="53">
        <v>800000000</v>
      </c>
      <c r="BN2575" s="53">
        <v>800000000</v>
      </c>
      <c r="BO2575" s="53">
        <v>800000000</v>
      </c>
      <c r="BP2575" s="53">
        <v>800000000</v>
      </c>
      <c r="BQ2575" s="53">
        <v>800000000</v>
      </c>
      <c r="BR2575" s="53">
        <v>800000000</v>
      </c>
      <c r="BS2575" s="53">
        <v>800000000</v>
      </c>
      <c r="BT2575" s="53">
        <v>800000000</v>
      </c>
      <c r="BU2575" s="53">
        <v>800000000</v>
      </c>
      <c r="BV2575" s="53">
        <v>800000000</v>
      </c>
      <c r="BW2575" s="53">
        <v>800000000</v>
      </c>
      <c r="BX2575" s="53">
        <v>800000000</v>
      </c>
      <c r="BY2575" s="53">
        <v>800000000</v>
      </c>
      <c r="BZ2575" s="53">
        <v>800000000</v>
      </c>
      <c r="CA2575" s="53">
        <v>800000000</v>
      </c>
      <c r="CB2575" s="53"/>
      <c r="CC2575" s="53"/>
      <c r="CD2575" s="53"/>
      <c r="CE2575" s="53"/>
      <c r="CF2575" s="53"/>
      <c r="CG2575" s="53"/>
      <c r="CH2575" s="53"/>
      <c r="CI2575" s="53"/>
      <c r="CJ2575" s="53"/>
      <c r="CK2575" s="53"/>
      <c r="CL2575" s="53"/>
      <c r="CM2575" s="53"/>
      <c r="CN2575" s="53"/>
    </row>
    <row r="2576" spans="1:92" outlineLevel="1">
      <c r="A2576" s="52" t="s">
        <v>1657</v>
      </c>
      <c r="B2576" s="53">
        <v>150000000</v>
      </c>
      <c r="C2576" s="53">
        <v>150000000</v>
      </c>
      <c r="D2576" s="53">
        <v>150000000</v>
      </c>
      <c r="E2576" s="53">
        <v>150000000</v>
      </c>
      <c r="F2576" s="53">
        <v>150000000</v>
      </c>
      <c r="G2576" s="53">
        <v>150000000</v>
      </c>
      <c r="H2576" s="53">
        <v>150000000</v>
      </c>
      <c r="I2576" s="53">
        <v>150000000</v>
      </c>
      <c r="J2576" s="53">
        <v>150000000</v>
      </c>
      <c r="K2576" s="53">
        <v>150000000</v>
      </c>
      <c r="L2576" s="53">
        <v>150000000</v>
      </c>
      <c r="M2576" s="53">
        <v>150000000</v>
      </c>
      <c r="N2576" s="53">
        <v>150000000</v>
      </c>
      <c r="O2576" s="53">
        <v>150000000</v>
      </c>
      <c r="P2576" s="53">
        <v>150000000</v>
      </c>
      <c r="Q2576" s="53">
        <v>150000000</v>
      </c>
      <c r="R2576" s="53">
        <v>150000000</v>
      </c>
      <c r="S2576" s="53">
        <v>150000000</v>
      </c>
      <c r="T2576" s="53">
        <v>150000000</v>
      </c>
      <c r="U2576" s="53">
        <v>150000000</v>
      </c>
      <c r="V2576" s="53">
        <v>150000000</v>
      </c>
      <c r="W2576" s="53">
        <v>150000000</v>
      </c>
      <c r="X2576" s="53">
        <v>150000000</v>
      </c>
      <c r="Y2576" s="53">
        <v>150000000</v>
      </c>
      <c r="Z2576" s="53">
        <v>150000000</v>
      </c>
      <c r="AA2576" s="53">
        <v>150000000</v>
      </c>
      <c r="AB2576" s="53">
        <v>150000000</v>
      </c>
      <c r="AC2576" s="53">
        <v>150000000</v>
      </c>
      <c r="AD2576" s="53">
        <v>150000000</v>
      </c>
      <c r="AE2576" s="53">
        <v>150000000</v>
      </c>
      <c r="AF2576" s="53">
        <v>150000000</v>
      </c>
      <c r="AG2576" s="53">
        <v>150000000</v>
      </c>
      <c r="AH2576" s="53">
        <v>150000000</v>
      </c>
      <c r="AI2576" s="53">
        <v>150000000</v>
      </c>
      <c r="AJ2576" s="53">
        <v>150000000</v>
      </c>
      <c r="AK2576" s="53">
        <v>150000000</v>
      </c>
      <c r="AL2576" s="53">
        <v>150000000</v>
      </c>
      <c r="AM2576" s="53">
        <v>150000000</v>
      </c>
      <c r="AN2576" s="53">
        <v>150000000</v>
      </c>
      <c r="AO2576" s="53">
        <v>150000000</v>
      </c>
      <c r="AP2576" s="53">
        <v>150000000</v>
      </c>
      <c r="AQ2576" s="53">
        <v>150000000</v>
      </c>
      <c r="AR2576" s="53">
        <v>150000000</v>
      </c>
      <c r="AS2576" s="53">
        <v>150000000</v>
      </c>
      <c r="AT2576" s="53">
        <v>150000000</v>
      </c>
      <c r="AU2576" s="53">
        <v>150000000</v>
      </c>
      <c r="AV2576" s="53">
        <v>150000000</v>
      </c>
      <c r="AW2576" s="53">
        <v>150000000</v>
      </c>
      <c r="AX2576" s="53">
        <v>150000000</v>
      </c>
      <c r="AY2576" s="53">
        <v>150000000</v>
      </c>
      <c r="AZ2576" s="53">
        <v>150000000</v>
      </c>
      <c r="BA2576" s="53">
        <v>150000000</v>
      </c>
      <c r="BB2576" s="53">
        <v>150000000</v>
      </c>
      <c r="BC2576" s="53">
        <v>150000000</v>
      </c>
      <c r="BD2576" s="53">
        <v>150000000</v>
      </c>
      <c r="BE2576" s="53">
        <v>150000000</v>
      </c>
      <c r="BF2576" s="53">
        <v>150000000</v>
      </c>
      <c r="BG2576" s="53">
        <v>150000000</v>
      </c>
      <c r="BH2576" s="53">
        <v>150000000</v>
      </c>
      <c r="BI2576" s="53">
        <v>150000000</v>
      </c>
      <c r="BJ2576" s="53">
        <v>150000000</v>
      </c>
      <c r="BK2576" s="53">
        <v>150000000</v>
      </c>
      <c r="BL2576" s="53">
        <v>150000000</v>
      </c>
      <c r="BM2576" s="53">
        <v>150000000</v>
      </c>
      <c r="BN2576" s="53">
        <v>150000000</v>
      </c>
      <c r="BO2576" s="53">
        <v>150000000</v>
      </c>
      <c r="BP2576" s="53">
        <v>150000000</v>
      </c>
      <c r="BQ2576" s="53">
        <v>150000000</v>
      </c>
      <c r="BR2576" s="53">
        <v>150000000</v>
      </c>
      <c r="BS2576" s="53">
        <v>150000000</v>
      </c>
      <c r="BT2576" s="53">
        <v>150000000</v>
      </c>
      <c r="BU2576" s="53">
        <v>150000000</v>
      </c>
      <c r="BV2576" s="53">
        <v>150000000</v>
      </c>
      <c r="BW2576" s="53">
        <v>150000000</v>
      </c>
      <c r="BX2576" s="53">
        <v>150000000</v>
      </c>
      <c r="BY2576" s="53">
        <v>150000000</v>
      </c>
      <c r="BZ2576" s="53">
        <v>150000000</v>
      </c>
      <c r="CA2576" s="53">
        <v>150000000</v>
      </c>
      <c r="CB2576" s="53"/>
      <c r="CC2576" s="53"/>
      <c r="CD2576" s="53"/>
      <c r="CE2576" s="53"/>
      <c r="CF2576" s="53"/>
      <c r="CG2576" s="53"/>
      <c r="CH2576" s="53"/>
      <c r="CI2576" s="53"/>
      <c r="CJ2576" s="53"/>
      <c r="CK2576" s="53"/>
      <c r="CL2576" s="53"/>
      <c r="CM2576" s="53"/>
      <c r="CN2576" s="53"/>
    </row>
    <row r="2577" spans="1:92" outlineLevel="1">
      <c r="A2577" s="52" t="s">
        <v>1218</v>
      </c>
      <c r="B2577" s="53">
        <v>41039799.549999997</v>
      </c>
      <c r="C2577" s="53">
        <v>39523986.729999997</v>
      </c>
      <c r="D2577" s="53">
        <v>37997537.280000001</v>
      </c>
      <c r="E2577" s="53">
        <v>37021528.009999998</v>
      </c>
      <c r="F2577" s="53">
        <v>36080680.340000004</v>
      </c>
      <c r="G2577" s="53">
        <v>34588973.600000001</v>
      </c>
      <c r="H2577" s="53">
        <v>31118595.050000001</v>
      </c>
      <c r="I2577" s="53">
        <v>27623408.789999999</v>
      </c>
      <c r="J2577" s="53">
        <v>24103237.109999999</v>
      </c>
      <c r="K2577" s="53">
        <v>22623833</v>
      </c>
      <c r="L2577" s="53">
        <v>21580762.460000001</v>
      </c>
      <c r="M2577" s="53">
        <v>20530505.809999999</v>
      </c>
      <c r="N2577" s="53">
        <v>41039799.549999997</v>
      </c>
      <c r="O2577" s="53">
        <v>18869984.460000001</v>
      </c>
      <c r="P2577" s="53">
        <v>17208790.5645799</v>
      </c>
      <c r="Q2577" s="53">
        <v>15535932.6809537</v>
      </c>
      <c r="R2577" s="53">
        <v>14412480.3490048</v>
      </c>
      <c r="S2577" s="53">
        <v>13323147.5501353</v>
      </c>
      <c r="T2577" s="53">
        <v>12980475.2102728</v>
      </c>
      <c r="U2577" s="53">
        <v>12635715.429253301</v>
      </c>
      <c r="V2577" s="53">
        <v>12288855.491113899</v>
      </c>
      <c r="W2577" s="53">
        <v>11939882.6024305</v>
      </c>
      <c r="X2577" s="53">
        <v>11588783.891845901</v>
      </c>
      <c r="Y2577" s="53">
        <v>11235546.4095951</v>
      </c>
      <c r="Z2577" s="53">
        <v>10880157.127027901</v>
      </c>
      <c r="AA2577" s="53">
        <v>18869984.460000001</v>
      </c>
      <c r="AB2577" s="53">
        <v>10522602.9361278</v>
      </c>
      <c r="AC2577" s="53">
        <v>10162870.649029201</v>
      </c>
      <c r="AD2577" s="53">
        <v>9800946.9975305106</v>
      </c>
      <c r="AE2577" s="53">
        <v>9436818.6326049101</v>
      </c>
      <c r="AF2577" s="53">
        <v>9070472.1239081006</v>
      </c>
      <c r="AG2577" s="53">
        <v>8701893.9592828006</v>
      </c>
      <c r="AH2577" s="53">
        <v>8331070.5442604404</v>
      </c>
      <c r="AI2577" s="53">
        <v>7957988.2015597401</v>
      </c>
      <c r="AJ2577" s="53">
        <v>7582633.1705822302</v>
      </c>
      <c r="AK2577" s="53">
        <v>7204991.6069047404</v>
      </c>
      <c r="AL2577" s="53">
        <v>6825049.5817687204</v>
      </c>
      <c r="AM2577" s="53">
        <v>6442793.0815665498</v>
      </c>
      <c r="AN2577" s="53">
        <v>10522602.9361278</v>
      </c>
      <c r="AO2577" s="53">
        <v>6058208.0073246704</v>
      </c>
      <c r="AP2577" s="53">
        <v>5671280.1741835</v>
      </c>
      <c r="AQ2577" s="53">
        <v>5281995.3108743299</v>
      </c>
      <c r="AR2577" s="53">
        <v>4890339.0591928903</v>
      </c>
      <c r="AS2577" s="53">
        <v>4496296.9734698003</v>
      </c>
      <c r="AT2577" s="53">
        <v>4099854.52003774</v>
      </c>
      <c r="AU2577" s="53">
        <v>3700997.0766954399</v>
      </c>
      <c r="AV2577" s="53">
        <v>3299709.9321682998</v>
      </c>
      <c r="AW2577" s="53">
        <v>2895978.2855658499</v>
      </c>
      <c r="AX2577" s="53">
        <v>2489787.2458358002</v>
      </c>
      <c r="AY2577" s="53">
        <v>2081121.83121482</v>
      </c>
      <c r="AZ2577" s="53">
        <v>1669966.9686759601</v>
      </c>
      <c r="BA2577" s="53">
        <v>6058208.0073246704</v>
      </c>
      <c r="BB2577" s="53">
        <v>1256307.49337271</v>
      </c>
      <c r="BC2577" s="53">
        <v>840128.14807967097</v>
      </c>
      <c r="BD2577" s="53">
        <v>421413.58262978098</v>
      </c>
      <c r="BE2577" s="53">
        <v>148.35334820480699</v>
      </c>
      <c r="BF2577" s="53">
        <v>153.34657720687099</v>
      </c>
      <c r="BG2577" s="53">
        <v>153.34657720687099</v>
      </c>
      <c r="BH2577" s="53">
        <v>153.34657720687099</v>
      </c>
      <c r="BI2577" s="53">
        <v>153.34657720687099</v>
      </c>
      <c r="BJ2577" s="53">
        <v>153.34657720687099</v>
      </c>
      <c r="BK2577" s="53">
        <v>153.34657720687099</v>
      </c>
      <c r="BL2577" s="53">
        <v>153.34657720687099</v>
      </c>
      <c r="BM2577" s="53">
        <v>153.34657720687099</v>
      </c>
      <c r="BN2577" s="53">
        <v>1256307.49337271</v>
      </c>
      <c r="BO2577" s="53">
        <v>153.34657720687099</v>
      </c>
      <c r="BP2577" s="53">
        <v>153.34657720687099</v>
      </c>
      <c r="BQ2577" s="53">
        <v>153.34657720687099</v>
      </c>
      <c r="BR2577" s="53">
        <v>153.34657720687099</v>
      </c>
      <c r="BS2577" s="53">
        <v>153.34657720687099</v>
      </c>
      <c r="BT2577" s="53">
        <v>153.34657720687099</v>
      </c>
      <c r="BU2577" s="53">
        <v>153.34657720687099</v>
      </c>
      <c r="BV2577" s="53">
        <v>153.34657720687099</v>
      </c>
      <c r="BW2577" s="53">
        <v>153.34657720687099</v>
      </c>
      <c r="BX2577" s="53">
        <v>153.34657720687099</v>
      </c>
      <c r="BY2577" s="53">
        <v>153.34657720687099</v>
      </c>
      <c r="BZ2577" s="53">
        <v>153.34657720687099</v>
      </c>
      <c r="CA2577" s="53">
        <v>153.34657720687099</v>
      </c>
      <c r="CB2577" s="53">
        <v>8862311.0487578698</v>
      </c>
      <c r="CC2577" s="53">
        <v>9517177.7608454004</v>
      </c>
      <c r="CD2577" s="53">
        <v>10580143.5419979</v>
      </c>
      <c r="CE2577" s="53">
        <v>10608489.2905655</v>
      </c>
      <c r="CF2577" s="53">
        <v>9906548.2787426002</v>
      </c>
      <c r="CG2577" s="53">
        <v>9920691.9940579999</v>
      </c>
      <c r="CH2577" s="53">
        <v>9803136.0555846002</v>
      </c>
      <c r="CI2577" s="53">
        <v>9125686.0586299002</v>
      </c>
      <c r="CJ2577" s="53">
        <v>8651325.0956799705</v>
      </c>
      <c r="CK2577" s="53">
        <v>9384248.3921816796</v>
      </c>
      <c r="CL2577" s="53">
        <v>8944815.07152717</v>
      </c>
      <c r="CM2577" s="53">
        <v>8382254.2809268702</v>
      </c>
      <c r="CN2577" s="53">
        <v>113686826.869497</v>
      </c>
    </row>
    <row r="2578" spans="1:92" outlineLevel="1">
      <c r="A2578" s="52" t="s">
        <v>699</v>
      </c>
      <c r="B2578" s="53"/>
      <c r="C2578" s="53"/>
      <c r="D2578" s="53"/>
      <c r="E2578" s="53"/>
      <c r="F2578" s="53"/>
      <c r="G2578" s="53"/>
      <c r="H2578" s="53"/>
      <c r="I2578" s="53"/>
      <c r="J2578" s="53"/>
      <c r="K2578" s="53"/>
      <c r="L2578" s="53"/>
      <c r="M2578" s="53"/>
      <c r="N2578" s="53"/>
      <c r="O2578" s="53"/>
      <c r="P2578" s="53"/>
      <c r="Q2578" s="53"/>
      <c r="R2578" s="53"/>
      <c r="S2578" s="53"/>
      <c r="T2578" s="53"/>
      <c r="U2578" s="53"/>
      <c r="V2578" s="53"/>
      <c r="W2578" s="53"/>
      <c r="X2578" s="53"/>
      <c r="Y2578" s="53"/>
      <c r="Z2578" s="53"/>
      <c r="AA2578" s="53"/>
      <c r="AB2578" s="53"/>
      <c r="AC2578" s="53"/>
      <c r="AD2578" s="53"/>
      <c r="AE2578" s="53"/>
      <c r="AF2578" s="53"/>
      <c r="AG2578" s="53"/>
      <c r="AH2578" s="53"/>
      <c r="AI2578" s="53"/>
      <c r="AJ2578" s="53"/>
      <c r="AK2578" s="53"/>
      <c r="AL2578" s="53"/>
      <c r="AM2578" s="53"/>
      <c r="AN2578" s="53"/>
      <c r="AO2578" s="53"/>
      <c r="AP2578" s="53"/>
      <c r="AQ2578" s="53"/>
      <c r="AR2578" s="53"/>
      <c r="AS2578" s="53"/>
      <c r="AT2578" s="53"/>
      <c r="AU2578" s="53"/>
      <c r="AV2578" s="53"/>
      <c r="AW2578" s="53"/>
      <c r="AX2578" s="53"/>
      <c r="AY2578" s="53"/>
      <c r="AZ2578" s="53"/>
      <c r="BA2578" s="53"/>
      <c r="BB2578" s="53"/>
      <c r="BC2578" s="53"/>
      <c r="BD2578" s="53"/>
      <c r="BE2578" s="53"/>
      <c r="BF2578" s="53"/>
      <c r="BG2578" s="53"/>
      <c r="BH2578" s="53"/>
      <c r="BI2578" s="53"/>
      <c r="BJ2578" s="53"/>
      <c r="BK2578" s="53"/>
      <c r="BL2578" s="53"/>
      <c r="BM2578" s="53"/>
      <c r="BN2578" s="53"/>
      <c r="BO2578" s="53"/>
      <c r="BP2578" s="53"/>
      <c r="BQ2578" s="53"/>
      <c r="BR2578" s="53"/>
      <c r="BS2578" s="53"/>
      <c r="BT2578" s="53"/>
      <c r="BU2578" s="53"/>
      <c r="BV2578" s="53"/>
      <c r="BW2578" s="53"/>
      <c r="BX2578" s="53"/>
      <c r="BY2578" s="53"/>
      <c r="BZ2578" s="53"/>
      <c r="CA2578" s="53"/>
      <c r="CB2578" s="53"/>
      <c r="CC2578" s="53"/>
      <c r="CD2578" s="53"/>
      <c r="CE2578" s="53"/>
      <c r="CF2578" s="53"/>
      <c r="CG2578" s="53"/>
      <c r="CH2578" s="53"/>
      <c r="CI2578" s="53"/>
      <c r="CJ2578" s="53"/>
      <c r="CK2578" s="53"/>
      <c r="CL2578" s="53"/>
      <c r="CM2578" s="53"/>
      <c r="CN2578" s="53"/>
    </row>
    <row r="2579" spans="1:92" outlineLevel="1">
      <c r="A2579" s="52" t="s">
        <v>1376</v>
      </c>
      <c r="B2579" s="53"/>
      <c r="C2579" s="53"/>
      <c r="D2579" s="53"/>
      <c r="E2579" s="53"/>
      <c r="F2579" s="53"/>
      <c r="G2579" s="53"/>
      <c r="H2579" s="53"/>
      <c r="I2579" s="53"/>
      <c r="J2579" s="53"/>
      <c r="K2579" s="53"/>
      <c r="L2579" s="53"/>
      <c r="M2579" s="53"/>
      <c r="N2579" s="53"/>
      <c r="O2579" s="53"/>
      <c r="P2579" s="53"/>
      <c r="Q2579" s="53"/>
      <c r="R2579" s="53"/>
      <c r="S2579" s="53"/>
      <c r="T2579" s="53"/>
      <c r="U2579" s="53"/>
      <c r="V2579" s="53"/>
      <c r="W2579" s="53"/>
      <c r="X2579" s="53"/>
      <c r="Y2579" s="53"/>
      <c r="Z2579" s="53"/>
      <c r="AA2579" s="53"/>
      <c r="AB2579" s="53"/>
      <c r="AC2579" s="53"/>
      <c r="AD2579" s="53"/>
      <c r="AE2579" s="53"/>
      <c r="AF2579" s="53"/>
      <c r="AG2579" s="53"/>
      <c r="AH2579" s="53"/>
      <c r="AI2579" s="53"/>
      <c r="AJ2579" s="53"/>
      <c r="AK2579" s="53"/>
      <c r="AL2579" s="53"/>
      <c r="AM2579" s="53"/>
      <c r="AN2579" s="53"/>
      <c r="AO2579" s="53"/>
      <c r="AP2579" s="53"/>
      <c r="AQ2579" s="53"/>
      <c r="AR2579" s="53"/>
      <c r="AS2579" s="53"/>
      <c r="AT2579" s="53"/>
      <c r="AU2579" s="53"/>
      <c r="AV2579" s="53"/>
      <c r="AW2579" s="53"/>
      <c r="AX2579" s="53"/>
      <c r="AY2579" s="53"/>
      <c r="AZ2579" s="53"/>
      <c r="BA2579" s="53"/>
      <c r="BB2579" s="53"/>
      <c r="BC2579" s="53"/>
      <c r="BD2579" s="53"/>
      <c r="BE2579" s="53"/>
      <c r="BF2579" s="53"/>
      <c r="BG2579" s="53"/>
      <c r="BH2579" s="53"/>
      <c r="BI2579" s="53"/>
      <c r="BJ2579" s="53"/>
      <c r="BK2579" s="53"/>
      <c r="BL2579" s="53"/>
      <c r="BM2579" s="53"/>
      <c r="BN2579" s="53"/>
      <c r="BO2579" s="53"/>
      <c r="BP2579" s="53"/>
      <c r="BQ2579" s="53"/>
      <c r="BR2579" s="53"/>
      <c r="BS2579" s="53"/>
      <c r="BT2579" s="53"/>
      <c r="BU2579" s="53"/>
      <c r="BV2579" s="53"/>
      <c r="BW2579" s="53"/>
      <c r="BX2579" s="53"/>
      <c r="BY2579" s="53"/>
      <c r="BZ2579" s="53"/>
      <c r="CA2579" s="53"/>
      <c r="CB2579" s="53"/>
      <c r="CC2579" s="53"/>
      <c r="CD2579" s="53"/>
      <c r="CE2579" s="53"/>
      <c r="CF2579" s="53"/>
      <c r="CG2579" s="53"/>
      <c r="CH2579" s="53"/>
      <c r="CI2579" s="53"/>
      <c r="CJ2579" s="53"/>
      <c r="CK2579" s="53"/>
      <c r="CL2579" s="53"/>
      <c r="CM2579" s="53"/>
      <c r="CN2579" s="53"/>
    </row>
    <row r="2580" spans="1:92" outlineLevel="1">
      <c r="A2580" s="52" t="s">
        <v>1587</v>
      </c>
      <c r="B2580" s="53"/>
      <c r="C2580" s="53"/>
      <c r="D2580" s="53"/>
      <c r="E2580" s="53"/>
      <c r="F2580" s="53"/>
      <c r="G2580" s="53"/>
      <c r="H2580" s="53"/>
      <c r="I2580" s="53"/>
      <c r="J2580" s="53"/>
      <c r="K2580" s="53"/>
      <c r="L2580" s="53"/>
      <c r="M2580" s="53"/>
      <c r="N2580" s="53"/>
      <c r="O2580" s="53"/>
      <c r="P2580" s="53"/>
      <c r="Q2580" s="53"/>
      <c r="R2580" s="53"/>
      <c r="S2580" s="53"/>
      <c r="T2580" s="53"/>
      <c r="U2580" s="53"/>
      <c r="V2580" s="53"/>
      <c r="W2580" s="53"/>
      <c r="X2580" s="53"/>
      <c r="Y2580" s="53"/>
      <c r="Z2580" s="53"/>
      <c r="AA2580" s="53"/>
      <c r="AB2580" s="53"/>
      <c r="AC2580" s="53"/>
      <c r="AD2580" s="53"/>
      <c r="AE2580" s="53"/>
      <c r="AF2580" s="53"/>
      <c r="AG2580" s="53"/>
      <c r="AH2580" s="53"/>
      <c r="AI2580" s="53"/>
      <c r="AJ2580" s="53"/>
      <c r="AK2580" s="53"/>
      <c r="AL2580" s="53"/>
      <c r="AM2580" s="53"/>
      <c r="AN2580" s="53"/>
      <c r="AO2580" s="53"/>
      <c r="AP2580" s="53"/>
      <c r="AQ2580" s="53"/>
      <c r="AR2580" s="53"/>
      <c r="AS2580" s="53"/>
      <c r="AT2580" s="53"/>
      <c r="AU2580" s="53"/>
      <c r="AV2580" s="53"/>
      <c r="AW2580" s="53"/>
      <c r="AX2580" s="53"/>
      <c r="AY2580" s="53"/>
      <c r="AZ2580" s="53"/>
      <c r="BA2580" s="53"/>
      <c r="BB2580" s="53"/>
      <c r="BC2580" s="53"/>
      <c r="BD2580" s="53"/>
      <c r="BE2580" s="53"/>
      <c r="BF2580" s="53"/>
      <c r="BG2580" s="53"/>
      <c r="BH2580" s="53"/>
      <c r="BI2580" s="53"/>
      <c r="BJ2580" s="53"/>
      <c r="BK2580" s="53"/>
      <c r="BL2580" s="53"/>
      <c r="BM2580" s="53"/>
      <c r="BN2580" s="53"/>
      <c r="BO2580" s="53"/>
      <c r="BP2580" s="53"/>
      <c r="BQ2580" s="53"/>
      <c r="BR2580" s="53"/>
      <c r="BS2580" s="53"/>
      <c r="BT2580" s="53"/>
      <c r="BU2580" s="53"/>
      <c r="BV2580" s="53"/>
      <c r="BW2580" s="53"/>
      <c r="BX2580" s="53"/>
      <c r="BY2580" s="53"/>
      <c r="BZ2580" s="53"/>
      <c r="CA2580" s="53"/>
      <c r="CB2580" s="53"/>
      <c r="CC2580" s="53"/>
      <c r="CD2580" s="53"/>
      <c r="CE2580" s="53"/>
      <c r="CF2580" s="53"/>
      <c r="CG2580" s="53"/>
      <c r="CH2580" s="53"/>
      <c r="CI2580" s="53"/>
      <c r="CJ2580" s="53"/>
      <c r="CK2580" s="53"/>
      <c r="CL2580" s="53"/>
      <c r="CM2580" s="53"/>
      <c r="CN2580" s="53"/>
    </row>
    <row r="2581" spans="1:92" outlineLevel="1">
      <c r="A2581" s="52" t="s">
        <v>1378</v>
      </c>
      <c r="B2581" s="53">
        <v>-1204871.6006449901</v>
      </c>
      <c r="C2581" s="53">
        <v>-1213613.9481673399</v>
      </c>
      <c r="D2581" s="53">
        <v>-661267.92870625702</v>
      </c>
      <c r="E2581" s="53">
        <v>-624188.97858562798</v>
      </c>
      <c r="F2581" s="53">
        <v>-1173118.9897827399</v>
      </c>
      <c r="G2581" s="53">
        <v>-3149849.9456527801</v>
      </c>
      <c r="H2581" s="53">
        <v>-3172704.7318834402</v>
      </c>
      <c r="I2581" s="53">
        <v>-3195725.34863387</v>
      </c>
      <c r="J2581" s="53">
        <v>-1152980.9991426601</v>
      </c>
      <c r="K2581" s="53">
        <v>-714658.83710894606</v>
      </c>
      <c r="L2581" s="53">
        <v>-719844.28252120304</v>
      </c>
      <c r="M2581" s="53">
        <v>-1328096.1526611301</v>
      </c>
      <c r="N2581" s="53">
        <v>-18310921.743491001</v>
      </c>
      <c r="O2581" s="53">
        <v>-1326741.92699548</v>
      </c>
      <c r="P2581" s="53">
        <v>-1336368.5452941</v>
      </c>
      <c r="Q2581" s="53">
        <v>-784913.21273066802</v>
      </c>
      <c r="R2581" s="53">
        <v>-748731.412183373</v>
      </c>
      <c r="S2581" s="53">
        <v>3.8769374325073702</v>
      </c>
      <c r="T2581" s="53">
        <v>3.9050678443614002</v>
      </c>
      <c r="U2581" s="53">
        <v>3.93340236579545</v>
      </c>
      <c r="V2581" s="53">
        <v>3.9619424777946</v>
      </c>
      <c r="W2581" s="53">
        <v>3.9906896720897298</v>
      </c>
      <c r="X2581" s="53">
        <v>4.0196454512354602</v>
      </c>
      <c r="Y2581" s="53">
        <v>4.0488113286887204</v>
      </c>
      <c r="Z2581" s="53">
        <v>4.0781888288877903</v>
      </c>
      <c r="AA2581" s="53">
        <v>-4196723.2825182201</v>
      </c>
      <c r="AB2581" s="53">
        <v>4.1077794873320599</v>
      </c>
      <c r="AC2581" s="53">
        <v>4.1375848506622299</v>
      </c>
      <c r="AD2581" s="53">
        <v>4.1676064767411498</v>
      </c>
      <c r="AE2581" s="53">
        <v>4.1978459347353096</v>
      </c>
      <c r="AF2581" s="53">
        <v>4.2283048051967498</v>
      </c>
      <c r="AG2581" s="53">
        <v>4.2589846801457902</v>
      </c>
      <c r="AH2581" s="53">
        <v>4.28988716315415</v>
      </c>
      <c r="AI2581" s="53">
        <v>4.3210138694287998</v>
      </c>
      <c r="AJ2581" s="53">
        <v>4.3523664258963901</v>
      </c>
      <c r="AK2581" s="53">
        <v>4.3839464712882901</v>
      </c>
      <c r="AL2581" s="53">
        <v>4.4157556562262101</v>
      </c>
      <c r="AM2581" s="53">
        <v>4.4477956433085</v>
      </c>
      <c r="AN2581" s="53">
        <v>51.308871464115597</v>
      </c>
      <c r="AO2581" s="53">
        <v>4.48006810719707</v>
      </c>
      <c r="AP2581" s="53">
        <v>4.5125747347048701</v>
      </c>
      <c r="AQ2581" s="53">
        <v>4.5453172248840996</v>
      </c>
      <c r="AR2581" s="53">
        <v>4.57829728911498</v>
      </c>
      <c r="AS2581" s="53">
        <v>4.6115166511952497</v>
      </c>
      <c r="AT2581" s="53">
        <v>4.6449770474302099</v>
      </c>
      <c r="AU2581" s="53">
        <v>4.6786802267235101</v>
      </c>
      <c r="AV2581" s="53">
        <v>4.71262795066857</v>
      </c>
      <c r="AW2581" s="53">
        <v>4.7468219936406202</v>
      </c>
      <c r="AX2581" s="53">
        <v>4.7812641428894702</v>
      </c>
      <c r="AY2581" s="53">
        <v>4.81595619863291</v>
      </c>
      <c r="AZ2581" s="53">
        <v>4.8508999741508196</v>
      </c>
      <c r="BA2581" s="53">
        <v>55.959001541232396</v>
      </c>
      <c r="BB2581" s="53">
        <v>4.8860972958799103</v>
      </c>
      <c r="BC2581" s="53">
        <v>4.9215500035092301</v>
      </c>
      <c r="BD2581" s="53">
        <v>4.9572599500763399</v>
      </c>
      <c r="BE2581" s="53">
        <v>4.9932290020640604</v>
      </c>
      <c r="BF2581" s="53"/>
      <c r="BG2581" s="53"/>
      <c r="BH2581" s="53"/>
      <c r="BI2581" s="53"/>
      <c r="BJ2581" s="53"/>
      <c r="BK2581" s="53"/>
      <c r="BL2581" s="53"/>
      <c r="BM2581" s="53"/>
      <c r="BN2581" s="53">
        <v>19.7581362515295</v>
      </c>
      <c r="BO2581" s="53"/>
      <c r="BP2581" s="53"/>
      <c r="BQ2581" s="53"/>
      <c r="BR2581" s="53"/>
      <c r="BS2581" s="53"/>
      <c r="BT2581" s="53"/>
      <c r="BU2581" s="53"/>
      <c r="BV2581" s="53"/>
      <c r="BW2581" s="53"/>
      <c r="BX2581" s="53"/>
      <c r="BY2581" s="53"/>
      <c r="BZ2581" s="53"/>
      <c r="CA2581" s="53"/>
      <c r="CB2581" s="53"/>
      <c r="CC2581" s="53"/>
      <c r="CD2581" s="53"/>
      <c r="CE2581" s="53"/>
      <c r="CF2581" s="53"/>
      <c r="CG2581" s="53"/>
      <c r="CH2581" s="53"/>
      <c r="CI2581" s="53"/>
      <c r="CJ2581" s="53"/>
      <c r="CK2581" s="53"/>
      <c r="CL2581" s="53"/>
      <c r="CM2581" s="53"/>
      <c r="CN2581" s="53"/>
    </row>
    <row r="2582" spans="1:92" outlineLevel="1">
      <c r="A2582" s="52" t="s">
        <v>1379</v>
      </c>
      <c r="B2582" s="53">
        <v>-310944.68276122899</v>
      </c>
      <c r="C2582" s="53">
        <v>-312838.85412038199</v>
      </c>
      <c r="D2582" s="53">
        <v>-314744.56414006598</v>
      </c>
      <c r="E2582" s="53">
        <v>-316661.88310995197</v>
      </c>
      <c r="F2582" s="53">
        <v>-318590.88174789702</v>
      </c>
      <c r="G2582" s="53">
        <v>-320531.63120254403</v>
      </c>
      <c r="H2582" s="53">
        <v>-322484.20305595302</v>
      </c>
      <c r="I2582" s="53">
        <v>-324448.66932623601</v>
      </c>
      <c r="J2582" s="53">
        <v>-326425.10247021401</v>
      </c>
      <c r="K2582" s="53">
        <v>-328413.57538609498</v>
      </c>
      <c r="L2582" s="53">
        <v>-330414.16141615598</v>
      </c>
      <c r="M2582" s="53">
        <v>-332426.934349449</v>
      </c>
      <c r="N2582" s="53">
        <v>-3858925.1430861698</v>
      </c>
      <c r="O2582" s="53">
        <v>-334451.96842452802</v>
      </c>
      <c r="P2582" s="53">
        <v>-336489.33833217999</v>
      </c>
      <c r="Q2582" s="53">
        <v>-338539.119218187</v>
      </c>
      <c r="R2582" s="53">
        <v>-340601.38668609102</v>
      </c>
      <c r="S2582" s="53">
        <v>-342676.21679998701</v>
      </c>
      <c r="T2582" s="53">
        <v>-344763.68608732702</v>
      </c>
      <c r="U2582" s="53">
        <v>-346863.871541742</v>
      </c>
      <c r="V2582" s="53">
        <v>-348976.85062588402</v>
      </c>
      <c r="W2582" s="53">
        <v>-351102.70127428003</v>
      </c>
      <c r="X2582" s="53">
        <v>-353241.50189620903</v>
      </c>
      <c r="Y2582" s="53">
        <v>-355393.33137859299</v>
      </c>
      <c r="Z2582" s="53">
        <v>-357558.26908890699</v>
      </c>
      <c r="AA2582" s="53">
        <v>-4150658.24135391</v>
      </c>
      <c r="AB2582" s="53">
        <v>-359736.39487810701</v>
      </c>
      <c r="AC2582" s="53">
        <v>-361927.78908357298</v>
      </c>
      <c r="AD2582" s="53">
        <v>-364132.53253207402</v>
      </c>
      <c r="AE2582" s="53">
        <v>-366350.70654274803</v>
      </c>
      <c r="AF2582" s="53">
        <v>-368582.39293010399</v>
      </c>
      <c r="AG2582" s="53">
        <v>-370827.67400703701</v>
      </c>
      <c r="AH2582" s="53">
        <v>-373086.63258786203</v>
      </c>
      <c r="AI2582" s="53">
        <v>-375359.35199137701</v>
      </c>
      <c r="AJ2582" s="53">
        <v>-377645.91604392399</v>
      </c>
      <c r="AK2582" s="53">
        <v>-379946.40908249101</v>
      </c>
      <c r="AL2582" s="53">
        <v>-382260.91595781897</v>
      </c>
      <c r="AM2582" s="53">
        <v>-384589.52203752799</v>
      </c>
      <c r="AN2582" s="53">
        <v>-4464446.2376746396</v>
      </c>
      <c r="AO2582" s="53">
        <v>-386932.31320927298</v>
      </c>
      <c r="AP2582" s="53">
        <v>-389289.37588390597</v>
      </c>
      <c r="AQ2582" s="53">
        <v>-391660.79699866503</v>
      </c>
      <c r="AR2582" s="53">
        <v>-394046.66402038198</v>
      </c>
      <c r="AS2582" s="53">
        <v>-396447.06494870601</v>
      </c>
      <c r="AT2582" s="53">
        <v>-398862.08831935102</v>
      </c>
      <c r="AU2582" s="53">
        <v>-401291.82320736302</v>
      </c>
      <c r="AV2582" s="53">
        <v>-403736.3592304</v>
      </c>
      <c r="AW2582" s="53">
        <v>-406195.78655204503</v>
      </c>
      <c r="AX2582" s="53">
        <v>-408670.19588512398</v>
      </c>
      <c r="AY2582" s="53">
        <v>-411159.67849505699</v>
      </c>
      <c r="AZ2582" s="53">
        <v>-413664.32620322099</v>
      </c>
      <c r="BA2582" s="53">
        <v>-4801956.47295349</v>
      </c>
      <c r="BB2582" s="53">
        <v>-416184.23139034002</v>
      </c>
      <c r="BC2582" s="53">
        <v>-418719.48699989298</v>
      </c>
      <c r="BD2582" s="53">
        <v>-421270.186541526</v>
      </c>
      <c r="BE2582" s="53"/>
      <c r="BF2582" s="53"/>
      <c r="BG2582" s="53"/>
      <c r="BH2582" s="53"/>
      <c r="BI2582" s="53"/>
      <c r="BJ2582" s="53"/>
      <c r="BK2582" s="53"/>
      <c r="BL2582" s="53"/>
      <c r="BM2582" s="53"/>
      <c r="BN2582" s="53">
        <v>-1256173.9049317599</v>
      </c>
      <c r="BO2582" s="53"/>
      <c r="BP2582" s="53"/>
      <c r="BQ2582" s="53"/>
      <c r="BR2582" s="53"/>
      <c r="BS2582" s="53"/>
      <c r="BT2582" s="53"/>
      <c r="BU2582" s="53"/>
      <c r="BV2582" s="53"/>
      <c r="BW2582" s="53"/>
      <c r="BX2582" s="53"/>
      <c r="BY2582" s="53"/>
      <c r="BZ2582" s="53"/>
      <c r="CA2582" s="53"/>
      <c r="CB2582" s="53">
        <v>18749654.625050101</v>
      </c>
      <c r="CC2582" s="53">
        <v>18749654.625050101</v>
      </c>
      <c r="CD2582" s="53">
        <v>18749654.625050101</v>
      </c>
      <c r="CE2582" s="53">
        <v>18749654.625050101</v>
      </c>
      <c r="CF2582" s="53">
        <v>18749654.625050101</v>
      </c>
      <c r="CG2582" s="53">
        <v>18749654.625050101</v>
      </c>
      <c r="CH2582" s="53">
        <v>18749654.625050101</v>
      </c>
      <c r="CI2582" s="53">
        <v>18749654.625050101</v>
      </c>
      <c r="CJ2582" s="53">
        <v>18749654.625050101</v>
      </c>
      <c r="CK2582" s="53">
        <v>18749654.625050101</v>
      </c>
      <c r="CL2582" s="53">
        <v>18749654.625050101</v>
      </c>
      <c r="CM2582" s="53">
        <v>18749654.625050101</v>
      </c>
      <c r="CN2582" s="53">
        <v>224995855.50060201</v>
      </c>
    </row>
    <row r="2583" spans="1:92" outlineLevel="1">
      <c r="A2583" s="52" t="s">
        <v>1658</v>
      </c>
      <c r="B2583" s="53">
        <v>39523986.729999997</v>
      </c>
      <c r="C2583" s="53">
        <v>37997537.280000001</v>
      </c>
      <c r="D2583" s="53">
        <v>37021528.009999998</v>
      </c>
      <c r="E2583" s="53">
        <v>36080680.340000004</v>
      </c>
      <c r="F2583" s="53">
        <v>34588973.600000001</v>
      </c>
      <c r="G2583" s="53">
        <v>31118595.050000001</v>
      </c>
      <c r="H2583" s="53">
        <v>27623408.789999999</v>
      </c>
      <c r="I2583" s="53">
        <v>24103237.109999999</v>
      </c>
      <c r="J2583" s="53">
        <v>22623833</v>
      </c>
      <c r="K2583" s="53">
        <v>21580762.460000001</v>
      </c>
      <c r="L2583" s="53">
        <v>20530505.809999999</v>
      </c>
      <c r="M2583" s="53">
        <v>18869984.460000001</v>
      </c>
      <c r="N2583" s="53">
        <v>18869984.460000001</v>
      </c>
      <c r="O2583" s="53">
        <v>17208790.5645799</v>
      </c>
      <c r="P2583" s="53">
        <v>15535932.6809537</v>
      </c>
      <c r="Q2583" s="53">
        <v>14412480.3490048</v>
      </c>
      <c r="R2583" s="53">
        <v>13323147.5501353</v>
      </c>
      <c r="S2583" s="53">
        <v>12980475.2102728</v>
      </c>
      <c r="T2583" s="53">
        <v>12635715.429253301</v>
      </c>
      <c r="U2583" s="53">
        <v>12288855.491113899</v>
      </c>
      <c r="V2583" s="53">
        <v>11939882.6024305</v>
      </c>
      <c r="W2583" s="53">
        <v>11588783.891845901</v>
      </c>
      <c r="X2583" s="53">
        <v>11235546.4095951</v>
      </c>
      <c r="Y2583" s="53">
        <v>10880157.127027901</v>
      </c>
      <c r="Z2583" s="53">
        <v>10522602.9361278</v>
      </c>
      <c r="AA2583" s="53">
        <v>10522602.9361278</v>
      </c>
      <c r="AB2583" s="53">
        <v>10162870.649029201</v>
      </c>
      <c r="AC2583" s="53">
        <v>9800946.9975305106</v>
      </c>
      <c r="AD2583" s="53">
        <v>9436818.6326049101</v>
      </c>
      <c r="AE2583" s="53">
        <v>9070472.1239081006</v>
      </c>
      <c r="AF2583" s="53">
        <v>8701893.9592828006</v>
      </c>
      <c r="AG2583" s="53">
        <v>8331070.5442604404</v>
      </c>
      <c r="AH2583" s="53">
        <v>7957988.2015597401</v>
      </c>
      <c r="AI2583" s="53">
        <v>7582633.1705822302</v>
      </c>
      <c r="AJ2583" s="53">
        <v>7204991.6069047404</v>
      </c>
      <c r="AK2583" s="53">
        <v>6825049.5817687204</v>
      </c>
      <c r="AL2583" s="53">
        <v>6442793.0815665498</v>
      </c>
      <c r="AM2583" s="53">
        <v>6058208.0073246704</v>
      </c>
      <c r="AN2583" s="53">
        <v>6058208.0073246704</v>
      </c>
      <c r="AO2583" s="53">
        <v>5671280.1741835</v>
      </c>
      <c r="AP2583" s="53">
        <v>5281995.3108743299</v>
      </c>
      <c r="AQ2583" s="53">
        <v>4890339.0591928903</v>
      </c>
      <c r="AR2583" s="53">
        <v>4496296.9734698003</v>
      </c>
      <c r="AS2583" s="53">
        <v>4099854.52003774</v>
      </c>
      <c r="AT2583" s="53">
        <v>3700997.0766954399</v>
      </c>
      <c r="AU2583" s="53">
        <v>3299709.9321682998</v>
      </c>
      <c r="AV2583" s="53">
        <v>2895978.2855658499</v>
      </c>
      <c r="AW2583" s="53">
        <v>2489787.2458358002</v>
      </c>
      <c r="AX2583" s="53">
        <v>2081121.83121482</v>
      </c>
      <c r="AY2583" s="53">
        <v>1669966.9686759601</v>
      </c>
      <c r="AZ2583" s="53">
        <v>1256307.49337271</v>
      </c>
      <c r="BA2583" s="53">
        <v>1256307.49337271</v>
      </c>
      <c r="BB2583" s="53">
        <v>840128.14807967097</v>
      </c>
      <c r="BC2583" s="53">
        <v>421413.58262978098</v>
      </c>
      <c r="BD2583" s="53">
        <v>148.35334820480699</v>
      </c>
      <c r="BE2583" s="53">
        <v>153.34657720687099</v>
      </c>
      <c r="BF2583" s="53">
        <v>153.34657720687099</v>
      </c>
      <c r="BG2583" s="53">
        <v>153.34657720687099</v>
      </c>
      <c r="BH2583" s="53">
        <v>153.34657720687099</v>
      </c>
      <c r="BI2583" s="53">
        <v>153.34657720687099</v>
      </c>
      <c r="BJ2583" s="53">
        <v>153.34657720687099</v>
      </c>
      <c r="BK2583" s="53">
        <v>153.34657720687099</v>
      </c>
      <c r="BL2583" s="53">
        <v>153.34657720687099</v>
      </c>
      <c r="BM2583" s="53">
        <v>153.34657720687099</v>
      </c>
      <c r="BN2583" s="53">
        <v>153.34657720687099</v>
      </c>
      <c r="BO2583" s="53">
        <v>153.34657720687099</v>
      </c>
      <c r="BP2583" s="53">
        <v>153.34657720687099</v>
      </c>
      <c r="BQ2583" s="53">
        <v>153.34657720687099</v>
      </c>
      <c r="BR2583" s="53">
        <v>153.34657720687099</v>
      </c>
      <c r="BS2583" s="53">
        <v>153.34657720687099</v>
      </c>
      <c r="BT2583" s="53">
        <v>153.34657720687099</v>
      </c>
      <c r="BU2583" s="53">
        <v>153.34657720687099</v>
      </c>
      <c r="BV2583" s="53">
        <v>153.34657720687099</v>
      </c>
      <c r="BW2583" s="53">
        <v>153.34657720687099</v>
      </c>
      <c r="BX2583" s="53">
        <v>153.34657720687099</v>
      </c>
      <c r="BY2583" s="53">
        <v>153.34657720687099</v>
      </c>
      <c r="BZ2583" s="53">
        <v>153.34657720687099</v>
      </c>
      <c r="CA2583" s="53">
        <v>153.34657720687099</v>
      </c>
      <c r="CB2583" s="53"/>
      <c r="CC2583" s="53"/>
      <c r="CD2583" s="53"/>
      <c r="CE2583" s="53"/>
      <c r="CF2583" s="53"/>
      <c r="CG2583" s="53"/>
      <c r="CH2583" s="53"/>
      <c r="CI2583" s="53"/>
      <c r="CJ2583" s="53"/>
      <c r="CK2583" s="53"/>
      <c r="CL2583" s="53"/>
      <c r="CM2583" s="53"/>
      <c r="CN2583" s="53"/>
    </row>
    <row r="2584" spans="1:92" outlineLevel="1">
      <c r="A2584" s="52" t="s">
        <v>1659</v>
      </c>
      <c r="B2584" s="53">
        <v>0</v>
      </c>
      <c r="C2584" s="53">
        <v>0</v>
      </c>
      <c r="D2584" s="53">
        <v>0</v>
      </c>
      <c r="E2584" s="53">
        <v>0</v>
      </c>
      <c r="F2584" s="53">
        <v>0</v>
      </c>
      <c r="G2584" s="53">
        <v>0</v>
      </c>
      <c r="H2584" s="53">
        <v>0</v>
      </c>
      <c r="I2584" s="53">
        <v>0</v>
      </c>
      <c r="J2584" s="53">
        <v>0</v>
      </c>
      <c r="K2584" s="53">
        <v>0</v>
      </c>
      <c r="L2584" s="53">
        <v>0</v>
      </c>
      <c r="M2584" s="53">
        <v>0</v>
      </c>
      <c r="N2584" s="53">
        <v>0</v>
      </c>
      <c r="O2584" s="53">
        <v>0</v>
      </c>
      <c r="P2584" s="53">
        <v>0</v>
      </c>
      <c r="Q2584" s="53">
        <v>0</v>
      </c>
      <c r="R2584" s="53">
        <v>0</v>
      </c>
      <c r="S2584" s="53">
        <v>0</v>
      </c>
      <c r="T2584" s="53">
        <v>0</v>
      </c>
      <c r="U2584" s="53">
        <v>0</v>
      </c>
      <c r="V2584" s="53">
        <v>0</v>
      </c>
      <c r="W2584" s="53">
        <v>0</v>
      </c>
      <c r="X2584" s="53">
        <v>0</v>
      </c>
      <c r="Y2584" s="53">
        <v>0</v>
      </c>
      <c r="Z2584" s="53">
        <v>0</v>
      </c>
      <c r="AA2584" s="53">
        <v>0</v>
      </c>
      <c r="AB2584" s="53">
        <v>0</v>
      </c>
      <c r="AC2584" s="53">
        <v>0</v>
      </c>
      <c r="AD2584" s="53">
        <v>0</v>
      </c>
      <c r="AE2584" s="53">
        <v>0</v>
      </c>
      <c r="AF2584" s="53">
        <v>0</v>
      </c>
      <c r="AG2584" s="53">
        <v>0</v>
      </c>
      <c r="AH2584" s="53">
        <v>0</v>
      </c>
      <c r="AI2584" s="53">
        <v>0</v>
      </c>
      <c r="AJ2584" s="53">
        <v>0</v>
      </c>
      <c r="AK2584" s="53">
        <v>0</v>
      </c>
      <c r="AL2584" s="53">
        <v>0</v>
      </c>
      <c r="AM2584" s="53">
        <v>0</v>
      </c>
      <c r="AN2584" s="53">
        <v>0</v>
      </c>
      <c r="AO2584" s="53">
        <v>0</v>
      </c>
      <c r="AP2584" s="53">
        <v>0</v>
      </c>
      <c r="AQ2584" s="53">
        <v>0</v>
      </c>
      <c r="AR2584" s="53">
        <v>0</v>
      </c>
      <c r="AS2584" s="53">
        <v>0</v>
      </c>
      <c r="AT2584" s="53">
        <v>0</v>
      </c>
      <c r="AU2584" s="53">
        <v>0</v>
      </c>
      <c r="AV2584" s="53">
        <v>0</v>
      </c>
      <c r="AW2584" s="53">
        <v>0</v>
      </c>
      <c r="AX2584" s="53">
        <v>0</v>
      </c>
      <c r="AY2584" s="53">
        <v>0</v>
      </c>
      <c r="AZ2584" s="53">
        <v>0</v>
      </c>
      <c r="BA2584" s="53">
        <v>0</v>
      </c>
      <c r="BB2584" s="53">
        <v>0</v>
      </c>
      <c r="BC2584" s="53">
        <v>0</v>
      </c>
      <c r="BD2584" s="53">
        <v>0</v>
      </c>
      <c r="BE2584" s="53">
        <v>0</v>
      </c>
      <c r="BF2584" s="53">
        <v>0</v>
      </c>
      <c r="BG2584" s="53">
        <v>0</v>
      </c>
      <c r="BH2584" s="53">
        <v>0</v>
      </c>
      <c r="BI2584" s="53">
        <v>0</v>
      </c>
      <c r="BJ2584" s="53">
        <v>0</v>
      </c>
      <c r="BK2584" s="53">
        <v>0</v>
      </c>
      <c r="BL2584" s="53">
        <v>0</v>
      </c>
      <c r="BM2584" s="53">
        <v>0</v>
      </c>
      <c r="BN2584" s="53">
        <v>0</v>
      </c>
      <c r="BO2584" s="53">
        <v>0</v>
      </c>
      <c r="BP2584" s="53">
        <v>0</v>
      </c>
      <c r="BQ2584" s="53">
        <v>0</v>
      </c>
      <c r="BR2584" s="53">
        <v>0</v>
      </c>
      <c r="BS2584" s="53">
        <v>0</v>
      </c>
      <c r="BT2584" s="53">
        <v>0</v>
      </c>
      <c r="BU2584" s="53">
        <v>0</v>
      </c>
      <c r="BV2584" s="53">
        <v>0</v>
      </c>
      <c r="BW2584" s="53">
        <v>0</v>
      </c>
      <c r="BX2584" s="53">
        <v>0</v>
      </c>
      <c r="BY2584" s="53">
        <v>0</v>
      </c>
      <c r="BZ2584" s="53">
        <v>0</v>
      </c>
      <c r="CA2584" s="53">
        <v>0</v>
      </c>
      <c r="CB2584" s="53"/>
      <c r="CC2584" s="53"/>
      <c r="CD2584" s="53"/>
      <c r="CE2584" s="53"/>
      <c r="CF2584" s="53"/>
      <c r="CG2584" s="53"/>
      <c r="CH2584" s="53"/>
      <c r="CI2584" s="53"/>
      <c r="CJ2584" s="53"/>
      <c r="CK2584" s="53"/>
      <c r="CL2584" s="53"/>
      <c r="CM2584" s="53"/>
      <c r="CN2584" s="53"/>
    </row>
    <row r="2585" spans="1:92" outlineLevel="1">
      <c r="A2585" s="52" t="s">
        <v>1218</v>
      </c>
      <c r="B2585" s="53"/>
      <c r="C2585" s="53"/>
      <c r="D2585" s="53"/>
      <c r="E2585" s="53"/>
      <c r="F2585" s="53"/>
      <c r="G2585" s="53"/>
      <c r="H2585" s="53"/>
      <c r="I2585" s="53"/>
      <c r="J2585" s="53"/>
      <c r="K2585" s="53"/>
      <c r="L2585" s="53"/>
      <c r="M2585" s="53"/>
      <c r="N2585" s="53"/>
      <c r="O2585" s="53"/>
      <c r="P2585" s="53"/>
      <c r="Q2585" s="53"/>
      <c r="R2585" s="53"/>
      <c r="S2585" s="53">
        <v>-800000000</v>
      </c>
      <c r="T2585" s="53">
        <v>-800000000</v>
      </c>
      <c r="U2585" s="53">
        <v>-150000000</v>
      </c>
      <c r="V2585" s="53">
        <v>-150000000</v>
      </c>
      <c r="W2585" s="53">
        <v>-150000000</v>
      </c>
      <c r="X2585" s="53">
        <v>-150000000</v>
      </c>
      <c r="Y2585" s="53">
        <v>-150000000</v>
      </c>
      <c r="Z2585" s="53">
        <v>-150000000</v>
      </c>
      <c r="AA2585" s="53"/>
      <c r="AB2585" s="53">
        <v>-150000000</v>
      </c>
      <c r="AC2585" s="53">
        <v>-150000000</v>
      </c>
      <c r="AD2585" s="53">
        <v>-150000000</v>
      </c>
      <c r="AE2585" s="53">
        <v>-150000000</v>
      </c>
      <c r="AF2585" s="53">
        <v>-150000000</v>
      </c>
      <c r="AG2585" s="53">
        <v>-150000000</v>
      </c>
      <c r="AH2585" s="53">
        <v>-150000000</v>
      </c>
      <c r="AI2585" s="53">
        <v>-150000000</v>
      </c>
      <c r="AJ2585" s="53">
        <v>850000000</v>
      </c>
      <c r="AK2585" s="53">
        <v>850000000</v>
      </c>
      <c r="AL2585" s="53">
        <v>850000000</v>
      </c>
      <c r="AM2585" s="53">
        <v>850000000</v>
      </c>
      <c r="AN2585" s="53">
        <v>-150000000</v>
      </c>
      <c r="AO2585" s="53">
        <v>850000000</v>
      </c>
      <c r="AP2585" s="53">
        <v>850000000</v>
      </c>
      <c r="AQ2585" s="53">
        <v>850000000</v>
      </c>
      <c r="AR2585" s="53">
        <v>850000000</v>
      </c>
      <c r="AS2585" s="53">
        <v>850000000</v>
      </c>
      <c r="AT2585" s="53">
        <v>850000000</v>
      </c>
      <c r="AU2585" s="53">
        <v>1550000000</v>
      </c>
      <c r="AV2585" s="53">
        <v>1550000000</v>
      </c>
      <c r="AW2585" s="53">
        <v>1550000000</v>
      </c>
      <c r="AX2585" s="53">
        <v>1550000000</v>
      </c>
      <c r="AY2585" s="53">
        <v>1550000000</v>
      </c>
      <c r="AZ2585" s="53">
        <v>1550000000</v>
      </c>
      <c r="BA2585" s="53">
        <v>850000000</v>
      </c>
      <c r="BB2585" s="53">
        <v>1550000000</v>
      </c>
      <c r="BC2585" s="53">
        <v>900000000</v>
      </c>
      <c r="BD2585" s="53">
        <v>900000000</v>
      </c>
      <c r="BE2585" s="53">
        <v>900000000</v>
      </c>
      <c r="BF2585" s="53">
        <v>900000000</v>
      </c>
      <c r="BG2585" s="53">
        <v>900000000</v>
      </c>
      <c r="BH2585" s="53">
        <v>1550000000</v>
      </c>
      <c r="BI2585" s="53">
        <v>1550000000</v>
      </c>
      <c r="BJ2585" s="53">
        <v>1550000000</v>
      </c>
      <c r="BK2585" s="53">
        <v>1550000000</v>
      </c>
      <c r="BL2585" s="53">
        <v>1550000000</v>
      </c>
      <c r="BM2585" s="53">
        <v>1550000000</v>
      </c>
      <c r="BN2585" s="53">
        <v>1550000000</v>
      </c>
      <c r="BO2585" s="53">
        <v>1550000000</v>
      </c>
      <c r="BP2585" s="53">
        <v>1550000000</v>
      </c>
      <c r="BQ2585" s="53">
        <v>1400000000</v>
      </c>
      <c r="BR2585" s="53">
        <v>1400000000</v>
      </c>
      <c r="BS2585" s="53">
        <v>1400000000</v>
      </c>
      <c r="BT2585" s="53">
        <v>1400000000</v>
      </c>
      <c r="BU2585" s="53">
        <v>2650000000</v>
      </c>
      <c r="BV2585" s="53">
        <v>2050000000</v>
      </c>
      <c r="BW2585" s="53">
        <v>2050000000</v>
      </c>
      <c r="BX2585" s="53">
        <v>2050000000</v>
      </c>
      <c r="BY2585" s="53">
        <v>2050000000</v>
      </c>
      <c r="BZ2585" s="53">
        <v>2050000000</v>
      </c>
      <c r="CA2585" s="53">
        <v>1550000000</v>
      </c>
      <c r="CB2585" s="53">
        <v>4885623.74</v>
      </c>
      <c r="CC2585" s="53">
        <v>6821191.2000000002</v>
      </c>
      <c r="CD2585" s="53">
        <v>9361606.4399999995</v>
      </c>
      <c r="CE2585" s="53">
        <v>11484163.4099999</v>
      </c>
      <c r="CF2585" s="53">
        <v>15932844.34</v>
      </c>
      <c r="CG2585" s="53">
        <v>19003359.25</v>
      </c>
      <c r="CH2585" s="53">
        <v>22266829.359999999</v>
      </c>
      <c r="CI2585" s="53">
        <v>21989061.1199999</v>
      </c>
      <c r="CJ2585" s="53">
        <v>19896695.09</v>
      </c>
      <c r="CK2585" s="53">
        <v>14892568.92</v>
      </c>
      <c r="CL2585" s="53">
        <v>7069373.5300000003</v>
      </c>
      <c r="CM2585" s="53">
        <v>2914802.36</v>
      </c>
      <c r="CN2585" s="53">
        <v>156518118.75999999</v>
      </c>
    </row>
    <row r="2586" spans="1:92" outlineLevel="1">
      <c r="A2586" s="52" t="s">
        <v>699</v>
      </c>
      <c r="B2586" s="53"/>
      <c r="C2586" s="53"/>
      <c r="D2586" s="53"/>
      <c r="E2586" s="53"/>
      <c r="F2586" s="53"/>
      <c r="G2586" s="53"/>
      <c r="H2586" s="53"/>
      <c r="I2586" s="53"/>
      <c r="J2586" s="53"/>
      <c r="K2586" s="53"/>
      <c r="L2586" s="53"/>
      <c r="M2586" s="53"/>
      <c r="N2586" s="53"/>
      <c r="O2586" s="53"/>
      <c r="P2586" s="53"/>
      <c r="Q2586" s="53"/>
      <c r="R2586" s="53"/>
      <c r="S2586" s="53"/>
      <c r="T2586" s="53"/>
      <c r="U2586" s="53"/>
      <c r="V2586" s="53"/>
      <c r="W2586" s="53"/>
      <c r="X2586" s="53"/>
      <c r="Y2586" s="53"/>
      <c r="Z2586" s="53"/>
      <c r="AA2586" s="53"/>
      <c r="AB2586" s="53"/>
      <c r="AC2586" s="53"/>
      <c r="AD2586" s="53"/>
      <c r="AE2586" s="53"/>
      <c r="AF2586" s="53"/>
      <c r="AG2586" s="53"/>
      <c r="AH2586" s="53"/>
      <c r="AI2586" s="53"/>
      <c r="AJ2586" s="53"/>
      <c r="AK2586" s="53"/>
      <c r="AL2586" s="53"/>
      <c r="AM2586" s="53"/>
      <c r="AN2586" s="53"/>
      <c r="AO2586" s="53"/>
      <c r="AP2586" s="53"/>
      <c r="AQ2586" s="53"/>
      <c r="AR2586" s="53"/>
      <c r="AS2586" s="53"/>
      <c r="AT2586" s="53"/>
      <c r="AU2586" s="53"/>
      <c r="AV2586" s="53"/>
      <c r="AW2586" s="53"/>
      <c r="AX2586" s="53"/>
      <c r="AY2586" s="53"/>
      <c r="AZ2586" s="53"/>
      <c r="BA2586" s="53"/>
      <c r="BB2586" s="53"/>
      <c r="BC2586" s="53"/>
      <c r="BD2586" s="53"/>
      <c r="BE2586" s="53"/>
      <c r="BF2586" s="53"/>
      <c r="BG2586" s="53"/>
      <c r="BH2586" s="53"/>
      <c r="BI2586" s="53"/>
      <c r="BJ2586" s="53"/>
      <c r="BK2586" s="53"/>
      <c r="BL2586" s="53"/>
      <c r="BM2586" s="53"/>
      <c r="BN2586" s="53"/>
      <c r="BO2586" s="53"/>
      <c r="BP2586" s="53"/>
      <c r="BQ2586" s="53"/>
      <c r="BR2586" s="53"/>
      <c r="BS2586" s="53"/>
      <c r="BT2586" s="53"/>
      <c r="BU2586" s="53"/>
      <c r="BV2586" s="53"/>
      <c r="BW2586" s="53"/>
      <c r="BX2586" s="53"/>
      <c r="BY2586" s="53"/>
      <c r="BZ2586" s="53"/>
      <c r="CA2586" s="53"/>
      <c r="CB2586" s="53"/>
      <c r="CC2586" s="53"/>
      <c r="CD2586" s="53"/>
      <c r="CE2586" s="53"/>
      <c r="CF2586" s="53"/>
      <c r="CG2586" s="53"/>
      <c r="CH2586" s="53"/>
      <c r="CI2586" s="53"/>
      <c r="CJ2586" s="53"/>
      <c r="CK2586" s="53"/>
      <c r="CL2586" s="53"/>
      <c r="CM2586" s="53"/>
      <c r="CN2586" s="53"/>
    </row>
    <row r="2587" spans="1:92" outlineLevel="1">
      <c r="A2587" s="52" t="s">
        <v>709</v>
      </c>
      <c r="B2587" s="53"/>
      <c r="C2587" s="53"/>
      <c r="D2587" s="53"/>
      <c r="E2587" s="53"/>
      <c r="F2587" s="53"/>
      <c r="G2587" s="53"/>
      <c r="H2587" s="53"/>
      <c r="I2587" s="53"/>
      <c r="J2587" s="53"/>
      <c r="K2587" s="53"/>
      <c r="L2587" s="53"/>
      <c r="M2587" s="53"/>
      <c r="N2587" s="53"/>
      <c r="O2587" s="53"/>
      <c r="P2587" s="53"/>
      <c r="Q2587" s="53"/>
      <c r="R2587" s="53"/>
      <c r="S2587" s="53"/>
      <c r="T2587" s="53"/>
      <c r="U2587" s="53"/>
      <c r="V2587" s="53"/>
      <c r="W2587" s="53"/>
      <c r="X2587" s="53"/>
      <c r="Y2587" s="53"/>
      <c r="Z2587" s="53"/>
      <c r="AA2587" s="53"/>
      <c r="AB2587" s="53"/>
      <c r="AC2587" s="53"/>
      <c r="AD2587" s="53"/>
      <c r="AE2587" s="53"/>
      <c r="AF2587" s="53"/>
      <c r="AG2587" s="53"/>
      <c r="AH2587" s="53"/>
      <c r="AI2587" s="53"/>
      <c r="AJ2587" s="53"/>
      <c r="AK2587" s="53"/>
      <c r="AL2587" s="53"/>
      <c r="AM2587" s="53"/>
      <c r="AN2587" s="53"/>
      <c r="AO2587" s="53"/>
      <c r="AP2587" s="53"/>
      <c r="AQ2587" s="53"/>
      <c r="AR2587" s="53"/>
      <c r="AS2587" s="53"/>
      <c r="AT2587" s="53"/>
      <c r="AU2587" s="53"/>
      <c r="AV2587" s="53"/>
      <c r="AW2587" s="53"/>
      <c r="AX2587" s="53"/>
      <c r="AY2587" s="53"/>
      <c r="AZ2587" s="53"/>
      <c r="BA2587" s="53"/>
      <c r="BB2587" s="53"/>
      <c r="BC2587" s="53"/>
      <c r="BD2587" s="53"/>
      <c r="BE2587" s="53"/>
      <c r="BF2587" s="53"/>
      <c r="BG2587" s="53"/>
      <c r="BH2587" s="53"/>
      <c r="BI2587" s="53"/>
      <c r="BJ2587" s="53"/>
      <c r="BK2587" s="53"/>
      <c r="BL2587" s="53"/>
      <c r="BM2587" s="53"/>
      <c r="BN2587" s="53"/>
      <c r="BO2587" s="53"/>
      <c r="BP2587" s="53"/>
      <c r="BQ2587" s="53"/>
      <c r="BR2587" s="53"/>
      <c r="BS2587" s="53"/>
      <c r="BT2587" s="53"/>
      <c r="BU2587" s="53"/>
      <c r="BV2587" s="53"/>
      <c r="BW2587" s="53"/>
      <c r="BX2587" s="53"/>
      <c r="BY2587" s="53"/>
      <c r="BZ2587" s="53"/>
      <c r="CA2587" s="53"/>
      <c r="CB2587" s="53">
        <v>2555737.2999999998</v>
      </c>
      <c r="CC2587" s="53">
        <v>2709377.53</v>
      </c>
      <c r="CD2587" s="53">
        <v>2658425.8399999901</v>
      </c>
      <c r="CE2587" s="53">
        <v>2110044.13</v>
      </c>
      <c r="CF2587" s="53">
        <v>2302031.2799999998</v>
      </c>
      <c r="CG2587" s="53">
        <v>2465152</v>
      </c>
      <c r="CH2587" s="53">
        <v>2104715.75</v>
      </c>
      <c r="CI2587" s="53">
        <v>3265984</v>
      </c>
      <c r="CJ2587" s="53">
        <v>2673102.46</v>
      </c>
      <c r="CK2587" s="53">
        <v>2398012.0199999898</v>
      </c>
      <c r="CL2587" s="53">
        <v>2879835.02</v>
      </c>
      <c r="CM2587" s="53">
        <v>2813547.2099999902</v>
      </c>
      <c r="CN2587" s="53">
        <v>30935964.539999899</v>
      </c>
    </row>
    <row r="2588" spans="1:92" outlineLevel="1">
      <c r="A2588" s="52" t="s">
        <v>1580</v>
      </c>
      <c r="B2588" s="53"/>
      <c r="C2588" s="53"/>
      <c r="D2588" s="53"/>
      <c r="E2588" s="53"/>
      <c r="F2588" s="53"/>
      <c r="G2588" s="53"/>
      <c r="H2588" s="53"/>
      <c r="I2588" s="53"/>
      <c r="J2588" s="53"/>
      <c r="K2588" s="53"/>
      <c r="L2588" s="53"/>
      <c r="M2588" s="53"/>
      <c r="N2588" s="53"/>
      <c r="O2588" s="53"/>
      <c r="P2588" s="53"/>
      <c r="Q2588" s="53"/>
      <c r="R2588" s="53"/>
      <c r="S2588" s="53"/>
      <c r="T2588" s="53"/>
      <c r="U2588" s="53"/>
      <c r="V2588" s="53"/>
      <c r="W2588" s="53"/>
      <c r="X2588" s="53"/>
      <c r="Y2588" s="53"/>
      <c r="Z2588" s="53"/>
      <c r="AA2588" s="53"/>
      <c r="AB2588" s="53"/>
      <c r="AC2588" s="53"/>
      <c r="AD2588" s="53"/>
      <c r="AE2588" s="53"/>
      <c r="AF2588" s="53"/>
      <c r="AG2588" s="53"/>
      <c r="AH2588" s="53"/>
      <c r="AI2588" s="53"/>
      <c r="AJ2588" s="53"/>
      <c r="AK2588" s="53"/>
      <c r="AL2588" s="53"/>
      <c r="AM2588" s="53"/>
      <c r="AN2588" s="53"/>
      <c r="AO2588" s="53"/>
      <c r="AP2588" s="53"/>
      <c r="AQ2588" s="53"/>
      <c r="AR2588" s="53"/>
      <c r="AS2588" s="53"/>
      <c r="AT2588" s="53"/>
      <c r="AU2588" s="53"/>
      <c r="AV2588" s="53"/>
      <c r="AW2588" s="53"/>
      <c r="AX2588" s="53"/>
      <c r="AY2588" s="53"/>
      <c r="AZ2588" s="53"/>
      <c r="BA2588" s="53"/>
      <c r="BB2588" s="53"/>
      <c r="BC2588" s="53"/>
      <c r="BD2588" s="53"/>
      <c r="BE2588" s="53"/>
      <c r="BF2588" s="53"/>
      <c r="BG2588" s="53"/>
      <c r="BH2588" s="53"/>
      <c r="BI2588" s="53"/>
      <c r="BJ2588" s="53"/>
      <c r="BK2588" s="53"/>
      <c r="BL2588" s="53"/>
      <c r="BM2588" s="53"/>
      <c r="BN2588" s="53"/>
      <c r="BO2588" s="53"/>
      <c r="BP2588" s="53"/>
      <c r="BQ2588" s="53"/>
      <c r="BR2588" s="53"/>
      <c r="BS2588" s="53"/>
      <c r="BT2588" s="53"/>
      <c r="BU2588" s="53"/>
      <c r="BV2588" s="53"/>
      <c r="BW2588" s="53"/>
      <c r="BX2588" s="53"/>
      <c r="BY2588" s="53"/>
      <c r="BZ2588" s="53"/>
      <c r="CA2588" s="53"/>
      <c r="CB2588" s="53"/>
      <c r="CC2588" s="53"/>
      <c r="CD2588" s="53"/>
      <c r="CE2588" s="53"/>
      <c r="CF2588" s="53"/>
      <c r="CG2588" s="53"/>
      <c r="CH2588" s="53"/>
      <c r="CI2588" s="53"/>
      <c r="CJ2588" s="53"/>
      <c r="CK2588" s="53"/>
      <c r="CL2588" s="53"/>
      <c r="CM2588" s="53"/>
      <c r="CN2588" s="53"/>
    </row>
    <row r="2589" spans="1:92" outlineLevel="1">
      <c r="A2589" s="52" t="s">
        <v>711</v>
      </c>
      <c r="B2589" s="53"/>
      <c r="C2589" s="53"/>
      <c r="D2589" s="53"/>
      <c r="E2589" s="53"/>
      <c r="F2589" s="53"/>
      <c r="G2589" s="53"/>
      <c r="H2589" s="53"/>
      <c r="I2589" s="53"/>
      <c r="J2589" s="53"/>
      <c r="K2589" s="53"/>
      <c r="L2589" s="53"/>
      <c r="M2589" s="53"/>
      <c r="N2589" s="53"/>
      <c r="O2589" s="53"/>
      <c r="P2589" s="53"/>
      <c r="Q2589" s="53"/>
      <c r="R2589" s="53"/>
      <c r="S2589" s="53"/>
      <c r="T2589" s="53"/>
      <c r="U2589" s="53"/>
      <c r="V2589" s="53"/>
      <c r="W2589" s="53"/>
      <c r="X2589" s="53"/>
      <c r="Y2589" s="53"/>
      <c r="Z2589" s="53"/>
      <c r="AA2589" s="53"/>
      <c r="AB2589" s="53"/>
      <c r="AC2589" s="53"/>
      <c r="AD2589" s="53"/>
      <c r="AE2589" s="53"/>
      <c r="AF2589" s="53"/>
      <c r="AG2589" s="53"/>
      <c r="AH2589" s="53"/>
      <c r="AI2589" s="53"/>
      <c r="AJ2589" s="53"/>
      <c r="AK2589" s="53"/>
      <c r="AL2589" s="53"/>
      <c r="AM2589" s="53"/>
      <c r="AN2589" s="53"/>
      <c r="AO2589" s="53"/>
      <c r="AP2589" s="53"/>
      <c r="AQ2589" s="53"/>
      <c r="AR2589" s="53"/>
      <c r="AS2589" s="53"/>
      <c r="AT2589" s="53"/>
      <c r="AU2589" s="53"/>
      <c r="AV2589" s="53"/>
      <c r="AW2589" s="53"/>
      <c r="AX2589" s="53"/>
      <c r="AY2589" s="53"/>
      <c r="AZ2589" s="53"/>
      <c r="BA2589" s="53"/>
      <c r="BB2589" s="53"/>
      <c r="BC2589" s="53"/>
      <c r="BD2589" s="53"/>
      <c r="BE2589" s="53"/>
      <c r="BF2589" s="53"/>
      <c r="BG2589" s="53"/>
      <c r="BH2589" s="53"/>
      <c r="BI2589" s="53"/>
      <c r="BJ2589" s="53"/>
      <c r="BK2589" s="53"/>
      <c r="BL2589" s="53"/>
      <c r="BM2589" s="53"/>
      <c r="BN2589" s="53"/>
      <c r="BO2589" s="53"/>
      <c r="BP2589" s="53">
        <v>-150000000</v>
      </c>
      <c r="BQ2589" s="53"/>
      <c r="BR2589" s="53"/>
      <c r="BS2589" s="53"/>
      <c r="BT2589" s="53"/>
      <c r="BU2589" s="53"/>
      <c r="BV2589" s="53"/>
      <c r="BW2589" s="53"/>
      <c r="BX2589" s="53"/>
      <c r="BY2589" s="53"/>
      <c r="BZ2589" s="53"/>
      <c r="CA2589" s="53">
        <v>-150000000</v>
      </c>
      <c r="CB2589" s="53">
        <v>96801882.019999996</v>
      </c>
      <c r="CC2589" s="53">
        <v>82686144.709999993</v>
      </c>
      <c r="CD2589" s="53">
        <v>84040742.510000005</v>
      </c>
      <c r="CE2589" s="53">
        <v>75622199.959999993</v>
      </c>
      <c r="CF2589" s="53">
        <v>89792007.289999902</v>
      </c>
      <c r="CG2589" s="53">
        <v>95721055.140000001</v>
      </c>
      <c r="CH2589" s="53">
        <v>101577896.73999999</v>
      </c>
      <c r="CI2589" s="53">
        <v>101850854.92</v>
      </c>
      <c r="CJ2589" s="53">
        <v>97561165.279999897</v>
      </c>
      <c r="CK2589" s="53">
        <v>87880748.609999999</v>
      </c>
      <c r="CL2589" s="53">
        <v>81465344.129999995</v>
      </c>
      <c r="CM2589" s="53">
        <v>93850456.6199999</v>
      </c>
      <c r="CN2589" s="53">
        <v>1088850497.9299901</v>
      </c>
    </row>
    <row r="2590" spans="1:92" outlineLevel="1">
      <c r="A2590" s="52" t="s">
        <v>723</v>
      </c>
      <c r="B2590" s="53"/>
      <c r="C2590" s="53"/>
      <c r="D2590" s="53"/>
      <c r="E2590" s="53"/>
      <c r="F2590" s="53"/>
      <c r="G2590" s="53"/>
      <c r="H2590" s="53"/>
      <c r="I2590" s="53"/>
      <c r="J2590" s="53"/>
      <c r="K2590" s="53"/>
      <c r="L2590" s="53"/>
      <c r="M2590" s="53"/>
      <c r="N2590" s="53"/>
      <c r="O2590" s="53"/>
      <c r="P2590" s="53"/>
      <c r="Q2590" s="53"/>
      <c r="R2590" s="53"/>
      <c r="S2590" s="53"/>
      <c r="T2590" s="53"/>
      <c r="U2590" s="53"/>
      <c r="V2590" s="53"/>
      <c r="W2590" s="53"/>
      <c r="X2590" s="53"/>
      <c r="Y2590" s="53"/>
      <c r="Z2590" s="53"/>
      <c r="AA2590" s="53"/>
      <c r="AB2590" s="53"/>
      <c r="AC2590" s="53"/>
      <c r="AD2590" s="53"/>
      <c r="AE2590" s="53"/>
      <c r="AF2590" s="53"/>
      <c r="AG2590" s="53"/>
      <c r="AH2590" s="53"/>
      <c r="AI2590" s="53"/>
      <c r="AJ2590" s="53"/>
      <c r="AK2590" s="53"/>
      <c r="AL2590" s="53"/>
      <c r="AM2590" s="53"/>
      <c r="AN2590" s="53"/>
      <c r="AO2590" s="53"/>
      <c r="AP2590" s="53"/>
      <c r="AQ2590" s="53"/>
      <c r="AR2590" s="53"/>
      <c r="AS2590" s="53"/>
      <c r="AT2590" s="53"/>
      <c r="AU2590" s="53"/>
      <c r="AV2590" s="53"/>
      <c r="AW2590" s="53"/>
      <c r="AX2590" s="53"/>
      <c r="AY2590" s="53"/>
      <c r="AZ2590" s="53"/>
      <c r="BA2590" s="53"/>
      <c r="BB2590" s="53">
        <v>-650000000</v>
      </c>
      <c r="BC2590" s="53"/>
      <c r="BD2590" s="53"/>
      <c r="BE2590" s="53"/>
      <c r="BF2590" s="53"/>
      <c r="BG2590" s="53"/>
      <c r="BH2590" s="53"/>
      <c r="BI2590" s="53"/>
      <c r="BJ2590" s="53"/>
      <c r="BK2590" s="53"/>
      <c r="BL2590" s="53"/>
      <c r="BM2590" s="53"/>
      <c r="BN2590" s="53">
        <v>-650000000</v>
      </c>
      <c r="BO2590" s="53"/>
      <c r="BP2590" s="53"/>
      <c r="BQ2590" s="53"/>
      <c r="BR2590" s="53"/>
      <c r="BS2590" s="53"/>
      <c r="BT2590" s="53"/>
      <c r="BU2590" s="53"/>
      <c r="BV2590" s="53"/>
      <c r="BW2590" s="53"/>
      <c r="BX2590" s="53"/>
      <c r="BY2590" s="53"/>
      <c r="BZ2590" s="53"/>
      <c r="CA2590" s="53"/>
      <c r="CB2590" s="53"/>
      <c r="CC2590" s="53"/>
      <c r="CD2590" s="53"/>
      <c r="CE2590" s="53"/>
      <c r="CF2590" s="53"/>
      <c r="CG2590" s="53"/>
      <c r="CH2590" s="53"/>
      <c r="CI2590" s="53"/>
      <c r="CJ2590" s="53"/>
      <c r="CK2590" s="53"/>
      <c r="CL2590" s="53"/>
      <c r="CM2590" s="53"/>
      <c r="CN2590" s="53"/>
    </row>
    <row r="2591" spans="1:92" outlineLevel="1">
      <c r="A2591" s="52" t="s">
        <v>725</v>
      </c>
      <c r="B2591" s="53"/>
      <c r="C2591" s="53"/>
      <c r="D2591" s="53"/>
      <c r="E2591" s="53"/>
      <c r="F2591" s="53"/>
      <c r="G2591" s="53"/>
      <c r="H2591" s="53"/>
      <c r="I2591" s="53"/>
      <c r="J2591" s="53"/>
      <c r="K2591" s="53"/>
      <c r="L2591" s="53"/>
      <c r="M2591" s="53"/>
      <c r="N2591" s="53"/>
      <c r="O2591" s="53"/>
      <c r="P2591" s="53"/>
      <c r="Q2591" s="53"/>
      <c r="R2591" s="53"/>
      <c r="S2591" s="53"/>
      <c r="T2591" s="53"/>
      <c r="U2591" s="53"/>
      <c r="V2591" s="53"/>
      <c r="W2591" s="53"/>
      <c r="X2591" s="53"/>
      <c r="Y2591" s="53"/>
      <c r="Z2591" s="53"/>
      <c r="AA2591" s="53"/>
      <c r="AB2591" s="53"/>
      <c r="AC2591" s="53"/>
      <c r="AD2591" s="53"/>
      <c r="AE2591" s="53"/>
      <c r="AF2591" s="53"/>
      <c r="AG2591" s="53"/>
      <c r="AH2591" s="53"/>
      <c r="AI2591" s="53"/>
      <c r="AJ2591" s="53"/>
      <c r="AK2591" s="53"/>
      <c r="AL2591" s="53"/>
      <c r="AM2591" s="53"/>
      <c r="AN2591" s="53"/>
      <c r="AO2591" s="53"/>
      <c r="AP2591" s="53"/>
      <c r="AQ2591" s="53"/>
      <c r="AR2591" s="53"/>
      <c r="AS2591" s="53"/>
      <c r="AT2591" s="53"/>
      <c r="AU2591" s="53"/>
      <c r="AV2591" s="53"/>
      <c r="AW2591" s="53"/>
      <c r="AX2591" s="53"/>
      <c r="AY2591" s="53"/>
      <c r="AZ2591" s="53"/>
      <c r="BA2591" s="53"/>
      <c r="BB2591" s="53"/>
      <c r="BC2591" s="53"/>
      <c r="BD2591" s="53"/>
      <c r="BE2591" s="53"/>
      <c r="BF2591" s="53"/>
      <c r="BG2591" s="53"/>
      <c r="BH2591" s="53"/>
      <c r="BI2591" s="53"/>
      <c r="BJ2591" s="53"/>
      <c r="BK2591" s="53"/>
      <c r="BL2591" s="53"/>
      <c r="BM2591" s="53"/>
      <c r="BN2591" s="53"/>
      <c r="BO2591" s="53"/>
      <c r="BP2591" s="53"/>
      <c r="BQ2591" s="53"/>
      <c r="BR2591" s="53"/>
      <c r="BS2591" s="53"/>
      <c r="BT2591" s="53"/>
      <c r="BU2591" s="53">
        <v>-600000000</v>
      </c>
      <c r="BV2591" s="53"/>
      <c r="BW2591" s="53"/>
      <c r="BX2591" s="53"/>
      <c r="BY2591" s="53"/>
      <c r="BZ2591" s="53"/>
      <c r="CA2591" s="53">
        <v>-600000000</v>
      </c>
      <c r="CB2591" s="53"/>
      <c r="CC2591" s="53"/>
      <c r="CD2591" s="53"/>
      <c r="CE2591" s="53"/>
      <c r="CF2591" s="53"/>
      <c r="CG2591" s="53"/>
      <c r="CH2591" s="53"/>
      <c r="CI2591" s="53"/>
      <c r="CJ2591" s="53"/>
      <c r="CK2591" s="53"/>
      <c r="CL2591" s="53"/>
      <c r="CM2591" s="53"/>
      <c r="CN2591" s="53"/>
    </row>
    <row r="2592" spans="1:92" outlineLevel="1">
      <c r="A2592" s="52" t="s">
        <v>726</v>
      </c>
      <c r="B2592" s="53"/>
      <c r="C2592" s="53"/>
      <c r="D2592" s="53"/>
      <c r="E2592" s="53"/>
      <c r="F2592" s="53"/>
      <c r="G2592" s="53"/>
      <c r="H2592" s="53"/>
      <c r="I2592" s="53"/>
      <c r="J2592" s="53"/>
      <c r="K2592" s="53"/>
      <c r="L2592" s="53"/>
      <c r="M2592" s="53"/>
      <c r="N2592" s="53"/>
      <c r="O2592" s="53"/>
      <c r="P2592" s="53"/>
      <c r="Q2592" s="53"/>
      <c r="R2592" s="53"/>
      <c r="S2592" s="53"/>
      <c r="T2592" s="53"/>
      <c r="U2592" s="53"/>
      <c r="V2592" s="53"/>
      <c r="W2592" s="53"/>
      <c r="X2592" s="53"/>
      <c r="Y2592" s="53"/>
      <c r="Z2592" s="53"/>
      <c r="AA2592" s="53"/>
      <c r="AB2592" s="53"/>
      <c r="AC2592" s="53"/>
      <c r="AD2592" s="53"/>
      <c r="AE2592" s="53"/>
      <c r="AF2592" s="53"/>
      <c r="AG2592" s="53"/>
      <c r="AH2592" s="53"/>
      <c r="AI2592" s="53"/>
      <c r="AJ2592" s="53"/>
      <c r="AK2592" s="53"/>
      <c r="AL2592" s="53"/>
      <c r="AM2592" s="53"/>
      <c r="AN2592" s="53"/>
      <c r="AO2592" s="53"/>
      <c r="AP2592" s="53"/>
      <c r="AQ2592" s="53"/>
      <c r="AR2592" s="53"/>
      <c r="AS2592" s="53"/>
      <c r="AT2592" s="53"/>
      <c r="AU2592" s="53"/>
      <c r="AV2592" s="53"/>
      <c r="AW2592" s="53"/>
      <c r="AX2592" s="53"/>
      <c r="AY2592" s="53"/>
      <c r="AZ2592" s="53"/>
      <c r="BA2592" s="53"/>
      <c r="BB2592" s="53"/>
      <c r="BC2592" s="53"/>
      <c r="BD2592" s="53"/>
      <c r="BE2592" s="53"/>
      <c r="BF2592" s="53"/>
      <c r="BG2592" s="53"/>
      <c r="BH2592" s="53"/>
      <c r="BI2592" s="53"/>
      <c r="BJ2592" s="53"/>
      <c r="BK2592" s="53"/>
      <c r="BL2592" s="53"/>
      <c r="BM2592" s="53"/>
      <c r="BN2592" s="53"/>
      <c r="BO2592" s="53"/>
      <c r="BP2592" s="53"/>
      <c r="BQ2592" s="53"/>
      <c r="BR2592" s="53"/>
      <c r="BS2592" s="53"/>
      <c r="BT2592" s="53"/>
      <c r="BU2592" s="53"/>
      <c r="BV2592" s="53"/>
      <c r="BW2592" s="53"/>
      <c r="BX2592" s="53"/>
      <c r="BY2592" s="53"/>
      <c r="BZ2592" s="53"/>
      <c r="CA2592" s="53"/>
      <c r="CB2592" s="53">
        <v>843750</v>
      </c>
      <c r="CC2592" s="53">
        <v>843750</v>
      </c>
      <c r="CD2592" s="53">
        <v>843750</v>
      </c>
      <c r="CE2592" s="53">
        <v>843750</v>
      </c>
      <c r="CF2592" s="53">
        <v>843750</v>
      </c>
      <c r="CG2592" s="53">
        <v>843750</v>
      </c>
      <c r="CH2592" s="53">
        <v>843750</v>
      </c>
      <c r="CI2592" s="53">
        <v>843750</v>
      </c>
      <c r="CJ2592" s="53">
        <v>843750</v>
      </c>
      <c r="CK2592" s="53">
        <v>843750</v>
      </c>
      <c r="CL2592" s="53">
        <v>843750</v>
      </c>
      <c r="CM2592" s="53">
        <v>843750</v>
      </c>
      <c r="CN2592" s="53">
        <v>10125000</v>
      </c>
    </row>
    <row r="2593" spans="1:92" outlineLevel="1">
      <c r="A2593" s="52" t="s">
        <v>1564</v>
      </c>
      <c r="B2593" s="53"/>
      <c r="C2593" s="53"/>
      <c r="D2593" s="53"/>
      <c r="E2593" s="53"/>
      <c r="F2593" s="53"/>
      <c r="G2593" s="53"/>
      <c r="H2593" s="53"/>
      <c r="I2593" s="53"/>
      <c r="J2593" s="53"/>
      <c r="K2593" s="53"/>
      <c r="L2593" s="53"/>
      <c r="M2593" s="53"/>
      <c r="N2593" s="53"/>
      <c r="O2593" s="53"/>
      <c r="P2593" s="53"/>
      <c r="Q2593" s="53"/>
      <c r="R2593" s="53">
        <v>-800000000</v>
      </c>
      <c r="S2593" s="53"/>
      <c r="T2593" s="53"/>
      <c r="U2593" s="53"/>
      <c r="V2593" s="53"/>
      <c r="W2593" s="53"/>
      <c r="X2593" s="53"/>
      <c r="Y2593" s="53"/>
      <c r="Z2593" s="53"/>
      <c r="AA2593" s="53">
        <v>-800000000</v>
      </c>
      <c r="AB2593" s="53"/>
      <c r="AC2593" s="53"/>
      <c r="AD2593" s="53"/>
      <c r="AE2593" s="53"/>
      <c r="AF2593" s="53"/>
      <c r="AG2593" s="53"/>
      <c r="AH2593" s="53"/>
      <c r="AI2593" s="53"/>
      <c r="AJ2593" s="53"/>
      <c r="AK2593" s="53"/>
      <c r="AL2593" s="53"/>
      <c r="AM2593" s="53"/>
      <c r="AN2593" s="53"/>
      <c r="AO2593" s="53"/>
      <c r="AP2593" s="53"/>
      <c r="AQ2593" s="53"/>
      <c r="AR2593" s="53"/>
      <c r="AS2593" s="53"/>
      <c r="AT2593" s="53"/>
      <c r="AU2593" s="53"/>
      <c r="AV2593" s="53"/>
      <c r="AW2593" s="53"/>
      <c r="AX2593" s="53"/>
      <c r="AY2593" s="53"/>
      <c r="AZ2593" s="53"/>
      <c r="BA2593" s="53"/>
      <c r="BB2593" s="53"/>
      <c r="BC2593" s="53"/>
      <c r="BD2593" s="53"/>
      <c r="BE2593" s="53"/>
      <c r="BF2593" s="53"/>
      <c r="BG2593" s="53"/>
      <c r="BH2593" s="53"/>
      <c r="BI2593" s="53"/>
      <c r="BJ2593" s="53"/>
      <c r="BK2593" s="53"/>
      <c r="BL2593" s="53"/>
      <c r="BM2593" s="53"/>
      <c r="BN2593" s="53"/>
      <c r="BO2593" s="53"/>
      <c r="BP2593" s="53"/>
      <c r="BQ2593" s="53"/>
      <c r="BR2593" s="53"/>
      <c r="BS2593" s="53"/>
      <c r="BT2593" s="53"/>
      <c r="BU2593" s="53"/>
      <c r="BV2593" s="53"/>
      <c r="BW2593" s="53"/>
      <c r="BX2593" s="53"/>
      <c r="BY2593" s="53"/>
      <c r="BZ2593" s="53"/>
      <c r="CA2593" s="53"/>
      <c r="CB2593" s="53">
        <v>1106250</v>
      </c>
      <c r="CC2593" s="53">
        <v>1106250</v>
      </c>
      <c r="CD2593" s="53">
        <v>1106250</v>
      </c>
      <c r="CE2593" s="53">
        <v>1106250</v>
      </c>
      <c r="CF2593" s="53">
        <v>1106250</v>
      </c>
      <c r="CG2593" s="53">
        <v>1106250</v>
      </c>
      <c r="CH2593" s="53">
        <v>1106250</v>
      </c>
      <c r="CI2593" s="53">
        <v>1106250</v>
      </c>
      <c r="CJ2593" s="53">
        <v>1106250</v>
      </c>
      <c r="CK2593" s="53">
        <v>1106250</v>
      </c>
      <c r="CL2593" s="53">
        <v>1106250</v>
      </c>
      <c r="CM2593" s="53">
        <v>1106250</v>
      </c>
      <c r="CN2593" s="53">
        <v>13275000</v>
      </c>
    </row>
    <row r="2594" spans="1:92" outlineLevel="1">
      <c r="A2594" s="52" t="s">
        <v>672</v>
      </c>
      <c r="B2594" s="53"/>
      <c r="C2594" s="53"/>
      <c r="D2594" s="53"/>
      <c r="E2594" s="53"/>
      <c r="F2594" s="53"/>
      <c r="G2594" s="53"/>
      <c r="H2594" s="53"/>
      <c r="I2594" s="53"/>
      <c r="J2594" s="53"/>
      <c r="K2594" s="53"/>
      <c r="L2594" s="53"/>
      <c r="M2594" s="53"/>
      <c r="N2594" s="53"/>
      <c r="O2594" s="53"/>
      <c r="P2594" s="53"/>
      <c r="Q2594" s="53"/>
      <c r="R2594" s="53"/>
      <c r="S2594" s="53"/>
      <c r="T2594" s="53"/>
      <c r="U2594" s="53"/>
      <c r="V2594" s="53"/>
      <c r="W2594" s="53"/>
      <c r="X2594" s="53"/>
      <c r="Y2594" s="53"/>
      <c r="Z2594" s="53"/>
      <c r="AA2594" s="53"/>
      <c r="AB2594" s="53"/>
      <c r="AC2594" s="53"/>
      <c r="AD2594" s="53"/>
      <c r="AE2594" s="53"/>
      <c r="AF2594" s="53"/>
      <c r="AG2594" s="53"/>
      <c r="AH2594" s="53"/>
      <c r="AI2594" s="53"/>
      <c r="AJ2594" s="53"/>
      <c r="AK2594" s="53"/>
      <c r="AL2594" s="53"/>
      <c r="AM2594" s="53"/>
      <c r="AN2594" s="53"/>
      <c r="AO2594" s="53"/>
      <c r="AP2594" s="53"/>
      <c r="AQ2594" s="53"/>
      <c r="AR2594" s="53"/>
      <c r="AS2594" s="53"/>
      <c r="AT2594" s="53"/>
      <c r="AU2594" s="53"/>
      <c r="AV2594" s="53"/>
      <c r="AW2594" s="53"/>
      <c r="AX2594" s="53"/>
      <c r="AY2594" s="53"/>
      <c r="AZ2594" s="53"/>
      <c r="BA2594" s="53"/>
      <c r="BB2594" s="53"/>
      <c r="BC2594" s="53"/>
      <c r="BD2594" s="53"/>
      <c r="BE2594" s="53"/>
      <c r="BF2594" s="53"/>
      <c r="BG2594" s="53"/>
      <c r="BH2594" s="53"/>
      <c r="BI2594" s="53"/>
      <c r="BJ2594" s="53"/>
      <c r="BK2594" s="53"/>
      <c r="BL2594" s="53"/>
      <c r="BM2594" s="53"/>
      <c r="BN2594" s="53"/>
      <c r="BO2594" s="53"/>
      <c r="BP2594" s="53"/>
      <c r="BQ2594" s="53"/>
      <c r="BR2594" s="53"/>
      <c r="BS2594" s="53"/>
      <c r="BT2594" s="53"/>
      <c r="BU2594" s="53"/>
      <c r="BV2594" s="53"/>
      <c r="BW2594" s="53"/>
      <c r="BX2594" s="53"/>
      <c r="BY2594" s="53"/>
      <c r="BZ2594" s="53"/>
      <c r="CA2594" s="53"/>
      <c r="CB2594" s="53">
        <v>2645833.3333333302</v>
      </c>
      <c r="CC2594" s="53">
        <v>2645833.3333333302</v>
      </c>
      <c r="CD2594" s="53">
        <v>2645833.3333333302</v>
      </c>
      <c r="CE2594" s="53">
        <v>2645833.3333333302</v>
      </c>
      <c r="CF2594" s="53">
        <v>2645833.3333333302</v>
      </c>
      <c r="CG2594" s="53">
        <v>2645833.3333333302</v>
      </c>
      <c r="CH2594" s="53">
        <v>2645833.3333333302</v>
      </c>
      <c r="CI2594" s="53">
        <v>2645833.3333333302</v>
      </c>
      <c r="CJ2594" s="53">
        <v>2645833.3333333302</v>
      </c>
      <c r="CK2594" s="53">
        <v>2645833.3333333302</v>
      </c>
      <c r="CL2594" s="53">
        <v>2645833.3333333302</v>
      </c>
      <c r="CM2594" s="53">
        <v>2645833.3333333302</v>
      </c>
      <c r="CN2594" s="53">
        <v>31749999.999999899</v>
      </c>
    </row>
    <row r="2595" spans="1:92" outlineLevel="1">
      <c r="A2595" s="52" t="s">
        <v>709</v>
      </c>
      <c r="B2595" s="53"/>
      <c r="C2595" s="53"/>
      <c r="D2595" s="53"/>
      <c r="E2595" s="53"/>
      <c r="F2595" s="53"/>
      <c r="G2595" s="53"/>
      <c r="H2595" s="53"/>
      <c r="I2595" s="53"/>
      <c r="J2595" s="53"/>
      <c r="K2595" s="53"/>
      <c r="L2595" s="53"/>
      <c r="M2595" s="53"/>
      <c r="N2595" s="53"/>
      <c r="O2595" s="53"/>
      <c r="P2595" s="53"/>
      <c r="Q2595" s="53"/>
      <c r="R2595" s="53"/>
      <c r="S2595" s="53"/>
      <c r="T2595" s="53"/>
      <c r="U2595" s="53"/>
      <c r="V2595" s="53"/>
      <c r="W2595" s="53"/>
      <c r="X2595" s="53"/>
      <c r="Y2595" s="53"/>
      <c r="Z2595" s="53"/>
      <c r="AA2595" s="53"/>
      <c r="AB2595" s="53"/>
      <c r="AC2595" s="53"/>
      <c r="AD2595" s="53"/>
      <c r="AE2595" s="53"/>
      <c r="AF2595" s="53"/>
      <c r="AG2595" s="53"/>
      <c r="AH2595" s="53"/>
      <c r="AI2595" s="53"/>
      <c r="AJ2595" s="53"/>
      <c r="AK2595" s="53"/>
      <c r="AL2595" s="53"/>
      <c r="AM2595" s="53"/>
      <c r="AN2595" s="53"/>
      <c r="AO2595" s="53"/>
      <c r="AP2595" s="53"/>
      <c r="AQ2595" s="53"/>
      <c r="AR2595" s="53"/>
      <c r="AS2595" s="53"/>
      <c r="AT2595" s="53"/>
      <c r="AU2595" s="53"/>
      <c r="AV2595" s="53"/>
      <c r="AW2595" s="53"/>
      <c r="AX2595" s="53"/>
      <c r="AY2595" s="53"/>
      <c r="AZ2595" s="53"/>
      <c r="BA2595" s="53"/>
      <c r="BB2595" s="53"/>
      <c r="BC2595" s="53"/>
      <c r="BD2595" s="53"/>
      <c r="BE2595" s="53"/>
      <c r="BF2595" s="53"/>
      <c r="BG2595" s="53"/>
      <c r="BH2595" s="53"/>
      <c r="BI2595" s="53"/>
      <c r="BJ2595" s="53"/>
      <c r="BK2595" s="53"/>
      <c r="BL2595" s="53"/>
      <c r="BM2595" s="53"/>
      <c r="BN2595" s="53"/>
      <c r="BO2595" s="53"/>
      <c r="BP2595" s="53"/>
      <c r="BQ2595" s="53"/>
      <c r="BR2595" s="53"/>
      <c r="BS2595" s="53"/>
      <c r="BT2595" s="53"/>
      <c r="BU2595" s="53"/>
      <c r="BV2595" s="53"/>
      <c r="BW2595" s="53"/>
      <c r="BX2595" s="53"/>
      <c r="BY2595" s="53"/>
      <c r="BZ2595" s="53"/>
      <c r="CA2595" s="53"/>
      <c r="CB2595" s="53"/>
      <c r="CC2595" s="53"/>
      <c r="CD2595" s="53"/>
      <c r="CE2595" s="53"/>
      <c r="CF2595" s="53"/>
      <c r="CG2595" s="53"/>
      <c r="CH2595" s="53"/>
      <c r="CI2595" s="53"/>
      <c r="CJ2595" s="53"/>
      <c r="CK2595" s="53"/>
      <c r="CL2595" s="53"/>
      <c r="CM2595" s="53"/>
      <c r="CN2595" s="53"/>
    </row>
    <row r="2596" spans="1:92" outlineLevel="1">
      <c r="A2596" s="52" t="s">
        <v>1660</v>
      </c>
      <c r="B2596" s="53"/>
      <c r="C2596" s="53"/>
      <c r="D2596" s="53"/>
      <c r="E2596" s="53"/>
      <c r="F2596" s="53"/>
      <c r="G2596" s="53"/>
      <c r="H2596" s="53"/>
      <c r="I2596" s="53"/>
      <c r="J2596" s="53"/>
      <c r="K2596" s="53"/>
      <c r="L2596" s="53"/>
      <c r="M2596" s="53"/>
      <c r="N2596" s="53"/>
      <c r="O2596" s="53"/>
      <c r="P2596" s="53"/>
      <c r="Q2596" s="53"/>
      <c r="R2596" s="53"/>
      <c r="S2596" s="53"/>
      <c r="T2596" s="53"/>
      <c r="U2596" s="53"/>
      <c r="V2596" s="53"/>
      <c r="W2596" s="53"/>
      <c r="X2596" s="53"/>
      <c r="Y2596" s="53"/>
      <c r="Z2596" s="53"/>
      <c r="AA2596" s="53"/>
      <c r="AB2596" s="53"/>
      <c r="AC2596" s="53"/>
      <c r="AD2596" s="53"/>
      <c r="AE2596" s="53"/>
      <c r="AF2596" s="53"/>
      <c r="AG2596" s="53"/>
      <c r="AH2596" s="53"/>
      <c r="AI2596" s="53"/>
      <c r="AJ2596" s="53"/>
      <c r="AK2596" s="53"/>
      <c r="AL2596" s="53"/>
      <c r="AM2596" s="53"/>
      <c r="AN2596" s="53"/>
      <c r="AO2596" s="53"/>
      <c r="AP2596" s="53"/>
      <c r="AQ2596" s="53"/>
      <c r="AR2596" s="53"/>
      <c r="AS2596" s="53"/>
      <c r="AT2596" s="53"/>
      <c r="AU2596" s="53"/>
      <c r="AV2596" s="53"/>
      <c r="AW2596" s="53"/>
      <c r="AX2596" s="53"/>
      <c r="AY2596" s="53"/>
      <c r="AZ2596" s="53"/>
      <c r="BA2596" s="53"/>
      <c r="BB2596" s="53"/>
      <c r="BC2596" s="53"/>
      <c r="BD2596" s="53"/>
      <c r="BE2596" s="53"/>
      <c r="BF2596" s="53"/>
      <c r="BG2596" s="53"/>
      <c r="BH2596" s="53"/>
      <c r="BI2596" s="53"/>
      <c r="BJ2596" s="53"/>
      <c r="BK2596" s="53"/>
      <c r="BL2596" s="53"/>
      <c r="BM2596" s="53"/>
      <c r="BN2596" s="53"/>
      <c r="BO2596" s="53"/>
      <c r="BP2596" s="53"/>
      <c r="BQ2596" s="53"/>
      <c r="BR2596" s="53"/>
      <c r="BS2596" s="53"/>
      <c r="BT2596" s="53"/>
      <c r="BU2596" s="53"/>
      <c r="BV2596" s="53"/>
      <c r="BW2596" s="53"/>
      <c r="BX2596" s="53"/>
      <c r="BY2596" s="53"/>
      <c r="BZ2596" s="53"/>
      <c r="CA2596" s="53"/>
      <c r="CB2596" s="53"/>
      <c r="CC2596" s="53"/>
      <c r="CD2596" s="53"/>
      <c r="CE2596" s="53"/>
      <c r="CF2596" s="53"/>
      <c r="CG2596" s="53"/>
      <c r="CH2596" s="53"/>
      <c r="CI2596" s="53"/>
      <c r="CJ2596" s="53"/>
      <c r="CK2596" s="53"/>
      <c r="CL2596" s="53"/>
      <c r="CM2596" s="53"/>
      <c r="CN2596" s="53"/>
    </row>
    <row r="2597" spans="1:92" outlineLevel="1">
      <c r="A2597" s="52" t="s">
        <v>1564</v>
      </c>
      <c r="B2597" s="53"/>
      <c r="C2597" s="53"/>
      <c r="D2597" s="53"/>
      <c r="E2597" s="53"/>
      <c r="F2597" s="53"/>
      <c r="G2597" s="53"/>
      <c r="H2597" s="53"/>
      <c r="I2597" s="53"/>
      <c r="J2597" s="53"/>
      <c r="K2597" s="53">
        <v>800000000</v>
      </c>
      <c r="L2597" s="53"/>
      <c r="M2597" s="53"/>
      <c r="N2597" s="53">
        <v>800000000</v>
      </c>
      <c r="O2597" s="53"/>
      <c r="P2597" s="53"/>
      <c r="Q2597" s="53"/>
      <c r="R2597" s="53"/>
      <c r="S2597" s="53"/>
      <c r="T2597" s="53"/>
      <c r="U2597" s="53"/>
      <c r="V2597" s="53"/>
      <c r="W2597" s="53"/>
      <c r="X2597" s="53"/>
      <c r="Y2597" s="53"/>
      <c r="Z2597" s="53"/>
      <c r="AA2597" s="53"/>
      <c r="AB2597" s="53"/>
      <c r="AC2597" s="53"/>
      <c r="AD2597" s="53"/>
      <c r="AE2597" s="53"/>
      <c r="AF2597" s="53"/>
      <c r="AG2597" s="53"/>
      <c r="AH2597" s="53"/>
      <c r="AI2597" s="53"/>
      <c r="AJ2597" s="53"/>
      <c r="AK2597" s="53"/>
      <c r="AL2597" s="53"/>
      <c r="AM2597" s="53"/>
      <c r="AN2597" s="53"/>
      <c r="AO2597" s="53"/>
      <c r="AP2597" s="53"/>
      <c r="AQ2597" s="53"/>
      <c r="AR2597" s="53"/>
      <c r="AS2597" s="53"/>
      <c r="AT2597" s="53"/>
      <c r="AU2597" s="53"/>
      <c r="AV2597" s="53"/>
      <c r="AW2597" s="53"/>
      <c r="AX2597" s="53"/>
      <c r="AY2597" s="53"/>
      <c r="AZ2597" s="53"/>
      <c r="BA2597" s="53"/>
      <c r="BB2597" s="53"/>
      <c r="BC2597" s="53"/>
      <c r="BD2597" s="53"/>
      <c r="BE2597" s="53"/>
      <c r="BF2597" s="53"/>
      <c r="BG2597" s="53"/>
      <c r="BH2597" s="53"/>
      <c r="BI2597" s="53"/>
      <c r="BJ2597" s="53"/>
      <c r="BK2597" s="53"/>
      <c r="BL2597" s="53"/>
      <c r="BM2597" s="53"/>
      <c r="BN2597" s="53"/>
      <c r="BO2597" s="53"/>
      <c r="BP2597" s="53"/>
      <c r="BQ2597" s="53"/>
      <c r="BR2597" s="53"/>
      <c r="BS2597" s="53"/>
      <c r="BT2597" s="53"/>
      <c r="BU2597" s="53"/>
      <c r="BV2597" s="53"/>
      <c r="BW2597" s="53"/>
      <c r="BX2597" s="53"/>
      <c r="BY2597" s="53"/>
      <c r="BZ2597" s="53"/>
      <c r="CA2597" s="53"/>
      <c r="CB2597" s="53">
        <v>5333333.3333333302</v>
      </c>
      <c r="CC2597" s="53">
        <v>5333333.3333333302</v>
      </c>
      <c r="CD2597" s="53">
        <v>5333333.3333333302</v>
      </c>
      <c r="CE2597" s="53">
        <v>5333333.3333333302</v>
      </c>
      <c r="CF2597" s="53">
        <v>5333333.3333333302</v>
      </c>
      <c r="CG2597" s="53">
        <v>5333333.3333333302</v>
      </c>
      <c r="CH2597" s="53">
        <v>5333333.3333333302</v>
      </c>
      <c r="CI2597" s="53">
        <v>5333333.3333333302</v>
      </c>
      <c r="CJ2597" s="53">
        <v>5333333.3333333302</v>
      </c>
      <c r="CK2597" s="53">
        <v>5333333.3333333302</v>
      </c>
      <c r="CL2597" s="53">
        <v>5333333.3333333302</v>
      </c>
      <c r="CM2597" s="53">
        <v>5333333.3333333302</v>
      </c>
      <c r="CN2597" s="53">
        <v>64000000</v>
      </c>
    </row>
    <row r="2598" spans="1:92" outlineLevel="1">
      <c r="A2598" s="52" t="s">
        <v>1565</v>
      </c>
      <c r="B2598" s="53"/>
      <c r="C2598" s="53"/>
      <c r="D2598" s="53"/>
      <c r="E2598" s="53"/>
      <c r="F2598" s="53"/>
      <c r="G2598" s="53"/>
      <c r="H2598" s="53"/>
      <c r="I2598" s="53"/>
      <c r="J2598" s="53"/>
      <c r="K2598" s="53"/>
      <c r="L2598" s="53">
        <v>500000000</v>
      </c>
      <c r="M2598" s="53"/>
      <c r="N2598" s="53">
        <v>500000000</v>
      </c>
      <c r="O2598" s="53"/>
      <c r="P2598" s="53"/>
      <c r="Q2598" s="53"/>
      <c r="R2598" s="53"/>
      <c r="S2598" s="53"/>
      <c r="T2598" s="53"/>
      <c r="U2598" s="53"/>
      <c r="V2598" s="53"/>
      <c r="W2598" s="53"/>
      <c r="X2598" s="53"/>
      <c r="Y2598" s="53"/>
      <c r="Z2598" s="53"/>
      <c r="AA2598" s="53"/>
      <c r="AB2598" s="53"/>
      <c r="AC2598" s="53"/>
      <c r="AD2598" s="53"/>
      <c r="AE2598" s="53"/>
      <c r="AF2598" s="53"/>
      <c r="AG2598" s="53"/>
      <c r="AH2598" s="53"/>
      <c r="AI2598" s="53"/>
      <c r="AJ2598" s="53"/>
      <c r="AK2598" s="53"/>
      <c r="AL2598" s="53"/>
      <c r="AM2598" s="53"/>
      <c r="AN2598" s="53"/>
      <c r="AO2598" s="53"/>
      <c r="AP2598" s="53"/>
      <c r="AQ2598" s="53"/>
      <c r="AR2598" s="53"/>
      <c r="AS2598" s="53"/>
      <c r="AT2598" s="53"/>
      <c r="AU2598" s="53"/>
      <c r="AV2598" s="53"/>
      <c r="AW2598" s="53"/>
      <c r="AX2598" s="53"/>
      <c r="AY2598" s="53"/>
      <c r="AZ2598" s="53"/>
      <c r="BA2598" s="53"/>
      <c r="BB2598" s="53"/>
      <c r="BC2598" s="53"/>
      <c r="BD2598" s="53"/>
      <c r="BE2598" s="53"/>
      <c r="BF2598" s="53"/>
      <c r="BG2598" s="53"/>
      <c r="BH2598" s="53"/>
      <c r="BI2598" s="53"/>
      <c r="BJ2598" s="53"/>
      <c r="BK2598" s="53"/>
      <c r="BL2598" s="53"/>
      <c r="BM2598" s="53"/>
      <c r="BN2598" s="53"/>
      <c r="BO2598" s="53"/>
      <c r="BP2598" s="53"/>
      <c r="BQ2598" s="53"/>
      <c r="BR2598" s="53"/>
      <c r="BS2598" s="53"/>
      <c r="BT2598" s="53"/>
      <c r="BU2598" s="53"/>
      <c r="BV2598" s="53"/>
      <c r="BW2598" s="53"/>
      <c r="BX2598" s="53"/>
      <c r="BY2598" s="53"/>
      <c r="BZ2598" s="53"/>
      <c r="CA2598" s="53"/>
      <c r="CB2598" s="53">
        <v>1647916.66666666</v>
      </c>
      <c r="CC2598" s="53">
        <v>1647916.66666666</v>
      </c>
      <c r="CD2598" s="53">
        <v>1647916.66666666</v>
      </c>
      <c r="CE2598" s="53">
        <v>1647916.66666666</v>
      </c>
      <c r="CF2598" s="53">
        <v>1647916.66666666</v>
      </c>
      <c r="CG2598" s="53">
        <v>1647916.66666666</v>
      </c>
      <c r="CH2598" s="53">
        <v>1647916.66666666</v>
      </c>
      <c r="CI2598" s="53">
        <v>1647916.66666666</v>
      </c>
      <c r="CJ2598" s="53">
        <v>1647916.66666666</v>
      </c>
      <c r="CK2598" s="53">
        <v>1647916.66666666</v>
      </c>
      <c r="CL2598" s="53">
        <v>1647916.66666666</v>
      </c>
      <c r="CM2598" s="53">
        <v>1647916.66666666</v>
      </c>
      <c r="CN2598" s="53">
        <v>19775000</v>
      </c>
    </row>
    <row r="2599" spans="1:92" outlineLevel="1">
      <c r="A2599" s="52" t="s">
        <v>739</v>
      </c>
      <c r="B2599" s="53"/>
      <c r="C2599" s="53"/>
      <c r="D2599" s="53"/>
      <c r="E2599" s="53"/>
      <c r="F2599" s="53"/>
      <c r="G2599" s="53"/>
      <c r="H2599" s="53"/>
      <c r="I2599" s="53"/>
      <c r="J2599" s="53"/>
      <c r="K2599" s="53"/>
      <c r="L2599" s="53"/>
      <c r="M2599" s="53"/>
      <c r="N2599" s="53"/>
      <c r="O2599" s="53"/>
      <c r="P2599" s="53"/>
      <c r="Q2599" s="53"/>
      <c r="R2599" s="53"/>
      <c r="S2599" s="53"/>
      <c r="T2599" s="53"/>
      <c r="U2599" s="53"/>
      <c r="V2599" s="53"/>
      <c r="W2599" s="53"/>
      <c r="X2599" s="53"/>
      <c r="Y2599" s="53"/>
      <c r="Z2599" s="53"/>
      <c r="AA2599" s="53"/>
      <c r="AB2599" s="53"/>
      <c r="AC2599" s="53"/>
      <c r="AD2599" s="53"/>
      <c r="AE2599" s="53"/>
      <c r="AF2599" s="53"/>
      <c r="AG2599" s="53"/>
      <c r="AH2599" s="53"/>
      <c r="AI2599" s="53"/>
      <c r="AJ2599" s="53"/>
      <c r="AK2599" s="53"/>
      <c r="AL2599" s="53"/>
      <c r="AM2599" s="53"/>
      <c r="AN2599" s="53"/>
      <c r="AO2599" s="53"/>
      <c r="AP2599" s="53"/>
      <c r="AQ2599" s="53"/>
      <c r="AR2599" s="53"/>
      <c r="AS2599" s="53"/>
      <c r="AT2599" s="53"/>
      <c r="AU2599" s="53"/>
      <c r="AV2599" s="53"/>
      <c r="AW2599" s="53"/>
      <c r="AX2599" s="53"/>
      <c r="AY2599" s="53"/>
      <c r="AZ2599" s="53"/>
      <c r="BA2599" s="53"/>
      <c r="BB2599" s="53"/>
      <c r="BC2599" s="53"/>
      <c r="BD2599" s="53"/>
      <c r="BE2599" s="53"/>
      <c r="BF2599" s="53"/>
      <c r="BG2599" s="53"/>
      <c r="BH2599" s="53"/>
      <c r="BI2599" s="53"/>
      <c r="BJ2599" s="53"/>
      <c r="BK2599" s="53"/>
      <c r="BL2599" s="53"/>
      <c r="BM2599" s="53"/>
      <c r="BN2599" s="53"/>
      <c r="BO2599" s="53"/>
      <c r="BP2599" s="53"/>
      <c r="BQ2599" s="53"/>
      <c r="BR2599" s="53"/>
      <c r="BS2599" s="53"/>
      <c r="BT2599" s="53"/>
      <c r="BU2599" s="53"/>
      <c r="BV2599" s="53"/>
      <c r="BW2599" s="53"/>
      <c r="BX2599" s="53"/>
      <c r="BY2599" s="53"/>
      <c r="BZ2599" s="53"/>
      <c r="CA2599" s="53"/>
      <c r="CB2599" s="53">
        <v>1283333.33333333</v>
      </c>
      <c r="CC2599" s="53">
        <v>1283333.33333333</v>
      </c>
      <c r="CD2599" s="53">
        <v>1283333.33333333</v>
      </c>
      <c r="CE2599" s="53">
        <v>1283333.33333333</v>
      </c>
      <c r="CF2599" s="53">
        <v>1283333.33333333</v>
      </c>
      <c r="CG2599" s="53">
        <v>1283333.33333333</v>
      </c>
      <c r="CH2599" s="53">
        <v>1283333.33333333</v>
      </c>
      <c r="CI2599" s="53">
        <v>1283333.33333333</v>
      </c>
      <c r="CJ2599" s="53">
        <v>1283333.33333333</v>
      </c>
      <c r="CK2599" s="53">
        <v>1283333.33333333</v>
      </c>
      <c r="CL2599" s="53">
        <v>1283333.33333333</v>
      </c>
      <c r="CM2599" s="53">
        <v>1283333.33333333</v>
      </c>
      <c r="CN2599" s="53">
        <v>15400000</v>
      </c>
    </row>
    <row r="2600" spans="1:92" outlineLevel="1">
      <c r="A2600" s="52" t="s">
        <v>1661</v>
      </c>
      <c r="B2600" s="53"/>
      <c r="C2600" s="53"/>
      <c r="D2600" s="53"/>
      <c r="E2600" s="53"/>
      <c r="F2600" s="53"/>
      <c r="G2600" s="53"/>
      <c r="H2600" s="53"/>
      <c r="I2600" s="53"/>
      <c r="J2600" s="53"/>
      <c r="K2600" s="53"/>
      <c r="L2600" s="53"/>
      <c r="M2600" s="53"/>
      <c r="N2600" s="53"/>
      <c r="O2600" s="53"/>
      <c r="P2600" s="53"/>
      <c r="Q2600" s="53"/>
      <c r="R2600" s="53"/>
      <c r="S2600" s="53"/>
      <c r="T2600" s="53"/>
      <c r="U2600" s="53"/>
      <c r="V2600" s="53"/>
      <c r="W2600" s="53"/>
      <c r="X2600" s="53"/>
      <c r="Y2600" s="53"/>
      <c r="Z2600" s="53"/>
      <c r="AA2600" s="53"/>
      <c r="AB2600" s="53"/>
      <c r="AC2600" s="53"/>
      <c r="AD2600" s="53"/>
      <c r="AE2600" s="53"/>
      <c r="AF2600" s="53"/>
      <c r="AG2600" s="53"/>
      <c r="AH2600" s="53"/>
      <c r="AI2600" s="53"/>
      <c r="AJ2600" s="53"/>
      <c r="AK2600" s="53"/>
      <c r="AL2600" s="53"/>
      <c r="AM2600" s="53"/>
      <c r="AN2600" s="53"/>
      <c r="AO2600" s="53"/>
      <c r="AP2600" s="53"/>
      <c r="AQ2600" s="53"/>
      <c r="AR2600" s="53"/>
      <c r="AS2600" s="53"/>
      <c r="AT2600" s="53"/>
      <c r="AU2600" s="53"/>
      <c r="AV2600" s="53"/>
      <c r="AW2600" s="53"/>
      <c r="AX2600" s="53"/>
      <c r="AY2600" s="53"/>
      <c r="AZ2600" s="53"/>
      <c r="BA2600" s="53"/>
      <c r="BB2600" s="53"/>
      <c r="BC2600" s="53"/>
      <c r="BD2600" s="53"/>
      <c r="BE2600" s="53"/>
      <c r="BF2600" s="53"/>
      <c r="BG2600" s="53"/>
      <c r="BH2600" s="53"/>
      <c r="BI2600" s="53"/>
      <c r="BJ2600" s="53"/>
      <c r="BK2600" s="53"/>
      <c r="BL2600" s="53"/>
      <c r="BM2600" s="53"/>
      <c r="BN2600" s="53"/>
      <c r="BO2600" s="53"/>
      <c r="BP2600" s="53"/>
      <c r="BQ2600" s="53"/>
      <c r="BR2600" s="53"/>
      <c r="BS2600" s="53"/>
      <c r="BT2600" s="53"/>
      <c r="BU2600" s="53"/>
      <c r="BV2600" s="53"/>
      <c r="BW2600" s="53"/>
      <c r="BX2600" s="53"/>
      <c r="BY2600" s="53"/>
      <c r="BZ2600" s="53"/>
      <c r="CA2600" s="53"/>
      <c r="CB2600" s="53">
        <v>489583.33333333302</v>
      </c>
      <c r="CC2600" s="53">
        <v>489583.33333333302</v>
      </c>
      <c r="CD2600" s="53">
        <v>489583.33333333302</v>
      </c>
      <c r="CE2600" s="53">
        <v>489583.33333333302</v>
      </c>
      <c r="CF2600" s="53">
        <v>489583.33333333302</v>
      </c>
      <c r="CG2600" s="53">
        <v>489583.33333333302</v>
      </c>
      <c r="CH2600" s="53">
        <v>489583.33333333302</v>
      </c>
      <c r="CI2600" s="53">
        <v>489583.33333333302</v>
      </c>
      <c r="CJ2600" s="53">
        <v>489583.33333333302</v>
      </c>
      <c r="CK2600" s="53">
        <v>489583.33333333302</v>
      </c>
      <c r="CL2600" s="53">
        <v>489583.33333333302</v>
      </c>
      <c r="CM2600" s="53">
        <v>489583.33333333302</v>
      </c>
      <c r="CN2600" s="53">
        <v>5874999.9999999898</v>
      </c>
    </row>
    <row r="2601" spans="1:92" outlineLevel="1">
      <c r="A2601" s="52" t="s">
        <v>649</v>
      </c>
      <c r="B2601" s="53"/>
      <c r="C2601" s="53"/>
      <c r="D2601" s="53"/>
      <c r="E2601" s="53"/>
      <c r="F2601" s="53"/>
      <c r="G2601" s="53"/>
      <c r="H2601" s="53"/>
      <c r="I2601" s="53"/>
      <c r="J2601" s="53"/>
      <c r="K2601" s="53"/>
      <c r="L2601" s="53"/>
      <c r="M2601" s="53"/>
      <c r="N2601" s="53"/>
      <c r="O2601" s="53"/>
      <c r="P2601" s="53"/>
      <c r="Q2601" s="53"/>
      <c r="R2601" s="53"/>
      <c r="S2601" s="53"/>
      <c r="T2601" s="53">
        <v>650000000</v>
      </c>
      <c r="U2601" s="53"/>
      <c r="V2601" s="53"/>
      <c r="W2601" s="53"/>
      <c r="X2601" s="53"/>
      <c r="Y2601" s="53"/>
      <c r="Z2601" s="53"/>
      <c r="AA2601" s="53">
        <v>650000000</v>
      </c>
      <c r="AB2601" s="53"/>
      <c r="AC2601" s="53"/>
      <c r="AD2601" s="53"/>
      <c r="AE2601" s="53"/>
      <c r="AF2601" s="53"/>
      <c r="AG2601" s="53"/>
      <c r="AH2601" s="53"/>
      <c r="AI2601" s="53">
        <v>1000000000</v>
      </c>
      <c r="AJ2601" s="53"/>
      <c r="AK2601" s="53"/>
      <c r="AL2601" s="53"/>
      <c r="AM2601" s="53"/>
      <c r="AN2601" s="53">
        <v>1000000000</v>
      </c>
      <c r="AO2601" s="53"/>
      <c r="AP2601" s="53"/>
      <c r="AQ2601" s="53"/>
      <c r="AR2601" s="53"/>
      <c r="AS2601" s="53"/>
      <c r="AT2601" s="53">
        <v>700000000</v>
      </c>
      <c r="AU2601" s="53"/>
      <c r="AV2601" s="53"/>
      <c r="AW2601" s="53"/>
      <c r="AX2601" s="53"/>
      <c r="AY2601" s="53"/>
      <c r="AZ2601" s="53"/>
      <c r="BA2601" s="53">
        <v>700000000</v>
      </c>
      <c r="BB2601" s="53"/>
      <c r="BC2601" s="53"/>
      <c r="BD2601" s="53"/>
      <c r="BE2601" s="53"/>
      <c r="BF2601" s="53"/>
      <c r="BG2601" s="53">
        <v>650000000</v>
      </c>
      <c r="BH2601" s="53"/>
      <c r="BI2601" s="53"/>
      <c r="BJ2601" s="53"/>
      <c r="BK2601" s="53"/>
      <c r="BL2601" s="53"/>
      <c r="BM2601" s="53"/>
      <c r="BN2601" s="53">
        <v>650000000</v>
      </c>
      <c r="BO2601" s="53"/>
      <c r="BP2601" s="53"/>
      <c r="BQ2601" s="53"/>
      <c r="BR2601" s="53"/>
      <c r="BS2601" s="53"/>
      <c r="BT2601" s="53">
        <v>1250000000</v>
      </c>
      <c r="BU2601" s="53"/>
      <c r="BV2601" s="53"/>
      <c r="BW2601" s="53"/>
      <c r="BX2601" s="53"/>
      <c r="BY2601" s="53"/>
      <c r="BZ2601" s="53"/>
      <c r="CA2601" s="53">
        <v>1250000000</v>
      </c>
      <c r="CB2601" s="53"/>
      <c r="CC2601" s="53"/>
      <c r="CD2601" s="53"/>
      <c r="CE2601" s="53"/>
      <c r="CF2601" s="53"/>
      <c r="CG2601" s="53"/>
      <c r="CH2601" s="53"/>
      <c r="CI2601" s="53"/>
      <c r="CJ2601" s="53"/>
      <c r="CK2601" s="53"/>
      <c r="CL2601" s="53"/>
      <c r="CM2601" s="53"/>
      <c r="CN2601" s="53"/>
    </row>
    <row r="2602" spans="1:92" outlineLevel="1">
      <c r="A2602" s="52" t="s">
        <v>1662</v>
      </c>
      <c r="B2602" s="53">
        <v>0</v>
      </c>
      <c r="C2602" s="53">
        <v>0</v>
      </c>
      <c r="D2602" s="53">
        <v>0</v>
      </c>
      <c r="E2602" s="53">
        <v>0</v>
      </c>
      <c r="F2602" s="53">
        <v>0</v>
      </c>
      <c r="G2602" s="53">
        <v>0</v>
      </c>
      <c r="H2602" s="53">
        <v>0</v>
      </c>
      <c r="I2602" s="53">
        <v>0</v>
      </c>
      <c r="J2602" s="53">
        <v>0</v>
      </c>
      <c r="K2602" s="53">
        <v>0</v>
      </c>
      <c r="L2602" s="53">
        <v>0</v>
      </c>
      <c r="M2602" s="53">
        <v>0</v>
      </c>
      <c r="N2602" s="53">
        <v>0</v>
      </c>
      <c r="O2602" s="53">
        <v>0</v>
      </c>
      <c r="P2602" s="53">
        <v>0</v>
      </c>
      <c r="Q2602" s="53">
        <v>0</v>
      </c>
      <c r="R2602" s="53">
        <v>-800000000</v>
      </c>
      <c r="S2602" s="53">
        <v>-800000000</v>
      </c>
      <c r="T2602" s="53">
        <v>-150000000</v>
      </c>
      <c r="U2602" s="53">
        <v>-150000000</v>
      </c>
      <c r="V2602" s="53">
        <v>-150000000</v>
      </c>
      <c r="W2602" s="53">
        <v>-150000000</v>
      </c>
      <c r="X2602" s="53">
        <v>-150000000</v>
      </c>
      <c r="Y2602" s="53">
        <v>-150000000</v>
      </c>
      <c r="Z2602" s="53">
        <v>-150000000</v>
      </c>
      <c r="AA2602" s="53">
        <v>-150000000</v>
      </c>
      <c r="AB2602" s="53">
        <v>-150000000</v>
      </c>
      <c r="AC2602" s="53">
        <v>-150000000</v>
      </c>
      <c r="AD2602" s="53">
        <v>-150000000</v>
      </c>
      <c r="AE2602" s="53">
        <v>-150000000</v>
      </c>
      <c r="AF2602" s="53">
        <v>-150000000</v>
      </c>
      <c r="AG2602" s="53">
        <v>-150000000</v>
      </c>
      <c r="AH2602" s="53">
        <v>-150000000</v>
      </c>
      <c r="AI2602" s="53">
        <v>850000000</v>
      </c>
      <c r="AJ2602" s="53">
        <v>850000000</v>
      </c>
      <c r="AK2602" s="53">
        <v>850000000</v>
      </c>
      <c r="AL2602" s="53">
        <v>850000000</v>
      </c>
      <c r="AM2602" s="53">
        <v>850000000</v>
      </c>
      <c r="AN2602" s="53">
        <v>850000000</v>
      </c>
      <c r="AO2602" s="53">
        <v>850000000</v>
      </c>
      <c r="AP2602" s="53">
        <v>850000000</v>
      </c>
      <c r="AQ2602" s="53">
        <v>850000000</v>
      </c>
      <c r="AR2602" s="53">
        <v>850000000</v>
      </c>
      <c r="AS2602" s="53">
        <v>850000000</v>
      </c>
      <c r="AT2602" s="53">
        <v>1550000000</v>
      </c>
      <c r="AU2602" s="53">
        <v>1550000000</v>
      </c>
      <c r="AV2602" s="53">
        <v>1550000000</v>
      </c>
      <c r="AW2602" s="53">
        <v>1550000000</v>
      </c>
      <c r="AX2602" s="53">
        <v>1550000000</v>
      </c>
      <c r="AY2602" s="53">
        <v>1550000000</v>
      </c>
      <c r="AZ2602" s="53">
        <v>1550000000</v>
      </c>
      <c r="BA2602" s="53">
        <v>1550000000</v>
      </c>
      <c r="BB2602" s="53">
        <v>900000000</v>
      </c>
      <c r="BC2602" s="53">
        <v>900000000</v>
      </c>
      <c r="BD2602" s="53">
        <v>900000000</v>
      </c>
      <c r="BE2602" s="53">
        <v>900000000</v>
      </c>
      <c r="BF2602" s="53">
        <v>900000000</v>
      </c>
      <c r="BG2602" s="53">
        <v>1550000000</v>
      </c>
      <c r="BH2602" s="53">
        <v>1550000000</v>
      </c>
      <c r="BI2602" s="53">
        <v>1550000000</v>
      </c>
      <c r="BJ2602" s="53">
        <v>1550000000</v>
      </c>
      <c r="BK2602" s="53">
        <v>1550000000</v>
      </c>
      <c r="BL2602" s="53">
        <v>1550000000</v>
      </c>
      <c r="BM2602" s="53">
        <v>1550000000</v>
      </c>
      <c r="BN2602" s="53">
        <v>1550000000</v>
      </c>
      <c r="BO2602" s="53">
        <v>1550000000</v>
      </c>
      <c r="BP2602" s="53">
        <v>1400000000</v>
      </c>
      <c r="BQ2602" s="53">
        <v>1400000000</v>
      </c>
      <c r="BR2602" s="53">
        <v>1400000000</v>
      </c>
      <c r="BS2602" s="53">
        <v>1400000000</v>
      </c>
      <c r="BT2602" s="53">
        <v>2650000000</v>
      </c>
      <c r="BU2602" s="53">
        <v>2050000000</v>
      </c>
      <c r="BV2602" s="53">
        <v>2050000000</v>
      </c>
      <c r="BW2602" s="53">
        <v>2050000000</v>
      </c>
      <c r="BX2602" s="53">
        <v>2050000000</v>
      </c>
      <c r="BY2602" s="53">
        <v>2050000000</v>
      </c>
      <c r="BZ2602" s="53">
        <v>2050000000</v>
      </c>
      <c r="CA2602" s="53">
        <v>2050000000</v>
      </c>
      <c r="CB2602" s="53">
        <v>1700000</v>
      </c>
      <c r="CC2602" s="53">
        <v>1700000</v>
      </c>
      <c r="CD2602" s="53">
        <v>1700000</v>
      </c>
      <c r="CE2602" s="53">
        <v>1700000</v>
      </c>
      <c r="CF2602" s="53">
        <v>1700000</v>
      </c>
      <c r="CG2602" s="53">
        <v>1700000</v>
      </c>
      <c r="CH2602" s="53">
        <v>1700000</v>
      </c>
      <c r="CI2602" s="53">
        <v>1700000</v>
      </c>
      <c r="CJ2602" s="53">
        <v>1700000</v>
      </c>
      <c r="CK2602" s="53">
        <v>1700000</v>
      </c>
      <c r="CL2602" s="53">
        <v>1700000</v>
      </c>
      <c r="CM2602" s="53">
        <v>1700000</v>
      </c>
      <c r="CN2602" s="53">
        <v>20400000</v>
      </c>
    </row>
    <row r="2603" spans="1:92" outlineLevel="1">
      <c r="A2603" s="52" t="s">
        <v>1663</v>
      </c>
      <c r="B2603" s="53">
        <v>0</v>
      </c>
      <c r="C2603" s="53">
        <v>0</v>
      </c>
      <c r="D2603" s="53">
        <v>0</v>
      </c>
      <c r="E2603" s="53">
        <v>0</v>
      </c>
      <c r="F2603" s="53">
        <v>0</v>
      </c>
      <c r="G2603" s="53">
        <v>0</v>
      </c>
      <c r="H2603" s="53">
        <v>0</v>
      </c>
      <c r="I2603" s="53">
        <v>0</v>
      </c>
      <c r="J2603" s="53">
        <v>0</v>
      </c>
      <c r="K2603" s="53">
        <v>0</v>
      </c>
      <c r="L2603" s="53">
        <v>0</v>
      </c>
      <c r="M2603" s="53">
        <v>0</v>
      </c>
      <c r="N2603" s="53">
        <v>0</v>
      </c>
      <c r="O2603" s="53">
        <v>0</v>
      </c>
      <c r="P2603" s="53">
        <v>0</v>
      </c>
      <c r="Q2603" s="53">
        <v>0</v>
      </c>
      <c r="R2603" s="53">
        <v>0</v>
      </c>
      <c r="S2603" s="53">
        <v>0</v>
      </c>
      <c r="T2603" s="53">
        <v>0</v>
      </c>
      <c r="U2603" s="53">
        <v>0</v>
      </c>
      <c r="V2603" s="53">
        <v>0</v>
      </c>
      <c r="W2603" s="53">
        <v>0</v>
      </c>
      <c r="X2603" s="53">
        <v>0</v>
      </c>
      <c r="Y2603" s="53">
        <v>0</v>
      </c>
      <c r="Z2603" s="53">
        <v>0</v>
      </c>
      <c r="AA2603" s="53">
        <v>0</v>
      </c>
      <c r="AB2603" s="53">
        <v>0</v>
      </c>
      <c r="AC2603" s="53">
        <v>0</v>
      </c>
      <c r="AD2603" s="53">
        <v>0</v>
      </c>
      <c r="AE2603" s="53">
        <v>0</v>
      </c>
      <c r="AF2603" s="53">
        <v>0</v>
      </c>
      <c r="AG2603" s="53">
        <v>0</v>
      </c>
      <c r="AH2603" s="53">
        <v>0</v>
      </c>
      <c r="AI2603" s="53">
        <v>0</v>
      </c>
      <c r="AJ2603" s="53">
        <v>0</v>
      </c>
      <c r="AK2603" s="53">
        <v>0</v>
      </c>
      <c r="AL2603" s="53">
        <v>0</v>
      </c>
      <c r="AM2603" s="53">
        <v>0</v>
      </c>
      <c r="AN2603" s="53">
        <v>0</v>
      </c>
      <c r="AO2603" s="53">
        <v>0</v>
      </c>
      <c r="AP2603" s="53">
        <v>0</v>
      </c>
      <c r="AQ2603" s="53">
        <v>0</v>
      </c>
      <c r="AR2603" s="53">
        <v>0</v>
      </c>
      <c r="AS2603" s="53">
        <v>0</v>
      </c>
      <c r="AT2603" s="53">
        <v>0</v>
      </c>
      <c r="AU2603" s="53">
        <v>0</v>
      </c>
      <c r="AV2603" s="53">
        <v>0</v>
      </c>
      <c r="AW2603" s="53">
        <v>0</v>
      </c>
      <c r="AX2603" s="53">
        <v>0</v>
      </c>
      <c r="AY2603" s="53">
        <v>0</v>
      </c>
      <c r="AZ2603" s="53">
        <v>0</v>
      </c>
      <c r="BA2603" s="53">
        <v>0</v>
      </c>
      <c r="BB2603" s="53">
        <v>0</v>
      </c>
      <c r="BC2603" s="53">
        <v>0</v>
      </c>
      <c r="BD2603" s="53">
        <v>0</v>
      </c>
      <c r="BE2603" s="53">
        <v>0</v>
      </c>
      <c r="BF2603" s="53">
        <v>0</v>
      </c>
      <c r="BG2603" s="53">
        <v>0</v>
      </c>
      <c r="BH2603" s="53">
        <v>0</v>
      </c>
      <c r="BI2603" s="53">
        <v>0</v>
      </c>
      <c r="BJ2603" s="53">
        <v>0</v>
      </c>
      <c r="BK2603" s="53">
        <v>0</v>
      </c>
      <c r="BL2603" s="53">
        <v>0</v>
      </c>
      <c r="BM2603" s="53">
        <v>0</v>
      </c>
      <c r="BN2603" s="53">
        <v>0</v>
      </c>
      <c r="BO2603" s="53">
        <v>0</v>
      </c>
      <c r="BP2603" s="53">
        <v>0</v>
      </c>
      <c r="BQ2603" s="53">
        <v>0</v>
      </c>
      <c r="BR2603" s="53">
        <v>0</v>
      </c>
      <c r="BS2603" s="53">
        <v>0</v>
      </c>
      <c r="BT2603" s="53">
        <v>0</v>
      </c>
      <c r="BU2603" s="53">
        <v>0</v>
      </c>
      <c r="BV2603" s="53">
        <v>0</v>
      </c>
      <c r="BW2603" s="53">
        <v>0</v>
      </c>
      <c r="BX2603" s="53">
        <v>0</v>
      </c>
      <c r="BY2603" s="53">
        <v>0</v>
      </c>
      <c r="BZ2603" s="53">
        <v>0</v>
      </c>
      <c r="CA2603" s="53">
        <v>0</v>
      </c>
      <c r="CB2603" s="53"/>
      <c r="CC2603" s="53"/>
      <c r="CD2603" s="53"/>
      <c r="CE2603" s="53"/>
      <c r="CF2603" s="53"/>
      <c r="CG2603" s="53"/>
      <c r="CH2603" s="53"/>
      <c r="CI2603" s="53"/>
      <c r="CJ2603" s="53"/>
      <c r="CK2603" s="53"/>
      <c r="CL2603" s="53"/>
      <c r="CM2603" s="53"/>
      <c r="CN2603" s="53"/>
    </row>
    <row r="2604" spans="1:92" outlineLevel="1">
      <c r="A2604" s="52" t="s">
        <v>1664</v>
      </c>
      <c r="B2604" s="53">
        <v>0</v>
      </c>
      <c r="C2604" s="53">
        <v>0</v>
      </c>
      <c r="D2604" s="53">
        <v>0</v>
      </c>
      <c r="E2604" s="53">
        <v>0</v>
      </c>
      <c r="F2604" s="53">
        <v>0</v>
      </c>
      <c r="G2604" s="53">
        <v>0</v>
      </c>
      <c r="H2604" s="53">
        <v>0</v>
      </c>
      <c r="I2604" s="53">
        <v>0</v>
      </c>
      <c r="J2604" s="53">
        <v>0</v>
      </c>
      <c r="K2604" s="53">
        <v>0</v>
      </c>
      <c r="L2604" s="53">
        <v>0</v>
      </c>
      <c r="M2604" s="53">
        <v>0</v>
      </c>
      <c r="N2604" s="53">
        <v>0</v>
      </c>
      <c r="O2604" s="53">
        <v>0</v>
      </c>
      <c r="P2604" s="53">
        <v>0</v>
      </c>
      <c r="Q2604" s="53">
        <v>0</v>
      </c>
      <c r="R2604" s="53">
        <v>0</v>
      </c>
      <c r="S2604" s="53">
        <v>0</v>
      </c>
      <c r="T2604" s="53">
        <v>0</v>
      </c>
      <c r="U2604" s="53">
        <v>0</v>
      </c>
      <c r="V2604" s="53">
        <v>0</v>
      </c>
      <c r="W2604" s="53">
        <v>0</v>
      </c>
      <c r="X2604" s="53">
        <v>0</v>
      </c>
      <c r="Y2604" s="53">
        <v>0</v>
      </c>
      <c r="Z2604" s="53">
        <v>0</v>
      </c>
      <c r="AA2604" s="53">
        <v>0</v>
      </c>
      <c r="AB2604" s="53">
        <v>0</v>
      </c>
      <c r="AC2604" s="53">
        <v>0</v>
      </c>
      <c r="AD2604" s="53">
        <v>0</v>
      </c>
      <c r="AE2604" s="53">
        <v>0</v>
      </c>
      <c r="AF2604" s="53">
        <v>0</v>
      </c>
      <c r="AG2604" s="53">
        <v>0</v>
      </c>
      <c r="AH2604" s="53">
        <v>0</v>
      </c>
      <c r="AI2604" s="53">
        <v>0</v>
      </c>
      <c r="AJ2604" s="53">
        <v>0</v>
      </c>
      <c r="AK2604" s="53">
        <v>0</v>
      </c>
      <c r="AL2604" s="53">
        <v>0</v>
      </c>
      <c r="AM2604" s="53">
        <v>0</v>
      </c>
      <c r="AN2604" s="53">
        <v>0</v>
      </c>
      <c r="AO2604" s="53">
        <v>0</v>
      </c>
      <c r="AP2604" s="53">
        <v>0</v>
      </c>
      <c r="AQ2604" s="53">
        <v>0</v>
      </c>
      <c r="AR2604" s="53">
        <v>0</v>
      </c>
      <c r="AS2604" s="53">
        <v>0</v>
      </c>
      <c r="AT2604" s="53">
        <v>0</v>
      </c>
      <c r="AU2604" s="53">
        <v>0</v>
      </c>
      <c r="AV2604" s="53">
        <v>0</v>
      </c>
      <c r="AW2604" s="53">
        <v>0</v>
      </c>
      <c r="AX2604" s="53">
        <v>0</v>
      </c>
      <c r="AY2604" s="53">
        <v>0</v>
      </c>
      <c r="AZ2604" s="53">
        <v>0</v>
      </c>
      <c r="BA2604" s="53">
        <v>0</v>
      </c>
      <c r="BB2604" s="53">
        <v>0</v>
      </c>
      <c r="BC2604" s="53">
        <v>0</v>
      </c>
      <c r="BD2604" s="53">
        <v>0</v>
      </c>
      <c r="BE2604" s="53">
        <v>0</v>
      </c>
      <c r="BF2604" s="53">
        <v>0</v>
      </c>
      <c r="BG2604" s="53">
        <v>0</v>
      </c>
      <c r="BH2604" s="53">
        <v>0</v>
      </c>
      <c r="BI2604" s="53">
        <v>0</v>
      </c>
      <c r="BJ2604" s="53">
        <v>0</v>
      </c>
      <c r="BK2604" s="53">
        <v>0</v>
      </c>
      <c r="BL2604" s="53">
        <v>0</v>
      </c>
      <c r="BM2604" s="53">
        <v>0</v>
      </c>
      <c r="BN2604" s="53">
        <v>0</v>
      </c>
      <c r="BO2604" s="53">
        <v>0</v>
      </c>
      <c r="BP2604" s="53">
        <v>0</v>
      </c>
      <c r="BQ2604" s="53">
        <v>0</v>
      </c>
      <c r="BR2604" s="53">
        <v>0</v>
      </c>
      <c r="BS2604" s="53">
        <v>0</v>
      </c>
      <c r="BT2604" s="53">
        <v>0</v>
      </c>
      <c r="BU2604" s="53">
        <v>0</v>
      </c>
      <c r="BV2604" s="53">
        <v>0</v>
      </c>
      <c r="BW2604" s="53">
        <v>0</v>
      </c>
      <c r="BX2604" s="53">
        <v>0</v>
      </c>
      <c r="BY2604" s="53">
        <v>0</v>
      </c>
      <c r="BZ2604" s="53">
        <v>0</v>
      </c>
      <c r="CA2604" s="53">
        <v>0</v>
      </c>
      <c r="CB2604" s="53">
        <v>1733333.33333333</v>
      </c>
      <c r="CC2604" s="53">
        <v>1733333.33333333</v>
      </c>
      <c r="CD2604" s="53">
        <v>1733333.33333333</v>
      </c>
      <c r="CE2604" s="53">
        <v>1733333.33333333</v>
      </c>
      <c r="CF2604" s="53">
        <v>1733333.33333333</v>
      </c>
      <c r="CG2604" s="53">
        <v>1733333.33333333</v>
      </c>
      <c r="CH2604" s="53">
        <v>1733333.33333333</v>
      </c>
      <c r="CI2604" s="53">
        <v>1733333.33333333</v>
      </c>
      <c r="CJ2604" s="53">
        <v>1733333.33333333</v>
      </c>
      <c r="CK2604" s="53">
        <v>1733333.33333333</v>
      </c>
      <c r="CL2604" s="53">
        <v>1733333.33333333</v>
      </c>
      <c r="CM2604" s="53">
        <v>1733333.33333333</v>
      </c>
      <c r="CN2604" s="53">
        <v>20800000</v>
      </c>
    </row>
    <row r="2605" spans="1:92" outlineLevel="1">
      <c r="A2605" s="52" t="s">
        <v>1218</v>
      </c>
      <c r="B2605" s="53">
        <v>-13603552.09</v>
      </c>
      <c r="C2605" s="53">
        <v>-13531454.48</v>
      </c>
      <c r="D2605" s="53">
        <v>-13459356.869999999</v>
      </c>
      <c r="E2605" s="53">
        <v>-13387259.32</v>
      </c>
      <c r="F2605" s="53">
        <v>-13315161.710000001</v>
      </c>
      <c r="G2605" s="53">
        <v>-13243064.119999999</v>
      </c>
      <c r="H2605" s="53">
        <v>-13170966.52</v>
      </c>
      <c r="I2605" s="53">
        <v>-13098868.939999999</v>
      </c>
      <c r="J2605" s="53">
        <v>-13026771.35</v>
      </c>
      <c r="K2605" s="53">
        <v>-12954673.759999899</v>
      </c>
      <c r="L2605" s="53">
        <v>-12882576.17</v>
      </c>
      <c r="M2605" s="53">
        <v>-15994278.68</v>
      </c>
      <c r="N2605" s="53">
        <v>-13603552.09</v>
      </c>
      <c r="O2605" s="53">
        <v>-15913324.0699999</v>
      </c>
      <c r="P2605" s="53">
        <v>-15832379.270210501</v>
      </c>
      <c r="Q2605" s="53">
        <v>-15751434.470420999</v>
      </c>
      <c r="R2605" s="53">
        <v>-15670489.6706315</v>
      </c>
      <c r="S2605" s="53">
        <v>-15589544.870842099</v>
      </c>
      <c r="T2605" s="53">
        <v>-15508600.0710526</v>
      </c>
      <c r="U2605" s="53">
        <v>-15427655.2712631</v>
      </c>
      <c r="V2605" s="53">
        <v>-15346710.471473601</v>
      </c>
      <c r="W2605" s="53">
        <v>-15265765.6716842</v>
      </c>
      <c r="X2605" s="53">
        <v>-15184820.8718947</v>
      </c>
      <c r="Y2605" s="53">
        <v>-15103876.072105199</v>
      </c>
      <c r="Z2605" s="53">
        <v>-15022931.2723157</v>
      </c>
      <c r="AA2605" s="53">
        <v>-15913324.0699999</v>
      </c>
      <c r="AB2605" s="53">
        <v>-14941986.4725262</v>
      </c>
      <c r="AC2605" s="53">
        <v>-14861041.672736799</v>
      </c>
      <c r="AD2605" s="53">
        <v>-14780096.8729473</v>
      </c>
      <c r="AE2605" s="53">
        <v>-14699152.0731578</v>
      </c>
      <c r="AF2605" s="53">
        <v>-14618207.2733684</v>
      </c>
      <c r="AG2605" s="53">
        <v>-14537262.4735789</v>
      </c>
      <c r="AH2605" s="53">
        <v>-14456317.673789401</v>
      </c>
      <c r="AI2605" s="53">
        <v>-14375372.873999899</v>
      </c>
      <c r="AJ2605" s="53">
        <v>-14294428.0742105</v>
      </c>
      <c r="AK2605" s="53">
        <v>-14213483.274421001</v>
      </c>
      <c r="AL2605" s="53">
        <v>-14132538.474631499</v>
      </c>
      <c r="AM2605" s="53">
        <v>-14051593.674842</v>
      </c>
      <c r="AN2605" s="53">
        <v>-14941986.4725262</v>
      </c>
      <c r="AO2605" s="53">
        <v>-13970648.875052599</v>
      </c>
      <c r="AP2605" s="53">
        <v>-13889704.0752631</v>
      </c>
      <c r="AQ2605" s="53">
        <v>-13808759.2754736</v>
      </c>
      <c r="AR2605" s="53">
        <v>-13727814.475684101</v>
      </c>
      <c r="AS2605" s="53">
        <v>-13646869.6758947</v>
      </c>
      <c r="AT2605" s="53">
        <v>-13565924.8761052</v>
      </c>
      <c r="AU2605" s="53">
        <v>-13484980.076315699</v>
      </c>
      <c r="AV2605" s="53">
        <v>-13404035.2765262</v>
      </c>
      <c r="AW2605" s="53">
        <v>-13323090.476736801</v>
      </c>
      <c r="AX2605" s="53">
        <v>-13242145.676947299</v>
      </c>
      <c r="AY2605" s="53">
        <v>-13161200.8771578</v>
      </c>
      <c r="AZ2605" s="53">
        <v>-13080256.0773683</v>
      </c>
      <c r="BA2605" s="53">
        <v>-13970648.875052599</v>
      </c>
      <c r="BB2605" s="53">
        <v>-12999311.2775789</v>
      </c>
      <c r="BC2605" s="53">
        <v>-12919986.6736657</v>
      </c>
      <c r="BD2605" s="53">
        <v>-12842282.2656288</v>
      </c>
      <c r="BE2605" s="53">
        <v>-12764577.857591899</v>
      </c>
      <c r="BF2605" s="53">
        <v>-12686873.449555</v>
      </c>
      <c r="BG2605" s="53">
        <v>-12609169.0415181</v>
      </c>
      <c r="BH2605" s="53">
        <v>-12531464.633481201</v>
      </c>
      <c r="BI2605" s="53">
        <v>-12453760.2254443</v>
      </c>
      <c r="BJ2605" s="53">
        <v>-12376055.817407399</v>
      </c>
      <c r="BK2605" s="53">
        <v>-12298351.409370501</v>
      </c>
      <c r="BL2605" s="53">
        <v>-12220647.0013336</v>
      </c>
      <c r="BM2605" s="53">
        <v>-12142942.593296699</v>
      </c>
      <c r="BN2605" s="53">
        <v>-12999311.2775789</v>
      </c>
      <c r="BO2605" s="53">
        <v>-12065238.1852598</v>
      </c>
      <c r="BP2605" s="53">
        <v>-11987533.7772229</v>
      </c>
      <c r="BQ2605" s="53">
        <v>-11911043.303612201</v>
      </c>
      <c r="BR2605" s="53">
        <v>-11834552.8300016</v>
      </c>
      <c r="BS2605" s="53">
        <v>-11758062.356390901</v>
      </c>
      <c r="BT2605" s="53">
        <v>-11681571.8827802</v>
      </c>
      <c r="BU2605" s="53">
        <v>-11605081.409169599</v>
      </c>
      <c r="BV2605" s="53">
        <v>-11533183.5821754</v>
      </c>
      <c r="BW2605" s="53">
        <v>-11465878.401797799</v>
      </c>
      <c r="BX2605" s="53">
        <v>-11398573.221420299</v>
      </c>
      <c r="BY2605" s="53">
        <v>-11331268.0410427</v>
      </c>
      <c r="BZ2605" s="53">
        <v>-11263962.8606651</v>
      </c>
      <c r="CA2605" s="53">
        <v>-12065238.1852598</v>
      </c>
      <c r="CB2605" s="53">
        <v>1400000</v>
      </c>
      <c r="CC2605" s="53">
        <v>1400000</v>
      </c>
      <c r="CD2605" s="53">
        <v>1400000</v>
      </c>
      <c r="CE2605" s="53">
        <v>1400000</v>
      </c>
      <c r="CF2605" s="53">
        <v>1400000</v>
      </c>
      <c r="CG2605" s="53">
        <v>1400000</v>
      </c>
      <c r="CH2605" s="53">
        <v>1400000</v>
      </c>
      <c r="CI2605" s="53">
        <v>1400000</v>
      </c>
      <c r="CJ2605" s="53">
        <v>1400000</v>
      </c>
      <c r="CK2605" s="53">
        <v>1400000</v>
      </c>
      <c r="CL2605" s="53">
        <v>1400000</v>
      </c>
      <c r="CM2605" s="53">
        <v>1400000</v>
      </c>
      <c r="CN2605" s="53">
        <v>16800000</v>
      </c>
    </row>
    <row r="2606" spans="1:92" outlineLevel="1">
      <c r="A2606" s="52" t="s">
        <v>699</v>
      </c>
      <c r="B2606" s="53"/>
      <c r="C2606" s="53"/>
      <c r="D2606" s="53"/>
      <c r="E2606" s="53"/>
      <c r="F2606" s="53"/>
      <c r="G2606" s="53"/>
      <c r="H2606" s="53"/>
      <c r="I2606" s="53"/>
      <c r="J2606" s="53"/>
      <c r="K2606" s="53"/>
      <c r="L2606" s="53"/>
      <c r="M2606" s="53"/>
      <c r="N2606" s="53"/>
      <c r="O2606" s="53"/>
      <c r="P2606" s="53"/>
      <c r="Q2606" s="53"/>
      <c r="R2606" s="53"/>
      <c r="S2606" s="53"/>
      <c r="T2606" s="53"/>
      <c r="U2606" s="53"/>
      <c r="V2606" s="53"/>
      <c r="W2606" s="53"/>
      <c r="X2606" s="53"/>
      <c r="Y2606" s="53"/>
      <c r="Z2606" s="53"/>
      <c r="AA2606" s="53"/>
      <c r="AB2606" s="53"/>
      <c r="AC2606" s="53"/>
      <c r="AD2606" s="53"/>
      <c r="AE2606" s="53"/>
      <c r="AF2606" s="53"/>
      <c r="AG2606" s="53"/>
      <c r="AH2606" s="53"/>
      <c r="AI2606" s="53"/>
      <c r="AJ2606" s="53"/>
      <c r="AK2606" s="53"/>
      <c r="AL2606" s="53"/>
      <c r="AM2606" s="53"/>
      <c r="AN2606" s="53"/>
      <c r="AO2606" s="53"/>
      <c r="AP2606" s="53"/>
      <c r="AQ2606" s="53"/>
      <c r="AR2606" s="53"/>
      <c r="AS2606" s="53"/>
      <c r="AT2606" s="53"/>
      <c r="AU2606" s="53"/>
      <c r="AV2606" s="53"/>
      <c r="AW2606" s="53"/>
      <c r="AX2606" s="53"/>
      <c r="AY2606" s="53"/>
      <c r="AZ2606" s="53"/>
      <c r="BA2606" s="53"/>
      <c r="BB2606" s="53"/>
      <c r="BC2606" s="53"/>
      <c r="BD2606" s="53"/>
      <c r="BE2606" s="53"/>
      <c r="BF2606" s="53"/>
      <c r="BG2606" s="53"/>
      <c r="BH2606" s="53"/>
      <c r="BI2606" s="53"/>
      <c r="BJ2606" s="53"/>
      <c r="BK2606" s="53"/>
      <c r="BL2606" s="53"/>
      <c r="BM2606" s="53"/>
      <c r="BN2606" s="53"/>
      <c r="BO2606" s="53"/>
      <c r="BP2606" s="53"/>
      <c r="BQ2606" s="53"/>
      <c r="BR2606" s="53"/>
      <c r="BS2606" s="53"/>
      <c r="BT2606" s="53"/>
      <c r="BU2606" s="53"/>
      <c r="BV2606" s="53"/>
      <c r="BW2606" s="53"/>
      <c r="BX2606" s="53"/>
      <c r="BY2606" s="53"/>
      <c r="BZ2606" s="53"/>
      <c r="CA2606" s="53"/>
      <c r="CB2606" s="53">
        <v>1900000</v>
      </c>
      <c r="CC2606" s="53">
        <v>1900000</v>
      </c>
      <c r="CD2606" s="53">
        <v>1900000</v>
      </c>
      <c r="CE2606" s="53">
        <v>1900000</v>
      </c>
      <c r="CF2606" s="53">
        <v>1900000</v>
      </c>
      <c r="CG2606" s="53">
        <v>1900000</v>
      </c>
      <c r="CH2606" s="53">
        <v>1900000</v>
      </c>
      <c r="CI2606" s="53">
        <v>1900000</v>
      </c>
      <c r="CJ2606" s="53">
        <v>1900000</v>
      </c>
      <c r="CK2606" s="53">
        <v>1900000</v>
      </c>
      <c r="CL2606" s="53">
        <v>1900000</v>
      </c>
      <c r="CM2606" s="53">
        <v>1900000</v>
      </c>
      <c r="CN2606" s="53">
        <v>22800000</v>
      </c>
    </row>
    <row r="2607" spans="1:92" outlineLevel="1">
      <c r="A2607" s="52" t="s">
        <v>709</v>
      </c>
      <c r="B2607" s="53"/>
      <c r="C2607" s="53"/>
      <c r="D2607" s="53"/>
      <c r="E2607" s="53"/>
      <c r="F2607" s="53"/>
      <c r="G2607" s="53"/>
      <c r="H2607" s="53"/>
      <c r="I2607" s="53"/>
      <c r="J2607" s="53"/>
      <c r="K2607" s="53"/>
      <c r="L2607" s="53"/>
      <c r="M2607" s="53"/>
      <c r="N2607" s="53"/>
      <c r="O2607" s="53"/>
      <c r="P2607" s="53"/>
      <c r="Q2607" s="53"/>
      <c r="R2607" s="53"/>
      <c r="S2607" s="53"/>
      <c r="T2607" s="53"/>
      <c r="U2607" s="53"/>
      <c r="V2607" s="53"/>
      <c r="W2607" s="53"/>
      <c r="X2607" s="53"/>
      <c r="Y2607" s="53"/>
      <c r="Z2607" s="53"/>
      <c r="AA2607" s="53"/>
      <c r="AB2607" s="53"/>
      <c r="AC2607" s="53"/>
      <c r="AD2607" s="53"/>
      <c r="AE2607" s="53"/>
      <c r="AF2607" s="53"/>
      <c r="AG2607" s="53"/>
      <c r="AH2607" s="53"/>
      <c r="AI2607" s="53"/>
      <c r="AJ2607" s="53"/>
      <c r="AK2607" s="53"/>
      <c r="AL2607" s="53"/>
      <c r="AM2607" s="53"/>
      <c r="AN2607" s="53"/>
      <c r="AO2607" s="53"/>
      <c r="AP2607" s="53"/>
      <c r="AQ2607" s="53"/>
      <c r="AR2607" s="53"/>
      <c r="AS2607" s="53"/>
      <c r="AT2607" s="53"/>
      <c r="AU2607" s="53"/>
      <c r="AV2607" s="53"/>
      <c r="AW2607" s="53"/>
      <c r="AX2607" s="53"/>
      <c r="AY2607" s="53"/>
      <c r="AZ2607" s="53"/>
      <c r="BA2607" s="53"/>
      <c r="BB2607" s="53"/>
      <c r="BC2607" s="53"/>
      <c r="BD2607" s="53"/>
      <c r="BE2607" s="53"/>
      <c r="BF2607" s="53"/>
      <c r="BG2607" s="53"/>
      <c r="BH2607" s="53"/>
      <c r="BI2607" s="53"/>
      <c r="BJ2607" s="53"/>
      <c r="BK2607" s="53"/>
      <c r="BL2607" s="53"/>
      <c r="BM2607" s="53"/>
      <c r="BN2607" s="53"/>
      <c r="BO2607" s="53"/>
      <c r="BP2607" s="53"/>
      <c r="BQ2607" s="53"/>
      <c r="BR2607" s="53"/>
      <c r="BS2607" s="53"/>
      <c r="BT2607" s="53"/>
      <c r="BU2607" s="53"/>
      <c r="BV2607" s="53"/>
      <c r="BW2607" s="53"/>
      <c r="BX2607" s="53"/>
      <c r="BY2607" s="53"/>
      <c r="BZ2607" s="53"/>
      <c r="CA2607" s="53"/>
      <c r="CB2607" s="53">
        <v>1458333.33333333</v>
      </c>
      <c r="CC2607" s="53">
        <v>1458333.33333333</v>
      </c>
      <c r="CD2607" s="53">
        <v>1458333.33333333</v>
      </c>
      <c r="CE2607" s="53">
        <v>1458333.33333333</v>
      </c>
      <c r="CF2607" s="53">
        <v>1458333.33333333</v>
      </c>
      <c r="CG2607" s="53">
        <v>1458333.33333333</v>
      </c>
      <c r="CH2607" s="53">
        <v>1458333.33333333</v>
      </c>
      <c r="CI2607" s="53">
        <v>1458333.33333333</v>
      </c>
      <c r="CJ2607" s="53">
        <v>1458333.33333333</v>
      </c>
      <c r="CK2607" s="53">
        <v>1458333.33333333</v>
      </c>
      <c r="CL2607" s="53">
        <v>1458333.33333333</v>
      </c>
      <c r="CM2607" s="53">
        <v>1458333.33333333</v>
      </c>
      <c r="CN2607" s="53">
        <v>17500000</v>
      </c>
    </row>
    <row r="2608" spans="1:92" outlineLevel="1">
      <c r="A2608" s="52" t="s">
        <v>1665</v>
      </c>
      <c r="B2608" s="53"/>
      <c r="C2608" s="53"/>
      <c r="D2608" s="53"/>
      <c r="E2608" s="53"/>
      <c r="F2608" s="53"/>
      <c r="G2608" s="53"/>
      <c r="H2608" s="53"/>
      <c r="I2608" s="53"/>
      <c r="J2608" s="53"/>
      <c r="K2608" s="53"/>
      <c r="L2608" s="53"/>
      <c r="M2608" s="53"/>
      <c r="N2608" s="53"/>
      <c r="O2608" s="53"/>
      <c r="P2608" s="53"/>
      <c r="Q2608" s="53"/>
      <c r="R2608" s="53"/>
      <c r="S2608" s="53"/>
      <c r="T2608" s="53"/>
      <c r="U2608" s="53"/>
      <c r="V2608" s="53"/>
      <c r="W2608" s="53"/>
      <c r="X2608" s="53"/>
      <c r="Y2608" s="53"/>
      <c r="Z2608" s="53"/>
      <c r="AA2608" s="53"/>
      <c r="AB2608" s="53"/>
      <c r="AC2608" s="53"/>
      <c r="AD2608" s="53"/>
      <c r="AE2608" s="53"/>
      <c r="AF2608" s="53"/>
      <c r="AG2608" s="53"/>
      <c r="AH2608" s="53"/>
      <c r="AI2608" s="53"/>
      <c r="AJ2608" s="53"/>
      <c r="AK2608" s="53"/>
      <c r="AL2608" s="53"/>
      <c r="AM2608" s="53"/>
      <c r="AN2608" s="53"/>
      <c r="AO2608" s="53"/>
      <c r="AP2608" s="53"/>
      <c r="AQ2608" s="53"/>
      <c r="AR2608" s="53"/>
      <c r="AS2608" s="53"/>
      <c r="AT2608" s="53"/>
      <c r="AU2608" s="53"/>
      <c r="AV2608" s="53"/>
      <c r="AW2608" s="53"/>
      <c r="AX2608" s="53"/>
      <c r="AY2608" s="53"/>
      <c r="AZ2608" s="53"/>
      <c r="BA2608" s="53"/>
      <c r="BB2608" s="53"/>
      <c r="BC2608" s="53"/>
      <c r="BD2608" s="53"/>
      <c r="BE2608" s="53"/>
      <c r="BF2608" s="53"/>
      <c r="BG2608" s="53"/>
      <c r="BH2608" s="53"/>
      <c r="BI2608" s="53"/>
      <c r="BJ2608" s="53"/>
      <c r="BK2608" s="53"/>
      <c r="BL2608" s="53"/>
      <c r="BM2608" s="53"/>
      <c r="BN2608" s="53"/>
      <c r="BO2608" s="53"/>
      <c r="BP2608" s="53"/>
      <c r="BQ2608" s="53"/>
      <c r="BR2608" s="53"/>
      <c r="BS2608" s="53"/>
      <c r="BT2608" s="53"/>
      <c r="BU2608" s="53"/>
      <c r="BV2608" s="53"/>
      <c r="BW2608" s="53"/>
      <c r="BX2608" s="53"/>
      <c r="BY2608" s="53"/>
      <c r="BZ2608" s="53"/>
      <c r="CA2608" s="53"/>
      <c r="CB2608" s="53"/>
      <c r="CC2608" s="53"/>
      <c r="CD2608" s="53"/>
      <c r="CE2608" s="53"/>
      <c r="CF2608" s="53"/>
      <c r="CG2608" s="53"/>
      <c r="CH2608" s="53"/>
      <c r="CI2608" s="53"/>
      <c r="CJ2608" s="53"/>
      <c r="CK2608" s="53"/>
      <c r="CL2608" s="53"/>
      <c r="CM2608" s="53"/>
      <c r="CN2608" s="53"/>
    </row>
    <row r="2609" spans="1:92" outlineLevel="1">
      <c r="A2609" s="52" t="s">
        <v>1565</v>
      </c>
      <c r="B2609" s="53"/>
      <c r="C2609" s="53"/>
      <c r="D2609" s="53"/>
      <c r="E2609" s="53"/>
      <c r="F2609" s="53"/>
      <c r="G2609" s="53"/>
      <c r="H2609" s="53"/>
      <c r="I2609" s="53"/>
      <c r="J2609" s="53"/>
      <c r="K2609" s="53"/>
      <c r="L2609" s="53">
        <v>-3190000</v>
      </c>
      <c r="M2609" s="53"/>
      <c r="N2609" s="53">
        <v>-3190000</v>
      </c>
      <c r="O2609" s="53"/>
      <c r="P2609" s="53"/>
      <c r="Q2609" s="53"/>
      <c r="R2609" s="53"/>
      <c r="S2609" s="53"/>
      <c r="T2609" s="53"/>
      <c r="U2609" s="53"/>
      <c r="V2609" s="53"/>
      <c r="W2609" s="53"/>
      <c r="X2609" s="53"/>
      <c r="Y2609" s="53"/>
      <c r="Z2609" s="53"/>
      <c r="AA2609" s="53"/>
      <c r="AB2609" s="53"/>
      <c r="AC2609" s="53"/>
      <c r="AD2609" s="53"/>
      <c r="AE2609" s="53"/>
      <c r="AF2609" s="53"/>
      <c r="AG2609" s="53"/>
      <c r="AH2609" s="53"/>
      <c r="AI2609" s="53"/>
      <c r="AJ2609" s="53"/>
      <c r="AK2609" s="53"/>
      <c r="AL2609" s="53"/>
      <c r="AM2609" s="53"/>
      <c r="AN2609" s="53"/>
      <c r="AO2609" s="53"/>
      <c r="AP2609" s="53"/>
      <c r="AQ2609" s="53"/>
      <c r="AR2609" s="53"/>
      <c r="AS2609" s="53"/>
      <c r="AT2609" s="53"/>
      <c r="AU2609" s="53"/>
      <c r="AV2609" s="53"/>
      <c r="AW2609" s="53"/>
      <c r="AX2609" s="53"/>
      <c r="AY2609" s="53"/>
      <c r="AZ2609" s="53"/>
      <c r="BA2609" s="53"/>
      <c r="BB2609" s="53"/>
      <c r="BC2609" s="53"/>
      <c r="BD2609" s="53"/>
      <c r="BE2609" s="53"/>
      <c r="BF2609" s="53"/>
      <c r="BG2609" s="53"/>
      <c r="BH2609" s="53"/>
      <c r="BI2609" s="53"/>
      <c r="BJ2609" s="53"/>
      <c r="BK2609" s="53"/>
      <c r="BL2609" s="53"/>
      <c r="BM2609" s="53"/>
      <c r="BN2609" s="53"/>
      <c r="BO2609" s="53"/>
      <c r="BP2609" s="53"/>
      <c r="BQ2609" s="53"/>
      <c r="BR2609" s="53"/>
      <c r="BS2609" s="53"/>
      <c r="BT2609" s="53"/>
      <c r="BU2609" s="53"/>
      <c r="BV2609" s="53"/>
      <c r="BW2609" s="53"/>
      <c r="BX2609" s="53"/>
      <c r="BY2609" s="53"/>
      <c r="BZ2609" s="53"/>
      <c r="CA2609" s="53"/>
      <c r="CB2609" s="53">
        <v>729166.66666666605</v>
      </c>
      <c r="CC2609" s="53">
        <v>729166.66666666605</v>
      </c>
      <c r="CD2609" s="53">
        <v>729166.66666666605</v>
      </c>
      <c r="CE2609" s="53">
        <v>729166.66666666605</v>
      </c>
      <c r="CF2609" s="53">
        <v>729166.66666666605</v>
      </c>
      <c r="CG2609" s="53">
        <v>729166.66666666605</v>
      </c>
      <c r="CH2609" s="53">
        <v>729166.66666666605</v>
      </c>
      <c r="CI2609" s="53">
        <v>729166.66666666605</v>
      </c>
      <c r="CJ2609" s="53">
        <v>729166.66666666605</v>
      </c>
      <c r="CK2609" s="53">
        <v>729166.66666666605</v>
      </c>
      <c r="CL2609" s="53">
        <v>729166.66666666605</v>
      </c>
      <c r="CM2609" s="53">
        <v>729166.66666666605</v>
      </c>
      <c r="CN2609" s="53">
        <v>8750000</v>
      </c>
    </row>
    <row r="2610" spans="1:92" outlineLevel="1">
      <c r="A2610" s="52" t="s">
        <v>672</v>
      </c>
      <c r="B2610" s="53"/>
      <c r="C2610" s="53"/>
      <c r="D2610" s="53"/>
      <c r="E2610" s="53"/>
      <c r="F2610" s="53"/>
      <c r="G2610" s="53"/>
      <c r="H2610" s="53"/>
      <c r="I2610" s="53"/>
      <c r="J2610" s="53"/>
      <c r="K2610" s="53"/>
      <c r="L2610" s="53"/>
      <c r="M2610" s="53"/>
      <c r="N2610" s="53"/>
      <c r="O2610" s="53"/>
      <c r="P2610" s="53"/>
      <c r="Q2610" s="53"/>
      <c r="R2610" s="53"/>
      <c r="S2610" s="53"/>
      <c r="T2610" s="53"/>
      <c r="U2610" s="53"/>
      <c r="V2610" s="53"/>
      <c r="W2610" s="53"/>
      <c r="X2610" s="53"/>
      <c r="Y2610" s="53"/>
      <c r="Z2610" s="53"/>
      <c r="AA2610" s="53"/>
      <c r="AB2610" s="53"/>
      <c r="AC2610" s="53"/>
      <c r="AD2610" s="53"/>
      <c r="AE2610" s="53"/>
      <c r="AF2610" s="53"/>
      <c r="AG2610" s="53"/>
      <c r="AH2610" s="53"/>
      <c r="AI2610" s="53"/>
      <c r="AJ2610" s="53"/>
      <c r="AK2610" s="53"/>
      <c r="AL2610" s="53"/>
      <c r="AM2610" s="53"/>
      <c r="AN2610" s="53"/>
      <c r="AO2610" s="53"/>
      <c r="AP2610" s="53"/>
      <c r="AQ2610" s="53"/>
      <c r="AR2610" s="53"/>
      <c r="AS2610" s="53"/>
      <c r="AT2610" s="53"/>
      <c r="AU2610" s="53"/>
      <c r="AV2610" s="53"/>
      <c r="AW2610" s="53"/>
      <c r="AX2610" s="53"/>
      <c r="AY2610" s="53"/>
      <c r="AZ2610" s="53"/>
      <c r="BA2610" s="53"/>
      <c r="BB2610" s="53"/>
      <c r="BC2610" s="53"/>
      <c r="BD2610" s="53"/>
      <c r="BE2610" s="53"/>
      <c r="BF2610" s="53"/>
      <c r="BG2610" s="53"/>
      <c r="BH2610" s="53"/>
      <c r="BI2610" s="53"/>
      <c r="BJ2610" s="53"/>
      <c r="BK2610" s="53"/>
      <c r="BL2610" s="53"/>
      <c r="BM2610" s="53"/>
      <c r="BN2610" s="53"/>
      <c r="BO2610" s="53"/>
      <c r="BP2610" s="53"/>
      <c r="BQ2610" s="53"/>
      <c r="BR2610" s="53"/>
      <c r="BS2610" s="53"/>
      <c r="BT2610" s="53"/>
      <c r="BU2610" s="53"/>
      <c r="BV2610" s="53"/>
      <c r="BW2610" s="53"/>
      <c r="BX2610" s="53"/>
      <c r="BY2610" s="53"/>
      <c r="BZ2610" s="53"/>
      <c r="CA2610" s="53"/>
      <c r="CB2610" s="53">
        <v>1300000</v>
      </c>
      <c r="CC2610" s="53">
        <v>1300000</v>
      </c>
      <c r="CD2610" s="53">
        <v>1300000</v>
      </c>
      <c r="CE2610" s="53">
        <v>1300000</v>
      </c>
      <c r="CF2610" s="53">
        <v>1300000</v>
      </c>
      <c r="CG2610" s="53">
        <v>1300000</v>
      </c>
      <c r="CH2610" s="53">
        <v>1300000</v>
      </c>
      <c r="CI2610" s="53">
        <v>1300000</v>
      </c>
      <c r="CJ2610" s="53">
        <v>1300000</v>
      </c>
      <c r="CK2610" s="53">
        <v>1300000</v>
      </c>
      <c r="CL2610" s="53">
        <v>1300000</v>
      </c>
      <c r="CM2610" s="53">
        <v>1300000</v>
      </c>
      <c r="CN2610" s="53">
        <v>15600000</v>
      </c>
    </row>
    <row r="2611" spans="1:92" outlineLevel="1">
      <c r="A2611" s="52" t="s">
        <v>709</v>
      </c>
      <c r="B2611" s="53"/>
      <c r="C2611" s="53"/>
      <c r="D2611" s="53"/>
      <c r="E2611" s="53"/>
      <c r="F2611" s="53"/>
      <c r="G2611" s="53"/>
      <c r="H2611" s="53"/>
      <c r="I2611" s="53"/>
      <c r="J2611" s="53"/>
      <c r="K2611" s="53"/>
      <c r="L2611" s="53"/>
      <c r="M2611" s="53"/>
      <c r="N2611" s="53"/>
      <c r="O2611" s="53"/>
      <c r="P2611" s="53"/>
      <c r="Q2611" s="53"/>
      <c r="R2611" s="53"/>
      <c r="S2611" s="53"/>
      <c r="T2611" s="53"/>
      <c r="U2611" s="53"/>
      <c r="V2611" s="53"/>
      <c r="W2611" s="53"/>
      <c r="X2611" s="53"/>
      <c r="Y2611" s="53"/>
      <c r="Z2611" s="53"/>
      <c r="AA2611" s="53"/>
      <c r="AB2611" s="53"/>
      <c r="AC2611" s="53"/>
      <c r="AD2611" s="53"/>
      <c r="AE2611" s="53"/>
      <c r="AF2611" s="53"/>
      <c r="AG2611" s="53"/>
      <c r="AH2611" s="53"/>
      <c r="AI2611" s="53"/>
      <c r="AJ2611" s="53"/>
      <c r="AK2611" s="53"/>
      <c r="AL2611" s="53"/>
      <c r="AM2611" s="53"/>
      <c r="AN2611" s="53"/>
      <c r="AO2611" s="53"/>
      <c r="AP2611" s="53"/>
      <c r="AQ2611" s="53"/>
      <c r="AR2611" s="53"/>
      <c r="AS2611" s="53"/>
      <c r="AT2611" s="53"/>
      <c r="AU2611" s="53"/>
      <c r="AV2611" s="53"/>
      <c r="AW2611" s="53"/>
      <c r="AX2611" s="53"/>
      <c r="AY2611" s="53"/>
      <c r="AZ2611" s="53"/>
      <c r="BA2611" s="53"/>
      <c r="BB2611" s="53"/>
      <c r="BC2611" s="53"/>
      <c r="BD2611" s="53"/>
      <c r="BE2611" s="53"/>
      <c r="BF2611" s="53"/>
      <c r="BG2611" s="53"/>
      <c r="BH2611" s="53"/>
      <c r="BI2611" s="53"/>
      <c r="BJ2611" s="53"/>
      <c r="BK2611" s="53"/>
      <c r="BL2611" s="53"/>
      <c r="BM2611" s="53"/>
      <c r="BN2611" s="53"/>
      <c r="BO2611" s="53"/>
      <c r="BP2611" s="53"/>
      <c r="BQ2611" s="53"/>
      <c r="BR2611" s="53"/>
      <c r="BS2611" s="53"/>
      <c r="BT2611" s="53"/>
      <c r="BU2611" s="53"/>
      <c r="BV2611" s="53"/>
      <c r="BW2611" s="53"/>
      <c r="BX2611" s="53"/>
      <c r="BY2611" s="53"/>
      <c r="BZ2611" s="53"/>
      <c r="CA2611" s="53"/>
      <c r="CB2611" s="53">
        <v>1249999.99999999</v>
      </c>
      <c r="CC2611" s="53">
        <v>1249999.99999999</v>
      </c>
      <c r="CD2611" s="53">
        <v>1249999.99999999</v>
      </c>
      <c r="CE2611" s="53">
        <v>1249999.99999999</v>
      </c>
      <c r="CF2611" s="53">
        <v>1249999.99999999</v>
      </c>
      <c r="CG2611" s="53">
        <v>1249999.99999999</v>
      </c>
      <c r="CH2611" s="53">
        <v>1249999.99999999</v>
      </c>
      <c r="CI2611" s="53">
        <v>1249999.99999999</v>
      </c>
      <c r="CJ2611" s="53">
        <v>1249999.99999999</v>
      </c>
      <c r="CK2611" s="53">
        <v>1249999.99999999</v>
      </c>
      <c r="CL2611" s="53">
        <v>1249999.99999999</v>
      </c>
      <c r="CM2611" s="53">
        <v>1249999.99999999</v>
      </c>
      <c r="CN2611" s="53">
        <v>14999999.999999899</v>
      </c>
    </row>
    <row r="2612" spans="1:92" outlineLevel="1">
      <c r="A2612" s="52" t="s">
        <v>1591</v>
      </c>
      <c r="B2612" s="53"/>
      <c r="C2612" s="53"/>
      <c r="D2612" s="53"/>
      <c r="E2612" s="53"/>
      <c r="F2612" s="53"/>
      <c r="G2612" s="53"/>
      <c r="H2612" s="53"/>
      <c r="I2612" s="53"/>
      <c r="J2612" s="53"/>
      <c r="K2612" s="53"/>
      <c r="L2612" s="53"/>
      <c r="M2612" s="53"/>
      <c r="N2612" s="53"/>
      <c r="O2612" s="53"/>
      <c r="P2612" s="53"/>
      <c r="Q2612" s="53"/>
      <c r="R2612" s="53"/>
      <c r="S2612" s="53"/>
      <c r="T2612" s="53"/>
      <c r="U2612" s="53"/>
      <c r="V2612" s="53"/>
      <c r="W2612" s="53"/>
      <c r="X2612" s="53"/>
      <c r="Y2612" s="53"/>
      <c r="Z2612" s="53"/>
      <c r="AA2612" s="53"/>
      <c r="AB2612" s="53"/>
      <c r="AC2612" s="53"/>
      <c r="AD2612" s="53"/>
      <c r="AE2612" s="53"/>
      <c r="AF2612" s="53"/>
      <c r="AG2612" s="53"/>
      <c r="AH2612" s="53"/>
      <c r="AI2612" s="53"/>
      <c r="AJ2612" s="53"/>
      <c r="AK2612" s="53"/>
      <c r="AL2612" s="53"/>
      <c r="AM2612" s="53"/>
      <c r="AN2612" s="53"/>
      <c r="AO2612" s="53"/>
      <c r="AP2612" s="53"/>
      <c r="AQ2612" s="53"/>
      <c r="AR2612" s="53"/>
      <c r="AS2612" s="53"/>
      <c r="AT2612" s="53"/>
      <c r="AU2612" s="53"/>
      <c r="AV2612" s="53"/>
      <c r="AW2612" s="53"/>
      <c r="AX2612" s="53"/>
      <c r="AY2612" s="53"/>
      <c r="AZ2612" s="53"/>
      <c r="BA2612" s="53"/>
      <c r="BB2612" s="53"/>
      <c r="BC2612" s="53"/>
      <c r="BD2612" s="53"/>
      <c r="BE2612" s="53"/>
      <c r="BF2612" s="53"/>
      <c r="BG2612" s="53"/>
      <c r="BH2612" s="53"/>
      <c r="BI2612" s="53"/>
      <c r="BJ2612" s="53"/>
      <c r="BK2612" s="53"/>
      <c r="BL2612" s="53"/>
      <c r="BM2612" s="53"/>
      <c r="BN2612" s="53"/>
      <c r="BO2612" s="53"/>
      <c r="BP2612" s="53"/>
      <c r="BQ2612" s="53"/>
      <c r="BR2612" s="53"/>
      <c r="BS2612" s="53"/>
      <c r="BT2612" s="53"/>
      <c r="BU2612" s="53"/>
      <c r="BV2612" s="53"/>
      <c r="BW2612" s="53"/>
      <c r="BX2612" s="53"/>
      <c r="BY2612" s="53"/>
      <c r="BZ2612" s="53"/>
      <c r="CA2612" s="53"/>
      <c r="CB2612" s="53"/>
      <c r="CC2612" s="53"/>
      <c r="CD2612" s="53"/>
      <c r="CE2612" s="53"/>
      <c r="CF2612" s="53"/>
      <c r="CG2612" s="53"/>
      <c r="CH2612" s="53"/>
      <c r="CI2612" s="53"/>
      <c r="CJ2612" s="53"/>
      <c r="CK2612" s="53"/>
      <c r="CL2612" s="53"/>
      <c r="CM2612" s="53"/>
      <c r="CN2612" s="53"/>
    </row>
    <row r="2613" spans="1:92" outlineLevel="1">
      <c r="A2613" s="52" t="s">
        <v>711</v>
      </c>
      <c r="B2613" s="53">
        <v>1213.9344262295001</v>
      </c>
      <c r="C2613" s="53">
        <v>1213.9344262295001</v>
      </c>
      <c r="D2613" s="53">
        <v>1213.9344262295001</v>
      </c>
      <c r="E2613" s="53">
        <v>1213.9344262295001</v>
      </c>
      <c r="F2613" s="53">
        <v>1213.9344262295001</v>
      </c>
      <c r="G2613" s="53">
        <v>1213.9344262295001</v>
      </c>
      <c r="H2613" s="53">
        <v>1213.9344262295001</v>
      </c>
      <c r="I2613" s="53">
        <v>1213.9344262295001</v>
      </c>
      <c r="J2613" s="53">
        <v>1213.9344262295001</v>
      </c>
      <c r="K2613" s="53">
        <v>1213.9344262295001</v>
      </c>
      <c r="L2613" s="53">
        <v>1213.9344262295001</v>
      </c>
      <c r="M2613" s="53">
        <v>1213.9344262295001</v>
      </c>
      <c r="N2613" s="53">
        <v>14567.213114754</v>
      </c>
      <c r="O2613" s="53">
        <v>1213.9344262295001</v>
      </c>
      <c r="P2613" s="53">
        <v>1213.9344262295001</v>
      </c>
      <c r="Q2613" s="53">
        <v>1213.9344262295001</v>
      </c>
      <c r="R2613" s="53">
        <v>1213.9344262295001</v>
      </c>
      <c r="S2613" s="53">
        <v>1213.9344262295001</v>
      </c>
      <c r="T2613" s="53">
        <v>1213.9344262295001</v>
      </c>
      <c r="U2613" s="53">
        <v>1213.9344262295001</v>
      </c>
      <c r="V2613" s="53">
        <v>1213.9344262295001</v>
      </c>
      <c r="W2613" s="53">
        <v>1213.9344262295001</v>
      </c>
      <c r="X2613" s="53">
        <v>1213.9344262295001</v>
      </c>
      <c r="Y2613" s="53">
        <v>1213.9344262295001</v>
      </c>
      <c r="Z2613" s="53">
        <v>1213.9344262295001</v>
      </c>
      <c r="AA2613" s="53">
        <v>14567.213114754</v>
      </c>
      <c r="AB2613" s="53">
        <v>1213.9344262295001</v>
      </c>
      <c r="AC2613" s="53">
        <v>1213.9344262295001</v>
      </c>
      <c r="AD2613" s="53">
        <v>1213.9344262295001</v>
      </c>
      <c r="AE2613" s="53">
        <v>1213.9344262295001</v>
      </c>
      <c r="AF2613" s="53">
        <v>1213.9344262295001</v>
      </c>
      <c r="AG2613" s="53">
        <v>1213.9344262295001</v>
      </c>
      <c r="AH2613" s="53">
        <v>1213.9344262295001</v>
      </c>
      <c r="AI2613" s="53">
        <v>1213.9344262295001</v>
      </c>
      <c r="AJ2613" s="53">
        <v>1213.9344262295001</v>
      </c>
      <c r="AK2613" s="53">
        <v>1213.9344262295001</v>
      </c>
      <c r="AL2613" s="53">
        <v>1213.9344262295001</v>
      </c>
      <c r="AM2613" s="53">
        <v>1213.9344262295001</v>
      </c>
      <c r="AN2613" s="53">
        <v>14567.213114754</v>
      </c>
      <c r="AO2613" s="53">
        <v>1213.9344262295001</v>
      </c>
      <c r="AP2613" s="53">
        <v>1213.9344262295001</v>
      </c>
      <c r="AQ2613" s="53">
        <v>1213.9344262295001</v>
      </c>
      <c r="AR2613" s="53">
        <v>1213.9344262295001</v>
      </c>
      <c r="AS2613" s="53">
        <v>1213.9344262295001</v>
      </c>
      <c r="AT2613" s="53">
        <v>1213.9344262295001</v>
      </c>
      <c r="AU2613" s="53">
        <v>1213.9344262295001</v>
      </c>
      <c r="AV2613" s="53">
        <v>1213.9344262295001</v>
      </c>
      <c r="AW2613" s="53">
        <v>1213.9344262295001</v>
      </c>
      <c r="AX2613" s="53">
        <v>1213.9344262295001</v>
      </c>
      <c r="AY2613" s="53">
        <v>1213.9344262295001</v>
      </c>
      <c r="AZ2613" s="53">
        <v>1213.9344262295001</v>
      </c>
      <c r="BA2613" s="53">
        <v>14567.213114754</v>
      </c>
      <c r="BB2613" s="53">
        <v>1213.9344262295001</v>
      </c>
      <c r="BC2613" s="53">
        <v>1213.9344262295001</v>
      </c>
      <c r="BD2613" s="53">
        <v>1213.9344262295001</v>
      </c>
      <c r="BE2613" s="53">
        <v>1213.9344262295001</v>
      </c>
      <c r="BF2613" s="53">
        <v>1213.9344262295001</v>
      </c>
      <c r="BG2613" s="53">
        <v>1213.9344262295001</v>
      </c>
      <c r="BH2613" s="53">
        <v>1213.9344262295001</v>
      </c>
      <c r="BI2613" s="53">
        <v>1213.9344262295001</v>
      </c>
      <c r="BJ2613" s="53">
        <v>1213.9344262295001</v>
      </c>
      <c r="BK2613" s="53">
        <v>1213.9344262295001</v>
      </c>
      <c r="BL2613" s="53">
        <v>1213.9344262295001</v>
      </c>
      <c r="BM2613" s="53">
        <v>1213.9344262295001</v>
      </c>
      <c r="BN2613" s="53">
        <v>14567.2131147541</v>
      </c>
      <c r="BO2613" s="53">
        <v>1213.9344262295001</v>
      </c>
      <c r="BP2613" s="53"/>
      <c r="BQ2613" s="53"/>
      <c r="BR2613" s="53"/>
      <c r="BS2613" s="53"/>
      <c r="BT2613" s="53"/>
      <c r="BU2613" s="53"/>
      <c r="BV2613" s="53"/>
      <c r="BW2613" s="53"/>
      <c r="BX2613" s="53"/>
      <c r="BY2613" s="53"/>
      <c r="BZ2613" s="53"/>
      <c r="CA2613" s="53">
        <v>1213.9344262295001</v>
      </c>
      <c r="CB2613" s="53">
        <v>15351.5205479452</v>
      </c>
      <c r="CC2613" s="53">
        <v>15351.5205479452</v>
      </c>
      <c r="CD2613" s="53">
        <v>15351.5205479452</v>
      </c>
      <c r="CE2613" s="53">
        <v>15351.5205479452</v>
      </c>
      <c r="CF2613" s="53">
        <v>15351.5205479452</v>
      </c>
      <c r="CG2613" s="53">
        <v>15351.5205479452</v>
      </c>
      <c r="CH2613" s="53">
        <v>15351.5205479452</v>
      </c>
      <c r="CI2613" s="53">
        <v>15351.5205479452</v>
      </c>
      <c r="CJ2613" s="53">
        <v>15351.5205479452</v>
      </c>
      <c r="CK2613" s="53">
        <v>15351.5205479452</v>
      </c>
      <c r="CL2613" s="53">
        <v>15351.5205479452</v>
      </c>
      <c r="CM2613" s="53">
        <v>15351.5205479452</v>
      </c>
      <c r="CN2613" s="53">
        <v>184218.246575342</v>
      </c>
    </row>
    <row r="2614" spans="1:92" outlineLevel="1">
      <c r="A2614" s="52" t="s">
        <v>712</v>
      </c>
      <c r="B2614" s="53">
        <v>1583.1557377049101</v>
      </c>
      <c r="C2614" s="53">
        <v>1583.1557377049101</v>
      </c>
      <c r="D2614" s="53">
        <v>1583.1557377049101</v>
      </c>
      <c r="E2614" s="53">
        <v>1583.1557377049101</v>
      </c>
      <c r="F2614" s="53">
        <v>1583.1557377049101</v>
      </c>
      <c r="G2614" s="53">
        <v>1583.1557377049101</v>
      </c>
      <c r="H2614" s="53">
        <v>1583.1557377049101</v>
      </c>
      <c r="I2614" s="53">
        <v>1583.1557377049101</v>
      </c>
      <c r="J2614" s="53">
        <v>1583.1557377049101</v>
      </c>
      <c r="K2614" s="53">
        <v>1583.1557377049101</v>
      </c>
      <c r="L2614" s="53">
        <v>1583.1557377049101</v>
      </c>
      <c r="M2614" s="53">
        <v>1583.1557377049101</v>
      </c>
      <c r="N2614" s="53">
        <v>18997.868852459</v>
      </c>
      <c r="O2614" s="53">
        <v>1583.1557377049101</v>
      </c>
      <c r="P2614" s="53">
        <v>1583.1557377049101</v>
      </c>
      <c r="Q2614" s="53">
        <v>1583.1557377049101</v>
      </c>
      <c r="R2614" s="53">
        <v>1583.1557377049101</v>
      </c>
      <c r="S2614" s="53">
        <v>1583.1557377049101</v>
      </c>
      <c r="T2614" s="53">
        <v>1583.1557377049101</v>
      </c>
      <c r="U2614" s="53">
        <v>1583.1557377049101</v>
      </c>
      <c r="V2614" s="53">
        <v>1583.1557377049101</v>
      </c>
      <c r="W2614" s="53">
        <v>1583.1557377049101</v>
      </c>
      <c r="X2614" s="53">
        <v>1583.1557377049101</v>
      </c>
      <c r="Y2614" s="53">
        <v>1583.1557377049101</v>
      </c>
      <c r="Z2614" s="53">
        <v>1583.1557377049101</v>
      </c>
      <c r="AA2614" s="53">
        <v>18997.868852459</v>
      </c>
      <c r="AB2614" s="53">
        <v>1583.1557377049101</v>
      </c>
      <c r="AC2614" s="53">
        <v>1583.1557377049101</v>
      </c>
      <c r="AD2614" s="53">
        <v>1583.1557377049101</v>
      </c>
      <c r="AE2614" s="53">
        <v>1583.1557377049101</v>
      </c>
      <c r="AF2614" s="53">
        <v>1583.1557377049101</v>
      </c>
      <c r="AG2614" s="53">
        <v>1583.1557377049101</v>
      </c>
      <c r="AH2614" s="53">
        <v>1583.1557377049101</v>
      </c>
      <c r="AI2614" s="53">
        <v>1583.1557377049101</v>
      </c>
      <c r="AJ2614" s="53">
        <v>1583.1557377049101</v>
      </c>
      <c r="AK2614" s="53">
        <v>1583.1557377049101</v>
      </c>
      <c r="AL2614" s="53">
        <v>1583.1557377049101</v>
      </c>
      <c r="AM2614" s="53">
        <v>1583.1557377049101</v>
      </c>
      <c r="AN2614" s="53">
        <v>18997.868852459</v>
      </c>
      <c r="AO2614" s="53">
        <v>1583.1557377049101</v>
      </c>
      <c r="AP2614" s="53">
        <v>1583.1557377049201</v>
      </c>
      <c r="AQ2614" s="53">
        <v>1583.1557377049201</v>
      </c>
      <c r="AR2614" s="53">
        <v>1583.1557377049201</v>
      </c>
      <c r="AS2614" s="53">
        <v>1583.1557377049201</v>
      </c>
      <c r="AT2614" s="53">
        <v>1583.1557377049201</v>
      </c>
      <c r="AU2614" s="53">
        <v>1583.1557377049201</v>
      </c>
      <c r="AV2614" s="53">
        <v>1583.1557377049201</v>
      </c>
      <c r="AW2614" s="53">
        <v>1583.1557377049201</v>
      </c>
      <c r="AX2614" s="53">
        <v>1583.1557377049201</v>
      </c>
      <c r="AY2614" s="53">
        <v>1583.1557377049201</v>
      </c>
      <c r="AZ2614" s="53">
        <v>1583.1557377049201</v>
      </c>
      <c r="BA2614" s="53">
        <v>18997.868852459</v>
      </c>
      <c r="BB2614" s="53">
        <v>1583.1557377049201</v>
      </c>
      <c r="BC2614" s="53">
        <v>1583.1557377049201</v>
      </c>
      <c r="BD2614" s="53">
        <v>1583.1557377049201</v>
      </c>
      <c r="BE2614" s="53">
        <v>1583.1557377049201</v>
      </c>
      <c r="BF2614" s="53">
        <v>1583.1557377049201</v>
      </c>
      <c r="BG2614" s="53">
        <v>1583.1557377049201</v>
      </c>
      <c r="BH2614" s="53">
        <v>1583.1557377049201</v>
      </c>
      <c r="BI2614" s="53">
        <v>1583.1557377049201</v>
      </c>
      <c r="BJ2614" s="53">
        <v>1583.1557377049201</v>
      </c>
      <c r="BK2614" s="53">
        <v>1583.1557377049201</v>
      </c>
      <c r="BL2614" s="53">
        <v>1583.1557377049201</v>
      </c>
      <c r="BM2614" s="53">
        <v>1583.1557377049201</v>
      </c>
      <c r="BN2614" s="53">
        <v>18997.868852459</v>
      </c>
      <c r="BO2614" s="53">
        <v>1583.1557377049201</v>
      </c>
      <c r="BP2614" s="53">
        <v>1583.1557377049201</v>
      </c>
      <c r="BQ2614" s="53">
        <v>1583.1557377049201</v>
      </c>
      <c r="BR2614" s="53">
        <v>1583.1557377049201</v>
      </c>
      <c r="BS2614" s="53">
        <v>1583.1557377049201</v>
      </c>
      <c r="BT2614" s="53">
        <v>1583.1557377049201</v>
      </c>
      <c r="BU2614" s="53">
        <v>1583.1557377049201</v>
      </c>
      <c r="BV2614" s="53">
        <v>1583.1557377049201</v>
      </c>
      <c r="BW2614" s="53">
        <v>1583.1557377049201</v>
      </c>
      <c r="BX2614" s="53">
        <v>1583.1557377049201</v>
      </c>
      <c r="BY2614" s="53">
        <v>1583.1557377049201</v>
      </c>
      <c r="BZ2614" s="53">
        <v>1583.1557377049201</v>
      </c>
      <c r="CA2614" s="53">
        <v>18997.868852459</v>
      </c>
      <c r="CB2614" s="53">
        <v>8310.1044776119306</v>
      </c>
      <c r="CC2614" s="53">
        <v>8310.1044776119306</v>
      </c>
      <c r="CD2614" s="53">
        <v>8310.1044776119306</v>
      </c>
      <c r="CE2614" s="53">
        <v>8310.1044776119306</v>
      </c>
      <c r="CF2614" s="53">
        <v>8310.1044776119306</v>
      </c>
      <c r="CG2614" s="53">
        <v>8310.1044776119197</v>
      </c>
      <c r="CH2614" s="53">
        <v>8310.1044776119197</v>
      </c>
      <c r="CI2614" s="53">
        <v>8310.1044776119197</v>
      </c>
      <c r="CJ2614" s="53">
        <v>8310.1044776119197</v>
      </c>
      <c r="CK2614" s="53">
        <v>8310.1044776119197</v>
      </c>
      <c r="CL2614" s="53">
        <v>8310.1044776119197</v>
      </c>
      <c r="CM2614" s="53">
        <v>8310.1044776119197</v>
      </c>
      <c r="CN2614" s="53">
        <v>99721.253731343095</v>
      </c>
    </row>
    <row r="2615" spans="1:92" outlineLevel="1">
      <c r="A2615" s="52" t="s">
        <v>713</v>
      </c>
      <c r="B2615" s="53">
        <v>1833.3881019830001</v>
      </c>
      <c r="C2615" s="53">
        <v>1833.3881019830001</v>
      </c>
      <c r="D2615" s="53">
        <v>1833.3881019830001</v>
      </c>
      <c r="E2615" s="53">
        <v>1833.3881019830001</v>
      </c>
      <c r="F2615" s="53">
        <v>1833.3881019830001</v>
      </c>
      <c r="G2615" s="53">
        <v>1833.3881019830001</v>
      </c>
      <c r="H2615" s="53">
        <v>1833.3881019830001</v>
      </c>
      <c r="I2615" s="53">
        <v>1833.3881019830001</v>
      </c>
      <c r="J2615" s="53">
        <v>1833.3881019830001</v>
      </c>
      <c r="K2615" s="53">
        <v>1833.3881019830001</v>
      </c>
      <c r="L2615" s="53">
        <v>1833.3881019830001</v>
      </c>
      <c r="M2615" s="53">
        <v>1833.3881019830001</v>
      </c>
      <c r="N2615" s="53">
        <v>22000.657223795999</v>
      </c>
      <c r="O2615" s="53">
        <v>1833.3881019830001</v>
      </c>
      <c r="P2615" s="53">
        <v>1833.3881019830001</v>
      </c>
      <c r="Q2615" s="53">
        <v>1833.3881019830001</v>
      </c>
      <c r="R2615" s="53">
        <v>1833.3881019830001</v>
      </c>
      <c r="S2615" s="53">
        <v>1833.3881019830001</v>
      </c>
      <c r="T2615" s="53">
        <v>1833.3881019830001</v>
      </c>
      <c r="U2615" s="53">
        <v>1833.3881019830001</v>
      </c>
      <c r="V2615" s="53">
        <v>1833.3881019830001</v>
      </c>
      <c r="W2615" s="53">
        <v>1833.3881019830001</v>
      </c>
      <c r="X2615" s="53">
        <v>1833.3881019830001</v>
      </c>
      <c r="Y2615" s="53">
        <v>1833.3881019830001</v>
      </c>
      <c r="Z2615" s="53">
        <v>1833.3881019830001</v>
      </c>
      <c r="AA2615" s="53">
        <v>22000.657223795999</v>
      </c>
      <c r="AB2615" s="53">
        <v>1833.3881019830001</v>
      </c>
      <c r="AC2615" s="53">
        <v>1833.3881019830001</v>
      </c>
      <c r="AD2615" s="53">
        <v>1833.3881019830001</v>
      </c>
      <c r="AE2615" s="53">
        <v>1833.3881019830001</v>
      </c>
      <c r="AF2615" s="53">
        <v>1833.3881019829901</v>
      </c>
      <c r="AG2615" s="53">
        <v>1833.3881019829901</v>
      </c>
      <c r="AH2615" s="53">
        <v>1833.3881019829901</v>
      </c>
      <c r="AI2615" s="53">
        <v>1833.3881019829901</v>
      </c>
      <c r="AJ2615" s="53">
        <v>1833.3881019829901</v>
      </c>
      <c r="AK2615" s="53">
        <v>1833.3881019829901</v>
      </c>
      <c r="AL2615" s="53">
        <v>1833.3881019829901</v>
      </c>
      <c r="AM2615" s="53">
        <v>1833.3881019829901</v>
      </c>
      <c r="AN2615" s="53">
        <v>22000.657223795999</v>
      </c>
      <c r="AO2615" s="53">
        <v>1833.3881019829901</v>
      </c>
      <c r="AP2615" s="53">
        <v>1833.3881019829901</v>
      </c>
      <c r="AQ2615" s="53">
        <v>1833.3881019829901</v>
      </c>
      <c r="AR2615" s="53">
        <v>1833.3881019829901</v>
      </c>
      <c r="AS2615" s="53">
        <v>1833.3881019829901</v>
      </c>
      <c r="AT2615" s="53">
        <v>1833.3881019829901</v>
      </c>
      <c r="AU2615" s="53">
        <v>1833.3881019829901</v>
      </c>
      <c r="AV2615" s="53">
        <v>1833.3881019829901</v>
      </c>
      <c r="AW2615" s="53">
        <v>1833.3881019829901</v>
      </c>
      <c r="AX2615" s="53">
        <v>1833.3881019829901</v>
      </c>
      <c r="AY2615" s="53">
        <v>1833.3881019829901</v>
      </c>
      <c r="AZ2615" s="53">
        <v>1833.3881019829901</v>
      </c>
      <c r="BA2615" s="53">
        <v>22000.657223795901</v>
      </c>
      <c r="BB2615" s="53">
        <v>1833.3881019829901</v>
      </c>
      <c r="BC2615" s="53">
        <v>1833.3881019829901</v>
      </c>
      <c r="BD2615" s="53">
        <v>1833.3881019829901</v>
      </c>
      <c r="BE2615" s="53">
        <v>1833.3881019829901</v>
      </c>
      <c r="BF2615" s="53">
        <v>1833.3881019829901</v>
      </c>
      <c r="BG2615" s="53">
        <v>1833.3881019830001</v>
      </c>
      <c r="BH2615" s="53">
        <v>1833.3881019830001</v>
      </c>
      <c r="BI2615" s="53">
        <v>1833.3881019830001</v>
      </c>
      <c r="BJ2615" s="53">
        <v>1833.3881019830001</v>
      </c>
      <c r="BK2615" s="53">
        <v>1833.3881019830001</v>
      </c>
      <c r="BL2615" s="53">
        <v>1833.3881019830001</v>
      </c>
      <c r="BM2615" s="53">
        <v>1833.3881019830001</v>
      </c>
      <c r="BN2615" s="53">
        <v>22000.657223795999</v>
      </c>
      <c r="BO2615" s="53">
        <v>1833.3881019830001</v>
      </c>
      <c r="BP2615" s="53">
        <v>1833.3881019830001</v>
      </c>
      <c r="BQ2615" s="53">
        <v>1833.3881019830001</v>
      </c>
      <c r="BR2615" s="53">
        <v>1833.3881019830001</v>
      </c>
      <c r="BS2615" s="53">
        <v>1833.3881019830001</v>
      </c>
      <c r="BT2615" s="53">
        <v>1833.3881019830001</v>
      </c>
      <c r="BU2615" s="53">
        <v>1833.3881019830001</v>
      </c>
      <c r="BV2615" s="53">
        <v>1833.3881019830001</v>
      </c>
      <c r="BW2615" s="53">
        <v>1833.3881019830001</v>
      </c>
      <c r="BX2615" s="53">
        <v>1833.3881019830001</v>
      </c>
      <c r="BY2615" s="53">
        <v>1833.3881019830001</v>
      </c>
      <c r="BZ2615" s="53">
        <v>1833.3881019830001</v>
      </c>
      <c r="CA2615" s="53">
        <v>22000.657223795999</v>
      </c>
      <c r="CB2615" s="53">
        <v>18632.710875331501</v>
      </c>
      <c r="CC2615" s="53">
        <v>18632.710875331501</v>
      </c>
      <c r="CD2615" s="53">
        <v>18632.710875331501</v>
      </c>
      <c r="CE2615" s="53">
        <v>18632.710875331501</v>
      </c>
      <c r="CF2615" s="53">
        <v>18632.710875331501</v>
      </c>
      <c r="CG2615" s="53">
        <v>18632.710875331501</v>
      </c>
      <c r="CH2615" s="53">
        <v>18632.710875331501</v>
      </c>
      <c r="CI2615" s="53">
        <v>18632.710875331501</v>
      </c>
      <c r="CJ2615" s="53">
        <v>18632.710875331501</v>
      </c>
      <c r="CK2615" s="53">
        <v>18632.710875331501</v>
      </c>
      <c r="CL2615" s="53">
        <v>18632.710875331501</v>
      </c>
      <c r="CM2615" s="53">
        <v>18632.710875331501</v>
      </c>
      <c r="CN2615" s="53">
        <v>223592.53050397799</v>
      </c>
    </row>
    <row r="2616" spans="1:92" outlineLevel="1">
      <c r="A2616" s="52" t="s">
        <v>716</v>
      </c>
      <c r="B2616" s="53">
        <v>11723.4555256064</v>
      </c>
      <c r="C2616" s="53">
        <v>11723.4555256064</v>
      </c>
      <c r="D2616" s="53">
        <v>11723.4555256064</v>
      </c>
      <c r="E2616" s="53">
        <v>11723.4555256064</v>
      </c>
      <c r="F2616" s="53">
        <v>11723.4555256064</v>
      </c>
      <c r="G2616" s="53">
        <v>11723.4555256064</v>
      </c>
      <c r="H2616" s="53">
        <v>11723.4555256064</v>
      </c>
      <c r="I2616" s="53">
        <v>11723.4555256064</v>
      </c>
      <c r="J2616" s="53">
        <v>11723.4555256064</v>
      </c>
      <c r="K2616" s="53">
        <v>11723.4555256064</v>
      </c>
      <c r="L2616" s="53">
        <v>11723.4555256064</v>
      </c>
      <c r="M2616" s="53">
        <v>11723.4555256064</v>
      </c>
      <c r="N2616" s="53">
        <v>140681.46630727701</v>
      </c>
      <c r="O2616" s="53">
        <v>11723.4555256064</v>
      </c>
      <c r="P2616" s="53">
        <v>11723.4555256064</v>
      </c>
      <c r="Q2616" s="53">
        <v>11723.4555256064</v>
      </c>
      <c r="R2616" s="53">
        <v>11723.4555256064</v>
      </c>
      <c r="S2616" s="53">
        <v>11723.4555256064</v>
      </c>
      <c r="T2616" s="53">
        <v>11723.4555256064</v>
      </c>
      <c r="U2616" s="53">
        <v>11723.4555256064</v>
      </c>
      <c r="V2616" s="53">
        <v>11723.4555256064</v>
      </c>
      <c r="W2616" s="53">
        <v>11723.4555256064</v>
      </c>
      <c r="X2616" s="53">
        <v>11723.4555256064</v>
      </c>
      <c r="Y2616" s="53">
        <v>11723.4555256064</v>
      </c>
      <c r="Z2616" s="53">
        <v>11723.4555256064</v>
      </c>
      <c r="AA2616" s="53">
        <v>140681.46630727701</v>
      </c>
      <c r="AB2616" s="53">
        <v>11723.4555256064</v>
      </c>
      <c r="AC2616" s="53">
        <v>11723.4555256064</v>
      </c>
      <c r="AD2616" s="53">
        <v>11723.4555256064</v>
      </c>
      <c r="AE2616" s="53">
        <v>11723.4555256064</v>
      </c>
      <c r="AF2616" s="53">
        <v>11723.4555256064</v>
      </c>
      <c r="AG2616" s="53">
        <v>11723.4555256064</v>
      </c>
      <c r="AH2616" s="53">
        <v>11723.4555256064</v>
      </c>
      <c r="AI2616" s="53">
        <v>11723.4555256064</v>
      </c>
      <c r="AJ2616" s="53">
        <v>11723.4555256064</v>
      </c>
      <c r="AK2616" s="53">
        <v>11723.4555256064</v>
      </c>
      <c r="AL2616" s="53">
        <v>11723.4555256064</v>
      </c>
      <c r="AM2616" s="53">
        <v>11723.4555256064</v>
      </c>
      <c r="AN2616" s="53">
        <v>140681.46630727701</v>
      </c>
      <c r="AO2616" s="53">
        <v>11723.4555256064</v>
      </c>
      <c r="AP2616" s="53">
        <v>11723.4555256064</v>
      </c>
      <c r="AQ2616" s="53">
        <v>11723.4555256064</v>
      </c>
      <c r="AR2616" s="53">
        <v>11723.4555256064</v>
      </c>
      <c r="AS2616" s="53">
        <v>11723.4555256064</v>
      </c>
      <c r="AT2616" s="53">
        <v>11723.4555256064</v>
      </c>
      <c r="AU2616" s="53">
        <v>11723.4555256064</v>
      </c>
      <c r="AV2616" s="53">
        <v>11723.4555256064</v>
      </c>
      <c r="AW2616" s="53">
        <v>11723.4555256064</v>
      </c>
      <c r="AX2616" s="53">
        <v>11723.4555256064</v>
      </c>
      <c r="AY2616" s="53">
        <v>11723.4555256064</v>
      </c>
      <c r="AZ2616" s="53">
        <v>11723.4555256064</v>
      </c>
      <c r="BA2616" s="53">
        <v>140681.46630727701</v>
      </c>
      <c r="BB2616" s="53">
        <v>11723.4555256064</v>
      </c>
      <c r="BC2616" s="53">
        <v>11723.4555256064</v>
      </c>
      <c r="BD2616" s="53">
        <v>11723.4555256064</v>
      </c>
      <c r="BE2616" s="53">
        <v>11723.4555256064</v>
      </c>
      <c r="BF2616" s="53">
        <v>11723.4555256064</v>
      </c>
      <c r="BG2616" s="53">
        <v>11723.4555256064</v>
      </c>
      <c r="BH2616" s="53">
        <v>11723.4555256064</v>
      </c>
      <c r="BI2616" s="53">
        <v>11723.4555256064</v>
      </c>
      <c r="BJ2616" s="53">
        <v>11723.4555256064</v>
      </c>
      <c r="BK2616" s="53">
        <v>11723.4555256064</v>
      </c>
      <c r="BL2616" s="53">
        <v>11723.4555256064</v>
      </c>
      <c r="BM2616" s="53">
        <v>11723.4555256064</v>
      </c>
      <c r="BN2616" s="53">
        <v>140681.46630727701</v>
      </c>
      <c r="BO2616" s="53">
        <v>11723.4555256064</v>
      </c>
      <c r="BP2616" s="53">
        <v>11723.4555256064</v>
      </c>
      <c r="BQ2616" s="53">
        <v>11723.4555256064</v>
      </c>
      <c r="BR2616" s="53">
        <v>11723.4555256064</v>
      </c>
      <c r="BS2616" s="53">
        <v>11723.4555256064</v>
      </c>
      <c r="BT2616" s="53">
        <v>11723.4555256064</v>
      </c>
      <c r="BU2616" s="53">
        <v>11723.4555256064</v>
      </c>
      <c r="BV2616" s="53">
        <v>11723.4555256064</v>
      </c>
      <c r="BW2616" s="53">
        <v>11723.4555256064</v>
      </c>
      <c r="BX2616" s="53">
        <v>11723.4555256064</v>
      </c>
      <c r="BY2616" s="53">
        <v>11723.4555256064</v>
      </c>
      <c r="BZ2616" s="53">
        <v>11723.4555256064</v>
      </c>
      <c r="CA2616" s="53">
        <v>140681.46630727701</v>
      </c>
      <c r="CB2616" s="53"/>
      <c r="CC2616" s="53"/>
      <c r="CD2616" s="53"/>
      <c r="CE2616" s="53"/>
      <c r="CF2616" s="53"/>
      <c r="CG2616" s="53"/>
      <c r="CH2616" s="53"/>
      <c r="CI2616" s="53"/>
      <c r="CJ2616" s="53"/>
      <c r="CK2616" s="53"/>
      <c r="CL2616" s="53"/>
      <c r="CM2616" s="53"/>
      <c r="CN2616" s="53"/>
    </row>
    <row r="2617" spans="1:92" outlineLevel="1">
      <c r="A2617" s="52" t="s">
        <v>717</v>
      </c>
      <c r="B2617" s="53">
        <v>4051.8260869565202</v>
      </c>
      <c r="C2617" s="53">
        <v>4051.8260869565202</v>
      </c>
      <c r="D2617" s="53">
        <v>4051.8260869565202</v>
      </c>
      <c r="E2617" s="53">
        <v>4051.8260869565202</v>
      </c>
      <c r="F2617" s="53">
        <v>4051.8260869565202</v>
      </c>
      <c r="G2617" s="53">
        <v>4051.8260869565202</v>
      </c>
      <c r="H2617" s="53">
        <v>4051.8260869565202</v>
      </c>
      <c r="I2617" s="53">
        <v>4051.8260869565202</v>
      </c>
      <c r="J2617" s="53">
        <v>4051.8260869565102</v>
      </c>
      <c r="K2617" s="53">
        <v>4051.8260869565102</v>
      </c>
      <c r="L2617" s="53">
        <v>4051.8260869565102</v>
      </c>
      <c r="M2617" s="53">
        <v>4051.8260869565102</v>
      </c>
      <c r="N2617" s="53">
        <v>48621.913043478198</v>
      </c>
      <c r="O2617" s="53">
        <v>4051.8260869565102</v>
      </c>
      <c r="P2617" s="53">
        <v>4051.8260869565102</v>
      </c>
      <c r="Q2617" s="53">
        <v>4051.8260869565102</v>
      </c>
      <c r="R2617" s="53">
        <v>4051.8260869565102</v>
      </c>
      <c r="S2617" s="53">
        <v>4051.8260869565102</v>
      </c>
      <c r="T2617" s="53">
        <v>4051.8260869565102</v>
      </c>
      <c r="U2617" s="53">
        <v>4051.8260869565102</v>
      </c>
      <c r="V2617" s="53">
        <v>4051.8260869565102</v>
      </c>
      <c r="W2617" s="53">
        <v>4051.8260869565102</v>
      </c>
      <c r="X2617" s="53">
        <v>4051.8260869565102</v>
      </c>
      <c r="Y2617" s="53">
        <v>4051.8260869565102</v>
      </c>
      <c r="Z2617" s="53">
        <v>4051.8260869565102</v>
      </c>
      <c r="AA2617" s="53">
        <v>48621.913043478198</v>
      </c>
      <c r="AB2617" s="53">
        <v>4051.8260869565102</v>
      </c>
      <c r="AC2617" s="53">
        <v>4051.8260869565102</v>
      </c>
      <c r="AD2617" s="53">
        <v>4051.8260869565102</v>
      </c>
      <c r="AE2617" s="53">
        <v>4051.8260869565102</v>
      </c>
      <c r="AF2617" s="53">
        <v>4051.8260869565102</v>
      </c>
      <c r="AG2617" s="53">
        <v>4051.8260869565102</v>
      </c>
      <c r="AH2617" s="53">
        <v>4051.8260869565102</v>
      </c>
      <c r="AI2617" s="53">
        <v>4051.8260869565102</v>
      </c>
      <c r="AJ2617" s="53">
        <v>4051.8260869565102</v>
      </c>
      <c r="AK2617" s="53">
        <v>4051.8260869565102</v>
      </c>
      <c r="AL2617" s="53">
        <v>4051.8260869565102</v>
      </c>
      <c r="AM2617" s="53">
        <v>4051.8260869565102</v>
      </c>
      <c r="AN2617" s="53">
        <v>48621.913043478096</v>
      </c>
      <c r="AO2617" s="53">
        <v>4051.8260869565102</v>
      </c>
      <c r="AP2617" s="53">
        <v>4051.8260869565102</v>
      </c>
      <c r="AQ2617" s="53">
        <v>4051.8260869565102</v>
      </c>
      <c r="AR2617" s="53">
        <v>4051.8260869565102</v>
      </c>
      <c r="AS2617" s="53">
        <v>4051.8260869565102</v>
      </c>
      <c r="AT2617" s="53">
        <v>4051.8260869565102</v>
      </c>
      <c r="AU2617" s="53">
        <v>4051.8260869565001</v>
      </c>
      <c r="AV2617" s="53">
        <v>4051.8260869565001</v>
      </c>
      <c r="AW2617" s="53">
        <v>4051.8260869565001</v>
      </c>
      <c r="AX2617" s="53">
        <v>4051.8260869565102</v>
      </c>
      <c r="AY2617" s="53">
        <v>4051.8260869565001</v>
      </c>
      <c r="AZ2617" s="53">
        <v>4051.8260869565001</v>
      </c>
      <c r="BA2617" s="53">
        <v>48621.913043478096</v>
      </c>
      <c r="BB2617" s="53">
        <v>4051.8260869565102</v>
      </c>
      <c r="BC2617" s="53">
        <v>4051.8260869565001</v>
      </c>
      <c r="BD2617" s="53">
        <v>4051.8260869565001</v>
      </c>
      <c r="BE2617" s="53">
        <v>4051.8260869565001</v>
      </c>
      <c r="BF2617" s="53">
        <v>4051.8260869565001</v>
      </c>
      <c r="BG2617" s="53">
        <v>4051.8260869565102</v>
      </c>
      <c r="BH2617" s="53">
        <v>4051.8260869565102</v>
      </c>
      <c r="BI2617" s="53">
        <v>4051.8260869565001</v>
      </c>
      <c r="BJ2617" s="53">
        <v>4051.8260869565001</v>
      </c>
      <c r="BK2617" s="53">
        <v>4051.8260869565102</v>
      </c>
      <c r="BL2617" s="53">
        <v>4051.8260869565001</v>
      </c>
      <c r="BM2617" s="53">
        <v>4051.8260869565001</v>
      </c>
      <c r="BN2617" s="53">
        <v>48621.913043478096</v>
      </c>
      <c r="BO2617" s="53">
        <v>4051.8260869565001</v>
      </c>
      <c r="BP2617" s="53">
        <v>4051.8260869565102</v>
      </c>
      <c r="BQ2617" s="53">
        <v>4051.8260869565001</v>
      </c>
      <c r="BR2617" s="53">
        <v>4051.8260869565001</v>
      </c>
      <c r="BS2617" s="53">
        <v>4051.8260869565001</v>
      </c>
      <c r="BT2617" s="53">
        <v>4051.8260869565102</v>
      </c>
      <c r="BU2617" s="53">
        <v>4051.8260869565001</v>
      </c>
      <c r="BV2617" s="53">
        <v>4051.8260869565001</v>
      </c>
      <c r="BW2617" s="53">
        <v>4051.8260869565102</v>
      </c>
      <c r="BX2617" s="53">
        <v>4051.8260869565001</v>
      </c>
      <c r="BY2617" s="53">
        <v>4051.8260869565001</v>
      </c>
      <c r="BZ2617" s="53">
        <v>4051.8260869565001</v>
      </c>
      <c r="CA2617" s="53">
        <v>48621.913043478096</v>
      </c>
      <c r="CB2617" s="53"/>
      <c r="CC2617" s="53"/>
      <c r="CD2617" s="53"/>
      <c r="CE2617" s="53"/>
      <c r="CF2617" s="53"/>
      <c r="CG2617" s="53"/>
      <c r="CH2617" s="53"/>
      <c r="CI2617" s="53"/>
      <c r="CJ2617" s="53"/>
      <c r="CK2617" s="53"/>
      <c r="CL2617" s="53"/>
      <c r="CM2617" s="53"/>
      <c r="CN2617" s="53"/>
    </row>
    <row r="2618" spans="1:92" outlineLevel="1">
      <c r="A2618" s="52" t="s">
        <v>718</v>
      </c>
      <c r="B2618" s="53">
        <v>3523.4088050314399</v>
      </c>
      <c r="C2618" s="53">
        <v>3523.4088050314399</v>
      </c>
      <c r="D2618" s="53">
        <v>3523.4088050314399</v>
      </c>
      <c r="E2618" s="53">
        <v>3523.4088050314399</v>
      </c>
      <c r="F2618" s="53">
        <v>3523.4088050314399</v>
      </c>
      <c r="G2618" s="53">
        <v>3523.4088050314399</v>
      </c>
      <c r="H2618" s="53">
        <v>3523.4088050314399</v>
      </c>
      <c r="I2618" s="53">
        <v>3523.4088050314399</v>
      </c>
      <c r="J2618" s="53">
        <v>3523.4088050314399</v>
      </c>
      <c r="K2618" s="53">
        <v>3523.4088050314399</v>
      </c>
      <c r="L2618" s="53">
        <v>3523.4088050314399</v>
      </c>
      <c r="M2618" s="53">
        <v>3523.4088050314399</v>
      </c>
      <c r="N2618" s="53">
        <v>42280.905660377299</v>
      </c>
      <c r="O2618" s="53">
        <v>3523.4088050314399</v>
      </c>
      <c r="P2618" s="53">
        <v>3523.4088050314399</v>
      </c>
      <c r="Q2618" s="53">
        <v>3523.4088050314399</v>
      </c>
      <c r="R2618" s="53">
        <v>3523.4088050314399</v>
      </c>
      <c r="S2618" s="53">
        <v>3523.4088050314399</v>
      </c>
      <c r="T2618" s="53">
        <v>3523.4088050314399</v>
      </c>
      <c r="U2618" s="53">
        <v>3523.4088050314499</v>
      </c>
      <c r="V2618" s="53">
        <v>3523.4088050314399</v>
      </c>
      <c r="W2618" s="53">
        <v>3523.4088050314499</v>
      </c>
      <c r="X2618" s="53">
        <v>3523.4088050314499</v>
      </c>
      <c r="Y2618" s="53">
        <v>3523.4088050314499</v>
      </c>
      <c r="Z2618" s="53">
        <v>3523.4088050314499</v>
      </c>
      <c r="AA2618" s="53">
        <v>42280.905660377401</v>
      </c>
      <c r="AB2618" s="53">
        <v>3523.4088050314499</v>
      </c>
      <c r="AC2618" s="53">
        <v>3523.4088050314499</v>
      </c>
      <c r="AD2618" s="53">
        <v>3523.4088050314499</v>
      </c>
      <c r="AE2618" s="53">
        <v>3523.4088050314499</v>
      </c>
      <c r="AF2618" s="53">
        <v>3523.4088050314499</v>
      </c>
      <c r="AG2618" s="53">
        <v>3523.4088050314499</v>
      </c>
      <c r="AH2618" s="53">
        <v>3523.4088050314499</v>
      </c>
      <c r="AI2618" s="53">
        <v>3523.4088050314499</v>
      </c>
      <c r="AJ2618" s="53">
        <v>3523.4088050314499</v>
      </c>
      <c r="AK2618" s="53">
        <v>3523.4088050314499</v>
      </c>
      <c r="AL2618" s="53">
        <v>3523.4088050314499</v>
      </c>
      <c r="AM2618" s="53">
        <v>3523.4088050314499</v>
      </c>
      <c r="AN2618" s="53">
        <v>42280.905660377401</v>
      </c>
      <c r="AO2618" s="53">
        <v>3523.4088050314499</v>
      </c>
      <c r="AP2618" s="53">
        <v>3523.4088050314499</v>
      </c>
      <c r="AQ2618" s="53">
        <v>3523.4088050314499</v>
      </c>
      <c r="AR2618" s="53">
        <v>3523.4088050314499</v>
      </c>
      <c r="AS2618" s="53">
        <v>3523.4088050314499</v>
      </c>
      <c r="AT2618" s="53">
        <v>3523.4088050314499</v>
      </c>
      <c r="AU2618" s="53">
        <v>3523.4088050314499</v>
      </c>
      <c r="AV2618" s="53">
        <v>3523.4088050314499</v>
      </c>
      <c r="AW2618" s="53">
        <v>3523.4088050314499</v>
      </c>
      <c r="AX2618" s="53">
        <v>3523.4088050314499</v>
      </c>
      <c r="AY2618" s="53">
        <v>3523.4088050314499</v>
      </c>
      <c r="AZ2618" s="53">
        <v>3523.4088050314499</v>
      </c>
      <c r="BA2618" s="53">
        <v>42280.905660377401</v>
      </c>
      <c r="BB2618" s="53">
        <v>3523.4088050314499</v>
      </c>
      <c r="BC2618" s="53">
        <v>3523.4088050314499</v>
      </c>
      <c r="BD2618" s="53">
        <v>3523.4088050314499</v>
      </c>
      <c r="BE2618" s="53">
        <v>3523.4088050314499</v>
      </c>
      <c r="BF2618" s="53">
        <v>3523.4088050314499</v>
      </c>
      <c r="BG2618" s="53">
        <v>3523.4088050314499</v>
      </c>
      <c r="BH2618" s="53">
        <v>3523.4088050314499</v>
      </c>
      <c r="BI2618" s="53">
        <v>3523.4088050314499</v>
      </c>
      <c r="BJ2618" s="53">
        <v>3523.4088050314499</v>
      </c>
      <c r="BK2618" s="53">
        <v>3523.4088050314499</v>
      </c>
      <c r="BL2618" s="53">
        <v>3523.4088050314499</v>
      </c>
      <c r="BM2618" s="53">
        <v>3523.4088050314499</v>
      </c>
      <c r="BN2618" s="53">
        <v>42280.905660377401</v>
      </c>
      <c r="BO2618" s="53">
        <v>3523.4088050314499</v>
      </c>
      <c r="BP2618" s="53">
        <v>3523.4088050314499</v>
      </c>
      <c r="BQ2618" s="53">
        <v>3523.4088050314599</v>
      </c>
      <c r="BR2618" s="53">
        <v>3523.4088050314599</v>
      </c>
      <c r="BS2618" s="53">
        <v>3523.4088050314599</v>
      </c>
      <c r="BT2618" s="53">
        <v>3523.4088050314599</v>
      </c>
      <c r="BU2618" s="53">
        <v>3523.4088050314599</v>
      </c>
      <c r="BV2618" s="53">
        <v>3523.4088050314599</v>
      </c>
      <c r="BW2618" s="53">
        <v>3523.4088050314599</v>
      </c>
      <c r="BX2618" s="53">
        <v>3523.4088050314599</v>
      </c>
      <c r="BY2618" s="53">
        <v>3523.4088050314599</v>
      </c>
      <c r="BZ2618" s="53">
        <v>3523.4088050314599</v>
      </c>
      <c r="CA2618" s="53">
        <v>42280.905660377502</v>
      </c>
      <c r="CB2618" s="53">
        <v>36488.334177215103</v>
      </c>
      <c r="CC2618" s="53">
        <v>36488.334177215103</v>
      </c>
      <c r="CD2618" s="53">
        <v>36488.334177215103</v>
      </c>
      <c r="CE2618" s="53">
        <v>36488.334177215103</v>
      </c>
      <c r="CF2618" s="53">
        <v>36488.334177215103</v>
      </c>
      <c r="CG2618" s="53">
        <v>36488.334177215103</v>
      </c>
      <c r="CH2618" s="53">
        <v>36488.334177215103</v>
      </c>
      <c r="CI2618" s="53">
        <v>36488.334177215103</v>
      </c>
      <c r="CJ2618" s="53">
        <v>36488.334177215103</v>
      </c>
      <c r="CK2618" s="53">
        <v>36488.334177215103</v>
      </c>
      <c r="CL2618" s="53">
        <v>36488.334177215103</v>
      </c>
      <c r="CM2618" s="53">
        <v>36488.334177215103</v>
      </c>
      <c r="CN2618" s="53">
        <v>437860.010126582</v>
      </c>
    </row>
    <row r="2619" spans="1:92" outlineLevel="1">
      <c r="A2619" s="52" t="s">
        <v>721</v>
      </c>
      <c r="B2619" s="53">
        <v>9347.6245614034997</v>
      </c>
      <c r="C2619" s="53">
        <v>9347.6245614034997</v>
      </c>
      <c r="D2619" s="53">
        <v>9347.6245614035106</v>
      </c>
      <c r="E2619" s="53">
        <v>9347.6245614035106</v>
      </c>
      <c r="F2619" s="53">
        <v>9347.6245614035106</v>
      </c>
      <c r="G2619" s="53">
        <v>9347.6245614035106</v>
      </c>
      <c r="H2619" s="53">
        <v>9347.6245614035106</v>
      </c>
      <c r="I2619" s="53">
        <v>9347.6245614035106</v>
      </c>
      <c r="J2619" s="53">
        <v>9347.6245614035106</v>
      </c>
      <c r="K2619" s="53">
        <v>9347.6245614035106</v>
      </c>
      <c r="L2619" s="53">
        <v>9347.6245614035106</v>
      </c>
      <c r="M2619" s="53">
        <v>9347.6245614035106</v>
      </c>
      <c r="N2619" s="53">
        <v>112171.494736842</v>
      </c>
      <c r="O2619" s="53">
        <v>9347.6245614035106</v>
      </c>
      <c r="P2619" s="53">
        <v>9347.6245614035106</v>
      </c>
      <c r="Q2619" s="53">
        <v>9347.6245614035106</v>
      </c>
      <c r="R2619" s="53">
        <v>9347.6245614035197</v>
      </c>
      <c r="S2619" s="53">
        <v>9347.6245614035197</v>
      </c>
      <c r="T2619" s="53">
        <v>9347.6245614035197</v>
      </c>
      <c r="U2619" s="53">
        <v>9347.6245614035197</v>
      </c>
      <c r="V2619" s="53">
        <v>9347.6245614035197</v>
      </c>
      <c r="W2619" s="53">
        <v>9347.6245614035197</v>
      </c>
      <c r="X2619" s="53">
        <v>9347.6245614035197</v>
      </c>
      <c r="Y2619" s="53">
        <v>9347.6245614035197</v>
      </c>
      <c r="Z2619" s="53">
        <v>9347.6245614035197</v>
      </c>
      <c r="AA2619" s="53">
        <v>112171.494736842</v>
      </c>
      <c r="AB2619" s="53">
        <v>9347.6245614035197</v>
      </c>
      <c r="AC2619" s="53">
        <v>9347.6245614035197</v>
      </c>
      <c r="AD2619" s="53">
        <v>9347.6245614035197</v>
      </c>
      <c r="AE2619" s="53">
        <v>9347.6245614035197</v>
      </c>
      <c r="AF2619" s="53">
        <v>9347.6245614035197</v>
      </c>
      <c r="AG2619" s="53">
        <v>9347.6245614035197</v>
      </c>
      <c r="AH2619" s="53">
        <v>9347.6245614035197</v>
      </c>
      <c r="AI2619" s="53">
        <v>9347.6245614035197</v>
      </c>
      <c r="AJ2619" s="53">
        <v>9347.6245614035197</v>
      </c>
      <c r="AK2619" s="53">
        <v>9347.6245614035197</v>
      </c>
      <c r="AL2619" s="53">
        <v>9347.6245614035306</v>
      </c>
      <c r="AM2619" s="53">
        <v>9347.6245614035306</v>
      </c>
      <c r="AN2619" s="53">
        <v>112171.494736842</v>
      </c>
      <c r="AO2619" s="53">
        <v>9347.6245614035306</v>
      </c>
      <c r="AP2619" s="53">
        <v>9347.6245614035306</v>
      </c>
      <c r="AQ2619" s="53">
        <v>9347.6245614035306</v>
      </c>
      <c r="AR2619" s="53">
        <v>9347.6245614035306</v>
      </c>
      <c r="AS2619" s="53">
        <v>9347.6245614035306</v>
      </c>
      <c r="AT2619" s="53">
        <v>9347.6245614035306</v>
      </c>
      <c r="AU2619" s="53">
        <v>9347.6245614035306</v>
      </c>
      <c r="AV2619" s="53">
        <v>9347.6245614035306</v>
      </c>
      <c r="AW2619" s="53">
        <v>9347.6245614035397</v>
      </c>
      <c r="AX2619" s="53">
        <v>9347.6245614035397</v>
      </c>
      <c r="AY2619" s="53">
        <v>9347.6245614035397</v>
      </c>
      <c r="AZ2619" s="53">
        <v>9347.6245614035397</v>
      </c>
      <c r="BA2619" s="53">
        <v>112171.494736842</v>
      </c>
      <c r="BB2619" s="53">
        <v>9347.6245614035397</v>
      </c>
      <c r="BC2619" s="53">
        <v>9347.6245614035397</v>
      </c>
      <c r="BD2619" s="53">
        <v>9347.6245614035397</v>
      </c>
      <c r="BE2619" s="53">
        <v>9347.6245614035397</v>
      </c>
      <c r="BF2619" s="53">
        <v>9347.6245614035397</v>
      </c>
      <c r="BG2619" s="53">
        <v>9347.6245614035397</v>
      </c>
      <c r="BH2619" s="53">
        <v>9347.6245614035397</v>
      </c>
      <c r="BI2619" s="53">
        <v>9347.6245614035397</v>
      </c>
      <c r="BJ2619" s="53">
        <v>9347.6245614035397</v>
      </c>
      <c r="BK2619" s="53">
        <v>9347.6245614035506</v>
      </c>
      <c r="BL2619" s="53">
        <v>9347.6245614035506</v>
      </c>
      <c r="BM2619" s="53">
        <v>9347.6245614035506</v>
      </c>
      <c r="BN2619" s="53">
        <v>112171.494736842</v>
      </c>
      <c r="BO2619" s="53">
        <v>9347.6245614035506</v>
      </c>
      <c r="BP2619" s="53">
        <v>9347.6245614035506</v>
      </c>
      <c r="BQ2619" s="53">
        <v>9347.6245614035506</v>
      </c>
      <c r="BR2619" s="53">
        <v>9347.6245614035506</v>
      </c>
      <c r="BS2619" s="53">
        <v>9347.6245614035597</v>
      </c>
      <c r="BT2619" s="53">
        <v>9347.6245614035506</v>
      </c>
      <c r="BU2619" s="53">
        <v>9347.6245614035506</v>
      </c>
      <c r="BV2619" s="53">
        <v>9347.6245614035597</v>
      </c>
      <c r="BW2619" s="53">
        <v>9347.6245614035597</v>
      </c>
      <c r="BX2619" s="53">
        <v>9347.6245614035506</v>
      </c>
      <c r="BY2619" s="53">
        <v>9347.6245614035597</v>
      </c>
      <c r="BZ2619" s="53">
        <v>9347.6245614035506</v>
      </c>
      <c r="CA2619" s="53">
        <v>112171.494736842</v>
      </c>
      <c r="CB2619" s="53">
        <v>13019.146118721401</v>
      </c>
      <c r="CC2619" s="53">
        <v>13019.146118721401</v>
      </c>
      <c r="CD2619" s="53">
        <v>13019.146118721401</v>
      </c>
      <c r="CE2619" s="53">
        <v>13019.146118721401</v>
      </c>
      <c r="CF2619" s="53">
        <v>13019.146118721401</v>
      </c>
      <c r="CG2619" s="53">
        <v>13019.146118721401</v>
      </c>
      <c r="CH2619" s="53">
        <v>13019.146118721401</v>
      </c>
      <c r="CI2619" s="53">
        <v>13019.146118721401</v>
      </c>
      <c r="CJ2619" s="53">
        <v>13019.146118721401</v>
      </c>
      <c r="CK2619" s="53">
        <v>13019.146118721401</v>
      </c>
      <c r="CL2619" s="53">
        <v>13019.146118721401</v>
      </c>
      <c r="CM2619" s="53">
        <v>13019.146118721401</v>
      </c>
      <c r="CN2619" s="53">
        <v>156229.75342465701</v>
      </c>
    </row>
    <row r="2620" spans="1:92" outlineLevel="1">
      <c r="A2620" s="52" t="s">
        <v>723</v>
      </c>
      <c r="B2620" s="53">
        <v>3240.3917525773099</v>
      </c>
      <c r="C2620" s="53">
        <v>3240.3917525773099</v>
      </c>
      <c r="D2620" s="53">
        <v>3240.3917525773099</v>
      </c>
      <c r="E2620" s="53">
        <v>3240.3917525773099</v>
      </c>
      <c r="F2620" s="53">
        <v>3240.3917525773099</v>
      </c>
      <c r="G2620" s="53">
        <v>3240.3917525773099</v>
      </c>
      <c r="H2620" s="53">
        <v>3240.3917525773099</v>
      </c>
      <c r="I2620" s="53">
        <v>3240.3917525773099</v>
      </c>
      <c r="J2620" s="53">
        <v>3240.3917525773099</v>
      </c>
      <c r="K2620" s="53">
        <v>3240.3917525773099</v>
      </c>
      <c r="L2620" s="53">
        <v>3240.3917525773099</v>
      </c>
      <c r="M2620" s="53">
        <v>3240.3917525773099</v>
      </c>
      <c r="N2620" s="53">
        <v>38884.701030927798</v>
      </c>
      <c r="O2620" s="53">
        <v>3240.3917525773099</v>
      </c>
      <c r="P2620" s="53">
        <v>3240.3917525773099</v>
      </c>
      <c r="Q2620" s="53">
        <v>3240.3917525773099</v>
      </c>
      <c r="R2620" s="53">
        <v>3240.3917525773099</v>
      </c>
      <c r="S2620" s="53">
        <v>3240.3917525773099</v>
      </c>
      <c r="T2620" s="53">
        <v>3240.3917525773099</v>
      </c>
      <c r="U2620" s="53">
        <v>3240.3917525773099</v>
      </c>
      <c r="V2620" s="53">
        <v>3240.3917525773099</v>
      </c>
      <c r="W2620" s="53">
        <v>3240.3917525773099</v>
      </c>
      <c r="X2620" s="53">
        <v>3240.3917525773099</v>
      </c>
      <c r="Y2620" s="53">
        <v>3240.3917525773099</v>
      </c>
      <c r="Z2620" s="53">
        <v>3240.3917525773099</v>
      </c>
      <c r="AA2620" s="53">
        <v>38884.701030927798</v>
      </c>
      <c r="AB2620" s="53">
        <v>3240.3917525773099</v>
      </c>
      <c r="AC2620" s="53">
        <v>3240.3917525773099</v>
      </c>
      <c r="AD2620" s="53">
        <v>3240.3917525773099</v>
      </c>
      <c r="AE2620" s="53">
        <v>3240.3917525773099</v>
      </c>
      <c r="AF2620" s="53">
        <v>3240.3917525773099</v>
      </c>
      <c r="AG2620" s="53">
        <v>3240.3917525773099</v>
      </c>
      <c r="AH2620" s="53">
        <v>3240.3917525773099</v>
      </c>
      <c r="AI2620" s="53">
        <v>3240.3917525773099</v>
      </c>
      <c r="AJ2620" s="53">
        <v>3240.3917525773099</v>
      </c>
      <c r="AK2620" s="53">
        <v>3240.3917525773099</v>
      </c>
      <c r="AL2620" s="53">
        <v>3240.3917525773099</v>
      </c>
      <c r="AM2620" s="53">
        <v>3240.3917525773099</v>
      </c>
      <c r="AN2620" s="53">
        <v>38884.701030927703</v>
      </c>
      <c r="AO2620" s="53">
        <v>3240.3917525773099</v>
      </c>
      <c r="AP2620" s="53">
        <v>3240.3917525773099</v>
      </c>
      <c r="AQ2620" s="53">
        <v>3240.3917525773099</v>
      </c>
      <c r="AR2620" s="53">
        <v>3240.3917525773099</v>
      </c>
      <c r="AS2620" s="53">
        <v>3240.3917525773099</v>
      </c>
      <c r="AT2620" s="53">
        <v>3240.3917525773099</v>
      </c>
      <c r="AU2620" s="53">
        <v>3240.3917525773099</v>
      </c>
      <c r="AV2620" s="53">
        <v>3240.3917525773099</v>
      </c>
      <c r="AW2620" s="53">
        <v>3240.3917525773099</v>
      </c>
      <c r="AX2620" s="53">
        <v>3240.3917525773099</v>
      </c>
      <c r="AY2620" s="53">
        <v>3240.3917525773099</v>
      </c>
      <c r="AZ2620" s="53">
        <v>3240.3917525773099</v>
      </c>
      <c r="BA2620" s="53">
        <v>38884.701030927703</v>
      </c>
      <c r="BB2620" s="53">
        <v>1620.19587628865</v>
      </c>
      <c r="BC2620" s="53"/>
      <c r="BD2620" s="53"/>
      <c r="BE2620" s="53"/>
      <c r="BF2620" s="53"/>
      <c r="BG2620" s="53"/>
      <c r="BH2620" s="53"/>
      <c r="BI2620" s="53"/>
      <c r="BJ2620" s="53"/>
      <c r="BK2620" s="53"/>
      <c r="BL2620" s="53"/>
      <c r="BM2620" s="53"/>
      <c r="BN2620" s="53">
        <v>1620.19587628865</v>
      </c>
      <c r="BO2620" s="53"/>
      <c r="BP2620" s="53"/>
      <c r="BQ2620" s="53"/>
      <c r="BR2620" s="53"/>
      <c r="BS2620" s="53"/>
      <c r="BT2620" s="53"/>
      <c r="BU2620" s="53"/>
      <c r="BV2620" s="53"/>
      <c r="BW2620" s="53"/>
      <c r="BX2620" s="53"/>
      <c r="BY2620" s="53"/>
      <c r="BZ2620" s="53"/>
      <c r="CA2620" s="53"/>
      <c r="CB2620" s="53">
        <v>13527.6846307385</v>
      </c>
      <c r="CC2620" s="53">
        <v>13527.6846307385</v>
      </c>
      <c r="CD2620" s="53">
        <v>13527.6846307385</v>
      </c>
      <c r="CE2620" s="53">
        <v>13527.6846307385</v>
      </c>
      <c r="CF2620" s="53">
        <v>13527.6846307385</v>
      </c>
      <c r="CG2620" s="53">
        <v>13527.6846307385</v>
      </c>
      <c r="CH2620" s="53">
        <v>13527.6846307385</v>
      </c>
      <c r="CI2620" s="53">
        <v>13527.6846307385</v>
      </c>
      <c r="CJ2620" s="53">
        <v>13527.6846307385</v>
      </c>
      <c r="CK2620" s="53">
        <v>13527.6846307385</v>
      </c>
      <c r="CL2620" s="53">
        <v>13527.6846307385</v>
      </c>
      <c r="CM2620" s="53">
        <v>13527.6846307385</v>
      </c>
      <c r="CN2620" s="53">
        <v>162332.21556886201</v>
      </c>
    </row>
    <row r="2621" spans="1:92" outlineLevel="1">
      <c r="A2621" s="52" t="s">
        <v>724</v>
      </c>
      <c r="B2621" s="53">
        <v>1540.86460032626</v>
      </c>
      <c r="C2621" s="53">
        <v>1540.86460032626</v>
      </c>
      <c r="D2621" s="53">
        <v>1540.86460032626</v>
      </c>
      <c r="E2621" s="53">
        <v>1540.86460032626</v>
      </c>
      <c r="F2621" s="53">
        <v>1540.86460032626</v>
      </c>
      <c r="G2621" s="53">
        <v>1540.86460032626</v>
      </c>
      <c r="H2621" s="53">
        <v>1540.86460032626</v>
      </c>
      <c r="I2621" s="53">
        <v>1540.86460032626</v>
      </c>
      <c r="J2621" s="53">
        <v>1540.86460032626</v>
      </c>
      <c r="K2621" s="53">
        <v>1540.86460032626</v>
      </c>
      <c r="L2621" s="53">
        <v>1540.86460032626</v>
      </c>
      <c r="M2621" s="53">
        <v>1540.86460032626</v>
      </c>
      <c r="N2621" s="53">
        <v>18490.3752039151</v>
      </c>
      <c r="O2621" s="53">
        <v>1540.86460032626</v>
      </c>
      <c r="P2621" s="53">
        <v>1540.86460032626</v>
      </c>
      <c r="Q2621" s="53">
        <v>1540.86460032626</v>
      </c>
      <c r="R2621" s="53">
        <v>1540.86460032626</v>
      </c>
      <c r="S2621" s="53">
        <v>1540.86460032626</v>
      </c>
      <c r="T2621" s="53">
        <v>1540.86460032626</v>
      </c>
      <c r="U2621" s="53">
        <v>1540.86460032626</v>
      </c>
      <c r="V2621" s="53">
        <v>1540.86460032626</v>
      </c>
      <c r="W2621" s="53">
        <v>1540.86460032626</v>
      </c>
      <c r="X2621" s="53">
        <v>1540.86460032626</v>
      </c>
      <c r="Y2621" s="53">
        <v>1540.86460032626</v>
      </c>
      <c r="Z2621" s="53">
        <v>1540.86460032626</v>
      </c>
      <c r="AA2621" s="53">
        <v>18490.3752039151</v>
      </c>
      <c r="AB2621" s="53">
        <v>1540.86460032626</v>
      </c>
      <c r="AC2621" s="53">
        <v>1540.86460032626</v>
      </c>
      <c r="AD2621" s="53">
        <v>1540.86460032626</v>
      </c>
      <c r="AE2621" s="53">
        <v>1540.86460032626</v>
      </c>
      <c r="AF2621" s="53">
        <v>1540.86460032626</v>
      </c>
      <c r="AG2621" s="53">
        <v>1540.86460032626</v>
      </c>
      <c r="AH2621" s="53">
        <v>1540.86460032626</v>
      </c>
      <c r="AI2621" s="53">
        <v>1540.86460032626</v>
      </c>
      <c r="AJ2621" s="53">
        <v>1540.86460032626</v>
      </c>
      <c r="AK2621" s="53">
        <v>1540.86460032626</v>
      </c>
      <c r="AL2621" s="53">
        <v>1540.86460032626</v>
      </c>
      <c r="AM2621" s="53">
        <v>1540.86460032626</v>
      </c>
      <c r="AN2621" s="53">
        <v>18490.3752039151</v>
      </c>
      <c r="AO2621" s="53">
        <v>1540.86460032626</v>
      </c>
      <c r="AP2621" s="53">
        <v>1540.86460032626</v>
      </c>
      <c r="AQ2621" s="53">
        <v>1540.86460032626</v>
      </c>
      <c r="AR2621" s="53">
        <v>1540.86460032626</v>
      </c>
      <c r="AS2621" s="53">
        <v>1540.86460032626</v>
      </c>
      <c r="AT2621" s="53">
        <v>1540.86460032626</v>
      </c>
      <c r="AU2621" s="53">
        <v>1540.86460032626</v>
      </c>
      <c r="AV2621" s="53">
        <v>1540.86460032626</v>
      </c>
      <c r="AW2621" s="53">
        <v>1540.86460032626</v>
      </c>
      <c r="AX2621" s="53">
        <v>1540.86460032626</v>
      </c>
      <c r="AY2621" s="53">
        <v>1540.86460032626</v>
      </c>
      <c r="AZ2621" s="53">
        <v>1540.86460032626</v>
      </c>
      <c r="BA2621" s="53">
        <v>18490.375203915199</v>
      </c>
      <c r="BB2621" s="53">
        <v>1540.86460032626</v>
      </c>
      <c r="BC2621" s="53">
        <v>1540.86460032626</v>
      </c>
      <c r="BD2621" s="53">
        <v>1540.86460032626</v>
      </c>
      <c r="BE2621" s="53">
        <v>1540.86460032626</v>
      </c>
      <c r="BF2621" s="53">
        <v>1540.86460032626</v>
      </c>
      <c r="BG2621" s="53">
        <v>1540.86460032626</v>
      </c>
      <c r="BH2621" s="53">
        <v>1540.86460032626</v>
      </c>
      <c r="BI2621" s="53">
        <v>1540.86460032626</v>
      </c>
      <c r="BJ2621" s="53">
        <v>1540.86460032626</v>
      </c>
      <c r="BK2621" s="53">
        <v>1540.86460032626</v>
      </c>
      <c r="BL2621" s="53">
        <v>1540.86460032626</v>
      </c>
      <c r="BM2621" s="53">
        <v>1540.86460032626</v>
      </c>
      <c r="BN2621" s="53">
        <v>18490.375203915199</v>
      </c>
      <c r="BO2621" s="53">
        <v>1540.86460032626</v>
      </c>
      <c r="BP2621" s="53">
        <v>1540.86460032626</v>
      </c>
      <c r="BQ2621" s="53">
        <v>1540.86460032626</v>
      </c>
      <c r="BR2621" s="53">
        <v>1540.86460032626</v>
      </c>
      <c r="BS2621" s="53">
        <v>1540.86460032626</v>
      </c>
      <c r="BT2621" s="53">
        <v>1540.86460032626</v>
      </c>
      <c r="BU2621" s="53">
        <v>1540.86460032626</v>
      </c>
      <c r="BV2621" s="53">
        <v>1540.86460032626</v>
      </c>
      <c r="BW2621" s="53">
        <v>1540.86460032626</v>
      </c>
      <c r="BX2621" s="53">
        <v>1540.86460032626</v>
      </c>
      <c r="BY2621" s="53">
        <v>1540.86460032627</v>
      </c>
      <c r="BZ2621" s="53">
        <v>1540.86460032627</v>
      </c>
      <c r="CA2621" s="53">
        <v>18490.375203915199</v>
      </c>
      <c r="CB2621" s="53">
        <v>20148.9797979797</v>
      </c>
      <c r="CC2621" s="53">
        <v>20148.9797979797</v>
      </c>
      <c r="CD2621" s="53">
        <v>20148.9797979797</v>
      </c>
      <c r="CE2621" s="53">
        <v>20148.9797979797</v>
      </c>
      <c r="CF2621" s="53">
        <v>20148.9797979797</v>
      </c>
      <c r="CG2621" s="53">
        <v>20148.9797979797</v>
      </c>
      <c r="CH2621" s="53">
        <v>20148.9797979797</v>
      </c>
      <c r="CI2621" s="53">
        <v>20148.9797979797</v>
      </c>
      <c r="CJ2621" s="53">
        <v>20148.9797979797</v>
      </c>
      <c r="CK2621" s="53">
        <v>20148.9797979797</v>
      </c>
      <c r="CL2621" s="53">
        <v>20148.9797979797</v>
      </c>
      <c r="CM2621" s="53">
        <v>20148.9797979797</v>
      </c>
      <c r="CN2621" s="53">
        <v>241787.75757575699</v>
      </c>
    </row>
    <row r="2622" spans="1:92" outlineLevel="1">
      <c r="A2622" s="52" t="s">
        <v>725</v>
      </c>
      <c r="B2622" s="53">
        <v>9185.2932330827007</v>
      </c>
      <c r="C2622" s="53">
        <v>9185.2932330827007</v>
      </c>
      <c r="D2622" s="53">
        <v>9185.2932330827007</v>
      </c>
      <c r="E2622" s="53">
        <v>9185.2932330827007</v>
      </c>
      <c r="F2622" s="53">
        <v>9185.2932330827007</v>
      </c>
      <c r="G2622" s="53">
        <v>9185.2932330827007</v>
      </c>
      <c r="H2622" s="53">
        <v>9185.2932330827007</v>
      </c>
      <c r="I2622" s="53">
        <v>9185.2932330827007</v>
      </c>
      <c r="J2622" s="53">
        <v>9185.2932330827098</v>
      </c>
      <c r="K2622" s="53">
        <v>9185.2932330827098</v>
      </c>
      <c r="L2622" s="53">
        <v>9185.2932330827098</v>
      </c>
      <c r="M2622" s="53">
        <v>9185.2932330827098</v>
      </c>
      <c r="N2622" s="53">
        <v>110223.51879699199</v>
      </c>
      <c r="O2622" s="53">
        <v>9185.2932330827098</v>
      </c>
      <c r="P2622" s="53">
        <v>9185.2932330827098</v>
      </c>
      <c r="Q2622" s="53">
        <v>9185.2932330827098</v>
      </c>
      <c r="R2622" s="53">
        <v>9185.2932330827098</v>
      </c>
      <c r="S2622" s="53">
        <v>9185.2932330827098</v>
      </c>
      <c r="T2622" s="53">
        <v>9185.2932330827098</v>
      </c>
      <c r="U2622" s="53">
        <v>9185.2932330827098</v>
      </c>
      <c r="V2622" s="53">
        <v>9185.2932330827098</v>
      </c>
      <c r="W2622" s="53">
        <v>9185.2932330827098</v>
      </c>
      <c r="X2622" s="53">
        <v>9185.2932330827098</v>
      </c>
      <c r="Y2622" s="53">
        <v>9185.2932330827098</v>
      </c>
      <c r="Z2622" s="53">
        <v>9185.2932330827098</v>
      </c>
      <c r="AA2622" s="53">
        <v>110223.51879699199</v>
      </c>
      <c r="AB2622" s="53">
        <v>9185.2932330827098</v>
      </c>
      <c r="AC2622" s="53">
        <v>9185.2932330827098</v>
      </c>
      <c r="AD2622" s="53">
        <v>9185.2932330827098</v>
      </c>
      <c r="AE2622" s="53">
        <v>9185.2932330827098</v>
      </c>
      <c r="AF2622" s="53">
        <v>9185.2932330827098</v>
      </c>
      <c r="AG2622" s="53">
        <v>9185.2932330827098</v>
      </c>
      <c r="AH2622" s="53">
        <v>9185.2932330827098</v>
      </c>
      <c r="AI2622" s="53">
        <v>9185.2932330827098</v>
      </c>
      <c r="AJ2622" s="53">
        <v>9185.2932330827098</v>
      </c>
      <c r="AK2622" s="53">
        <v>9185.2932330827098</v>
      </c>
      <c r="AL2622" s="53">
        <v>9185.2932330827098</v>
      </c>
      <c r="AM2622" s="53">
        <v>9185.2932330827098</v>
      </c>
      <c r="AN2622" s="53">
        <v>110223.51879699199</v>
      </c>
      <c r="AO2622" s="53">
        <v>9185.2932330827098</v>
      </c>
      <c r="AP2622" s="53">
        <v>9185.2932330827098</v>
      </c>
      <c r="AQ2622" s="53">
        <v>9185.2932330827098</v>
      </c>
      <c r="AR2622" s="53">
        <v>9185.2932330827098</v>
      </c>
      <c r="AS2622" s="53">
        <v>9185.2932330827098</v>
      </c>
      <c r="AT2622" s="53">
        <v>9185.2932330827098</v>
      </c>
      <c r="AU2622" s="53">
        <v>9185.2932330827098</v>
      </c>
      <c r="AV2622" s="53">
        <v>9185.2932330827098</v>
      </c>
      <c r="AW2622" s="53">
        <v>9185.2932330827098</v>
      </c>
      <c r="AX2622" s="53">
        <v>9185.2932330827098</v>
      </c>
      <c r="AY2622" s="53">
        <v>9185.2932330827098</v>
      </c>
      <c r="AZ2622" s="53">
        <v>9185.2932330827098</v>
      </c>
      <c r="BA2622" s="53">
        <v>110223.51879699199</v>
      </c>
      <c r="BB2622" s="53">
        <v>9185.2932330827207</v>
      </c>
      <c r="BC2622" s="53">
        <v>9185.2932330827098</v>
      </c>
      <c r="BD2622" s="53">
        <v>9185.2932330827207</v>
      </c>
      <c r="BE2622" s="53">
        <v>9185.2932330827098</v>
      </c>
      <c r="BF2622" s="53">
        <v>9185.2932330827207</v>
      </c>
      <c r="BG2622" s="53">
        <v>9185.2932330827098</v>
      </c>
      <c r="BH2622" s="53">
        <v>9185.2932330827207</v>
      </c>
      <c r="BI2622" s="53">
        <v>9185.2932330827207</v>
      </c>
      <c r="BJ2622" s="53">
        <v>9185.2932330827207</v>
      </c>
      <c r="BK2622" s="53">
        <v>9185.2932330827207</v>
      </c>
      <c r="BL2622" s="53">
        <v>9185.2932330827207</v>
      </c>
      <c r="BM2622" s="53">
        <v>9185.2932330827207</v>
      </c>
      <c r="BN2622" s="53">
        <v>110223.51879699199</v>
      </c>
      <c r="BO2622" s="53">
        <v>9185.2932330827207</v>
      </c>
      <c r="BP2622" s="53">
        <v>9185.2932330827207</v>
      </c>
      <c r="BQ2622" s="53">
        <v>9185.2932330827207</v>
      </c>
      <c r="BR2622" s="53">
        <v>9185.2932330827207</v>
      </c>
      <c r="BS2622" s="53">
        <v>9185.2932330827207</v>
      </c>
      <c r="BT2622" s="53">
        <v>9185.2932330827207</v>
      </c>
      <c r="BU2622" s="53">
        <v>4592.6466165413603</v>
      </c>
      <c r="BV2622" s="53"/>
      <c r="BW2622" s="53"/>
      <c r="BX2622" s="53"/>
      <c r="BY2622" s="53"/>
      <c r="BZ2622" s="53"/>
      <c r="CA2622" s="53">
        <v>59704.406015037603</v>
      </c>
      <c r="CB2622" s="53"/>
      <c r="CC2622" s="53"/>
      <c r="CD2622" s="53"/>
      <c r="CE2622" s="53"/>
      <c r="CF2622" s="53"/>
      <c r="CG2622" s="53"/>
      <c r="CH2622" s="53"/>
      <c r="CI2622" s="53"/>
      <c r="CJ2622" s="53"/>
      <c r="CK2622" s="53"/>
      <c r="CL2622" s="53"/>
      <c r="CM2622" s="53"/>
      <c r="CN2622" s="53"/>
    </row>
    <row r="2623" spans="1:92" outlineLevel="1">
      <c r="A2623" s="52" t="s">
        <v>726</v>
      </c>
      <c r="B2623" s="53">
        <v>3087.3734939759001</v>
      </c>
      <c r="C2623" s="53">
        <v>3087.3734939759001</v>
      </c>
      <c r="D2623" s="53">
        <v>3087.3734939759001</v>
      </c>
      <c r="E2623" s="53">
        <v>3087.3734939759001</v>
      </c>
      <c r="F2623" s="53">
        <v>3087.3734939759001</v>
      </c>
      <c r="G2623" s="53">
        <v>3087.3734939759001</v>
      </c>
      <c r="H2623" s="53">
        <v>3087.3734939759001</v>
      </c>
      <c r="I2623" s="53">
        <v>3087.3734939759001</v>
      </c>
      <c r="J2623" s="53">
        <v>3087.3734939759001</v>
      </c>
      <c r="K2623" s="53">
        <v>3087.3734939759001</v>
      </c>
      <c r="L2623" s="53">
        <v>3087.3734939759001</v>
      </c>
      <c r="M2623" s="53">
        <v>3087.3734939759001</v>
      </c>
      <c r="N2623" s="53">
        <v>37048.481927710804</v>
      </c>
      <c r="O2623" s="53">
        <v>3087.3734939759001</v>
      </c>
      <c r="P2623" s="53">
        <v>3087.3734939759001</v>
      </c>
      <c r="Q2623" s="53">
        <v>3087.3734939759001</v>
      </c>
      <c r="R2623" s="53">
        <v>3087.3734939759001</v>
      </c>
      <c r="S2623" s="53">
        <v>3087.3734939759001</v>
      </c>
      <c r="T2623" s="53">
        <v>3087.3734939759001</v>
      </c>
      <c r="U2623" s="53">
        <v>3087.3734939759001</v>
      </c>
      <c r="V2623" s="53">
        <v>3087.3734939759001</v>
      </c>
      <c r="W2623" s="53">
        <v>3087.3734939759001</v>
      </c>
      <c r="X2623" s="53">
        <v>3087.3734939759001</v>
      </c>
      <c r="Y2623" s="53">
        <v>3087.3734939759001</v>
      </c>
      <c r="Z2623" s="53">
        <v>3087.3734939759001</v>
      </c>
      <c r="AA2623" s="53">
        <v>37048.481927710804</v>
      </c>
      <c r="AB2623" s="53">
        <v>3087.3734939759001</v>
      </c>
      <c r="AC2623" s="53">
        <v>3087.3734939759001</v>
      </c>
      <c r="AD2623" s="53">
        <v>3087.3734939759001</v>
      </c>
      <c r="AE2623" s="53">
        <v>3087.3734939759001</v>
      </c>
      <c r="AF2623" s="53">
        <v>3087.3734939759001</v>
      </c>
      <c r="AG2623" s="53">
        <v>3087.3734939759001</v>
      </c>
      <c r="AH2623" s="53">
        <v>3087.3734939759001</v>
      </c>
      <c r="AI2623" s="53">
        <v>3087.3734939759001</v>
      </c>
      <c r="AJ2623" s="53">
        <v>3087.3734939759001</v>
      </c>
      <c r="AK2623" s="53">
        <v>3087.3734939759001</v>
      </c>
      <c r="AL2623" s="53">
        <v>3087.3734939759001</v>
      </c>
      <c r="AM2623" s="53">
        <v>3087.3734939759001</v>
      </c>
      <c r="AN2623" s="53">
        <v>37048.481927710804</v>
      </c>
      <c r="AO2623" s="53">
        <v>3087.3734939759001</v>
      </c>
      <c r="AP2623" s="53">
        <v>3087.3734939759001</v>
      </c>
      <c r="AQ2623" s="53">
        <v>3087.3734939759001</v>
      </c>
      <c r="AR2623" s="53">
        <v>3087.3734939759001</v>
      </c>
      <c r="AS2623" s="53">
        <v>3087.3734939759001</v>
      </c>
      <c r="AT2623" s="53">
        <v>3087.3734939759001</v>
      </c>
      <c r="AU2623" s="53">
        <v>3087.3734939759001</v>
      </c>
      <c r="AV2623" s="53">
        <v>3087.3734939759001</v>
      </c>
      <c r="AW2623" s="53">
        <v>3087.3734939759001</v>
      </c>
      <c r="AX2623" s="53">
        <v>3087.3734939759001</v>
      </c>
      <c r="AY2623" s="53">
        <v>3087.3734939759001</v>
      </c>
      <c r="AZ2623" s="53">
        <v>3087.3734939759001</v>
      </c>
      <c r="BA2623" s="53">
        <v>37048.481927710804</v>
      </c>
      <c r="BB2623" s="53">
        <v>3087.3734939759001</v>
      </c>
      <c r="BC2623" s="53">
        <v>3087.3734939759001</v>
      </c>
      <c r="BD2623" s="53">
        <v>3087.3734939759001</v>
      </c>
      <c r="BE2623" s="53">
        <v>3087.3734939759001</v>
      </c>
      <c r="BF2623" s="53">
        <v>3087.3734939759001</v>
      </c>
      <c r="BG2623" s="53">
        <v>3087.3734939759001</v>
      </c>
      <c r="BH2623" s="53">
        <v>3087.3734939759001</v>
      </c>
      <c r="BI2623" s="53">
        <v>3087.3734939759001</v>
      </c>
      <c r="BJ2623" s="53">
        <v>3087.3734939759001</v>
      </c>
      <c r="BK2623" s="53">
        <v>3087.3734939759001</v>
      </c>
      <c r="BL2623" s="53">
        <v>3087.3734939759001</v>
      </c>
      <c r="BM2623" s="53">
        <v>3087.3734939759001</v>
      </c>
      <c r="BN2623" s="53">
        <v>37048.481927710804</v>
      </c>
      <c r="BO2623" s="53">
        <v>3087.3734939759001</v>
      </c>
      <c r="BP2623" s="53">
        <v>3087.3734939759001</v>
      </c>
      <c r="BQ2623" s="53">
        <v>3087.3734939759001</v>
      </c>
      <c r="BR2623" s="53">
        <v>3087.3734939759001</v>
      </c>
      <c r="BS2623" s="53">
        <v>3087.3734939759001</v>
      </c>
      <c r="BT2623" s="53">
        <v>3087.3734939759001</v>
      </c>
      <c r="BU2623" s="53">
        <v>3087.3734939759001</v>
      </c>
      <c r="BV2623" s="53">
        <v>3087.3734939759001</v>
      </c>
      <c r="BW2623" s="53">
        <v>3087.3734939759001</v>
      </c>
      <c r="BX2623" s="53">
        <v>3087.3734939759001</v>
      </c>
      <c r="BY2623" s="53">
        <v>3087.3734939759001</v>
      </c>
      <c r="BZ2623" s="53">
        <v>3087.3734939759001</v>
      </c>
      <c r="CA2623" s="53">
        <v>37048.481927710804</v>
      </c>
      <c r="CB2623" s="53">
        <v>49399.371900826503</v>
      </c>
      <c r="CC2623" s="53">
        <v>49399.371900826402</v>
      </c>
      <c r="CD2623" s="53">
        <v>49399.371900826402</v>
      </c>
      <c r="CE2623" s="53">
        <v>49399.371900826402</v>
      </c>
      <c r="CF2623" s="53">
        <v>49399.371900826402</v>
      </c>
      <c r="CG2623" s="53">
        <v>49399.371900826402</v>
      </c>
      <c r="CH2623" s="53">
        <v>49399.371900826402</v>
      </c>
      <c r="CI2623" s="53">
        <v>49399.371900826402</v>
      </c>
      <c r="CJ2623" s="53">
        <v>49399.371900826402</v>
      </c>
      <c r="CK2623" s="53">
        <v>49399.371900826402</v>
      </c>
      <c r="CL2623" s="53">
        <v>49399.371900826503</v>
      </c>
      <c r="CM2623" s="53">
        <v>49399.371900826402</v>
      </c>
      <c r="CN2623" s="53">
        <v>592792.46280991798</v>
      </c>
    </row>
    <row r="2624" spans="1:92" outlineLevel="1">
      <c r="A2624" s="52" t="s">
        <v>728</v>
      </c>
      <c r="B2624" s="53">
        <v>5700.3240223463599</v>
      </c>
      <c r="C2624" s="53">
        <v>5700.3240223463599</v>
      </c>
      <c r="D2624" s="53">
        <v>5700.3240223463599</v>
      </c>
      <c r="E2624" s="53">
        <v>5700.3240223463599</v>
      </c>
      <c r="F2624" s="53">
        <v>5700.3240223463599</v>
      </c>
      <c r="G2624" s="53">
        <v>5700.3240223463599</v>
      </c>
      <c r="H2624" s="53">
        <v>5700.3240223463599</v>
      </c>
      <c r="I2624" s="53">
        <v>5700.3240223463599</v>
      </c>
      <c r="J2624" s="53">
        <v>5700.3240223463599</v>
      </c>
      <c r="K2624" s="53">
        <v>5700.3240223463599</v>
      </c>
      <c r="L2624" s="53">
        <v>5700.3240223463599</v>
      </c>
      <c r="M2624" s="53">
        <v>5700.3240223463599</v>
      </c>
      <c r="N2624" s="53">
        <v>68403.888268156399</v>
      </c>
      <c r="O2624" s="53">
        <v>5700.3240223463599</v>
      </c>
      <c r="P2624" s="53">
        <v>5700.3240223463599</v>
      </c>
      <c r="Q2624" s="53">
        <v>5700.3240223463599</v>
      </c>
      <c r="R2624" s="53">
        <v>5700.3240223463599</v>
      </c>
      <c r="S2624" s="53">
        <v>5700.3240223463599</v>
      </c>
      <c r="T2624" s="53">
        <v>5700.3240223463599</v>
      </c>
      <c r="U2624" s="53">
        <v>5700.3240223463599</v>
      </c>
      <c r="V2624" s="53">
        <v>5700.3240223463599</v>
      </c>
      <c r="W2624" s="53">
        <v>5700.3240223463599</v>
      </c>
      <c r="X2624" s="53">
        <v>5700.3240223463599</v>
      </c>
      <c r="Y2624" s="53">
        <v>5700.3240223463599</v>
      </c>
      <c r="Z2624" s="53">
        <v>5700.3240223463599</v>
      </c>
      <c r="AA2624" s="53">
        <v>68403.888268156399</v>
      </c>
      <c r="AB2624" s="53">
        <v>5700.3240223463599</v>
      </c>
      <c r="AC2624" s="53">
        <v>5700.3240223463599</v>
      </c>
      <c r="AD2624" s="53">
        <v>5700.3240223463599</v>
      </c>
      <c r="AE2624" s="53">
        <v>5700.3240223463699</v>
      </c>
      <c r="AF2624" s="53">
        <v>5700.3240223463699</v>
      </c>
      <c r="AG2624" s="53">
        <v>5700.3240223463699</v>
      </c>
      <c r="AH2624" s="53">
        <v>5700.3240223463699</v>
      </c>
      <c r="AI2624" s="53">
        <v>5700.3240223463699</v>
      </c>
      <c r="AJ2624" s="53">
        <v>5700.3240223463699</v>
      </c>
      <c r="AK2624" s="53">
        <v>5700.3240223463699</v>
      </c>
      <c r="AL2624" s="53">
        <v>5700.3240223463699</v>
      </c>
      <c r="AM2624" s="53">
        <v>5700.3240223463699</v>
      </c>
      <c r="AN2624" s="53">
        <v>68403.888268156399</v>
      </c>
      <c r="AO2624" s="53">
        <v>5700.3240223463699</v>
      </c>
      <c r="AP2624" s="53">
        <v>5700.3240223463699</v>
      </c>
      <c r="AQ2624" s="53">
        <v>5700.3240223463699</v>
      </c>
      <c r="AR2624" s="53">
        <v>5700.3240223463699</v>
      </c>
      <c r="AS2624" s="53">
        <v>5700.3240223463699</v>
      </c>
      <c r="AT2624" s="53">
        <v>5700.3240223463699</v>
      </c>
      <c r="AU2624" s="53">
        <v>5700.3240223463699</v>
      </c>
      <c r="AV2624" s="53">
        <v>5700.3240223463699</v>
      </c>
      <c r="AW2624" s="53">
        <v>5700.3240223463699</v>
      </c>
      <c r="AX2624" s="53">
        <v>5700.3240223463699</v>
      </c>
      <c r="AY2624" s="53">
        <v>5700.3240223463699</v>
      </c>
      <c r="AZ2624" s="53">
        <v>5700.3240223463699</v>
      </c>
      <c r="BA2624" s="53">
        <v>68403.888268156399</v>
      </c>
      <c r="BB2624" s="53">
        <v>5700.3240223463699</v>
      </c>
      <c r="BC2624" s="53">
        <v>5700.3240223463699</v>
      </c>
      <c r="BD2624" s="53">
        <v>5700.3240223463699</v>
      </c>
      <c r="BE2624" s="53">
        <v>5700.3240223463699</v>
      </c>
      <c r="BF2624" s="53">
        <v>5700.3240223463699</v>
      </c>
      <c r="BG2624" s="53">
        <v>5700.3240223463699</v>
      </c>
      <c r="BH2624" s="53">
        <v>5700.3240223463699</v>
      </c>
      <c r="BI2624" s="53">
        <v>5700.3240223463699</v>
      </c>
      <c r="BJ2624" s="53">
        <v>5700.3240223463699</v>
      </c>
      <c r="BK2624" s="53">
        <v>5700.3240223463699</v>
      </c>
      <c r="BL2624" s="53">
        <v>5700.3240223463699</v>
      </c>
      <c r="BM2624" s="53">
        <v>5700.3240223463699</v>
      </c>
      <c r="BN2624" s="53">
        <v>68403.888268156399</v>
      </c>
      <c r="BO2624" s="53">
        <v>5700.3240223463699</v>
      </c>
      <c r="BP2624" s="53">
        <v>5700.3240223463699</v>
      </c>
      <c r="BQ2624" s="53">
        <v>5700.3240223463699</v>
      </c>
      <c r="BR2624" s="53">
        <v>5700.3240223463699</v>
      </c>
      <c r="BS2624" s="53">
        <v>5700.3240223463699</v>
      </c>
      <c r="BT2624" s="53">
        <v>5700.3240223463699</v>
      </c>
      <c r="BU2624" s="53">
        <v>5700.3240223463699</v>
      </c>
      <c r="BV2624" s="53">
        <v>5700.3240223463699</v>
      </c>
      <c r="BW2624" s="53">
        <v>5700.3240223463699</v>
      </c>
      <c r="BX2624" s="53">
        <v>5700.3240223463699</v>
      </c>
      <c r="BY2624" s="53">
        <v>5700.3240223463699</v>
      </c>
      <c r="BZ2624" s="53">
        <v>5700.3240223463699</v>
      </c>
      <c r="CA2624" s="53">
        <v>68403.888268156501</v>
      </c>
      <c r="CB2624" s="53">
        <v>13370.822605965401</v>
      </c>
      <c r="CC2624" s="53">
        <v>13370.822605965401</v>
      </c>
      <c r="CD2624" s="53">
        <v>13370.822605965401</v>
      </c>
      <c r="CE2624" s="53">
        <v>13370.822605965401</v>
      </c>
      <c r="CF2624" s="53">
        <v>13370.822605965401</v>
      </c>
      <c r="CG2624" s="53">
        <v>13370.822605965401</v>
      </c>
      <c r="CH2624" s="53">
        <v>13370.822605965401</v>
      </c>
      <c r="CI2624" s="53">
        <v>13370.822605965401</v>
      </c>
      <c r="CJ2624" s="53">
        <v>13370.822605965401</v>
      </c>
      <c r="CK2624" s="53">
        <v>13370.822605965401</v>
      </c>
      <c r="CL2624" s="53">
        <v>13370.822605965401</v>
      </c>
      <c r="CM2624" s="53">
        <v>13370.822605965401</v>
      </c>
      <c r="CN2624" s="53">
        <v>160449.871271585</v>
      </c>
    </row>
    <row r="2625" spans="1:92" outlineLevel="1">
      <c r="A2625" s="52" t="s">
        <v>729</v>
      </c>
      <c r="B2625" s="53">
        <v>8149.6279069767397</v>
      </c>
      <c r="C2625" s="53">
        <v>8149.6279069767397</v>
      </c>
      <c r="D2625" s="53">
        <v>8149.6279069767397</v>
      </c>
      <c r="E2625" s="53">
        <v>8149.6279069767397</v>
      </c>
      <c r="F2625" s="53">
        <v>8149.6279069767397</v>
      </c>
      <c r="G2625" s="53">
        <v>8149.6279069767397</v>
      </c>
      <c r="H2625" s="53">
        <v>8149.6279069767397</v>
      </c>
      <c r="I2625" s="53">
        <v>8149.6279069767397</v>
      </c>
      <c r="J2625" s="53">
        <v>8149.6279069767397</v>
      </c>
      <c r="K2625" s="53">
        <v>8149.6279069767397</v>
      </c>
      <c r="L2625" s="53">
        <v>8149.6279069767397</v>
      </c>
      <c r="M2625" s="53">
        <v>8149.6279069767397</v>
      </c>
      <c r="N2625" s="53">
        <v>97795.534883720902</v>
      </c>
      <c r="O2625" s="53">
        <v>8149.6279069767397</v>
      </c>
      <c r="P2625" s="53">
        <v>8149.6279069767397</v>
      </c>
      <c r="Q2625" s="53">
        <v>8149.6279069767397</v>
      </c>
      <c r="R2625" s="53">
        <v>8149.6279069767397</v>
      </c>
      <c r="S2625" s="53">
        <v>8149.6279069767397</v>
      </c>
      <c r="T2625" s="53">
        <v>8149.6279069767297</v>
      </c>
      <c r="U2625" s="53">
        <v>8149.6279069767297</v>
      </c>
      <c r="V2625" s="53">
        <v>8149.6279069767297</v>
      </c>
      <c r="W2625" s="53">
        <v>8149.6279069767297</v>
      </c>
      <c r="X2625" s="53">
        <v>8149.6279069767297</v>
      </c>
      <c r="Y2625" s="53">
        <v>8149.6279069767297</v>
      </c>
      <c r="Z2625" s="53">
        <v>8149.6279069767297</v>
      </c>
      <c r="AA2625" s="53">
        <v>97795.5348837208</v>
      </c>
      <c r="AB2625" s="53">
        <v>8149.6279069767297</v>
      </c>
      <c r="AC2625" s="53">
        <v>8149.6279069767297</v>
      </c>
      <c r="AD2625" s="53">
        <v>8149.6279069767297</v>
      </c>
      <c r="AE2625" s="53">
        <v>8149.6279069767297</v>
      </c>
      <c r="AF2625" s="53">
        <v>8149.6279069767297</v>
      </c>
      <c r="AG2625" s="53">
        <v>8149.6279069767297</v>
      </c>
      <c r="AH2625" s="53">
        <v>8149.6279069767297</v>
      </c>
      <c r="AI2625" s="53">
        <v>8149.6279069767297</v>
      </c>
      <c r="AJ2625" s="53">
        <v>8149.6279069767297</v>
      </c>
      <c r="AK2625" s="53">
        <v>8149.6279069767297</v>
      </c>
      <c r="AL2625" s="53">
        <v>8149.6279069767297</v>
      </c>
      <c r="AM2625" s="53">
        <v>8149.6279069767197</v>
      </c>
      <c r="AN2625" s="53">
        <v>97795.534883720698</v>
      </c>
      <c r="AO2625" s="53">
        <v>8149.6279069767197</v>
      </c>
      <c r="AP2625" s="53">
        <v>8149.6279069767197</v>
      </c>
      <c r="AQ2625" s="53">
        <v>8149.6279069767197</v>
      </c>
      <c r="AR2625" s="53">
        <v>8149.6279069767197</v>
      </c>
      <c r="AS2625" s="53">
        <v>8149.6279069767197</v>
      </c>
      <c r="AT2625" s="53">
        <v>8149.6279069767197</v>
      </c>
      <c r="AU2625" s="53">
        <v>8149.6279069767197</v>
      </c>
      <c r="AV2625" s="53">
        <v>8149.6279069767197</v>
      </c>
      <c r="AW2625" s="53">
        <v>8149.6279069767197</v>
      </c>
      <c r="AX2625" s="53">
        <v>8149.6279069767197</v>
      </c>
      <c r="AY2625" s="53">
        <v>8149.6279069767197</v>
      </c>
      <c r="AZ2625" s="53">
        <v>8149.6279069767197</v>
      </c>
      <c r="BA2625" s="53">
        <v>97795.534883720698</v>
      </c>
      <c r="BB2625" s="53">
        <v>8149.6279069767197</v>
      </c>
      <c r="BC2625" s="53">
        <v>8149.6279069767197</v>
      </c>
      <c r="BD2625" s="53">
        <v>8149.6279069767197</v>
      </c>
      <c r="BE2625" s="53">
        <v>8149.6279069767197</v>
      </c>
      <c r="BF2625" s="53">
        <v>8149.6279069767197</v>
      </c>
      <c r="BG2625" s="53">
        <v>8149.6279069767197</v>
      </c>
      <c r="BH2625" s="53">
        <v>8149.6279069767197</v>
      </c>
      <c r="BI2625" s="53">
        <v>8149.6279069767197</v>
      </c>
      <c r="BJ2625" s="53">
        <v>8149.6279069767197</v>
      </c>
      <c r="BK2625" s="53">
        <v>8149.6279069767197</v>
      </c>
      <c r="BL2625" s="53">
        <v>8149.6279069767197</v>
      </c>
      <c r="BM2625" s="53">
        <v>8149.6279069767197</v>
      </c>
      <c r="BN2625" s="53">
        <v>97795.534883720597</v>
      </c>
      <c r="BO2625" s="53">
        <v>8149.6279069767197</v>
      </c>
      <c r="BP2625" s="53">
        <v>8149.6279069767197</v>
      </c>
      <c r="BQ2625" s="53">
        <v>8149.6279069767197</v>
      </c>
      <c r="BR2625" s="53">
        <v>8149.6279069767197</v>
      </c>
      <c r="BS2625" s="53">
        <v>8149.6279069767197</v>
      </c>
      <c r="BT2625" s="53">
        <v>8149.6279069767197</v>
      </c>
      <c r="BU2625" s="53">
        <v>8149.6279069767197</v>
      </c>
      <c r="BV2625" s="53">
        <v>8149.6279069767197</v>
      </c>
      <c r="BW2625" s="53">
        <v>8149.6279069767197</v>
      </c>
      <c r="BX2625" s="53">
        <v>8149.6279069767197</v>
      </c>
      <c r="BY2625" s="53">
        <v>8149.6279069767197</v>
      </c>
      <c r="BZ2625" s="53">
        <v>8149.6279069767197</v>
      </c>
      <c r="CA2625" s="53">
        <v>97795.534883720698</v>
      </c>
      <c r="CB2625" s="53">
        <v>44991.872611464903</v>
      </c>
      <c r="CC2625" s="53">
        <v>44991.872611464903</v>
      </c>
      <c r="CD2625" s="53">
        <v>44991.872611464903</v>
      </c>
      <c r="CE2625" s="53">
        <v>44991.872611464903</v>
      </c>
      <c r="CF2625" s="53">
        <v>44991.872611464903</v>
      </c>
      <c r="CG2625" s="53">
        <v>44991.872611464903</v>
      </c>
      <c r="CH2625" s="53">
        <v>44991.872611464903</v>
      </c>
      <c r="CI2625" s="53">
        <v>44991.872611464903</v>
      </c>
      <c r="CJ2625" s="53">
        <v>44991.872611464903</v>
      </c>
      <c r="CK2625" s="53">
        <v>44991.872611464903</v>
      </c>
      <c r="CL2625" s="53">
        <v>44991.872611464903</v>
      </c>
      <c r="CM2625" s="53">
        <v>44991.872611464903</v>
      </c>
      <c r="CN2625" s="53">
        <v>539902.47133757896</v>
      </c>
    </row>
    <row r="2626" spans="1:92" outlineLevel="1">
      <c r="A2626" s="52" t="s">
        <v>730</v>
      </c>
      <c r="B2626" s="53">
        <v>7907.1050359712199</v>
      </c>
      <c r="C2626" s="53">
        <v>7907.1050359712199</v>
      </c>
      <c r="D2626" s="53">
        <v>7907.1050359712199</v>
      </c>
      <c r="E2626" s="53">
        <v>7907.1050359712199</v>
      </c>
      <c r="F2626" s="53">
        <v>7907.1050359712199</v>
      </c>
      <c r="G2626" s="53">
        <v>7907.1050359712199</v>
      </c>
      <c r="H2626" s="53">
        <v>7907.1050359712199</v>
      </c>
      <c r="I2626" s="53">
        <v>7907.1050359712199</v>
      </c>
      <c r="J2626" s="53">
        <v>7907.1050359712199</v>
      </c>
      <c r="K2626" s="53">
        <v>7907.1050359712199</v>
      </c>
      <c r="L2626" s="53">
        <v>7907.1050359712199</v>
      </c>
      <c r="M2626" s="53">
        <v>7907.1050359712199</v>
      </c>
      <c r="N2626" s="53">
        <v>94885.260431654693</v>
      </c>
      <c r="O2626" s="53">
        <v>7907.1050359712199</v>
      </c>
      <c r="P2626" s="53">
        <v>7907.1050359712199</v>
      </c>
      <c r="Q2626" s="53">
        <v>7907.1050359712199</v>
      </c>
      <c r="R2626" s="53">
        <v>7907.1050359712199</v>
      </c>
      <c r="S2626" s="53">
        <v>7907.1050359712199</v>
      </c>
      <c r="T2626" s="53">
        <v>7907.1050359712199</v>
      </c>
      <c r="U2626" s="53">
        <v>7907.1050359712199</v>
      </c>
      <c r="V2626" s="53">
        <v>7907.1050359712199</v>
      </c>
      <c r="W2626" s="53">
        <v>7907.1050359712199</v>
      </c>
      <c r="X2626" s="53">
        <v>7907.1050359712199</v>
      </c>
      <c r="Y2626" s="53">
        <v>7907.1050359712199</v>
      </c>
      <c r="Z2626" s="53">
        <v>7907.1050359712199</v>
      </c>
      <c r="AA2626" s="53">
        <v>94885.260431654693</v>
      </c>
      <c r="AB2626" s="53">
        <v>7907.1050359712199</v>
      </c>
      <c r="AC2626" s="53">
        <v>7907.1050359712199</v>
      </c>
      <c r="AD2626" s="53">
        <v>7907.1050359712199</v>
      </c>
      <c r="AE2626" s="53">
        <v>7907.1050359712199</v>
      </c>
      <c r="AF2626" s="53">
        <v>7907.1050359712199</v>
      </c>
      <c r="AG2626" s="53">
        <v>7907.1050359712199</v>
      </c>
      <c r="AH2626" s="53">
        <v>7907.1050359712199</v>
      </c>
      <c r="AI2626" s="53">
        <v>7907.1050359712199</v>
      </c>
      <c r="AJ2626" s="53">
        <v>7907.1050359712199</v>
      </c>
      <c r="AK2626" s="53">
        <v>7907.1050359712199</v>
      </c>
      <c r="AL2626" s="53">
        <v>7907.1050359712199</v>
      </c>
      <c r="AM2626" s="53">
        <v>7907.1050359712199</v>
      </c>
      <c r="AN2626" s="53">
        <v>94885.260431654693</v>
      </c>
      <c r="AO2626" s="53">
        <v>7907.1050359712199</v>
      </c>
      <c r="AP2626" s="53">
        <v>7907.1050359712199</v>
      </c>
      <c r="AQ2626" s="53">
        <v>7907.1050359712199</v>
      </c>
      <c r="AR2626" s="53">
        <v>7907.1050359712199</v>
      </c>
      <c r="AS2626" s="53">
        <v>7907.1050359712199</v>
      </c>
      <c r="AT2626" s="53">
        <v>7907.1050359712199</v>
      </c>
      <c r="AU2626" s="53">
        <v>7907.1050359712199</v>
      </c>
      <c r="AV2626" s="53">
        <v>7907.1050359712199</v>
      </c>
      <c r="AW2626" s="53">
        <v>7907.1050359712199</v>
      </c>
      <c r="AX2626" s="53">
        <v>7907.1050359712199</v>
      </c>
      <c r="AY2626" s="53">
        <v>7907.1050359712199</v>
      </c>
      <c r="AZ2626" s="53">
        <v>7907.1050359712199</v>
      </c>
      <c r="BA2626" s="53">
        <v>94885.260431654693</v>
      </c>
      <c r="BB2626" s="53">
        <v>7907.1050359712199</v>
      </c>
      <c r="BC2626" s="53">
        <v>7907.1050359712199</v>
      </c>
      <c r="BD2626" s="53">
        <v>7907.1050359712199</v>
      </c>
      <c r="BE2626" s="53">
        <v>7907.1050359712199</v>
      </c>
      <c r="BF2626" s="53">
        <v>7907.1050359712199</v>
      </c>
      <c r="BG2626" s="53">
        <v>7907.1050359712199</v>
      </c>
      <c r="BH2626" s="53">
        <v>7907.1050359712199</v>
      </c>
      <c r="BI2626" s="53">
        <v>7907.1050359712199</v>
      </c>
      <c r="BJ2626" s="53">
        <v>7907.1050359712199</v>
      </c>
      <c r="BK2626" s="53">
        <v>7907.1050359712199</v>
      </c>
      <c r="BL2626" s="53">
        <v>7907.1050359712199</v>
      </c>
      <c r="BM2626" s="53">
        <v>7907.1050359712199</v>
      </c>
      <c r="BN2626" s="53">
        <v>94885.260431654693</v>
      </c>
      <c r="BO2626" s="53">
        <v>7907.1050359712199</v>
      </c>
      <c r="BP2626" s="53">
        <v>7907.1050359712199</v>
      </c>
      <c r="BQ2626" s="53">
        <v>7907.1050359712199</v>
      </c>
      <c r="BR2626" s="53">
        <v>7907.1050359712199</v>
      </c>
      <c r="BS2626" s="53">
        <v>7907.1050359712199</v>
      </c>
      <c r="BT2626" s="53">
        <v>7907.1050359712199</v>
      </c>
      <c r="BU2626" s="53">
        <v>7907.1050359712199</v>
      </c>
      <c r="BV2626" s="53">
        <v>7907.1050359712199</v>
      </c>
      <c r="BW2626" s="53">
        <v>7907.1050359712199</v>
      </c>
      <c r="BX2626" s="53">
        <v>7907.1050359712199</v>
      </c>
      <c r="BY2626" s="53">
        <v>7907.1050359712199</v>
      </c>
      <c r="BZ2626" s="53">
        <v>7907.1050359712199</v>
      </c>
      <c r="CA2626" s="53">
        <v>94885.260431654693</v>
      </c>
      <c r="CB2626" s="53">
        <v>52157.242105263002</v>
      </c>
      <c r="CC2626" s="53">
        <v>52157.242105263002</v>
      </c>
      <c r="CD2626" s="53">
        <v>52157.242105263103</v>
      </c>
      <c r="CE2626" s="53">
        <v>52157.242105263002</v>
      </c>
      <c r="CF2626" s="53">
        <v>52157.242105263002</v>
      </c>
      <c r="CG2626" s="53">
        <v>52157.242105263002</v>
      </c>
      <c r="CH2626" s="53">
        <v>52157.242105263103</v>
      </c>
      <c r="CI2626" s="53">
        <v>52157.242105263002</v>
      </c>
      <c r="CJ2626" s="53">
        <v>52157.242105263002</v>
      </c>
      <c r="CK2626" s="53">
        <v>52157.242105263002</v>
      </c>
      <c r="CL2626" s="53">
        <v>52157.242105263002</v>
      </c>
      <c r="CM2626" s="53">
        <v>52157.242105263002</v>
      </c>
      <c r="CN2626" s="53">
        <v>625886.90526315698</v>
      </c>
    </row>
    <row r="2627" spans="1:92" outlineLevel="1">
      <c r="A2627" s="52" t="s">
        <v>1565</v>
      </c>
      <c r="B2627" s="53">
        <v>8857.0264993026503</v>
      </c>
      <c r="C2627" s="53">
        <v>8857.0264993026503</v>
      </c>
      <c r="D2627" s="53">
        <v>8857.0264993026503</v>
      </c>
      <c r="E2627" s="53">
        <v>8857.0264993026503</v>
      </c>
      <c r="F2627" s="53">
        <v>8857.0264993026503</v>
      </c>
      <c r="G2627" s="53">
        <v>8857.0264993026503</v>
      </c>
      <c r="H2627" s="53">
        <v>8857.0264993026503</v>
      </c>
      <c r="I2627" s="53">
        <v>8857.0264993026503</v>
      </c>
      <c r="J2627" s="53">
        <v>8857.0264993026394</v>
      </c>
      <c r="K2627" s="53">
        <v>8857.0264993026394</v>
      </c>
      <c r="L2627" s="53">
        <v>8857.0264993026394</v>
      </c>
      <c r="M2627" s="53">
        <v>8857.0264993026394</v>
      </c>
      <c r="N2627" s="53">
        <v>106284.317991631</v>
      </c>
      <c r="O2627" s="53">
        <v>8857.0264993026394</v>
      </c>
      <c r="P2627" s="53">
        <v>8857.0264993026394</v>
      </c>
      <c r="Q2627" s="53">
        <v>8857.0264993026394</v>
      </c>
      <c r="R2627" s="53">
        <v>8857.0264993026394</v>
      </c>
      <c r="S2627" s="53">
        <v>8857.0264993026394</v>
      </c>
      <c r="T2627" s="53">
        <v>8857.0264993026394</v>
      </c>
      <c r="U2627" s="53">
        <v>8857.0264993026394</v>
      </c>
      <c r="V2627" s="53">
        <v>8857.0264993026394</v>
      </c>
      <c r="W2627" s="53">
        <v>8857.0264993026394</v>
      </c>
      <c r="X2627" s="53">
        <v>8857.0264993026394</v>
      </c>
      <c r="Y2627" s="53">
        <v>8857.0264993026394</v>
      </c>
      <c r="Z2627" s="53">
        <v>8857.0264993026394</v>
      </c>
      <c r="AA2627" s="53">
        <v>106284.317991631</v>
      </c>
      <c r="AB2627" s="53">
        <v>8857.0264993026394</v>
      </c>
      <c r="AC2627" s="53">
        <v>8857.0264993026394</v>
      </c>
      <c r="AD2627" s="53">
        <v>8857.0264993026394</v>
      </c>
      <c r="AE2627" s="53">
        <v>8857.0264993026394</v>
      </c>
      <c r="AF2627" s="53">
        <v>8857.0264993026394</v>
      </c>
      <c r="AG2627" s="53">
        <v>8857.0264993026394</v>
      </c>
      <c r="AH2627" s="53">
        <v>8857.0264993026394</v>
      </c>
      <c r="AI2627" s="53">
        <v>8857.0264993026394</v>
      </c>
      <c r="AJ2627" s="53">
        <v>8857.0264993026394</v>
      </c>
      <c r="AK2627" s="53">
        <v>8857.0264993026394</v>
      </c>
      <c r="AL2627" s="53">
        <v>8857.0264993026394</v>
      </c>
      <c r="AM2627" s="53">
        <v>8857.0264993026394</v>
      </c>
      <c r="AN2627" s="53">
        <v>106284.317991631</v>
      </c>
      <c r="AO2627" s="53">
        <v>8857.0264993026394</v>
      </c>
      <c r="AP2627" s="53">
        <v>8857.0264993026394</v>
      </c>
      <c r="AQ2627" s="53">
        <v>8857.0264993026394</v>
      </c>
      <c r="AR2627" s="53">
        <v>8857.0264993026394</v>
      </c>
      <c r="AS2627" s="53">
        <v>8857.0264993026394</v>
      </c>
      <c r="AT2627" s="53">
        <v>8857.0264993026394</v>
      </c>
      <c r="AU2627" s="53">
        <v>8857.0264993026394</v>
      </c>
      <c r="AV2627" s="53">
        <v>8857.0264993026394</v>
      </c>
      <c r="AW2627" s="53">
        <v>8857.0264993026394</v>
      </c>
      <c r="AX2627" s="53">
        <v>8857.0264993026394</v>
      </c>
      <c r="AY2627" s="53">
        <v>8857.0264993026394</v>
      </c>
      <c r="AZ2627" s="53">
        <v>8857.0264993026394</v>
      </c>
      <c r="BA2627" s="53">
        <v>106284.317991631</v>
      </c>
      <c r="BB2627" s="53">
        <v>8857.0264993026394</v>
      </c>
      <c r="BC2627" s="53">
        <v>8857.0264993026394</v>
      </c>
      <c r="BD2627" s="53">
        <v>8857.0264993026394</v>
      </c>
      <c r="BE2627" s="53">
        <v>8857.0264993026394</v>
      </c>
      <c r="BF2627" s="53">
        <v>8857.0264993026394</v>
      </c>
      <c r="BG2627" s="53">
        <v>8857.0264993026394</v>
      </c>
      <c r="BH2627" s="53">
        <v>8857.0264993026303</v>
      </c>
      <c r="BI2627" s="53">
        <v>8857.0264993026303</v>
      </c>
      <c r="BJ2627" s="53">
        <v>8857.0264993026303</v>
      </c>
      <c r="BK2627" s="53">
        <v>8857.0264993026303</v>
      </c>
      <c r="BL2627" s="53">
        <v>8857.0264993026303</v>
      </c>
      <c r="BM2627" s="53">
        <v>8857.0264993026303</v>
      </c>
      <c r="BN2627" s="53">
        <v>106284.317991631</v>
      </c>
      <c r="BO2627" s="53">
        <v>8857.0264993026303</v>
      </c>
      <c r="BP2627" s="53">
        <v>8857.0264993026303</v>
      </c>
      <c r="BQ2627" s="53">
        <v>8857.0264993026303</v>
      </c>
      <c r="BR2627" s="53">
        <v>8857.0264993026303</v>
      </c>
      <c r="BS2627" s="53">
        <v>8857.0264993026303</v>
      </c>
      <c r="BT2627" s="53">
        <v>8857.0264993026303</v>
      </c>
      <c r="BU2627" s="53">
        <v>8857.0264993026303</v>
      </c>
      <c r="BV2627" s="53">
        <v>8857.0264993026303</v>
      </c>
      <c r="BW2627" s="53">
        <v>8857.0264993026303</v>
      </c>
      <c r="BX2627" s="53">
        <v>8857.0264993026303</v>
      </c>
      <c r="BY2627" s="53">
        <v>8857.0264993026303</v>
      </c>
      <c r="BZ2627" s="53">
        <v>8857.0264993026303</v>
      </c>
      <c r="CA2627" s="53">
        <v>106284.317991631</v>
      </c>
      <c r="CB2627" s="53"/>
      <c r="CC2627" s="53"/>
      <c r="CD2627" s="53"/>
      <c r="CE2627" s="53"/>
      <c r="CF2627" s="53"/>
      <c r="CG2627" s="53"/>
      <c r="CH2627" s="53"/>
      <c r="CI2627" s="53"/>
      <c r="CJ2627" s="53"/>
      <c r="CK2627" s="53"/>
      <c r="CL2627" s="53"/>
      <c r="CM2627" s="53"/>
      <c r="CN2627" s="53"/>
    </row>
    <row r="2628" spans="1:92" outlineLevel="1">
      <c r="A2628" s="52" t="s">
        <v>1666</v>
      </c>
      <c r="B2628" s="53">
        <v>-13531454.48</v>
      </c>
      <c r="C2628" s="53">
        <v>-13459356.869999999</v>
      </c>
      <c r="D2628" s="53">
        <v>-13387259.32</v>
      </c>
      <c r="E2628" s="53">
        <v>-13315161.710000001</v>
      </c>
      <c r="F2628" s="53">
        <v>-13243064.119999999</v>
      </c>
      <c r="G2628" s="53">
        <v>-13170966.52</v>
      </c>
      <c r="H2628" s="53">
        <v>-13098868.939999999</v>
      </c>
      <c r="I2628" s="53">
        <v>-13026771.35</v>
      </c>
      <c r="J2628" s="53">
        <v>-12954673.759999899</v>
      </c>
      <c r="K2628" s="53">
        <v>-12882576.17</v>
      </c>
      <c r="L2628" s="53">
        <v>-15994278.68</v>
      </c>
      <c r="M2628" s="53">
        <v>-15913324.0699999</v>
      </c>
      <c r="N2628" s="53">
        <v>-15913324.0699999</v>
      </c>
      <c r="O2628" s="53">
        <v>-15832379.270210501</v>
      </c>
      <c r="P2628" s="53">
        <v>-15751434.470420999</v>
      </c>
      <c r="Q2628" s="53">
        <v>-15670489.6706315</v>
      </c>
      <c r="R2628" s="53">
        <v>-15589544.870842099</v>
      </c>
      <c r="S2628" s="53">
        <v>-15508600.0710526</v>
      </c>
      <c r="T2628" s="53">
        <v>-15427655.2712631</v>
      </c>
      <c r="U2628" s="53">
        <v>-15346710.471473601</v>
      </c>
      <c r="V2628" s="53">
        <v>-15265765.6716842</v>
      </c>
      <c r="W2628" s="53">
        <v>-15184820.8718947</v>
      </c>
      <c r="X2628" s="53">
        <v>-15103876.072105199</v>
      </c>
      <c r="Y2628" s="53">
        <v>-15022931.2723157</v>
      </c>
      <c r="Z2628" s="53">
        <v>-14941986.4725262</v>
      </c>
      <c r="AA2628" s="53">
        <v>-14941986.4725262</v>
      </c>
      <c r="AB2628" s="53">
        <v>-14861041.672736799</v>
      </c>
      <c r="AC2628" s="53">
        <v>-14780096.8729473</v>
      </c>
      <c r="AD2628" s="53">
        <v>-14699152.0731578</v>
      </c>
      <c r="AE2628" s="53">
        <v>-14618207.2733684</v>
      </c>
      <c r="AF2628" s="53">
        <v>-14537262.4735789</v>
      </c>
      <c r="AG2628" s="53">
        <v>-14456317.673789401</v>
      </c>
      <c r="AH2628" s="53">
        <v>-14375372.873999899</v>
      </c>
      <c r="AI2628" s="53">
        <v>-14294428.0742105</v>
      </c>
      <c r="AJ2628" s="53">
        <v>-14213483.274421001</v>
      </c>
      <c r="AK2628" s="53">
        <v>-14132538.474631499</v>
      </c>
      <c r="AL2628" s="53">
        <v>-14051593.674842</v>
      </c>
      <c r="AM2628" s="53">
        <v>-13970648.875052599</v>
      </c>
      <c r="AN2628" s="53">
        <v>-13970648.875052599</v>
      </c>
      <c r="AO2628" s="53">
        <v>-13889704.0752631</v>
      </c>
      <c r="AP2628" s="53">
        <v>-13808759.2754736</v>
      </c>
      <c r="AQ2628" s="53">
        <v>-13727814.475684101</v>
      </c>
      <c r="AR2628" s="53">
        <v>-13646869.6758947</v>
      </c>
      <c r="AS2628" s="53">
        <v>-13565924.8761052</v>
      </c>
      <c r="AT2628" s="53">
        <v>-13484980.076315699</v>
      </c>
      <c r="AU2628" s="53">
        <v>-13404035.2765262</v>
      </c>
      <c r="AV2628" s="53">
        <v>-13323090.476736801</v>
      </c>
      <c r="AW2628" s="53">
        <v>-13242145.676947299</v>
      </c>
      <c r="AX2628" s="53">
        <v>-13161200.8771578</v>
      </c>
      <c r="AY2628" s="53">
        <v>-13080256.0773683</v>
      </c>
      <c r="AZ2628" s="53">
        <v>-12999311.2775789</v>
      </c>
      <c r="BA2628" s="53">
        <v>-12999311.2775789</v>
      </c>
      <c r="BB2628" s="53">
        <v>-12919986.6736657</v>
      </c>
      <c r="BC2628" s="53">
        <v>-12842282.2656288</v>
      </c>
      <c r="BD2628" s="53">
        <v>-12764577.857591899</v>
      </c>
      <c r="BE2628" s="53">
        <v>-12686873.449555</v>
      </c>
      <c r="BF2628" s="53">
        <v>-12609169.0415181</v>
      </c>
      <c r="BG2628" s="53">
        <v>-12531464.633481201</v>
      </c>
      <c r="BH2628" s="53">
        <v>-12453760.2254443</v>
      </c>
      <c r="BI2628" s="53">
        <v>-12376055.817407399</v>
      </c>
      <c r="BJ2628" s="53">
        <v>-12298351.409370501</v>
      </c>
      <c r="BK2628" s="53">
        <v>-12220647.0013336</v>
      </c>
      <c r="BL2628" s="53">
        <v>-12142942.593296699</v>
      </c>
      <c r="BM2628" s="53">
        <v>-12065238.1852598</v>
      </c>
      <c r="BN2628" s="53">
        <v>-12065238.1852598</v>
      </c>
      <c r="BO2628" s="53">
        <v>-11987533.7772229</v>
      </c>
      <c r="BP2628" s="53">
        <v>-11911043.303612201</v>
      </c>
      <c r="BQ2628" s="53">
        <v>-11834552.8300016</v>
      </c>
      <c r="BR2628" s="53">
        <v>-11758062.356390901</v>
      </c>
      <c r="BS2628" s="53">
        <v>-11681571.8827802</v>
      </c>
      <c r="BT2628" s="53">
        <v>-11605081.409169599</v>
      </c>
      <c r="BU2628" s="53">
        <v>-11533183.5821754</v>
      </c>
      <c r="BV2628" s="53">
        <v>-11465878.401797799</v>
      </c>
      <c r="BW2628" s="53">
        <v>-11398573.221420299</v>
      </c>
      <c r="BX2628" s="53">
        <v>-11331268.0410427</v>
      </c>
      <c r="BY2628" s="53">
        <v>-11263962.8606651</v>
      </c>
      <c r="BZ2628" s="53">
        <v>-11196657.680287501</v>
      </c>
      <c r="CA2628" s="53">
        <v>-11196657.680287501</v>
      </c>
      <c r="CB2628" s="53">
        <v>38996.049261083703</v>
      </c>
      <c r="CC2628" s="53">
        <v>38996.049261083703</v>
      </c>
      <c r="CD2628" s="53">
        <v>38996.049261083703</v>
      </c>
      <c r="CE2628" s="53">
        <v>38996.049261083703</v>
      </c>
      <c r="CF2628" s="53">
        <v>38996.049261083703</v>
      </c>
      <c r="CG2628" s="53">
        <v>38996.049261083703</v>
      </c>
      <c r="CH2628" s="53">
        <v>38996.049261083703</v>
      </c>
      <c r="CI2628" s="53">
        <v>38996.049261083703</v>
      </c>
      <c r="CJ2628" s="53">
        <v>38996.049261083703</v>
      </c>
      <c r="CK2628" s="53">
        <v>38996.049261083703</v>
      </c>
      <c r="CL2628" s="53">
        <v>38996.049261083703</v>
      </c>
      <c r="CM2628" s="53">
        <v>38996.049261083703</v>
      </c>
      <c r="CN2628" s="53">
        <v>467952.591133004</v>
      </c>
    </row>
    <row r="2629" spans="1:92" outlineLevel="1">
      <c r="A2629" s="52" t="s">
        <v>1218</v>
      </c>
      <c r="B2629" s="53">
        <v>-56469762.099999897</v>
      </c>
      <c r="C2629" s="53">
        <v>-56068787.030000001</v>
      </c>
      <c r="D2629" s="53">
        <v>-55667865.149999999</v>
      </c>
      <c r="E2629" s="53">
        <v>-55742829.459999897</v>
      </c>
      <c r="F2629" s="53">
        <v>-55343502.199999899</v>
      </c>
      <c r="G2629" s="53">
        <v>-54949549.699999899</v>
      </c>
      <c r="H2629" s="53">
        <v>-54548627.810000002</v>
      </c>
      <c r="I2629" s="53">
        <v>-54147492.670000002</v>
      </c>
      <c r="J2629" s="53">
        <v>-53746357.519999899</v>
      </c>
      <c r="K2629" s="53">
        <v>-53345222.390000001</v>
      </c>
      <c r="L2629" s="53">
        <v>-53021771.029999897</v>
      </c>
      <c r="M2629" s="53">
        <v>-56412865.939999998</v>
      </c>
      <c r="N2629" s="53">
        <v>-56469762.099999897</v>
      </c>
      <c r="O2629" s="53">
        <v>-58205303.669999897</v>
      </c>
      <c r="P2629" s="53">
        <v>-57803964.140086897</v>
      </c>
      <c r="Q2629" s="53">
        <v>-57402624.610173799</v>
      </c>
      <c r="R2629" s="53">
        <v>-57001285.080260798</v>
      </c>
      <c r="S2629" s="53">
        <v>-56599945.550347701</v>
      </c>
      <c r="T2629" s="53">
        <v>-56198606.020434603</v>
      </c>
      <c r="U2629" s="53">
        <v>-55797266.490521602</v>
      </c>
      <c r="V2629" s="53">
        <v>-55395926.960608497</v>
      </c>
      <c r="W2629" s="53">
        <v>-54994587.4306954</v>
      </c>
      <c r="X2629" s="53">
        <v>-54593247.900782399</v>
      </c>
      <c r="Y2629" s="53">
        <v>-54191908.370869301</v>
      </c>
      <c r="Z2629" s="53">
        <v>-53790568.840956204</v>
      </c>
      <c r="AA2629" s="53">
        <v>-58205303.669999897</v>
      </c>
      <c r="AB2629" s="53">
        <v>-53389229.311043203</v>
      </c>
      <c r="AC2629" s="53">
        <v>-52987889.781130098</v>
      </c>
      <c r="AD2629" s="53">
        <v>-52586550.251217097</v>
      </c>
      <c r="AE2629" s="53">
        <v>-52185210.721303999</v>
      </c>
      <c r="AF2629" s="53">
        <v>-51783871.191390902</v>
      </c>
      <c r="AG2629" s="53">
        <v>-51382531.661477901</v>
      </c>
      <c r="AH2629" s="53">
        <v>-50981192.131564803</v>
      </c>
      <c r="AI2629" s="53">
        <v>-50579852.601651698</v>
      </c>
      <c r="AJ2629" s="53">
        <v>-50178513.071738698</v>
      </c>
      <c r="AK2629" s="53">
        <v>-49777173.5418256</v>
      </c>
      <c r="AL2629" s="53">
        <v>-49375834.011912502</v>
      </c>
      <c r="AM2629" s="53">
        <v>-48974494.481999502</v>
      </c>
      <c r="AN2629" s="53">
        <v>-53389229.311043203</v>
      </c>
      <c r="AO2629" s="53">
        <v>-48573154.952086397</v>
      </c>
      <c r="AP2629" s="53">
        <v>-48171815.422173299</v>
      </c>
      <c r="AQ2629" s="53">
        <v>-47770475.892260298</v>
      </c>
      <c r="AR2629" s="53">
        <v>-47369136.362347201</v>
      </c>
      <c r="AS2629" s="53">
        <v>-46967796.832434103</v>
      </c>
      <c r="AT2629" s="53">
        <v>-46566457.302521102</v>
      </c>
      <c r="AU2629" s="53">
        <v>-46165117.772607997</v>
      </c>
      <c r="AV2629" s="53">
        <v>-45763778.242694996</v>
      </c>
      <c r="AW2629" s="53">
        <v>-45362438.712781899</v>
      </c>
      <c r="AX2629" s="53">
        <v>-44961099.182868801</v>
      </c>
      <c r="AY2629" s="53">
        <v>-44559759.6529558</v>
      </c>
      <c r="AZ2629" s="53">
        <v>-44158420.123042703</v>
      </c>
      <c r="BA2629" s="53">
        <v>-48573154.952086397</v>
      </c>
      <c r="BB2629" s="53">
        <v>-43757080.593129598</v>
      </c>
      <c r="BC2629" s="53">
        <v>-43380440.753938198</v>
      </c>
      <c r="BD2629" s="53">
        <v>-43028500.605468497</v>
      </c>
      <c r="BE2629" s="53">
        <v>-42676560.456998698</v>
      </c>
      <c r="BF2629" s="53">
        <v>-42324620.3085289</v>
      </c>
      <c r="BG2629" s="53">
        <v>-41972680.160059199</v>
      </c>
      <c r="BH2629" s="53">
        <v>-41620740.0115894</v>
      </c>
      <c r="BI2629" s="53">
        <v>-41268799.863119602</v>
      </c>
      <c r="BJ2629" s="53">
        <v>-40916859.714649901</v>
      </c>
      <c r="BK2629" s="53">
        <v>-40564919.566180103</v>
      </c>
      <c r="BL2629" s="53">
        <v>-40212979.417710297</v>
      </c>
      <c r="BM2629" s="53">
        <v>-39861039.269240603</v>
      </c>
      <c r="BN2629" s="53">
        <v>-43757080.593129598</v>
      </c>
      <c r="BO2629" s="53">
        <v>-39509099.120770797</v>
      </c>
      <c r="BP2629" s="53">
        <v>-39157158.972300999</v>
      </c>
      <c r="BQ2629" s="53">
        <v>-38820570.348421402</v>
      </c>
      <c r="BR2629" s="53">
        <v>-38483981.724541798</v>
      </c>
      <c r="BS2629" s="53">
        <v>-38147393.100662202</v>
      </c>
      <c r="BT2629" s="53">
        <v>-37810804.476782598</v>
      </c>
      <c r="BU2629" s="53">
        <v>-37474215.852903001</v>
      </c>
      <c r="BV2629" s="53">
        <v>-37160123.168872997</v>
      </c>
      <c r="BW2629" s="53">
        <v>-36868526.424692698</v>
      </c>
      <c r="BX2629" s="53">
        <v>-36576929.680512302</v>
      </c>
      <c r="BY2629" s="53">
        <v>-36285332.936332002</v>
      </c>
      <c r="BZ2629" s="53">
        <v>-35993736.192151599</v>
      </c>
      <c r="CA2629" s="53">
        <v>-39509099.120770797</v>
      </c>
      <c r="CB2629" s="53">
        <v>48595.514644351497</v>
      </c>
      <c r="CC2629" s="53">
        <v>48595.514644351497</v>
      </c>
      <c r="CD2629" s="53">
        <v>48595.514644351497</v>
      </c>
      <c r="CE2629" s="53">
        <v>48595.514644351497</v>
      </c>
      <c r="CF2629" s="53">
        <v>48595.514644351497</v>
      </c>
      <c r="CG2629" s="53">
        <v>48595.514644351497</v>
      </c>
      <c r="CH2629" s="53">
        <v>48595.514644351497</v>
      </c>
      <c r="CI2629" s="53">
        <v>48595.514644351497</v>
      </c>
      <c r="CJ2629" s="53">
        <v>48595.514644351497</v>
      </c>
      <c r="CK2629" s="53">
        <v>48595.514644351497</v>
      </c>
      <c r="CL2629" s="53">
        <v>48595.514644351497</v>
      </c>
      <c r="CM2629" s="53">
        <v>48595.514644351497</v>
      </c>
      <c r="CN2629" s="53">
        <v>583146.17573221796</v>
      </c>
    </row>
    <row r="2630" spans="1:92" outlineLevel="1">
      <c r="A2630" s="52" t="s">
        <v>699</v>
      </c>
      <c r="B2630" s="53"/>
      <c r="C2630" s="53"/>
      <c r="D2630" s="53"/>
      <c r="E2630" s="53"/>
      <c r="F2630" s="53"/>
      <c r="G2630" s="53"/>
      <c r="H2630" s="53"/>
      <c r="I2630" s="53"/>
      <c r="J2630" s="53"/>
      <c r="K2630" s="53"/>
      <c r="L2630" s="53"/>
      <c r="M2630" s="53"/>
      <c r="N2630" s="53"/>
      <c r="O2630" s="53"/>
      <c r="P2630" s="53"/>
      <c r="Q2630" s="53"/>
      <c r="R2630" s="53"/>
      <c r="S2630" s="53"/>
      <c r="T2630" s="53"/>
      <c r="U2630" s="53"/>
      <c r="V2630" s="53"/>
      <c r="W2630" s="53"/>
      <c r="X2630" s="53"/>
      <c r="Y2630" s="53"/>
      <c r="Z2630" s="53"/>
      <c r="AA2630" s="53"/>
      <c r="AB2630" s="53"/>
      <c r="AC2630" s="53"/>
      <c r="AD2630" s="53"/>
      <c r="AE2630" s="53"/>
      <c r="AF2630" s="53"/>
      <c r="AG2630" s="53"/>
      <c r="AH2630" s="53"/>
      <c r="AI2630" s="53"/>
      <c r="AJ2630" s="53"/>
      <c r="AK2630" s="53"/>
      <c r="AL2630" s="53"/>
      <c r="AM2630" s="53"/>
      <c r="AN2630" s="53"/>
      <c r="AO2630" s="53"/>
      <c r="AP2630" s="53"/>
      <c r="AQ2630" s="53"/>
      <c r="AR2630" s="53"/>
      <c r="AS2630" s="53"/>
      <c r="AT2630" s="53"/>
      <c r="AU2630" s="53"/>
      <c r="AV2630" s="53"/>
      <c r="AW2630" s="53"/>
      <c r="AX2630" s="53"/>
      <c r="AY2630" s="53"/>
      <c r="AZ2630" s="53"/>
      <c r="BA2630" s="53"/>
      <c r="BB2630" s="53"/>
      <c r="BC2630" s="53"/>
      <c r="BD2630" s="53"/>
      <c r="BE2630" s="53"/>
      <c r="BF2630" s="53"/>
      <c r="BG2630" s="53"/>
      <c r="BH2630" s="53"/>
      <c r="BI2630" s="53"/>
      <c r="BJ2630" s="53"/>
      <c r="BK2630" s="53"/>
      <c r="BL2630" s="53"/>
      <c r="BM2630" s="53"/>
      <c r="BN2630" s="53"/>
      <c r="BO2630" s="53"/>
      <c r="BP2630" s="53"/>
      <c r="BQ2630" s="53"/>
      <c r="BR2630" s="53"/>
      <c r="BS2630" s="53"/>
      <c r="BT2630" s="53"/>
      <c r="BU2630" s="53"/>
      <c r="BV2630" s="53"/>
      <c r="BW2630" s="53"/>
      <c r="BX2630" s="53"/>
      <c r="BY2630" s="53"/>
      <c r="BZ2630" s="53"/>
      <c r="CA2630" s="53"/>
      <c r="CB2630" s="53">
        <v>16652.086230876201</v>
      </c>
      <c r="CC2630" s="53">
        <v>16652.086230876201</v>
      </c>
      <c r="CD2630" s="53">
        <v>16652.086230876201</v>
      </c>
      <c r="CE2630" s="53">
        <v>16652.086230876201</v>
      </c>
      <c r="CF2630" s="53">
        <v>16652.086230876201</v>
      </c>
      <c r="CG2630" s="53">
        <v>16652.086230876201</v>
      </c>
      <c r="CH2630" s="53">
        <v>16652.086230876201</v>
      </c>
      <c r="CI2630" s="53">
        <v>16652.086230876201</v>
      </c>
      <c r="CJ2630" s="53">
        <v>16652.086230876201</v>
      </c>
      <c r="CK2630" s="53">
        <v>16652.086230876201</v>
      </c>
      <c r="CL2630" s="53">
        <v>16652.086230876201</v>
      </c>
      <c r="CM2630" s="53">
        <v>16652.086230876201</v>
      </c>
      <c r="CN2630" s="53">
        <v>199825.034770514</v>
      </c>
    </row>
    <row r="2631" spans="1:92" outlineLevel="1">
      <c r="A2631" s="52" t="s">
        <v>709</v>
      </c>
      <c r="B2631" s="53"/>
      <c r="C2631" s="53"/>
      <c r="D2631" s="53"/>
      <c r="E2631" s="53"/>
      <c r="F2631" s="53"/>
      <c r="G2631" s="53"/>
      <c r="H2631" s="53"/>
      <c r="I2631" s="53"/>
      <c r="J2631" s="53"/>
      <c r="K2631" s="53"/>
      <c r="L2631" s="53"/>
      <c r="M2631" s="53"/>
      <c r="N2631" s="53"/>
      <c r="O2631" s="53"/>
      <c r="P2631" s="53"/>
      <c r="Q2631" s="53"/>
      <c r="R2631" s="53"/>
      <c r="S2631" s="53"/>
      <c r="T2631" s="53"/>
      <c r="U2631" s="53"/>
      <c r="V2631" s="53"/>
      <c r="W2631" s="53"/>
      <c r="X2631" s="53"/>
      <c r="Y2631" s="53"/>
      <c r="Z2631" s="53"/>
      <c r="AA2631" s="53"/>
      <c r="AB2631" s="53"/>
      <c r="AC2631" s="53"/>
      <c r="AD2631" s="53"/>
      <c r="AE2631" s="53"/>
      <c r="AF2631" s="53"/>
      <c r="AG2631" s="53"/>
      <c r="AH2631" s="53"/>
      <c r="AI2631" s="53"/>
      <c r="AJ2631" s="53"/>
      <c r="AK2631" s="53"/>
      <c r="AL2631" s="53"/>
      <c r="AM2631" s="53"/>
      <c r="AN2631" s="53"/>
      <c r="AO2631" s="53"/>
      <c r="AP2631" s="53"/>
      <c r="AQ2631" s="53"/>
      <c r="AR2631" s="53"/>
      <c r="AS2631" s="53"/>
      <c r="AT2631" s="53"/>
      <c r="AU2631" s="53"/>
      <c r="AV2631" s="53"/>
      <c r="AW2631" s="53"/>
      <c r="AX2631" s="53"/>
      <c r="AY2631" s="53"/>
      <c r="AZ2631" s="53"/>
      <c r="BA2631" s="53"/>
      <c r="BB2631" s="53"/>
      <c r="BC2631" s="53"/>
      <c r="BD2631" s="53"/>
      <c r="BE2631" s="53"/>
      <c r="BF2631" s="53"/>
      <c r="BG2631" s="53"/>
      <c r="BH2631" s="53"/>
      <c r="BI2631" s="53"/>
      <c r="BJ2631" s="53"/>
      <c r="BK2631" s="53"/>
      <c r="BL2631" s="53"/>
      <c r="BM2631" s="53"/>
      <c r="BN2631" s="53"/>
      <c r="BO2631" s="53"/>
      <c r="BP2631" s="53"/>
      <c r="BQ2631" s="53"/>
      <c r="BR2631" s="53"/>
      <c r="BS2631" s="53"/>
      <c r="BT2631" s="53"/>
      <c r="BU2631" s="53"/>
      <c r="BV2631" s="53"/>
      <c r="BW2631" s="53"/>
      <c r="BX2631" s="53"/>
      <c r="BY2631" s="53"/>
      <c r="BZ2631" s="53"/>
      <c r="CA2631" s="53"/>
      <c r="CB2631" s="53"/>
      <c r="CC2631" s="53"/>
      <c r="CD2631" s="53"/>
      <c r="CE2631" s="53"/>
      <c r="CF2631" s="53"/>
      <c r="CG2631" s="53"/>
      <c r="CH2631" s="53"/>
      <c r="CI2631" s="53"/>
      <c r="CJ2631" s="53"/>
      <c r="CK2631" s="53"/>
      <c r="CL2631" s="53"/>
      <c r="CM2631" s="53"/>
      <c r="CN2631" s="53"/>
    </row>
    <row r="2632" spans="1:92" outlineLevel="1">
      <c r="A2632" s="52" t="s">
        <v>1667</v>
      </c>
      <c r="B2632" s="53"/>
      <c r="C2632" s="53"/>
      <c r="D2632" s="53"/>
      <c r="E2632" s="53"/>
      <c r="F2632" s="53"/>
      <c r="G2632" s="53"/>
      <c r="H2632" s="53"/>
      <c r="I2632" s="53"/>
      <c r="J2632" s="53"/>
      <c r="K2632" s="53"/>
      <c r="L2632" s="53"/>
      <c r="M2632" s="53"/>
      <c r="N2632" s="53"/>
      <c r="O2632" s="53"/>
      <c r="P2632" s="53"/>
      <c r="Q2632" s="53"/>
      <c r="R2632" s="53"/>
      <c r="S2632" s="53"/>
      <c r="T2632" s="53"/>
      <c r="U2632" s="53"/>
      <c r="V2632" s="53"/>
      <c r="W2632" s="53"/>
      <c r="X2632" s="53"/>
      <c r="Y2632" s="53"/>
      <c r="Z2632" s="53"/>
      <c r="AA2632" s="53"/>
      <c r="AB2632" s="53"/>
      <c r="AC2632" s="53"/>
      <c r="AD2632" s="53"/>
      <c r="AE2632" s="53"/>
      <c r="AF2632" s="53"/>
      <c r="AG2632" s="53"/>
      <c r="AH2632" s="53"/>
      <c r="AI2632" s="53"/>
      <c r="AJ2632" s="53"/>
      <c r="AK2632" s="53"/>
      <c r="AL2632" s="53"/>
      <c r="AM2632" s="53"/>
      <c r="AN2632" s="53"/>
      <c r="AO2632" s="53"/>
      <c r="AP2632" s="53"/>
      <c r="AQ2632" s="53"/>
      <c r="AR2632" s="53"/>
      <c r="AS2632" s="53"/>
      <c r="AT2632" s="53"/>
      <c r="AU2632" s="53"/>
      <c r="AV2632" s="53"/>
      <c r="AW2632" s="53"/>
      <c r="AX2632" s="53"/>
      <c r="AY2632" s="53"/>
      <c r="AZ2632" s="53"/>
      <c r="BA2632" s="53"/>
      <c r="BB2632" s="53"/>
      <c r="BC2632" s="53"/>
      <c r="BD2632" s="53"/>
      <c r="BE2632" s="53"/>
      <c r="BF2632" s="53"/>
      <c r="BG2632" s="53"/>
      <c r="BH2632" s="53"/>
      <c r="BI2632" s="53"/>
      <c r="BJ2632" s="53"/>
      <c r="BK2632" s="53"/>
      <c r="BL2632" s="53"/>
      <c r="BM2632" s="53"/>
      <c r="BN2632" s="53"/>
      <c r="BO2632" s="53"/>
      <c r="BP2632" s="53"/>
      <c r="BQ2632" s="53"/>
      <c r="BR2632" s="53"/>
      <c r="BS2632" s="53"/>
      <c r="BT2632" s="53"/>
      <c r="BU2632" s="53"/>
      <c r="BV2632" s="53"/>
      <c r="BW2632" s="53"/>
      <c r="BX2632" s="53"/>
      <c r="BY2632" s="53"/>
      <c r="BZ2632" s="53"/>
      <c r="CA2632" s="53"/>
      <c r="CB2632" s="53">
        <v>1213.9315068493099</v>
      </c>
      <c r="CC2632" s="53">
        <v>1213.9315068493099</v>
      </c>
      <c r="CD2632" s="53">
        <v>1213.9315068493099</v>
      </c>
      <c r="CE2632" s="53">
        <v>1213.9315068493099</v>
      </c>
      <c r="CF2632" s="53">
        <v>1213.9315068493099</v>
      </c>
      <c r="CG2632" s="53">
        <v>1213.9315068493099</v>
      </c>
      <c r="CH2632" s="53">
        <v>1213.9315068493099</v>
      </c>
      <c r="CI2632" s="53">
        <v>1213.9315068493099</v>
      </c>
      <c r="CJ2632" s="53">
        <v>1213.9315068493099</v>
      </c>
      <c r="CK2632" s="53">
        <v>1213.9315068493099</v>
      </c>
      <c r="CL2632" s="53">
        <v>1213.9315068493099</v>
      </c>
      <c r="CM2632" s="53">
        <v>1213.9315068493099</v>
      </c>
      <c r="CN2632" s="53">
        <v>14567.1780821917</v>
      </c>
    </row>
    <row r="2633" spans="1:92" outlineLevel="1">
      <c r="A2633" s="52" t="s">
        <v>1565</v>
      </c>
      <c r="B2633" s="53"/>
      <c r="C2633" s="53"/>
      <c r="D2633" s="53"/>
      <c r="E2633" s="53"/>
      <c r="F2633" s="53"/>
      <c r="G2633" s="53"/>
      <c r="H2633" s="53"/>
      <c r="I2633" s="53"/>
      <c r="J2633" s="53"/>
      <c r="K2633" s="53"/>
      <c r="L2633" s="53">
        <v>-4213250</v>
      </c>
      <c r="M2633" s="53"/>
      <c r="N2633" s="53">
        <v>-4213250</v>
      </c>
      <c r="O2633" s="53"/>
      <c r="P2633" s="53"/>
      <c r="Q2633" s="53"/>
      <c r="R2633" s="53"/>
      <c r="S2633" s="53"/>
      <c r="T2633" s="53"/>
      <c r="U2633" s="53"/>
      <c r="V2633" s="53"/>
      <c r="W2633" s="53"/>
      <c r="X2633" s="53"/>
      <c r="Y2633" s="53"/>
      <c r="Z2633" s="53"/>
      <c r="AA2633" s="53"/>
      <c r="AB2633" s="53"/>
      <c r="AC2633" s="53"/>
      <c r="AD2633" s="53"/>
      <c r="AE2633" s="53"/>
      <c r="AF2633" s="53"/>
      <c r="AG2633" s="53"/>
      <c r="AH2633" s="53"/>
      <c r="AI2633" s="53"/>
      <c r="AJ2633" s="53"/>
      <c r="AK2633" s="53"/>
      <c r="AL2633" s="53"/>
      <c r="AM2633" s="53"/>
      <c r="AN2633" s="53"/>
      <c r="AO2633" s="53"/>
      <c r="AP2633" s="53"/>
      <c r="AQ2633" s="53"/>
      <c r="AR2633" s="53"/>
      <c r="AS2633" s="53"/>
      <c r="AT2633" s="53"/>
      <c r="AU2633" s="53"/>
      <c r="AV2633" s="53"/>
      <c r="AW2633" s="53"/>
      <c r="AX2633" s="53"/>
      <c r="AY2633" s="53"/>
      <c r="AZ2633" s="53"/>
      <c r="BA2633" s="53"/>
      <c r="BB2633" s="53"/>
      <c r="BC2633" s="53"/>
      <c r="BD2633" s="53"/>
      <c r="BE2633" s="53"/>
      <c r="BF2633" s="53"/>
      <c r="BG2633" s="53"/>
      <c r="BH2633" s="53"/>
      <c r="BI2633" s="53"/>
      <c r="BJ2633" s="53"/>
      <c r="BK2633" s="53"/>
      <c r="BL2633" s="53"/>
      <c r="BM2633" s="53"/>
      <c r="BN2633" s="53"/>
      <c r="BO2633" s="53"/>
      <c r="BP2633" s="53"/>
      <c r="BQ2633" s="53"/>
      <c r="BR2633" s="53"/>
      <c r="BS2633" s="53"/>
      <c r="BT2633" s="53"/>
      <c r="BU2633" s="53"/>
      <c r="BV2633" s="53"/>
      <c r="BW2633" s="53"/>
      <c r="BX2633" s="53"/>
      <c r="BY2633" s="53"/>
      <c r="BZ2633" s="53"/>
      <c r="CA2633" s="53"/>
      <c r="CB2633" s="53">
        <v>1583.15671641791</v>
      </c>
      <c r="CC2633" s="53">
        <v>1583.15671641791</v>
      </c>
      <c r="CD2633" s="53">
        <v>1583.15671641791</v>
      </c>
      <c r="CE2633" s="53">
        <v>1583.15671641791</v>
      </c>
      <c r="CF2633" s="53">
        <v>1583.15671641791</v>
      </c>
      <c r="CG2633" s="53">
        <v>1583.15671641791</v>
      </c>
      <c r="CH2633" s="53">
        <v>1583.15671641791</v>
      </c>
      <c r="CI2633" s="53">
        <v>1583.15671641791</v>
      </c>
      <c r="CJ2633" s="53">
        <v>1583.15671641791</v>
      </c>
      <c r="CK2633" s="53">
        <v>1583.15671641791</v>
      </c>
      <c r="CL2633" s="53">
        <v>1583.15671641791</v>
      </c>
      <c r="CM2633" s="53">
        <v>1583.15671641791</v>
      </c>
      <c r="CN2633" s="53">
        <v>18997.880597014901</v>
      </c>
    </row>
    <row r="2634" spans="1:92" outlineLevel="1">
      <c r="A2634" s="52" t="s">
        <v>672</v>
      </c>
      <c r="B2634" s="53"/>
      <c r="C2634" s="53"/>
      <c r="D2634" s="53"/>
      <c r="E2634" s="53"/>
      <c r="F2634" s="53"/>
      <c r="G2634" s="53"/>
      <c r="H2634" s="53"/>
      <c r="I2634" s="53"/>
      <c r="J2634" s="53"/>
      <c r="K2634" s="53"/>
      <c r="L2634" s="53"/>
      <c r="M2634" s="53"/>
      <c r="N2634" s="53"/>
      <c r="O2634" s="53"/>
      <c r="P2634" s="53"/>
      <c r="Q2634" s="53"/>
      <c r="R2634" s="53"/>
      <c r="S2634" s="53"/>
      <c r="T2634" s="53"/>
      <c r="U2634" s="53"/>
      <c r="V2634" s="53"/>
      <c r="W2634" s="53"/>
      <c r="X2634" s="53"/>
      <c r="Y2634" s="53"/>
      <c r="Z2634" s="53"/>
      <c r="AA2634" s="53"/>
      <c r="AB2634" s="53"/>
      <c r="AC2634" s="53"/>
      <c r="AD2634" s="53"/>
      <c r="AE2634" s="53"/>
      <c r="AF2634" s="53"/>
      <c r="AG2634" s="53"/>
      <c r="AH2634" s="53"/>
      <c r="AI2634" s="53"/>
      <c r="AJ2634" s="53"/>
      <c r="AK2634" s="53"/>
      <c r="AL2634" s="53"/>
      <c r="AM2634" s="53"/>
      <c r="AN2634" s="53"/>
      <c r="AO2634" s="53"/>
      <c r="AP2634" s="53"/>
      <c r="AQ2634" s="53"/>
      <c r="AR2634" s="53"/>
      <c r="AS2634" s="53"/>
      <c r="AT2634" s="53"/>
      <c r="AU2634" s="53"/>
      <c r="AV2634" s="53"/>
      <c r="AW2634" s="53"/>
      <c r="AX2634" s="53"/>
      <c r="AY2634" s="53"/>
      <c r="AZ2634" s="53"/>
      <c r="BA2634" s="53"/>
      <c r="BB2634" s="53"/>
      <c r="BC2634" s="53"/>
      <c r="BD2634" s="53"/>
      <c r="BE2634" s="53"/>
      <c r="BF2634" s="53"/>
      <c r="BG2634" s="53"/>
      <c r="BH2634" s="53"/>
      <c r="BI2634" s="53"/>
      <c r="BJ2634" s="53"/>
      <c r="BK2634" s="53"/>
      <c r="BL2634" s="53"/>
      <c r="BM2634" s="53"/>
      <c r="BN2634" s="53"/>
      <c r="BO2634" s="53"/>
      <c r="BP2634" s="53"/>
      <c r="BQ2634" s="53"/>
      <c r="BR2634" s="53"/>
      <c r="BS2634" s="53"/>
      <c r="BT2634" s="53"/>
      <c r="BU2634" s="53"/>
      <c r="BV2634" s="53"/>
      <c r="BW2634" s="53"/>
      <c r="BX2634" s="53"/>
      <c r="BY2634" s="53"/>
      <c r="BZ2634" s="53"/>
      <c r="CA2634" s="53"/>
      <c r="CB2634" s="53">
        <v>1833.3899204244001</v>
      </c>
      <c r="CC2634" s="53">
        <v>1833.3899204244001</v>
      </c>
      <c r="CD2634" s="53">
        <v>1833.3899204244001</v>
      </c>
      <c r="CE2634" s="53">
        <v>1833.3899204244001</v>
      </c>
      <c r="CF2634" s="53">
        <v>1833.3899204244001</v>
      </c>
      <c r="CG2634" s="53">
        <v>1833.3899204244001</v>
      </c>
      <c r="CH2634" s="53">
        <v>1833.3899204244001</v>
      </c>
      <c r="CI2634" s="53">
        <v>1833.3899204244001</v>
      </c>
      <c r="CJ2634" s="53">
        <v>1833.3899204244001</v>
      </c>
      <c r="CK2634" s="53">
        <v>1833.3899204244001</v>
      </c>
      <c r="CL2634" s="53">
        <v>1833.3899204244001</v>
      </c>
      <c r="CM2634" s="53">
        <v>1833.3899204244001</v>
      </c>
      <c r="CN2634" s="53">
        <v>22000.679045092798</v>
      </c>
    </row>
    <row r="2635" spans="1:92" outlineLevel="1">
      <c r="A2635" s="52" t="s">
        <v>709</v>
      </c>
      <c r="B2635" s="53"/>
      <c r="C2635" s="53"/>
      <c r="D2635" s="53"/>
      <c r="E2635" s="53"/>
      <c r="F2635" s="53"/>
      <c r="G2635" s="53"/>
      <c r="H2635" s="53"/>
      <c r="I2635" s="53"/>
      <c r="J2635" s="53"/>
      <c r="K2635" s="53"/>
      <c r="L2635" s="53"/>
      <c r="M2635" s="53"/>
      <c r="N2635" s="53"/>
      <c r="O2635" s="53"/>
      <c r="P2635" s="53"/>
      <c r="Q2635" s="53"/>
      <c r="R2635" s="53"/>
      <c r="S2635" s="53"/>
      <c r="T2635" s="53"/>
      <c r="U2635" s="53"/>
      <c r="V2635" s="53"/>
      <c r="W2635" s="53"/>
      <c r="X2635" s="53"/>
      <c r="Y2635" s="53"/>
      <c r="Z2635" s="53"/>
      <c r="AA2635" s="53"/>
      <c r="AB2635" s="53"/>
      <c r="AC2635" s="53"/>
      <c r="AD2635" s="53"/>
      <c r="AE2635" s="53"/>
      <c r="AF2635" s="53"/>
      <c r="AG2635" s="53"/>
      <c r="AH2635" s="53"/>
      <c r="AI2635" s="53"/>
      <c r="AJ2635" s="53"/>
      <c r="AK2635" s="53"/>
      <c r="AL2635" s="53"/>
      <c r="AM2635" s="53"/>
      <c r="AN2635" s="53"/>
      <c r="AO2635" s="53"/>
      <c r="AP2635" s="53"/>
      <c r="AQ2635" s="53"/>
      <c r="AR2635" s="53"/>
      <c r="AS2635" s="53"/>
      <c r="AT2635" s="53"/>
      <c r="AU2635" s="53"/>
      <c r="AV2635" s="53"/>
      <c r="AW2635" s="53"/>
      <c r="AX2635" s="53"/>
      <c r="AY2635" s="53"/>
      <c r="AZ2635" s="53"/>
      <c r="BA2635" s="53"/>
      <c r="BB2635" s="53"/>
      <c r="BC2635" s="53"/>
      <c r="BD2635" s="53"/>
      <c r="BE2635" s="53"/>
      <c r="BF2635" s="53"/>
      <c r="BG2635" s="53"/>
      <c r="BH2635" s="53"/>
      <c r="BI2635" s="53"/>
      <c r="BJ2635" s="53"/>
      <c r="BK2635" s="53"/>
      <c r="BL2635" s="53"/>
      <c r="BM2635" s="53"/>
      <c r="BN2635" s="53"/>
      <c r="BO2635" s="53"/>
      <c r="BP2635" s="53"/>
      <c r="BQ2635" s="53"/>
      <c r="BR2635" s="53"/>
      <c r="BS2635" s="53"/>
      <c r="BT2635" s="53"/>
      <c r="BU2635" s="53"/>
      <c r="BV2635" s="53"/>
      <c r="BW2635" s="53"/>
      <c r="BX2635" s="53"/>
      <c r="BY2635" s="53"/>
      <c r="BZ2635" s="53"/>
      <c r="CA2635" s="53"/>
      <c r="CB2635" s="53"/>
      <c r="CC2635" s="53"/>
      <c r="CD2635" s="53"/>
      <c r="CE2635" s="53"/>
      <c r="CF2635" s="53"/>
      <c r="CG2635" s="53"/>
      <c r="CH2635" s="53"/>
      <c r="CI2635" s="53"/>
      <c r="CJ2635" s="53"/>
      <c r="CK2635" s="53"/>
      <c r="CL2635" s="53"/>
      <c r="CM2635" s="53"/>
      <c r="CN2635" s="53"/>
    </row>
    <row r="2636" spans="1:92" outlineLevel="1">
      <c r="A2636" s="52" t="s">
        <v>1593</v>
      </c>
      <c r="B2636" s="53"/>
      <c r="C2636" s="53"/>
      <c r="D2636" s="53"/>
      <c r="E2636" s="53"/>
      <c r="F2636" s="53"/>
      <c r="G2636" s="53"/>
      <c r="H2636" s="53"/>
      <c r="I2636" s="53"/>
      <c r="J2636" s="53"/>
      <c r="K2636" s="53"/>
      <c r="L2636" s="53"/>
      <c r="M2636" s="53"/>
      <c r="N2636" s="53"/>
      <c r="O2636" s="53"/>
      <c r="P2636" s="53"/>
      <c r="Q2636" s="53"/>
      <c r="R2636" s="53"/>
      <c r="S2636" s="53"/>
      <c r="T2636" s="53"/>
      <c r="U2636" s="53"/>
      <c r="V2636" s="53"/>
      <c r="W2636" s="53"/>
      <c r="X2636" s="53"/>
      <c r="Y2636" s="53"/>
      <c r="Z2636" s="53"/>
      <c r="AA2636" s="53"/>
      <c r="AB2636" s="53"/>
      <c r="AC2636" s="53"/>
      <c r="AD2636" s="53"/>
      <c r="AE2636" s="53"/>
      <c r="AF2636" s="53"/>
      <c r="AG2636" s="53"/>
      <c r="AH2636" s="53"/>
      <c r="AI2636" s="53"/>
      <c r="AJ2636" s="53"/>
      <c r="AK2636" s="53"/>
      <c r="AL2636" s="53"/>
      <c r="AM2636" s="53"/>
      <c r="AN2636" s="53"/>
      <c r="AO2636" s="53"/>
      <c r="AP2636" s="53"/>
      <c r="AQ2636" s="53"/>
      <c r="AR2636" s="53"/>
      <c r="AS2636" s="53"/>
      <c r="AT2636" s="53"/>
      <c r="AU2636" s="53"/>
      <c r="AV2636" s="53"/>
      <c r="AW2636" s="53"/>
      <c r="AX2636" s="53"/>
      <c r="AY2636" s="53"/>
      <c r="AZ2636" s="53"/>
      <c r="BA2636" s="53"/>
      <c r="BB2636" s="53"/>
      <c r="BC2636" s="53"/>
      <c r="BD2636" s="53"/>
      <c r="BE2636" s="53"/>
      <c r="BF2636" s="53"/>
      <c r="BG2636" s="53"/>
      <c r="BH2636" s="53"/>
      <c r="BI2636" s="53"/>
      <c r="BJ2636" s="53"/>
      <c r="BK2636" s="53"/>
      <c r="BL2636" s="53"/>
      <c r="BM2636" s="53"/>
      <c r="BN2636" s="53"/>
      <c r="BO2636" s="53"/>
      <c r="BP2636" s="53"/>
      <c r="BQ2636" s="53"/>
      <c r="BR2636" s="53"/>
      <c r="BS2636" s="53"/>
      <c r="BT2636" s="53"/>
      <c r="BU2636" s="53"/>
      <c r="BV2636" s="53"/>
      <c r="BW2636" s="53"/>
      <c r="BX2636" s="53"/>
      <c r="BY2636" s="53"/>
      <c r="BZ2636" s="53"/>
      <c r="CA2636" s="53"/>
      <c r="CB2636" s="53"/>
      <c r="CC2636" s="53"/>
      <c r="CD2636" s="53"/>
      <c r="CE2636" s="53"/>
      <c r="CF2636" s="53"/>
      <c r="CG2636" s="53"/>
      <c r="CH2636" s="53"/>
      <c r="CI2636" s="53"/>
      <c r="CJ2636" s="53"/>
      <c r="CK2636" s="53"/>
      <c r="CL2636" s="53"/>
      <c r="CM2636" s="53"/>
      <c r="CN2636" s="53"/>
    </row>
    <row r="2637" spans="1:92" outlineLevel="1">
      <c r="A2637" s="52" t="s">
        <v>711</v>
      </c>
      <c r="B2637" s="53">
        <v>15351.524590163899</v>
      </c>
      <c r="C2637" s="53">
        <v>15351.524590163899</v>
      </c>
      <c r="D2637" s="53">
        <v>15351.524590163899</v>
      </c>
      <c r="E2637" s="53">
        <v>15351.524590163899</v>
      </c>
      <c r="F2637" s="53">
        <v>15351.524590163899</v>
      </c>
      <c r="G2637" s="53">
        <v>15351.524590163899</v>
      </c>
      <c r="H2637" s="53">
        <v>15351.524590163899</v>
      </c>
      <c r="I2637" s="53">
        <v>15351.524590163899</v>
      </c>
      <c r="J2637" s="53">
        <v>15351.524590163899</v>
      </c>
      <c r="K2637" s="53">
        <v>15351.524590163899</v>
      </c>
      <c r="L2637" s="53">
        <v>15351.524590163899</v>
      </c>
      <c r="M2637" s="53">
        <v>15351.524590163899</v>
      </c>
      <c r="N2637" s="53">
        <v>184218.29508196699</v>
      </c>
      <c r="O2637" s="53">
        <v>15351.524590163899</v>
      </c>
      <c r="P2637" s="53">
        <v>15351.524590163899</v>
      </c>
      <c r="Q2637" s="53">
        <v>15351.524590163899</v>
      </c>
      <c r="R2637" s="53">
        <v>15351.524590163899</v>
      </c>
      <c r="S2637" s="53">
        <v>15351.524590163899</v>
      </c>
      <c r="T2637" s="53">
        <v>15351.524590163899</v>
      </c>
      <c r="U2637" s="53">
        <v>15351.524590163899</v>
      </c>
      <c r="V2637" s="53">
        <v>15351.524590163899</v>
      </c>
      <c r="W2637" s="53">
        <v>15351.524590163899</v>
      </c>
      <c r="X2637" s="53">
        <v>15351.524590163899</v>
      </c>
      <c r="Y2637" s="53">
        <v>15351.524590163899</v>
      </c>
      <c r="Z2637" s="53">
        <v>15351.524590163899</v>
      </c>
      <c r="AA2637" s="53">
        <v>184218.29508196699</v>
      </c>
      <c r="AB2637" s="53">
        <v>15351.524590163899</v>
      </c>
      <c r="AC2637" s="53">
        <v>15351.524590163899</v>
      </c>
      <c r="AD2637" s="53">
        <v>15351.524590163899</v>
      </c>
      <c r="AE2637" s="53">
        <v>15351.524590163899</v>
      </c>
      <c r="AF2637" s="53">
        <v>15351.524590163899</v>
      </c>
      <c r="AG2637" s="53">
        <v>15351.524590163899</v>
      </c>
      <c r="AH2637" s="53">
        <v>15351.524590163899</v>
      </c>
      <c r="AI2637" s="53">
        <v>15351.524590163899</v>
      </c>
      <c r="AJ2637" s="53">
        <v>15351.524590163899</v>
      </c>
      <c r="AK2637" s="53">
        <v>15351.524590163899</v>
      </c>
      <c r="AL2637" s="53">
        <v>15351.524590163899</v>
      </c>
      <c r="AM2637" s="53">
        <v>15351.524590163899</v>
      </c>
      <c r="AN2637" s="53">
        <v>184218.29508196699</v>
      </c>
      <c r="AO2637" s="53">
        <v>15351.524590163899</v>
      </c>
      <c r="AP2637" s="53">
        <v>15351.524590163899</v>
      </c>
      <c r="AQ2637" s="53">
        <v>15351.524590163899</v>
      </c>
      <c r="AR2637" s="53">
        <v>15351.524590163899</v>
      </c>
      <c r="AS2637" s="53">
        <v>15351.524590163899</v>
      </c>
      <c r="AT2637" s="53">
        <v>15351.524590163899</v>
      </c>
      <c r="AU2637" s="53">
        <v>15351.524590163899</v>
      </c>
      <c r="AV2637" s="53">
        <v>15351.524590163899</v>
      </c>
      <c r="AW2637" s="53">
        <v>15351.524590163899</v>
      </c>
      <c r="AX2637" s="53">
        <v>15351.524590163899</v>
      </c>
      <c r="AY2637" s="53">
        <v>15351.524590163899</v>
      </c>
      <c r="AZ2637" s="53">
        <v>15351.524590163899</v>
      </c>
      <c r="BA2637" s="53">
        <v>184218.29508196699</v>
      </c>
      <c r="BB2637" s="53">
        <v>15351.524590163899</v>
      </c>
      <c r="BC2637" s="53">
        <v>15351.524590163899</v>
      </c>
      <c r="BD2637" s="53">
        <v>15351.524590163899</v>
      </c>
      <c r="BE2637" s="53">
        <v>15351.524590163899</v>
      </c>
      <c r="BF2637" s="53">
        <v>15351.524590163899</v>
      </c>
      <c r="BG2637" s="53">
        <v>15351.524590163899</v>
      </c>
      <c r="BH2637" s="53">
        <v>15351.524590163899</v>
      </c>
      <c r="BI2637" s="53">
        <v>15351.524590163899</v>
      </c>
      <c r="BJ2637" s="53">
        <v>15351.524590163899</v>
      </c>
      <c r="BK2637" s="53">
        <v>15351.524590163899</v>
      </c>
      <c r="BL2637" s="53">
        <v>15351.524590163899</v>
      </c>
      <c r="BM2637" s="53">
        <v>15351.524590163899</v>
      </c>
      <c r="BN2637" s="53">
        <v>184218.29508196699</v>
      </c>
      <c r="BO2637" s="53">
        <v>15351.524590163899</v>
      </c>
      <c r="BP2637" s="53"/>
      <c r="BQ2637" s="53"/>
      <c r="BR2637" s="53"/>
      <c r="BS2637" s="53"/>
      <c r="BT2637" s="53"/>
      <c r="BU2637" s="53"/>
      <c r="BV2637" s="53"/>
      <c r="BW2637" s="53"/>
      <c r="BX2637" s="53"/>
      <c r="BY2637" s="53"/>
      <c r="BZ2637" s="53"/>
      <c r="CA2637" s="53">
        <v>15351.524590163899</v>
      </c>
      <c r="CB2637" s="53">
        <v>11723.4531645569</v>
      </c>
      <c r="CC2637" s="53">
        <v>11723.4531645569</v>
      </c>
      <c r="CD2637" s="53">
        <v>11723.4531645569</v>
      </c>
      <c r="CE2637" s="53">
        <v>11723.4531645569</v>
      </c>
      <c r="CF2637" s="53">
        <v>11723.4531645569</v>
      </c>
      <c r="CG2637" s="53">
        <v>11723.4531645569</v>
      </c>
      <c r="CH2637" s="53">
        <v>11723.4531645569</v>
      </c>
      <c r="CI2637" s="53">
        <v>11723.4531645569</v>
      </c>
      <c r="CJ2637" s="53">
        <v>11723.4531645569</v>
      </c>
      <c r="CK2637" s="53">
        <v>11723.4531645569</v>
      </c>
      <c r="CL2637" s="53">
        <v>11723.4531645569</v>
      </c>
      <c r="CM2637" s="53">
        <v>11723.4531645569</v>
      </c>
      <c r="CN2637" s="53">
        <v>140681.43797468301</v>
      </c>
    </row>
    <row r="2638" spans="1:92" outlineLevel="1">
      <c r="A2638" s="52" t="s">
        <v>712</v>
      </c>
      <c r="B2638" s="53">
        <v>8310.1065573770393</v>
      </c>
      <c r="C2638" s="53">
        <v>8310.1065573770393</v>
      </c>
      <c r="D2638" s="53">
        <v>8310.1065573770393</v>
      </c>
      <c r="E2638" s="53">
        <v>8310.1065573770393</v>
      </c>
      <c r="F2638" s="53">
        <v>8310.1065573770502</v>
      </c>
      <c r="G2638" s="53">
        <v>8310.1065573770502</v>
      </c>
      <c r="H2638" s="53">
        <v>8310.1065573770502</v>
      </c>
      <c r="I2638" s="53">
        <v>8310.1065573770502</v>
      </c>
      <c r="J2638" s="53">
        <v>8310.1065573770502</v>
      </c>
      <c r="K2638" s="53">
        <v>8310.1065573770502</v>
      </c>
      <c r="L2638" s="53">
        <v>8310.1065573770502</v>
      </c>
      <c r="M2638" s="53">
        <v>8310.1065573770502</v>
      </c>
      <c r="N2638" s="53">
        <v>99721.278688524602</v>
      </c>
      <c r="O2638" s="53">
        <v>8310.1065573770502</v>
      </c>
      <c r="P2638" s="53">
        <v>8310.1065573770502</v>
      </c>
      <c r="Q2638" s="53">
        <v>8310.1065573770502</v>
      </c>
      <c r="R2638" s="53">
        <v>8310.1065573770502</v>
      </c>
      <c r="S2638" s="53">
        <v>8310.1065573770502</v>
      </c>
      <c r="T2638" s="53">
        <v>8310.1065573770502</v>
      </c>
      <c r="U2638" s="53">
        <v>8310.1065573770502</v>
      </c>
      <c r="V2638" s="53">
        <v>8310.1065573770502</v>
      </c>
      <c r="W2638" s="53">
        <v>8310.1065573770502</v>
      </c>
      <c r="X2638" s="53">
        <v>8310.1065573770502</v>
      </c>
      <c r="Y2638" s="53">
        <v>8310.1065573770502</v>
      </c>
      <c r="Z2638" s="53">
        <v>8310.1065573770502</v>
      </c>
      <c r="AA2638" s="53">
        <v>99721.278688524602</v>
      </c>
      <c r="AB2638" s="53">
        <v>8310.1065573770502</v>
      </c>
      <c r="AC2638" s="53">
        <v>8310.1065573770502</v>
      </c>
      <c r="AD2638" s="53">
        <v>8310.1065573770502</v>
      </c>
      <c r="AE2638" s="53">
        <v>8310.1065573770502</v>
      </c>
      <c r="AF2638" s="53">
        <v>8310.1065573770502</v>
      </c>
      <c r="AG2638" s="53">
        <v>8310.1065573770502</v>
      </c>
      <c r="AH2638" s="53">
        <v>8310.1065573770502</v>
      </c>
      <c r="AI2638" s="53">
        <v>8310.1065573770502</v>
      </c>
      <c r="AJ2638" s="53">
        <v>8310.1065573770502</v>
      </c>
      <c r="AK2638" s="53">
        <v>8310.1065573770502</v>
      </c>
      <c r="AL2638" s="53">
        <v>8310.1065573770502</v>
      </c>
      <c r="AM2638" s="53">
        <v>8310.1065573770502</v>
      </c>
      <c r="AN2638" s="53">
        <v>99721.278688524602</v>
      </c>
      <c r="AO2638" s="53">
        <v>8310.1065573770593</v>
      </c>
      <c r="AP2638" s="53">
        <v>8310.1065573770593</v>
      </c>
      <c r="AQ2638" s="53">
        <v>8310.1065573770593</v>
      </c>
      <c r="AR2638" s="53">
        <v>8310.1065573770593</v>
      </c>
      <c r="AS2638" s="53">
        <v>8310.1065573770593</v>
      </c>
      <c r="AT2638" s="53">
        <v>8310.1065573770593</v>
      </c>
      <c r="AU2638" s="53">
        <v>8310.1065573770593</v>
      </c>
      <c r="AV2638" s="53">
        <v>8310.1065573770593</v>
      </c>
      <c r="AW2638" s="53">
        <v>8310.1065573770593</v>
      </c>
      <c r="AX2638" s="53">
        <v>8310.1065573770593</v>
      </c>
      <c r="AY2638" s="53">
        <v>8310.1065573770593</v>
      </c>
      <c r="AZ2638" s="53">
        <v>8310.1065573770593</v>
      </c>
      <c r="BA2638" s="53">
        <v>99721.278688524704</v>
      </c>
      <c r="BB2638" s="53">
        <v>8310.1065573770593</v>
      </c>
      <c r="BC2638" s="53">
        <v>8310.1065573770593</v>
      </c>
      <c r="BD2638" s="53">
        <v>8310.1065573770593</v>
      </c>
      <c r="BE2638" s="53">
        <v>8310.1065573770593</v>
      </c>
      <c r="BF2638" s="53">
        <v>8310.1065573770593</v>
      </c>
      <c r="BG2638" s="53">
        <v>8310.1065573770593</v>
      </c>
      <c r="BH2638" s="53">
        <v>8310.1065573770593</v>
      </c>
      <c r="BI2638" s="53">
        <v>8310.1065573770593</v>
      </c>
      <c r="BJ2638" s="53">
        <v>8310.1065573770593</v>
      </c>
      <c r="BK2638" s="53">
        <v>8310.1065573770702</v>
      </c>
      <c r="BL2638" s="53">
        <v>8310.1065573770702</v>
      </c>
      <c r="BM2638" s="53">
        <v>8310.1065573770702</v>
      </c>
      <c r="BN2638" s="53">
        <v>99721.278688524806</v>
      </c>
      <c r="BO2638" s="53">
        <v>8310.1065573770702</v>
      </c>
      <c r="BP2638" s="53">
        <v>8310.1065573770702</v>
      </c>
      <c r="BQ2638" s="53">
        <v>8310.1065573770702</v>
      </c>
      <c r="BR2638" s="53">
        <v>8310.1065573770702</v>
      </c>
      <c r="BS2638" s="53">
        <v>8310.1065573770702</v>
      </c>
      <c r="BT2638" s="53">
        <v>8310.1065573770702</v>
      </c>
      <c r="BU2638" s="53">
        <v>8310.1065573770702</v>
      </c>
      <c r="BV2638" s="53">
        <v>8310.1065573770702</v>
      </c>
      <c r="BW2638" s="53">
        <v>8310.1065573770702</v>
      </c>
      <c r="BX2638" s="53">
        <v>8310.1065573770702</v>
      </c>
      <c r="BY2638" s="53">
        <v>8310.1065573770702</v>
      </c>
      <c r="BZ2638" s="53">
        <v>8310.1065573770593</v>
      </c>
      <c r="CA2638" s="53">
        <v>99721.278688524806</v>
      </c>
      <c r="CB2638" s="53">
        <v>4051.8264840182501</v>
      </c>
      <c r="CC2638" s="53">
        <v>4051.8264840182501</v>
      </c>
      <c r="CD2638" s="53">
        <v>4051.8264840182501</v>
      </c>
      <c r="CE2638" s="53">
        <v>4051.8264840182501</v>
      </c>
      <c r="CF2638" s="53">
        <v>4051.8264840182501</v>
      </c>
      <c r="CG2638" s="53">
        <v>4051.8264840182501</v>
      </c>
      <c r="CH2638" s="53">
        <v>4051.8264840182501</v>
      </c>
      <c r="CI2638" s="53">
        <v>4051.8264840182501</v>
      </c>
      <c r="CJ2638" s="53">
        <v>4051.8264840182501</v>
      </c>
      <c r="CK2638" s="53">
        <v>4051.8264840182501</v>
      </c>
      <c r="CL2638" s="53">
        <v>4051.8264840182401</v>
      </c>
      <c r="CM2638" s="53">
        <v>4051.8264840182401</v>
      </c>
      <c r="CN2638" s="53">
        <v>48621.917808218997</v>
      </c>
    </row>
    <row r="2639" spans="1:92" outlineLevel="1">
      <c r="A2639" s="52" t="s">
        <v>713</v>
      </c>
      <c r="B2639" s="53">
        <v>18632.7082152974</v>
      </c>
      <c r="C2639" s="53">
        <v>18632.7082152974</v>
      </c>
      <c r="D2639" s="53">
        <v>18632.7082152974</v>
      </c>
      <c r="E2639" s="53">
        <v>18632.7082152974</v>
      </c>
      <c r="F2639" s="53">
        <v>18632.7082152974</v>
      </c>
      <c r="G2639" s="53">
        <v>18632.7082152974</v>
      </c>
      <c r="H2639" s="53">
        <v>18632.7082152974</v>
      </c>
      <c r="I2639" s="53">
        <v>18632.7082152974</v>
      </c>
      <c r="J2639" s="53">
        <v>18632.7082152974</v>
      </c>
      <c r="K2639" s="53">
        <v>18632.7082152974</v>
      </c>
      <c r="L2639" s="53">
        <v>18632.7082152974</v>
      </c>
      <c r="M2639" s="53">
        <v>18632.7082152974</v>
      </c>
      <c r="N2639" s="53">
        <v>223592.49858356899</v>
      </c>
      <c r="O2639" s="53">
        <v>18632.7082152974</v>
      </c>
      <c r="P2639" s="53">
        <v>18632.7082152974</v>
      </c>
      <c r="Q2639" s="53">
        <v>18632.7082152974</v>
      </c>
      <c r="R2639" s="53">
        <v>18632.7082152974</v>
      </c>
      <c r="S2639" s="53">
        <v>18632.7082152974</v>
      </c>
      <c r="T2639" s="53">
        <v>18632.7082152974</v>
      </c>
      <c r="U2639" s="53">
        <v>18632.7082152974</v>
      </c>
      <c r="V2639" s="53">
        <v>18632.7082152974</v>
      </c>
      <c r="W2639" s="53">
        <v>18632.7082152974</v>
      </c>
      <c r="X2639" s="53">
        <v>18632.7082152974</v>
      </c>
      <c r="Y2639" s="53">
        <v>18632.7082152974</v>
      </c>
      <c r="Z2639" s="53">
        <v>18632.7082152974</v>
      </c>
      <c r="AA2639" s="53">
        <v>223592.49858356899</v>
      </c>
      <c r="AB2639" s="53">
        <v>18632.7082152974</v>
      </c>
      <c r="AC2639" s="53">
        <v>18632.7082152974</v>
      </c>
      <c r="AD2639" s="53">
        <v>18632.7082152974</v>
      </c>
      <c r="AE2639" s="53">
        <v>18632.7082152974</v>
      </c>
      <c r="AF2639" s="53">
        <v>18632.7082152974</v>
      </c>
      <c r="AG2639" s="53">
        <v>18632.7082152974</v>
      </c>
      <c r="AH2639" s="53">
        <v>18632.7082152974</v>
      </c>
      <c r="AI2639" s="53">
        <v>18632.7082152974</v>
      </c>
      <c r="AJ2639" s="53">
        <v>18632.7082152974</v>
      </c>
      <c r="AK2639" s="53">
        <v>18632.7082152974</v>
      </c>
      <c r="AL2639" s="53">
        <v>18632.7082152974</v>
      </c>
      <c r="AM2639" s="53">
        <v>18632.7082152974</v>
      </c>
      <c r="AN2639" s="53">
        <v>223592.49858356899</v>
      </c>
      <c r="AO2639" s="53">
        <v>18632.7082152974</v>
      </c>
      <c r="AP2639" s="53">
        <v>18632.7082152974</v>
      </c>
      <c r="AQ2639" s="53">
        <v>18632.7082152974</v>
      </c>
      <c r="AR2639" s="53">
        <v>18632.7082152974</v>
      </c>
      <c r="AS2639" s="53">
        <v>18632.7082152974</v>
      </c>
      <c r="AT2639" s="53">
        <v>18632.7082152974</v>
      </c>
      <c r="AU2639" s="53">
        <v>18632.7082152974</v>
      </c>
      <c r="AV2639" s="53">
        <v>18632.7082152974</v>
      </c>
      <c r="AW2639" s="53">
        <v>18632.7082152974</v>
      </c>
      <c r="AX2639" s="53">
        <v>18632.7082152974</v>
      </c>
      <c r="AY2639" s="53">
        <v>18632.7082152974</v>
      </c>
      <c r="AZ2639" s="53">
        <v>18632.7082152974</v>
      </c>
      <c r="BA2639" s="53">
        <v>223592.49858356899</v>
      </c>
      <c r="BB2639" s="53">
        <v>18632.7082152974</v>
      </c>
      <c r="BC2639" s="53">
        <v>18632.7082152974</v>
      </c>
      <c r="BD2639" s="53">
        <v>18632.7082152974</v>
      </c>
      <c r="BE2639" s="53">
        <v>18632.7082152974</v>
      </c>
      <c r="BF2639" s="53">
        <v>18632.7082152974</v>
      </c>
      <c r="BG2639" s="53">
        <v>18632.7082152974</v>
      </c>
      <c r="BH2639" s="53">
        <v>18632.7082152974</v>
      </c>
      <c r="BI2639" s="53">
        <v>18632.7082152974</v>
      </c>
      <c r="BJ2639" s="53">
        <v>18632.7082152974</v>
      </c>
      <c r="BK2639" s="53">
        <v>18632.7082152974</v>
      </c>
      <c r="BL2639" s="53">
        <v>18632.7082152974</v>
      </c>
      <c r="BM2639" s="53">
        <v>18632.7082152974</v>
      </c>
      <c r="BN2639" s="53">
        <v>223592.49858356899</v>
      </c>
      <c r="BO2639" s="53">
        <v>18632.7082152974</v>
      </c>
      <c r="BP2639" s="53">
        <v>18632.7082152974</v>
      </c>
      <c r="BQ2639" s="53">
        <v>18632.7082152974</v>
      </c>
      <c r="BR2639" s="53">
        <v>18632.7082152974</v>
      </c>
      <c r="BS2639" s="53">
        <v>18632.7082152974</v>
      </c>
      <c r="BT2639" s="53">
        <v>18632.7082152974</v>
      </c>
      <c r="BU2639" s="53">
        <v>18632.7082152974</v>
      </c>
      <c r="BV2639" s="53">
        <v>18632.7082152974</v>
      </c>
      <c r="BW2639" s="53">
        <v>18632.7082152974</v>
      </c>
      <c r="BX2639" s="53">
        <v>18632.7082152974</v>
      </c>
      <c r="BY2639" s="53">
        <v>18632.7082152974</v>
      </c>
      <c r="BZ2639" s="53">
        <v>18632.7082152974</v>
      </c>
      <c r="CA2639" s="53">
        <v>223592.49858356899</v>
      </c>
      <c r="CB2639" s="53">
        <v>3523.40918163673</v>
      </c>
      <c r="CC2639" s="53">
        <v>3523.40918163673</v>
      </c>
      <c r="CD2639" s="53">
        <v>3523.40918163673</v>
      </c>
      <c r="CE2639" s="53">
        <v>3523.40918163673</v>
      </c>
      <c r="CF2639" s="53">
        <v>3523.40918163673</v>
      </c>
      <c r="CG2639" s="53">
        <v>3523.40918163673</v>
      </c>
      <c r="CH2639" s="53">
        <v>3523.40918163673</v>
      </c>
      <c r="CI2639" s="53">
        <v>3523.40918163673</v>
      </c>
      <c r="CJ2639" s="53">
        <v>3523.40918163673</v>
      </c>
      <c r="CK2639" s="53">
        <v>3523.40918163673</v>
      </c>
      <c r="CL2639" s="53">
        <v>3523.40918163673</v>
      </c>
      <c r="CM2639" s="53">
        <v>3523.40918163673</v>
      </c>
      <c r="CN2639" s="53">
        <v>42280.910179640799</v>
      </c>
    </row>
    <row r="2640" spans="1:92" outlineLevel="1">
      <c r="A2640" s="52" t="s">
        <v>716</v>
      </c>
      <c r="B2640" s="53">
        <v>36488.3342318059</v>
      </c>
      <c r="C2640" s="53">
        <v>36488.3342318059</v>
      </c>
      <c r="D2640" s="53">
        <v>36488.3342318059</v>
      </c>
      <c r="E2640" s="53">
        <v>36488.3342318059</v>
      </c>
      <c r="F2640" s="53">
        <v>36488.3342318059</v>
      </c>
      <c r="G2640" s="53">
        <v>36488.3342318059</v>
      </c>
      <c r="H2640" s="53">
        <v>36488.3342318059</v>
      </c>
      <c r="I2640" s="53">
        <v>36488.3342318059</v>
      </c>
      <c r="J2640" s="53">
        <v>36488.3342318059</v>
      </c>
      <c r="K2640" s="53">
        <v>36488.3342318059</v>
      </c>
      <c r="L2640" s="53">
        <v>36488.3342318059</v>
      </c>
      <c r="M2640" s="53">
        <v>36488.3342318059</v>
      </c>
      <c r="N2640" s="53">
        <v>437860.01078167098</v>
      </c>
      <c r="O2640" s="53">
        <v>36488.3342318059</v>
      </c>
      <c r="P2640" s="53">
        <v>36488.3342318059</v>
      </c>
      <c r="Q2640" s="53">
        <v>36488.3342318059</v>
      </c>
      <c r="R2640" s="53">
        <v>36488.3342318059</v>
      </c>
      <c r="S2640" s="53">
        <v>36488.3342318059</v>
      </c>
      <c r="T2640" s="53">
        <v>36488.3342318059</v>
      </c>
      <c r="U2640" s="53">
        <v>36488.3342318059</v>
      </c>
      <c r="V2640" s="53">
        <v>36488.3342318059</v>
      </c>
      <c r="W2640" s="53">
        <v>36488.334231805798</v>
      </c>
      <c r="X2640" s="53">
        <v>36488.334231805798</v>
      </c>
      <c r="Y2640" s="53">
        <v>36488.334231805798</v>
      </c>
      <c r="Z2640" s="53">
        <v>36488.334231805798</v>
      </c>
      <c r="AA2640" s="53">
        <v>437860.01078166999</v>
      </c>
      <c r="AB2640" s="53">
        <v>36488.334231805798</v>
      </c>
      <c r="AC2640" s="53">
        <v>36488.334231805798</v>
      </c>
      <c r="AD2640" s="53">
        <v>36488.334231805798</v>
      </c>
      <c r="AE2640" s="53">
        <v>36488.334231805798</v>
      </c>
      <c r="AF2640" s="53">
        <v>36488.334231805798</v>
      </c>
      <c r="AG2640" s="53">
        <v>36488.334231805798</v>
      </c>
      <c r="AH2640" s="53">
        <v>36488.334231805798</v>
      </c>
      <c r="AI2640" s="53">
        <v>36488.334231805798</v>
      </c>
      <c r="AJ2640" s="53">
        <v>36488.334231805798</v>
      </c>
      <c r="AK2640" s="53">
        <v>36488.334231805798</v>
      </c>
      <c r="AL2640" s="53">
        <v>36488.334231805798</v>
      </c>
      <c r="AM2640" s="53">
        <v>36488.334231805798</v>
      </c>
      <c r="AN2640" s="53">
        <v>437860.01078166999</v>
      </c>
      <c r="AO2640" s="53">
        <v>36488.334231805798</v>
      </c>
      <c r="AP2640" s="53">
        <v>36488.334231805798</v>
      </c>
      <c r="AQ2640" s="53">
        <v>36488.334231805798</v>
      </c>
      <c r="AR2640" s="53">
        <v>36488.334231805798</v>
      </c>
      <c r="AS2640" s="53">
        <v>36488.334231805798</v>
      </c>
      <c r="AT2640" s="53">
        <v>36488.334231805798</v>
      </c>
      <c r="AU2640" s="53">
        <v>36488.334231805798</v>
      </c>
      <c r="AV2640" s="53">
        <v>36488.334231805798</v>
      </c>
      <c r="AW2640" s="53">
        <v>36488.334231805798</v>
      </c>
      <c r="AX2640" s="53">
        <v>36488.334231805798</v>
      </c>
      <c r="AY2640" s="53">
        <v>36488.334231805798</v>
      </c>
      <c r="AZ2640" s="53">
        <v>36488.334231805798</v>
      </c>
      <c r="BA2640" s="53">
        <v>437860.01078166999</v>
      </c>
      <c r="BB2640" s="53">
        <v>36488.334231805798</v>
      </c>
      <c r="BC2640" s="53">
        <v>36488.334231805798</v>
      </c>
      <c r="BD2640" s="53">
        <v>36488.334231805798</v>
      </c>
      <c r="BE2640" s="53">
        <v>36488.334231805798</v>
      </c>
      <c r="BF2640" s="53">
        <v>36488.334231805798</v>
      </c>
      <c r="BG2640" s="53">
        <v>36488.334231805798</v>
      </c>
      <c r="BH2640" s="53">
        <v>36488.334231805798</v>
      </c>
      <c r="BI2640" s="53">
        <v>36488.334231805798</v>
      </c>
      <c r="BJ2640" s="53">
        <v>36488.334231805798</v>
      </c>
      <c r="BK2640" s="53">
        <v>36488.334231805798</v>
      </c>
      <c r="BL2640" s="53">
        <v>36488.334231805798</v>
      </c>
      <c r="BM2640" s="53">
        <v>36488.334231805697</v>
      </c>
      <c r="BN2640" s="53">
        <v>437860.010781669</v>
      </c>
      <c r="BO2640" s="53">
        <v>36488.334231805697</v>
      </c>
      <c r="BP2640" s="53">
        <v>36488.334231805697</v>
      </c>
      <c r="BQ2640" s="53">
        <v>36488.334231805697</v>
      </c>
      <c r="BR2640" s="53">
        <v>36488.334231805697</v>
      </c>
      <c r="BS2640" s="53">
        <v>36488.334231805697</v>
      </c>
      <c r="BT2640" s="53">
        <v>36488.334231805697</v>
      </c>
      <c r="BU2640" s="53">
        <v>36488.334231805697</v>
      </c>
      <c r="BV2640" s="53">
        <v>36488.334231805697</v>
      </c>
      <c r="BW2640" s="53">
        <v>36488.334231805697</v>
      </c>
      <c r="BX2640" s="53">
        <v>36488.334231805697</v>
      </c>
      <c r="BY2640" s="53">
        <v>36488.334231805697</v>
      </c>
      <c r="BZ2640" s="53">
        <v>36488.334231805697</v>
      </c>
      <c r="CA2640" s="53">
        <v>437860.010781669</v>
      </c>
      <c r="CB2640" s="53">
        <v>9347.6262626262396</v>
      </c>
      <c r="CC2640" s="53">
        <v>9347.6262626262396</v>
      </c>
      <c r="CD2640" s="53">
        <v>9347.6262626262396</v>
      </c>
      <c r="CE2640" s="53">
        <v>9347.6262626262396</v>
      </c>
      <c r="CF2640" s="53">
        <v>9347.6262626262396</v>
      </c>
      <c r="CG2640" s="53">
        <v>9347.6262626262396</v>
      </c>
      <c r="CH2640" s="53">
        <v>9347.6262626262396</v>
      </c>
      <c r="CI2640" s="53">
        <v>9347.6262626262396</v>
      </c>
      <c r="CJ2640" s="53">
        <v>9347.6262626262396</v>
      </c>
      <c r="CK2640" s="53">
        <v>9347.6262626262396</v>
      </c>
      <c r="CL2640" s="53">
        <v>9347.6262626262305</v>
      </c>
      <c r="CM2640" s="53">
        <v>9347.6262626262305</v>
      </c>
      <c r="CN2640" s="53">
        <v>112171.515151514</v>
      </c>
    </row>
    <row r="2641" spans="1:92" outlineLevel="1">
      <c r="A2641" s="52" t="s">
        <v>717</v>
      </c>
      <c r="B2641" s="53">
        <v>13019.144927536199</v>
      </c>
      <c r="C2641" s="53">
        <v>13019.144927536199</v>
      </c>
      <c r="D2641" s="53">
        <v>13019.144927536199</v>
      </c>
      <c r="E2641" s="53">
        <v>13019.144927536199</v>
      </c>
      <c r="F2641" s="53">
        <v>13019.144927536199</v>
      </c>
      <c r="G2641" s="53">
        <v>13019.144927536199</v>
      </c>
      <c r="H2641" s="53">
        <v>13019.144927536199</v>
      </c>
      <c r="I2641" s="53">
        <v>13019.144927536199</v>
      </c>
      <c r="J2641" s="53">
        <v>13019.144927536199</v>
      </c>
      <c r="K2641" s="53">
        <v>13019.144927536199</v>
      </c>
      <c r="L2641" s="53">
        <v>13019.144927536199</v>
      </c>
      <c r="M2641" s="53">
        <v>13019.144927536199</v>
      </c>
      <c r="N2641" s="53">
        <v>156229.739130434</v>
      </c>
      <c r="O2641" s="53">
        <v>13019.144927536199</v>
      </c>
      <c r="P2641" s="53">
        <v>13019.144927536199</v>
      </c>
      <c r="Q2641" s="53">
        <v>13019.144927536199</v>
      </c>
      <c r="R2641" s="53">
        <v>13019.144927536199</v>
      </c>
      <c r="S2641" s="53">
        <v>13019.144927536199</v>
      </c>
      <c r="T2641" s="53">
        <v>13019.144927536199</v>
      </c>
      <c r="U2641" s="53">
        <v>13019.144927536199</v>
      </c>
      <c r="V2641" s="53">
        <v>13019.144927536199</v>
      </c>
      <c r="W2641" s="53">
        <v>13019.144927536199</v>
      </c>
      <c r="X2641" s="53">
        <v>13019.144927536199</v>
      </c>
      <c r="Y2641" s="53">
        <v>13019.144927536199</v>
      </c>
      <c r="Z2641" s="53">
        <v>13019.144927536199</v>
      </c>
      <c r="AA2641" s="53">
        <v>156229.739130434</v>
      </c>
      <c r="AB2641" s="53">
        <v>13019.144927536199</v>
      </c>
      <c r="AC2641" s="53">
        <v>13019.144927536199</v>
      </c>
      <c r="AD2641" s="53">
        <v>13019.144927536199</v>
      </c>
      <c r="AE2641" s="53">
        <v>13019.144927536199</v>
      </c>
      <c r="AF2641" s="53">
        <v>13019.144927536199</v>
      </c>
      <c r="AG2641" s="53">
        <v>13019.144927536199</v>
      </c>
      <c r="AH2641" s="53">
        <v>13019.144927536199</v>
      </c>
      <c r="AI2641" s="53">
        <v>13019.144927536199</v>
      </c>
      <c r="AJ2641" s="53">
        <v>13019.144927536199</v>
      </c>
      <c r="AK2641" s="53">
        <v>13019.144927536199</v>
      </c>
      <c r="AL2641" s="53">
        <v>13019.144927536199</v>
      </c>
      <c r="AM2641" s="53">
        <v>13019.144927536199</v>
      </c>
      <c r="AN2641" s="53">
        <v>156229.739130434</v>
      </c>
      <c r="AO2641" s="53">
        <v>13019.144927536199</v>
      </c>
      <c r="AP2641" s="53">
        <v>13019.144927536199</v>
      </c>
      <c r="AQ2641" s="53">
        <v>13019.144927536199</v>
      </c>
      <c r="AR2641" s="53">
        <v>13019.144927536199</v>
      </c>
      <c r="AS2641" s="53">
        <v>13019.144927536199</v>
      </c>
      <c r="AT2641" s="53">
        <v>13019.144927536199</v>
      </c>
      <c r="AU2641" s="53">
        <v>13019.144927536199</v>
      </c>
      <c r="AV2641" s="53">
        <v>13019.144927536199</v>
      </c>
      <c r="AW2641" s="53">
        <v>13019.144927536199</v>
      </c>
      <c r="AX2641" s="53">
        <v>13019.144927536199</v>
      </c>
      <c r="AY2641" s="53">
        <v>13019.144927536199</v>
      </c>
      <c r="AZ2641" s="53">
        <v>13019.144927536199</v>
      </c>
      <c r="BA2641" s="53">
        <v>156229.739130434</v>
      </c>
      <c r="BB2641" s="53">
        <v>13019.144927536199</v>
      </c>
      <c r="BC2641" s="53">
        <v>13019.144927536199</v>
      </c>
      <c r="BD2641" s="53">
        <v>13019.144927536199</v>
      </c>
      <c r="BE2641" s="53">
        <v>13019.144927536199</v>
      </c>
      <c r="BF2641" s="53">
        <v>13019.144927536199</v>
      </c>
      <c r="BG2641" s="53">
        <v>13019.144927536199</v>
      </c>
      <c r="BH2641" s="53">
        <v>13019.144927536199</v>
      </c>
      <c r="BI2641" s="53">
        <v>13019.144927536199</v>
      </c>
      <c r="BJ2641" s="53">
        <v>13019.144927536199</v>
      </c>
      <c r="BK2641" s="53">
        <v>13019.144927536199</v>
      </c>
      <c r="BL2641" s="53">
        <v>13019.144927536199</v>
      </c>
      <c r="BM2641" s="53">
        <v>13019.144927536199</v>
      </c>
      <c r="BN2641" s="53">
        <v>156229.739130434</v>
      </c>
      <c r="BO2641" s="53">
        <v>13019.144927536199</v>
      </c>
      <c r="BP2641" s="53">
        <v>13019.144927536199</v>
      </c>
      <c r="BQ2641" s="53">
        <v>13019.144927536199</v>
      </c>
      <c r="BR2641" s="53">
        <v>13019.144927536199</v>
      </c>
      <c r="BS2641" s="53">
        <v>13019.144927536199</v>
      </c>
      <c r="BT2641" s="53">
        <v>13019.144927536199</v>
      </c>
      <c r="BU2641" s="53">
        <v>13019.144927536199</v>
      </c>
      <c r="BV2641" s="53">
        <v>13019.144927536199</v>
      </c>
      <c r="BW2641" s="53">
        <v>13019.144927536199</v>
      </c>
      <c r="BX2641" s="53">
        <v>13019.144927536199</v>
      </c>
      <c r="BY2641" s="53">
        <v>13019.144927536199</v>
      </c>
      <c r="BZ2641" s="53">
        <v>13019.144927536199</v>
      </c>
      <c r="CA2641" s="53">
        <v>156229.739130434</v>
      </c>
      <c r="CB2641" s="53"/>
      <c r="CC2641" s="53"/>
      <c r="CD2641" s="53"/>
      <c r="CE2641" s="53"/>
      <c r="CF2641" s="53"/>
      <c r="CG2641" s="53"/>
      <c r="CH2641" s="53"/>
      <c r="CI2641" s="53"/>
      <c r="CJ2641" s="53"/>
      <c r="CK2641" s="53"/>
      <c r="CL2641" s="53"/>
      <c r="CM2641" s="53"/>
      <c r="CN2641" s="53"/>
    </row>
    <row r="2642" spans="1:92" outlineLevel="1">
      <c r="A2642" s="52" t="s">
        <v>718</v>
      </c>
      <c r="B2642" s="53">
        <v>13527.685534591101</v>
      </c>
      <c r="C2642" s="53">
        <v>13527.685534591101</v>
      </c>
      <c r="D2642" s="53">
        <v>13527.685534591101</v>
      </c>
      <c r="E2642" s="53">
        <v>13527.685534591101</v>
      </c>
      <c r="F2642" s="53">
        <v>13527.685534591101</v>
      </c>
      <c r="G2642" s="53">
        <v>13527.685534591101</v>
      </c>
      <c r="H2642" s="53">
        <v>13527.685534591101</v>
      </c>
      <c r="I2642" s="53">
        <v>13527.685534591201</v>
      </c>
      <c r="J2642" s="53">
        <v>13527.685534591201</v>
      </c>
      <c r="K2642" s="53">
        <v>13527.685534591201</v>
      </c>
      <c r="L2642" s="53">
        <v>13527.685534591201</v>
      </c>
      <c r="M2642" s="53">
        <v>13527.685534591201</v>
      </c>
      <c r="N2642" s="53">
        <v>162332.22641509399</v>
      </c>
      <c r="O2642" s="53">
        <v>13527.685534591201</v>
      </c>
      <c r="P2642" s="53">
        <v>13527.685534591201</v>
      </c>
      <c r="Q2642" s="53">
        <v>13527.685534591201</v>
      </c>
      <c r="R2642" s="53">
        <v>13527.685534591201</v>
      </c>
      <c r="S2642" s="53">
        <v>13527.685534591201</v>
      </c>
      <c r="T2642" s="53">
        <v>13527.685534591201</v>
      </c>
      <c r="U2642" s="53">
        <v>13527.685534591201</v>
      </c>
      <c r="V2642" s="53">
        <v>13527.685534591201</v>
      </c>
      <c r="W2642" s="53">
        <v>13527.685534591201</v>
      </c>
      <c r="X2642" s="53">
        <v>13527.685534591201</v>
      </c>
      <c r="Y2642" s="53">
        <v>13527.685534591201</v>
      </c>
      <c r="Z2642" s="53">
        <v>13527.685534591201</v>
      </c>
      <c r="AA2642" s="53">
        <v>162332.22641509399</v>
      </c>
      <c r="AB2642" s="53">
        <v>13527.685534591201</v>
      </c>
      <c r="AC2642" s="53">
        <v>13527.685534591201</v>
      </c>
      <c r="AD2642" s="53">
        <v>13527.685534591201</v>
      </c>
      <c r="AE2642" s="53">
        <v>13527.685534591201</v>
      </c>
      <c r="AF2642" s="53">
        <v>13527.685534591201</v>
      </c>
      <c r="AG2642" s="53">
        <v>13527.685534591201</v>
      </c>
      <c r="AH2642" s="53">
        <v>13527.685534591201</v>
      </c>
      <c r="AI2642" s="53">
        <v>13527.685534591201</v>
      </c>
      <c r="AJ2642" s="53">
        <v>13527.685534591201</v>
      </c>
      <c r="AK2642" s="53">
        <v>13527.685534591201</v>
      </c>
      <c r="AL2642" s="53">
        <v>13527.685534591201</v>
      </c>
      <c r="AM2642" s="53">
        <v>13527.685534591201</v>
      </c>
      <c r="AN2642" s="53">
        <v>162332.22641509399</v>
      </c>
      <c r="AO2642" s="53">
        <v>13527.685534591201</v>
      </c>
      <c r="AP2642" s="53">
        <v>13527.685534591201</v>
      </c>
      <c r="AQ2642" s="53">
        <v>13527.685534591201</v>
      </c>
      <c r="AR2642" s="53">
        <v>13527.685534591201</v>
      </c>
      <c r="AS2642" s="53">
        <v>13527.685534591201</v>
      </c>
      <c r="AT2642" s="53">
        <v>13527.685534591201</v>
      </c>
      <c r="AU2642" s="53">
        <v>13527.685534591201</v>
      </c>
      <c r="AV2642" s="53">
        <v>13527.685534591201</v>
      </c>
      <c r="AW2642" s="53">
        <v>13527.685534591201</v>
      </c>
      <c r="AX2642" s="53">
        <v>13527.685534591201</v>
      </c>
      <c r="AY2642" s="53">
        <v>13527.685534591201</v>
      </c>
      <c r="AZ2642" s="53">
        <v>13527.685534591201</v>
      </c>
      <c r="BA2642" s="53">
        <v>162332.22641509399</v>
      </c>
      <c r="BB2642" s="53">
        <v>13527.685534591201</v>
      </c>
      <c r="BC2642" s="53">
        <v>13527.685534591201</v>
      </c>
      <c r="BD2642" s="53">
        <v>13527.685534591201</v>
      </c>
      <c r="BE2642" s="53">
        <v>13527.685534591201</v>
      </c>
      <c r="BF2642" s="53">
        <v>13527.685534591201</v>
      </c>
      <c r="BG2642" s="53">
        <v>13527.685534591201</v>
      </c>
      <c r="BH2642" s="53">
        <v>13527.685534591201</v>
      </c>
      <c r="BI2642" s="53">
        <v>13527.685534591201</v>
      </c>
      <c r="BJ2642" s="53">
        <v>13527.685534591201</v>
      </c>
      <c r="BK2642" s="53">
        <v>13527.685534591201</v>
      </c>
      <c r="BL2642" s="53">
        <v>13527.685534591201</v>
      </c>
      <c r="BM2642" s="53">
        <v>13527.685534591201</v>
      </c>
      <c r="BN2642" s="53">
        <v>162332.22641509399</v>
      </c>
      <c r="BO2642" s="53">
        <v>13527.685534591201</v>
      </c>
      <c r="BP2642" s="53">
        <v>13527.685534591201</v>
      </c>
      <c r="BQ2642" s="53">
        <v>13527.685534591201</v>
      </c>
      <c r="BR2642" s="53">
        <v>13527.685534591201</v>
      </c>
      <c r="BS2642" s="53">
        <v>13527.685534591201</v>
      </c>
      <c r="BT2642" s="53">
        <v>13527.685534591201</v>
      </c>
      <c r="BU2642" s="53">
        <v>13527.685534591201</v>
      </c>
      <c r="BV2642" s="53">
        <v>13527.685534591201</v>
      </c>
      <c r="BW2642" s="53">
        <v>13527.685534591201</v>
      </c>
      <c r="BX2642" s="53">
        <v>13527.685534591201</v>
      </c>
      <c r="BY2642" s="53">
        <v>13527.685534591201</v>
      </c>
      <c r="BZ2642" s="53">
        <v>13527.685534591201</v>
      </c>
      <c r="CA2642" s="53">
        <v>162332.22641509399</v>
      </c>
      <c r="CB2642" s="53">
        <v>3240.39669421487</v>
      </c>
      <c r="CC2642" s="53">
        <v>3240.39669421487</v>
      </c>
      <c r="CD2642" s="53">
        <v>3240.39669421487</v>
      </c>
      <c r="CE2642" s="53">
        <v>3240.39669421487</v>
      </c>
      <c r="CF2642" s="53">
        <v>3240.39669421487</v>
      </c>
      <c r="CG2642" s="53">
        <v>3240.39669421487</v>
      </c>
      <c r="CH2642" s="53">
        <v>3240.39669421487</v>
      </c>
      <c r="CI2642" s="53">
        <v>3240.39669421487</v>
      </c>
      <c r="CJ2642" s="53">
        <v>3240.39669421487</v>
      </c>
      <c r="CK2642" s="53">
        <v>3240.39669421487</v>
      </c>
      <c r="CL2642" s="53">
        <v>3240.39669421487</v>
      </c>
      <c r="CM2642" s="53">
        <v>3240.39669421487</v>
      </c>
      <c r="CN2642" s="53">
        <v>38884.760330578501</v>
      </c>
    </row>
    <row r="2643" spans="1:92" outlineLevel="1">
      <c r="A2643" s="52" t="s">
        <v>721</v>
      </c>
      <c r="B2643" s="53">
        <v>20148.9789473684</v>
      </c>
      <c r="C2643" s="53">
        <v>20148.9789473684</v>
      </c>
      <c r="D2643" s="53">
        <v>20148.9789473684</v>
      </c>
      <c r="E2643" s="53">
        <v>20148.9789473684</v>
      </c>
      <c r="F2643" s="53">
        <v>20148.9789473684</v>
      </c>
      <c r="G2643" s="53">
        <v>20148.9789473684</v>
      </c>
      <c r="H2643" s="53">
        <v>20148.9789473684</v>
      </c>
      <c r="I2643" s="53">
        <v>20148.9789473684</v>
      </c>
      <c r="J2643" s="53">
        <v>20148.9789473684</v>
      </c>
      <c r="K2643" s="53">
        <v>20148.9789473684</v>
      </c>
      <c r="L2643" s="53">
        <v>20148.9789473684</v>
      </c>
      <c r="M2643" s="53">
        <v>20148.9789473684</v>
      </c>
      <c r="N2643" s="53">
        <v>241787.747368421</v>
      </c>
      <c r="O2643" s="53">
        <v>20148.9789473684</v>
      </c>
      <c r="P2643" s="53">
        <v>20148.9789473684</v>
      </c>
      <c r="Q2643" s="53">
        <v>20148.9789473684</v>
      </c>
      <c r="R2643" s="53">
        <v>20148.9789473684</v>
      </c>
      <c r="S2643" s="53">
        <v>20148.9789473684</v>
      </c>
      <c r="T2643" s="53">
        <v>20148.9789473684</v>
      </c>
      <c r="U2643" s="53">
        <v>20148.9789473684</v>
      </c>
      <c r="V2643" s="53">
        <v>20148.9789473684</v>
      </c>
      <c r="W2643" s="53">
        <v>20148.9789473684</v>
      </c>
      <c r="X2643" s="53">
        <v>20148.9789473684</v>
      </c>
      <c r="Y2643" s="53">
        <v>20148.9789473684</v>
      </c>
      <c r="Z2643" s="53">
        <v>20148.9789473684</v>
      </c>
      <c r="AA2643" s="53">
        <v>241787.747368421</v>
      </c>
      <c r="AB2643" s="53">
        <v>20148.9789473684</v>
      </c>
      <c r="AC2643" s="53">
        <v>20148.9789473684</v>
      </c>
      <c r="AD2643" s="53">
        <v>20148.9789473684</v>
      </c>
      <c r="AE2643" s="53">
        <v>20148.9789473684</v>
      </c>
      <c r="AF2643" s="53">
        <v>20148.9789473684</v>
      </c>
      <c r="AG2643" s="53">
        <v>20148.9789473684</v>
      </c>
      <c r="AH2643" s="53">
        <v>20148.9789473684</v>
      </c>
      <c r="AI2643" s="53">
        <v>20148.9789473684</v>
      </c>
      <c r="AJ2643" s="53">
        <v>20148.9789473684</v>
      </c>
      <c r="AK2643" s="53">
        <v>20148.9789473684</v>
      </c>
      <c r="AL2643" s="53">
        <v>20148.9789473684</v>
      </c>
      <c r="AM2643" s="53">
        <v>20148.9789473684</v>
      </c>
      <c r="AN2643" s="53">
        <v>241787.747368421</v>
      </c>
      <c r="AO2643" s="53">
        <v>20148.9789473684</v>
      </c>
      <c r="AP2643" s="53">
        <v>20148.9789473684</v>
      </c>
      <c r="AQ2643" s="53">
        <v>20148.9789473684</v>
      </c>
      <c r="AR2643" s="53">
        <v>20148.9789473684</v>
      </c>
      <c r="AS2643" s="53">
        <v>20148.9789473684</v>
      </c>
      <c r="AT2643" s="53">
        <v>20148.9789473684</v>
      </c>
      <c r="AU2643" s="53">
        <v>20148.9789473684</v>
      </c>
      <c r="AV2643" s="53">
        <v>20148.9789473684</v>
      </c>
      <c r="AW2643" s="53">
        <v>20148.9789473684</v>
      </c>
      <c r="AX2643" s="53">
        <v>20148.9789473684</v>
      </c>
      <c r="AY2643" s="53">
        <v>20148.9789473684</v>
      </c>
      <c r="AZ2643" s="53">
        <v>20148.9789473684</v>
      </c>
      <c r="BA2643" s="53">
        <v>241787.747368421</v>
      </c>
      <c r="BB2643" s="53">
        <v>20148.9789473684</v>
      </c>
      <c r="BC2643" s="53">
        <v>20148.9789473684</v>
      </c>
      <c r="BD2643" s="53">
        <v>20148.9789473684</v>
      </c>
      <c r="BE2643" s="53">
        <v>20148.978947368501</v>
      </c>
      <c r="BF2643" s="53">
        <v>20148.978947368501</v>
      </c>
      <c r="BG2643" s="53">
        <v>20148.978947368501</v>
      </c>
      <c r="BH2643" s="53">
        <v>20148.978947368501</v>
      </c>
      <c r="BI2643" s="53">
        <v>20148.978947368501</v>
      </c>
      <c r="BJ2643" s="53">
        <v>20148.978947368501</v>
      </c>
      <c r="BK2643" s="53">
        <v>20148.978947368501</v>
      </c>
      <c r="BL2643" s="53">
        <v>20148.978947368501</v>
      </c>
      <c r="BM2643" s="53">
        <v>20148.978947368501</v>
      </c>
      <c r="BN2643" s="53">
        <v>241787.74736842199</v>
      </c>
      <c r="BO2643" s="53">
        <v>20148.978947368501</v>
      </c>
      <c r="BP2643" s="53">
        <v>20148.978947368501</v>
      </c>
      <c r="BQ2643" s="53">
        <v>20148.978947368501</v>
      </c>
      <c r="BR2643" s="53">
        <v>20148.978947368501</v>
      </c>
      <c r="BS2643" s="53">
        <v>20148.978947368501</v>
      </c>
      <c r="BT2643" s="53">
        <v>20148.978947368501</v>
      </c>
      <c r="BU2643" s="53">
        <v>20148.978947368501</v>
      </c>
      <c r="BV2643" s="53">
        <v>20148.978947368501</v>
      </c>
      <c r="BW2643" s="53">
        <v>20148.978947368501</v>
      </c>
      <c r="BX2643" s="53">
        <v>20148.978947368501</v>
      </c>
      <c r="BY2643" s="53">
        <v>20148.978947368501</v>
      </c>
      <c r="BZ2643" s="53">
        <v>20148.978947368501</v>
      </c>
      <c r="CA2643" s="53">
        <v>241787.74736842199</v>
      </c>
      <c r="CB2643" s="53">
        <v>1540.86342229199</v>
      </c>
      <c r="CC2643" s="53">
        <v>1540.86342229199</v>
      </c>
      <c r="CD2643" s="53">
        <v>1540.86342229199</v>
      </c>
      <c r="CE2643" s="53">
        <v>1540.86342229199</v>
      </c>
      <c r="CF2643" s="53">
        <v>1540.86342229199</v>
      </c>
      <c r="CG2643" s="53">
        <v>1540.86342229199</v>
      </c>
      <c r="CH2643" s="53">
        <v>1540.86342229199</v>
      </c>
      <c r="CI2643" s="53">
        <v>1540.86342229199</v>
      </c>
      <c r="CJ2643" s="53">
        <v>1540.86342229199</v>
      </c>
      <c r="CK2643" s="53">
        <v>1540.86342229199</v>
      </c>
      <c r="CL2643" s="53">
        <v>1540.86342229199</v>
      </c>
      <c r="CM2643" s="53">
        <v>1540.86342229199</v>
      </c>
      <c r="CN2643" s="53">
        <v>18490.361067503902</v>
      </c>
    </row>
    <row r="2644" spans="1:92" outlineLevel="1">
      <c r="A2644" s="52" t="s">
        <v>723</v>
      </c>
      <c r="B2644" s="53">
        <v>49399.381443298902</v>
      </c>
      <c r="C2644" s="53">
        <v>49399.381443298902</v>
      </c>
      <c r="D2644" s="53">
        <v>49399.381443298902</v>
      </c>
      <c r="E2644" s="53">
        <v>49399.381443298902</v>
      </c>
      <c r="F2644" s="53">
        <v>49399.381443298902</v>
      </c>
      <c r="G2644" s="53">
        <v>49399.381443298902</v>
      </c>
      <c r="H2644" s="53">
        <v>49399.381443298902</v>
      </c>
      <c r="I2644" s="53">
        <v>49399.381443298997</v>
      </c>
      <c r="J2644" s="53">
        <v>49399.381443298902</v>
      </c>
      <c r="K2644" s="53">
        <v>49399.381443298902</v>
      </c>
      <c r="L2644" s="53">
        <v>49399.381443298902</v>
      </c>
      <c r="M2644" s="53">
        <v>49399.381443298902</v>
      </c>
      <c r="N2644" s="53">
        <v>592792.577319587</v>
      </c>
      <c r="O2644" s="53">
        <v>49399.381443298902</v>
      </c>
      <c r="P2644" s="53">
        <v>49399.381443298902</v>
      </c>
      <c r="Q2644" s="53">
        <v>49399.381443298902</v>
      </c>
      <c r="R2644" s="53">
        <v>49399.381443298902</v>
      </c>
      <c r="S2644" s="53">
        <v>49399.381443298902</v>
      </c>
      <c r="T2644" s="53">
        <v>49399.381443298902</v>
      </c>
      <c r="U2644" s="53">
        <v>49399.381443298902</v>
      </c>
      <c r="V2644" s="53">
        <v>49399.381443298902</v>
      </c>
      <c r="W2644" s="53">
        <v>49399.381443298902</v>
      </c>
      <c r="X2644" s="53">
        <v>49399.381443298902</v>
      </c>
      <c r="Y2644" s="53">
        <v>49399.381443298902</v>
      </c>
      <c r="Z2644" s="53">
        <v>49399.381443298902</v>
      </c>
      <c r="AA2644" s="53">
        <v>592792.577319587</v>
      </c>
      <c r="AB2644" s="53">
        <v>49399.381443298902</v>
      </c>
      <c r="AC2644" s="53">
        <v>49399.381443298902</v>
      </c>
      <c r="AD2644" s="53">
        <v>49399.381443298902</v>
      </c>
      <c r="AE2644" s="53">
        <v>49399.381443298902</v>
      </c>
      <c r="AF2644" s="53">
        <v>49399.381443298902</v>
      </c>
      <c r="AG2644" s="53">
        <v>49399.381443298902</v>
      </c>
      <c r="AH2644" s="53">
        <v>49399.381443298902</v>
      </c>
      <c r="AI2644" s="53">
        <v>49399.381443298902</v>
      </c>
      <c r="AJ2644" s="53">
        <v>49399.381443298902</v>
      </c>
      <c r="AK2644" s="53">
        <v>49399.381443298902</v>
      </c>
      <c r="AL2644" s="53">
        <v>49399.381443298902</v>
      </c>
      <c r="AM2644" s="53">
        <v>49399.381443298902</v>
      </c>
      <c r="AN2644" s="53">
        <v>592792.577319587</v>
      </c>
      <c r="AO2644" s="53">
        <v>49399.381443298902</v>
      </c>
      <c r="AP2644" s="53">
        <v>49399.381443298902</v>
      </c>
      <c r="AQ2644" s="53">
        <v>49399.381443298902</v>
      </c>
      <c r="AR2644" s="53">
        <v>49399.381443298902</v>
      </c>
      <c r="AS2644" s="53">
        <v>49399.381443298902</v>
      </c>
      <c r="AT2644" s="53">
        <v>49399.381443298902</v>
      </c>
      <c r="AU2644" s="53">
        <v>49399.381443298902</v>
      </c>
      <c r="AV2644" s="53">
        <v>49399.381443298902</v>
      </c>
      <c r="AW2644" s="53">
        <v>49399.381443298902</v>
      </c>
      <c r="AX2644" s="53">
        <v>49399.381443298902</v>
      </c>
      <c r="AY2644" s="53">
        <v>49399.381443298902</v>
      </c>
      <c r="AZ2644" s="53">
        <v>49399.381443298902</v>
      </c>
      <c r="BA2644" s="53">
        <v>592792.577319587</v>
      </c>
      <c r="BB2644" s="53">
        <v>24699.6907216494</v>
      </c>
      <c r="BC2644" s="53"/>
      <c r="BD2644" s="53"/>
      <c r="BE2644" s="53"/>
      <c r="BF2644" s="53"/>
      <c r="BG2644" s="53"/>
      <c r="BH2644" s="53"/>
      <c r="BI2644" s="53"/>
      <c r="BJ2644" s="53"/>
      <c r="BK2644" s="53"/>
      <c r="BL2644" s="53"/>
      <c r="BM2644" s="53"/>
      <c r="BN2644" s="53">
        <v>24699.6907216494</v>
      </c>
      <c r="BO2644" s="53"/>
      <c r="BP2644" s="53"/>
      <c r="BQ2644" s="53"/>
      <c r="BR2644" s="53"/>
      <c r="BS2644" s="53"/>
      <c r="BT2644" s="53"/>
      <c r="BU2644" s="53"/>
      <c r="BV2644" s="53"/>
      <c r="BW2644" s="53"/>
      <c r="BX2644" s="53"/>
      <c r="BY2644" s="53"/>
      <c r="BZ2644" s="53"/>
      <c r="CA2644" s="53"/>
      <c r="CB2644" s="53">
        <v>9185.2866242038108</v>
      </c>
      <c r="CC2644" s="53">
        <v>9185.2866242038108</v>
      </c>
      <c r="CD2644" s="53">
        <v>9185.2866242038108</v>
      </c>
      <c r="CE2644" s="53">
        <v>9185.2866242038108</v>
      </c>
      <c r="CF2644" s="53">
        <v>9185.2866242038108</v>
      </c>
      <c r="CG2644" s="53">
        <v>9185.2866242038108</v>
      </c>
      <c r="CH2644" s="53">
        <v>9185.2866242038108</v>
      </c>
      <c r="CI2644" s="53">
        <v>9185.2866242038108</v>
      </c>
      <c r="CJ2644" s="53">
        <v>9185.2866242038108</v>
      </c>
      <c r="CK2644" s="53">
        <v>9185.2866242038108</v>
      </c>
      <c r="CL2644" s="53">
        <v>9185.2866242038108</v>
      </c>
      <c r="CM2644" s="53">
        <v>9185.2866242038108</v>
      </c>
      <c r="CN2644" s="53">
        <v>110223.439490445</v>
      </c>
    </row>
    <row r="2645" spans="1:92" outlineLevel="1">
      <c r="A2645" s="52" t="s">
        <v>724</v>
      </c>
      <c r="B2645" s="53">
        <v>13370.822185970599</v>
      </c>
      <c r="C2645" s="53">
        <v>13370.822185970599</v>
      </c>
      <c r="D2645" s="53">
        <v>13370.822185970599</v>
      </c>
      <c r="E2645" s="53">
        <v>13370.822185970599</v>
      </c>
      <c r="F2645" s="53">
        <v>13370.822185970599</v>
      </c>
      <c r="G2645" s="53">
        <v>13370.822185970599</v>
      </c>
      <c r="H2645" s="53">
        <v>13370.822185970599</v>
      </c>
      <c r="I2645" s="53">
        <v>13370.822185970599</v>
      </c>
      <c r="J2645" s="53">
        <v>13370.822185970599</v>
      </c>
      <c r="K2645" s="53">
        <v>13370.822185970599</v>
      </c>
      <c r="L2645" s="53">
        <v>13370.822185970599</v>
      </c>
      <c r="M2645" s="53">
        <v>13370.822185970599</v>
      </c>
      <c r="N2645" s="53">
        <v>160449.866231647</v>
      </c>
      <c r="O2645" s="53">
        <v>13370.822185970599</v>
      </c>
      <c r="P2645" s="53">
        <v>13370.822185970599</v>
      </c>
      <c r="Q2645" s="53">
        <v>13370.822185970599</v>
      </c>
      <c r="R2645" s="53">
        <v>13370.822185970599</v>
      </c>
      <c r="S2645" s="53">
        <v>13370.822185970599</v>
      </c>
      <c r="T2645" s="53">
        <v>13370.822185970599</v>
      </c>
      <c r="U2645" s="53">
        <v>13370.822185970599</v>
      </c>
      <c r="V2645" s="53">
        <v>13370.822185970599</v>
      </c>
      <c r="W2645" s="53">
        <v>13370.822185970599</v>
      </c>
      <c r="X2645" s="53">
        <v>13370.822185970599</v>
      </c>
      <c r="Y2645" s="53">
        <v>13370.822185970599</v>
      </c>
      <c r="Z2645" s="53">
        <v>13370.822185970599</v>
      </c>
      <c r="AA2645" s="53">
        <v>160449.866231647</v>
      </c>
      <c r="AB2645" s="53">
        <v>13370.822185970599</v>
      </c>
      <c r="AC2645" s="53">
        <v>13370.822185970599</v>
      </c>
      <c r="AD2645" s="53">
        <v>13370.822185970599</v>
      </c>
      <c r="AE2645" s="53">
        <v>13370.822185970599</v>
      </c>
      <c r="AF2645" s="53">
        <v>13370.822185970599</v>
      </c>
      <c r="AG2645" s="53">
        <v>13370.822185970599</v>
      </c>
      <c r="AH2645" s="53">
        <v>13370.822185970599</v>
      </c>
      <c r="AI2645" s="53">
        <v>13370.822185970599</v>
      </c>
      <c r="AJ2645" s="53">
        <v>13370.822185970599</v>
      </c>
      <c r="AK2645" s="53">
        <v>13370.822185970599</v>
      </c>
      <c r="AL2645" s="53">
        <v>13370.822185970599</v>
      </c>
      <c r="AM2645" s="53">
        <v>13370.822185970599</v>
      </c>
      <c r="AN2645" s="53">
        <v>160449.866231647</v>
      </c>
      <c r="AO2645" s="53">
        <v>13370.822185970599</v>
      </c>
      <c r="AP2645" s="53">
        <v>13370.822185970599</v>
      </c>
      <c r="AQ2645" s="53">
        <v>13370.822185970599</v>
      </c>
      <c r="AR2645" s="53">
        <v>13370.822185970599</v>
      </c>
      <c r="AS2645" s="53">
        <v>13370.822185970599</v>
      </c>
      <c r="AT2645" s="53">
        <v>13370.822185970599</v>
      </c>
      <c r="AU2645" s="53">
        <v>13370.822185970599</v>
      </c>
      <c r="AV2645" s="53">
        <v>13370.822185970599</v>
      </c>
      <c r="AW2645" s="53">
        <v>13370.822185970599</v>
      </c>
      <c r="AX2645" s="53">
        <v>13370.822185970599</v>
      </c>
      <c r="AY2645" s="53">
        <v>13370.822185970599</v>
      </c>
      <c r="AZ2645" s="53">
        <v>13370.822185970599</v>
      </c>
      <c r="BA2645" s="53">
        <v>160449.866231647</v>
      </c>
      <c r="BB2645" s="53">
        <v>13370.822185970599</v>
      </c>
      <c r="BC2645" s="53">
        <v>13370.822185970599</v>
      </c>
      <c r="BD2645" s="53">
        <v>13370.822185970599</v>
      </c>
      <c r="BE2645" s="53">
        <v>13370.822185970599</v>
      </c>
      <c r="BF2645" s="53">
        <v>13370.822185970599</v>
      </c>
      <c r="BG2645" s="53">
        <v>13370.822185970599</v>
      </c>
      <c r="BH2645" s="53">
        <v>13370.822185970599</v>
      </c>
      <c r="BI2645" s="53">
        <v>13370.822185970599</v>
      </c>
      <c r="BJ2645" s="53">
        <v>13370.822185970599</v>
      </c>
      <c r="BK2645" s="53">
        <v>13370.822185970599</v>
      </c>
      <c r="BL2645" s="53">
        <v>13370.822185970599</v>
      </c>
      <c r="BM2645" s="53">
        <v>13370.822185970599</v>
      </c>
      <c r="BN2645" s="53">
        <v>160449.866231647</v>
      </c>
      <c r="BO2645" s="53">
        <v>13370.822185970599</v>
      </c>
      <c r="BP2645" s="53">
        <v>13370.822185970599</v>
      </c>
      <c r="BQ2645" s="53">
        <v>13370.822185970599</v>
      </c>
      <c r="BR2645" s="53">
        <v>13370.822185970599</v>
      </c>
      <c r="BS2645" s="53">
        <v>13370.822185970599</v>
      </c>
      <c r="BT2645" s="53">
        <v>13370.822185970599</v>
      </c>
      <c r="BU2645" s="53">
        <v>13370.822185970599</v>
      </c>
      <c r="BV2645" s="53">
        <v>13370.822185970599</v>
      </c>
      <c r="BW2645" s="53">
        <v>13370.822185970599</v>
      </c>
      <c r="BX2645" s="53">
        <v>13370.822185970599</v>
      </c>
      <c r="BY2645" s="53">
        <v>13370.822185970599</v>
      </c>
      <c r="BZ2645" s="53">
        <v>13370.822185970599</v>
      </c>
      <c r="CA2645" s="53">
        <v>160449.866231647</v>
      </c>
      <c r="CB2645" s="53">
        <v>3087.3789473684201</v>
      </c>
      <c r="CC2645" s="53">
        <v>3087.3789473684201</v>
      </c>
      <c r="CD2645" s="53">
        <v>3087.3789473684201</v>
      </c>
      <c r="CE2645" s="53">
        <v>3087.3789473684201</v>
      </c>
      <c r="CF2645" s="53">
        <v>3087.3789473684201</v>
      </c>
      <c r="CG2645" s="53">
        <v>3087.3789473684201</v>
      </c>
      <c r="CH2645" s="53">
        <v>3087.3789473684201</v>
      </c>
      <c r="CI2645" s="53">
        <v>3087.3789473684201</v>
      </c>
      <c r="CJ2645" s="53">
        <v>3087.3789473684201</v>
      </c>
      <c r="CK2645" s="53">
        <v>3087.3789473684201</v>
      </c>
      <c r="CL2645" s="53">
        <v>3087.3789473684201</v>
      </c>
      <c r="CM2645" s="53">
        <v>3087.3789473684201</v>
      </c>
      <c r="CN2645" s="53">
        <v>37048.547368421001</v>
      </c>
    </row>
    <row r="2646" spans="1:92" outlineLevel="1">
      <c r="A2646" s="52" t="s">
        <v>725</v>
      </c>
      <c r="B2646" s="53">
        <v>44991.8796992481</v>
      </c>
      <c r="C2646" s="53">
        <v>44991.8796992481</v>
      </c>
      <c r="D2646" s="53">
        <v>44991.8796992481</v>
      </c>
      <c r="E2646" s="53">
        <v>44991.8796992481</v>
      </c>
      <c r="F2646" s="53">
        <v>44991.8796992481</v>
      </c>
      <c r="G2646" s="53">
        <v>44991.8796992481</v>
      </c>
      <c r="H2646" s="53">
        <v>44991.8796992481</v>
      </c>
      <c r="I2646" s="53">
        <v>44991.8796992481</v>
      </c>
      <c r="J2646" s="53">
        <v>44991.8796992481</v>
      </c>
      <c r="K2646" s="53">
        <v>44991.8796992481</v>
      </c>
      <c r="L2646" s="53">
        <v>44991.8796992481</v>
      </c>
      <c r="M2646" s="53">
        <v>44991.8796992481</v>
      </c>
      <c r="N2646" s="53">
        <v>539902.556390977</v>
      </c>
      <c r="O2646" s="53">
        <v>44991.8796992481</v>
      </c>
      <c r="P2646" s="53">
        <v>44991.8796992481</v>
      </c>
      <c r="Q2646" s="53">
        <v>44991.8796992481</v>
      </c>
      <c r="R2646" s="53">
        <v>44991.8796992481</v>
      </c>
      <c r="S2646" s="53">
        <v>44991.8796992481</v>
      </c>
      <c r="T2646" s="53">
        <v>44991.8796992481</v>
      </c>
      <c r="U2646" s="53">
        <v>44991.8796992481</v>
      </c>
      <c r="V2646" s="53">
        <v>44991.8796992481</v>
      </c>
      <c r="W2646" s="53">
        <v>44991.8796992481</v>
      </c>
      <c r="X2646" s="53">
        <v>44991.8796992481</v>
      </c>
      <c r="Y2646" s="53">
        <v>44991.8796992481</v>
      </c>
      <c r="Z2646" s="53">
        <v>44991.8796992481</v>
      </c>
      <c r="AA2646" s="53">
        <v>539902.556390977</v>
      </c>
      <c r="AB2646" s="53">
        <v>44991.8796992481</v>
      </c>
      <c r="AC2646" s="53">
        <v>44991.8796992481</v>
      </c>
      <c r="AD2646" s="53">
        <v>44991.8796992481</v>
      </c>
      <c r="AE2646" s="53">
        <v>44991.8796992481</v>
      </c>
      <c r="AF2646" s="53">
        <v>44991.8796992481</v>
      </c>
      <c r="AG2646" s="53">
        <v>44991.8796992481</v>
      </c>
      <c r="AH2646" s="53">
        <v>44991.8796992481</v>
      </c>
      <c r="AI2646" s="53">
        <v>44991.8796992481</v>
      </c>
      <c r="AJ2646" s="53">
        <v>44991.8796992481</v>
      </c>
      <c r="AK2646" s="53">
        <v>44991.8796992481</v>
      </c>
      <c r="AL2646" s="53">
        <v>44991.8796992481</v>
      </c>
      <c r="AM2646" s="53">
        <v>44991.8796992481</v>
      </c>
      <c r="AN2646" s="53">
        <v>539902.556390977</v>
      </c>
      <c r="AO2646" s="53">
        <v>44991.8796992481</v>
      </c>
      <c r="AP2646" s="53">
        <v>44991.8796992481</v>
      </c>
      <c r="AQ2646" s="53">
        <v>44991.8796992481</v>
      </c>
      <c r="AR2646" s="53">
        <v>44991.8796992481</v>
      </c>
      <c r="AS2646" s="53">
        <v>44991.8796992481</v>
      </c>
      <c r="AT2646" s="53">
        <v>44991.8796992481</v>
      </c>
      <c r="AU2646" s="53">
        <v>44991.8796992481</v>
      </c>
      <c r="AV2646" s="53">
        <v>44991.8796992481</v>
      </c>
      <c r="AW2646" s="53">
        <v>44991.8796992481</v>
      </c>
      <c r="AX2646" s="53">
        <v>44991.8796992481</v>
      </c>
      <c r="AY2646" s="53">
        <v>44991.8796992481</v>
      </c>
      <c r="AZ2646" s="53">
        <v>44991.8796992481</v>
      </c>
      <c r="BA2646" s="53">
        <v>539902.556390977</v>
      </c>
      <c r="BB2646" s="53">
        <v>44991.8796992481</v>
      </c>
      <c r="BC2646" s="53">
        <v>44991.8796992481</v>
      </c>
      <c r="BD2646" s="53">
        <v>44991.8796992481</v>
      </c>
      <c r="BE2646" s="53">
        <v>44991.8796992481</v>
      </c>
      <c r="BF2646" s="53">
        <v>44991.8796992481</v>
      </c>
      <c r="BG2646" s="53">
        <v>44991.8796992481</v>
      </c>
      <c r="BH2646" s="53">
        <v>44991.8796992481</v>
      </c>
      <c r="BI2646" s="53">
        <v>44991.8796992481</v>
      </c>
      <c r="BJ2646" s="53">
        <v>44991.8796992481</v>
      </c>
      <c r="BK2646" s="53">
        <v>44991.8796992481</v>
      </c>
      <c r="BL2646" s="53">
        <v>44991.8796992481</v>
      </c>
      <c r="BM2646" s="53">
        <v>44991.8796992481</v>
      </c>
      <c r="BN2646" s="53">
        <v>539902.556390977</v>
      </c>
      <c r="BO2646" s="53">
        <v>44991.8796992481</v>
      </c>
      <c r="BP2646" s="53">
        <v>44991.8796992481</v>
      </c>
      <c r="BQ2646" s="53">
        <v>44991.8796992481</v>
      </c>
      <c r="BR2646" s="53">
        <v>44991.8796992481</v>
      </c>
      <c r="BS2646" s="53">
        <v>44991.8796992481</v>
      </c>
      <c r="BT2646" s="53">
        <v>44991.8796992481</v>
      </c>
      <c r="BU2646" s="53">
        <v>22495.939849623999</v>
      </c>
      <c r="BV2646" s="53"/>
      <c r="BW2646" s="53"/>
      <c r="BX2646" s="53"/>
      <c r="BY2646" s="53"/>
      <c r="BZ2646" s="53"/>
      <c r="CA2646" s="53">
        <v>292447.21804511198</v>
      </c>
      <c r="CB2646" s="53">
        <v>5700.3251231527001</v>
      </c>
      <c r="CC2646" s="53">
        <v>5700.3251231527101</v>
      </c>
      <c r="CD2646" s="53">
        <v>5700.3251231527001</v>
      </c>
      <c r="CE2646" s="53">
        <v>5700.3251231527101</v>
      </c>
      <c r="CF2646" s="53">
        <v>5700.3251231527101</v>
      </c>
      <c r="CG2646" s="53">
        <v>5700.3251231527101</v>
      </c>
      <c r="CH2646" s="53">
        <v>5700.3251231527101</v>
      </c>
      <c r="CI2646" s="53">
        <v>5700.3251231527101</v>
      </c>
      <c r="CJ2646" s="53">
        <v>5700.3251231527101</v>
      </c>
      <c r="CK2646" s="53">
        <v>5700.3251231527101</v>
      </c>
      <c r="CL2646" s="53">
        <v>5700.3251231527101</v>
      </c>
      <c r="CM2646" s="53">
        <v>5700.3251231527101</v>
      </c>
      <c r="CN2646" s="53">
        <v>68403.901477832507</v>
      </c>
    </row>
    <row r="2647" spans="1:92">
      <c r="A2647" s="52" t="s">
        <v>726</v>
      </c>
      <c r="B2647" s="53">
        <v>52157.240963855402</v>
      </c>
      <c r="C2647" s="53">
        <v>52157.240963855402</v>
      </c>
      <c r="D2647" s="53">
        <v>52157.240963855402</v>
      </c>
      <c r="E2647" s="53">
        <v>52157.240963855402</v>
      </c>
      <c r="F2647" s="53">
        <v>52157.240963855402</v>
      </c>
      <c r="G2647" s="53">
        <v>52157.240963855402</v>
      </c>
      <c r="H2647" s="53">
        <v>52157.240963855402</v>
      </c>
      <c r="I2647" s="53">
        <v>52157.240963855402</v>
      </c>
      <c r="J2647" s="53">
        <v>52157.240963855402</v>
      </c>
      <c r="K2647" s="53">
        <v>52157.240963855402</v>
      </c>
      <c r="L2647" s="53">
        <v>52157.240963855402</v>
      </c>
      <c r="M2647" s="53">
        <v>52157.240963855402</v>
      </c>
      <c r="N2647" s="53">
        <v>625886.89156626503</v>
      </c>
      <c r="O2647" s="53">
        <v>52157.240963855402</v>
      </c>
      <c r="P2647" s="53">
        <v>52157.240963855402</v>
      </c>
      <c r="Q2647" s="53">
        <v>52157.240963855402</v>
      </c>
      <c r="R2647" s="53">
        <v>52157.240963855402</v>
      </c>
      <c r="S2647" s="53">
        <v>52157.240963855402</v>
      </c>
      <c r="T2647" s="53">
        <v>52157.240963855402</v>
      </c>
      <c r="U2647" s="53">
        <v>52157.240963855402</v>
      </c>
      <c r="V2647" s="53">
        <v>52157.240963855402</v>
      </c>
      <c r="W2647" s="53">
        <v>52157.240963855402</v>
      </c>
      <c r="X2647" s="53">
        <v>52157.240963855402</v>
      </c>
      <c r="Y2647" s="53">
        <v>52157.240963855402</v>
      </c>
      <c r="Z2647" s="53">
        <v>52157.240963855402</v>
      </c>
      <c r="AA2647" s="53">
        <v>625886.89156626503</v>
      </c>
      <c r="AB2647" s="53">
        <v>52157.240963855402</v>
      </c>
      <c r="AC2647" s="53">
        <v>52157.240963855402</v>
      </c>
      <c r="AD2647" s="53">
        <v>52157.240963855402</v>
      </c>
      <c r="AE2647" s="53">
        <v>52157.240963855402</v>
      </c>
      <c r="AF2647" s="53">
        <v>52157.240963855402</v>
      </c>
      <c r="AG2647" s="53">
        <v>52157.240963855402</v>
      </c>
      <c r="AH2647" s="53">
        <v>52157.240963855402</v>
      </c>
      <c r="AI2647" s="53">
        <v>52157.240963855402</v>
      </c>
      <c r="AJ2647" s="53">
        <v>52157.240963855402</v>
      </c>
      <c r="AK2647" s="53">
        <v>52157.240963855402</v>
      </c>
      <c r="AL2647" s="53">
        <v>52157.240963855402</v>
      </c>
      <c r="AM2647" s="53">
        <v>52157.240963855402</v>
      </c>
      <c r="AN2647" s="53">
        <v>625886.89156626503</v>
      </c>
      <c r="AO2647" s="53">
        <v>52157.240963855402</v>
      </c>
      <c r="AP2647" s="53">
        <v>52157.240963855402</v>
      </c>
      <c r="AQ2647" s="53">
        <v>52157.240963855402</v>
      </c>
      <c r="AR2647" s="53">
        <v>52157.240963855402</v>
      </c>
      <c r="AS2647" s="53">
        <v>52157.240963855402</v>
      </c>
      <c r="AT2647" s="53">
        <v>52157.240963855402</v>
      </c>
      <c r="AU2647" s="53">
        <v>52157.240963855402</v>
      </c>
      <c r="AV2647" s="53">
        <v>52157.240963855402</v>
      </c>
      <c r="AW2647" s="53">
        <v>52157.240963855402</v>
      </c>
      <c r="AX2647" s="53">
        <v>52157.240963855402</v>
      </c>
      <c r="AY2647" s="53">
        <v>52157.240963855402</v>
      </c>
      <c r="AZ2647" s="53">
        <v>52157.240963855402</v>
      </c>
      <c r="BA2647" s="53">
        <v>625886.89156626503</v>
      </c>
      <c r="BB2647" s="53">
        <v>52157.240963855402</v>
      </c>
      <c r="BC2647" s="53">
        <v>52157.240963855402</v>
      </c>
      <c r="BD2647" s="53">
        <v>52157.240963855402</v>
      </c>
      <c r="BE2647" s="53">
        <v>52157.240963855402</v>
      </c>
      <c r="BF2647" s="53">
        <v>52157.240963855402</v>
      </c>
      <c r="BG2647" s="53">
        <v>52157.240963855402</v>
      </c>
      <c r="BH2647" s="53">
        <v>52157.240963855402</v>
      </c>
      <c r="BI2647" s="53">
        <v>52157.240963855402</v>
      </c>
      <c r="BJ2647" s="53">
        <v>52157.240963855402</v>
      </c>
      <c r="BK2647" s="53">
        <v>52157.240963855402</v>
      </c>
      <c r="BL2647" s="53">
        <v>52157.240963855402</v>
      </c>
      <c r="BM2647" s="53">
        <v>52157.240963855402</v>
      </c>
      <c r="BN2647" s="53">
        <v>625886.89156626503</v>
      </c>
      <c r="BO2647" s="53">
        <v>52157.240963855402</v>
      </c>
      <c r="BP2647" s="53">
        <v>52157.240963855402</v>
      </c>
      <c r="BQ2647" s="53">
        <v>52157.240963855402</v>
      </c>
      <c r="BR2647" s="53">
        <v>52157.240963855402</v>
      </c>
      <c r="BS2647" s="53">
        <v>52157.240963855402</v>
      </c>
      <c r="BT2647" s="53">
        <v>52157.240963855402</v>
      </c>
      <c r="BU2647" s="53">
        <v>52157.240963855402</v>
      </c>
      <c r="BV2647" s="53">
        <v>52157.240963855402</v>
      </c>
      <c r="BW2647" s="53">
        <v>52157.240963855402</v>
      </c>
      <c r="BX2647" s="53">
        <v>52157.240963855402</v>
      </c>
      <c r="BY2647" s="53">
        <v>52157.240963855402</v>
      </c>
      <c r="BZ2647" s="53">
        <v>52157.240963855402</v>
      </c>
      <c r="CA2647" s="53">
        <v>625886.89156626503</v>
      </c>
      <c r="CB2647" s="53">
        <v>8149.6234309623196</v>
      </c>
      <c r="CC2647" s="53">
        <v>8149.6234309623196</v>
      </c>
      <c r="CD2647" s="53">
        <v>8149.6234309623196</v>
      </c>
      <c r="CE2647" s="53">
        <v>8149.6234309623196</v>
      </c>
      <c r="CF2647" s="53">
        <v>8149.6234309623196</v>
      </c>
      <c r="CG2647" s="53">
        <v>8149.6234309623196</v>
      </c>
      <c r="CH2647" s="53">
        <v>8149.6234309623196</v>
      </c>
      <c r="CI2647" s="53">
        <v>8149.6234309623196</v>
      </c>
      <c r="CJ2647" s="53">
        <v>8149.6234309623196</v>
      </c>
      <c r="CK2647" s="53">
        <v>8149.6234309623196</v>
      </c>
      <c r="CL2647" s="53">
        <v>8149.6234309623196</v>
      </c>
      <c r="CM2647" s="53">
        <v>8149.6234309623196</v>
      </c>
      <c r="CN2647" s="53">
        <v>97795.481171547799</v>
      </c>
    </row>
    <row r="2648" spans="1:92">
      <c r="A2648" s="52" t="s">
        <v>728</v>
      </c>
      <c r="B2648" s="53">
        <v>38996.0446927374</v>
      </c>
      <c r="C2648" s="53">
        <v>38996.0446927374</v>
      </c>
      <c r="D2648" s="53">
        <v>38996.0446927374</v>
      </c>
      <c r="E2648" s="53">
        <v>38996.0446927374</v>
      </c>
      <c r="F2648" s="53">
        <v>38996.0446927374</v>
      </c>
      <c r="G2648" s="53">
        <v>38996.0446927374</v>
      </c>
      <c r="H2648" s="53">
        <v>38996.0446927374</v>
      </c>
      <c r="I2648" s="53">
        <v>38996.0446927374</v>
      </c>
      <c r="J2648" s="53">
        <v>38996.0446927374</v>
      </c>
      <c r="K2648" s="53">
        <v>38996.0446927374</v>
      </c>
      <c r="L2648" s="53">
        <v>38996.0446927374</v>
      </c>
      <c r="M2648" s="53">
        <v>38996.0446927374</v>
      </c>
      <c r="N2648" s="53">
        <v>467952.53631284903</v>
      </c>
      <c r="O2648" s="53">
        <v>38996.0446927374</v>
      </c>
      <c r="P2648" s="53">
        <v>38996.0446927374</v>
      </c>
      <c r="Q2648" s="53">
        <v>38996.0446927374</v>
      </c>
      <c r="R2648" s="53">
        <v>38996.0446927374</v>
      </c>
      <c r="S2648" s="53">
        <v>38996.0446927374</v>
      </c>
      <c r="T2648" s="53">
        <v>38996.0446927374</v>
      </c>
      <c r="U2648" s="53">
        <v>38996.0446927374</v>
      </c>
      <c r="V2648" s="53">
        <v>38996.0446927374</v>
      </c>
      <c r="W2648" s="53">
        <v>38996.0446927374</v>
      </c>
      <c r="X2648" s="53">
        <v>38996.0446927374</v>
      </c>
      <c r="Y2648" s="53">
        <v>38996.0446927374</v>
      </c>
      <c r="Z2648" s="53">
        <v>38996.044692737298</v>
      </c>
      <c r="AA2648" s="53">
        <v>467952.53631284798</v>
      </c>
      <c r="AB2648" s="53">
        <v>38996.044692737298</v>
      </c>
      <c r="AC2648" s="53">
        <v>38996.044692737298</v>
      </c>
      <c r="AD2648" s="53">
        <v>38996.044692737298</v>
      </c>
      <c r="AE2648" s="53">
        <v>38996.044692737298</v>
      </c>
      <c r="AF2648" s="53">
        <v>38996.044692737298</v>
      </c>
      <c r="AG2648" s="53">
        <v>38996.044692737298</v>
      </c>
      <c r="AH2648" s="53">
        <v>38996.044692737298</v>
      </c>
      <c r="AI2648" s="53">
        <v>38996.044692737298</v>
      </c>
      <c r="AJ2648" s="53">
        <v>38996.044692737298</v>
      </c>
      <c r="AK2648" s="53">
        <v>38996.044692737298</v>
      </c>
      <c r="AL2648" s="53">
        <v>38996.044692737298</v>
      </c>
      <c r="AM2648" s="53">
        <v>38996.044692737298</v>
      </c>
      <c r="AN2648" s="53">
        <v>467952.53631284798</v>
      </c>
      <c r="AO2648" s="53">
        <v>38996.044692737298</v>
      </c>
      <c r="AP2648" s="53">
        <v>38996.044692737298</v>
      </c>
      <c r="AQ2648" s="53">
        <v>38996.044692737298</v>
      </c>
      <c r="AR2648" s="53">
        <v>38996.044692737298</v>
      </c>
      <c r="AS2648" s="53">
        <v>38996.044692737298</v>
      </c>
      <c r="AT2648" s="53">
        <v>38996.044692737298</v>
      </c>
      <c r="AU2648" s="53">
        <v>38996.044692737298</v>
      </c>
      <c r="AV2648" s="53">
        <v>38996.044692737298</v>
      </c>
      <c r="AW2648" s="53">
        <v>38996.044692737298</v>
      </c>
      <c r="AX2648" s="53">
        <v>38996.044692737298</v>
      </c>
      <c r="AY2648" s="53">
        <v>38996.044692737298</v>
      </c>
      <c r="AZ2648" s="53">
        <v>38996.044692737298</v>
      </c>
      <c r="BA2648" s="53">
        <v>467952.53631284798</v>
      </c>
      <c r="BB2648" s="53">
        <v>38996.044692737298</v>
      </c>
      <c r="BC2648" s="53">
        <v>38996.044692737298</v>
      </c>
      <c r="BD2648" s="53">
        <v>38996.044692737298</v>
      </c>
      <c r="BE2648" s="53">
        <v>38996.044692737298</v>
      </c>
      <c r="BF2648" s="53">
        <v>38996.044692737298</v>
      </c>
      <c r="BG2648" s="53">
        <v>38996.044692737298</v>
      </c>
      <c r="BH2648" s="53">
        <v>38996.044692737298</v>
      </c>
      <c r="BI2648" s="53">
        <v>38996.044692737298</v>
      </c>
      <c r="BJ2648" s="53">
        <v>38996.044692737298</v>
      </c>
      <c r="BK2648" s="53">
        <v>38996.044692737298</v>
      </c>
      <c r="BL2648" s="53">
        <v>38996.044692737298</v>
      </c>
      <c r="BM2648" s="53">
        <v>38996.044692737298</v>
      </c>
      <c r="BN2648" s="53">
        <v>467952.53631284798</v>
      </c>
      <c r="BO2648" s="53">
        <v>38996.044692737298</v>
      </c>
      <c r="BP2648" s="53">
        <v>38996.044692737298</v>
      </c>
      <c r="BQ2648" s="53">
        <v>38996.0446927374</v>
      </c>
      <c r="BR2648" s="53">
        <v>38996.0446927374</v>
      </c>
      <c r="BS2648" s="53">
        <v>38996.0446927374</v>
      </c>
      <c r="BT2648" s="53">
        <v>38996.0446927374</v>
      </c>
      <c r="BU2648" s="53">
        <v>38996.0446927374</v>
      </c>
      <c r="BV2648" s="53">
        <v>38996.0446927374</v>
      </c>
      <c r="BW2648" s="53">
        <v>38996.0446927374</v>
      </c>
      <c r="BX2648" s="53">
        <v>38996.0446927374</v>
      </c>
      <c r="BY2648" s="53">
        <v>38996.044692737298</v>
      </c>
      <c r="BZ2648" s="53">
        <v>38996.0446927374</v>
      </c>
      <c r="CA2648" s="53">
        <v>467952.53631284798</v>
      </c>
      <c r="CB2648" s="53">
        <v>7907.1043115438297</v>
      </c>
      <c r="CC2648" s="53">
        <v>7907.1043115438297</v>
      </c>
      <c r="CD2648" s="53">
        <v>7907.1043115438297</v>
      </c>
      <c r="CE2648" s="53">
        <v>7907.1043115438297</v>
      </c>
      <c r="CF2648" s="53">
        <v>7907.1043115438297</v>
      </c>
      <c r="CG2648" s="53">
        <v>7907.1043115438297</v>
      </c>
      <c r="CH2648" s="53">
        <v>7907.1043115438297</v>
      </c>
      <c r="CI2648" s="53">
        <v>7907.1043115438297</v>
      </c>
      <c r="CJ2648" s="53">
        <v>7907.1043115438297</v>
      </c>
      <c r="CK2648" s="53">
        <v>7907.1043115438297</v>
      </c>
      <c r="CL2648" s="53">
        <v>7907.1043115438297</v>
      </c>
      <c r="CM2648" s="53">
        <v>7907.1043115438397</v>
      </c>
      <c r="CN2648" s="53">
        <v>94885.251738526</v>
      </c>
    </row>
    <row r="2649" spans="1:92">
      <c r="A2649" s="52" t="s">
        <v>729</v>
      </c>
      <c r="B2649" s="53">
        <v>48595.5162790697</v>
      </c>
      <c r="C2649" s="53">
        <v>48595.5162790697</v>
      </c>
      <c r="D2649" s="53">
        <v>48595.5162790697</v>
      </c>
      <c r="E2649" s="53">
        <v>48595.5162790697</v>
      </c>
      <c r="F2649" s="53">
        <v>48595.5162790697</v>
      </c>
      <c r="G2649" s="53">
        <v>48595.5162790697</v>
      </c>
      <c r="H2649" s="53">
        <v>48595.5162790697</v>
      </c>
      <c r="I2649" s="53">
        <v>48595.5162790697</v>
      </c>
      <c r="J2649" s="53">
        <v>48595.5162790697</v>
      </c>
      <c r="K2649" s="53">
        <v>48595.5162790697</v>
      </c>
      <c r="L2649" s="53">
        <v>48595.5162790697</v>
      </c>
      <c r="M2649" s="53">
        <v>48595.5162790697</v>
      </c>
      <c r="N2649" s="53">
        <v>583146.19534883695</v>
      </c>
      <c r="O2649" s="53">
        <v>48595.5162790697</v>
      </c>
      <c r="P2649" s="53">
        <v>48595.5162790697</v>
      </c>
      <c r="Q2649" s="53">
        <v>48595.5162790697</v>
      </c>
      <c r="R2649" s="53">
        <v>48595.5162790697</v>
      </c>
      <c r="S2649" s="53">
        <v>48595.5162790697</v>
      </c>
      <c r="T2649" s="53">
        <v>48595.5162790697</v>
      </c>
      <c r="U2649" s="53">
        <v>48595.5162790697</v>
      </c>
      <c r="V2649" s="53">
        <v>48595.5162790697</v>
      </c>
      <c r="W2649" s="53">
        <v>48595.5162790697</v>
      </c>
      <c r="X2649" s="53">
        <v>48595.5162790697</v>
      </c>
      <c r="Y2649" s="53">
        <v>48595.5162790697</v>
      </c>
      <c r="Z2649" s="53">
        <v>48595.5162790697</v>
      </c>
      <c r="AA2649" s="53">
        <v>583146.19534883695</v>
      </c>
      <c r="AB2649" s="53">
        <v>48595.516279069801</v>
      </c>
      <c r="AC2649" s="53">
        <v>48595.516279069801</v>
      </c>
      <c r="AD2649" s="53">
        <v>48595.516279069801</v>
      </c>
      <c r="AE2649" s="53">
        <v>48595.516279069801</v>
      </c>
      <c r="AF2649" s="53">
        <v>48595.516279069801</v>
      </c>
      <c r="AG2649" s="53">
        <v>48595.516279069801</v>
      </c>
      <c r="AH2649" s="53">
        <v>48595.516279069801</v>
      </c>
      <c r="AI2649" s="53">
        <v>48595.516279069801</v>
      </c>
      <c r="AJ2649" s="53">
        <v>48595.516279069801</v>
      </c>
      <c r="AK2649" s="53">
        <v>48595.516279069801</v>
      </c>
      <c r="AL2649" s="53">
        <v>48595.516279069801</v>
      </c>
      <c r="AM2649" s="53">
        <v>48595.516279069801</v>
      </c>
      <c r="AN2649" s="53">
        <v>583146.19534883695</v>
      </c>
      <c r="AO2649" s="53">
        <v>48595.516279069801</v>
      </c>
      <c r="AP2649" s="53">
        <v>48595.516279069801</v>
      </c>
      <c r="AQ2649" s="53">
        <v>48595.516279069801</v>
      </c>
      <c r="AR2649" s="53">
        <v>48595.516279069801</v>
      </c>
      <c r="AS2649" s="53">
        <v>48595.516279069801</v>
      </c>
      <c r="AT2649" s="53">
        <v>48595.516279069801</v>
      </c>
      <c r="AU2649" s="53">
        <v>48595.516279069801</v>
      </c>
      <c r="AV2649" s="53">
        <v>48595.516279069801</v>
      </c>
      <c r="AW2649" s="53">
        <v>48595.516279069801</v>
      </c>
      <c r="AX2649" s="53">
        <v>48595.516279069801</v>
      </c>
      <c r="AY2649" s="53">
        <v>48595.516279069801</v>
      </c>
      <c r="AZ2649" s="53">
        <v>48595.516279069801</v>
      </c>
      <c r="BA2649" s="53">
        <v>583146.19534883799</v>
      </c>
      <c r="BB2649" s="53">
        <v>48595.516279069801</v>
      </c>
      <c r="BC2649" s="53">
        <v>48595.516279069801</v>
      </c>
      <c r="BD2649" s="53">
        <v>48595.516279069801</v>
      </c>
      <c r="BE2649" s="53">
        <v>48595.516279069801</v>
      </c>
      <c r="BF2649" s="53">
        <v>48595.516279069801</v>
      </c>
      <c r="BG2649" s="53">
        <v>48595.516279069801</v>
      </c>
      <c r="BH2649" s="53">
        <v>48595.516279069801</v>
      </c>
      <c r="BI2649" s="53">
        <v>48595.516279069801</v>
      </c>
      <c r="BJ2649" s="53">
        <v>48595.516279069801</v>
      </c>
      <c r="BK2649" s="53">
        <v>48595.516279069801</v>
      </c>
      <c r="BL2649" s="53">
        <v>48595.516279069801</v>
      </c>
      <c r="BM2649" s="53">
        <v>48595.516279069801</v>
      </c>
      <c r="BN2649" s="53">
        <v>583146.19534883799</v>
      </c>
      <c r="BO2649" s="53">
        <v>48595.516279069801</v>
      </c>
      <c r="BP2649" s="53">
        <v>48595.516279069801</v>
      </c>
      <c r="BQ2649" s="53">
        <v>48595.516279069903</v>
      </c>
      <c r="BR2649" s="53">
        <v>48595.516279069801</v>
      </c>
      <c r="BS2649" s="53">
        <v>48595.516279069801</v>
      </c>
      <c r="BT2649" s="53">
        <v>48595.516279069801</v>
      </c>
      <c r="BU2649" s="53">
        <v>48595.516279069801</v>
      </c>
      <c r="BV2649" s="53">
        <v>48595.516279069801</v>
      </c>
      <c r="BW2649" s="53">
        <v>48595.516279069801</v>
      </c>
      <c r="BX2649" s="53">
        <v>48595.516279069801</v>
      </c>
      <c r="BY2649" s="53">
        <v>48595.516279069801</v>
      </c>
      <c r="BZ2649" s="53">
        <v>48595.516279069801</v>
      </c>
      <c r="CA2649" s="53">
        <v>583146.19534883799</v>
      </c>
      <c r="CB2649" s="53"/>
      <c r="CC2649" s="53"/>
      <c r="CD2649" s="53"/>
      <c r="CE2649" s="53"/>
      <c r="CF2649" s="53"/>
      <c r="CG2649" s="53"/>
      <c r="CH2649" s="53"/>
      <c r="CI2649" s="53"/>
      <c r="CJ2649" s="53"/>
      <c r="CK2649" s="53"/>
      <c r="CL2649" s="53"/>
      <c r="CM2649" s="53"/>
      <c r="CN2649" s="53"/>
    </row>
    <row r="2650" spans="1:92">
      <c r="A2650" s="52" t="s">
        <v>730</v>
      </c>
      <c r="B2650" s="53">
        <v>16652.086330935199</v>
      </c>
      <c r="C2650" s="53">
        <v>16652.086330935199</v>
      </c>
      <c r="D2650" s="53">
        <v>16652.086330935199</v>
      </c>
      <c r="E2650" s="53">
        <v>16652.086330935199</v>
      </c>
      <c r="F2650" s="53">
        <v>16652.086330935199</v>
      </c>
      <c r="G2650" s="53">
        <v>16652.086330935199</v>
      </c>
      <c r="H2650" s="53">
        <v>16652.086330935199</v>
      </c>
      <c r="I2650" s="53">
        <v>16652.086330935199</v>
      </c>
      <c r="J2650" s="53">
        <v>16652.086330935199</v>
      </c>
      <c r="K2650" s="53">
        <v>16652.086330935199</v>
      </c>
      <c r="L2650" s="53">
        <v>16652.086330935199</v>
      </c>
      <c r="M2650" s="53">
        <v>16652.086330935199</v>
      </c>
      <c r="N2650" s="53">
        <v>199825.035971223</v>
      </c>
      <c r="O2650" s="53">
        <v>16652.086330935199</v>
      </c>
      <c r="P2650" s="53">
        <v>16652.086330935199</v>
      </c>
      <c r="Q2650" s="53">
        <v>16652.086330935199</v>
      </c>
      <c r="R2650" s="53">
        <v>16652.086330935199</v>
      </c>
      <c r="S2650" s="53">
        <v>16652.086330935199</v>
      </c>
      <c r="T2650" s="53">
        <v>16652.086330935199</v>
      </c>
      <c r="U2650" s="53">
        <v>16652.086330935199</v>
      </c>
      <c r="V2650" s="53">
        <v>16652.086330935199</v>
      </c>
      <c r="W2650" s="53">
        <v>16652.086330935199</v>
      </c>
      <c r="X2650" s="53">
        <v>16652.086330935199</v>
      </c>
      <c r="Y2650" s="53">
        <v>16652.086330935199</v>
      </c>
      <c r="Z2650" s="53">
        <v>16652.086330935199</v>
      </c>
      <c r="AA2650" s="53">
        <v>199825.035971223</v>
      </c>
      <c r="AB2650" s="53">
        <v>16652.086330935199</v>
      </c>
      <c r="AC2650" s="53">
        <v>16652.086330935199</v>
      </c>
      <c r="AD2650" s="53">
        <v>16652.086330935199</v>
      </c>
      <c r="AE2650" s="53">
        <v>16652.086330935199</v>
      </c>
      <c r="AF2650" s="53">
        <v>16652.086330935199</v>
      </c>
      <c r="AG2650" s="53">
        <v>16652.086330935199</v>
      </c>
      <c r="AH2650" s="53">
        <v>16652.086330935199</v>
      </c>
      <c r="AI2650" s="53">
        <v>16652.086330935199</v>
      </c>
      <c r="AJ2650" s="53">
        <v>16652.086330935199</v>
      </c>
      <c r="AK2650" s="53">
        <v>16652.086330935199</v>
      </c>
      <c r="AL2650" s="53">
        <v>16652.086330935199</v>
      </c>
      <c r="AM2650" s="53">
        <v>16652.086330935199</v>
      </c>
      <c r="AN2650" s="53">
        <v>199825.035971223</v>
      </c>
      <c r="AO2650" s="53">
        <v>16652.086330935199</v>
      </c>
      <c r="AP2650" s="53">
        <v>16652.086330935199</v>
      </c>
      <c r="AQ2650" s="53">
        <v>16652.086330935199</v>
      </c>
      <c r="AR2650" s="53">
        <v>16652.086330935199</v>
      </c>
      <c r="AS2650" s="53">
        <v>16652.086330935199</v>
      </c>
      <c r="AT2650" s="53">
        <v>16652.086330935199</v>
      </c>
      <c r="AU2650" s="53">
        <v>16652.086330935199</v>
      </c>
      <c r="AV2650" s="53">
        <v>16652.086330935199</v>
      </c>
      <c r="AW2650" s="53">
        <v>16652.086330935199</v>
      </c>
      <c r="AX2650" s="53">
        <v>16652.086330935199</v>
      </c>
      <c r="AY2650" s="53">
        <v>16652.086330935199</v>
      </c>
      <c r="AZ2650" s="53">
        <v>16652.086330935199</v>
      </c>
      <c r="BA2650" s="53">
        <v>199825.035971223</v>
      </c>
      <c r="BB2650" s="53">
        <v>16652.086330935199</v>
      </c>
      <c r="BC2650" s="53">
        <v>16652.086330935199</v>
      </c>
      <c r="BD2650" s="53">
        <v>16652.086330935199</v>
      </c>
      <c r="BE2650" s="53">
        <v>16652.086330935199</v>
      </c>
      <c r="BF2650" s="53">
        <v>16652.086330935199</v>
      </c>
      <c r="BG2650" s="53">
        <v>16652.086330935199</v>
      </c>
      <c r="BH2650" s="53">
        <v>16652.086330935199</v>
      </c>
      <c r="BI2650" s="53">
        <v>16652.086330935199</v>
      </c>
      <c r="BJ2650" s="53">
        <v>16652.086330935199</v>
      </c>
      <c r="BK2650" s="53">
        <v>16652.086330935199</v>
      </c>
      <c r="BL2650" s="53">
        <v>16652.086330935199</v>
      </c>
      <c r="BM2650" s="53">
        <v>16652.086330935199</v>
      </c>
      <c r="BN2650" s="53">
        <v>199825.035971223</v>
      </c>
      <c r="BO2650" s="53">
        <v>16652.086330935199</v>
      </c>
      <c r="BP2650" s="53">
        <v>16652.086330935199</v>
      </c>
      <c r="BQ2650" s="53">
        <v>16652.086330935199</v>
      </c>
      <c r="BR2650" s="53">
        <v>16652.086330935199</v>
      </c>
      <c r="BS2650" s="53">
        <v>16652.086330935199</v>
      </c>
      <c r="BT2650" s="53">
        <v>16652.086330935199</v>
      </c>
      <c r="BU2650" s="53">
        <v>16652.086330935199</v>
      </c>
      <c r="BV2650" s="53">
        <v>16652.086330935199</v>
      </c>
      <c r="BW2650" s="53">
        <v>16652.086330935199</v>
      </c>
      <c r="BX2650" s="53">
        <v>16652.086330935199</v>
      </c>
      <c r="BY2650" s="53">
        <v>16652.086330935199</v>
      </c>
      <c r="BZ2650" s="53">
        <v>16652.086330935199</v>
      </c>
      <c r="CA2650" s="53">
        <v>199825.035971223</v>
      </c>
      <c r="CB2650" s="53"/>
      <c r="CC2650" s="53"/>
      <c r="CD2650" s="53"/>
      <c r="CE2650" s="53"/>
      <c r="CF2650" s="53"/>
      <c r="CG2650" s="53"/>
      <c r="CH2650" s="53"/>
      <c r="CI2650" s="53"/>
      <c r="CJ2650" s="53"/>
      <c r="CK2650" s="53"/>
      <c r="CL2650" s="53"/>
      <c r="CM2650" s="53"/>
      <c r="CN2650" s="53"/>
    </row>
    <row r="2651" spans="1:92">
      <c r="A2651" s="52" t="s">
        <v>1565</v>
      </c>
      <c r="B2651" s="53">
        <v>11698.0753138075</v>
      </c>
      <c r="C2651" s="53">
        <v>11698.0753138075</v>
      </c>
      <c r="D2651" s="53">
        <v>11698.0753138075</v>
      </c>
      <c r="E2651" s="53">
        <v>11698.0753138075</v>
      </c>
      <c r="F2651" s="53">
        <v>11698.0753138075</v>
      </c>
      <c r="G2651" s="53">
        <v>11698.0753138075</v>
      </c>
      <c r="H2651" s="53">
        <v>11698.0753138075</v>
      </c>
      <c r="I2651" s="53">
        <v>11698.0753138075</v>
      </c>
      <c r="J2651" s="53">
        <v>11698.0753138075</v>
      </c>
      <c r="K2651" s="53">
        <v>11698.0753138075</v>
      </c>
      <c r="L2651" s="53">
        <v>11698.0753138075</v>
      </c>
      <c r="M2651" s="53">
        <v>11698.0753138075</v>
      </c>
      <c r="N2651" s="53">
        <v>140376.90376568999</v>
      </c>
      <c r="O2651" s="53">
        <v>11698.0753138075</v>
      </c>
      <c r="P2651" s="53">
        <v>11698.0753138075</v>
      </c>
      <c r="Q2651" s="53">
        <v>11698.0753138075</v>
      </c>
      <c r="R2651" s="53">
        <v>11698.0753138075</v>
      </c>
      <c r="S2651" s="53">
        <v>11698.0753138075</v>
      </c>
      <c r="T2651" s="53">
        <v>11698.0753138075</v>
      </c>
      <c r="U2651" s="53">
        <v>11698.0753138075</v>
      </c>
      <c r="V2651" s="53">
        <v>11698.0753138075</v>
      </c>
      <c r="W2651" s="53">
        <v>11698.0753138075</v>
      </c>
      <c r="X2651" s="53">
        <v>11698.0753138075</v>
      </c>
      <c r="Y2651" s="53">
        <v>11698.0753138075</v>
      </c>
      <c r="Z2651" s="53">
        <v>11698.0753138075</v>
      </c>
      <c r="AA2651" s="53">
        <v>140376.90376568999</v>
      </c>
      <c r="AB2651" s="53">
        <v>11698.0753138075</v>
      </c>
      <c r="AC2651" s="53">
        <v>11698.0753138075</v>
      </c>
      <c r="AD2651" s="53">
        <v>11698.0753138075</v>
      </c>
      <c r="AE2651" s="53">
        <v>11698.0753138075</v>
      </c>
      <c r="AF2651" s="53">
        <v>11698.0753138075</v>
      </c>
      <c r="AG2651" s="53">
        <v>11698.0753138075</v>
      </c>
      <c r="AH2651" s="53">
        <v>11698.0753138075</v>
      </c>
      <c r="AI2651" s="53">
        <v>11698.0753138075</v>
      </c>
      <c r="AJ2651" s="53">
        <v>11698.0753138075</v>
      </c>
      <c r="AK2651" s="53">
        <v>11698.0753138075</v>
      </c>
      <c r="AL2651" s="53">
        <v>11698.0753138075</v>
      </c>
      <c r="AM2651" s="53">
        <v>11698.0753138075</v>
      </c>
      <c r="AN2651" s="53">
        <v>140376.90376568999</v>
      </c>
      <c r="AO2651" s="53">
        <v>11698.0753138075</v>
      </c>
      <c r="AP2651" s="53">
        <v>11698.0753138075</v>
      </c>
      <c r="AQ2651" s="53">
        <v>11698.0753138075</v>
      </c>
      <c r="AR2651" s="53">
        <v>11698.0753138075</v>
      </c>
      <c r="AS2651" s="53">
        <v>11698.0753138075</v>
      </c>
      <c r="AT2651" s="53">
        <v>11698.0753138075</v>
      </c>
      <c r="AU2651" s="53">
        <v>11698.0753138075</v>
      </c>
      <c r="AV2651" s="53">
        <v>11698.0753138075</v>
      </c>
      <c r="AW2651" s="53">
        <v>11698.0753138075</v>
      </c>
      <c r="AX2651" s="53">
        <v>11698.0753138075</v>
      </c>
      <c r="AY2651" s="53">
        <v>11698.0753138075</v>
      </c>
      <c r="AZ2651" s="53">
        <v>11698.0753138075</v>
      </c>
      <c r="BA2651" s="53">
        <v>140376.90376568999</v>
      </c>
      <c r="BB2651" s="53">
        <v>11698.0753138075</v>
      </c>
      <c r="BC2651" s="53">
        <v>11698.0753138075</v>
      </c>
      <c r="BD2651" s="53">
        <v>11698.0753138075</v>
      </c>
      <c r="BE2651" s="53">
        <v>11698.0753138075</v>
      </c>
      <c r="BF2651" s="53">
        <v>11698.0753138075</v>
      </c>
      <c r="BG2651" s="53">
        <v>11698.0753138075</v>
      </c>
      <c r="BH2651" s="53">
        <v>11698.0753138075</v>
      </c>
      <c r="BI2651" s="53">
        <v>11698.0753138075</v>
      </c>
      <c r="BJ2651" s="53">
        <v>11698.0753138075</v>
      </c>
      <c r="BK2651" s="53">
        <v>11698.0753138075</v>
      </c>
      <c r="BL2651" s="53">
        <v>11698.0753138075</v>
      </c>
      <c r="BM2651" s="53">
        <v>11698.0753138075</v>
      </c>
      <c r="BN2651" s="53">
        <v>140376.90376568999</v>
      </c>
      <c r="BO2651" s="53">
        <v>11698.0753138075</v>
      </c>
      <c r="BP2651" s="53">
        <v>11698.0753138075</v>
      </c>
      <c r="BQ2651" s="53">
        <v>11698.0753138075</v>
      </c>
      <c r="BR2651" s="53">
        <v>11698.0753138075</v>
      </c>
      <c r="BS2651" s="53">
        <v>11698.0753138075</v>
      </c>
      <c r="BT2651" s="53">
        <v>11698.0753138075</v>
      </c>
      <c r="BU2651" s="53">
        <v>11698.0753138075</v>
      </c>
      <c r="BV2651" s="53">
        <v>11698.0753138075</v>
      </c>
      <c r="BW2651" s="53">
        <v>11698.0753138075</v>
      </c>
      <c r="BX2651" s="53">
        <v>11698.0753138075</v>
      </c>
      <c r="BY2651" s="53">
        <v>11698.0753138075</v>
      </c>
      <c r="BZ2651" s="53">
        <v>11698.0753138075</v>
      </c>
      <c r="CA2651" s="53">
        <v>140376.90376568999</v>
      </c>
      <c r="CB2651" s="53">
        <v>650000000</v>
      </c>
      <c r="CC2651" s="53"/>
      <c r="CD2651" s="53"/>
      <c r="CE2651" s="53"/>
      <c r="CF2651" s="53"/>
      <c r="CG2651" s="53"/>
      <c r="CH2651" s="53"/>
      <c r="CI2651" s="53"/>
      <c r="CJ2651" s="53"/>
      <c r="CK2651" s="53"/>
      <c r="CL2651" s="53"/>
      <c r="CM2651" s="53"/>
      <c r="CN2651" s="53">
        <v>650000000</v>
      </c>
    </row>
    <row r="2652" spans="1:92">
      <c r="A2652" s="52" t="s">
        <v>1668</v>
      </c>
      <c r="B2652" s="53">
        <v>-56068787.030000001</v>
      </c>
      <c r="C2652" s="53">
        <v>-55667865.149999999</v>
      </c>
      <c r="D2652" s="53">
        <v>-55742829.459999897</v>
      </c>
      <c r="E2652" s="53">
        <v>-55343502.199999899</v>
      </c>
      <c r="F2652" s="53">
        <v>-54949549.699999899</v>
      </c>
      <c r="G2652" s="53">
        <v>-54548627.810000002</v>
      </c>
      <c r="H2652" s="53">
        <v>-54147492.670000002</v>
      </c>
      <c r="I2652" s="53">
        <v>-53746357.519999899</v>
      </c>
      <c r="J2652" s="53">
        <v>-53345222.390000001</v>
      </c>
      <c r="K2652" s="53">
        <v>-53021771.029999897</v>
      </c>
      <c r="L2652" s="53">
        <v>-56412865.939999998</v>
      </c>
      <c r="M2652" s="53">
        <v>-58205303.669999897</v>
      </c>
      <c r="N2652" s="53">
        <v>-58205303.669999897</v>
      </c>
      <c r="O2652" s="53">
        <v>-57803964.140086897</v>
      </c>
      <c r="P2652" s="53">
        <v>-57402624.610173799</v>
      </c>
      <c r="Q2652" s="53">
        <v>-57001285.080260798</v>
      </c>
      <c r="R2652" s="53">
        <v>-56599945.550347701</v>
      </c>
      <c r="S2652" s="53">
        <v>-56198606.020434603</v>
      </c>
      <c r="T2652" s="53">
        <v>-55797266.490521602</v>
      </c>
      <c r="U2652" s="53">
        <v>-55395926.960608497</v>
      </c>
      <c r="V2652" s="53">
        <v>-54994587.4306954</v>
      </c>
      <c r="W2652" s="53">
        <v>-54593247.900782399</v>
      </c>
      <c r="X2652" s="53">
        <v>-54191908.370869301</v>
      </c>
      <c r="Y2652" s="53">
        <v>-53790568.840956204</v>
      </c>
      <c r="Z2652" s="53">
        <v>-53389229.311043203</v>
      </c>
      <c r="AA2652" s="53">
        <v>-53389229.311043203</v>
      </c>
      <c r="AB2652" s="53">
        <v>-52987889.781130098</v>
      </c>
      <c r="AC2652" s="53">
        <v>-52586550.251217097</v>
      </c>
      <c r="AD2652" s="53">
        <v>-52185210.721303999</v>
      </c>
      <c r="AE2652" s="53">
        <v>-51783871.191390902</v>
      </c>
      <c r="AF2652" s="53">
        <v>-51382531.661477901</v>
      </c>
      <c r="AG2652" s="53">
        <v>-50981192.131564803</v>
      </c>
      <c r="AH2652" s="53">
        <v>-50579852.601651698</v>
      </c>
      <c r="AI2652" s="53">
        <v>-50178513.071738698</v>
      </c>
      <c r="AJ2652" s="53">
        <v>-49777173.5418256</v>
      </c>
      <c r="AK2652" s="53">
        <v>-49375834.011912502</v>
      </c>
      <c r="AL2652" s="53">
        <v>-48974494.481999502</v>
      </c>
      <c r="AM2652" s="53">
        <v>-48573154.952086397</v>
      </c>
      <c r="AN2652" s="53">
        <v>-48573154.952086397</v>
      </c>
      <c r="AO2652" s="53">
        <v>-48171815.422173299</v>
      </c>
      <c r="AP2652" s="53">
        <v>-47770475.892260298</v>
      </c>
      <c r="AQ2652" s="53">
        <v>-47369136.362347201</v>
      </c>
      <c r="AR2652" s="53">
        <v>-46967796.832434103</v>
      </c>
      <c r="AS2652" s="53">
        <v>-46566457.302521102</v>
      </c>
      <c r="AT2652" s="53">
        <v>-46165117.772607997</v>
      </c>
      <c r="AU2652" s="53">
        <v>-45763778.242694996</v>
      </c>
      <c r="AV2652" s="53">
        <v>-45362438.712781899</v>
      </c>
      <c r="AW2652" s="53">
        <v>-44961099.182868801</v>
      </c>
      <c r="AX2652" s="53">
        <v>-44559759.6529558</v>
      </c>
      <c r="AY2652" s="53">
        <v>-44158420.123042703</v>
      </c>
      <c r="AZ2652" s="53">
        <v>-43757080.593129598</v>
      </c>
      <c r="BA2652" s="53">
        <v>-43757080.593129598</v>
      </c>
      <c r="BB2652" s="53">
        <v>-43380440.753938198</v>
      </c>
      <c r="BC2652" s="53">
        <v>-43028500.605468497</v>
      </c>
      <c r="BD2652" s="53">
        <v>-42676560.456998698</v>
      </c>
      <c r="BE2652" s="53">
        <v>-42324620.3085289</v>
      </c>
      <c r="BF2652" s="53">
        <v>-41972680.160059199</v>
      </c>
      <c r="BG2652" s="53">
        <v>-41620740.0115894</v>
      </c>
      <c r="BH2652" s="53">
        <v>-41268799.863119602</v>
      </c>
      <c r="BI2652" s="53">
        <v>-40916859.714649901</v>
      </c>
      <c r="BJ2652" s="53">
        <v>-40564919.566180103</v>
      </c>
      <c r="BK2652" s="53">
        <v>-40212979.417710297</v>
      </c>
      <c r="BL2652" s="53">
        <v>-39861039.269240603</v>
      </c>
      <c r="BM2652" s="53">
        <v>-39509099.120770797</v>
      </c>
      <c r="BN2652" s="53">
        <v>-39509099.120770797</v>
      </c>
      <c r="BO2652" s="53">
        <v>-39157158.972300999</v>
      </c>
      <c r="BP2652" s="53">
        <v>-38820570.348421402</v>
      </c>
      <c r="BQ2652" s="53">
        <v>-38483981.724541798</v>
      </c>
      <c r="BR2652" s="53">
        <v>-38147393.100662202</v>
      </c>
      <c r="BS2652" s="53">
        <v>-37810804.476782598</v>
      </c>
      <c r="BT2652" s="53">
        <v>-37474215.852903001</v>
      </c>
      <c r="BU2652" s="53">
        <v>-37160123.168872997</v>
      </c>
      <c r="BV2652" s="53">
        <v>-36868526.424692698</v>
      </c>
      <c r="BW2652" s="53">
        <v>-36576929.680512302</v>
      </c>
      <c r="BX2652" s="53">
        <v>-36285332.936332002</v>
      </c>
      <c r="BY2652" s="53">
        <v>-35993736.192151599</v>
      </c>
      <c r="BZ2652" s="53">
        <v>-35702139.447971299</v>
      </c>
      <c r="CA2652" s="53">
        <v>-35702139.447971299</v>
      </c>
      <c r="CB2652" s="53"/>
      <c r="CC2652" s="53"/>
      <c r="CD2652" s="53"/>
      <c r="CE2652" s="53"/>
      <c r="CF2652" s="53"/>
      <c r="CG2652" s="53"/>
      <c r="CH2652" s="53"/>
      <c r="CI2652" s="53"/>
      <c r="CJ2652" s="53"/>
      <c r="CK2652" s="53"/>
      <c r="CL2652" s="53"/>
      <c r="CM2652" s="53"/>
      <c r="CN2652" s="53"/>
    </row>
    <row r="2653" spans="1:92" outlineLevel="1">
      <c r="A2653" s="52" t="s">
        <v>1669</v>
      </c>
      <c r="B2653" s="53">
        <v>250000000</v>
      </c>
      <c r="C2653" s="53">
        <v>250000000</v>
      </c>
      <c r="D2653" s="53">
        <v>250000000</v>
      </c>
      <c r="E2653" s="53">
        <v>250000000</v>
      </c>
      <c r="F2653" s="53">
        <v>0</v>
      </c>
      <c r="G2653" s="53">
        <v>0</v>
      </c>
      <c r="H2653" s="53">
        <v>0</v>
      </c>
      <c r="I2653" s="53">
        <v>0</v>
      </c>
      <c r="J2653" s="53">
        <v>0</v>
      </c>
      <c r="K2653" s="53">
        <v>0</v>
      </c>
      <c r="L2653" s="53">
        <v>0</v>
      </c>
      <c r="M2653" s="53">
        <v>0</v>
      </c>
      <c r="N2653" s="53">
        <v>0</v>
      </c>
      <c r="O2653" s="53">
        <v>0</v>
      </c>
      <c r="P2653" s="53">
        <v>0</v>
      </c>
      <c r="Q2653" s="53">
        <v>0</v>
      </c>
      <c r="R2653" s="53">
        <v>0</v>
      </c>
      <c r="S2653" s="53">
        <v>0</v>
      </c>
      <c r="T2653" s="53">
        <v>0</v>
      </c>
      <c r="U2653" s="53">
        <v>0</v>
      </c>
      <c r="V2653" s="53">
        <v>0</v>
      </c>
      <c r="W2653" s="53">
        <v>0</v>
      </c>
      <c r="X2653" s="53">
        <v>0</v>
      </c>
      <c r="Y2653" s="53">
        <v>0</v>
      </c>
      <c r="Z2653" s="53">
        <v>0</v>
      </c>
      <c r="AA2653" s="53">
        <v>0</v>
      </c>
      <c r="AB2653" s="53">
        <v>0</v>
      </c>
      <c r="AC2653" s="53">
        <v>0</v>
      </c>
      <c r="AD2653" s="53">
        <v>0</v>
      </c>
      <c r="AE2653" s="53">
        <v>0</v>
      </c>
      <c r="AF2653" s="53">
        <v>0</v>
      </c>
      <c r="AG2653" s="53">
        <v>0</v>
      </c>
      <c r="AH2653" s="53">
        <v>0</v>
      </c>
      <c r="AI2653" s="53">
        <v>0</v>
      </c>
      <c r="AJ2653" s="53">
        <v>0</v>
      </c>
      <c r="AK2653" s="53">
        <v>0</v>
      </c>
      <c r="AL2653" s="53">
        <v>0</v>
      </c>
      <c r="AM2653" s="53">
        <v>0</v>
      </c>
      <c r="AN2653" s="53">
        <v>0</v>
      </c>
      <c r="AO2653" s="53">
        <v>0</v>
      </c>
      <c r="AP2653" s="53">
        <v>0</v>
      </c>
      <c r="AQ2653" s="53">
        <v>0</v>
      </c>
      <c r="AR2653" s="53">
        <v>0</v>
      </c>
      <c r="AS2653" s="53">
        <v>0</v>
      </c>
      <c r="AT2653" s="53">
        <v>0</v>
      </c>
      <c r="AU2653" s="53">
        <v>0</v>
      </c>
      <c r="AV2653" s="53">
        <v>0</v>
      </c>
      <c r="AW2653" s="53">
        <v>0</v>
      </c>
      <c r="AX2653" s="53">
        <v>0</v>
      </c>
      <c r="AY2653" s="53">
        <v>0</v>
      </c>
      <c r="AZ2653" s="53">
        <v>0</v>
      </c>
      <c r="BA2653" s="53">
        <v>0</v>
      </c>
      <c r="BB2653" s="53">
        <v>0</v>
      </c>
      <c r="BC2653" s="53">
        <v>0</v>
      </c>
      <c r="BD2653" s="53">
        <v>0</v>
      </c>
      <c r="BE2653" s="53">
        <v>0</v>
      </c>
      <c r="BF2653" s="53">
        <v>0</v>
      </c>
      <c r="BG2653" s="53">
        <v>0</v>
      </c>
      <c r="BH2653" s="53">
        <v>0</v>
      </c>
      <c r="BI2653" s="53">
        <v>0</v>
      </c>
      <c r="BJ2653" s="53">
        <v>0</v>
      </c>
      <c r="BK2653" s="53">
        <v>0</v>
      </c>
      <c r="BL2653" s="53">
        <v>0</v>
      </c>
      <c r="BM2653" s="53">
        <v>0</v>
      </c>
      <c r="BN2653" s="53">
        <v>0</v>
      </c>
      <c r="BO2653" s="53">
        <v>0</v>
      </c>
      <c r="BP2653" s="53">
        <v>0</v>
      </c>
      <c r="BQ2653" s="53">
        <v>0</v>
      </c>
      <c r="BR2653" s="53">
        <v>0</v>
      </c>
      <c r="BS2653" s="53">
        <v>0</v>
      </c>
      <c r="BT2653" s="53">
        <v>0</v>
      </c>
      <c r="BU2653" s="53">
        <v>0</v>
      </c>
      <c r="BV2653" s="53">
        <v>0</v>
      </c>
      <c r="BW2653" s="53">
        <v>0</v>
      </c>
      <c r="BX2653" s="53">
        <v>0</v>
      </c>
      <c r="BY2653" s="53">
        <v>0</v>
      </c>
      <c r="BZ2653" s="53">
        <v>0</v>
      </c>
      <c r="CA2653" s="53">
        <v>0</v>
      </c>
      <c r="CB2653" s="53"/>
      <c r="CC2653" s="53"/>
      <c r="CD2653" s="53"/>
      <c r="CE2653" s="53"/>
      <c r="CF2653" s="53"/>
      <c r="CG2653" s="53"/>
      <c r="CH2653" s="53"/>
      <c r="CI2653" s="53"/>
      <c r="CJ2653" s="53"/>
      <c r="CK2653" s="53"/>
      <c r="CL2653" s="53"/>
      <c r="CM2653" s="53"/>
      <c r="CN2653" s="53"/>
    </row>
    <row r="2654" spans="1:92" outlineLevel="1">
      <c r="A2654" s="52" t="s">
        <v>1670</v>
      </c>
      <c r="B2654" s="53">
        <v>0</v>
      </c>
      <c r="C2654" s="53">
        <v>0</v>
      </c>
      <c r="D2654" s="53">
        <v>0</v>
      </c>
      <c r="E2654" s="53">
        <v>0</v>
      </c>
      <c r="F2654" s="53">
        <v>0</v>
      </c>
      <c r="G2654" s="53">
        <v>0</v>
      </c>
      <c r="H2654" s="53">
        <v>0</v>
      </c>
      <c r="I2654" s="53">
        <v>0</v>
      </c>
      <c r="J2654" s="53">
        <v>0</v>
      </c>
      <c r="K2654" s="53">
        <v>0</v>
      </c>
      <c r="L2654" s="53">
        <v>0</v>
      </c>
      <c r="M2654" s="53">
        <v>0</v>
      </c>
      <c r="N2654" s="53">
        <v>0</v>
      </c>
      <c r="O2654" s="53">
        <v>0</v>
      </c>
      <c r="P2654" s="53">
        <v>0</v>
      </c>
      <c r="Q2654" s="53">
        <v>0</v>
      </c>
      <c r="R2654" s="53">
        <v>0</v>
      </c>
      <c r="S2654" s="53">
        <v>0</v>
      </c>
      <c r="T2654" s="53">
        <v>0</v>
      </c>
      <c r="U2654" s="53">
        <v>0</v>
      </c>
      <c r="V2654" s="53">
        <v>0</v>
      </c>
      <c r="W2654" s="53">
        <v>0</v>
      </c>
      <c r="X2654" s="53">
        <v>0</v>
      </c>
      <c r="Y2654" s="53">
        <v>0</v>
      </c>
      <c r="Z2654" s="53">
        <v>0</v>
      </c>
      <c r="AA2654" s="53">
        <v>0</v>
      </c>
      <c r="AB2654" s="53">
        <v>0</v>
      </c>
      <c r="AC2654" s="53">
        <v>0</v>
      </c>
      <c r="AD2654" s="53">
        <v>0</v>
      </c>
      <c r="AE2654" s="53">
        <v>0</v>
      </c>
      <c r="AF2654" s="53">
        <v>0</v>
      </c>
      <c r="AG2654" s="53">
        <v>0</v>
      </c>
      <c r="AH2654" s="53">
        <v>0</v>
      </c>
      <c r="AI2654" s="53">
        <v>0</v>
      </c>
      <c r="AJ2654" s="53">
        <v>0</v>
      </c>
      <c r="AK2654" s="53">
        <v>0</v>
      </c>
      <c r="AL2654" s="53">
        <v>0</v>
      </c>
      <c r="AM2654" s="53">
        <v>0</v>
      </c>
      <c r="AN2654" s="53">
        <v>0</v>
      </c>
      <c r="AO2654" s="53">
        <v>0</v>
      </c>
      <c r="AP2654" s="53">
        <v>0</v>
      </c>
      <c r="AQ2654" s="53">
        <v>0</v>
      </c>
      <c r="AR2654" s="53">
        <v>0</v>
      </c>
      <c r="AS2654" s="53">
        <v>0</v>
      </c>
      <c r="AT2654" s="53">
        <v>0</v>
      </c>
      <c r="AU2654" s="53">
        <v>0</v>
      </c>
      <c r="AV2654" s="53">
        <v>0</v>
      </c>
      <c r="AW2654" s="53">
        <v>0</v>
      </c>
      <c r="AX2654" s="53">
        <v>0</v>
      </c>
      <c r="AY2654" s="53">
        <v>0</v>
      </c>
      <c r="AZ2654" s="53">
        <v>0</v>
      </c>
      <c r="BA2654" s="53">
        <v>0</v>
      </c>
      <c r="BB2654" s="53">
        <v>0</v>
      </c>
      <c r="BC2654" s="53">
        <v>0</v>
      </c>
      <c r="BD2654" s="53">
        <v>0</v>
      </c>
      <c r="BE2654" s="53">
        <v>0</v>
      </c>
      <c r="BF2654" s="53">
        <v>0</v>
      </c>
      <c r="BG2654" s="53">
        <v>0</v>
      </c>
      <c r="BH2654" s="53">
        <v>0</v>
      </c>
      <c r="BI2654" s="53">
        <v>0</v>
      </c>
      <c r="BJ2654" s="53">
        <v>0</v>
      </c>
      <c r="BK2654" s="53">
        <v>0</v>
      </c>
      <c r="BL2654" s="53">
        <v>0</v>
      </c>
      <c r="BM2654" s="53">
        <v>0</v>
      </c>
      <c r="BN2654" s="53">
        <v>0</v>
      </c>
      <c r="BO2654" s="53">
        <v>0</v>
      </c>
      <c r="BP2654" s="53">
        <v>0</v>
      </c>
      <c r="BQ2654" s="53">
        <v>0</v>
      </c>
      <c r="BR2654" s="53">
        <v>0</v>
      </c>
      <c r="BS2654" s="53">
        <v>0</v>
      </c>
      <c r="BT2654" s="53">
        <v>0</v>
      </c>
      <c r="BU2654" s="53">
        <v>0</v>
      </c>
      <c r="BV2654" s="53">
        <v>0</v>
      </c>
      <c r="BW2654" s="53">
        <v>0</v>
      </c>
      <c r="BX2654" s="53">
        <v>0</v>
      </c>
      <c r="BY2654" s="53">
        <v>0</v>
      </c>
      <c r="BZ2654" s="53">
        <v>0</v>
      </c>
      <c r="CA2654" s="53">
        <v>0</v>
      </c>
      <c r="CB2654" s="53"/>
      <c r="CC2654" s="53"/>
      <c r="CD2654" s="53"/>
      <c r="CE2654" s="53"/>
      <c r="CF2654" s="53"/>
      <c r="CG2654" s="53"/>
      <c r="CH2654" s="53"/>
      <c r="CI2654" s="53"/>
      <c r="CJ2654" s="53"/>
      <c r="CK2654" s="53"/>
      <c r="CL2654" s="53"/>
      <c r="CM2654" s="53"/>
      <c r="CN2654" s="53"/>
    </row>
    <row r="2655" spans="1:92" outlineLevel="1">
      <c r="A2655" s="52" t="s">
        <v>1218</v>
      </c>
      <c r="B2655" s="53">
        <v>7460196428.4599895</v>
      </c>
      <c r="C2655" s="53">
        <v>7459203081.9499998</v>
      </c>
      <c r="D2655" s="53">
        <v>7458408721</v>
      </c>
      <c r="E2655" s="53">
        <v>7457429844.9700003</v>
      </c>
      <c r="F2655" s="53">
        <v>7456960422.1700001</v>
      </c>
      <c r="G2655" s="53">
        <v>7206798857.3499899</v>
      </c>
      <c r="H2655" s="53">
        <v>7203800122.2799902</v>
      </c>
      <c r="I2655" s="53">
        <v>7201362075.0500002</v>
      </c>
      <c r="J2655" s="53">
        <v>7199348667.0899897</v>
      </c>
      <c r="K2655" s="53">
        <v>7199132021.6099997</v>
      </c>
      <c r="L2655" s="53">
        <v>7999230522.2199898</v>
      </c>
      <c r="M2655" s="53">
        <v>8492901497.6299896</v>
      </c>
      <c r="N2655" s="53">
        <v>7460196428.4599895</v>
      </c>
      <c r="O2655" s="53">
        <v>8491109943.7600002</v>
      </c>
      <c r="P2655" s="53">
        <v>8489984939.9935503</v>
      </c>
      <c r="Q2655" s="53">
        <v>8488848272.2388897</v>
      </c>
      <c r="R2655" s="53">
        <v>8488261010.0359201</v>
      </c>
      <c r="S2655" s="53">
        <v>7687707867.3660202</v>
      </c>
      <c r="T2655" s="53">
        <v>7687901385.1551304</v>
      </c>
      <c r="U2655" s="53">
        <v>8338092815.5030804</v>
      </c>
      <c r="V2655" s="53">
        <v>8338282145.6939201</v>
      </c>
      <c r="W2655" s="53">
        <v>8338469362.9342098</v>
      </c>
      <c r="X2655" s="53">
        <v>8338654454.3525896</v>
      </c>
      <c r="Y2655" s="53">
        <v>8338837406.99932</v>
      </c>
      <c r="Z2655" s="53">
        <v>8339018207.8457203</v>
      </c>
      <c r="AA2655" s="53">
        <v>8491109943.7600002</v>
      </c>
      <c r="AB2655" s="53">
        <v>8339196843.7837896</v>
      </c>
      <c r="AC2655" s="53">
        <v>8339373301.6256704</v>
      </c>
      <c r="AD2655" s="53">
        <v>8339547568.1031399</v>
      </c>
      <c r="AE2655" s="53">
        <v>8339719629.8671904</v>
      </c>
      <c r="AF2655" s="53">
        <v>8339889473.4874601</v>
      </c>
      <c r="AG2655" s="53">
        <v>8334357085.4518099</v>
      </c>
      <c r="AH2655" s="53">
        <v>8334468546.3664904</v>
      </c>
      <c r="AI2655" s="53">
        <v>8334577748.3534899</v>
      </c>
      <c r="AJ2655" s="53">
        <v>9334684677.6522198</v>
      </c>
      <c r="AK2655" s="53">
        <v>9334789320.4182396</v>
      </c>
      <c r="AL2655" s="53">
        <v>9334891662.7228107</v>
      </c>
      <c r="AM2655" s="53">
        <v>9334991690.5523109</v>
      </c>
      <c r="AN2655" s="53">
        <v>8339196843.7837896</v>
      </c>
      <c r="AO2655" s="53">
        <v>9335089389.8077698</v>
      </c>
      <c r="AP2655" s="53">
        <v>9335184746.3043308</v>
      </c>
      <c r="AQ2655" s="53">
        <v>9335277745.7707291</v>
      </c>
      <c r="AR2655" s="53">
        <v>9335368373.8487492</v>
      </c>
      <c r="AS2655" s="53">
        <v>9335456616.0927296</v>
      </c>
      <c r="AT2655" s="53">
        <v>9335542457.9689999</v>
      </c>
      <c r="AU2655" s="53">
        <v>10035625884.855301</v>
      </c>
      <c r="AV2655" s="53">
        <v>10035706882.040501</v>
      </c>
      <c r="AW2655" s="53">
        <v>10035785434.7236</v>
      </c>
      <c r="AX2655" s="53">
        <v>10035861528.013599</v>
      </c>
      <c r="AY2655" s="53">
        <v>10035935146.9286</v>
      </c>
      <c r="AZ2655" s="53">
        <v>10036006276.3958</v>
      </c>
      <c r="BA2655" s="53">
        <v>9335089389.8077698</v>
      </c>
      <c r="BB2655" s="53">
        <v>10036074901.2502</v>
      </c>
      <c r="BC2655" s="53">
        <v>9386114686.3480606</v>
      </c>
      <c r="BD2655" s="53">
        <v>9386125616.3391209</v>
      </c>
      <c r="BE2655" s="53">
        <v>9386133995.6663399</v>
      </c>
      <c r="BF2655" s="53">
        <v>9386563645.2160797</v>
      </c>
      <c r="BG2655" s="53">
        <v>9386993289.7725906</v>
      </c>
      <c r="BH2655" s="53">
        <v>10037422934.329</v>
      </c>
      <c r="BI2655" s="53">
        <v>10037852578.885599</v>
      </c>
      <c r="BJ2655" s="53">
        <v>10038282223.442101</v>
      </c>
      <c r="BK2655" s="53">
        <v>10038711867.9986</v>
      </c>
      <c r="BL2655" s="53">
        <v>10039141512.555099</v>
      </c>
      <c r="BM2655" s="53">
        <v>10039571157.111601</v>
      </c>
      <c r="BN2655" s="53">
        <v>10036074901.2502</v>
      </c>
      <c r="BO2655" s="53">
        <v>10040000801.6681</v>
      </c>
      <c r="BP2655" s="53">
        <v>10040430446.2246</v>
      </c>
      <c r="BQ2655" s="53">
        <v>9890843525.3221302</v>
      </c>
      <c r="BR2655" s="53">
        <v>9891256604.4196205</v>
      </c>
      <c r="BS2655" s="53">
        <v>9891669683.5171108</v>
      </c>
      <c r="BT2655" s="53">
        <v>9892082762.6145992</v>
      </c>
      <c r="BU2655" s="53">
        <v>11142495841.712</v>
      </c>
      <c r="BV2655" s="53">
        <v>10542881832.223101</v>
      </c>
      <c r="BW2655" s="53">
        <v>10543240734.1476</v>
      </c>
      <c r="BX2655" s="53">
        <v>10543599636.072201</v>
      </c>
      <c r="BY2655" s="53">
        <v>10543958537.9967</v>
      </c>
      <c r="BZ2655" s="53">
        <v>10544317439.921301</v>
      </c>
      <c r="CA2655" s="53">
        <v>10040000801.6681</v>
      </c>
      <c r="CB2655" s="53">
        <v>-4.8774041723446997</v>
      </c>
      <c r="CC2655" s="53">
        <v>-4.9127938041185102</v>
      </c>
      <c r="CD2655" s="53">
        <v>-4.9484402171622097</v>
      </c>
      <c r="CE2655" s="53">
        <v>-4.9843452746378496</v>
      </c>
      <c r="CF2655" s="53"/>
      <c r="CG2655" s="53"/>
      <c r="CH2655" s="53"/>
      <c r="CI2655" s="53"/>
      <c r="CJ2655" s="53"/>
      <c r="CK2655" s="53"/>
      <c r="CL2655" s="53"/>
      <c r="CM2655" s="53"/>
      <c r="CN2655" s="53">
        <v>-19.722983468263202</v>
      </c>
    </row>
    <row r="2656" spans="1:92" outlineLevel="1">
      <c r="A2656" s="52" t="s">
        <v>699</v>
      </c>
      <c r="B2656" s="53"/>
      <c r="C2656" s="53"/>
      <c r="D2656" s="53"/>
      <c r="E2656" s="53"/>
      <c r="F2656" s="53"/>
      <c r="G2656" s="53"/>
      <c r="H2656" s="53"/>
      <c r="I2656" s="53"/>
      <c r="J2656" s="53"/>
      <c r="K2656" s="53"/>
      <c r="L2656" s="53"/>
      <c r="M2656" s="53"/>
      <c r="N2656" s="53"/>
      <c r="O2656" s="53"/>
      <c r="P2656" s="53"/>
      <c r="Q2656" s="53"/>
      <c r="R2656" s="53"/>
      <c r="S2656" s="53"/>
      <c r="T2656" s="53"/>
      <c r="U2656" s="53"/>
      <c r="V2656" s="53"/>
      <c r="W2656" s="53"/>
      <c r="X2656" s="53"/>
      <c r="Y2656" s="53"/>
      <c r="Z2656" s="53"/>
      <c r="AA2656" s="53"/>
      <c r="AB2656" s="53"/>
      <c r="AC2656" s="53"/>
      <c r="AD2656" s="53"/>
      <c r="AE2656" s="53"/>
      <c r="AF2656" s="53"/>
      <c r="AG2656" s="53"/>
      <c r="AH2656" s="53"/>
      <c r="AI2656" s="53"/>
      <c r="AJ2656" s="53"/>
      <c r="AK2656" s="53"/>
      <c r="AL2656" s="53"/>
      <c r="AM2656" s="53"/>
      <c r="AN2656" s="53"/>
      <c r="AO2656" s="53"/>
      <c r="AP2656" s="53"/>
      <c r="AQ2656" s="53"/>
      <c r="AR2656" s="53"/>
      <c r="AS2656" s="53"/>
      <c r="AT2656" s="53"/>
      <c r="AU2656" s="53"/>
      <c r="AV2656" s="53"/>
      <c r="AW2656" s="53"/>
      <c r="AX2656" s="53"/>
      <c r="AY2656" s="53"/>
      <c r="AZ2656" s="53"/>
      <c r="BA2656" s="53"/>
      <c r="BB2656" s="53"/>
      <c r="BC2656" s="53"/>
      <c r="BD2656" s="53"/>
      <c r="BE2656" s="53"/>
      <c r="BF2656" s="53"/>
      <c r="BG2656" s="53"/>
      <c r="BH2656" s="53"/>
      <c r="BI2656" s="53"/>
      <c r="BJ2656" s="53"/>
      <c r="BK2656" s="53"/>
      <c r="BL2656" s="53"/>
      <c r="BM2656" s="53"/>
      <c r="BN2656" s="53"/>
      <c r="BO2656" s="53"/>
      <c r="BP2656" s="53"/>
      <c r="BQ2656" s="53"/>
      <c r="BR2656" s="53"/>
      <c r="BS2656" s="53"/>
      <c r="BT2656" s="53"/>
      <c r="BU2656" s="53"/>
      <c r="BV2656" s="53"/>
      <c r="BW2656" s="53"/>
      <c r="BX2656" s="53"/>
      <c r="BY2656" s="53"/>
      <c r="BZ2656" s="53"/>
      <c r="CA2656" s="53"/>
      <c r="CB2656" s="53">
        <v>416184.23529139103</v>
      </c>
      <c r="CC2656" s="53">
        <v>418719.49092470802</v>
      </c>
      <c r="CD2656" s="53">
        <v>421270.19049025001</v>
      </c>
      <c r="CE2656" s="53"/>
      <c r="CF2656" s="53"/>
      <c r="CG2656" s="53"/>
      <c r="CH2656" s="53"/>
      <c r="CI2656" s="53"/>
      <c r="CJ2656" s="53"/>
      <c r="CK2656" s="53"/>
      <c r="CL2656" s="53"/>
      <c r="CM2656" s="53"/>
      <c r="CN2656" s="53">
        <v>1256173.9167063499</v>
      </c>
    </row>
    <row r="2657" spans="1:92" outlineLevel="1">
      <c r="A2657" s="52" t="s">
        <v>709</v>
      </c>
      <c r="B2657" s="53"/>
      <c r="C2657" s="53"/>
      <c r="D2657" s="53"/>
      <c r="E2657" s="53"/>
      <c r="F2657" s="53"/>
      <c r="G2657" s="53"/>
      <c r="H2657" s="53"/>
      <c r="I2657" s="53"/>
      <c r="J2657" s="53"/>
      <c r="K2657" s="53"/>
      <c r="L2657" s="53"/>
      <c r="M2657" s="53"/>
      <c r="N2657" s="53"/>
      <c r="O2657" s="53"/>
      <c r="P2657" s="53"/>
      <c r="Q2657" s="53"/>
      <c r="R2657" s="53"/>
      <c r="S2657" s="53"/>
      <c r="T2657" s="53"/>
      <c r="U2657" s="53"/>
      <c r="V2657" s="53"/>
      <c r="W2657" s="53"/>
      <c r="X2657" s="53"/>
      <c r="Y2657" s="53"/>
      <c r="Z2657" s="53"/>
      <c r="AA2657" s="53"/>
      <c r="AB2657" s="53"/>
      <c r="AC2657" s="53"/>
      <c r="AD2657" s="53"/>
      <c r="AE2657" s="53"/>
      <c r="AF2657" s="53"/>
      <c r="AG2657" s="53"/>
      <c r="AH2657" s="53"/>
      <c r="AI2657" s="53"/>
      <c r="AJ2657" s="53"/>
      <c r="AK2657" s="53"/>
      <c r="AL2657" s="53"/>
      <c r="AM2657" s="53"/>
      <c r="AN2657" s="53"/>
      <c r="AO2657" s="53"/>
      <c r="AP2657" s="53"/>
      <c r="AQ2657" s="53"/>
      <c r="AR2657" s="53"/>
      <c r="AS2657" s="53"/>
      <c r="AT2657" s="53"/>
      <c r="AU2657" s="53"/>
      <c r="AV2657" s="53"/>
      <c r="AW2657" s="53"/>
      <c r="AX2657" s="53"/>
      <c r="AY2657" s="53"/>
      <c r="AZ2657" s="53"/>
      <c r="BA2657" s="53"/>
      <c r="BB2657" s="53"/>
      <c r="BC2657" s="53"/>
      <c r="BD2657" s="53"/>
      <c r="BE2657" s="53"/>
      <c r="BF2657" s="53"/>
      <c r="BG2657" s="53"/>
      <c r="BH2657" s="53"/>
      <c r="BI2657" s="53"/>
      <c r="BJ2657" s="53"/>
      <c r="BK2657" s="53"/>
      <c r="BL2657" s="53"/>
      <c r="BM2657" s="53"/>
      <c r="BN2657" s="53"/>
      <c r="BO2657" s="53"/>
      <c r="BP2657" s="53"/>
      <c r="BQ2657" s="53"/>
      <c r="BR2657" s="53"/>
      <c r="BS2657" s="53"/>
      <c r="BT2657" s="53"/>
      <c r="BU2657" s="53"/>
      <c r="BV2657" s="53"/>
      <c r="BW2657" s="53"/>
      <c r="BX2657" s="53"/>
      <c r="BY2657" s="53"/>
      <c r="BZ2657" s="53"/>
      <c r="CA2657" s="53"/>
      <c r="CB2657" s="53"/>
      <c r="CC2657" s="53"/>
      <c r="CD2657" s="53"/>
      <c r="CE2657" s="53"/>
      <c r="CF2657" s="53"/>
      <c r="CG2657" s="53"/>
      <c r="CH2657" s="53"/>
      <c r="CI2657" s="53"/>
      <c r="CJ2657" s="53"/>
      <c r="CK2657" s="53"/>
      <c r="CL2657" s="53"/>
      <c r="CM2657" s="53"/>
      <c r="CN2657" s="53"/>
    </row>
    <row r="2658" spans="1:92" outlineLevel="1">
      <c r="A2658" s="52" t="s">
        <v>1667</v>
      </c>
      <c r="B2658" s="53"/>
      <c r="C2658" s="53"/>
      <c r="D2658" s="53"/>
      <c r="E2658" s="53"/>
      <c r="F2658" s="53"/>
      <c r="G2658" s="53"/>
      <c r="H2658" s="53"/>
      <c r="I2658" s="53"/>
      <c r="J2658" s="53"/>
      <c r="K2658" s="53"/>
      <c r="L2658" s="53"/>
      <c r="M2658" s="53"/>
      <c r="N2658" s="53"/>
      <c r="O2658" s="53"/>
      <c r="P2658" s="53"/>
      <c r="Q2658" s="53"/>
      <c r="R2658" s="53"/>
      <c r="S2658" s="53"/>
      <c r="T2658" s="53"/>
      <c r="U2658" s="53"/>
      <c r="V2658" s="53"/>
      <c r="W2658" s="53"/>
      <c r="X2658" s="53"/>
      <c r="Y2658" s="53"/>
      <c r="Z2658" s="53"/>
      <c r="AA2658" s="53"/>
      <c r="AB2658" s="53"/>
      <c r="AC2658" s="53"/>
      <c r="AD2658" s="53"/>
      <c r="AE2658" s="53"/>
      <c r="AF2658" s="53"/>
      <c r="AG2658" s="53"/>
      <c r="AH2658" s="53"/>
      <c r="AI2658" s="53"/>
      <c r="AJ2658" s="53"/>
      <c r="AK2658" s="53"/>
      <c r="AL2658" s="53"/>
      <c r="AM2658" s="53"/>
      <c r="AN2658" s="53"/>
      <c r="AO2658" s="53"/>
      <c r="AP2658" s="53"/>
      <c r="AQ2658" s="53"/>
      <c r="AR2658" s="53"/>
      <c r="AS2658" s="53"/>
      <c r="AT2658" s="53"/>
      <c r="AU2658" s="53"/>
      <c r="AV2658" s="53"/>
      <c r="AW2658" s="53"/>
      <c r="AX2658" s="53"/>
      <c r="AY2658" s="53"/>
      <c r="AZ2658" s="53"/>
      <c r="BA2658" s="53"/>
      <c r="BB2658" s="53"/>
      <c r="BC2658" s="53"/>
      <c r="BD2658" s="53"/>
      <c r="BE2658" s="53"/>
      <c r="BF2658" s="53"/>
      <c r="BG2658" s="53"/>
      <c r="BH2658" s="53"/>
      <c r="BI2658" s="53"/>
      <c r="BJ2658" s="53"/>
      <c r="BK2658" s="53"/>
      <c r="BL2658" s="53"/>
      <c r="BM2658" s="53"/>
      <c r="BN2658" s="53"/>
      <c r="BO2658" s="53"/>
      <c r="BP2658" s="53"/>
      <c r="BQ2658" s="53"/>
      <c r="BR2658" s="53"/>
      <c r="BS2658" s="53"/>
      <c r="BT2658" s="53"/>
      <c r="BU2658" s="53"/>
      <c r="BV2658" s="53"/>
      <c r="BW2658" s="53"/>
      <c r="BX2658" s="53"/>
      <c r="BY2658" s="53"/>
      <c r="BZ2658" s="53"/>
      <c r="CA2658" s="53"/>
      <c r="CB2658" s="53"/>
      <c r="CC2658" s="53"/>
      <c r="CD2658" s="53"/>
      <c r="CE2658" s="53"/>
      <c r="CF2658" s="53"/>
      <c r="CG2658" s="53"/>
      <c r="CH2658" s="53"/>
      <c r="CI2658" s="53"/>
      <c r="CJ2658" s="53"/>
      <c r="CK2658" s="53"/>
      <c r="CL2658" s="53"/>
      <c r="CM2658" s="53"/>
      <c r="CN2658" s="53"/>
    </row>
    <row r="2659" spans="1:92" outlineLevel="1">
      <c r="A2659" s="52" t="s">
        <v>1565</v>
      </c>
      <c r="B2659" s="53"/>
      <c r="C2659" s="53"/>
      <c r="D2659" s="53"/>
      <c r="E2659" s="53"/>
      <c r="F2659" s="53"/>
      <c r="G2659" s="53"/>
      <c r="H2659" s="53"/>
      <c r="I2659" s="53"/>
      <c r="J2659" s="53"/>
      <c r="K2659" s="53"/>
      <c r="L2659" s="53">
        <v>-4213250</v>
      </c>
      <c r="M2659" s="53"/>
      <c r="N2659" s="53">
        <v>-4213250</v>
      </c>
      <c r="O2659" s="53"/>
      <c r="P2659" s="53"/>
      <c r="Q2659" s="53"/>
      <c r="R2659" s="53"/>
      <c r="S2659" s="53"/>
      <c r="T2659" s="53"/>
      <c r="U2659" s="53"/>
      <c r="V2659" s="53"/>
      <c r="W2659" s="53"/>
      <c r="X2659" s="53"/>
      <c r="Y2659" s="53"/>
      <c r="Z2659" s="53"/>
      <c r="AA2659" s="53"/>
      <c r="AB2659" s="53"/>
      <c r="AC2659" s="53"/>
      <c r="AD2659" s="53"/>
      <c r="AE2659" s="53"/>
      <c r="AF2659" s="53"/>
      <c r="AG2659" s="53"/>
      <c r="AH2659" s="53"/>
      <c r="AI2659" s="53"/>
      <c r="AJ2659" s="53"/>
      <c r="AK2659" s="53"/>
      <c r="AL2659" s="53"/>
      <c r="AM2659" s="53"/>
      <c r="AN2659" s="53"/>
      <c r="AO2659" s="53"/>
      <c r="AP2659" s="53"/>
      <c r="AQ2659" s="53"/>
      <c r="AR2659" s="53"/>
      <c r="AS2659" s="53"/>
      <c r="AT2659" s="53"/>
      <c r="AU2659" s="53"/>
      <c r="AV2659" s="53"/>
      <c r="AW2659" s="53"/>
      <c r="AX2659" s="53"/>
      <c r="AY2659" s="53"/>
      <c r="AZ2659" s="53"/>
      <c r="BA2659" s="53"/>
      <c r="BB2659" s="53"/>
      <c r="BC2659" s="53"/>
      <c r="BD2659" s="53"/>
      <c r="BE2659" s="53"/>
      <c r="BF2659" s="53"/>
      <c r="BG2659" s="53"/>
      <c r="BH2659" s="53"/>
      <c r="BI2659" s="53"/>
      <c r="BJ2659" s="53"/>
      <c r="BK2659" s="53"/>
      <c r="BL2659" s="53"/>
      <c r="BM2659" s="53"/>
      <c r="BN2659" s="53"/>
      <c r="BO2659" s="53"/>
      <c r="BP2659" s="53"/>
      <c r="BQ2659" s="53"/>
      <c r="BR2659" s="53"/>
      <c r="BS2659" s="53"/>
      <c r="BT2659" s="53"/>
      <c r="BU2659" s="53"/>
      <c r="BV2659" s="53"/>
      <c r="BW2659" s="53"/>
      <c r="BX2659" s="53"/>
      <c r="BY2659" s="53"/>
      <c r="BZ2659" s="53"/>
      <c r="CA2659" s="53"/>
      <c r="CB2659" s="53">
        <v>10014252.445839399</v>
      </c>
      <c r="CC2659" s="53">
        <v>5695985.3494004598</v>
      </c>
      <c r="CD2659" s="53">
        <v>56073374.921472199</v>
      </c>
      <c r="CE2659" s="53">
        <v>55467475.822112098</v>
      </c>
      <c r="CF2659" s="53">
        <v>38737969.727702603</v>
      </c>
      <c r="CG2659" s="53">
        <v>129564121.638422</v>
      </c>
      <c r="CH2659" s="53">
        <v>25424080.3079019</v>
      </c>
      <c r="CI2659" s="53"/>
      <c r="CJ2659" s="53"/>
      <c r="CK2659" s="53"/>
      <c r="CL2659" s="53"/>
      <c r="CM2659" s="53"/>
      <c r="CN2659" s="53">
        <v>320977260.21285099</v>
      </c>
    </row>
    <row r="2660" spans="1:92" outlineLevel="1">
      <c r="A2660" s="52" t="s">
        <v>1665</v>
      </c>
      <c r="B2660" s="53"/>
      <c r="C2660" s="53"/>
      <c r="D2660" s="53"/>
      <c r="E2660" s="53"/>
      <c r="F2660" s="53"/>
      <c r="G2660" s="53"/>
      <c r="H2660" s="53"/>
      <c r="I2660" s="53"/>
      <c r="J2660" s="53"/>
      <c r="K2660" s="53"/>
      <c r="L2660" s="53"/>
      <c r="M2660" s="53"/>
      <c r="N2660" s="53"/>
      <c r="O2660" s="53"/>
      <c r="P2660" s="53"/>
      <c r="Q2660" s="53"/>
      <c r="R2660" s="53"/>
      <c r="S2660" s="53"/>
      <c r="T2660" s="53"/>
      <c r="U2660" s="53"/>
      <c r="V2660" s="53"/>
      <c r="W2660" s="53"/>
      <c r="X2660" s="53"/>
      <c r="Y2660" s="53"/>
      <c r="Z2660" s="53"/>
      <c r="AA2660" s="53"/>
      <c r="AB2660" s="53"/>
      <c r="AC2660" s="53"/>
      <c r="AD2660" s="53"/>
      <c r="AE2660" s="53"/>
      <c r="AF2660" s="53"/>
      <c r="AG2660" s="53"/>
      <c r="AH2660" s="53"/>
      <c r="AI2660" s="53"/>
      <c r="AJ2660" s="53"/>
      <c r="AK2660" s="53"/>
      <c r="AL2660" s="53"/>
      <c r="AM2660" s="53"/>
      <c r="AN2660" s="53"/>
      <c r="AO2660" s="53"/>
      <c r="AP2660" s="53"/>
      <c r="AQ2660" s="53"/>
      <c r="AR2660" s="53"/>
      <c r="AS2660" s="53"/>
      <c r="AT2660" s="53"/>
      <c r="AU2660" s="53"/>
      <c r="AV2660" s="53"/>
      <c r="AW2660" s="53"/>
      <c r="AX2660" s="53"/>
      <c r="AY2660" s="53"/>
      <c r="AZ2660" s="53"/>
      <c r="BA2660" s="53"/>
      <c r="BB2660" s="53"/>
      <c r="BC2660" s="53"/>
      <c r="BD2660" s="53"/>
      <c r="BE2660" s="53"/>
      <c r="BF2660" s="53"/>
      <c r="BG2660" s="53"/>
      <c r="BH2660" s="53"/>
      <c r="BI2660" s="53"/>
      <c r="BJ2660" s="53"/>
      <c r="BK2660" s="53"/>
      <c r="BL2660" s="53"/>
      <c r="BM2660" s="53"/>
      <c r="BN2660" s="53"/>
      <c r="BO2660" s="53"/>
      <c r="BP2660" s="53"/>
      <c r="BQ2660" s="53"/>
      <c r="BR2660" s="53"/>
      <c r="BS2660" s="53"/>
      <c r="BT2660" s="53"/>
      <c r="BU2660" s="53"/>
      <c r="BV2660" s="53"/>
      <c r="BW2660" s="53"/>
      <c r="BX2660" s="53"/>
      <c r="BY2660" s="53"/>
      <c r="BZ2660" s="53"/>
      <c r="CA2660" s="53"/>
      <c r="CB2660" s="53"/>
      <c r="CC2660" s="53"/>
      <c r="CD2660" s="53"/>
      <c r="CE2660" s="53"/>
      <c r="CF2660" s="53"/>
      <c r="CG2660" s="53"/>
      <c r="CH2660" s="53"/>
      <c r="CI2660" s="53"/>
      <c r="CJ2660" s="53"/>
      <c r="CK2660" s="53"/>
      <c r="CL2660" s="53"/>
      <c r="CM2660" s="53"/>
      <c r="CN2660" s="53"/>
    </row>
    <row r="2661" spans="1:92" outlineLevel="1">
      <c r="A2661" s="52" t="s">
        <v>1565</v>
      </c>
      <c r="B2661" s="53"/>
      <c r="C2661" s="53"/>
      <c r="D2661" s="53"/>
      <c r="E2661" s="53"/>
      <c r="F2661" s="53"/>
      <c r="G2661" s="53"/>
      <c r="H2661" s="53"/>
      <c r="I2661" s="53"/>
      <c r="J2661" s="53"/>
      <c r="K2661" s="53"/>
      <c r="L2661" s="53">
        <v>-3190000</v>
      </c>
      <c r="M2661" s="53"/>
      <c r="N2661" s="53">
        <v>-3190000</v>
      </c>
      <c r="O2661" s="53"/>
      <c r="P2661" s="53"/>
      <c r="Q2661" s="53"/>
      <c r="R2661" s="53"/>
      <c r="S2661" s="53"/>
      <c r="T2661" s="53"/>
      <c r="U2661" s="53"/>
      <c r="V2661" s="53"/>
      <c r="W2661" s="53"/>
      <c r="X2661" s="53"/>
      <c r="Y2661" s="53"/>
      <c r="Z2661" s="53"/>
      <c r="AA2661" s="53"/>
      <c r="AB2661" s="53"/>
      <c r="AC2661" s="53"/>
      <c r="AD2661" s="53"/>
      <c r="AE2661" s="53"/>
      <c r="AF2661" s="53"/>
      <c r="AG2661" s="53"/>
      <c r="AH2661" s="53"/>
      <c r="AI2661" s="53"/>
      <c r="AJ2661" s="53"/>
      <c r="AK2661" s="53"/>
      <c r="AL2661" s="53"/>
      <c r="AM2661" s="53"/>
      <c r="AN2661" s="53"/>
      <c r="AO2661" s="53"/>
      <c r="AP2661" s="53"/>
      <c r="AQ2661" s="53"/>
      <c r="AR2661" s="53"/>
      <c r="AS2661" s="53"/>
      <c r="AT2661" s="53"/>
      <c r="AU2661" s="53"/>
      <c r="AV2661" s="53"/>
      <c r="AW2661" s="53"/>
      <c r="AX2661" s="53"/>
      <c r="AY2661" s="53"/>
      <c r="AZ2661" s="53"/>
      <c r="BA2661" s="53"/>
      <c r="BB2661" s="53"/>
      <c r="BC2661" s="53"/>
      <c r="BD2661" s="53"/>
      <c r="BE2661" s="53"/>
      <c r="BF2661" s="53"/>
      <c r="BG2661" s="53"/>
      <c r="BH2661" s="53"/>
      <c r="BI2661" s="53"/>
      <c r="BJ2661" s="53"/>
      <c r="BK2661" s="53"/>
      <c r="BL2661" s="53"/>
      <c r="BM2661" s="53"/>
      <c r="BN2661" s="53"/>
      <c r="BO2661" s="53"/>
      <c r="BP2661" s="53"/>
      <c r="BQ2661" s="53"/>
      <c r="BR2661" s="53"/>
      <c r="BS2661" s="53"/>
      <c r="BT2661" s="53"/>
      <c r="BU2661" s="53"/>
      <c r="BV2661" s="53"/>
      <c r="BW2661" s="53"/>
      <c r="BX2661" s="53"/>
      <c r="BY2661" s="53"/>
      <c r="BZ2661" s="53"/>
      <c r="CA2661" s="53"/>
      <c r="CB2661" s="53"/>
      <c r="CC2661" s="53"/>
      <c r="CD2661" s="53"/>
      <c r="CE2661" s="53"/>
      <c r="CF2661" s="53"/>
      <c r="CG2661" s="53"/>
      <c r="CH2661" s="53"/>
      <c r="CI2661" s="53"/>
      <c r="CJ2661" s="53"/>
      <c r="CK2661" s="53"/>
      <c r="CL2661" s="53"/>
      <c r="CM2661" s="53"/>
      <c r="CN2661" s="53"/>
    </row>
    <row r="2662" spans="1:92" outlineLevel="1">
      <c r="A2662" s="52" t="s">
        <v>1580</v>
      </c>
      <c r="B2662" s="53"/>
      <c r="C2662" s="53"/>
      <c r="D2662" s="53"/>
      <c r="E2662" s="53"/>
      <c r="F2662" s="53"/>
      <c r="G2662" s="53"/>
      <c r="H2662" s="53"/>
      <c r="I2662" s="53"/>
      <c r="J2662" s="53"/>
      <c r="K2662" s="53"/>
      <c r="L2662" s="53"/>
      <c r="M2662" s="53"/>
      <c r="N2662" s="53"/>
      <c r="O2662" s="53"/>
      <c r="P2662" s="53"/>
      <c r="Q2662" s="53"/>
      <c r="R2662" s="53"/>
      <c r="S2662" s="53"/>
      <c r="T2662" s="53"/>
      <c r="U2662" s="53"/>
      <c r="V2662" s="53"/>
      <c r="W2662" s="53"/>
      <c r="X2662" s="53"/>
      <c r="Y2662" s="53"/>
      <c r="Z2662" s="53"/>
      <c r="AA2662" s="53"/>
      <c r="AB2662" s="53"/>
      <c r="AC2662" s="53"/>
      <c r="AD2662" s="53"/>
      <c r="AE2662" s="53"/>
      <c r="AF2662" s="53"/>
      <c r="AG2662" s="53"/>
      <c r="AH2662" s="53"/>
      <c r="AI2662" s="53"/>
      <c r="AJ2662" s="53"/>
      <c r="AK2662" s="53"/>
      <c r="AL2662" s="53"/>
      <c r="AM2662" s="53"/>
      <c r="AN2662" s="53"/>
      <c r="AO2662" s="53"/>
      <c r="AP2662" s="53"/>
      <c r="AQ2662" s="53"/>
      <c r="AR2662" s="53"/>
      <c r="AS2662" s="53"/>
      <c r="AT2662" s="53"/>
      <c r="AU2662" s="53"/>
      <c r="AV2662" s="53"/>
      <c r="AW2662" s="53"/>
      <c r="AX2662" s="53"/>
      <c r="AY2662" s="53"/>
      <c r="AZ2662" s="53"/>
      <c r="BA2662" s="53"/>
      <c r="BB2662" s="53"/>
      <c r="BC2662" s="53"/>
      <c r="BD2662" s="53"/>
      <c r="BE2662" s="53"/>
      <c r="BF2662" s="53"/>
      <c r="BG2662" s="53"/>
      <c r="BH2662" s="53"/>
      <c r="BI2662" s="53"/>
      <c r="BJ2662" s="53"/>
      <c r="BK2662" s="53"/>
      <c r="BL2662" s="53"/>
      <c r="BM2662" s="53"/>
      <c r="BN2662" s="53"/>
      <c r="BO2662" s="53"/>
      <c r="BP2662" s="53"/>
      <c r="BQ2662" s="53"/>
      <c r="BR2662" s="53"/>
      <c r="BS2662" s="53"/>
      <c r="BT2662" s="53"/>
      <c r="BU2662" s="53"/>
      <c r="BV2662" s="53"/>
      <c r="BW2662" s="53"/>
      <c r="BX2662" s="53"/>
      <c r="BY2662" s="53"/>
      <c r="BZ2662" s="53"/>
      <c r="CA2662" s="53"/>
      <c r="CB2662" s="53"/>
      <c r="CC2662" s="53"/>
      <c r="CD2662" s="53"/>
      <c r="CE2662" s="53"/>
      <c r="CF2662" s="53"/>
      <c r="CG2662" s="53"/>
      <c r="CH2662" s="53"/>
      <c r="CI2662" s="53"/>
      <c r="CJ2662" s="53"/>
      <c r="CK2662" s="53"/>
      <c r="CL2662" s="53"/>
      <c r="CM2662" s="53"/>
      <c r="CN2662" s="53"/>
    </row>
    <row r="2663" spans="1:92" outlineLevel="1">
      <c r="A2663" s="52" t="s">
        <v>711</v>
      </c>
      <c r="B2663" s="53"/>
      <c r="C2663" s="53"/>
      <c r="D2663" s="53"/>
      <c r="E2663" s="53"/>
      <c r="F2663" s="53"/>
      <c r="G2663" s="53"/>
      <c r="H2663" s="53"/>
      <c r="I2663" s="53"/>
      <c r="J2663" s="53"/>
      <c r="K2663" s="53"/>
      <c r="L2663" s="53"/>
      <c r="M2663" s="53"/>
      <c r="N2663" s="53"/>
      <c r="O2663" s="53"/>
      <c r="P2663" s="53"/>
      <c r="Q2663" s="53"/>
      <c r="R2663" s="53"/>
      <c r="S2663" s="53"/>
      <c r="T2663" s="53"/>
      <c r="U2663" s="53"/>
      <c r="V2663" s="53"/>
      <c r="W2663" s="53"/>
      <c r="X2663" s="53"/>
      <c r="Y2663" s="53"/>
      <c r="Z2663" s="53"/>
      <c r="AA2663" s="53"/>
      <c r="AB2663" s="53"/>
      <c r="AC2663" s="53"/>
      <c r="AD2663" s="53"/>
      <c r="AE2663" s="53"/>
      <c r="AF2663" s="53"/>
      <c r="AG2663" s="53"/>
      <c r="AH2663" s="53"/>
      <c r="AI2663" s="53"/>
      <c r="AJ2663" s="53"/>
      <c r="AK2663" s="53"/>
      <c r="AL2663" s="53"/>
      <c r="AM2663" s="53"/>
      <c r="AN2663" s="53"/>
      <c r="AO2663" s="53"/>
      <c r="AP2663" s="53"/>
      <c r="AQ2663" s="53"/>
      <c r="AR2663" s="53"/>
      <c r="AS2663" s="53"/>
      <c r="AT2663" s="53"/>
      <c r="AU2663" s="53"/>
      <c r="AV2663" s="53"/>
      <c r="AW2663" s="53"/>
      <c r="AX2663" s="53"/>
      <c r="AY2663" s="53"/>
      <c r="AZ2663" s="53"/>
      <c r="BA2663" s="53"/>
      <c r="BB2663" s="53"/>
      <c r="BC2663" s="53"/>
      <c r="BD2663" s="53"/>
      <c r="BE2663" s="53"/>
      <c r="BF2663" s="53"/>
      <c r="BG2663" s="53"/>
      <c r="BH2663" s="53"/>
      <c r="BI2663" s="53"/>
      <c r="BJ2663" s="53"/>
      <c r="BK2663" s="53"/>
      <c r="BL2663" s="53"/>
      <c r="BM2663" s="53"/>
      <c r="BN2663" s="53"/>
      <c r="BO2663" s="53"/>
      <c r="BP2663" s="53">
        <v>-150000000</v>
      </c>
      <c r="BQ2663" s="53"/>
      <c r="BR2663" s="53"/>
      <c r="BS2663" s="53"/>
      <c r="BT2663" s="53"/>
      <c r="BU2663" s="53"/>
      <c r="BV2663" s="53"/>
      <c r="BW2663" s="53"/>
      <c r="BX2663" s="53"/>
      <c r="BY2663" s="53"/>
      <c r="BZ2663" s="53"/>
      <c r="CA2663" s="53">
        <v>-150000000</v>
      </c>
      <c r="CB2663" s="53"/>
      <c r="CC2663" s="53"/>
      <c r="CD2663" s="53"/>
      <c r="CE2663" s="53"/>
      <c r="CF2663" s="53"/>
      <c r="CG2663" s="53"/>
      <c r="CH2663" s="53"/>
      <c r="CI2663" s="53"/>
      <c r="CJ2663" s="53"/>
      <c r="CK2663" s="53"/>
      <c r="CL2663" s="53"/>
      <c r="CM2663" s="53"/>
      <c r="CN2663" s="53"/>
    </row>
    <row r="2664" spans="1:92">
      <c r="A2664" s="52" t="s">
        <v>723</v>
      </c>
      <c r="B2664" s="53"/>
      <c r="C2664" s="53"/>
      <c r="D2664" s="53"/>
      <c r="E2664" s="53"/>
      <c r="F2664" s="53"/>
      <c r="G2664" s="53"/>
      <c r="H2664" s="53"/>
      <c r="I2664" s="53"/>
      <c r="J2664" s="53"/>
      <c r="K2664" s="53"/>
      <c r="L2664" s="53"/>
      <c r="M2664" s="53"/>
      <c r="N2664" s="53"/>
      <c r="O2664" s="53"/>
      <c r="P2664" s="53"/>
      <c r="Q2664" s="53"/>
      <c r="R2664" s="53"/>
      <c r="S2664" s="53"/>
      <c r="T2664" s="53"/>
      <c r="U2664" s="53"/>
      <c r="V2664" s="53"/>
      <c r="W2664" s="53"/>
      <c r="X2664" s="53"/>
      <c r="Y2664" s="53"/>
      <c r="Z2664" s="53"/>
      <c r="AA2664" s="53"/>
      <c r="AB2664" s="53"/>
      <c r="AC2664" s="53"/>
      <c r="AD2664" s="53"/>
      <c r="AE2664" s="53"/>
      <c r="AF2664" s="53"/>
      <c r="AG2664" s="53"/>
      <c r="AH2664" s="53"/>
      <c r="AI2664" s="53"/>
      <c r="AJ2664" s="53"/>
      <c r="AK2664" s="53"/>
      <c r="AL2664" s="53"/>
      <c r="AM2664" s="53"/>
      <c r="AN2664" s="53"/>
      <c r="AO2664" s="53"/>
      <c r="AP2664" s="53"/>
      <c r="AQ2664" s="53"/>
      <c r="AR2664" s="53"/>
      <c r="AS2664" s="53"/>
      <c r="AT2664" s="53"/>
      <c r="AU2664" s="53"/>
      <c r="AV2664" s="53"/>
      <c r="AW2664" s="53"/>
      <c r="AX2664" s="53"/>
      <c r="AY2664" s="53"/>
      <c r="AZ2664" s="53"/>
      <c r="BA2664" s="53"/>
      <c r="BB2664" s="53">
        <v>-650000000</v>
      </c>
      <c r="BC2664" s="53"/>
      <c r="BD2664" s="53"/>
      <c r="BE2664" s="53"/>
      <c r="BF2664" s="53"/>
      <c r="BG2664" s="53"/>
      <c r="BH2664" s="53"/>
      <c r="BI2664" s="53"/>
      <c r="BJ2664" s="53"/>
      <c r="BK2664" s="53"/>
      <c r="BL2664" s="53"/>
      <c r="BM2664" s="53"/>
      <c r="BN2664" s="53">
        <v>-650000000</v>
      </c>
      <c r="BO2664" s="53"/>
      <c r="BP2664" s="53"/>
      <c r="BQ2664" s="53"/>
      <c r="BR2664" s="53"/>
      <c r="BS2664" s="53"/>
      <c r="BT2664" s="53"/>
      <c r="BU2664" s="53"/>
      <c r="BV2664" s="53"/>
      <c r="BW2664" s="53"/>
      <c r="BX2664" s="53"/>
      <c r="BY2664" s="53"/>
      <c r="BZ2664" s="53"/>
      <c r="CA2664" s="53"/>
      <c r="CB2664" s="53"/>
      <c r="CC2664" s="53"/>
      <c r="CD2664" s="53"/>
      <c r="CE2664" s="53"/>
      <c r="CF2664" s="53"/>
      <c r="CG2664" s="53"/>
      <c r="CH2664" s="53"/>
      <c r="CI2664" s="53"/>
      <c r="CJ2664" s="53"/>
      <c r="CK2664" s="53"/>
      <c r="CL2664" s="53"/>
      <c r="CM2664" s="53"/>
      <c r="CN2664" s="53"/>
    </row>
    <row r="2665" spans="1:92">
      <c r="A2665" s="52" t="s">
        <v>725</v>
      </c>
      <c r="B2665" s="53"/>
      <c r="C2665" s="53"/>
      <c r="D2665" s="53"/>
      <c r="E2665" s="53"/>
      <c r="F2665" s="53"/>
      <c r="G2665" s="53"/>
      <c r="H2665" s="53"/>
      <c r="I2665" s="53"/>
      <c r="J2665" s="53"/>
      <c r="K2665" s="53"/>
      <c r="L2665" s="53"/>
      <c r="M2665" s="53"/>
      <c r="N2665" s="53"/>
      <c r="O2665" s="53"/>
      <c r="P2665" s="53"/>
      <c r="Q2665" s="53"/>
      <c r="R2665" s="53"/>
      <c r="S2665" s="53"/>
      <c r="T2665" s="53"/>
      <c r="U2665" s="53"/>
      <c r="V2665" s="53"/>
      <c r="W2665" s="53"/>
      <c r="X2665" s="53"/>
      <c r="Y2665" s="53"/>
      <c r="Z2665" s="53"/>
      <c r="AA2665" s="53"/>
      <c r="AB2665" s="53"/>
      <c r="AC2665" s="53"/>
      <c r="AD2665" s="53"/>
      <c r="AE2665" s="53"/>
      <c r="AF2665" s="53"/>
      <c r="AG2665" s="53"/>
      <c r="AH2665" s="53"/>
      <c r="AI2665" s="53"/>
      <c r="AJ2665" s="53"/>
      <c r="AK2665" s="53"/>
      <c r="AL2665" s="53"/>
      <c r="AM2665" s="53"/>
      <c r="AN2665" s="53"/>
      <c r="AO2665" s="53"/>
      <c r="AP2665" s="53"/>
      <c r="AQ2665" s="53"/>
      <c r="AR2665" s="53"/>
      <c r="AS2665" s="53"/>
      <c r="AT2665" s="53"/>
      <c r="AU2665" s="53"/>
      <c r="AV2665" s="53"/>
      <c r="AW2665" s="53"/>
      <c r="AX2665" s="53"/>
      <c r="AY2665" s="53"/>
      <c r="AZ2665" s="53"/>
      <c r="BA2665" s="53"/>
      <c r="BB2665" s="53"/>
      <c r="BC2665" s="53"/>
      <c r="BD2665" s="53"/>
      <c r="BE2665" s="53"/>
      <c r="BF2665" s="53"/>
      <c r="BG2665" s="53"/>
      <c r="BH2665" s="53"/>
      <c r="BI2665" s="53"/>
      <c r="BJ2665" s="53"/>
      <c r="BK2665" s="53"/>
      <c r="BL2665" s="53"/>
      <c r="BM2665" s="53"/>
      <c r="BN2665" s="53"/>
      <c r="BO2665" s="53"/>
      <c r="BP2665" s="53"/>
      <c r="BQ2665" s="53"/>
      <c r="BR2665" s="53"/>
      <c r="BS2665" s="53"/>
      <c r="BT2665" s="53"/>
      <c r="BU2665" s="53">
        <v>-600000000</v>
      </c>
      <c r="BV2665" s="53"/>
      <c r="BW2665" s="53"/>
      <c r="BX2665" s="53"/>
      <c r="BY2665" s="53"/>
      <c r="BZ2665" s="53"/>
      <c r="CA2665" s="53">
        <v>-600000000</v>
      </c>
      <c r="CB2665" s="53"/>
      <c r="CC2665" s="53"/>
      <c r="CD2665" s="53"/>
      <c r="CE2665" s="53"/>
      <c r="CF2665" s="53"/>
      <c r="CG2665" s="53"/>
      <c r="CH2665" s="53"/>
      <c r="CI2665" s="53"/>
      <c r="CJ2665" s="53"/>
      <c r="CK2665" s="53"/>
      <c r="CL2665" s="53"/>
      <c r="CM2665" s="53"/>
      <c r="CN2665" s="53"/>
    </row>
    <row r="2666" spans="1:92">
      <c r="A2666" s="52" t="s">
        <v>726</v>
      </c>
      <c r="B2666" s="53"/>
      <c r="C2666" s="53"/>
      <c r="D2666" s="53"/>
      <c r="E2666" s="53"/>
      <c r="F2666" s="53"/>
      <c r="G2666" s="53"/>
      <c r="H2666" s="53"/>
      <c r="I2666" s="53"/>
      <c r="J2666" s="53"/>
      <c r="K2666" s="53"/>
      <c r="L2666" s="53"/>
      <c r="M2666" s="53"/>
      <c r="N2666" s="53"/>
      <c r="O2666" s="53"/>
      <c r="P2666" s="53"/>
      <c r="Q2666" s="53"/>
      <c r="R2666" s="53"/>
      <c r="S2666" s="53"/>
      <c r="T2666" s="53"/>
      <c r="U2666" s="53"/>
      <c r="V2666" s="53"/>
      <c r="W2666" s="53"/>
      <c r="X2666" s="53"/>
      <c r="Y2666" s="53"/>
      <c r="Z2666" s="53"/>
      <c r="AA2666" s="53"/>
      <c r="AB2666" s="53"/>
      <c r="AC2666" s="53"/>
      <c r="AD2666" s="53"/>
      <c r="AE2666" s="53"/>
      <c r="AF2666" s="53"/>
      <c r="AG2666" s="53"/>
      <c r="AH2666" s="53"/>
      <c r="AI2666" s="53"/>
      <c r="AJ2666" s="53"/>
      <c r="AK2666" s="53"/>
      <c r="AL2666" s="53"/>
      <c r="AM2666" s="53"/>
      <c r="AN2666" s="53"/>
      <c r="AO2666" s="53"/>
      <c r="AP2666" s="53"/>
      <c r="AQ2666" s="53"/>
      <c r="AR2666" s="53"/>
      <c r="AS2666" s="53"/>
      <c r="AT2666" s="53"/>
      <c r="AU2666" s="53"/>
      <c r="AV2666" s="53"/>
      <c r="AW2666" s="53"/>
      <c r="AX2666" s="53"/>
      <c r="AY2666" s="53"/>
      <c r="AZ2666" s="53"/>
      <c r="BA2666" s="53"/>
      <c r="BB2666" s="53"/>
      <c r="BC2666" s="53"/>
      <c r="BD2666" s="53"/>
      <c r="BE2666" s="53"/>
      <c r="BF2666" s="53"/>
      <c r="BG2666" s="53"/>
      <c r="BH2666" s="53"/>
      <c r="BI2666" s="53"/>
      <c r="BJ2666" s="53"/>
      <c r="BK2666" s="53"/>
      <c r="BL2666" s="53"/>
      <c r="BM2666" s="53"/>
      <c r="BN2666" s="53"/>
      <c r="BO2666" s="53"/>
      <c r="BP2666" s="53"/>
      <c r="BQ2666" s="53"/>
      <c r="BR2666" s="53"/>
      <c r="BS2666" s="53"/>
      <c r="BT2666" s="53"/>
      <c r="BU2666" s="53"/>
      <c r="BV2666" s="53"/>
      <c r="BW2666" s="53"/>
      <c r="BX2666" s="53"/>
      <c r="BY2666" s="53"/>
      <c r="BZ2666" s="53"/>
      <c r="CA2666" s="53"/>
      <c r="CB2666" s="53"/>
      <c r="CC2666" s="53"/>
      <c r="CD2666" s="53"/>
      <c r="CE2666" s="53"/>
      <c r="CF2666" s="53"/>
      <c r="CG2666" s="53"/>
      <c r="CH2666" s="53"/>
      <c r="CI2666" s="53"/>
      <c r="CJ2666" s="53"/>
      <c r="CK2666" s="53"/>
      <c r="CL2666" s="53"/>
      <c r="CM2666" s="53"/>
      <c r="CN2666" s="53"/>
    </row>
    <row r="2667" spans="1:92">
      <c r="A2667" s="52" t="s">
        <v>1564</v>
      </c>
      <c r="B2667" s="53"/>
      <c r="C2667" s="53"/>
      <c r="D2667" s="53"/>
      <c r="E2667" s="53"/>
      <c r="F2667" s="53"/>
      <c r="G2667" s="53"/>
      <c r="H2667" s="53"/>
      <c r="I2667" s="53"/>
      <c r="J2667" s="53"/>
      <c r="K2667" s="53"/>
      <c r="L2667" s="53"/>
      <c r="M2667" s="53"/>
      <c r="N2667" s="53"/>
      <c r="O2667" s="53"/>
      <c r="P2667" s="53"/>
      <c r="Q2667" s="53"/>
      <c r="R2667" s="53">
        <v>-800000000</v>
      </c>
      <c r="S2667" s="53"/>
      <c r="T2667" s="53"/>
      <c r="U2667" s="53"/>
      <c r="V2667" s="53"/>
      <c r="W2667" s="53"/>
      <c r="X2667" s="53"/>
      <c r="Y2667" s="53"/>
      <c r="Z2667" s="53"/>
      <c r="AA2667" s="53">
        <v>-800000000</v>
      </c>
      <c r="AB2667" s="53"/>
      <c r="AC2667" s="53"/>
      <c r="AD2667" s="53"/>
      <c r="AE2667" s="53"/>
      <c r="AF2667" s="53"/>
      <c r="AG2667" s="53"/>
      <c r="AH2667" s="53"/>
      <c r="AI2667" s="53"/>
      <c r="AJ2667" s="53"/>
      <c r="AK2667" s="53"/>
      <c r="AL2667" s="53"/>
      <c r="AM2667" s="53"/>
      <c r="AN2667" s="53"/>
      <c r="AO2667" s="53"/>
      <c r="AP2667" s="53"/>
      <c r="AQ2667" s="53"/>
      <c r="AR2667" s="53"/>
      <c r="AS2667" s="53"/>
      <c r="AT2667" s="53"/>
      <c r="AU2667" s="53"/>
      <c r="AV2667" s="53"/>
      <c r="AW2667" s="53"/>
      <c r="AX2667" s="53"/>
      <c r="AY2667" s="53"/>
      <c r="AZ2667" s="53"/>
      <c r="BA2667" s="53"/>
      <c r="BB2667" s="53"/>
      <c r="BC2667" s="53"/>
      <c r="BD2667" s="53"/>
      <c r="BE2667" s="53"/>
      <c r="BF2667" s="53"/>
      <c r="BG2667" s="53"/>
      <c r="BH2667" s="53"/>
      <c r="BI2667" s="53"/>
      <c r="BJ2667" s="53"/>
      <c r="BK2667" s="53"/>
      <c r="BL2667" s="53"/>
      <c r="BM2667" s="53"/>
      <c r="BN2667" s="53"/>
      <c r="BO2667" s="53"/>
      <c r="BP2667" s="53"/>
      <c r="BQ2667" s="53"/>
      <c r="BR2667" s="53"/>
      <c r="BS2667" s="53"/>
      <c r="BT2667" s="53"/>
      <c r="BU2667" s="53"/>
      <c r="BV2667" s="53"/>
      <c r="BW2667" s="53"/>
      <c r="BX2667" s="53"/>
      <c r="BY2667" s="53"/>
      <c r="BZ2667" s="53"/>
      <c r="CA2667" s="53"/>
      <c r="CB2667" s="53">
        <v>9966657.5352246799</v>
      </c>
      <c r="CC2667" s="53">
        <v>4649169.1058668504</v>
      </c>
      <c r="CD2667" s="53">
        <v>4180311.4957047999</v>
      </c>
      <c r="CE2667" s="53">
        <v>8515473.5558954906</v>
      </c>
      <c r="CF2667" s="53">
        <v>19756860.9266943</v>
      </c>
      <c r="CG2667" s="53">
        <v>24261694.077486001</v>
      </c>
      <c r="CH2667" s="53">
        <v>29436058.5516885</v>
      </c>
      <c r="CI2667" s="53">
        <v>29677056.700727601</v>
      </c>
      <c r="CJ2667" s="53">
        <v>24727090.512954202</v>
      </c>
      <c r="CK2667" s="53">
        <v>14592147.8233594</v>
      </c>
      <c r="CL2667" s="53">
        <v>4828308.1482623396</v>
      </c>
      <c r="CM2667" s="53">
        <v>6254011.0540844398</v>
      </c>
      <c r="CN2667" s="53">
        <v>180844839.487948</v>
      </c>
    </row>
    <row r="2668" spans="1:92">
      <c r="A2668" s="52" t="s">
        <v>1376</v>
      </c>
      <c r="B2668" s="53"/>
      <c r="C2668" s="53"/>
      <c r="D2668" s="53"/>
      <c r="E2668" s="53"/>
      <c r="F2668" s="53"/>
      <c r="G2668" s="53"/>
      <c r="H2668" s="53"/>
      <c r="I2668" s="53"/>
      <c r="J2668" s="53"/>
      <c r="K2668" s="53"/>
      <c r="L2668" s="53"/>
      <c r="M2668" s="53"/>
      <c r="N2668" s="53"/>
      <c r="O2668" s="53"/>
      <c r="P2668" s="53"/>
      <c r="Q2668" s="53"/>
      <c r="R2668" s="53"/>
      <c r="S2668" s="53"/>
      <c r="T2668" s="53"/>
      <c r="U2668" s="53"/>
      <c r="V2668" s="53"/>
      <c r="W2668" s="53"/>
      <c r="X2668" s="53"/>
      <c r="Y2668" s="53"/>
      <c r="Z2668" s="53"/>
      <c r="AA2668" s="53"/>
      <c r="AB2668" s="53"/>
      <c r="AC2668" s="53"/>
      <c r="AD2668" s="53"/>
      <c r="AE2668" s="53"/>
      <c r="AF2668" s="53"/>
      <c r="AG2668" s="53"/>
      <c r="AH2668" s="53"/>
      <c r="AI2668" s="53"/>
      <c r="AJ2668" s="53"/>
      <c r="AK2668" s="53"/>
      <c r="AL2668" s="53"/>
      <c r="AM2668" s="53"/>
      <c r="AN2668" s="53"/>
      <c r="AO2668" s="53"/>
      <c r="AP2668" s="53"/>
      <c r="AQ2668" s="53"/>
      <c r="AR2668" s="53"/>
      <c r="AS2668" s="53"/>
      <c r="AT2668" s="53"/>
      <c r="AU2668" s="53"/>
      <c r="AV2668" s="53"/>
      <c r="AW2668" s="53"/>
      <c r="AX2668" s="53"/>
      <c r="AY2668" s="53"/>
      <c r="AZ2668" s="53"/>
      <c r="BA2668" s="53"/>
      <c r="BB2668" s="53"/>
      <c r="BC2668" s="53"/>
      <c r="BD2668" s="53"/>
      <c r="BE2668" s="53"/>
      <c r="BF2668" s="53"/>
      <c r="BG2668" s="53"/>
      <c r="BH2668" s="53"/>
      <c r="BI2668" s="53"/>
      <c r="BJ2668" s="53"/>
      <c r="BK2668" s="53"/>
      <c r="BL2668" s="53"/>
      <c r="BM2668" s="53"/>
      <c r="BN2668" s="53"/>
      <c r="BO2668" s="53"/>
      <c r="BP2668" s="53"/>
      <c r="BQ2668" s="53"/>
      <c r="BR2668" s="53"/>
      <c r="BS2668" s="53"/>
      <c r="BT2668" s="53"/>
      <c r="BU2668" s="53"/>
      <c r="BV2668" s="53"/>
      <c r="BW2668" s="53"/>
      <c r="BX2668" s="53"/>
      <c r="BY2668" s="53"/>
      <c r="BZ2668" s="53"/>
      <c r="CA2668" s="53"/>
      <c r="CB2668" s="53"/>
      <c r="CC2668" s="53"/>
      <c r="CD2668" s="53"/>
      <c r="CE2668" s="53"/>
      <c r="CF2668" s="53"/>
      <c r="CG2668" s="53"/>
      <c r="CH2668" s="53"/>
      <c r="CI2668" s="53"/>
      <c r="CJ2668" s="53"/>
      <c r="CK2668" s="53"/>
      <c r="CL2668" s="53"/>
      <c r="CM2668" s="53"/>
      <c r="CN2668" s="53"/>
    </row>
    <row r="2669" spans="1:92" outlineLevel="1">
      <c r="A2669" s="52" t="s">
        <v>1587</v>
      </c>
      <c r="B2669" s="53"/>
      <c r="C2669" s="53"/>
      <c r="D2669" s="53"/>
      <c r="E2669" s="53"/>
      <c r="F2669" s="53"/>
      <c r="G2669" s="53"/>
      <c r="H2669" s="53"/>
      <c r="I2669" s="53"/>
      <c r="J2669" s="53"/>
      <c r="K2669" s="53"/>
      <c r="L2669" s="53"/>
      <c r="M2669" s="53"/>
      <c r="N2669" s="53"/>
      <c r="O2669" s="53"/>
      <c r="P2669" s="53"/>
      <c r="Q2669" s="53"/>
      <c r="R2669" s="53"/>
      <c r="S2669" s="53"/>
      <c r="T2669" s="53"/>
      <c r="U2669" s="53"/>
      <c r="V2669" s="53"/>
      <c r="W2669" s="53"/>
      <c r="X2669" s="53"/>
      <c r="Y2669" s="53"/>
      <c r="Z2669" s="53"/>
      <c r="AA2669" s="53"/>
      <c r="AB2669" s="53"/>
      <c r="AC2669" s="53"/>
      <c r="AD2669" s="53"/>
      <c r="AE2669" s="53"/>
      <c r="AF2669" s="53"/>
      <c r="AG2669" s="53"/>
      <c r="AH2669" s="53"/>
      <c r="AI2669" s="53"/>
      <c r="AJ2669" s="53"/>
      <c r="AK2669" s="53"/>
      <c r="AL2669" s="53"/>
      <c r="AM2669" s="53"/>
      <c r="AN2669" s="53"/>
      <c r="AO2669" s="53"/>
      <c r="AP2669" s="53"/>
      <c r="AQ2669" s="53"/>
      <c r="AR2669" s="53"/>
      <c r="AS2669" s="53"/>
      <c r="AT2669" s="53"/>
      <c r="AU2669" s="53"/>
      <c r="AV2669" s="53"/>
      <c r="AW2669" s="53"/>
      <c r="AX2669" s="53"/>
      <c r="AY2669" s="53"/>
      <c r="AZ2669" s="53"/>
      <c r="BA2669" s="53"/>
      <c r="BB2669" s="53"/>
      <c r="BC2669" s="53"/>
      <c r="BD2669" s="53"/>
      <c r="BE2669" s="53"/>
      <c r="BF2669" s="53"/>
      <c r="BG2669" s="53"/>
      <c r="BH2669" s="53"/>
      <c r="BI2669" s="53"/>
      <c r="BJ2669" s="53"/>
      <c r="BK2669" s="53"/>
      <c r="BL2669" s="53"/>
      <c r="BM2669" s="53"/>
      <c r="BN2669" s="53"/>
      <c r="BO2669" s="53"/>
      <c r="BP2669" s="53"/>
      <c r="BQ2669" s="53"/>
      <c r="BR2669" s="53"/>
      <c r="BS2669" s="53"/>
      <c r="BT2669" s="53"/>
      <c r="BU2669" s="53"/>
      <c r="BV2669" s="53"/>
      <c r="BW2669" s="53"/>
      <c r="BX2669" s="53"/>
      <c r="BY2669" s="53"/>
      <c r="BZ2669" s="53"/>
      <c r="CA2669" s="53"/>
      <c r="CB2669" s="53"/>
      <c r="CC2669" s="53"/>
      <c r="CD2669" s="53"/>
      <c r="CE2669" s="53"/>
      <c r="CF2669" s="53"/>
      <c r="CG2669" s="53"/>
      <c r="CH2669" s="53"/>
      <c r="CI2669" s="53"/>
      <c r="CJ2669" s="53"/>
      <c r="CK2669" s="53"/>
      <c r="CL2669" s="53"/>
      <c r="CM2669" s="53"/>
      <c r="CN2669" s="53"/>
    </row>
    <row r="2670" spans="1:92" outlineLevel="1">
      <c r="A2670" s="52" t="s">
        <v>1378</v>
      </c>
      <c r="B2670" s="53">
        <v>-1204871.6006449901</v>
      </c>
      <c r="C2670" s="53">
        <v>-1213613.9481673399</v>
      </c>
      <c r="D2670" s="53">
        <v>-661267.92870625702</v>
      </c>
      <c r="E2670" s="53">
        <v>-624188.97858562798</v>
      </c>
      <c r="F2670" s="53">
        <v>-1173118.9897827399</v>
      </c>
      <c r="G2670" s="53">
        <v>-3149849.9456527801</v>
      </c>
      <c r="H2670" s="53">
        <v>-3172704.7318834402</v>
      </c>
      <c r="I2670" s="53">
        <v>-3195725.34863387</v>
      </c>
      <c r="J2670" s="53">
        <v>-1152980.9991426601</v>
      </c>
      <c r="K2670" s="53">
        <v>-714658.83710894606</v>
      </c>
      <c r="L2670" s="53">
        <v>-719844.28252120304</v>
      </c>
      <c r="M2670" s="53">
        <v>-1328096.1526611301</v>
      </c>
      <c r="N2670" s="53">
        <v>-18310921.743491001</v>
      </c>
      <c r="O2670" s="53">
        <v>-1326741.92699548</v>
      </c>
      <c r="P2670" s="53">
        <v>-1336368.5452941</v>
      </c>
      <c r="Q2670" s="53">
        <v>-784913.21273066802</v>
      </c>
      <c r="R2670" s="53">
        <v>-748731.412183373</v>
      </c>
      <c r="S2670" s="53">
        <v>3.8769374325073702</v>
      </c>
      <c r="T2670" s="53">
        <v>3.9050678443614002</v>
      </c>
      <c r="U2670" s="53">
        <v>3.93340236579545</v>
      </c>
      <c r="V2670" s="53">
        <v>3.9619424777946</v>
      </c>
      <c r="W2670" s="53">
        <v>3.9906896720897298</v>
      </c>
      <c r="X2670" s="53">
        <v>4.0196454512354602</v>
      </c>
      <c r="Y2670" s="53">
        <v>4.0488113286887204</v>
      </c>
      <c r="Z2670" s="53">
        <v>4.0781888288877903</v>
      </c>
      <c r="AA2670" s="53">
        <v>-4196723.2825182201</v>
      </c>
      <c r="AB2670" s="53">
        <v>4.1077794873320599</v>
      </c>
      <c r="AC2670" s="53">
        <v>4.1375848506622299</v>
      </c>
      <c r="AD2670" s="53">
        <v>4.1676064767411498</v>
      </c>
      <c r="AE2670" s="53">
        <v>4.1978459347353096</v>
      </c>
      <c r="AF2670" s="53">
        <v>4.2283048051967498</v>
      </c>
      <c r="AG2670" s="53">
        <v>4.2589846801457902</v>
      </c>
      <c r="AH2670" s="53">
        <v>4.28988716315415</v>
      </c>
      <c r="AI2670" s="53">
        <v>4.3210138694287998</v>
      </c>
      <c r="AJ2670" s="53">
        <v>4.3523664258963901</v>
      </c>
      <c r="AK2670" s="53">
        <v>4.3839464712882901</v>
      </c>
      <c r="AL2670" s="53">
        <v>4.4157556562262101</v>
      </c>
      <c r="AM2670" s="53">
        <v>4.4477956433085</v>
      </c>
      <c r="AN2670" s="53">
        <v>51.308871464115597</v>
      </c>
      <c r="AO2670" s="53">
        <v>4.48006810719707</v>
      </c>
      <c r="AP2670" s="53">
        <v>4.5125747347048701</v>
      </c>
      <c r="AQ2670" s="53">
        <v>4.5453172248840996</v>
      </c>
      <c r="AR2670" s="53">
        <v>4.57829728911498</v>
      </c>
      <c r="AS2670" s="53">
        <v>4.6115166511952497</v>
      </c>
      <c r="AT2670" s="53">
        <v>4.6449770474302099</v>
      </c>
      <c r="AU2670" s="53">
        <v>4.6786802267235101</v>
      </c>
      <c r="AV2670" s="53">
        <v>4.71262795066857</v>
      </c>
      <c r="AW2670" s="53">
        <v>4.7468219936406202</v>
      </c>
      <c r="AX2670" s="53">
        <v>4.7812641428894702</v>
      </c>
      <c r="AY2670" s="53">
        <v>4.81595619863291</v>
      </c>
      <c r="AZ2670" s="53">
        <v>4.8508999741508196</v>
      </c>
      <c r="BA2670" s="53">
        <v>55.959001541232396</v>
      </c>
      <c r="BB2670" s="53">
        <v>4.8860972958799103</v>
      </c>
      <c r="BC2670" s="53">
        <v>4.9215500035092301</v>
      </c>
      <c r="BD2670" s="53">
        <v>4.9572599500763399</v>
      </c>
      <c r="BE2670" s="53">
        <v>4.9932290020640604</v>
      </c>
      <c r="BF2670" s="53"/>
      <c r="BG2670" s="53"/>
      <c r="BH2670" s="53"/>
      <c r="BI2670" s="53"/>
      <c r="BJ2670" s="53"/>
      <c r="BK2670" s="53"/>
      <c r="BL2670" s="53"/>
      <c r="BM2670" s="53"/>
      <c r="BN2670" s="53">
        <v>19.7581362515295</v>
      </c>
      <c r="BO2670" s="53"/>
      <c r="BP2670" s="53"/>
      <c r="BQ2670" s="53"/>
      <c r="BR2670" s="53"/>
      <c r="BS2670" s="53"/>
      <c r="BT2670" s="53"/>
      <c r="BU2670" s="53"/>
      <c r="BV2670" s="53"/>
      <c r="BW2670" s="53"/>
      <c r="BX2670" s="53"/>
      <c r="BY2670" s="53"/>
      <c r="BZ2670" s="53"/>
      <c r="CA2670" s="53"/>
      <c r="CB2670" s="53">
        <v>2722409.65123385</v>
      </c>
      <c r="CC2670" s="53">
        <v>1248678.91999333</v>
      </c>
      <c r="CD2670" s="53">
        <v>1118736.0197216601</v>
      </c>
      <c r="CE2670" s="53">
        <v>2320217.0643701302</v>
      </c>
      <c r="CF2670" s="53">
        <v>5435743.9245058596</v>
      </c>
      <c r="CG2670" s="53">
        <v>6684248.9549595797</v>
      </c>
      <c r="CH2670" s="53">
        <v>8118313.1831336301</v>
      </c>
      <c r="CI2670" s="53">
        <v>8185105.3131268397</v>
      </c>
      <c r="CJ2670" s="53">
        <v>6813232.5979465004</v>
      </c>
      <c r="CK2670" s="53">
        <v>4004354.5534631899</v>
      </c>
      <c r="CL2670" s="53">
        <v>1298326.9287197101</v>
      </c>
      <c r="CM2670" s="53">
        <v>1693457.48966815</v>
      </c>
      <c r="CN2670" s="53">
        <v>49642824.600842401</v>
      </c>
    </row>
    <row r="2671" spans="1:92" outlineLevel="1">
      <c r="A2671" s="52" t="s">
        <v>1379</v>
      </c>
      <c r="B2671" s="53">
        <v>-310944.68276122899</v>
      </c>
      <c r="C2671" s="53">
        <v>-312838.85412038199</v>
      </c>
      <c r="D2671" s="53">
        <v>-314744.56414006598</v>
      </c>
      <c r="E2671" s="53">
        <v>-316661.88310995197</v>
      </c>
      <c r="F2671" s="53">
        <v>-318590.88174789702</v>
      </c>
      <c r="G2671" s="53">
        <v>-320531.63120254403</v>
      </c>
      <c r="H2671" s="53">
        <v>-322484.20305595302</v>
      </c>
      <c r="I2671" s="53">
        <v>-324448.66932623601</v>
      </c>
      <c r="J2671" s="53">
        <v>-326425.10247021401</v>
      </c>
      <c r="K2671" s="53">
        <v>-328413.57538609498</v>
      </c>
      <c r="L2671" s="53">
        <v>-330414.16141615598</v>
      </c>
      <c r="M2671" s="53">
        <v>-332426.934349449</v>
      </c>
      <c r="N2671" s="53">
        <v>-3858925.1430861698</v>
      </c>
      <c r="O2671" s="53">
        <v>-334451.96842452802</v>
      </c>
      <c r="P2671" s="53">
        <v>-336489.33833217999</v>
      </c>
      <c r="Q2671" s="53">
        <v>-338539.119218187</v>
      </c>
      <c r="R2671" s="53">
        <v>-340601.38668609102</v>
      </c>
      <c r="S2671" s="53">
        <v>-342676.21679998701</v>
      </c>
      <c r="T2671" s="53">
        <v>-344763.68608732702</v>
      </c>
      <c r="U2671" s="53">
        <v>-346863.871541742</v>
      </c>
      <c r="V2671" s="53">
        <v>-348976.85062588402</v>
      </c>
      <c r="W2671" s="53">
        <v>-351102.70127428003</v>
      </c>
      <c r="X2671" s="53">
        <v>-353241.50189620903</v>
      </c>
      <c r="Y2671" s="53">
        <v>-355393.33137859299</v>
      </c>
      <c r="Z2671" s="53">
        <v>-357558.26908890699</v>
      </c>
      <c r="AA2671" s="53">
        <v>-4150658.24135391</v>
      </c>
      <c r="AB2671" s="53">
        <v>-359736.39487810701</v>
      </c>
      <c r="AC2671" s="53">
        <v>-361927.78908357298</v>
      </c>
      <c r="AD2671" s="53">
        <v>-364132.53253207402</v>
      </c>
      <c r="AE2671" s="53">
        <v>-366350.70654274803</v>
      </c>
      <c r="AF2671" s="53">
        <v>-368582.39293010399</v>
      </c>
      <c r="AG2671" s="53">
        <v>-370827.67400703701</v>
      </c>
      <c r="AH2671" s="53">
        <v>-373086.63258786203</v>
      </c>
      <c r="AI2671" s="53">
        <v>-375359.35199137701</v>
      </c>
      <c r="AJ2671" s="53">
        <v>-377645.91604392399</v>
      </c>
      <c r="AK2671" s="53">
        <v>-379946.40908249101</v>
      </c>
      <c r="AL2671" s="53">
        <v>-382260.91595781897</v>
      </c>
      <c r="AM2671" s="53">
        <v>-384589.52203752799</v>
      </c>
      <c r="AN2671" s="53">
        <v>-4464446.2376746396</v>
      </c>
      <c r="AO2671" s="53">
        <v>-386932.31320927298</v>
      </c>
      <c r="AP2671" s="53">
        <v>-389289.37588390597</v>
      </c>
      <c r="AQ2671" s="53">
        <v>-391660.79699866503</v>
      </c>
      <c r="AR2671" s="53">
        <v>-394046.66402038198</v>
      </c>
      <c r="AS2671" s="53">
        <v>-396447.06494870601</v>
      </c>
      <c r="AT2671" s="53">
        <v>-398862.08831935102</v>
      </c>
      <c r="AU2671" s="53">
        <v>-401291.82320736302</v>
      </c>
      <c r="AV2671" s="53">
        <v>-403736.3592304</v>
      </c>
      <c r="AW2671" s="53">
        <v>-406195.78655204503</v>
      </c>
      <c r="AX2671" s="53">
        <v>-408670.19588512398</v>
      </c>
      <c r="AY2671" s="53">
        <v>-411159.67849505699</v>
      </c>
      <c r="AZ2671" s="53">
        <v>-413664.32620322099</v>
      </c>
      <c r="BA2671" s="53">
        <v>-4801956.47295349</v>
      </c>
      <c r="BB2671" s="53">
        <v>-416184.23139034002</v>
      </c>
      <c r="BC2671" s="53">
        <v>-418719.48699989298</v>
      </c>
      <c r="BD2671" s="53">
        <v>-421270.186541526</v>
      </c>
      <c r="BE2671" s="53"/>
      <c r="BF2671" s="53"/>
      <c r="BG2671" s="53"/>
      <c r="BH2671" s="53"/>
      <c r="BI2671" s="53"/>
      <c r="BJ2671" s="53"/>
      <c r="BK2671" s="53"/>
      <c r="BL2671" s="53"/>
      <c r="BM2671" s="53"/>
      <c r="BN2671" s="53">
        <v>-1256173.9049317599</v>
      </c>
      <c r="BO2671" s="53"/>
      <c r="BP2671" s="53"/>
      <c r="BQ2671" s="53"/>
      <c r="BR2671" s="53"/>
      <c r="BS2671" s="53"/>
      <c r="BT2671" s="53"/>
      <c r="BU2671" s="53"/>
      <c r="BV2671" s="53"/>
      <c r="BW2671" s="53"/>
      <c r="BX2671" s="53"/>
      <c r="BY2671" s="53"/>
      <c r="BZ2671" s="53"/>
      <c r="CA2671" s="53"/>
      <c r="CB2671" s="53"/>
      <c r="CC2671" s="53"/>
      <c r="CD2671" s="53"/>
      <c r="CE2671" s="53"/>
      <c r="CF2671" s="53"/>
      <c r="CG2671" s="53"/>
      <c r="CH2671" s="53"/>
      <c r="CI2671" s="53"/>
      <c r="CJ2671" s="53"/>
      <c r="CK2671" s="53"/>
      <c r="CL2671" s="53"/>
      <c r="CM2671" s="53"/>
      <c r="CN2671" s="53"/>
    </row>
    <row r="2672" spans="1:92" outlineLevel="1">
      <c r="A2672" s="52" t="s">
        <v>650</v>
      </c>
      <c r="B2672" s="53"/>
      <c r="C2672" s="53"/>
      <c r="D2672" s="53"/>
      <c r="E2672" s="53"/>
      <c r="F2672" s="53"/>
      <c r="G2672" s="53"/>
      <c r="H2672" s="53"/>
      <c r="I2672" s="53"/>
      <c r="J2672" s="53"/>
      <c r="K2672" s="53"/>
      <c r="L2672" s="53"/>
      <c r="M2672" s="53"/>
      <c r="N2672" s="53"/>
      <c r="O2672" s="53"/>
      <c r="P2672" s="53"/>
      <c r="Q2672" s="53"/>
      <c r="R2672" s="53"/>
      <c r="S2672" s="53"/>
      <c r="T2672" s="53"/>
      <c r="U2672" s="53"/>
      <c r="V2672" s="53"/>
      <c r="W2672" s="53"/>
      <c r="X2672" s="53"/>
      <c r="Y2672" s="53"/>
      <c r="Z2672" s="53"/>
      <c r="AA2672" s="53"/>
      <c r="AB2672" s="53"/>
      <c r="AC2672" s="53"/>
      <c r="AD2672" s="53"/>
      <c r="AE2672" s="53"/>
      <c r="AF2672" s="53"/>
      <c r="AG2672" s="53"/>
      <c r="AH2672" s="53"/>
      <c r="AI2672" s="53"/>
      <c r="AJ2672" s="53"/>
      <c r="AK2672" s="53"/>
      <c r="AL2672" s="53"/>
      <c r="AM2672" s="53"/>
      <c r="AN2672" s="53"/>
      <c r="AO2672" s="53"/>
      <c r="AP2672" s="53"/>
      <c r="AQ2672" s="53"/>
      <c r="AR2672" s="53"/>
      <c r="AS2672" s="53"/>
      <c r="AT2672" s="53"/>
      <c r="AU2672" s="53"/>
      <c r="AV2672" s="53"/>
      <c r="AW2672" s="53"/>
      <c r="AX2672" s="53"/>
      <c r="AY2672" s="53"/>
      <c r="AZ2672" s="53"/>
      <c r="BA2672" s="53"/>
      <c r="BB2672" s="53"/>
      <c r="BC2672" s="53"/>
      <c r="BD2672" s="53"/>
      <c r="BE2672" s="53"/>
      <c r="BF2672" s="53"/>
      <c r="BG2672" s="53"/>
      <c r="BH2672" s="53"/>
      <c r="BI2672" s="53"/>
      <c r="BJ2672" s="53"/>
      <c r="BK2672" s="53"/>
      <c r="BL2672" s="53"/>
      <c r="BM2672" s="53"/>
      <c r="BN2672" s="53"/>
      <c r="BO2672" s="53"/>
      <c r="BP2672" s="53"/>
      <c r="BQ2672" s="53"/>
      <c r="BR2672" s="53"/>
      <c r="BS2672" s="53"/>
      <c r="BT2672" s="53"/>
      <c r="BU2672" s="53"/>
      <c r="BV2672" s="53"/>
      <c r="BW2672" s="53"/>
      <c r="BX2672" s="53"/>
      <c r="BY2672" s="53"/>
      <c r="BZ2672" s="53"/>
      <c r="CA2672" s="53"/>
      <c r="CB2672" s="53"/>
      <c r="CC2672" s="53"/>
      <c r="CD2672" s="53"/>
      <c r="CE2672" s="53"/>
      <c r="CF2672" s="53"/>
      <c r="CG2672" s="53"/>
      <c r="CH2672" s="53"/>
      <c r="CI2672" s="53"/>
      <c r="CJ2672" s="53"/>
      <c r="CK2672" s="53"/>
      <c r="CL2672" s="53"/>
      <c r="CM2672" s="53"/>
      <c r="CN2672" s="53"/>
    </row>
    <row r="2673" spans="1:92" outlineLevel="1">
      <c r="A2673" s="52" t="s">
        <v>1652</v>
      </c>
      <c r="B2673" s="53"/>
      <c r="C2673" s="53"/>
      <c r="D2673" s="53"/>
      <c r="E2673" s="53"/>
      <c r="F2673" s="53"/>
      <c r="G2673" s="53"/>
      <c r="H2673" s="53"/>
      <c r="I2673" s="53"/>
      <c r="J2673" s="53"/>
      <c r="K2673" s="53"/>
      <c r="L2673" s="53"/>
      <c r="M2673" s="53"/>
      <c r="N2673" s="53"/>
      <c r="O2673" s="53"/>
      <c r="P2673" s="53"/>
      <c r="Q2673" s="53"/>
      <c r="R2673" s="53"/>
      <c r="S2673" s="53"/>
      <c r="T2673" s="53"/>
      <c r="U2673" s="53"/>
      <c r="V2673" s="53"/>
      <c r="W2673" s="53"/>
      <c r="X2673" s="53"/>
      <c r="Y2673" s="53"/>
      <c r="Z2673" s="53"/>
      <c r="AA2673" s="53"/>
      <c r="AB2673" s="53"/>
      <c r="AC2673" s="53"/>
      <c r="AD2673" s="53"/>
      <c r="AE2673" s="53"/>
      <c r="AF2673" s="53"/>
      <c r="AG2673" s="53"/>
      <c r="AH2673" s="53"/>
      <c r="AI2673" s="53"/>
      <c r="AJ2673" s="53"/>
      <c r="AK2673" s="53"/>
      <c r="AL2673" s="53"/>
      <c r="AM2673" s="53"/>
      <c r="AN2673" s="53"/>
      <c r="AO2673" s="53"/>
      <c r="AP2673" s="53"/>
      <c r="AQ2673" s="53"/>
      <c r="AR2673" s="53"/>
      <c r="AS2673" s="53"/>
      <c r="AT2673" s="53"/>
      <c r="AU2673" s="53"/>
      <c r="AV2673" s="53"/>
      <c r="AW2673" s="53"/>
      <c r="AX2673" s="53"/>
      <c r="AY2673" s="53"/>
      <c r="AZ2673" s="53"/>
      <c r="BA2673" s="53"/>
      <c r="BB2673" s="53"/>
      <c r="BC2673" s="53"/>
      <c r="BD2673" s="53"/>
      <c r="BE2673" s="53"/>
      <c r="BF2673" s="53"/>
      <c r="BG2673" s="53"/>
      <c r="BH2673" s="53"/>
      <c r="BI2673" s="53"/>
      <c r="BJ2673" s="53"/>
      <c r="BK2673" s="53"/>
      <c r="BL2673" s="53"/>
      <c r="BM2673" s="53"/>
      <c r="BN2673" s="53"/>
      <c r="BO2673" s="53"/>
      <c r="BP2673" s="53"/>
      <c r="BQ2673" s="53"/>
      <c r="BR2673" s="53"/>
      <c r="BS2673" s="53"/>
      <c r="BT2673" s="53"/>
      <c r="BU2673" s="53"/>
      <c r="BV2673" s="53"/>
      <c r="BW2673" s="53"/>
      <c r="BX2673" s="53"/>
      <c r="BY2673" s="53"/>
      <c r="BZ2673" s="53"/>
      <c r="CA2673" s="53"/>
      <c r="CB2673" s="53">
        <v>1907733.58333333</v>
      </c>
      <c r="CC2673" s="53">
        <v>1907733.58333333</v>
      </c>
      <c r="CD2673" s="53">
        <v>1907733.58333333</v>
      </c>
      <c r="CE2673" s="53">
        <v>1907733.58333333</v>
      </c>
      <c r="CF2673" s="53">
        <v>1907733.58333333</v>
      </c>
      <c r="CG2673" s="53">
        <v>1907733.58333333</v>
      </c>
      <c r="CH2673" s="53">
        <v>1907733.58333333</v>
      </c>
      <c r="CI2673" s="53">
        <v>1907733.58333333</v>
      </c>
      <c r="CJ2673" s="53">
        <v>1907733.58333333</v>
      </c>
      <c r="CK2673" s="53">
        <v>1907733.58333333</v>
      </c>
      <c r="CL2673" s="53">
        <v>1907733.58333333</v>
      </c>
      <c r="CM2673" s="53">
        <v>1907733.58333333</v>
      </c>
      <c r="CN2673" s="53">
        <v>22892803</v>
      </c>
    </row>
    <row r="2674" spans="1:92" outlineLevel="1">
      <c r="A2674" s="52" t="s">
        <v>649</v>
      </c>
      <c r="B2674" s="53"/>
      <c r="C2674" s="53"/>
      <c r="D2674" s="53"/>
      <c r="E2674" s="53"/>
      <c r="F2674" s="53"/>
      <c r="G2674" s="53"/>
      <c r="H2674" s="53"/>
      <c r="I2674" s="53"/>
      <c r="J2674" s="53"/>
      <c r="K2674" s="53"/>
      <c r="L2674" s="53"/>
      <c r="M2674" s="53"/>
      <c r="N2674" s="53"/>
      <c r="O2674" s="53"/>
      <c r="P2674" s="53"/>
      <c r="Q2674" s="53"/>
      <c r="R2674" s="53"/>
      <c r="S2674" s="53"/>
      <c r="T2674" s="53"/>
      <c r="U2674" s="53"/>
      <c r="V2674" s="53"/>
      <c r="W2674" s="53"/>
      <c r="X2674" s="53"/>
      <c r="Y2674" s="53"/>
      <c r="Z2674" s="53"/>
      <c r="AA2674" s="53"/>
      <c r="AB2674" s="53"/>
      <c r="AC2674" s="53"/>
      <c r="AD2674" s="53"/>
      <c r="AE2674" s="53"/>
      <c r="AF2674" s="53">
        <v>-5700000</v>
      </c>
      <c r="AG2674" s="53"/>
      <c r="AH2674" s="53"/>
      <c r="AI2674" s="53"/>
      <c r="AJ2674" s="53"/>
      <c r="AK2674" s="53"/>
      <c r="AL2674" s="53"/>
      <c r="AM2674" s="53"/>
      <c r="AN2674" s="53">
        <v>-5700000</v>
      </c>
      <c r="AO2674" s="53"/>
      <c r="AP2674" s="53"/>
      <c r="AQ2674" s="53"/>
      <c r="AR2674" s="53"/>
      <c r="AS2674" s="53"/>
      <c r="AT2674" s="53"/>
      <c r="AU2674" s="53"/>
      <c r="AV2674" s="53"/>
      <c r="AW2674" s="53"/>
      <c r="AX2674" s="53"/>
      <c r="AY2674" s="53"/>
      <c r="AZ2674" s="53"/>
      <c r="BA2674" s="53"/>
      <c r="BB2674" s="53"/>
      <c r="BC2674" s="53"/>
      <c r="BD2674" s="53"/>
      <c r="BE2674" s="53"/>
      <c r="BF2674" s="53"/>
      <c r="BG2674" s="53"/>
      <c r="BH2674" s="53"/>
      <c r="BI2674" s="53"/>
      <c r="BJ2674" s="53"/>
      <c r="BK2674" s="53"/>
      <c r="BL2674" s="53"/>
      <c r="BM2674" s="53"/>
      <c r="BN2674" s="53"/>
      <c r="BO2674" s="53"/>
      <c r="BP2674" s="53"/>
      <c r="BQ2674" s="53"/>
      <c r="BR2674" s="53"/>
      <c r="BS2674" s="53"/>
      <c r="BT2674" s="53"/>
      <c r="BU2674" s="53"/>
      <c r="BV2674" s="53"/>
      <c r="BW2674" s="53"/>
      <c r="BX2674" s="53"/>
      <c r="BY2674" s="53"/>
      <c r="BZ2674" s="53"/>
      <c r="CA2674" s="53"/>
      <c r="CB2674" s="53"/>
      <c r="CC2674" s="53"/>
      <c r="CD2674" s="53"/>
      <c r="CE2674" s="53"/>
      <c r="CF2674" s="53"/>
      <c r="CG2674" s="53"/>
      <c r="CH2674" s="53"/>
      <c r="CI2674" s="53"/>
      <c r="CJ2674" s="53"/>
      <c r="CK2674" s="53"/>
      <c r="CL2674" s="53"/>
      <c r="CM2674" s="53"/>
      <c r="CN2674" s="53"/>
    </row>
    <row r="2675" spans="1:92">
      <c r="A2675" s="52" t="s">
        <v>672</v>
      </c>
      <c r="B2675" s="53"/>
      <c r="C2675" s="53"/>
      <c r="D2675" s="53"/>
      <c r="E2675" s="53"/>
      <c r="F2675" s="53"/>
      <c r="G2675" s="53"/>
      <c r="H2675" s="53"/>
      <c r="I2675" s="53"/>
      <c r="J2675" s="53"/>
      <c r="K2675" s="53"/>
      <c r="L2675" s="53"/>
      <c r="M2675" s="53"/>
      <c r="N2675" s="53"/>
      <c r="O2675" s="53"/>
      <c r="P2675" s="53"/>
      <c r="Q2675" s="53"/>
      <c r="R2675" s="53"/>
      <c r="S2675" s="53"/>
      <c r="T2675" s="53"/>
      <c r="U2675" s="53"/>
      <c r="V2675" s="53"/>
      <c r="W2675" s="53"/>
      <c r="X2675" s="53"/>
      <c r="Y2675" s="53"/>
      <c r="Z2675" s="53"/>
      <c r="AA2675" s="53"/>
      <c r="AB2675" s="53"/>
      <c r="AC2675" s="53"/>
      <c r="AD2675" s="53"/>
      <c r="AE2675" s="53"/>
      <c r="AF2675" s="53"/>
      <c r="AG2675" s="53"/>
      <c r="AH2675" s="53"/>
      <c r="AI2675" s="53"/>
      <c r="AJ2675" s="53"/>
      <c r="AK2675" s="53"/>
      <c r="AL2675" s="53"/>
      <c r="AM2675" s="53"/>
      <c r="AN2675" s="53"/>
      <c r="AO2675" s="53"/>
      <c r="AP2675" s="53"/>
      <c r="AQ2675" s="53"/>
      <c r="AR2675" s="53"/>
      <c r="AS2675" s="53"/>
      <c r="AT2675" s="53"/>
      <c r="AU2675" s="53"/>
      <c r="AV2675" s="53"/>
      <c r="AW2675" s="53"/>
      <c r="AX2675" s="53"/>
      <c r="AY2675" s="53"/>
      <c r="AZ2675" s="53"/>
      <c r="BA2675" s="53"/>
      <c r="BB2675" s="53"/>
      <c r="BC2675" s="53"/>
      <c r="BD2675" s="53"/>
      <c r="BE2675" s="53"/>
      <c r="BF2675" s="53"/>
      <c r="BG2675" s="53"/>
      <c r="BH2675" s="53"/>
      <c r="BI2675" s="53"/>
      <c r="BJ2675" s="53"/>
      <c r="BK2675" s="53"/>
      <c r="BL2675" s="53"/>
      <c r="BM2675" s="53"/>
      <c r="BN2675" s="53"/>
      <c r="BO2675" s="53"/>
      <c r="BP2675" s="53"/>
      <c r="BQ2675" s="53"/>
      <c r="BR2675" s="53"/>
      <c r="BS2675" s="53"/>
      <c r="BT2675" s="53"/>
      <c r="BU2675" s="53"/>
      <c r="BV2675" s="53"/>
      <c r="BW2675" s="53"/>
      <c r="BX2675" s="53"/>
      <c r="BY2675" s="53"/>
      <c r="BZ2675" s="53"/>
      <c r="CA2675" s="53"/>
      <c r="CB2675" s="53"/>
      <c r="CC2675" s="53"/>
      <c r="CD2675" s="53"/>
      <c r="CE2675" s="53"/>
      <c r="CF2675" s="53"/>
      <c r="CG2675" s="53"/>
      <c r="CH2675" s="53"/>
      <c r="CI2675" s="53"/>
      <c r="CJ2675" s="53"/>
      <c r="CK2675" s="53"/>
      <c r="CL2675" s="53"/>
      <c r="CM2675" s="53"/>
      <c r="CN2675" s="53"/>
    </row>
    <row r="2676" spans="1:92">
      <c r="A2676" s="52" t="s">
        <v>709</v>
      </c>
      <c r="B2676" s="53"/>
      <c r="C2676" s="53"/>
      <c r="D2676" s="53"/>
      <c r="E2676" s="53"/>
      <c r="F2676" s="53"/>
      <c r="G2676" s="53"/>
      <c r="H2676" s="53"/>
      <c r="I2676" s="53"/>
      <c r="J2676" s="53"/>
      <c r="K2676" s="53"/>
      <c r="L2676" s="53"/>
      <c r="M2676" s="53"/>
      <c r="N2676" s="53"/>
      <c r="O2676" s="53"/>
      <c r="P2676" s="53"/>
      <c r="Q2676" s="53"/>
      <c r="R2676" s="53"/>
      <c r="S2676" s="53"/>
      <c r="T2676" s="53"/>
      <c r="U2676" s="53"/>
      <c r="V2676" s="53"/>
      <c r="W2676" s="53"/>
      <c r="X2676" s="53"/>
      <c r="Y2676" s="53"/>
      <c r="Z2676" s="53"/>
      <c r="AA2676" s="53"/>
      <c r="AB2676" s="53"/>
      <c r="AC2676" s="53"/>
      <c r="AD2676" s="53"/>
      <c r="AE2676" s="53"/>
      <c r="AF2676" s="53"/>
      <c r="AG2676" s="53"/>
      <c r="AH2676" s="53"/>
      <c r="AI2676" s="53"/>
      <c r="AJ2676" s="53"/>
      <c r="AK2676" s="53"/>
      <c r="AL2676" s="53"/>
      <c r="AM2676" s="53"/>
      <c r="AN2676" s="53"/>
      <c r="AO2676" s="53"/>
      <c r="AP2676" s="53"/>
      <c r="AQ2676" s="53"/>
      <c r="AR2676" s="53"/>
      <c r="AS2676" s="53"/>
      <c r="AT2676" s="53"/>
      <c r="AU2676" s="53"/>
      <c r="AV2676" s="53"/>
      <c r="AW2676" s="53"/>
      <c r="AX2676" s="53"/>
      <c r="AY2676" s="53"/>
      <c r="AZ2676" s="53"/>
      <c r="BA2676" s="53"/>
      <c r="BB2676" s="53"/>
      <c r="BC2676" s="53"/>
      <c r="BD2676" s="53"/>
      <c r="BE2676" s="53"/>
      <c r="BF2676" s="53"/>
      <c r="BG2676" s="53"/>
      <c r="BH2676" s="53"/>
      <c r="BI2676" s="53"/>
      <c r="BJ2676" s="53"/>
      <c r="BK2676" s="53"/>
      <c r="BL2676" s="53"/>
      <c r="BM2676" s="53"/>
      <c r="BN2676" s="53"/>
      <c r="BO2676" s="53"/>
      <c r="BP2676" s="53"/>
      <c r="BQ2676" s="53"/>
      <c r="BR2676" s="53"/>
      <c r="BS2676" s="53"/>
      <c r="BT2676" s="53"/>
      <c r="BU2676" s="53"/>
      <c r="BV2676" s="53"/>
      <c r="BW2676" s="53"/>
      <c r="BX2676" s="53"/>
      <c r="BY2676" s="53"/>
      <c r="BZ2676" s="53"/>
      <c r="CA2676" s="53"/>
      <c r="CB2676" s="53"/>
      <c r="CC2676" s="53"/>
      <c r="CD2676" s="53"/>
      <c r="CE2676" s="53"/>
      <c r="CF2676" s="53"/>
      <c r="CG2676" s="53"/>
      <c r="CH2676" s="53"/>
      <c r="CI2676" s="53"/>
      <c r="CJ2676" s="53"/>
      <c r="CK2676" s="53"/>
      <c r="CL2676" s="53"/>
      <c r="CM2676" s="53"/>
      <c r="CN2676" s="53"/>
    </row>
    <row r="2677" spans="1:92" outlineLevel="1">
      <c r="A2677" s="52" t="s">
        <v>1660</v>
      </c>
      <c r="B2677" s="53"/>
      <c r="C2677" s="53"/>
      <c r="D2677" s="53"/>
      <c r="E2677" s="53"/>
      <c r="F2677" s="53"/>
      <c r="G2677" s="53"/>
      <c r="H2677" s="53"/>
      <c r="I2677" s="53"/>
      <c r="J2677" s="53"/>
      <c r="K2677" s="53"/>
      <c r="L2677" s="53"/>
      <c r="M2677" s="53"/>
      <c r="N2677" s="53"/>
      <c r="O2677" s="53"/>
      <c r="P2677" s="53"/>
      <c r="Q2677" s="53"/>
      <c r="R2677" s="53"/>
      <c r="S2677" s="53"/>
      <c r="T2677" s="53"/>
      <c r="U2677" s="53"/>
      <c r="V2677" s="53"/>
      <c r="W2677" s="53"/>
      <c r="X2677" s="53"/>
      <c r="Y2677" s="53"/>
      <c r="Z2677" s="53"/>
      <c r="AA2677" s="53"/>
      <c r="AB2677" s="53"/>
      <c r="AC2677" s="53"/>
      <c r="AD2677" s="53"/>
      <c r="AE2677" s="53"/>
      <c r="AF2677" s="53"/>
      <c r="AG2677" s="53"/>
      <c r="AH2677" s="53"/>
      <c r="AI2677" s="53"/>
      <c r="AJ2677" s="53"/>
      <c r="AK2677" s="53"/>
      <c r="AL2677" s="53"/>
      <c r="AM2677" s="53"/>
      <c r="AN2677" s="53"/>
      <c r="AO2677" s="53"/>
      <c r="AP2677" s="53"/>
      <c r="AQ2677" s="53"/>
      <c r="AR2677" s="53"/>
      <c r="AS2677" s="53"/>
      <c r="AT2677" s="53"/>
      <c r="AU2677" s="53"/>
      <c r="AV2677" s="53"/>
      <c r="AW2677" s="53"/>
      <c r="AX2677" s="53"/>
      <c r="AY2677" s="53"/>
      <c r="AZ2677" s="53"/>
      <c r="BA2677" s="53"/>
      <c r="BB2677" s="53"/>
      <c r="BC2677" s="53"/>
      <c r="BD2677" s="53"/>
      <c r="BE2677" s="53"/>
      <c r="BF2677" s="53"/>
      <c r="BG2677" s="53"/>
      <c r="BH2677" s="53"/>
      <c r="BI2677" s="53"/>
      <c r="BJ2677" s="53"/>
      <c r="BK2677" s="53"/>
      <c r="BL2677" s="53"/>
      <c r="BM2677" s="53"/>
      <c r="BN2677" s="53"/>
      <c r="BO2677" s="53"/>
      <c r="BP2677" s="53"/>
      <c r="BQ2677" s="53"/>
      <c r="BR2677" s="53"/>
      <c r="BS2677" s="53"/>
      <c r="BT2677" s="53"/>
      <c r="BU2677" s="53"/>
      <c r="BV2677" s="53"/>
      <c r="BW2677" s="53"/>
      <c r="BX2677" s="53"/>
      <c r="BY2677" s="53"/>
      <c r="BZ2677" s="53"/>
      <c r="CA2677" s="53"/>
      <c r="CB2677" s="53"/>
      <c r="CC2677" s="53"/>
      <c r="CD2677" s="53"/>
      <c r="CE2677" s="53"/>
      <c r="CF2677" s="53"/>
      <c r="CG2677" s="53"/>
      <c r="CH2677" s="53"/>
      <c r="CI2677" s="53"/>
      <c r="CJ2677" s="53"/>
      <c r="CK2677" s="53"/>
      <c r="CL2677" s="53"/>
      <c r="CM2677" s="53"/>
      <c r="CN2677" s="53"/>
    </row>
    <row r="2678" spans="1:92" outlineLevel="1">
      <c r="A2678" s="52" t="s">
        <v>1564</v>
      </c>
      <c r="B2678" s="53"/>
      <c r="C2678" s="53"/>
      <c r="D2678" s="53"/>
      <c r="E2678" s="53"/>
      <c r="F2678" s="53"/>
      <c r="G2678" s="53"/>
      <c r="H2678" s="53"/>
      <c r="I2678" s="53"/>
      <c r="J2678" s="53"/>
      <c r="K2678" s="53">
        <v>800000000</v>
      </c>
      <c r="L2678" s="53"/>
      <c r="M2678" s="53"/>
      <c r="N2678" s="53">
        <v>800000000</v>
      </c>
      <c r="O2678" s="53"/>
      <c r="P2678" s="53"/>
      <c r="Q2678" s="53"/>
      <c r="R2678" s="53"/>
      <c r="S2678" s="53"/>
      <c r="T2678" s="53"/>
      <c r="U2678" s="53"/>
      <c r="V2678" s="53"/>
      <c r="W2678" s="53"/>
      <c r="X2678" s="53"/>
      <c r="Y2678" s="53"/>
      <c r="Z2678" s="53"/>
      <c r="AA2678" s="53"/>
      <c r="AB2678" s="53"/>
      <c r="AC2678" s="53"/>
      <c r="AD2678" s="53"/>
      <c r="AE2678" s="53"/>
      <c r="AF2678" s="53"/>
      <c r="AG2678" s="53"/>
      <c r="AH2678" s="53"/>
      <c r="AI2678" s="53"/>
      <c r="AJ2678" s="53"/>
      <c r="AK2678" s="53"/>
      <c r="AL2678" s="53"/>
      <c r="AM2678" s="53"/>
      <c r="AN2678" s="53"/>
      <c r="AO2678" s="53"/>
      <c r="AP2678" s="53"/>
      <c r="AQ2678" s="53"/>
      <c r="AR2678" s="53"/>
      <c r="AS2678" s="53"/>
      <c r="AT2678" s="53"/>
      <c r="AU2678" s="53"/>
      <c r="AV2678" s="53"/>
      <c r="AW2678" s="53"/>
      <c r="AX2678" s="53"/>
      <c r="AY2678" s="53"/>
      <c r="AZ2678" s="53"/>
      <c r="BA2678" s="53"/>
      <c r="BB2678" s="53"/>
      <c r="BC2678" s="53"/>
      <c r="BD2678" s="53"/>
      <c r="BE2678" s="53"/>
      <c r="BF2678" s="53"/>
      <c r="BG2678" s="53"/>
      <c r="BH2678" s="53"/>
      <c r="BI2678" s="53"/>
      <c r="BJ2678" s="53"/>
      <c r="BK2678" s="53"/>
      <c r="BL2678" s="53"/>
      <c r="BM2678" s="53"/>
      <c r="BN2678" s="53"/>
      <c r="BO2678" s="53"/>
      <c r="BP2678" s="53"/>
      <c r="BQ2678" s="53"/>
      <c r="BR2678" s="53"/>
      <c r="BS2678" s="53"/>
      <c r="BT2678" s="53"/>
      <c r="BU2678" s="53"/>
      <c r="BV2678" s="53"/>
      <c r="BW2678" s="53"/>
      <c r="BX2678" s="53"/>
      <c r="BY2678" s="53"/>
      <c r="BZ2678" s="53"/>
      <c r="CA2678" s="53"/>
      <c r="CB2678" s="53"/>
      <c r="CC2678" s="53"/>
      <c r="CD2678" s="53"/>
      <c r="CE2678" s="53"/>
      <c r="CF2678" s="53"/>
      <c r="CG2678" s="53"/>
      <c r="CH2678" s="53"/>
      <c r="CI2678" s="53"/>
      <c r="CJ2678" s="53"/>
      <c r="CK2678" s="53"/>
      <c r="CL2678" s="53"/>
      <c r="CM2678" s="53"/>
      <c r="CN2678" s="53"/>
    </row>
    <row r="2679" spans="1:92" outlineLevel="1">
      <c r="A2679" s="52" t="s">
        <v>1565</v>
      </c>
      <c r="B2679" s="53"/>
      <c r="C2679" s="53"/>
      <c r="D2679" s="53"/>
      <c r="E2679" s="53"/>
      <c r="F2679" s="53"/>
      <c r="G2679" s="53"/>
      <c r="H2679" s="53"/>
      <c r="I2679" s="53"/>
      <c r="J2679" s="53"/>
      <c r="K2679" s="53"/>
      <c r="L2679" s="53">
        <v>500000000</v>
      </c>
      <c r="M2679" s="53"/>
      <c r="N2679" s="53">
        <v>500000000</v>
      </c>
      <c r="O2679" s="53"/>
      <c r="P2679" s="53"/>
      <c r="Q2679" s="53"/>
      <c r="R2679" s="53"/>
      <c r="S2679" s="53"/>
      <c r="T2679" s="53"/>
      <c r="U2679" s="53"/>
      <c r="V2679" s="53"/>
      <c r="W2679" s="53"/>
      <c r="X2679" s="53"/>
      <c r="Y2679" s="53"/>
      <c r="Z2679" s="53"/>
      <c r="AA2679" s="53"/>
      <c r="AB2679" s="53"/>
      <c r="AC2679" s="53"/>
      <c r="AD2679" s="53"/>
      <c r="AE2679" s="53"/>
      <c r="AF2679" s="53"/>
      <c r="AG2679" s="53"/>
      <c r="AH2679" s="53"/>
      <c r="AI2679" s="53"/>
      <c r="AJ2679" s="53"/>
      <c r="AK2679" s="53"/>
      <c r="AL2679" s="53"/>
      <c r="AM2679" s="53"/>
      <c r="AN2679" s="53"/>
      <c r="AO2679" s="53"/>
      <c r="AP2679" s="53"/>
      <c r="AQ2679" s="53"/>
      <c r="AR2679" s="53"/>
      <c r="AS2679" s="53"/>
      <c r="AT2679" s="53"/>
      <c r="AU2679" s="53"/>
      <c r="AV2679" s="53"/>
      <c r="AW2679" s="53"/>
      <c r="AX2679" s="53"/>
      <c r="AY2679" s="53"/>
      <c r="AZ2679" s="53"/>
      <c r="BA2679" s="53"/>
      <c r="BB2679" s="53"/>
      <c r="BC2679" s="53"/>
      <c r="BD2679" s="53"/>
      <c r="BE2679" s="53"/>
      <c r="BF2679" s="53"/>
      <c r="BG2679" s="53"/>
      <c r="BH2679" s="53"/>
      <c r="BI2679" s="53"/>
      <c r="BJ2679" s="53"/>
      <c r="BK2679" s="53"/>
      <c r="BL2679" s="53"/>
      <c r="BM2679" s="53"/>
      <c r="BN2679" s="53"/>
      <c r="BO2679" s="53"/>
      <c r="BP2679" s="53"/>
      <c r="BQ2679" s="53"/>
      <c r="BR2679" s="53"/>
      <c r="BS2679" s="53"/>
      <c r="BT2679" s="53"/>
      <c r="BU2679" s="53"/>
      <c r="BV2679" s="53"/>
      <c r="BW2679" s="53"/>
      <c r="BX2679" s="53"/>
      <c r="BY2679" s="53"/>
      <c r="BZ2679" s="53"/>
      <c r="CA2679" s="53"/>
      <c r="CB2679" s="53">
        <v>248005.36583333299</v>
      </c>
      <c r="CC2679" s="53">
        <v>248005.36583333299</v>
      </c>
      <c r="CD2679" s="53">
        <v>248005.36583333299</v>
      </c>
      <c r="CE2679" s="53">
        <v>248005.36583333299</v>
      </c>
      <c r="CF2679" s="53">
        <v>248005.36583333299</v>
      </c>
      <c r="CG2679" s="53">
        <v>248005.36583333299</v>
      </c>
      <c r="CH2679" s="53">
        <v>248005.36583333299</v>
      </c>
      <c r="CI2679" s="53">
        <v>248005.36583333299</v>
      </c>
      <c r="CJ2679" s="53">
        <v>248005.36583333299</v>
      </c>
      <c r="CK2679" s="53">
        <v>248005.36583333299</v>
      </c>
      <c r="CL2679" s="53">
        <v>248005.36583333299</v>
      </c>
      <c r="CM2679" s="53">
        <v>248005.36583333299</v>
      </c>
      <c r="CN2679" s="53">
        <v>2976064.3899999899</v>
      </c>
    </row>
    <row r="2680" spans="1:92" outlineLevel="1">
      <c r="A2680" s="52" t="s">
        <v>1593</v>
      </c>
      <c r="B2680" s="53"/>
      <c r="C2680" s="53"/>
      <c r="D2680" s="53"/>
      <c r="E2680" s="53"/>
      <c r="F2680" s="53"/>
      <c r="G2680" s="53"/>
      <c r="H2680" s="53"/>
      <c r="I2680" s="53"/>
      <c r="J2680" s="53"/>
      <c r="K2680" s="53"/>
      <c r="L2680" s="53"/>
      <c r="M2680" s="53"/>
      <c r="N2680" s="53"/>
      <c r="O2680" s="53"/>
      <c r="P2680" s="53"/>
      <c r="Q2680" s="53"/>
      <c r="R2680" s="53"/>
      <c r="S2680" s="53"/>
      <c r="T2680" s="53"/>
      <c r="U2680" s="53"/>
      <c r="V2680" s="53"/>
      <c r="W2680" s="53"/>
      <c r="X2680" s="53"/>
      <c r="Y2680" s="53"/>
      <c r="Z2680" s="53"/>
      <c r="AA2680" s="53"/>
      <c r="AB2680" s="53"/>
      <c r="AC2680" s="53"/>
      <c r="AD2680" s="53"/>
      <c r="AE2680" s="53"/>
      <c r="AF2680" s="53"/>
      <c r="AG2680" s="53"/>
      <c r="AH2680" s="53"/>
      <c r="AI2680" s="53"/>
      <c r="AJ2680" s="53"/>
      <c r="AK2680" s="53"/>
      <c r="AL2680" s="53"/>
      <c r="AM2680" s="53"/>
      <c r="AN2680" s="53"/>
      <c r="AO2680" s="53"/>
      <c r="AP2680" s="53"/>
      <c r="AQ2680" s="53"/>
      <c r="AR2680" s="53"/>
      <c r="AS2680" s="53"/>
      <c r="AT2680" s="53"/>
      <c r="AU2680" s="53"/>
      <c r="AV2680" s="53"/>
      <c r="AW2680" s="53"/>
      <c r="AX2680" s="53"/>
      <c r="AY2680" s="53"/>
      <c r="AZ2680" s="53"/>
      <c r="BA2680" s="53"/>
      <c r="BB2680" s="53"/>
      <c r="BC2680" s="53"/>
      <c r="BD2680" s="53"/>
      <c r="BE2680" s="53"/>
      <c r="BF2680" s="53"/>
      <c r="BG2680" s="53"/>
      <c r="BH2680" s="53"/>
      <c r="BI2680" s="53"/>
      <c r="BJ2680" s="53"/>
      <c r="BK2680" s="53"/>
      <c r="BL2680" s="53"/>
      <c r="BM2680" s="53"/>
      <c r="BN2680" s="53"/>
      <c r="BO2680" s="53"/>
      <c r="BP2680" s="53"/>
      <c r="BQ2680" s="53"/>
      <c r="BR2680" s="53"/>
      <c r="BS2680" s="53"/>
      <c r="BT2680" s="53"/>
      <c r="BU2680" s="53"/>
      <c r="BV2680" s="53"/>
      <c r="BW2680" s="53"/>
      <c r="BX2680" s="53"/>
      <c r="BY2680" s="53"/>
      <c r="BZ2680" s="53"/>
      <c r="CA2680" s="53"/>
      <c r="CB2680" s="53"/>
      <c r="CC2680" s="53"/>
      <c r="CD2680" s="53"/>
      <c r="CE2680" s="53"/>
      <c r="CF2680" s="53"/>
      <c r="CG2680" s="53"/>
      <c r="CH2680" s="53"/>
      <c r="CI2680" s="53"/>
      <c r="CJ2680" s="53"/>
      <c r="CK2680" s="53"/>
      <c r="CL2680" s="53"/>
      <c r="CM2680" s="53"/>
      <c r="CN2680" s="53"/>
    </row>
    <row r="2681" spans="1:92" outlineLevel="1">
      <c r="A2681" s="52" t="s">
        <v>711</v>
      </c>
      <c r="B2681" s="53">
        <v>15351.524590163899</v>
      </c>
      <c r="C2681" s="53">
        <v>15351.524590163899</v>
      </c>
      <c r="D2681" s="53">
        <v>15351.524590163899</v>
      </c>
      <c r="E2681" s="53">
        <v>15351.524590163899</v>
      </c>
      <c r="F2681" s="53">
        <v>15351.524590163899</v>
      </c>
      <c r="G2681" s="53">
        <v>15351.524590163899</v>
      </c>
      <c r="H2681" s="53">
        <v>15351.524590163899</v>
      </c>
      <c r="I2681" s="53">
        <v>15351.524590163899</v>
      </c>
      <c r="J2681" s="53">
        <v>15351.524590163899</v>
      </c>
      <c r="K2681" s="53">
        <v>15351.524590163899</v>
      </c>
      <c r="L2681" s="53">
        <v>15351.524590163899</v>
      </c>
      <c r="M2681" s="53">
        <v>15351.524590163899</v>
      </c>
      <c r="N2681" s="53">
        <v>184218.29508196699</v>
      </c>
      <c r="O2681" s="53">
        <v>15351.524590163899</v>
      </c>
      <c r="P2681" s="53">
        <v>15351.524590163899</v>
      </c>
      <c r="Q2681" s="53">
        <v>15351.524590163899</v>
      </c>
      <c r="R2681" s="53">
        <v>15351.524590163899</v>
      </c>
      <c r="S2681" s="53">
        <v>15351.524590163899</v>
      </c>
      <c r="T2681" s="53">
        <v>15351.524590163899</v>
      </c>
      <c r="U2681" s="53">
        <v>15351.524590163899</v>
      </c>
      <c r="V2681" s="53">
        <v>15351.524590163899</v>
      </c>
      <c r="W2681" s="53">
        <v>15351.524590163899</v>
      </c>
      <c r="X2681" s="53">
        <v>15351.524590163899</v>
      </c>
      <c r="Y2681" s="53">
        <v>15351.524590163899</v>
      </c>
      <c r="Z2681" s="53">
        <v>15351.524590163899</v>
      </c>
      <c r="AA2681" s="53">
        <v>184218.29508196699</v>
      </c>
      <c r="AB2681" s="53">
        <v>15351.524590163899</v>
      </c>
      <c r="AC2681" s="53">
        <v>15351.524590163899</v>
      </c>
      <c r="AD2681" s="53">
        <v>15351.524590163899</v>
      </c>
      <c r="AE2681" s="53">
        <v>15351.524590163899</v>
      </c>
      <c r="AF2681" s="53">
        <v>15351.524590163899</v>
      </c>
      <c r="AG2681" s="53">
        <v>15351.524590163899</v>
      </c>
      <c r="AH2681" s="53">
        <v>15351.524590163899</v>
      </c>
      <c r="AI2681" s="53">
        <v>15351.524590163899</v>
      </c>
      <c r="AJ2681" s="53">
        <v>15351.524590163899</v>
      </c>
      <c r="AK2681" s="53">
        <v>15351.524590163899</v>
      </c>
      <c r="AL2681" s="53">
        <v>15351.524590163899</v>
      </c>
      <c r="AM2681" s="53">
        <v>15351.524590163899</v>
      </c>
      <c r="AN2681" s="53">
        <v>184218.29508196699</v>
      </c>
      <c r="AO2681" s="53">
        <v>15351.524590163899</v>
      </c>
      <c r="AP2681" s="53">
        <v>15351.524590163899</v>
      </c>
      <c r="AQ2681" s="53">
        <v>15351.524590163899</v>
      </c>
      <c r="AR2681" s="53">
        <v>15351.524590163899</v>
      </c>
      <c r="AS2681" s="53">
        <v>15351.524590163899</v>
      </c>
      <c r="AT2681" s="53">
        <v>15351.524590163899</v>
      </c>
      <c r="AU2681" s="53">
        <v>15351.524590163899</v>
      </c>
      <c r="AV2681" s="53">
        <v>15351.524590163899</v>
      </c>
      <c r="AW2681" s="53">
        <v>15351.524590163899</v>
      </c>
      <c r="AX2681" s="53">
        <v>15351.524590163899</v>
      </c>
      <c r="AY2681" s="53">
        <v>15351.524590163899</v>
      </c>
      <c r="AZ2681" s="53">
        <v>15351.524590163899</v>
      </c>
      <c r="BA2681" s="53">
        <v>184218.29508196699</v>
      </c>
      <c r="BB2681" s="53">
        <v>15351.524590163899</v>
      </c>
      <c r="BC2681" s="53">
        <v>15351.524590163899</v>
      </c>
      <c r="BD2681" s="53">
        <v>15351.524590163899</v>
      </c>
      <c r="BE2681" s="53">
        <v>15351.524590163899</v>
      </c>
      <c r="BF2681" s="53">
        <v>15351.524590163899</v>
      </c>
      <c r="BG2681" s="53">
        <v>15351.524590163899</v>
      </c>
      <c r="BH2681" s="53">
        <v>15351.524590163899</v>
      </c>
      <c r="BI2681" s="53">
        <v>15351.524590163899</v>
      </c>
      <c r="BJ2681" s="53">
        <v>15351.524590163899</v>
      </c>
      <c r="BK2681" s="53">
        <v>15351.524590163899</v>
      </c>
      <c r="BL2681" s="53">
        <v>15351.524590163899</v>
      </c>
      <c r="BM2681" s="53">
        <v>15351.524590163899</v>
      </c>
      <c r="BN2681" s="53">
        <v>184218.29508196699</v>
      </c>
      <c r="BO2681" s="53">
        <v>15351.524590163899</v>
      </c>
      <c r="BP2681" s="53"/>
      <c r="BQ2681" s="53"/>
      <c r="BR2681" s="53"/>
      <c r="BS2681" s="53"/>
      <c r="BT2681" s="53"/>
      <c r="BU2681" s="53"/>
      <c r="BV2681" s="53"/>
      <c r="BW2681" s="53"/>
      <c r="BX2681" s="53"/>
      <c r="BY2681" s="53"/>
      <c r="BZ2681" s="53"/>
      <c r="CA2681" s="53">
        <v>15351.524590163899</v>
      </c>
      <c r="CB2681" s="53"/>
      <c r="CC2681" s="53"/>
      <c r="CD2681" s="53"/>
      <c r="CE2681" s="53"/>
      <c r="CF2681" s="53"/>
      <c r="CG2681" s="53"/>
      <c r="CH2681" s="53"/>
      <c r="CI2681" s="53"/>
      <c r="CJ2681" s="53"/>
      <c r="CK2681" s="53"/>
      <c r="CL2681" s="53"/>
      <c r="CM2681" s="53"/>
      <c r="CN2681" s="53"/>
    </row>
    <row r="2682" spans="1:92" outlineLevel="1">
      <c r="A2682" s="52" t="s">
        <v>712</v>
      </c>
      <c r="B2682" s="53">
        <v>8310.1065573770393</v>
      </c>
      <c r="C2682" s="53">
        <v>8310.1065573770393</v>
      </c>
      <c r="D2682" s="53">
        <v>8310.1065573770393</v>
      </c>
      <c r="E2682" s="53">
        <v>8310.1065573770393</v>
      </c>
      <c r="F2682" s="53">
        <v>8310.1065573770502</v>
      </c>
      <c r="G2682" s="53">
        <v>8310.1065573770502</v>
      </c>
      <c r="H2682" s="53">
        <v>8310.1065573770502</v>
      </c>
      <c r="I2682" s="53">
        <v>8310.1065573770502</v>
      </c>
      <c r="J2682" s="53">
        <v>8310.1065573770502</v>
      </c>
      <c r="K2682" s="53">
        <v>8310.1065573770502</v>
      </c>
      <c r="L2682" s="53">
        <v>8310.1065573770502</v>
      </c>
      <c r="M2682" s="53">
        <v>8310.1065573770502</v>
      </c>
      <c r="N2682" s="53">
        <v>99721.278688524602</v>
      </c>
      <c r="O2682" s="53">
        <v>8310.1065573770502</v>
      </c>
      <c r="P2682" s="53">
        <v>8310.1065573770502</v>
      </c>
      <c r="Q2682" s="53">
        <v>8310.1065573770502</v>
      </c>
      <c r="R2682" s="53">
        <v>8310.1065573770502</v>
      </c>
      <c r="S2682" s="53">
        <v>8310.1065573770502</v>
      </c>
      <c r="T2682" s="53">
        <v>8310.1065573770502</v>
      </c>
      <c r="U2682" s="53">
        <v>8310.1065573770502</v>
      </c>
      <c r="V2682" s="53">
        <v>8310.1065573770502</v>
      </c>
      <c r="W2682" s="53">
        <v>8310.1065573770502</v>
      </c>
      <c r="X2682" s="53">
        <v>8310.1065573770502</v>
      </c>
      <c r="Y2682" s="53">
        <v>8310.1065573770502</v>
      </c>
      <c r="Z2682" s="53">
        <v>8310.1065573770502</v>
      </c>
      <c r="AA2682" s="53">
        <v>99721.278688524602</v>
      </c>
      <c r="AB2682" s="53">
        <v>8310.1065573770502</v>
      </c>
      <c r="AC2682" s="53">
        <v>8310.1065573770502</v>
      </c>
      <c r="AD2682" s="53">
        <v>8310.1065573770502</v>
      </c>
      <c r="AE2682" s="53">
        <v>8310.1065573770502</v>
      </c>
      <c r="AF2682" s="53">
        <v>8310.1065573770502</v>
      </c>
      <c r="AG2682" s="53">
        <v>8310.1065573770502</v>
      </c>
      <c r="AH2682" s="53">
        <v>8310.1065573770502</v>
      </c>
      <c r="AI2682" s="53">
        <v>8310.1065573770502</v>
      </c>
      <c r="AJ2682" s="53">
        <v>8310.1065573770502</v>
      </c>
      <c r="AK2682" s="53">
        <v>8310.1065573770502</v>
      </c>
      <c r="AL2682" s="53">
        <v>8310.1065573770502</v>
      </c>
      <c r="AM2682" s="53">
        <v>8310.1065573770502</v>
      </c>
      <c r="AN2682" s="53">
        <v>99721.278688524602</v>
      </c>
      <c r="AO2682" s="53">
        <v>8310.1065573770593</v>
      </c>
      <c r="AP2682" s="53">
        <v>8310.1065573770593</v>
      </c>
      <c r="AQ2682" s="53">
        <v>8310.1065573770593</v>
      </c>
      <c r="AR2682" s="53">
        <v>8310.1065573770593</v>
      </c>
      <c r="AS2682" s="53">
        <v>8310.1065573770593</v>
      </c>
      <c r="AT2682" s="53">
        <v>8310.1065573770593</v>
      </c>
      <c r="AU2682" s="53">
        <v>8310.1065573770593</v>
      </c>
      <c r="AV2682" s="53">
        <v>8310.1065573770593</v>
      </c>
      <c r="AW2682" s="53">
        <v>8310.1065573770593</v>
      </c>
      <c r="AX2682" s="53">
        <v>8310.1065573770593</v>
      </c>
      <c r="AY2682" s="53">
        <v>8310.1065573770593</v>
      </c>
      <c r="AZ2682" s="53">
        <v>8310.1065573770593</v>
      </c>
      <c r="BA2682" s="53">
        <v>99721.278688524704</v>
      </c>
      <c r="BB2682" s="53">
        <v>8310.1065573770593</v>
      </c>
      <c r="BC2682" s="53">
        <v>8310.1065573770593</v>
      </c>
      <c r="BD2682" s="53">
        <v>8310.1065573770593</v>
      </c>
      <c r="BE2682" s="53">
        <v>8310.1065573770593</v>
      </c>
      <c r="BF2682" s="53">
        <v>8310.1065573770593</v>
      </c>
      <c r="BG2682" s="53">
        <v>8310.1065573770593</v>
      </c>
      <c r="BH2682" s="53">
        <v>8310.1065573770593</v>
      </c>
      <c r="BI2682" s="53">
        <v>8310.1065573770593</v>
      </c>
      <c r="BJ2682" s="53">
        <v>8310.1065573770593</v>
      </c>
      <c r="BK2682" s="53">
        <v>8310.1065573770702</v>
      </c>
      <c r="BL2682" s="53">
        <v>8310.1065573770702</v>
      </c>
      <c r="BM2682" s="53">
        <v>8310.1065573770702</v>
      </c>
      <c r="BN2682" s="53">
        <v>99721.278688524806</v>
      </c>
      <c r="BO2682" s="53">
        <v>8310.1065573770702</v>
      </c>
      <c r="BP2682" s="53">
        <v>8310.1065573770702</v>
      </c>
      <c r="BQ2682" s="53">
        <v>8310.1065573770702</v>
      </c>
      <c r="BR2682" s="53">
        <v>8310.1065573770702</v>
      </c>
      <c r="BS2682" s="53">
        <v>8310.1065573770702</v>
      </c>
      <c r="BT2682" s="53">
        <v>8310.1065573770702</v>
      </c>
      <c r="BU2682" s="53">
        <v>8310.1065573770702</v>
      </c>
      <c r="BV2682" s="53">
        <v>8310.1065573770702</v>
      </c>
      <c r="BW2682" s="53">
        <v>8310.1065573770702</v>
      </c>
      <c r="BX2682" s="53">
        <v>8310.1065573770702</v>
      </c>
      <c r="BY2682" s="53">
        <v>8310.1065573770702</v>
      </c>
      <c r="BZ2682" s="53">
        <v>8310.1065573770593</v>
      </c>
      <c r="CA2682" s="53">
        <v>99721.278688524806</v>
      </c>
      <c r="CB2682" s="53"/>
      <c r="CC2682" s="53"/>
      <c r="CD2682" s="53"/>
      <c r="CE2682" s="53"/>
      <c r="CF2682" s="53"/>
      <c r="CG2682" s="53"/>
      <c r="CH2682" s="53"/>
      <c r="CI2682" s="53"/>
      <c r="CJ2682" s="53"/>
      <c r="CK2682" s="53"/>
      <c r="CL2682" s="53"/>
      <c r="CM2682" s="53"/>
      <c r="CN2682" s="53"/>
    </row>
    <row r="2683" spans="1:92" outlineLevel="1">
      <c r="A2683" s="52" t="s">
        <v>713</v>
      </c>
      <c r="B2683" s="53">
        <v>18632.7082152974</v>
      </c>
      <c r="C2683" s="53">
        <v>18632.7082152974</v>
      </c>
      <c r="D2683" s="53">
        <v>18632.7082152974</v>
      </c>
      <c r="E2683" s="53">
        <v>18632.7082152974</v>
      </c>
      <c r="F2683" s="53">
        <v>18632.7082152974</v>
      </c>
      <c r="G2683" s="53">
        <v>18632.7082152974</v>
      </c>
      <c r="H2683" s="53">
        <v>18632.7082152974</v>
      </c>
      <c r="I2683" s="53">
        <v>18632.7082152974</v>
      </c>
      <c r="J2683" s="53">
        <v>18632.7082152974</v>
      </c>
      <c r="K2683" s="53">
        <v>18632.7082152974</v>
      </c>
      <c r="L2683" s="53">
        <v>18632.7082152974</v>
      </c>
      <c r="M2683" s="53">
        <v>18632.7082152974</v>
      </c>
      <c r="N2683" s="53">
        <v>223592.49858356899</v>
      </c>
      <c r="O2683" s="53">
        <v>18632.7082152974</v>
      </c>
      <c r="P2683" s="53">
        <v>18632.7082152974</v>
      </c>
      <c r="Q2683" s="53">
        <v>18632.7082152974</v>
      </c>
      <c r="R2683" s="53">
        <v>18632.7082152974</v>
      </c>
      <c r="S2683" s="53">
        <v>18632.7082152974</v>
      </c>
      <c r="T2683" s="53">
        <v>18632.7082152974</v>
      </c>
      <c r="U2683" s="53">
        <v>18632.7082152974</v>
      </c>
      <c r="V2683" s="53">
        <v>18632.7082152974</v>
      </c>
      <c r="W2683" s="53">
        <v>18632.7082152974</v>
      </c>
      <c r="X2683" s="53">
        <v>18632.7082152974</v>
      </c>
      <c r="Y2683" s="53">
        <v>18632.7082152974</v>
      </c>
      <c r="Z2683" s="53">
        <v>18632.7082152974</v>
      </c>
      <c r="AA2683" s="53">
        <v>223592.49858356899</v>
      </c>
      <c r="AB2683" s="53">
        <v>18632.7082152974</v>
      </c>
      <c r="AC2683" s="53">
        <v>18632.7082152974</v>
      </c>
      <c r="AD2683" s="53">
        <v>18632.7082152974</v>
      </c>
      <c r="AE2683" s="53">
        <v>18632.7082152974</v>
      </c>
      <c r="AF2683" s="53">
        <v>18632.7082152974</v>
      </c>
      <c r="AG2683" s="53">
        <v>18632.7082152974</v>
      </c>
      <c r="AH2683" s="53">
        <v>18632.7082152974</v>
      </c>
      <c r="AI2683" s="53">
        <v>18632.7082152974</v>
      </c>
      <c r="AJ2683" s="53">
        <v>18632.7082152974</v>
      </c>
      <c r="AK2683" s="53">
        <v>18632.7082152974</v>
      </c>
      <c r="AL2683" s="53">
        <v>18632.7082152974</v>
      </c>
      <c r="AM2683" s="53">
        <v>18632.7082152974</v>
      </c>
      <c r="AN2683" s="53">
        <v>223592.49858356899</v>
      </c>
      <c r="AO2683" s="53">
        <v>18632.7082152974</v>
      </c>
      <c r="AP2683" s="53">
        <v>18632.7082152974</v>
      </c>
      <c r="AQ2683" s="53">
        <v>18632.7082152974</v>
      </c>
      <c r="AR2683" s="53">
        <v>18632.7082152974</v>
      </c>
      <c r="AS2683" s="53">
        <v>18632.7082152974</v>
      </c>
      <c r="AT2683" s="53">
        <v>18632.7082152974</v>
      </c>
      <c r="AU2683" s="53">
        <v>18632.7082152974</v>
      </c>
      <c r="AV2683" s="53">
        <v>18632.7082152974</v>
      </c>
      <c r="AW2683" s="53">
        <v>18632.7082152974</v>
      </c>
      <c r="AX2683" s="53">
        <v>18632.7082152974</v>
      </c>
      <c r="AY2683" s="53">
        <v>18632.7082152974</v>
      </c>
      <c r="AZ2683" s="53">
        <v>18632.7082152974</v>
      </c>
      <c r="BA2683" s="53">
        <v>223592.49858356899</v>
      </c>
      <c r="BB2683" s="53">
        <v>18632.7082152974</v>
      </c>
      <c r="BC2683" s="53">
        <v>18632.7082152974</v>
      </c>
      <c r="BD2683" s="53">
        <v>18632.7082152974</v>
      </c>
      <c r="BE2683" s="53">
        <v>18632.7082152974</v>
      </c>
      <c r="BF2683" s="53">
        <v>18632.7082152974</v>
      </c>
      <c r="BG2683" s="53">
        <v>18632.7082152974</v>
      </c>
      <c r="BH2683" s="53">
        <v>18632.7082152974</v>
      </c>
      <c r="BI2683" s="53">
        <v>18632.7082152974</v>
      </c>
      <c r="BJ2683" s="53">
        <v>18632.7082152974</v>
      </c>
      <c r="BK2683" s="53">
        <v>18632.7082152974</v>
      </c>
      <c r="BL2683" s="53">
        <v>18632.7082152974</v>
      </c>
      <c r="BM2683" s="53">
        <v>18632.7082152974</v>
      </c>
      <c r="BN2683" s="53">
        <v>223592.49858356899</v>
      </c>
      <c r="BO2683" s="53">
        <v>18632.7082152974</v>
      </c>
      <c r="BP2683" s="53">
        <v>18632.7082152974</v>
      </c>
      <c r="BQ2683" s="53">
        <v>18632.7082152974</v>
      </c>
      <c r="BR2683" s="53">
        <v>18632.7082152974</v>
      </c>
      <c r="BS2683" s="53">
        <v>18632.7082152974</v>
      </c>
      <c r="BT2683" s="53">
        <v>18632.7082152974</v>
      </c>
      <c r="BU2683" s="53">
        <v>18632.7082152974</v>
      </c>
      <c r="BV2683" s="53">
        <v>18632.7082152974</v>
      </c>
      <c r="BW2683" s="53">
        <v>18632.7082152974</v>
      </c>
      <c r="BX2683" s="53">
        <v>18632.7082152974</v>
      </c>
      <c r="BY2683" s="53">
        <v>18632.7082152974</v>
      </c>
      <c r="BZ2683" s="53">
        <v>18632.7082152974</v>
      </c>
      <c r="CA2683" s="53">
        <v>223592.49858356899</v>
      </c>
      <c r="CB2683" s="53"/>
      <c r="CC2683" s="53"/>
      <c r="CD2683" s="53"/>
      <c r="CE2683" s="53"/>
      <c r="CF2683" s="53"/>
      <c r="CG2683" s="53"/>
      <c r="CH2683" s="53"/>
      <c r="CI2683" s="53"/>
      <c r="CJ2683" s="53"/>
      <c r="CK2683" s="53"/>
      <c r="CL2683" s="53"/>
      <c r="CM2683" s="53"/>
      <c r="CN2683" s="53"/>
    </row>
    <row r="2684" spans="1:92" outlineLevel="1">
      <c r="A2684" s="52" t="s">
        <v>716</v>
      </c>
      <c r="B2684" s="53">
        <v>36488.3342318059</v>
      </c>
      <c r="C2684" s="53">
        <v>36488.3342318059</v>
      </c>
      <c r="D2684" s="53">
        <v>36488.3342318059</v>
      </c>
      <c r="E2684" s="53">
        <v>36488.3342318059</v>
      </c>
      <c r="F2684" s="53">
        <v>36488.3342318059</v>
      </c>
      <c r="G2684" s="53">
        <v>36488.3342318059</v>
      </c>
      <c r="H2684" s="53">
        <v>36488.3342318059</v>
      </c>
      <c r="I2684" s="53">
        <v>36488.3342318059</v>
      </c>
      <c r="J2684" s="53">
        <v>36488.3342318059</v>
      </c>
      <c r="K2684" s="53">
        <v>36488.3342318059</v>
      </c>
      <c r="L2684" s="53">
        <v>36488.3342318059</v>
      </c>
      <c r="M2684" s="53">
        <v>36488.3342318059</v>
      </c>
      <c r="N2684" s="53">
        <v>437860.01078167098</v>
      </c>
      <c r="O2684" s="53">
        <v>36488.3342318059</v>
      </c>
      <c r="P2684" s="53">
        <v>36488.3342318059</v>
      </c>
      <c r="Q2684" s="53">
        <v>36488.3342318059</v>
      </c>
      <c r="R2684" s="53">
        <v>36488.3342318059</v>
      </c>
      <c r="S2684" s="53">
        <v>36488.3342318059</v>
      </c>
      <c r="T2684" s="53">
        <v>36488.3342318059</v>
      </c>
      <c r="U2684" s="53">
        <v>36488.3342318059</v>
      </c>
      <c r="V2684" s="53">
        <v>36488.3342318059</v>
      </c>
      <c r="W2684" s="53">
        <v>36488.334231805798</v>
      </c>
      <c r="X2684" s="53">
        <v>36488.334231805798</v>
      </c>
      <c r="Y2684" s="53">
        <v>36488.334231805798</v>
      </c>
      <c r="Z2684" s="53">
        <v>36488.334231805798</v>
      </c>
      <c r="AA2684" s="53">
        <v>437860.01078166999</v>
      </c>
      <c r="AB2684" s="53">
        <v>36488.334231805798</v>
      </c>
      <c r="AC2684" s="53">
        <v>36488.334231805798</v>
      </c>
      <c r="AD2684" s="53">
        <v>36488.334231805798</v>
      </c>
      <c r="AE2684" s="53">
        <v>36488.334231805798</v>
      </c>
      <c r="AF2684" s="53">
        <v>36488.334231805798</v>
      </c>
      <c r="AG2684" s="53">
        <v>36488.334231805798</v>
      </c>
      <c r="AH2684" s="53">
        <v>36488.334231805798</v>
      </c>
      <c r="AI2684" s="53">
        <v>36488.334231805798</v>
      </c>
      <c r="AJ2684" s="53">
        <v>36488.334231805798</v>
      </c>
      <c r="AK2684" s="53">
        <v>36488.334231805798</v>
      </c>
      <c r="AL2684" s="53">
        <v>36488.334231805798</v>
      </c>
      <c r="AM2684" s="53">
        <v>36488.334231805798</v>
      </c>
      <c r="AN2684" s="53">
        <v>437860.01078166999</v>
      </c>
      <c r="AO2684" s="53">
        <v>36488.334231805798</v>
      </c>
      <c r="AP2684" s="53">
        <v>36488.334231805798</v>
      </c>
      <c r="AQ2684" s="53">
        <v>36488.334231805798</v>
      </c>
      <c r="AR2684" s="53">
        <v>36488.334231805798</v>
      </c>
      <c r="AS2684" s="53">
        <v>36488.334231805798</v>
      </c>
      <c r="AT2684" s="53">
        <v>36488.334231805798</v>
      </c>
      <c r="AU2684" s="53">
        <v>36488.334231805798</v>
      </c>
      <c r="AV2684" s="53">
        <v>36488.334231805798</v>
      </c>
      <c r="AW2684" s="53">
        <v>36488.334231805798</v>
      </c>
      <c r="AX2684" s="53">
        <v>36488.334231805798</v>
      </c>
      <c r="AY2684" s="53">
        <v>36488.334231805798</v>
      </c>
      <c r="AZ2684" s="53">
        <v>36488.334231805798</v>
      </c>
      <c r="BA2684" s="53">
        <v>437860.01078166999</v>
      </c>
      <c r="BB2684" s="53">
        <v>36488.334231805798</v>
      </c>
      <c r="BC2684" s="53">
        <v>36488.334231805798</v>
      </c>
      <c r="BD2684" s="53">
        <v>36488.334231805798</v>
      </c>
      <c r="BE2684" s="53">
        <v>36488.334231805798</v>
      </c>
      <c r="BF2684" s="53">
        <v>36488.334231805798</v>
      </c>
      <c r="BG2684" s="53">
        <v>36488.334231805798</v>
      </c>
      <c r="BH2684" s="53">
        <v>36488.334231805798</v>
      </c>
      <c r="BI2684" s="53">
        <v>36488.334231805798</v>
      </c>
      <c r="BJ2684" s="53">
        <v>36488.334231805798</v>
      </c>
      <c r="BK2684" s="53">
        <v>36488.334231805798</v>
      </c>
      <c r="BL2684" s="53">
        <v>36488.334231805798</v>
      </c>
      <c r="BM2684" s="53">
        <v>36488.334231805697</v>
      </c>
      <c r="BN2684" s="53">
        <v>437860.010781669</v>
      </c>
      <c r="BO2684" s="53">
        <v>36488.334231805697</v>
      </c>
      <c r="BP2684" s="53">
        <v>36488.334231805697</v>
      </c>
      <c r="BQ2684" s="53">
        <v>36488.334231805697</v>
      </c>
      <c r="BR2684" s="53">
        <v>36488.334231805697</v>
      </c>
      <c r="BS2684" s="53">
        <v>36488.334231805697</v>
      </c>
      <c r="BT2684" s="53">
        <v>36488.334231805697</v>
      </c>
      <c r="BU2684" s="53">
        <v>36488.334231805697</v>
      </c>
      <c r="BV2684" s="53">
        <v>36488.334231805697</v>
      </c>
      <c r="BW2684" s="53">
        <v>36488.334231805697</v>
      </c>
      <c r="BX2684" s="53">
        <v>36488.334231805697</v>
      </c>
      <c r="BY2684" s="53">
        <v>36488.334231805697</v>
      </c>
      <c r="BZ2684" s="53">
        <v>36488.334231805697</v>
      </c>
      <c r="CA2684" s="53">
        <v>437860.010781669</v>
      </c>
      <c r="CB2684" s="53"/>
      <c r="CC2684" s="53"/>
      <c r="CD2684" s="53"/>
      <c r="CE2684" s="53"/>
      <c r="CF2684" s="53"/>
      <c r="CG2684" s="53"/>
      <c r="CH2684" s="53"/>
      <c r="CI2684" s="53"/>
      <c r="CJ2684" s="53"/>
      <c r="CK2684" s="53"/>
      <c r="CL2684" s="53"/>
      <c r="CM2684" s="53"/>
      <c r="CN2684" s="53"/>
    </row>
    <row r="2685" spans="1:92" outlineLevel="1">
      <c r="A2685" s="52" t="s">
        <v>717</v>
      </c>
      <c r="B2685" s="53">
        <v>13019.144927536199</v>
      </c>
      <c r="C2685" s="53">
        <v>13019.144927536199</v>
      </c>
      <c r="D2685" s="53">
        <v>13019.144927536199</v>
      </c>
      <c r="E2685" s="53">
        <v>13019.144927536199</v>
      </c>
      <c r="F2685" s="53">
        <v>13019.144927536199</v>
      </c>
      <c r="G2685" s="53">
        <v>13019.144927536199</v>
      </c>
      <c r="H2685" s="53">
        <v>13019.144927536199</v>
      </c>
      <c r="I2685" s="53">
        <v>13019.144927536199</v>
      </c>
      <c r="J2685" s="53">
        <v>13019.144927536199</v>
      </c>
      <c r="K2685" s="53">
        <v>13019.144927536199</v>
      </c>
      <c r="L2685" s="53">
        <v>13019.144927536199</v>
      </c>
      <c r="M2685" s="53">
        <v>13019.144927536199</v>
      </c>
      <c r="N2685" s="53">
        <v>156229.739130434</v>
      </c>
      <c r="O2685" s="53">
        <v>13019.144927536199</v>
      </c>
      <c r="P2685" s="53">
        <v>13019.144927536199</v>
      </c>
      <c r="Q2685" s="53">
        <v>13019.144927536199</v>
      </c>
      <c r="R2685" s="53">
        <v>13019.144927536199</v>
      </c>
      <c r="S2685" s="53">
        <v>13019.144927536199</v>
      </c>
      <c r="T2685" s="53">
        <v>13019.144927536199</v>
      </c>
      <c r="U2685" s="53">
        <v>13019.144927536199</v>
      </c>
      <c r="V2685" s="53">
        <v>13019.144927536199</v>
      </c>
      <c r="W2685" s="53">
        <v>13019.144927536199</v>
      </c>
      <c r="X2685" s="53">
        <v>13019.144927536199</v>
      </c>
      <c r="Y2685" s="53">
        <v>13019.144927536199</v>
      </c>
      <c r="Z2685" s="53">
        <v>13019.144927536199</v>
      </c>
      <c r="AA2685" s="53">
        <v>156229.739130434</v>
      </c>
      <c r="AB2685" s="53">
        <v>13019.144927536199</v>
      </c>
      <c r="AC2685" s="53">
        <v>13019.144927536199</v>
      </c>
      <c r="AD2685" s="53">
        <v>13019.144927536199</v>
      </c>
      <c r="AE2685" s="53">
        <v>13019.144927536199</v>
      </c>
      <c r="AF2685" s="53">
        <v>13019.144927536199</v>
      </c>
      <c r="AG2685" s="53">
        <v>13019.144927536199</v>
      </c>
      <c r="AH2685" s="53">
        <v>13019.144927536199</v>
      </c>
      <c r="AI2685" s="53">
        <v>13019.144927536199</v>
      </c>
      <c r="AJ2685" s="53">
        <v>13019.144927536199</v>
      </c>
      <c r="AK2685" s="53">
        <v>13019.144927536199</v>
      </c>
      <c r="AL2685" s="53">
        <v>13019.144927536199</v>
      </c>
      <c r="AM2685" s="53">
        <v>13019.144927536199</v>
      </c>
      <c r="AN2685" s="53">
        <v>156229.739130434</v>
      </c>
      <c r="AO2685" s="53">
        <v>13019.144927536199</v>
      </c>
      <c r="AP2685" s="53">
        <v>13019.144927536199</v>
      </c>
      <c r="AQ2685" s="53">
        <v>13019.144927536199</v>
      </c>
      <c r="AR2685" s="53">
        <v>13019.144927536199</v>
      </c>
      <c r="AS2685" s="53">
        <v>13019.144927536199</v>
      </c>
      <c r="AT2685" s="53">
        <v>13019.144927536199</v>
      </c>
      <c r="AU2685" s="53">
        <v>13019.144927536199</v>
      </c>
      <c r="AV2685" s="53">
        <v>13019.144927536199</v>
      </c>
      <c r="AW2685" s="53">
        <v>13019.144927536199</v>
      </c>
      <c r="AX2685" s="53">
        <v>13019.144927536199</v>
      </c>
      <c r="AY2685" s="53">
        <v>13019.144927536199</v>
      </c>
      <c r="AZ2685" s="53">
        <v>13019.144927536199</v>
      </c>
      <c r="BA2685" s="53">
        <v>156229.739130434</v>
      </c>
      <c r="BB2685" s="53">
        <v>13019.144927536199</v>
      </c>
      <c r="BC2685" s="53">
        <v>13019.144927536199</v>
      </c>
      <c r="BD2685" s="53">
        <v>13019.144927536199</v>
      </c>
      <c r="BE2685" s="53">
        <v>13019.144927536199</v>
      </c>
      <c r="BF2685" s="53">
        <v>13019.144927536199</v>
      </c>
      <c r="BG2685" s="53">
        <v>13019.144927536199</v>
      </c>
      <c r="BH2685" s="53">
        <v>13019.144927536199</v>
      </c>
      <c r="BI2685" s="53">
        <v>13019.144927536199</v>
      </c>
      <c r="BJ2685" s="53">
        <v>13019.144927536199</v>
      </c>
      <c r="BK2685" s="53">
        <v>13019.144927536199</v>
      </c>
      <c r="BL2685" s="53">
        <v>13019.144927536199</v>
      </c>
      <c r="BM2685" s="53">
        <v>13019.144927536199</v>
      </c>
      <c r="BN2685" s="53">
        <v>156229.739130434</v>
      </c>
      <c r="BO2685" s="53">
        <v>13019.144927536199</v>
      </c>
      <c r="BP2685" s="53">
        <v>13019.144927536199</v>
      </c>
      <c r="BQ2685" s="53">
        <v>13019.144927536199</v>
      </c>
      <c r="BR2685" s="53">
        <v>13019.144927536199</v>
      </c>
      <c r="BS2685" s="53">
        <v>13019.144927536199</v>
      </c>
      <c r="BT2685" s="53">
        <v>13019.144927536199</v>
      </c>
      <c r="BU2685" s="53">
        <v>13019.144927536199</v>
      </c>
      <c r="BV2685" s="53">
        <v>13019.144927536199</v>
      </c>
      <c r="BW2685" s="53">
        <v>13019.144927536199</v>
      </c>
      <c r="BX2685" s="53">
        <v>13019.144927536199</v>
      </c>
      <c r="BY2685" s="53">
        <v>13019.144927536199</v>
      </c>
      <c r="BZ2685" s="53">
        <v>13019.144927536199</v>
      </c>
      <c r="CA2685" s="53">
        <v>156229.739130434</v>
      </c>
      <c r="CB2685" s="53"/>
      <c r="CC2685" s="53"/>
      <c r="CD2685" s="53"/>
      <c r="CE2685" s="53"/>
      <c r="CF2685" s="53"/>
      <c r="CG2685" s="53"/>
      <c r="CH2685" s="53"/>
      <c r="CI2685" s="53"/>
      <c r="CJ2685" s="53"/>
      <c r="CK2685" s="53"/>
      <c r="CL2685" s="53"/>
      <c r="CM2685" s="53"/>
      <c r="CN2685" s="53"/>
    </row>
    <row r="2686" spans="1:92" outlineLevel="1">
      <c r="A2686" s="52" t="s">
        <v>718</v>
      </c>
      <c r="B2686" s="53">
        <v>13527.685534591101</v>
      </c>
      <c r="C2686" s="53">
        <v>13527.685534591101</v>
      </c>
      <c r="D2686" s="53">
        <v>13527.685534591101</v>
      </c>
      <c r="E2686" s="53">
        <v>13527.685534591101</v>
      </c>
      <c r="F2686" s="53">
        <v>13527.685534591101</v>
      </c>
      <c r="G2686" s="53">
        <v>13527.685534591101</v>
      </c>
      <c r="H2686" s="53">
        <v>13527.685534591101</v>
      </c>
      <c r="I2686" s="53">
        <v>13527.685534591201</v>
      </c>
      <c r="J2686" s="53">
        <v>13527.685534591201</v>
      </c>
      <c r="K2686" s="53">
        <v>13527.685534591201</v>
      </c>
      <c r="L2686" s="53">
        <v>13527.685534591201</v>
      </c>
      <c r="M2686" s="53">
        <v>13527.685534591201</v>
      </c>
      <c r="N2686" s="53">
        <v>162332.22641509399</v>
      </c>
      <c r="O2686" s="53">
        <v>13527.685534591201</v>
      </c>
      <c r="P2686" s="53">
        <v>13527.685534591201</v>
      </c>
      <c r="Q2686" s="53">
        <v>13527.685534591201</v>
      </c>
      <c r="R2686" s="53">
        <v>13527.685534591201</v>
      </c>
      <c r="S2686" s="53">
        <v>13527.685534591201</v>
      </c>
      <c r="T2686" s="53">
        <v>13527.685534591201</v>
      </c>
      <c r="U2686" s="53">
        <v>13527.685534591201</v>
      </c>
      <c r="V2686" s="53">
        <v>13527.685534591201</v>
      </c>
      <c r="W2686" s="53">
        <v>13527.685534591201</v>
      </c>
      <c r="X2686" s="53">
        <v>13527.685534591201</v>
      </c>
      <c r="Y2686" s="53">
        <v>13527.685534591201</v>
      </c>
      <c r="Z2686" s="53">
        <v>13527.685534591201</v>
      </c>
      <c r="AA2686" s="53">
        <v>162332.22641509399</v>
      </c>
      <c r="AB2686" s="53">
        <v>13527.685534591201</v>
      </c>
      <c r="AC2686" s="53">
        <v>13527.685534591201</v>
      </c>
      <c r="AD2686" s="53">
        <v>13527.685534591201</v>
      </c>
      <c r="AE2686" s="53">
        <v>13527.685534591201</v>
      </c>
      <c r="AF2686" s="53">
        <v>13527.685534591201</v>
      </c>
      <c r="AG2686" s="53">
        <v>13527.685534591201</v>
      </c>
      <c r="AH2686" s="53">
        <v>13527.685534591201</v>
      </c>
      <c r="AI2686" s="53">
        <v>13527.685534591201</v>
      </c>
      <c r="AJ2686" s="53">
        <v>13527.685534591201</v>
      </c>
      <c r="AK2686" s="53">
        <v>13527.685534591201</v>
      </c>
      <c r="AL2686" s="53">
        <v>13527.685534591201</v>
      </c>
      <c r="AM2686" s="53">
        <v>13527.685534591201</v>
      </c>
      <c r="AN2686" s="53">
        <v>162332.22641509399</v>
      </c>
      <c r="AO2686" s="53">
        <v>13527.685534591201</v>
      </c>
      <c r="AP2686" s="53">
        <v>13527.685534591201</v>
      </c>
      <c r="AQ2686" s="53">
        <v>13527.685534591201</v>
      </c>
      <c r="AR2686" s="53">
        <v>13527.685534591201</v>
      </c>
      <c r="AS2686" s="53">
        <v>13527.685534591201</v>
      </c>
      <c r="AT2686" s="53">
        <v>13527.685534591201</v>
      </c>
      <c r="AU2686" s="53">
        <v>13527.685534591201</v>
      </c>
      <c r="AV2686" s="53">
        <v>13527.685534591201</v>
      </c>
      <c r="AW2686" s="53">
        <v>13527.685534591201</v>
      </c>
      <c r="AX2686" s="53">
        <v>13527.685534591201</v>
      </c>
      <c r="AY2686" s="53">
        <v>13527.685534591201</v>
      </c>
      <c r="AZ2686" s="53">
        <v>13527.685534591201</v>
      </c>
      <c r="BA2686" s="53">
        <v>162332.22641509399</v>
      </c>
      <c r="BB2686" s="53">
        <v>13527.685534591201</v>
      </c>
      <c r="BC2686" s="53">
        <v>13527.685534591201</v>
      </c>
      <c r="BD2686" s="53">
        <v>13527.685534591201</v>
      </c>
      <c r="BE2686" s="53">
        <v>13527.685534591201</v>
      </c>
      <c r="BF2686" s="53">
        <v>13527.685534591201</v>
      </c>
      <c r="BG2686" s="53">
        <v>13527.685534591201</v>
      </c>
      <c r="BH2686" s="53">
        <v>13527.685534591201</v>
      </c>
      <c r="BI2686" s="53">
        <v>13527.685534591201</v>
      </c>
      <c r="BJ2686" s="53">
        <v>13527.685534591201</v>
      </c>
      <c r="BK2686" s="53">
        <v>13527.685534591201</v>
      </c>
      <c r="BL2686" s="53">
        <v>13527.685534591201</v>
      </c>
      <c r="BM2686" s="53">
        <v>13527.685534591201</v>
      </c>
      <c r="BN2686" s="53">
        <v>162332.22641509399</v>
      </c>
      <c r="BO2686" s="53">
        <v>13527.685534591201</v>
      </c>
      <c r="BP2686" s="53">
        <v>13527.685534591201</v>
      </c>
      <c r="BQ2686" s="53">
        <v>13527.685534591201</v>
      </c>
      <c r="BR2686" s="53">
        <v>13527.685534591201</v>
      </c>
      <c r="BS2686" s="53">
        <v>13527.685534591201</v>
      </c>
      <c r="BT2686" s="53">
        <v>13527.685534591201</v>
      </c>
      <c r="BU2686" s="53">
        <v>13527.685534591201</v>
      </c>
      <c r="BV2686" s="53">
        <v>13527.685534591201</v>
      </c>
      <c r="BW2686" s="53">
        <v>13527.685534591201</v>
      </c>
      <c r="BX2686" s="53">
        <v>13527.685534591201</v>
      </c>
      <c r="BY2686" s="53">
        <v>13527.685534591201</v>
      </c>
      <c r="BZ2686" s="53">
        <v>13527.685534591201</v>
      </c>
      <c r="CA2686" s="53">
        <v>162332.22641509399</v>
      </c>
      <c r="CB2686" s="53"/>
      <c r="CC2686" s="53"/>
      <c r="CD2686" s="53"/>
      <c r="CE2686" s="53"/>
      <c r="CF2686" s="53"/>
      <c r="CG2686" s="53"/>
      <c r="CH2686" s="53"/>
      <c r="CI2686" s="53"/>
      <c r="CJ2686" s="53"/>
      <c r="CK2686" s="53"/>
      <c r="CL2686" s="53"/>
      <c r="CM2686" s="53"/>
      <c r="CN2686" s="53"/>
    </row>
    <row r="2687" spans="1:92" outlineLevel="1">
      <c r="A2687" s="52" t="s">
        <v>721</v>
      </c>
      <c r="B2687" s="53">
        <v>20148.9789473684</v>
      </c>
      <c r="C2687" s="53">
        <v>20148.9789473684</v>
      </c>
      <c r="D2687" s="53">
        <v>20148.9789473684</v>
      </c>
      <c r="E2687" s="53">
        <v>20148.9789473684</v>
      </c>
      <c r="F2687" s="53">
        <v>20148.9789473684</v>
      </c>
      <c r="G2687" s="53">
        <v>20148.9789473684</v>
      </c>
      <c r="H2687" s="53">
        <v>20148.9789473684</v>
      </c>
      <c r="I2687" s="53">
        <v>20148.9789473684</v>
      </c>
      <c r="J2687" s="53">
        <v>20148.9789473684</v>
      </c>
      <c r="K2687" s="53">
        <v>20148.9789473684</v>
      </c>
      <c r="L2687" s="53">
        <v>20148.9789473684</v>
      </c>
      <c r="M2687" s="53">
        <v>20148.9789473684</v>
      </c>
      <c r="N2687" s="53">
        <v>241787.747368421</v>
      </c>
      <c r="O2687" s="53">
        <v>20148.9789473684</v>
      </c>
      <c r="P2687" s="53">
        <v>20148.9789473684</v>
      </c>
      <c r="Q2687" s="53">
        <v>20148.9789473684</v>
      </c>
      <c r="R2687" s="53">
        <v>20148.9789473684</v>
      </c>
      <c r="S2687" s="53">
        <v>20148.9789473684</v>
      </c>
      <c r="T2687" s="53">
        <v>20148.9789473684</v>
      </c>
      <c r="U2687" s="53">
        <v>20148.9789473684</v>
      </c>
      <c r="V2687" s="53">
        <v>20148.9789473684</v>
      </c>
      <c r="W2687" s="53">
        <v>20148.9789473684</v>
      </c>
      <c r="X2687" s="53">
        <v>20148.9789473684</v>
      </c>
      <c r="Y2687" s="53">
        <v>20148.9789473684</v>
      </c>
      <c r="Z2687" s="53">
        <v>20148.9789473684</v>
      </c>
      <c r="AA2687" s="53">
        <v>241787.747368421</v>
      </c>
      <c r="AB2687" s="53">
        <v>20148.9789473684</v>
      </c>
      <c r="AC2687" s="53">
        <v>20148.9789473684</v>
      </c>
      <c r="AD2687" s="53">
        <v>20148.9789473684</v>
      </c>
      <c r="AE2687" s="53">
        <v>20148.9789473684</v>
      </c>
      <c r="AF2687" s="53">
        <v>20148.9789473684</v>
      </c>
      <c r="AG2687" s="53">
        <v>20148.9789473684</v>
      </c>
      <c r="AH2687" s="53">
        <v>20148.9789473684</v>
      </c>
      <c r="AI2687" s="53">
        <v>20148.9789473684</v>
      </c>
      <c r="AJ2687" s="53">
        <v>20148.9789473684</v>
      </c>
      <c r="AK2687" s="53">
        <v>20148.9789473684</v>
      </c>
      <c r="AL2687" s="53">
        <v>20148.9789473684</v>
      </c>
      <c r="AM2687" s="53">
        <v>20148.9789473684</v>
      </c>
      <c r="AN2687" s="53">
        <v>241787.747368421</v>
      </c>
      <c r="AO2687" s="53">
        <v>20148.9789473684</v>
      </c>
      <c r="AP2687" s="53">
        <v>20148.9789473684</v>
      </c>
      <c r="AQ2687" s="53">
        <v>20148.9789473684</v>
      </c>
      <c r="AR2687" s="53">
        <v>20148.9789473684</v>
      </c>
      <c r="AS2687" s="53">
        <v>20148.9789473684</v>
      </c>
      <c r="AT2687" s="53">
        <v>20148.9789473684</v>
      </c>
      <c r="AU2687" s="53">
        <v>20148.9789473684</v>
      </c>
      <c r="AV2687" s="53">
        <v>20148.9789473684</v>
      </c>
      <c r="AW2687" s="53">
        <v>20148.9789473684</v>
      </c>
      <c r="AX2687" s="53">
        <v>20148.9789473684</v>
      </c>
      <c r="AY2687" s="53">
        <v>20148.9789473684</v>
      </c>
      <c r="AZ2687" s="53">
        <v>20148.9789473684</v>
      </c>
      <c r="BA2687" s="53">
        <v>241787.747368421</v>
      </c>
      <c r="BB2687" s="53">
        <v>20148.9789473684</v>
      </c>
      <c r="BC2687" s="53">
        <v>20148.9789473684</v>
      </c>
      <c r="BD2687" s="53">
        <v>20148.9789473684</v>
      </c>
      <c r="BE2687" s="53">
        <v>20148.978947368501</v>
      </c>
      <c r="BF2687" s="53">
        <v>20148.978947368501</v>
      </c>
      <c r="BG2687" s="53">
        <v>20148.978947368501</v>
      </c>
      <c r="BH2687" s="53">
        <v>20148.978947368501</v>
      </c>
      <c r="BI2687" s="53">
        <v>20148.978947368501</v>
      </c>
      <c r="BJ2687" s="53">
        <v>20148.978947368501</v>
      </c>
      <c r="BK2687" s="53">
        <v>20148.978947368501</v>
      </c>
      <c r="BL2687" s="53">
        <v>20148.978947368501</v>
      </c>
      <c r="BM2687" s="53">
        <v>20148.978947368501</v>
      </c>
      <c r="BN2687" s="53">
        <v>241787.74736842199</v>
      </c>
      <c r="BO2687" s="53">
        <v>20148.978947368501</v>
      </c>
      <c r="BP2687" s="53">
        <v>20148.978947368501</v>
      </c>
      <c r="BQ2687" s="53">
        <v>20148.978947368501</v>
      </c>
      <c r="BR2687" s="53">
        <v>20148.978947368501</v>
      </c>
      <c r="BS2687" s="53">
        <v>20148.978947368501</v>
      </c>
      <c r="BT2687" s="53">
        <v>20148.978947368501</v>
      </c>
      <c r="BU2687" s="53">
        <v>20148.978947368501</v>
      </c>
      <c r="BV2687" s="53">
        <v>20148.978947368501</v>
      </c>
      <c r="BW2687" s="53">
        <v>20148.978947368501</v>
      </c>
      <c r="BX2687" s="53">
        <v>20148.978947368501</v>
      </c>
      <c r="BY2687" s="53">
        <v>20148.978947368501</v>
      </c>
      <c r="BZ2687" s="53">
        <v>20148.978947368501</v>
      </c>
      <c r="CA2687" s="53">
        <v>241787.74736842199</v>
      </c>
      <c r="CB2687" s="53"/>
      <c r="CC2687" s="53"/>
      <c r="CD2687" s="53"/>
      <c r="CE2687" s="53"/>
      <c r="CF2687" s="53"/>
      <c r="CG2687" s="53"/>
      <c r="CH2687" s="53"/>
      <c r="CI2687" s="53"/>
      <c r="CJ2687" s="53"/>
      <c r="CK2687" s="53"/>
      <c r="CL2687" s="53"/>
      <c r="CM2687" s="53"/>
      <c r="CN2687" s="53"/>
    </row>
    <row r="2688" spans="1:92" outlineLevel="1">
      <c r="A2688" s="52" t="s">
        <v>723</v>
      </c>
      <c r="B2688" s="53">
        <v>49399.381443298902</v>
      </c>
      <c r="C2688" s="53">
        <v>49399.381443298902</v>
      </c>
      <c r="D2688" s="53">
        <v>49399.381443298902</v>
      </c>
      <c r="E2688" s="53">
        <v>49399.381443298902</v>
      </c>
      <c r="F2688" s="53">
        <v>49399.381443298902</v>
      </c>
      <c r="G2688" s="53">
        <v>49399.381443298902</v>
      </c>
      <c r="H2688" s="53">
        <v>49399.381443298902</v>
      </c>
      <c r="I2688" s="53">
        <v>49399.381443298997</v>
      </c>
      <c r="J2688" s="53">
        <v>49399.381443298902</v>
      </c>
      <c r="K2688" s="53">
        <v>49399.381443298902</v>
      </c>
      <c r="L2688" s="53">
        <v>49399.381443298902</v>
      </c>
      <c r="M2688" s="53">
        <v>49399.381443298902</v>
      </c>
      <c r="N2688" s="53">
        <v>592792.577319587</v>
      </c>
      <c r="O2688" s="53">
        <v>49399.381443298902</v>
      </c>
      <c r="P2688" s="53">
        <v>49399.381443298902</v>
      </c>
      <c r="Q2688" s="53">
        <v>49399.381443298902</v>
      </c>
      <c r="R2688" s="53">
        <v>49399.381443298902</v>
      </c>
      <c r="S2688" s="53">
        <v>49399.381443298902</v>
      </c>
      <c r="T2688" s="53">
        <v>49399.381443298902</v>
      </c>
      <c r="U2688" s="53">
        <v>49399.381443298902</v>
      </c>
      <c r="V2688" s="53">
        <v>49399.381443298902</v>
      </c>
      <c r="W2688" s="53">
        <v>49399.381443298902</v>
      </c>
      <c r="X2688" s="53">
        <v>49399.381443298902</v>
      </c>
      <c r="Y2688" s="53">
        <v>49399.381443298902</v>
      </c>
      <c r="Z2688" s="53">
        <v>49399.381443298902</v>
      </c>
      <c r="AA2688" s="53">
        <v>592792.577319587</v>
      </c>
      <c r="AB2688" s="53">
        <v>49399.381443298902</v>
      </c>
      <c r="AC2688" s="53">
        <v>49399.381443298902</v>
      </c>
      <c r="AD2688" s="53">
        <v>49399.381443298902</v>
      </c>
      <c r="AE2688" s="53">
        <v>49399.381443298902</v>
      </c>
      <c r="AF2688" s="53">
        <v>49399.381443298902</v>
      </c>
      <c r="AG2688" s="53">
        <v>49399.381443298902</v>
      </c>
      <c r="AH2688" s="53">
        <v>49399.381443298902</v>
      </c>
      <c r="AI2688" s="53">
        <v>49399.381443298902</v>
      </c>
      <c r="AJ2688" s="53">
        <v>49399.381443298902</v>
      </c>
      <c r="AK2688" s="53">
        <v>49399.381443298902</v>
      </c>
      <c r="AL2688" s="53">
        <v>49399.381443298902</v>
      </c>
      <c r="AM2688" s="53">
        <v>49399.381443298902</v>
      </c>
      <c r="AN2688" s="53">
        <v>592792.577319587</v>
      </c>
      <c r="AO2688" s="53">
        <v>49399.381443298902</v>
      </c>
      <c r="AP2688" s="53">
        <v>49399.381443298902</v>
      </c>
      <c r="AQ2688" s="53">
        <v>49399.381443298902</v>
      </c>
      <c r="AR2688" s="53">
        <v>49399.381443298902</v>
      </c>
      <c r="AS2688" s="53">
        <v>49399.381443298902</v>
      </c>
      <c r="AT2688" s="53">
        <v>49399.381443298902</v>
      </c>
      <c r="AU2688" s="53">
        <v>49399.381443298902</v>
      </c>
      <c r="AV2688" s="53">
        <v>49399.381443298902</v>
      </c>
      <c r="AW2688" s="53">
        <v>49399.381443298902</v>
      </c>
      <c r="AX2688" s="53">
        <v>49399.381443298902</v>
      </c>
      <c r="AY2688" s="53">
        <v>49399.381443298902</v>
      </c>
      <c r="AZ2688" s="53">
        <v>49399.381443298902</v>
      </c>
      <c r="BA2688" s="53">
        <v>592792.577319587</v>
      </c>
      <c r="BB2688" s="53">
        <v>24699.6907216494</v>
      </c>
      <c r="BC2688" s="53"/>
      <c r="BD2688" s="53"/>
      <c r="BE2688" s="53"/>
      <c r="BF2688" s="53"/>
      <c r="BG2688" s="53"/>
      <c r="BH2688" s="53"/>
      <c r="BI2688" s="53"/>
      <c r="BJ2688" s="53"/>
      <c r="BK2688" s="53"/>
      <c r="BL2688" s="53"/>
      <c r="BM2688" s="53"/>
      <c r="BN2688" s="53">
        <v>24699.6907216494</v>
      </c>
      <c r="BO2688" s="53"/>
      <c r="BP2688" s="53"/>
      <c r="BQ2688" s="53"/>
      <c r="BR2688" s="53"/>
      <c r="BS2688" s="53"/>
      <c r="BT2688" s="53"/>
      <c r="BU2688" s="53"/>
      <c r="BV2688" s="53"/>
      <c r="BW2688" s="53"/>
      <c r="BX2688" s="53"/>
      <c r="BY2688" s="53"/>
      <c r="BZ2688" s="53"/>
      <c r="CA2688" s="53"/>
      <c r="CB2688" s="53"/>
      <c r="CC2688" s="53"/>
      <c r="CD2688" s="53"/>
      <c r="CE2688" s="53"/>
      <c r="CF2688" s="53"/>
      <c r="CG2688" s="53"/>
      <c r="CH2688" s="53"/>
      <c r="CI2688" s="53"/>
      <c r="CJ2688" s="53"/>
      <c r="CK2688" s="53"/>
      <c r="CL2688" s="53"/>
      <c r="CM2688" s="53"/>
      <c r="CN2688" s="53"/>
    </row>
    <row r="2689" spans="1:92" outlineLevel="1">
      <c r="A2689" s="52" t="s">
        <v>724</v>
      </c>
      <c r="B2689" s="53">
        <v>13370.822185970599</v>
      </c>
      <c r="C2689" s="53">
        <v>13370.822185970599</v>
      </c>
      <c r="D2689" s="53">
        <v>13370.822185970599</v>
      </c>
      <c r="E2689" s="53">
        <v>13370.822185970599</v>
      </c>
      <c r="F2689" s="53">
        <v>13370.822185970599</v>
      </c>
      <c r="G2689" s="53">
        <v>13370.822185970599</v>
      </c>
      <c r="H2689" s="53">
        <v>13370.822185970599</v>
      </c>
      <c r="I2689" s="53">
        <v>13370.822185970599</v>
      </c>
      <c r="J2689" s="53">
        <v>13370.822185970599</v>
      </c>
      <c r="K2689" s="53">
        <v>13370.822185970599</v>
      </c>
      <c r="L2689" s="53">
        <v>13370.822185970599</v>
      </c>
      <c r="M2689" s="53">
        <v>13370.822185970599</v>
      </c>
      <c r="N2689" s="53">
        <v>160449.866231647</v>
      </c>
      <c r="O2689" s="53">
        <v>13370.822185970599</v>
      </c>
      <c r="P2689" s="53">
        <v>13370.822185970599</v>
      </c>
      <c r="Q2689" s="53">
        <v>13370.822185970599</v>
      </c>
      <c r="R2689" s="53">
        <v>13370.822185970599</v>
      </c>
      <c r="S2689" s="53">
        <v>13370.822185970599</v>
      </c>
      <c r="T2689" s="53">
        <v>13370.822185970599</v>
      </c>
      <c r="U2689" s="53">
        <v>13370.822185970599</v>
      </c>
      <c r="V2689" s="53">
        <v>13370.822185970599</v>
      </c>
      <c r="W2689" s="53">
        <v>13370.822185970599</v>
      </c>
      <c r="X2689" s="53">
        <v>13370.822185970599</v>
      </c>
      <c r="Y2689" s="53">
        <v>13370.822185970599</v>
      </c>
      <c r="Z2689" s="53">
        <v>13370.822185970599</v>
      </c>
      <c r="AA2689" s="53">
        <v>160449.866231647</v>
      </c>
      <c r="AB2689" s="53">
        <v>13370.822185970599</v>
      </c>
      <c r="AC2689" s="53">
        <v>13370.822185970599</v>
      </c>
      <c r="AD2689" s="53">
        <v>13370.822185970599</v>
      </c>
      <c r="AE2689" s="53">
        <v>13370.822185970599</v>
      </c>
      <c r="AF2689" s="53">
        <v>13370.822185970599</v>
      </c>
      <c r="AG2689" s="53">
        <v>13370.822185970599</v>
      </c>
      <c r="AH2689" s="53">
        <v>13370.822185970599</v>
      </c>
      <c r="AI2689" s="53">
        <v>13370.822185970599</v>
      </c>
      <c r="AJ2689" s="53">
        <v>13370.822185970599</v>
      </c>
      <c r="AK2689" s="53">
        <v>13370.822185970599</v>
      </c>
      <c r="AL2689" s="53">
        <v>13370.822185970599</v>
      </c>
      <c r="AM2689" s="53">
        <v>13370.822185970599</v>
      </c>
      <c r="AN2689" s="53">
        <v>160449.866231647</v>
      </c>
      <c r="AO2689" s="53">
        <v>13370.822185970599</v>
      </c>
      <c r="AP2689" s="53">
        <v>13370.822185970599</v>
      </c>
      <c r="AQ2689" s="53">
        <v>13370.822185970599</v>
      </c>
      <c r="AR2689" s="53">
        <v>13370.822185970599</v>
      </c>
      <c r="AS2689" s="53">
        <v>13370.822185970599</v>
      </c>
      <c r="AT2689" s="53">
        <v>13370.822185970599</v>
      </c>
      <c r="AU2689" s="53">
        <v>13370.822185970599</v>
      </c>
      <c r="AV2689" s="53">
        <v>13370.822185970599</v>
      </c>
      <c r="AW2689" s="53">
        <v>13370.822185970599</v>
      </c>
      <c r="AX2689" s="53">
        <v>13370.822185970599</v>
      </c>
      <c r="AY2689" s="53">
        <v>13370.822185970599</v>
      </c>
      <c r="AZ2689" s="53">
        <v>13370.822185970599</v>
      </c>
      <c r="BA2689" s="53">
        <v>160449.866231647</v>
      </c>
      <c r="BB2689" s="53">
        <v>13370.822185970599</v>
      </c>
      <c r="BC2689" s="53">
        <v>13370.822185970599</v>
      </c>
      <c r="BD2689" s="53">
        <v>13370.822185970599</v>
      </c>
      <c r="BE2689" s="53">
        <v>13370.822185970599</v>
      </c>
      <c r="BF2689" s="53">
        <v>13370.822185970599</v>
      </c>
      <c r="BG2689" s="53">
        <v>13370.822185970599</v>
      </c>
      <c r="BH2689" s="53">
        <v>13370.822185970599</v>
      </c>
      <c r="BI2689" s="53">
        <v>13370.822185970599</v>
      </c>
      <c r="BJ2689" s="53">
        <v>13370.822185970599</v>
      </c>
      <c r="BK2689" s="53">
        <v>13370.822185970599</v>
      </c>
      <c r="BL2689" s="53">
        <v>13370.822185970599</v>
      </c>
      <c r="BM2689" s="53">
        <v>13370.822185970599</v>
      </c>
      <c r="BN2689" s="53">
        <v>160449.866231647</v>
      </c>
      <c r="BO2689" s="53">
        <v>13370.822185970599</v>
      </c>
      <c r="BP2689" s="53">
        <v>13370.822185970599</v>
      </c>
      <c r="BQ2689" s="53">
        <v>13370.822185970599</v>
      </c>
      <c r="BR2689" s="53">
        <v>13370.822185970599</v>
      </c>
      <c r="BS2689" s="53">
        <v>13370.822185970599</v>
      </c>
      <c r="BT2689" s="53">
        <v>13370.822185970599</v>
      </c>
      <c r="BU2689" s="53">
        <v>13370.822185970599</v>
      </c>
      <c r="BV2689" s="53">
        <v>13370.822185970599</v>
      </c>
      <c r="BW2689" s="53">
        <v>13370.822185970599</v>
      </c>
      <c r="BX2689" s="53">
        <v>13370.822185970599</v>
      </c>
      <c r="BY2689" s="53">
        <v>13370.822185970599</v>
      </c>
      <c r="BZ2689" s="53">
        <v>13370.822185970599</v>
      </c>
      <c r="CA2689" s="53">
        <v>160449.866231647</v>
      </c>
      <c r="CB2689" s="53"/>
      <c r="CC2689" s="53"/>
      <c r="CD2689" s="53"/>
      <c r="CE2689" s="53"/>
      <c r="CF2689" s="53"/>
      <c r="CG2689" s="53"/>
      <c r="CH2689" s="53"/>
      <c r="CI2689" s="53"/>
      <c r="CJ2689" s="53"/>
      <c r="CK2689" s="53"/>
      <c r="CL2689" s="53"/>
      <c r="CM2689" s="53"/>
      <c r="CN2689" s="53"/>
    </row>
    <row r="2690" spans="1:92" outlineLevel="1">
      <c r="A2690" s="52" t="s">
        <v>725</v>
      </c>
      <c r="B2690" s="53">
        <v>44991.8796992481</v>
      </c>
      <c r="C2690" s="53">
        <v>44991.8796992481</v>
      </c>
      <c r="D2690" s="53">
        <v>44991.8796992481</v>
      </c>
      <c r="E2690" s="53">
        <v>44991.8796992481</v>
      </c>
      <c r="F2690" s="53">
        <v>44991.8796992481</v>
      </c>
      <c r="G2690" s="53">
        <v>44991.8796992481</v>
      </c>
      <c r="H2690" s="53">
        <v>44991.8796992481</v>
      </c>
      <c r="I2690" s="53">
        <v>44991.8796992481</v>
      </c>
      <c r="J2690" s="53">
        <v>44991.8796992481</v>
      </c>
      <c r="K2690" s="53">
        <v>44991.8796992481</v>
      </c>
      <c r="L2690" s="53">
        <v>44991.8796992481</v>
      </c>
      <c r="M2690" s="53">
        <v>44991.8796992481</v>
      </c>
      <c r="N2690" s="53">
        <v>539902.556390977</v>
      </c>
      <c r="O2690" s="53">
        <v>44991.8796992481</v>
      </c>
      <c r="P2690" s="53">
        <v>44991.8796992481</v>
      </c>
      <c r="Q2690" s="53">
        <v>44991.8796992481</v>
      </c>
      <c r="R2690" s="53">
        <v>44991.8796992481</v>
      </c>
      <c r="S2690" s="53">
        <v>44991.8796992481</v>
      </c>
      <c r="T2690" s="53">
        <v>44991.8796992481</v>
      </c>
      <c r="U2690" s="53">
        <v>44991.8796992481</v>
      </c>
      <c r="V2690" s="53">
        <v>44991.8796992481</v>
      </c>
      <c r="W2690" s="53">
        <v>44991.8796992481</v>
      </c>
      <c r="X2690" s="53">
        <v>44991.8796992481</v>
      </c>
      <c r="Y2690" s="53">
        <v>44991.8796992481</v>
      </c>
      <c r="Z2690" s="53">
        <v>44991.8796992481</v>
      </c>
      <c r="AA2690" s="53">
        <v>539902.556390977</v>
      </c>
      <c r="AB2690" s="53">
        <v>44991.8796992481</v>
      </c>
      <c r="AC2690" s="53">
        <v>44991.8796992481</v>
      </c>
      <c r="AD2690" s="53">
        <v>44991.8796992481</v>
      </c>
      <c r="AE2690" s="53">
        <v>44991.8796992481</v>
      </c>
      <c r="AF2690" s="53">
        <v>44991.8796992481</v>
      </c>
      <c r="AG2690" s="53">
        <v>44991.8796992481</v>
      </c>
      <c r="AH2690" s="53">
        <v>44991.8796992481</v>
      </c>
      <c r="AI2690" s="53">
        <v>44991.8796992481</v>
      </c>
      <c r="AJ2690" s="53">
        <v>44991.8796992481</v>
      </c>
      <c r="AK2690" s="53">
        <v>44991.8796992481</v>
      </c>
      <c r="AL2690" s="53">
        <v>44991.8796992481</v>
      </c>
      <c r="AM2690" s="53">
        <v>44991.8796992481</v>
      </c>
      <c r="AN2690" s="53">
        <v>539902.556390977</v>
      </c>
      <c r="AO2690" s="53">
        <v>44991.8796992481</v>
      </c>
      <c r="AP2690" s="53">
        <v>44991.8796992481</v>
      </c>
      <c r="AQ2690" s="53">
        <v>44991.8796992481</v>
      </c>
      <c r="AR2690" s="53">
        <v>44991.8796992481</v>
      </c>
      <c r="AS2690" s="53">
        <v>44991.8796992481</v>
      </c>
      <c r="AT2690" s="53">
        <v>44991.8796992481</v>
      </c>
      <c r="AU2690" s="53">
        <v>44991.8796992481</v>
      </c>
      <c r="AV2690" s="53">
        <v>44991.8796992481</v>
      </c>
      <c r="AW2690" s="53">
        <v>44991.8796992481</v>
      </c>
      <c r="AX2690" s="53">
        <v>44991.8796992481</v>
      </c>
      <c r="AY2690" s="53">
        <v>44991.8796992481</v>
      </c>
      <c r="AZ2690" s="53">
        <v>44991.8796992481</v>
      </c>
      <c r="BA2690" s="53">
        <v>539902.556390977</v>
      </c>
      <c r="BB2690" s="53">
        <v>44991.8796992481</v>
      </c>
      <c r="BC2690" s="53">
        <v>44991.8796992481</v>
      </c>
      <c r="BD2690" s="53">
        <v>44991.8796992481</v>
      </c>
      <c r="BE2690" s="53">
        <v>44991.8796992481</v>
      </c>
      <c r="BF2690" s="53">
        <v>44991.8796992481</v>
      </c>
      <c r="BG2690" s="53">
        <v>44991.8796992481</v>
      </c>
      <c r="BH2690" s="53">
        <v>44991.8796992481</v>
      </c>
      <c r="BI2690" s="53">
        <v>44991.8796992481</v>
      </c>
      <c r="BJ2690" s="53">
        <v>44991.8796992481</v>
      </c>
      <c r="BK2690" s="53">
        <v>44991.8796992481</v>
      </c>
      <c r="BL2690" s="53">
        <v>44991.8796992481</v>
      </c>
      <c r="BM2690" s="53">
        <v>44991.8796992481</v>
      </c>
      <c r="BN2690" s="53">
        <v>539902.556390977</v>
      </c>
      <c r="BO2690" s="53">
        <v>44991.8796992481</v>
      </c>
      <c r="BP2690" s="53">
        <v>44991.8796992481</v>
      </c>
      <c r="BQ2690" s="53">
        <v>44991.8796992481</v>
      </c>
      <c r="BR2690" s="53">
        <v>44991.8796992481</v>
      </c>
      <c r="BS2690" s="53">
        <v>44991.8796992481</v>
      </c>
      <c r="BT2690" s="53">
        <v>44991.8796992481</v>
      </c>
      <c r="BU2690" s="53">
        <v>22495.939849623999</v>
      </c>
      <c r="BV2690" s="53"/>
      <c r="BW2690" s="53"/>
      <c r="BX2690" s="53"/>
      <c r="BY2690" s="53"/>
      <c r="BZ2690" s="53"/>
      <c r="CA2690" s="53">
        <v>292447.21804511198</v>
      </c>
      <c r="CB2690" s="53"/>
      <c r="CC2690" s="53"/>
      <c r="CD2690" s="53"/>
      <c r="CE2690" s="53"/>
      <c r="CF2690" s="53"/>
      <c r="CG2690" s="53"/>
      <c r="CH2690" s="53"/>
      <c r="CI2690" s="53"/>
      <c r="CJ2690" s="53"/>
      <c r="CK2690" s="53"/>
      <c r="CL2690" s="53"/>
      <c r="CM2690" s="53"/>
      <c r="CN2690" s="53"/>
    </row>
    <row r="2691" spans="1:92" outlineLevel="1">
      <c r="A2691" s="52" t="s">
        <v>726</v>
      </c>
      <c r="B2691" s="53">
        <v>52157.240963855402</v>
      </c>
      <c r="C2691" s="53">
        <v>52157.240963855402</v>
      </c>
      <c r="D2691" s="53">
        <v>52157.240963855402</v>
      </c>
      <c r="E2691" s="53">
        <v>52157.240963855402</v>
      </c>
      <c r="F2691" s="53">
        <v>52157.240963855402</v>
      </c>
      <c r="G2691" s="53">
        <v>52157.240963855402</v>
      </c>
      <c r="H2691" s="53">
        <v>52157.240963855402</v>
      </c>
      <c r="I2691" s="53">
        <v>52157.240963855402</v>
      </c>
      <c r="J2691" s="53">
        <v>52157.240963855402</v>
      </c>
      <c r="K2691" s="53">
        <v>52157.240963855402</v>
      </c>
      <c r="L2691" s="53">
        <v>52157.240963855402</v>
      </c>
      <c r="M2691" s="53">
        <v>52157.240963855402</v>
      </c>
      <c r="N2691" s="53">
        <v>625886.89156626503</v>
      </c>
      <c r="O2691" s="53">
        <v>52157.240963855402</v>
      </c>
      <c r="P2691" s="53">
        <v>52157.240963855402</v>
      </c>
      <c r="Q2691" s="53">
        <v>52157.240963855402</v>
      </c>
      <c r="R2691" s="53">
        <v>52157.240963855402</v>
      </c>
      <c r="S2691" s="53">
        <v>52157.240963855402</v>
      </c>
      <c r="T2691" s="53">
        <v>52157.240963855402</v>
      </c>
      <c r="U2691" s="53">
        <v>52157.240963855402</v>
      </c>
      <c r="V2691" s="53">
        <v>52157.240963855402</v>
      </c>
      <c r="W2691" s="53">
        <v>52157.240963855402</v>
      </c>
      <c r="X2691" s="53">
        <v>52157.240963855402</v>
      </c>
      <c r="Y2691" s="53">
        <v>52157.240963855402</v>
      </c>
      <c r="Z2691" s="53">
        <v>52157.240963855402</v>
      </c>
      <c r="AA2691" s="53">
        <v>625886.89156626503</v>
      </c>
      <c r="AB2691" s="53">
        <v>52157.240963855402</v>
      </c>
      <c r="AC2691" s="53">
        <v>52157.240963855402</v>
      </c>
      <c r="AD2691" s="53">
        <v>52157.240963855402</v>
      </c>
      <c r="AE2691" s="53">
        <v>52157.240963855402</v>
      </c>
      <c r="AF2691" s="53">
        <v>52157.240963855402</v>
      </c>
      <c r="AG2691" s="53">
        <v>52157.240963855402</v>
      </c>
      <c r="AH2691" s="53">
        <v>52157.240963855402</v>
      </c>
      <c r="AI2691" s="53">
        <v>52157.240963855402</v>
      </c>
      <c r="AJ2691" s="53">
        <v>52157.240963855402</v>
      </c>
      <c r="AK2691" s="53">
        <v>52157.240963855402</v>
      </c>
      <c r="AL2691" s="53">
        <v>52157.240963855402</v>
      </c>
      <c r="AM2691" s="53">
        <v>52157.240963855402</v>
      </c>
      <c r="AN2691" s="53">
        <v>625886.89156626503</v>
      </c>
      <c r="AO2691" s="53">
        <v>52157.240963855402</v>
      </c>
      <c r="AP2691" s="53">
        <v>52157.240963855402</v>
      </c>
      <c r="AQ2691" s="53">
        <v>52157.240963855402</v>
      </c>
      <c r="AR2691" s="53">
        <v>52157.240963855402</v>
      </c>
      <c r="AS2691" s="53">
        <v>52157.240963855402</v>
      </c>
      <c r="AT2691" s="53">
        <v>52157.240963855402</v>
      </c>
      <c r="AU2691" s="53">
        <v>52157.240963855402</v>
      </c>
      <c r="AV2691" s="53">
        <v>52157.240963855402</v>
      </c>
      <c r="AW2691" s="53">
        <v>52157.240963855402</v>
      </c>
      <c r="AX2691" s="53">
        <v>52157.240963855402</v>
      </c>
      <c r="AY2691" s="53">
        <v>52157.240963855402</v>
      </c>
      <c r="AZ2691" s="53">
        <v>52157.240963855402</v>
      </c>
      <c r="BA2691" s="53">
        <v>625886.89156626503</v>
      </c>
      <c r="BB2691" s="53">
        <v>52157.240963855402</v>
      </c>
      <c r="BC2691" s="53">
        <v>52157.240963855402</v>
      </c>
      <c r="BD2691" s="53">
        <v>52157.240963855402</v>
      </c>
      <c r="BE2691" s="53">
        <v>52157.240963855402</v>
      </c>
      <c r="BF2691" s="53">
        <v>52157.240963855402</v>
      </c>
      <c r="BG2691" s="53">
        <v>52157.240963855402</v>
      </c>
      <c r="BH2691" s="53">
        <v>52157.240963855402</v>
      </c>
      <c r="BI2691" s="53">
        <v>52157.240963855402</v>
      </c>
      <c r="BJ2691" s="53">
        <v>52157.240963855402</v>
      </c>
      <c r="BK2691" s="53">
        <v>52157.240963855402</v>
      </c>
      <c r="BL2691" s="53">
        <v>52157.240963855402</v>
      </c>
      <c r="BM2691" s="53">
        <v>52157.240963855402</v>
      </c>
      <c r="BN2691" s="53">
        <v>625886.89156626503</v>
      </c>
      <c r="BO2691" s="53">
        <v>52157.240963855402</v>
      </c>
      <c r="BP2691" s="53">
        <v>52157.240963855402</v>
      </c>
      <c r="BQ2691" s="53">
        <v>52157.240963855402</v>
      </c>
      <c r="BR2691" s="53">
        <v>52157.240963855402</v>
      </c>
      <c r="BS2691" s="53">
        <v>52157.240963855402</v>
      </c>
      <c r="BT2691" s="53">
        <v>52157.240963855402</v>
      </c>
      <c r="BU2691" s="53">
        <v>52157.240963855402</v>
      </c>
      <c r="BV2691" s="53">
        <v>52157.240963855402</v>
      </c>
      <c r="BW2691" s="53">
        <v>52157.240963855402</v>
      </c>
      <c r="BX2691" s="53">
        <v>52157.240963855402</v>
      </c>
      <c r="BY2691" s="53">
        <v>52157.240963855402</v>
      </c>
      <c r="BZ2691" s="53">
        <v>52157.240963855402</v>
      </c>
      <c r="CA2691" s="53">
        <v>625886.89156626503</v>
      </c>
      <c r="CB2691" s="53"/>
      <c r="CC2691" s="53"/>
      <c r="CD2691" s="53"/>
      <c r="CE2691" s="53"/>
      <c r="CF2691" s="53"/>
      <c r="CG2691" s="53"/>
      <c r="CH2691" s="53"/>
      <c r="CI2691" s="53"/>
      <c r="CJ2691" s="53"/>
      <c r="CK2691" s="53"/>
      <c r="CL2691" s="53"/>
      <c r="CM2691" s="53"/>
      <c r="CN2691" s="53"/>
    </row>
    <row r="2692" spans="1:92" outlineLevel="1">
      <c r="A2692" s="52" t="s">
        <v>728</v>
      </c>
      <c r="B2692" s="53">
        <v>38996.0446927374</v>
      </c>
      <c r="C2692" s="53">
        <v>38996.0446927374</v>
      </c>
      <c r="D2692" s="53">
        <v>38996.0446927374</v>
      </c>
      <c r="E2692" s="53">
        <v>38996.0446927374</v>
      </c>
      <c r="F2692" s="53">
        <v>38996.0446927374</v>
      </c>
      <c r="G2692" s="53">
        <v>38996.0446927374</v>
      </c>
      <c r="H2692" s="53">
        <v>38996.0446927374</v>
      </c>
      <c r="I2692" s="53">
        <v>38996.0446927374</v>
      </c>
      <c r="J2692" s="53">
        <v>38996.0446927374</v>
      </c>
      <c r="K2692" s="53">
        <v>38996.0446927374</v>
      </c>
      <c r="L2692" s="53">
        <v>38996.0446927374</v>
      </c>
      <c r="M2692" s="53">
        <v>38996.0446927374</v>
      </c>
      <c r="N2692" s="53">
        <v>467952.53631284903</v>
      </c>
      <c r="O2692" s="53">
        <v>38996.0446927374</v>
      </c>
      <c r="P2692" s="53">
        <v>38996.0446927374</v>
      </c>
      <c r="Q2692" s="53">
        <v>38996.0446927374</v>
      </c>
      <c r="R2692" s="53">
        <v>38996.0446927374</v>
      </c>
      <c r="S2692" s="53">
        <v>38996.0446927374</v>
      </c>
      <c r="T2692" s="53">
        <v>38996.0446927374</v>
      </c>
      <c r="U2692" s="53">
        <v>38996.0446927374</v>
      </c>
      <c r="V2692" s="53">
        <v>38996.0446927374</v>
      </c>
      <c r="W2692" s="53">
        <v>38996.0446927374</v>
      </c>
      <c r="X2692" s="53">
        <v>38996.0446927374</v>
      </c>
      <c r="Y2692" s="53">
        <v>38996.0446927374</v>
      </c>
      <c r="Z2692" s="53">
        <v>38996.044692737298</v>
      </c>
      <c r="AA2692" s="53">
        <v>467952.53631284798</v>
      </c>
      <c r="AB2692" s="53">
        <v>38996.044692737298</v>
      </c>
      <c r="AC2692" s="53">
        <v>38996.044692737298</v>
      </c>
      <c r="AD2692" s="53">
        <v>38996.044692737298</v>
      </c>
      <c r="AE2692" s="53">
        <v>38996.044692737298</v>
      </c>
      <c r="AF2692" s="53">
        <v>38996.044692737298</v>
      </c>
      <c r="AG2692" s="53">
        <v>38996.044692737298</v>
      </c>
      <c r="AH2692" s="53">
        <v>38996.044692737298</v>
      </c>
      <c r="AI2692" s="53">
        <v>38996.044692737298</v>
      </c>
      <c r="AJ2692" s="53">
        <v>38996.044692737298</v>
      </c>
      <c r="AK2692" s="53">
        <v>38996.044692737298</v>
      </c>
      <c r="AL2692" s="53">
        <v>38996.044692737298</v>
      </c>
      <c r="AM2692" s="53">
        <v>38996.044692737298</v>
      </c>
      <c r="AN2692" s="53">
        <v>467952.53631284798</v>
      </c>
      <c r="AO2692" s="53">
        <v>38996.044692737298</v>
      </c>
      <c r="AP2692" s="53">
        <v>38996.044692737298</v>
      </c>
      <c r="AQ2692" s="53">
        <v>38996.044692737298</v>
      </c>
      <c r="AR2692" s="53">
        <v>38996.044692737298</v>
      </c>
      <c r="AS2692" s="53">
        <v>38996.044692737298</v>
      </c>
      <c r="AT2692" s="53">
        <v>38996.044692737298</v>
      </c>
      <c r="AU2692" s="53">
        <v>38996.044692737298</v>
      </c>
      <c r="AV2692" s="53">
        <v>38996.044692737298</v>
      </c>
      <c r="AW2692" s="53">
        <v>38996.044692737298</v>
      </c>
      <c r="AX2692" s="53">
        <v>38996.044692737298</v>
      </c>
      <c r="AY2692" s="53">
        <v>38996.044692737298</v>
      </c>
      <c r="AZ2692" s="53">
        <v>38996.044692737298</v>
      </c>
      <c r="BA2692" s="53">
        <v>467952.53631284798</v>
      </c>
      <c r="BB2692" s="53">
        <v>38996.044692737298</v>
      </c>
      <c r="BC2692" s="53">
        <v>38996.044692737298</v>
      </c>
      <c r="BD2692" s="53">
        <v>38996.044692737298</v>
      </c>
      <c r="BE2692" s="53">
        <v>38996.044692737298</v>
      </c>
      <c r="BF2692" s="53">
        <v>38996.044692737298</v>
      </c>
      <c r="BG2692" s="53">
        <v>38996.044692737298</v>
      </c>
      <c r="BH2692" s="53">
        <v>38996.044692737298</v>
      </c>
      <c r="BI2692" s="53">
        <v>38996.044692737298</v>
      </c>
      <c r="BJ2692" s="53">
        <v>38996.044692737298</v>
      </c>
      <c r="BK2692" s="53">
        <v>38996.044692737298</v>
      </c>
      <c r="BL2692" s="53">
        <v>38996.044692737298</v>
      </c>
      <c r="BM2692" s="53">
        <v>38996.044692737298</v>
      </c>
      <c r="BN2692" s="53">
        <v>467952.53631284798</v>
      </c>
      <c r="BO2692" s="53">
        <v>38996.044692737298</v>
      </c>
      <c r="BP2692" s="53">
        <v>38996.044692737298</v>
      </c>
      <c r="BQ2692" s="53">
        <v>38996.0446927374</v>
      </c>
      <c r="BR2692" s="53">
        <v>38996.0446927374</v>
      </c>
      <c r="BS2692" s="53">
        <v>38996.0446927374</v>
      </c>
      <c r="BT2692" s="53">
        <v>38996.0446927374</v>
      </c>
      <c r="BU2692" s="53">
        <v>38996.0446927374</v>
      </c>
      <c r="BV2692" s="53">
        <v>38996.0446927374</v>
      </c>
      <c r="BW2692" s="53">
        <v>38996.0446927374</v>
      </c>
      <c r="BX2692" s="53">
        <v>38996.0446927374</v>
      </c>
      <c r="BY2692" s="53">
        <v>38996.044692737298</v>
      </c>
      <c r="BZ2692" s="53">
        <v>38996.0446927374</v>
      </c>
      <c r="CA2692" s="53">
        <v>467952.53631284798</v>
      </c>
      <c r="CB2692" s="53"/>
      <c r="CC2692" s="53"/>
      <c r="CD2692" s="53"/>
      <c r="CE2692" s="53"/>
      <c r="CF2692" s="53"/>
      <c r="CG2692" s="53"/>
      <c r="CH2692" s="53"/>
      <c r="CI2692" s="53"/>
      <c r="CJ2692" s="53"/>
      <c r="CK2692" s="53"/>
      <c r="CL2692" s="53"/>
      <c r="CM2692" s="53"/>
      <c r="CN2692" s="53"/>
    </row>
    <row r="2693" spans="1:92" outlineLevel="1">
      <c r="A2693" s="52" t="s">
        <v>729</v>
      </c>
      <c r="B2693" s="53">
        <v>48595.5162790697</v>
      </c>
      <c r="C2693" s="53">
        <v>48595.5162790697</v>
      </c>
      <c r="D2693" s="53">
        <v>48595.5162790697</v>
      </c>
      <c r="E2693" s="53">
        <v>48595.5162790697</v>
      </c>
      <c r="F2693" s="53">
        <v>48595.5162790697</v>
      </c>
      <c r="G2693" s="53">
        <v>48595.5162790697</v>
      </c>
      <c r="H2693" s="53">
        <v>48595.5162790697</v>
      </c>
      <c r="I2693" s="53">
        <v>48595.5162790697</v>
      </c>
      <c r="J2693" s="53">
        <v>48595.5162790697</v>
      </c>
      <c r="K2693" s="53">
        <v>48595.5162790697</v>
      </c>
      <c r="L2693" s="53">
        <v>48595.5162790697</v>
      </c>
      <c r="M2693" s="53">
        <v>48595.5162790697</v>
      </c>
      <c r="N2693" s="53">
        <v>583146.19534883695</v>
      </c>
      <c r="O2693" s="53">
        <v>48595.5162790697</v>
      </c>
      <c r="P2693" s="53">
        <v>48595.5162790697</v>
      </c>
      <c r="Q2693" s="53">
        <v>48595.5162790697</v>
      </c>
      <c r="R2693" s="53">
        <v>48595.5162790697</v>
      </c>
      <c r="S2693" s="53">
        <v>48595.5162790697</v>
      </c>
      <c r="T2693" s="53">
        <v>48595.5162790697</v>
      </c>
      <c r="U2693" s="53">
        <v>48595.5162790697</v>
      </c>
      <c r="V2693" s="53">
        <v>48595.5162790697</v>
      </c>
      <c r="W2693" s="53">
        <v>48595.5162790697</v>
      </c>
      <c r="X2693" s="53">
        <v>48595.5162790697</v>
      </c>
      <c r="Y2693" s="53">
        <v>48595.5162790697</v>
      </c>
      <c r="Z2693" s="53">
        <v>48595.5162790697</v>
      </c>
      <c r="AA2693" s="53">
        <v>583146.19534883695</v>
      </c>
      <c r="AB2693" s="53">
        <v>48595.516279069801</v>
      </c>
      <c r="AC2693" s="53">
        <v>48595.516279069801</v>
      </c>
      <c r="AD2693" s="53">
        <v>48595.516279069801</v>
      </c>
      <c r="AE2693" s="53">
        <v>48595.516279069801</v>
      </c>
      <c r="AF2693" s="53">
        <v>48595.516279069801</v>
      </c>
      <c r="AG2693" s="53">
        <v>48595.516279069801</v>
      </c>
      <c r="AH2693" s="53">
        <v>48595.516279069801</v>
      </c>
      <c r="AI2693" s="53">
        <v>48595.516279069801</v>
      </c>
      <c r="AJ2693" s="53">
        <v>48595.516279069801</v>
      </c>
      <c r="AK2693" s="53">
        <v>48595.516279069801</v>
      </c>
      <c r="AL2693" s="53">
        <v>48595.516279069801</v>
      </c>
      <c r="AM2693" s="53">
        <v>48595.516279069801</v>
      </c>
      <c r="AN2693" s="53">
        <v>583146.19534883695</v>
      </c>
      <c r="AO2693" s="53">
        <v>48595.516279069801</v>
      </c>
      <c r="AP2693" s="53">
        <v>48595.516279069801</v>
      </c>
      <c r="AQ2693" s="53">
        <v>48595.516279069801</v>
      </c>
      <c r="AR2693" s="53">
        <v>48595.516279069801</v>
      </c>
      <c r="AS2693" s="53">
        <v>48595.516279069801</v>
      </c>
      <c r="AT2693" s="53">
        <v>48595.516279069801</v>
      </c>
      <c r="AU2693" s="53">
        <v>48595.516279069801</v>
      </c>
      <c r="AV2693" s="53">
        <v>48595.516279069801</v>
      </c>
      <c r="AW2693" s="53">
        <v>48595.516279069801</v>
      </c>
      <c r="AX2693" s="53">
        <v>48595.516279069801</v>
      </c>
      <c r="AY2693" s="53">
        <v>48595.516279069801</v>
      </c>
      <c r="AZ2693" s="53">
        <v>48595.516279069801</v>
      </c>
      <c r="BA2693" s="53">
        <v>583146.19534883799</v>
      </c>
      <c r="BB2693" s="53">
        <v>48595.516279069801</v>
      </c>
      <c r="BC2693" s="53">
        <v>48595.516279069801</v>
      </c>
      <c r="BD2693" s="53">
        <v>48595.516279069801</v>
      </c>
      <c r="BE2693" s="53">
        <v>48595.516279069801</v>
      </c>
      <c r="BF2693" s="53">
        <v>48595.516279069801</v>
      </c>
      <c r="BG2693" s="53">
        <v>48595.516279069801</v>
      </c>
      <c r="BH2693" s="53">
        <v>48595.516279069801</v>
      </c>
      <c r="BI2693" s="53">
        <v>48595.516279069801</v>
      </c>
      <c r="BJ2693" s="53">
        <v>48595.516279069801</v>
      </c>
      <c r="BK2693" s="53">
        <v>48595.516279069801</v>
      </c>
      <c r="BL2693" s="53">
        <v>48595.516279069801</v>
      </c>
      <c r="BM2693" s="53">
        <v>48595.516279069801</v>
      </c>
      <c r="BN2693" s="53">
        <v>583146.19534883799</v>
      </c>
      <c r="BO2693" s="53">
        <v>48595.516279069801</v>
      </c>
      <c r="BP2693" s="53">
        <v>48595.516279069801</v>
      </c>
      <c r="BQ2693" s="53">
        <v>48595.516279069903</v>
      </c>
      <c r="BR2693" s="53">
        <v>48595.516279069801</v>
      </c>
      <c r="BS2693" s="53">
        <v>48595.516279069801</v>
      </c>
      <c r="BT2693" s="53">
        <v>48595.516279069801</v>
      </c>
      <c r="BU2693" s="53">
        <v>48595.516279069801</v>
      </c>
      <c r="BV2693" s="53">
        <v>48595.516279069801</v>
      </c>
      <c r="BW2693" s="53">
        <v>48595.516279069801</v>
      </c>
      <c r="BX2693" s="53">
        <v>48595.516279069801</v>
      </c>
      <c r="BY2693" s="53">
        <v>48595.516279069801</v>
      </c>
      <c r="BZ2693" s="53">
        <v>48595.516279069801</v>
      </c>
      <c r="CA2693" s="53">
        <v>583146.19534883799</v>
      </c>
      <c r="CB2693" s="53"/>
      <c r="CC2693" s="53"/>
      <c r="CD2693" s="53"/>
      <c r="CE2693" s="53"/>
      <c r="CF2693" s="53"/>
      <c r="CG2693" s="53"/>
      <c r="CH2693" s="53"/>
      <c r="CI2693" s="53"/>
      <c r="CJ2693" s="53"/>
      <c r="CK2693" s="53"/>
      <c r="CL2693" s="53"/>
      <c r="CM2693" s="53"/>
      <c r="CN2693" s="53"/>
    </row>
    <row r="2694" spans="1:92" outlineLevel="1">
      <c r="A2694" s="52" t="s">
        <v>730</v>
      </c>
      <c r="B2694" s="53">
        <v>16652.086330935199</v>
      </c>
      <c r="C2694" s="53">
        <v>16652.086330935199</v>
      </c>
      <c r="D2694" s="53">
        <v>16652.086330935199</v>
      </c>
      <c r="E2694" s="53">
        <v>16652.086330935199</v>
      </c>
      <c r="F2694" s="53">
        <v>16652.086330935199</v>
      </c>
      <c r="G2694" s="53">
        <v>16652.086330935199</v>
      </c>
      <c r="H2694" s="53">
        <v>16652.086330935199</v>
      </c>
      <c r="I2694" s="53">
        <v>16652.086330935199</v>
      </c>
      <c r="J2694" s="53">
        <v>16652.086330935199</v>
      </c>
      <c r="K2694" s="53">
        <v>16652.086330935199</v>
      </c>
      <c r="L2694" s="53">
        <v>16652.086330935199</v>
      </c>
      <c r="M2694" s="53">
        <v>16652.086330935199</v>
      </c>
      <c r="N2694" s="53">
        <v>199825.035971223</v>
      </c>
      <c r="O2694" s="53">
        <v>16652.086330935199</v>
      </c>
      <c r="P2694" s="53">
        <v>16652.086330935199</v>
      </c>
      <c r="Q2694" s="53">
        <v>16652.086330935199</v>
      </c>
      <c r="R2694" s="53">
        <v>16652.086330935199</v>
      </c>
      <c r="S2694" s="53">
        <v>16652.086330935199</v>
      </c>
      <c r="T2694" s="53">
        <v>16652.086330935199</v>
      </c>
      <c r="U2694" s="53">
        <v>16652.086330935199</v>
      </c>
      <c r="V2694" s="53">
        <v>16652.086330935199</v>
      </c>
      <c r="W2694" s="53">
        <v>16652.086330935199</v>
      </c>
      <c r="X2694" s="53">
        <v>16652.086330935199</v>
      </c>
      <c r="Y2694" s="53">
        <v>16652.086330935199</v>
      </c>
      <c r="Z2694" s="53">
        <v>16652.086330935199</v>
      </c>
      <c r="AA2694" s="53">
        <v>199825.035971223</v>
      </c>
      <c r="AB2694" s="53">
        <v>16652.086330935199</v>
      </c>
      <c r="AC2694" s="53">
        <v>16652.086330935199</v>
      </c>
      <c r="AD2694" s="53">
        <v>16652.086330935199</v>
      </c>
      <c r="AE2694" s="53">
        <v>16652.086330935199</v>
      </c>
      <c r="AF2694" s="53">
        <v>16652.086330935199</v>
      </c>
      <c r="AG2694" s="53">
        <v>16652.086330935199</v>
      </c>
      <c r="AH2694" s="53">
        <v>16652.086330935199</v>
      </c>
      <c r="AI2694" s="53">
        <v>16652.086330935199</v>
      </c>
      <c r="AJ2694" s="53">
        <v>16652.086330935199</v>
      </c>
      <c r="AK2694" s="53">
        <v>16652.086330935199</v>
      </c>
      <c r="AL2694" s="53">
        <v>16652.086330935199</v>
      </c>
      <c r="AM2694" s="53">
        <v>16652.086330935199</v>
      </c>
      <c r="AN2694" s="53">
        <v>199825.035971223</v>
      </c>
      <c r="AO2694" s="53">
        <v>16652.086330935199</v>
      </c>
      <c r="AP2694" s="53">
        <v>16652.086330935199</v>
      </c>
      <c r="AQ2694" s="53">
        <v>16652.086330935199</v>
      </c>
      <c r="AR2694" s="53">
        <v>16652.086330935199</v>
      </c>
      <c r="AS2694" s="53">
        <v>16652.086330935199</v>
      </c>
      <c r="AT2694" s="53">
        <v>16652.086330935199</v>
      </c>
      <c r="AU2694" s="53">
        <v>16652.086330935199</v>
      </c>
      <c r="AV2694" s="53">
        <v>16652.086330935199</v>
      </c>
      <c r="AW2694" s="53">
        <v>16652.086330935199</v>
      </c>
      <c r="AX2694" s="53">
        <v>16652.086330935199</v>
      </c>
      <c r="AY2694" s="53">
        <v>16652.086330935199</v>
      </c>
      <c r="AZ2694" s="53">
        <v>16652.086330935199</v>
      </c>
      <c r="BA2694" s="53">
        <v>199825.035971223</v>
      </c>
      <c r="BB2694" s="53">
        <v>16652.086330935199</v>
      </c>
      <c r="BC2694" s="53">
        <v>16652.086330935199</v>
      </c>
      <c r="BD2694" s="53">
        <v>16652.086330935199</v>
      </c>
      <c r="BE2694" s="53">
        <v>16652.086330935199</v>
      </c>
      <c r="BF2694" s="53">
        <v>16652.086330935199</v>
      </c>
      <c r="BG2694" s="53">
        <v>16652.086330935199</v>
      </c>
      <c r="BH2694" s="53">
        <v>16652.086330935199</v>
      </c>
      <c r="BI2694" s="53">
        <v>16652.086330935199</v>
      </c>
      <c r="BJ2694" s="53">
        <v>16652.086330935199</v>
      </c>
      <c r="BK2694" s="53">
        <v>16652.086330935199</v>
      </c>
      <c r="BL2694" s="53">
        <v>16652.086330935199</v>
      </c>
      <c r="BM2694" s="53">
        <v>16652.086330935199</v>
      </c>
      <c r="BN2694" s="53">
        <v>199825.035971223</v>
      </c>
      <c r="BO2694" s="53">
        <v>16652.086330935199</v>
      </c>
      <c r="BP2694" s="53">
        <v>16652.086330935199</v>
      </c>
      <c r="BQ2694" s="53">
        <v>16652.086330935199</v>
      </c>
      <c r="BR2694" s="53">
        <v>16652.086330935199</v>
      </c>
      <c r="BS2694" s="53">
        <v>16652.086330935199</v>
      </c>
      <c r="BT2694" s="53">
        <v>16652.086330935199</v>
      </c>
      <c r="BU2694" s="53">
        <v>16652.086330935199</v>
      </c>
      <c r="BV2694" s="53">
        <v>16652.086330935199</v>
      </c>
      <c r="BW2694" s="53">
        <v>16652.086330935199</v>
      </c>
      <c r="BX2694" s="53">
        <v>16652.086330935199</v>
      </c>
      <c r="BY2694" s="53">
        <v>16652.086330935199</v>
      </c>
      <c r="BZ2694" s="53">
        <v>16652.086330935199</v>
      </c>
      <c r="CA2694" s="53">
        <v>199825.035971223</v>
      </c>
      <c r="CB2694" s="53"/>
      <c r="CC2694" s="53"/>
      <c r="CD2694" s="53"/>
      <c r="CE2694" s="53"/>
      <c r="CF2694" s="53"/>
      <c r="CG2694" s="53"/>
      <c r="CH2694" s="53"/>
      <c r="CI2694" s="53"/>
      <c r="CJ2694" s="53"/>
      <c r="CK2694" s="53"/>
      <c r="CL2694" s="53"/>
      <c r="CM2694" s="53"/>
      <c r="CN2694" s="53"/>
    </row>
    <row r="2695" spans="1:92" outlineLevel="1">
      <c r="A2695" s="52" t="s">
        <v>1565</v>
      </c>
      <c r="B2695" s="53">
        <v>11698.0753138075</v>
      </c>
      <c r="C2695" s="53">
        <v>11698.0753138075</v>
      </c>
      <c r="D2695" s="53">
        <v>11698.0753138075</v>
      </c>
      <c r="E2695" s="53">
        <v>11698.0753138075</v>
      </c>
      <c r="F2695" s="53">
        <v>11698.0753138075</v>
      </c>
      <c r="G2695" s="53">
        <v>11698.0753138075</v>
      </c>
      <c r="H2695" s="53">
        <v>11698.0753138075</v>
      </c>
      <c r="I2695" s="53">
        <v>11698.0753138075</v>
      </c>
      <c r="J2695" s="53">
        <v>11698.0753138075</v>
      </c>
      <c r="K2695" s="53">
        <v>11698.0753138075</v>
      </c>
      <c r="L2695" s="53">
        <v>11698.0753138075</v>
      </c>
      <c r="M2695" s="53">
        <v>11698.0753138075</v>
      </c>
      <c r="N2695" s="53">
        <v>140376.90376568999</v>
      </c>
      <c r="O2695" s="53">
        <v>11698.0753138075</v>
      </c>
      <c r="P2695" s="53">
        <v>11698.0753138075</v>
      </c>
      <c r="Q2695" s="53">
        <v>11698.0753138075</v>
      </c>
      <c r="R2695" s="53">
        <v>11698.0753138075</v>
      </c>
      <c r="S2695" s="53">
        <v>11698.0753138075</v>
      </c>
      <c r="T2695" s="53">
        <v>11698.0753138075</v>
      </c>
      <c r="U2695" s="53">
        <v>11698.0753138075</v>
      </c>
      <c r="V2695" s="53">
        <v>11698.0753138075</v>
      </c>
      <c r="W2695" s="53">
        <v>11698.0753138075</v>
      </c>
      <c r="X2695" s="53">
        <v>11698.0753138075</v>
      </c>
      <c r="Y2695" s="53">
        <v>11698.0753138075</v>
      </c>
      <c r="Z2695" s="53">
        <v>11698.0753138075</v>
      </c>
      <c r="AA2695" s="53">
        <v>140376.90376568999</v>
      </c>
      <c r="AB2695" s="53">
        <v>11698.0753138075</v>
      </c>
      <c r="AC2695" s="53">
        <v>11698.0753138075</v>
      </c>
      <c r="AD2695" s="53">
        <v>11698.0753138075</v>
      </c>
      <c r="AE2695" s="53">
        <v>11698.0753138075</v>
      </c>
      <c r="AF2695" s="53">
        <v>11698.0753138075</v>
      </c>
      <c r="AG2695" s="53">
        <v>11698.0753138075</v>
      </c>
      <c r="AH2695" s="53">
        <v>11698.0753138075</v>
      </c>
      <c r="AI2695" s="53">
        <v>11698.0753138075</v>
      </c>
      <c r="AJ2695" s="53">
        <v>11698.0753138075</v>
      </c>
      <c r="AK2695" s="53">
        <v>11698.0753138075</v>
      </c>
      <c r="AL2695" s="53">
        <v>11698.0753138075</v>
      </c>
      <c r="AM2695" s="53">
        <v>11698.0753138075</v>
      </c>
      <c r="AN2695" s="53">
        <v>140376.90376568999</v>
      </c>
      <c r="AO2695" s="53">
        <v>11698.0753138075</v>
      </c>
      <c r="AP2695" s="53">
        <v>11698.0753138075</v>
      </c>
      <c r="AQ2695" s="53">
        <v>11698.0753138075</v>
      </c>
      <c r="AR2695" s="53">
        <v>11698.0753138075</v>
      </c>
      <c r="AS2695" s="53">
        <v>11698.0753138075</v>
      </c>
      <c r="AT2695" s="53">
        <v>11698.0753138075</v>
      </c>
      <c r="AU2695" s="53">
        <v>11698.0753138075</v>
      </c>
      <c r="AV2695" s="53">
        <v>11698.0753138075</v>
      </c>
      <c r="AW2695" s="53">
        <v>11698.0753138075</v>
      </c>
      <c r="AX2695" s="53">
        <v>11698.0753138075</v>
      </c>
      <c r="AY2695" s="53">
        <v>11698.0753138075</v>
      </c>
      <c r="AZ2695" s="53">
        <v>11698.0753138075</v>
      </c>
      <c r="BA2695" s="53">
        <v>140376.90376568999</v>
      </c>
      <c r="BB2695" s="53">
        <v>11698.0753138075</v>
      </c>
      <c r="BC2695" s="53">
        <v>11698.0753138075</v>
      </c>
      <c r="BD2695" s="53">
        <v>11698.0753138075</v>
      </c>
      <c r="BE2695" s="53">
        <v>11698.0753138075</v>
      </c>
      <c r="BF2695" s="53">
        <v>11698.0753138075</v>
      </c>
      <c r="BG2695" s="53">
        <v>11698.0753138075</v>
      </c>
      <c r="BH2695" s="53">
        <v>11698.0753138075</v>
      </c>
      <c r="BI2695" s="53">
        <v>11698.0753138075</v>
      </c>
      <c r="BJ2695" s="53">
        <v>11698.0753138075</v>
      </c>
      <c r="BK2695" s="53">
        <v>11698.0753138075</v>
      </c>
      <c r="BL2695" s="53">
        <v>11698.0753138075</v>
      </c>
      <c r="BM2695" s="53">
        <v>11698.0753138075</v>
      </c>
      <c r="BN2695" s="53">
        <v>140376.90376568999</v>
      </c>
      <c r="BO2695" s="53">
        <v>11698.0753138075</v>
      </c>
      <c r="BP2695" s="53">
        <v>11698.0753138075</v>
      </c>
      <c r="BQ2695" s="53">
        <v>11698.0753138075</v>
      </c>
      <c r="BR2695" s="53">
        <v>11698.0753138075</v>
      </c>
      <c r="BS2695" s="53">
        <v>11698.0753138075</v>
      </c>
      <c r="BT2695" s="53">
        <v>11698.0753138075</v>
      </c>
      <c r="BU2695" s="53">
        <v>11698.0753138075</v>
      </c>
      <c r="BV2695" s="53">
        <v>11698.0753138075</v>
      </c>
      <c r="BW2695" s="53">
        <v>11698.0753138075</v>
      </c>
      <c r="BX2695" s="53">
        <v>11698.0753138075</v>
      </c>
      <c r="BY2695" s="53">
        <v>11698.0753138075</v>
      </c>
      <c r="BZ2695" s="53">
        <v>11698.0753138075</v>
      </c>
      <c r="CA2695" s="53">
        <v>140376.90376568999</v>
      </c>
      <c r="CB2695" s="53">
        <v>1427936.33333333</v>
      </c>
      <c r="CC2695" s="53">
        <v>1427936.33333333</v>
      </c>
      <c r="CD2695" s="53">
        <v>1427936.33333333</v>
      </c>
      <c r="CE2695" s="53">
        <v>1427936.33333333</v>
      </c>
      <c r="CF2695" s="53">
        <v>1427936.33333333</v>
      </c>
      <c r="CG2695" s="53">
        <v>1427936.33333333</v>
      </c>
      <c r="CH2695" s="53">
        <v>1427936.33333333</v>
      </c>
      <c r="CI2695" s="53">
        <v>1427936.33333333</v>
      </c>
      <c r="CJ2695" s="53">
        <v>1427936.33333333</v>
      </c>
      <c r="CK2695" s="53">
        <v>1427936.33333333</v>
      </c>
      <c r="CL2695" s="53">
        <v>1427936.33333333</v>
      </c>
      <c r="CM2695" s="53">
        <v>1427936.33333333</v>
      </c>
      <c r="CN2695" s="53">
        <v>17135236</v>
      </c>
    </row>
    <row r="2696" spans="1:92">
      <c r="A2696" s="52" t="s">
        <v>1591</v>
      </c>
      <c r="B2696" s="53"/>
      <c r="C2696" s="53"/>
      <c r="D2696" s="53"/>
      <c r="E2696" s="53"/>
      <c r="F2696" s="53"/>
      <c r="G2696" s="53"/>
      <c r="H2696" s="53"/>
      <c r="I2696" s="53"/>
      <c r="J2696" s="53"/>
      <c r="K2696" s="53"/>
      <c r="L2696" s="53"/>
      <c r="M2696" s="53"/>
      <c r="N2696" s="53"/>
      <c r="O2696" s="53"/>
      <c r="P2696" s="53"/>
      <c r="Q2696" s="53"/>
      <c r="R2696" s="53"/>
      <c r="S2696" s="53"/>
      <c r="T2696" s="53"/>
      <c r="U2696" s="53"/>
      <c r="V2696" s="53"/>
      <c r="W2696" s="53"/>
      <c r="X2696" s="53"/>
      <c r="Y2696" s="53"/>
      <c r="Z2696" s="53"/>
      <c r="AA2696" s="53"/>
      <c r="AB2696" s="53"/>
      <c r="AC2696" s="53"/>
      <c r="AD2696" s="53"/>
      <c r="AE2696" s="53"/>
      <c r="AF2696" s="53"/>
      <c r="AG2696" s="53"/>
      <c r="AH2696" s="53"/>
      <c r="AI2696" s="53"/>
      <c r="AJ2696" s="53"/>
      <c r="AK2696" s="53"/>
      <c r="AL2696" s="53"/>
      <c r="AM2696" s="53"/>
      <c r="AN2696" s="53"/>
      <c r="AO2696" s="53"/>
      <c r="AP2696" s="53"/>
      <c r="AQ2696" s="53"/>
      <c r="AR2696" s="53"/>
      <c r="AS2696" s="53"/>
      <c r="AT2696" s="53"/>
      <c r="AU2696" s="53"/>
      <c r="AV2696" s="53"/>
      <c r="AW2696" s="53"/>
      <c r="AX2696" s="53"/>
      <c r="AY2696" s="53"/>
      <c r="AZ2696" s="53"/>
      <c r="BA2696" s="53"/>
      <c r="BB2696" s="53"/>
      <c r="BC2696" s="53"/>
      <c r="BD2696" s="53"/>
      <c r="BE2696" s="53"/>
      <c r="BF2696" s="53"/>
      <c r="BG2696" s="53"/>
      <c r="BH2696" s="53"/>
      <c r="BI2696" s="53"/>
      <c r="BJ2696" s="53"/>
      <c r="BK2696" s="53"/>
      <c r="BL2696" s="53"/>
      <c r="BM2696" s="53"/>
      <c r="BN2696" s="53"/>
      <c r="BO2696" s="53"/>
      <c r="BP2696" s="53"/>
      <c r="BQ2696" s="53"/>
      <c r="BR2696" s="53"/>
      <c r="BS2696" s="53"/>
      <c r="BT2696" s="53"/>
      <c r="BU2696" s="53"/>
      <c r="BV2696" s="53"/>
      <c r="BW2696" s="53"/>
      <c r="BX2696" s="53"/>
      <c r="BY2696" s="53"/>
      <c r="BZ2696" s="53"/>
      <c r="CA2696" s="53"/>
      <c r="CB2696" s="53">
        <v>2200253009.7221498</v>
      </c>
      <c r="CC2696" s="53">
        <v>2242088803.6975298</v>
      </c>
      <c r="CD2696" s="53">
        <v>2285037526.52109</v>
      </c>
      <c r="CE2696" s="53">
        <v>2307664348.1522102</v>
      </c>
      <c r="CF2696" s="53">
        <v>2353320287.7864399</v>
      </c>
      <c r="CG2696" s="53">
        <v>2428350964.3295398</v>
      </c>
      <c r="CH2696" s="53">
        <v>2376453290.9200201</v>
      </c>
      <c r="CI2696" s="53">
        <v>2428714424.31001</v>
      </c>
      <c r="CJ2696" s="53">
        <v>2417680604.99966</v>
      </c>
      <c r="CK2696" s="53">
        <v>2461070225.2923398</v>
      </c>
      <c r="CL2696" s="53">
        <v>2278379133.3365698</v>
      </c>
      <c r="CM2696" s="53">
        <v>2159934165.9943399</v>
      </c>
      <c r="CN2696" s="53">
        <v>2159934165.9943399</v>
      </c>
    </row>
    <row r="2697" spans="1:92">
      <c r="A2697" s="52" t="s">
        <v>711</v>
      </c>
      <c r="B2697" s="53">
        <v>1213.9344262295001</v>
      </c>
      <c r="C2697" s="53">
        <v>1213.9344262295001</v>
      </c>
      <c r="D2697" s="53">
        <v>1213.9344262295001</v>
      </c>
      <c r="E2697" s="53">
        <v>1213.9344262295001</v>
      </c>
      <c r="F2697" s="53">
        <v>1213.9344262295001</v>
      </c>
      <c r="G2697" s="53">
        <v>1213.9344262295001</v>
      </c>
      <c r="H2697" s="53">
        <v>1213.9344262295001</v>
      </c>
      <c r="I2697" s="53">
        <v>1213.9344262295001</v>
      </c>
      <c r="J2697" s="53">
        <v>1213.9344262295001</v>
      </c>
      <c r="K2697" s="53">
        <v>1213.9344262295001</v>
      </c>
      <c r="L2697" s="53">
        <v>1213.9344262295001</v>
      </c>
      <c r="M2697" s="53">
        <v>1213.9344262295001</v>
      </c>
      <c r="N2697" s="53">
        <v>14567.213114754</v>
      </c>
      <c r="O2697" s="53">
        <v>1213.9344262295001</v>
      </c>
      <c r="P2697" s="53">
        <v>1213.9344262295001</v>
      </c>
      <c r="Q2697" s="53">
        <v>1213.9344262295001</v>
      </c>
      <c r="R2697" s="53">
        <v>1213.9344262295001</v>
      </c>
      <c r="S2697" s="53">
        <v>1213.9344262295001</v>
      </c>
      <c r="T2697" s="53">
        <v>1213.9344262295001</v>
      </c>
      <c r="U2697" s="53">
        <v>1213.9344262295001</v>
      </c>
      <c r="V2697" s="53">
        <v>1213.9344262295001</v>
      </c>
      <c r="W2697" s="53">
        <v>1213.9344262295001</v>
      </c>
      <c r="X2697" s="53">
        <v>1213.9344262295001</v>
      </c>
      <c r="Y2697" s="53">
        <v>1213.9344262295001</v>
      </c>
      <c r="Z2697" s="53">
        <v>1213.9344262295001</v>
      </c>
      <c r="AA2697" s="53">
        <v>14567.213114754</v>
      </c>
      <c r="AB2697" s="53">
        <v>1213.9344262295001</v>
      </c>
      <c r="AC2697" s="53">
        <v>1213.9344262295001</v>
      </c>
      <c r="AD2697" s="53">
        <v>1213.9344262295001</v>
      </c>
      <c r="AE2697" s="53">
        <v>1213.9344262295001</v>
      </c>
      <c r="AF2697" s="53">
        <v>1213.9344262295001</v>
      </c>
      <c r="AG2697" s="53">
        <v>1213.9344262295001</v>
      </c>
      <c r="AH2697" s="53">
        <v>1213.9344262295001</v>
      </c>
      <c r="AI2697" s="53">
        <v>1213.9344262295001</v>
      </c>
      <c r="AJ2697" s="53">
        <v>1213.9344262295001</v>
      </c>
      <c r="AK2697" s="53">
        <v>1213.9344262295001</v>
      </c>
      <c r="AL2697" s="53">
        <v>1213.9344262295001</v>
      </c>
      <c r="AM2697" s="53">
        <v>1213.9344262295001</v>
      </c>
      <c r="AN2697" s="53">
        <v>14567.213114754</v>
      </c>
      <c r="AO2697" s="53">
        <v>1213.9344262295001</v>
      </c>
      <c r="AP2697" s="53">
        <v>1213.9344262295001</v>
      </c>
      <c r="AQ2697" s="53">
        <v>1213.9344262295001</v>
      </c>
      <c r="AR2697" s="53">
        <v>1213.9344262295001</v>
      </c>
      <c r="AS2697" s="53">
        <v>1213.9344262295001</v>
      </c>
      <c r="AT2697" s="53">
        <v>1213.9344262295001</v>
      </c>
      <c r="AU2697" s="53">
        <v>1213.9344262295001</v>
      </c>
      <c r="AV2697" s="53">
        <v>1213.9344262295001</v>
      </c>
      <c r="AW2697" s="53">
        <v>1213.9344262295001</v>
      </c>
      <c r="AX2697" s="53">
        <v>1213.9344262295001</v>
      </c>
      <c r="AY2697" s="53">
        <v>1213.9344262295001</v>
      </c>
      <c r="AZ2697" s="53">
        <v>1213.9344262295001</v>
      </c>
      <c r="BA2697" s="53">
        <v>14567.213114754</v>
      </c>
      <c r="BB2697" s="53">
        <v>1213.9344262295001</v>
      </c>
      <c r="BC2697" s="53">
        <v>1213.9344262295001</v>
      </c>
      <c r="BD2697" s="53">
        <v>1213.9344262295001</v>
      </c>
      <c r="BE2697" s="53">
        <v>1213.9344262295001</v>
      </c>
      <c r="BF2697" s="53">
        <v>1213.9344262295001</v>
      </c>
      <c r="BG2697" s="53">
        <v>1213.9344262295001</v>
      </c>
      <c r="BH2697" s="53">
        <v>1213.9344262295001</v>
      </c>
      <c r="BI2697" s="53">
        <v>1213.9344262295001</v>
      </c>
      <c r="BJ2697" s="53">
        <v>1213.9344262295001</v>
      </c>
      <c r="BK2697" s="53">
        <v>1213.9344262295001</v>
      </c>
      <c r="BL2697" s="53">
        <v>1213.9344262295001</v>
      </c>
      <c r="BM2697" s="53">
        <v>1213.9344262295001</v>
      </c>
      <c r="BN2697" s="53">
        <v>14567.2131147541</v>
      </c>
      <c r="BO2697" s="53">
        <v>1213.9344262295001</v>
      </c>
      <c r="BP2697" s="53"/>
      <c r="BQ2697" s="53"/>
      <c r="BR2697" s="53"/>
      <c r="BS2697" s="53"/>
      <c r="BT2697" s="53"/>
      <c r="BU2697" s="53"/>
      <c r="BV2697" s="53"/>
      <c r="BW2697" s="53"/>
      <c r="BX2697" s="53"/>
      <c r="BY2697" s="53"/>
      <c r="BZ2697" s="53"/>
      <c r="CA2697" s="53">
        <v>1213.9344262295001</v>
      </c>
      <c r="CB2697" s="53"/>
      <c r="CC2697" s="53"/>
      <c r="CD2697" s="53"/>
      <c r="CE2697" s="53"/>
      <c r="CF2697" s="53"/>
      <c r="CG2697" s="53"/>
      <c r="CH2697" s="53"/>
      <c r="CI2697" s="53"/>
      <c r="CJ2697" s="53"/>
      <c r="CK2697" s="53"/>
      <c r="CL2697" s="53"/>
      <c r="CM2697" s="53"/>
      <c r="CN2697" s="53"/>
    </row>
    <row r="2698" spans="1:92">
      <c r="A2698" s="52" t="s">
        <v>712</v>
      </c>
      <c r="B2698" s="53">
        <v>1583.1557377049101</v>
      </c>
      <c r="C2698" s="53">
        <v>1583.1557377049101</v>
      </c>
      <c r="D2698" s="53">
        <v>1583.1557377049101</v>
      </c>
      <c r="E2698" s="53">
        <v>1583.1557377049101</v>
      </c>
      <c r="F2698" s="53">
        <v>1583.1557377049101</v>
      </c>
      <c r="G2698" s="53">
        <v>1583.1557377049101</v>
      </c>
      <c r="H2698" s="53">
        <v>1583.1557377049101</v>
      </c>
      <c r="I2698" s="53">
        <v>1583.1557377049101</v>
      </c>
      <c r="J2698" s="53">
        <v>1583.1557377049101</v>
      </c>
      <c r="K2698" s="53">
        <v>1583.1557377049101</v>
      </c>
      <c r="L2698" s="53">
        <v>1583.1557377049101</v>
      </c>
      <c r="M2698" s="53">
        <v>1583.1557377049101</v>
      </c>
      <c r="N2698" s="53">
        <v>18997.868852459</v>
      </c>
      <c r="O2698" s="53">
        <v>1583.1557377049101</v>
      </c>
      <c r="P2698" s="53">
        <v>1583.1557377049101</v>
      </c>
      <c r="Q2698" s="53">
        <v>1583.1557377049101</v>
      </c>
      <c r="R2698" s="53">
        <v>1583.1557377049101</v>
      </c>
      <c r="S2698" s="53">
        <v>1583.1557377049101</v>
      </c>
      <c r="T2698" s="53">
        <v>1583.1557377049101</v>
      </c>
      <c r="U2698" s="53">
        <v>1583.1557377049101</v>
      </c>
      <c r="V2698" s="53">
        <v>1583.1557377049101</v>
      </c>
      <c r="W2698" s="53">
        <v>1583.1557377049101</v>
      </c>
      <c r="X2698" s="53">
        <v>1583.1557377049101</v>
      </c>
      <c r="Y2698" s="53">
        <v>1583.1557377049101</v>
      </c>
      <c r="Z2698" s="53">
        <v>1583.1557377049101</v>
      </c>
      <c r="AA2698" s="53">
        <v>18997.868852459</v>
      </c>
      <c r="AB2698" s="53">
        <v>1583.1557377049101</v>
      </c>
      <c r="AC2698" s="53">
        <v>1583.1557377049101</v>
      </c>
      <c r="AD2698" s="53">
        <v>1583.1557377049101</v>
      </c>
      <c r="AE2698" s="53">
        <v>1583.1557377049101</v>
      </c>
      <c r="AF2698" s="53">
        <v>1583.1557377049101</v>
      </c>
      <c r="AG2698" s="53">
        <v>1583.1557377049101</v>
      </c>
      <c r="AH2698" s="53">
        <v>1583.1557377049101</v>
      </c>
      <c r="AI2698" s="53">
        <v>1583.1557377049101</v>
      </c>
      <c r="AJ2698" s="53">
        <v>1583.1557377049101</v>
      </c>
      <c r="AK2698" s="53">
        <v>1583.1557377049101</v>
      </c>
      <c r="AL2698" s="53">
        <v>1583.1557377049101</v>
      </c>
      <c r="AM2698" s="53">
        <v>1583.1557377049101</v>
      </c>
      <c r="AN2698" s="53">
        <v>18997.868852459</v>
      </c>
      <c r="AO2698" s="53">
        <v>1583.1557377049101</v>
      </c>
      <c r="AP2698" s="53">
        <v>1583.1557377049201</v>
      </c>
      <c r="AQ2698" s="53">
        <v>1583.1557377049201</v>
      </c>
      <c r="AR2698" s="53">
        <v>1583.1557377049201</v>
      </c>
      <c r="AS2698" s="53">
        <v>1583.1557377049201</v>
      </c>
      <c r="AT2698" s="53">
        <v>1583.1557377049201</v>
      </c>
      <c r="AU2698" s="53">
        <v>1583.1557377049201</v>
      </c>
      <c r="AV2698" s="53">
        <v>1583.1557377049201</v>
      </c>
      <c r="AW2698" s="53">
        <v>1583.1557377049201</v>
      </c>
      <c r="AX2698" s="53">
        <v>1583.1557377049201</v>
      </c>
      <c r="AY2698" s="53">
        <v>1583.1557377049201</v>
      </c>
      <c r="AZ2698" s="53">
        <v>1583.1557377049201</v>
      </c>
      <c r="BA2698" s="53">
        <v>18997.868852459</v>
      </c>
      <c r="BB2698" s="53">
        <v>1583.1557377049201</v>
      </c>
      <c r="BC2698" s="53">
        <v>1583.1557377049201</v>
      </c>
      <c r="BD2698" s="53">
        <v>1583.1557377049201</v>
      </c>
      <c r="BE2698" s="53">
        <v>1583.1557377049201</v>
      </c>
      <c r="BF2698" s="53">
        <v>1583.1557377049201</v>
      </c>
      <c r="BG2698" s="53">
        <v>1583.1557377049201</v>
      </c>
      <c r="BH2698" s="53">
        <v>1583.1557377049201</v>
      </c>
      <c r="BI2698" s="53">
        <v>1583.1557377049201</v>
      </c>
      <c r="BJ2698" s="53">
        <v>1583.1557377049201</v>
      </c>
      <c r="BK2698" s="53">
        <v>1583.1557377049201</v>
      </c>
      <c r="BL2698" s="53">
        <v>1583.1557377049201</v>
      </c>
      <c r="BM2698" s="53">
        <v>1583.1557377049201</v>
      </c>
      <c r="BN2698" s="53">
        <v>18997.868852459</v>
      </c>
      <c r="BO2698" s="53">
        <v>1583.1557377049201</v>
      </c>
      <c r="BP2698" s="53">
        <v>1583.1557377049201</v>
      </c>
      <c r="BQ2698" s="53">
        <v>1583.1557377049201</v>
      </c>
      <c r="BR2698" s="53">
        <v>1583.1557377049201</v>
      </c>
      <c r="BS2698" s="53">
        <v>1583.1557377049201</v>
      </c>
      <c r="BT2698" s="53">
        <v>1583.1557377049201</v>
      </c>
      <c r="BU2698" s="53">
        <v>1583.1557377049201</v>
      </c>
      <c r="BV2698" s="53">
        <v>1583.1557377049201</v>
      </c>
      <c r="BW2698" s="53">
        <v>1583.1557377049201</v>
      </c>
      <c r="BX2698" s="53">
        <v>1583.1557377049201</v>
      </c>
      <c r="BY2698" s="53">
        <v>1583.1557377049201</v>
      </c>
      <c r="BZ2698" s="53">
        <v>1583.1557377049201</v>
      </c>
      <c r="CA2698" s="53">
        <v>18997.868852459</v>
      </c>
      <c r="CB2698" s="53"/>
      <c r="CC2698" s="53"/>
      <c r="CD2698" s="53"/>
      <c r="CE2698" s="53"/>
      <c r="CF2698" s="53"/>
      <c r="CG2698" s="53"/>
      <c r="CH2698" s="53"/>
      <c r="CI2698" s="53"/>
      <c r="CJ2698" s="53"/>
      <c r="CK2698" s="53"/>
      <c r="CL2698" s="53"/>
      <c r="CM2698" s="53"/>
      <c r="CN2698" s="53"/>
    </row>
    <row r="2699" spans="1:92" outlineLevel="1">
      <c r="A2699" s="52" t="s">
        <v>713</v>
      </c>
      <c r="B2699" s="53">
        <v>1833.3881019830001</v>
      </c>
      <c r="C2699" s="53">
        <v>1833.3881019830001</v>
      </c>
      <c r="D2699" s="53">
        <v>1833.3881019830001</v>
      </c>
      <c r="E2699" s="53">
        <v>1833.3881019830001</v>
      </c>
      <c r="F2699" s="53">
        <v>1833.3881019830001</v>
      </c>
      <c r="G2699" s="53">
        <v>1833.3881019830001</v>
      </c>
      <c r="H2699" s="53">
        <v>1833.3881019830001</v>
      </c>
      <c r="I2699" s="53">
        <v>1833.3881019830001</v>
      </c>
      <c r="J2699" s="53">
        <v>1833.3881019830001</v>
      </c>
      <c r="K2699" s="53">
        <v>1833.3881019830001</v>
      </c>
      <c r="L2699" s="53">
        <v>1833.3881019830001</v>
      </c>
      <c r="M2699" s="53">
        <v>1833.3881019830001</v>
      </c>
      <c r="N2699" s="53">
        <v>22000.657223795999</v>
      </c>
      <c r="O2699" s="53">
        <v>1833.3881019830001</v>
      </c>
      <c r="P2699" s="53">
        <v>1833.3881019830001</v>
      </c>
      <c r="Q2699" s="53">
        <v>1833.3881019830001</v>
      </c>
      <c r="R2699" s="53">
        <v>1833.3881019830001</v>
      </c>
      <c r="S2699" s="53">
        <v>1833.3881019830001</v>
      </c>
      <c r="T2699" s="53">
        <v>1833.3881019830001</v>
      </c>
      <c r="U2699" s="53">
        <v>1833.3881019830001</v>
      </c>
      <c r="V2699" s="53">
        <v>1833.3881019830001</v>
      </c>
      <c r="W2699" s="53">
        <v>1833.3881019830001</v>
      </c>
      <c r="X2699" s="53">
        <v>1833.3881019830001</v>
      </c>
      <c r="Y2699" s="53">
        <v>1833.3881019830001</v>
      </c>
      <c r="Z2699" s="53">
        <v>1833.3881019830001</v>
      </c>
      <c r="AA2699" s="53">
        <v>22000.657223795999</v>
      </c>
      <c r="AB2699" s="53">
        <v>1833.3881019830001</v>
      </c>
      <c r="AC2699" s="53">
        <v>1833.3881019830001</v>
      </c>
      <c r="AD2699" s="53">
        <v>1833.3881019830001</v>
      </c>
      <c r="AE2699" s="53">
        <v>1833.3881019830001</v>
      </c>
      <c r="AF2699" s="53">
        <v>1833.3881019829901</v>
      </c>
      <c r="AG2699" s="53">
        <v>1833.3881019829901</v>
      </c>
      <c r="AH2699" s="53">
        <v>1833.3881019829901</v>
      </c>
      <c r="AI2699" s="53">
        <v>1833.3881019829901</v>
      </c>
      <c r="AJ2699" s="53">
        <v>1833.3881019829901</v>
      </c>
      <c r="AK2699" s="53">
        <v>1833.3881019829901</v>
      </c>
      <c r="AL2699" s="53">
        <v>1833.3881019829901</v>
      </c>
      <c r="AM2699" s="53">
        <v>1833.3881019829901</v>
      </c>
      <c r="AN2699" s="53">
        <v>22000.657223795999</v>
      </c>
      <c r="AO2699" s="53">
        <v>1833.3881019829901</v>
      </c>
      <c r="AP2699" s="53">
        <v>1833.3881019829901</v>
      </c>
      <c r="AQ2699" s="53">
        <v>1833.3881019829901</v>
      </c>
      <c r="AR2699" s="53">
        <v>1833.3881019829901</v>
      </c>
      <c r="AS2699" s="53">
        <v>1833.3881019829901</v>
      </c>
      <c r="AT2699" s="53">
        <v>1833.3881019829901</v>
      </c>
      <c r="AU2699" s="53">
        <v>1833.3881019829901</v>
      </c>
      <c r="AV2699" s="53">
        <v>1833.3881019829901</v>
      </c>
      <c r="AW2699" s="53">
        <v>1833.3881019829901</v>
      </c>
      <c r="AX2699" s="53">
        <v>1833.3881019829901</v>
      </c>
      <c r="AY2699" s="53">
        <v>1833.3881019829901</v>
      </c>
      <c r="AZ2699" s="53">
        <v>1833.3881019829901</v>
      </c>
      <c r="BA2699" s="53">
        <v>22000.657223795901</v>
      </c>
      <c r="BB2699" s="53">
        <v>1833.3881019829901</v>
      </c>
      <c r="BC2699" s="53">
        <v>1833.3881019829901</v>
      </c>
      <c r="BD2699" s="53">
        <v>1833.3881019829901</v>
      </c>
      <c r="BE2699" s="53">
        <v>1833.3881019829901</v>
      </c>
      <c r="BF2699" s="53">
        <v>1833.3881019829901</v>
      </c>
      <c r="BG2699" s="53">
        <v>1833.3881019830001</v>
      </c>
      <c r="BH2699" s="53">
        <v>1833.3881019830001</v>
      </c>
      <c r="BI2699" s="53">
        <v>1833.3881019830001</v>
      </c>
      <c r="BJ2699" s="53">
        <v>1833.3881019830001</v>
      </c>
      <c r="BK2699" s="53">
        <v>1833.3881019830001</v>
      </c>
      <c r="BL2699" s="53">
        <v>1833.3881019830001</v>
      </c>
      <c r="BM2699" s="53">
        <v>1833.3881019830001</v>
      </c>
      <c r="BN2699" s="53">
        <v>22000.657223795999</v>
      </c>
      <c r="BO2699" s="53">
        <v>1833.3881019830001</v>
      </c>
      <c r="BP2699" s="53">
        <v>1833.3881019830001</v>
      </c>
      <c r="BQ2699" s="53">
        <v>1833.3881019830001</v>
      </c>
      <c r="BR2699" s="53">
        <v>1833.3881019830001</v>
      </c>
      <c r="BS2699" s="53">
        <v>1833.3881019830001</v>
      </c>
      <c r="BT2699" s="53">
        <v>1833.3881019830001</v>
      </c>
      <c r="BU2699" s="53">
        <v>1833.3881019830001</v>
      </c>
      <c r="BV2699" s="53">
        <v>1833.3881019830001</v>
      </c>
      <c r="BW2699" s="53">
        <v>1833.3881019830001</v>
      </c>
      <c r="BX2699" s="53">
        <v>1833.3881019830001</v>
      </c>
      <c r="BY2699" s="53">
        <v>1833.3881019830001</v>
      </c>
      <c r="BZ2699" s="53">
        <v>1833.3881019830001</v>
      </c>
      <c r="CA2699" s="53">
        <v>22000.657223795999</v>
      </c>
      <c r="CB2699" s="53">
        <v>0</v>
      </c>
      <c r="CC2699" s="53">
        <v>0</v>
      </c>
      <c r="CD2699" s="53">
        <v>0</v>
      </c>
      <c r="CE2699" s="53">
        <v>0</v>
      </c>
      <c r="CF2699" s="53">
        <v>0</v>
      </c>
      <c r="CG2699" s="53">
        <v>0</v>
      </c>
      <c r="CH2699" s="53">
        <v>0</v>
      </c>
      <c r="CI2699" s="53">
        <v>0</v>
      </c>
      <c r="CJ2699" s="53">
        <v>0</v>
      </c>
      <c r="CK2699" s="53">
        <v>0</v>
      </c>
      <c r="CL2699" s="53">
        <v>0</v>
      </c>
      <c r="CM2699" s="53">
        <v>0</v>
      </c>
      <c r="CN2699" s="53">
        <v>0</v>
      </c>
    </row>
    <row r="2700" spans="1:92" outlineLevel="1">
      <c r="A2700" s="52" t="s">
        <v>716</v>
      </c>
      <c r="B2700" s="53">
        <v>11723.4555256064</v>
      </c>
      <c r="C2700" s="53">
        <v>11723.4555256064</v>
      </c>
      <c r="D2700" s="53">
        <v>11723.4555256064</v>
      </c>
      <c r="E2700" s="53">
        <v>11723.4555256064</v>
      </c>
      <c r="F2700" s="53">
        <v>11723.4555256064</v>
      </c>
      <c r="G2700" s="53">
        <v>11723.4555256064</v>
      </c>
      <c r="H2700" s="53">
        <v>11723.4555256064</v>
      </c>
      <c r="I2700" s="53">
        <v>11723.4555256064</v>
      </c>
      <c r="J2700" s="53">
        <v>11723.4555256064</v>
      </c>
      <c r="K2700" s="53">
        <v>11723.4555256064</v>
      </c>
      <c r="L2700" s="53">
        <v>11723.4555256064</v>
      </c>
      <c r="M2700" s="53">
        <v>11723.4555256064</v>
      </c>
      <c r="N2700" s="53">
        <v>140681.46630727701</v>
      </c>
      <c r="O2700" s="53">
        <v>11723.4555256064</v>
      </c>
      <c r="P2700" s="53">
        <v>11723.4555256064</v>
      </c>
      <c r="Q2700" s="53">
        <v>11723.4555256064</v>
      </c>
      <c r="R2700" s="53">
        <v>11723.4555256064</v>
      </c>
      <c r="S2700" s="53">
        <v>11723.4555256064</v>
      </c>
      <c r="T2700" s="53">
        <v>11723.4555256064</v>
      </c>
      <c r="U2700" s="53">
        <v>11723.4555256064</v>
      </c>
      <c r="V2700" s="53">
        <v>11723.4555256064</v>
      </c>
      <c r="W2700" s="53">
        <v>11723.4555256064</v>
      </c>
      <c r="X2700" s="53">
        <v>11723.4555256064</v>
      </c>
      <c r="Y2700" s="53">
        <v>11723.4555256064</v>
      </c>
      <c r="Z2700" s="53">
        <v>11723.4555256064</v>
      </c>
      <c r="AA2700" s="53">
        <v>140681.46630727701</v>
      </c>
      <c r="AB2700" s="53">
        <v>11723.4555256064</v>
      </c>
      <c r="AC2700" s="53">
        <v>11723.4555256064</v>
      </c>
      <c r="AD2700" s="53">
        <v>11723.4555256064</v>
      </c>
      <c r="AE2700" s="53">
        <v>11723.4555256064</v>
      </c>
      <c r="AF2700" s="53">
        <v>11723.4555256064</v>
      </c>
      <c r="AG2700" s="53">
        <v>11723.4555256064</v>
      </c>
      <c r="AH2700" s="53">
        <v>11723.4555256064</v>
      </c>
      <c r="AI2700" s="53">
        <v>11723.4555256064</v>
      </c>
      <c r="AJ2700" s="53">
        <v>11723.4555256064</v>
      </c>
      <c r="AK2700" s="53">
        <v>11723.4555256064</v>
      </c>
      <c r="AL2700" s="53">
        <v>11723.4555256064</v>
      </c>
      <c r="AM2700" s="53">
        <v>11723.4555256064</v>
      </c>
      <c r="AN2700" s="53">
        <v>140681.46630727701</v>
      </c>
      <c r="AO2700" s="53">
        <v>11723.4555256064</v>
      </c>
      <c r="AP2700" s="53">
        <v>11723.4555256064</v>
      </c>
      <c r="AQ2700" s="53">
        <v>11723.4555256064</v>
      </c>
      <c r="AR2700" s="53">
        <v>11723.4555256064</v>
      </c>
      <c r="AS2700" s="53">
        <v>11723.4555256064</v>
      </c>
      <c r="AT2700" s="53">
        <v>11723.4555256064</v>
      </c>
      <c r="AU2700" s="53">
        <v>11723.4555256064</v>
      </c>
      <c r="AV2700" s="53">
        <v>11723.4555256064</v>
      </c>
      <c r="AW2700" s="53">
        <v>11723.4555256064</v>
      </c>
      <c r="AX2700" s="53">
        <v>11723.4555256064</v>
      </c>
      <c r="AY2700" s="53">
        <v>11723.4555256064</v>
      </c>
      <c r="AZ2700" s="53">
        <v>11723.4555256064</v>
      </c>
      <c r="BA2700" s="53">
        <v>140681.46630727701</v>
      </c>
      <c r="BB2700" s="53">
        <v>11723.4555256064</v>
      </c>
      <c r="BC2700" s="53">
        <v>11723.4555256064</v>
      </c>
      <c r="BD2700" s="53">
        <v>11723.4555256064</v>
      </c>
      <c r="BE2700" s="53">
        <v>11723.4555256064</v>
      </c>
      <c r="BF2700" s="53">
        <v>11723.4555256064</v>
      </c>
      <c r="BG2700" s="53">
        <v>11723.4555256064</v>
      </c>
      <c r="BH2700" s="53">
        <v>11723.4555256064</v>
      </c>
      <c r="BI2700" s="53">
        <v>11723.4555256064</v>
      </c>
      <c r="BJ2700" s="53">
        <v>11723.4555256064</v>
      </c>
      <c r="BK2700" s="53">
        <v>11723.4555256064</v>
      </c>
      <c r="BL2700" s="53">
        <v>11723.4555256064</v>
      </c>
      <c r="BM2700" s="53">
        <v>11723.4555256064</v>
      </c>
      <c r="BN2700" s="53">
        <v>140681.46630727701</v>
      </c>
      <c r="BO2700" s="53">
        <v>11723.4555256064</v>
      </c>
      <c r="BP2700" s="53">
        <v>11723.4555256064</v>
      </c>
      <c r="BQ2700" s="53">
        <v>11723.4555256064</v>
      </c>
      <c r="BR2700" s="53">
        <v>11723.4555256064</v>
      </c>
      <c r="BS2700" s="53">
        <v>11723.4555256064</v>
      </c>
      <c r="BT2700" s="53">
        <v>11723.4555256064</v>
      </c>
      <c r="BU2700" s="53">
        <v>11723.4555256064</v>
      </c>
      <c r="BV2700" s="53">
        <v>11723.4555256064</v>
      </c>
      <c r="BW2700" s="53">
        <v>11723.4555256064</v>
      </c>
      <c r="BX2700" s="53">
        <v>11723.4555256064</v>
      </c>
      <c r="BY2700" s="53">
        <v>11723.4555256064</v>
      </c>
      <c r="BZ2700" s="53">
        <v>11723.4555256064</v>
      </c>
      <c r="CA2700" s="53">
        <v>140681.46630727701</v>
      </c>
      <c r="CB2700" s="53">
        <v>5875000000</v>
      </c>
      <c r="CC2700" s="53">
        <v>5875000000</v>
      </c>
      <c r="CD2700" s="53">
        <v>5875000000</v>
      </c>
      <c r="CE2700" s="53">
        <v>5875000000</v>
      </c>
      <c r="CF2700" s="53">
        <v>5875000000</v>
      </c>
      <c r="CG2700" s="53">
        <v>5875000000</v>
      </c>
      <c r="CH2700" s="53">
        <v>5875000000</v>
      </c>
      <c r="CI2700" s="53">
        <v>5875000000</v>
      </c>
      <c r="CJ2700" s="53">
        <v>5875000000</v>
      </c>
      <c r="CK2700" s="53">
        <v>5875000000</v>
      </c>
      <c r="CL2700" s="53">
        <v>5875000000</v>
      </c>
      <c r="CM2700" s="53">
        <v>5875000000</v>
      </c>
      <c r="CN2700" s="53">
        <v>5875000000</v>
      </c>
    </row>
    <row r="2701" spans="1:92" outlineLevel="1">
      <c r="A2701" s="52" t="s">
        <v>717</v>
      </c>
      <c r="B2701" s="53">
        <v>4051.8260869565202</v>
      </c>
      <c r="C2701" s="53">
        <v>4051.8260869565202</v>
      </c>
      <c r="D2701" s="53">
        <v>4051.8260869565202</v>
      </c>
      <c r="E2701" s="53">
        <v>4051.8260869565202</v>
      </c>
      <c r="F2701" s="53">
        <v>4051.8260869565202</v>
      </c>
      <c r="G2701" s="53">
        <v>4051.8260869565202</v>
      </c>
      <c r="H2701" s="53">
        <v>4051.8260869565202</v>
      </c>
      <c r="I2701" s="53">
        <v>4051.8260869565202</v>
      </c>
      <c r="J2701" s="53">
        <v>4051.8260869565102</v>
      </c>
      <c r="K2701" s="53">
        <v>4051.8260869565102</v>
      </c>
      <c r="L2701" s="53">
        <v>4051.8260869565102</v>
      </c>
      <c r="M2701" s="53">
        <v>4051.8260869565102</v>
      </c>
      <c r="N2701" s="53">
        <v>48621.913043478198</v>
      </c>
      <c r="O2701" s="53">
        <v>4051.8260869565102</v>
      </c>
      <c r="P2701" s="53">
        <v>4051.8260869565102</v>
      </c>
      <c r="Q2701" s="53">
        <v>4051.8260869565102</v>
      </c>
      <c r="R2701" s="53">
        <v>4051.8260869565102</v>
      </c>
      <c r="S2701" s="53">
        <v>4051.8260869565102</v>
      </c>
      <c r="T2701" s="53">
        <v>4051.8260869565102</v>
      </c>
      <c r="U2701" s="53">
        <v>4051.8260869565102</v>
      </c>
      <c r="V2701" s="53">
        <v>4051.8260869565102</v>
      </c>
      <c r="W2701" s="53">
        <v>4051.8260869565102</v>
      </c>
      <c r="X2701" s="53">
        <v>4051.8260869565102</v>
      </c>
      <c r="Y2701" s="53">
        <v>4051.8260869565102</v>
      </c>
      <c r="Z2701" s="53">
        <v>4051.8260869565102</v>
      </c>
      <c r="AA2701" s="53">
        <v>48621.913043478198</v>
      </c>
      <c r="AB2701" s="53">
        <v>4051.8260869565102</v>
      </c>
      <c r="AC2701" s="53">
        <v>4051.8260869565102</v>
      </c>
      <c r="AD2701" s="53">
        <v>4051.8260869565102</v>
      </c>
      <c r="AE2701" s="53">
        <v>4051.8260869565102</v>
      </c>
      <c r="AF2701" s="53">
        <v>4051.8260869565102</v>
      </c>
      <c r="AG2701" s="53">
        <v>4051.8260869565102</v>
      </c>
      <c r="AH2701" s="53">
        <v>4051.8260869565102</v>
      </c>
      <c r="AI2701" s="53">
        <v>4051.8260869565102</v>
      </c>
      <c r="AJ2701" s="53">
        <v>4051.8260869565102</v>
      </c>
      <c r="AK2701" s="53">
        <v>4051.8260869565102</v>
      </c>
      <c r="AL2701" s="53">
        <v>4051.8260869565102</v>
      </c>
      <c r="AM2701" s="53">
        <v>4051.8260869565102</v>
      </c>
      <c r="AN2701" s="53">
        <v>48621.913043478096</v>
      </c>
      <c r="AO2701" s="53">
        <v>4051.8260869565102</v>
      </c>
      <c r="AP2701" s="53">
        <v>4051.8260869565102</v>
      </c>
      <c r="AQ2701" s="53">
        <v>4051.8260869565102</v>
      </c>
      <c r="AR2701" s="53">
        <v>4051.8260869565102</v>
      </c>
      <c r="AS2701" s="53">
        <v>4051.8260869565102</v>
      </c>
      <c r="AT2701" s="53">
        <v>4051.8260869565102</v>
      </c>
      <c r="AU2701" s="53">
        <v>4051.8260869565001</v>
      </c>
      <c r="AV2701" s="53">
        <v>4051.8260869565001</v>
      </c>
      <c r="AW2701" s="53">
        <v>4051.8260869565001</v>
      </c>
      <c r="AX2701" s="53">
        <v>4051.8260869565102</v>
      </c>
      <c r="AY2701" s="53">
        <v>4051.8260869565001</v>
      </c>
      <c r="AZ2701" s="53">
        <v>4051.8260869565001</v>
      </c>
      <c r="BA2701" s="53">
        <v>48621.913043478096</v>
      </c>
      <c r="BB2701" s="53">
        <v>4051.8260869565102</v>
      </c>
      <c r="BC2701" s="53">
        <v>4051.8260869565001</v>
      </c>
      <c r="BD2701" s="53">
        <v>4051.8260869565001</v>
      </c>
      <c r="BE2701" s="53">
        <v>4051.8260869565001</v>
      </c>
      <c r="BF2701" s="53">
        <v>4051.8260869565001</v>
      </c>
      <c r="BG2701" s="53">
        <v>4051.8260869565102</v>
      </c>
      <c r="BH2701" s="53">
        <v>4051.8260869565102</v>
      </c>
      <c r="BI2701" s="53">
        <v>4051.8260869565001</v>
      </c>
      <c r="BJ2701" s="53">
        <v>4051.8260869565001</v>
      </c>
      <c r="BK2701" s="53">
        <v>4051.8260869565102</v>
      </c>
      <c r="BL2701" s="53">
        <v>4051.8260869565001</v>
      </c>
      <c r="BM2701" s="53">
        <v>4051.8260869565001</v>
      </c>
      <c r="BN2701" s="53">
        <v>48621.913043478096</v>
      </c>
      <c r="BO2701" s="53">
        <v>4051.8260869565001</v>
      </c>
      <c r="BP2701" s="53">
        <v>4051.8260869565102</v>
      </c>
      <c r="BQ2701" s="53">
        <v>4051.8260869565001</v>
      </c>
      <c r="BR2701" s="53">
        <v>4051.8260869565001</v>
      </c>
      <c r="BS2701" s="53">
        <v>4051.8260869565001</v>
      </c>
      <c r="BT2701" s="53">
        <v>4051.8260869565102</v>
      </c>
      <c r="BU2701" s="53">
        <v>4051.8260869565001</v>
      </c>
      <c r="BV2701" s="53">
        <v>4051.8260869565001</v>
      </c>
      <c r="BW2701" s="53">
        <v>4051.8260869565102</v>
      </c>
      <c r="BX2701" s="53">
        <v>4051.8260869565001</v>
      </c>
      <c r="BY2701" s="53">
        <v>4051.8260869565001</v>
      </c>
      <c r="BZ2701" s="53">
        <v>4051.8260869565001</v>
      </c>
      <c r="CA2701" s="53">
        <v>48621.913043478096</v>
      </c>
      <c r="CB2701" s="53">
        <v>0</v>
      </c>
      <c r="CC2701" s="53">
        <v>0</v>
      </c>
      <c r="CD2701" s="53">
        <v>0</v>
      </c>
      <c r="CE2701" s="53">
        <v>0</v>
      </c>
      <c r="CF2701" s="53">
        <v>0</v>
      </c>
      <c r="CG2701" s="53">
        <v>0</v>
      </c>
      <c r="CH2701" s="53">
        <v>0</v>
      </c>
      <c r="CI2701" s="53">
        <v>0</v>
      </c>
      <c r="CJ2701" s="53">
        <v>0</v>
      </c>
      <c r="CK2701" s="53">
        <v>0</v>
      </c>
      <c r="CL2701" s="53">
        <v>0</v>
      </c>
      <c r="CM2701" s="53">
        <v>0</v>
      </c>
      <c r="CN2701" s="53">
        <v>0</v>
      </c>
    </row>
    <row r="2702" spans="1:92" outlineLevel="1">
      <c r="A2702" s="52" t="s">
        <v>718</v>
      </c>
      <c r="B2702" s="53">
        <v>3523.4088050314399</v>
      </c>
      <c r="C2702" s="53">
        <v>3523.4088050314399</v>
      </c>
      <c r="D2702" s="53">
        <v>3523.4088050314399</v>
      </c>
      <c r="E2702" s="53">
        <v>3523.4088050314399</v>
      </c>
      <c r="F2702" s="53">
        <v>3523.4088050314399</v>
      </c>
      <c r="G2702" s="53">
        <v>3523.4088050314399</v>
      </c>
      <c r="H2702" s="53">
        <v>3523.4088050314399</v>
      </c>
      <c r="I2702" s="53">
        <v>3523.4088050314399</v>
      </c>
      <c r="J2702" s="53">
        <v>3523.4088050314399</v>
      </c>
      <c r="K2702" s="53">
        <v>3523.4088050314399</v>
      </c>
      <c r="L2702" s="53">
        <v>3523.4088050314399</v>
      </c>
      <c r="M2702" s="53">
        <v>3523.4088050314399</v>
      </c>
      <c r="N2702" s="53">
        <v>42280.905660377299</v>
      </c>
      <c r="O2702" s="53">
        <v>3523.4088050314399</v>
      </c>
      <c r="P2702" s="53">
        <v>3523.4088050314399</v>
      </c>
      <c r="Q2702" s="53">
        <v>3523.4088050314399</v>
      </c>
      <c r="R2702" s="53">
        <v>3523.4088050314399</v>
      </c>
      <c r="S2702" s="53">
        <v>3523.4088050314399</v>
      </c>
      <c r="T2702" s="53">
        <v>3523.4088050314399</v>
      </c>
      <c r="U2702" s="53">
        <v>3523.4088050314499</v>
      </c>
      <c r="V2702" s="53">
        <v>3523.4088050314399</v>
      </c>
      <c r="W2702" s="53">
        <v>3523.4088050314499</v>
      </c>
      <c r="X2702" s="53">
        <v>3523.4088050314499</v>
      </c>
      <c r="Y2702" s="53">
        <v>3523.4088050314499</v>
      </c>
      <c r="Z2702" s="53">
        <v>3523.4088050314499</v>
      </c>
      <c r="AA2702" s="53">
        <v>42280.905660377401</v>
      </c>
      <c r="AB2702" s="53">
        <v>3523.4088050314499</v>
      </c>
      <c r="AC2702" s="53">
        <v>3523.4088050314499</v>
      </c>
      <c r="AD2702" s="53">
        <v>3523.4088050314499</v>
      </c>
      <c r="AE2702" s="53">
        <v>3523.4088050314499</v>
      </c>
      <c r="AF2702" s="53">
        <v>3523.4088050314499</v>
      </c>
      <c r="AG2702" s="53">
        <v>3523.4088050314499</v>
      </c>
      <c r="AH2702" s="53">
        <v>3523.4088050314499</v>
      </c>
      <c r="AI2702" s="53">
        <v>3523.4088050314499</v>
      </c>
      <c r="AJ2702" s="53">
        <v>3523.4088050314499</v>
      </c>
      <c r="AK2702" s="53">
        <v>3523.4088050314499</v>
      </c>
      <c r="AL2702" s="53">
        <v>3523.4088050314499</v>
      </c>
      <c r="AM2702" s="53">
        <v>3523.4088050314499</v>
      </c>
      <c r="AN2702" s="53">
        <v>42280.905660377401</v>
      </c>
      <c r="AO2702" s="53">
        <v>3523.4088050314499</v>
      </c>
      <c r="AP2702" s="53">
        <v>3523.4088050314499</v>
      </c>
      <c r="AQ2702" s="53">
        <v>3523.4088050314499</v>
      </c>
      <c r="AR2702" s="53">
        <v>3523.4088050314499</v>
      </c>
      <c r="AS2702" s="53">
        <v>3523.4088050314499</v>
      </c>
      <c r="AT2702" s="53">
        <v>3523.4088050314499</v>
      </c>
      <c r="AU2702" s="53">
        <v>3523.4088050314499</v>
      </c>
      <c r="AV2702" s="53">
        <v>3523.4088050314499</v>
      </c>
      <c r="AW2702" s="53">
        <v>3523.4088050314499</v>
      </c>
      <c r="AX2702" s="53">
        <v>3523.4088050314499</v>
      </c>
      <c r="AY2702" s="53">
        <v>3523.4088050314499</v>
      </c>
      <c r="AZ2702" s="53">
        <v>3523.4088050314499</v>
      </c>
      <c r="BA2702" s="53">
        <v>42280.905660377401</v>
      </c>
      <c r="BB2702" s="53">
        <v>3523.4088050314499</v>
      </c>
      <c r="BC2702" s="53">
        <v>3523.4088050314499</v>
      </c>
      <c r="BD2702" s="53">
        <v>3523.4088050314499</v>
      </c>
      <c r="BE2702" s="53">
        <v>3523.4088050314499</v>
      </c>
      <c r="BF2702" s="53">
        <v>3523.4088050314499</v>
      </c>
      <c r="BG2702" s="53">
        <v>3523.4088050314499</v>
      </c>
      <c r="BH2702" s="53">
        <v>3523.4088050314499</v>
      </c>
      <c r="BI2702" s="53">
        <v>3523.4088050314499</v>
      </c>
      <c r="BJ2702" s="53">
        <v>3523.4088050314499</v>
      </c>
      <c r="BK2702" s="53">
        <v>3523.4088050314499</v>
      </c>
      <c r="BL2702" s="53">
        <v>3523.4088050314499</v>
      </c>
      <c r="BM2702" s="53">
        <v>3523.4088050314499</v>
      </c>
      <c r="BN2702" s="53">
        <v>42280.905660377401</v>
      </c>
      <c r="BO2702" s="53">
        <v>3523.4088050314499</v>
      </c>
      <c r="BP2702" s="53">
        <v>3523.4088050314499</v>
      </c>
      <c r="BQ2702" s="53">
        <v>3523.4088050314599</v>
      </c>
      <c r="BR2702" s="53">
        <v>3523.4088050314599</v>
      </c>
      <c r="BS2702" s="53">
        <v>3523.4088050314599</v>
      </c>
      <c r="BT2702" s="53">
        <v>3523.4088050314599</v>
      </c>
      <c r="BU2702" s="53">
        <v>3523.4088050314599</v>
      </c>
      <c r="BV2702" s="53">
        <v>3523.4088050314599</v>
      </c>
      <c r="BW2702" s="53">
        <v>3523.4088050314599</v>
      </c>
      <c r="BX2702" s="53">
        <v>3523.4088050314599</v>
      </c>
      <c r="BY2702" s="53">
        <v>3523.4088050314599</v>
      </c>
      <c r="BZ2702" s="53">
        <v>3523.4088050314599</v>
      </c>
      <c r="CA2702" s="53">
        <v>42280.905660377502</v>
      </c>
      <c r="CB2702" s="53">
        <v>10093211.278829999</v>
      </c>
      <c r="CC2702" s="53">
        <v>10093211.278829999</v>
      </c>
      <c r="CD2702" s="53">
        <v>10093211.278829999</v>
      </c>
      <c r="CE2702" s="53">
        <v>10093211.278829999</v>
      </c>
      <c r="CF2702" s="53">
        <v>10093211.278829999</v>
      </c>
      <c r="CG2702" s="53">
        <v>10093211.278829999</v>
      </c>
      <c r="CH2702" s="53">
        <v>10093211.278829999</v>
      </c>
      <c r="CI2702" s="53">
        <v>10093211.278829999</v>
      </c>
      <c r="CJ2702" s="53">
        <v>10093211.278829999</v>
      </c>
      <c r="CK2702" s="53">
        <v>10093211.278829999</v>
      </c>
      <c r="CL2702" s="53">
        <v>10093211.278829999</v>
      </c>
      <c r="CM2702" s="53">
        <v>10093211.278829999</v>
      </c>
      <c r="CN2702" s="53">
        <v>10093211.278829999</v>
      </c>
    </row>
    <row r="2703" spans="1:92" outlineLevel="1">
      <c r="A2703" s="52" t="s">
        <v>721</v>
      </c>
      <c r="B2703" s="53">
        <v>9347.6245614034997</v>
      </c>
      <c r="C2703" s="53">
        <v>9347.6245614034997</v>
      </c>
      <c r="D2703" s="53">
        <v>9347.6245614035106</v>
      </c>
      <c r="E2703" s="53">
        <v>9347.6245614035106</v>
      </c>
      <c r="F2703" s="53">
        <v>9347.6245614035106</v>
      </c>
      <c r="G2703" s="53">
        <v>9347.6245614035106</v>
      </c>
      <c r="H2703" s="53">
        <v>9347.6245614035106</v>
      </c>
      <c r="I2703" s="53">
        <v>9347.6245614035106</v>
      </c>
      <c r="J2703" s="53">
        <v>9347.6245614035106</v>
      </c>
      <c r="K2703" s="53">
        <v>9347.6245614035106</v>
      </c>
      <c r="L2703" s="53">
        <v>9347.6245614035106</v>
      </c>
      <c r="M2703" s="53">
        <v>9347.6245614035106</v>
      </c>
      <c r="N2703" s="53">
        <v>112171.494736842</v>
      </c>
      <c r="O2703" s="53">
        <v>9347.6245614035106</v>
      </c>
      <c r="P2703" s="53">
        <v>9347.6245614035106</v>
      </c>
      <c r="Q2703" s="53">
        <v>9347.6245614035106</v>
      </c>
      <c r="R2703" s="53">
        <v>9347.6245614035197</v>
      </c>
      <c r="S2703" s="53">
        <v>9347.6245614035197</v>
      </c>
      <c r="T2703" s="53">
        <v>9347.6245614035197</v>
      </c>
      <c r="U2703" s="53">
        <v>9347.6245614035197</v>
      </c>
      <c r="V2703" s="53">
        <v>9347.6245614035197</v>
      </c>
      <c r="W2703" s="53">
        <v>9347.6245614035197</v>
      </c>
      <c r="X2703" s="53">
        <v>9347.6245614035197</v>
      </c>
      <c r="Y2703" s="53">
        <v>9347.6245614035197</v>
      </c>
      <c r="Z2703" s="53">
        <v>9347.6245614035197</v>
      </c>
      <c r="AA2703" s="53">
        <v>112171.494736842</v>
      </c>
      <c r="AB2703" s="53">
        <v>9347.6245614035197</v>
      </c>
      <c r="AC2703" s="53">
        <v>9347.6245614035197</v>
      </c>
      <c r="AD2703" s="53">
        <v>9347.6245614035197</v>
      </c>
      <c r="AE2703" s="53">
        <v>9347.6245614035197</v>
      </c>
      <c r="AF2703" s="53">
        <v>9347.6245614035197</v>
      </c>
      <c r="AG2703" s="53">
        <v>9347.6245614035197</v>
      </c>
      <c r="AH2703" s="53">
        <v>9347.6245614035197</v>
      </c>
      <c r="AI2703" s="53">
        <v>9347.6245614035197</v>
      </c>
      <c r="AJ2703" s="53">
        <v>9347.6245614035197</v>
      </c>
      <c r="AK2703" s="53">
        <v>9347.6245614035197</v>
      </c>
      <c r="AL2703" s="53">
        <v>9347.6245614035306</v>
      </c>
      <c r="AM2703" s="53">
        <v>9347.6245614035306</v>
      </c>
      <c r="AN2703" s="53">
        <v>112171.494736842</v>
      </c>
      <c r="AO2703" s="53">
        <v>9347.6245614035306</v>
      </c>
      <c r="AP2703" s="53">
        <v>9347.6245614035306</v>
      </c>
      <c r="AQ2703" s="53">
        <v>9347.6245614035306</v>
      </c>
      <c r="AR2703" s="53">
        <v>9347.6245614035306</v>
      </c>
      <c r="AS2703" s="53">
        <v>9347.6245614035306</v>
      </c>
      <c r="AT2703" s="53">
        <v>9347.6245614035306</v>
      </c>
      <c r="AU2703" s="53">
        <v>9347.6245614035306</v>
      </c>
      <c r="AV2703" s="53">
        <v>9347.6245614035306</v>
      </c>
      <c r="AW2703" s="53">
        <v>9347.6245614035397</v>
      </c>
      <c r="AX2703" s="53">
        <v>9347.6245614035397</v>
      </c>
      <c r="AY2703" s="53">
        <v>9347.6245614035397</v>
      </c>
      <c r="AZ2703" s="53">
        <v>9347.6245614035397</v>
      </c>
      <c r="BA2703" s="53">
        <v>112171.494736842</v>
      </c>
      <c r="BB2703" s="53">
        <v>9347.6245614035397</v>
      </c>
      <c r="BC2703" s="53">
        <v>9347.6245614035397</v>
      </c>
      <c r="BD2703" s="53">
        <v>9347.6245614035397</v>
      </c>
      <c r="BE2703" s="53">
        <v>9347.6245614035397</v>
      </c>
      <c r="BF2703" s="53">
        <v>9347.6245614035397</v>
      </c>
      <c r="BG2703" s="53">
        <v>9347.6245614035397</v>
      </c>
      <c r="BH2703" s="53">
        <v>9347.6245614035397</v>
      </c>
      <c r="BI2703" s="53">
        <v>9347.6245614035397</v>
      </c>
      <c r="BJ2703" s="53">
        <v>9347.6245614035397</v>
      </c>
      <c r="BK2703" s="53">
        <v>9347.6245614035506</v>
      </c>
      <c r="BL2703" s="53">
        <v>9347.6245614035506</v>
      </c>
      <c r="BM2703" s="53">
        <v>9347.6245614035506</v>
      </c>
      <c r="BN2703" s="53">
        <v>112171.494736842</v>
      </c>
      <c r="BO2703" s="53">
        <v>9347.6245614035506</v>
      </c>
      <c r="BP2703" s="53">
        <v>9347.6245614035506</v>
      </c>
      <c r="BQ2703" s="53">
        <v>9347.6245614035506</v>
      </c>
      <c r="BR2703" s="53">
        <v>9347.6245614035506</v>
      </c>
      <c r="BS2703" s="53">
        <v>9347.6245614035597</v>
      </c>
      <c r="BT2703" s="53">
        <v>9347.6245614035506</v>
      </c>
      <c r="BU2703" s="53">
        <v>9347.6245614035506</v>
      </c>
      <c r="BV2703" s="53">
        <v>9347.6245614035597</v>
      </c>
      <c r="BW2703" s="53">
        <v>9347.6245614035597</v>
      </c>
      <c r="BX2703" s="53">
        <v>9347.6245614035506</v>
      </c>
      <c r="BY2703" s="53">
        <v>9347.6245614035597</v>
      </c>
      <c r="BZ2703" s="53">
        <v>9347.6245614035506</v>
      </c>
      <c r="CA2703" s="53">
        <v>112171.494736842</v>
      </c>
      <c r="CB2703" s="53"/>
      <c r="CC2703" s="53"/>
      <c r="CD2703" s="53"/>
      <c r="CE2703" s="53"/>
      <c r="CF2703" s="53"/>
      <c r="CG2703" s="53"/>
      <c r="CH2703" s="53"/>
      <c r="CI2703" s="53"/>
      <c r="CJ2703" s="53"/>
      <c r="CK2703" s="53"/>
      <c r="CL2703" s="53"/>
      <c r="CM2703" s="53"/>
      <c r="CN2703" s="53"/>
    </row>
    <row r="2704" spans="1:92" outlineLevel="1">
      <c r="A2704" s="52" t="s">
        <v>723</v>
      </c>
      <c r="B2704" s="53">
        <v>3240.3917525773099</v>
      </c>
      <c r="C2704" s="53">
        <v>3240.3917525773099</v>
      </c>
      <c r="D2704" s="53">
        <v>3240.3917525773099</v>
      </c>
      <c r="E2704" s="53">
        <v>3240.3917525773099</v>
      </c>
      <c r="F2704" s="53">
        <v>3240.3917525773099</v>
      </c>
      <c r="G2704" s="53">
        <v>3240.3917525773099</v>
      </c>
      <c r="H2704" s="53">
        <v>3240.3917525773099</v>
      </c>
      <c r="I2704" s="53">
        <v>3240.3917525773099</v>
      </c>
      <c r="J2704" s="53">
        <v>3240.3917525773099</v>
      </c>
      <c r="K2704" s="53">
        <v>3240.3917525773099</v>
      </c>
      <c r="L2704" s="53">
        <v>3240.3917525773099</v>
      </c>
      <c r="M2704" s="53">
        <v>3240.3917525773099</v>
      </c>
      <c r="N2704" s="53">
        <v>38884.701030927798</v>
      </c>
      <c r="O2704" s="53">
        <v>3240.3917525773099</v>
      </c>
      <c r="P2704" s="53">
        <v>3240.3917525773099</v>
      </c>
      <c r="Q2704" s="53">
        <v>3240.3917525773099</v>
      </c>
      <c r="R2704" s="53">
        <v>3240.3917525773099</v>
      </c>
      <c r="S2704" s="53">
        <v>3240.3917525773099</v>
      </c>
      <c r="T2704" s="53">
        <v>3240.3917525773099</v>
      </c>
      <c r="U2704" s="53">
        <v>3240.3917525773099</v>
      </c>
      <c r="V2704" s="53">
        <v>3240.3917525773099</v>
      </c>
      <c r="W2704" s="53">
        <v>3240.3917525773099</v>
      </c>
      <c r="X2704" s="53">
        <v>3240.3917525773099</v>
      </c>
      <c r="Y2704" s="53">
        <v>3240.3917525773099</v>
      </c>
      <c r="Z2704" s="53">
        <v>3240.3917525773099</v>
      </c>
      <c r="AA2704" s="53">
        <v>38884.701030927798</v>
      </c>
      <c r="AB2704" s="53">
        <v>3240.3917525773099</v>
      </c>
      <c r="AC2704" s="53">
        <v>3240.3917525773099</v>
      </c>
      <c r="AD2704" s="53">
        <v>3240.3917525773099</v>
      </c>
      <c r="AE2704" s="53">
        <v>3240.3917525773099</v>
      </c>
      <c r="AF2704" s="53">
        <v>3240.3917525773099</v>
      </c>
      <c r="AG2704" s="53">
        <v>3240.3917525773099</v>
      </c>
      <c r="AH2704" s="53">
        <v>3240.3917525773099</v>
      </c>
      <c r="AI2704" s="53">
        <v>3240.3917525773099</v>
      </c>
      <c r="AJ2704" s="53">
        <v>3240.3917525773099</v>
      </c>
      <c r="AK2704" s="53">
        <v>3240.3917525773099</v>
      </c>
      <c r="AL2704" s="53">
        <v>3240.3917525773099</v>
      </c>
      <c r="AM2704" s="53">
        <v>3240.3917525773099</v>
      </c>
      <c r="AN2704" s="53">
        <v>38884.701030927703</v>
      </c>
      <c r="AO2704" s="53">
        <v>3240.3917525773099</v>
      </c>
      <c r="AP2704" s="53">
        <v>3240.3917525773099</v>
      </c>
      <c r="AQ2704" s="53">
        <v>3240.3917525773099</v>
      </c>
      <c r="AR2704" s="53">
        <v>3240.3917525773099</v>
      </c>
      <c r="AS2704" s="53">
        <v>3240.3917525773099</v>
      </c>
      <c r="AT2704" s="53">
        <v>3240.3917525773099</v>
      </c>
      <c r="AU2704" s="53">
        <v>3240.3917525773099</v>
      </c>
      <c r="AV2704" s="53">
        <v>3240.3917525773099</v>
      </c>
      <c r="AW2704" s="53">
        <v>3240.3917525773099</v>
      </c>
      <c r="AX2704" s="53">
        <v>3240.3917525773099</v>
      </c>
      <c r="AY2704" s="53">
        <v>3240.3917525773099</v>
      </c>
      <c r="AZ2704" s="53">
        <v>3240.3917525773099</v>
      </c>
      <c r="BA2704" s="53">
        <v>38884.701030927703</v>
      </c>
      <c r="BB2704" s="53">
        <v>1620.19587628865</v>
      </c>
      <c r="BC2704" s="53"/>
      <c r="BD2704" s="53"/>
      <c r="BE2704" s="53"/>
      <c r="BF2704" s="53"/>
      <c r="BG2704" s="53"/>
      <c r="BH2704" s="53"/>
      <c r="BI2704" s="53"/>
      <c r="BJ2704" s="53"/>
      <c r="BK2704" s="53"/>
      <c r="BL2704" s="53"/>
      <c r="BM2704" s="53"/>
      <c r="BN2704" s="53">
        <v>1620.19587628865</v>
      </c>
      <c r="BO2704" s="53"/>
      <c r="BP2704" s="53"/>
      <c r="BQ2704" s="53"/>
      <c r="BR2704" s="53"/>
      <c r="BS2704" s="53"/>
      <c r="BT2704" s="53"/>
      <c r="BU2704" s="53"/>
      <c r="BV2704" s="53"/>
      <c r="BW2704" s="53"/>
      <c r="BX2704" s="53"/>
      <c r="BY2704" s="53"/>
      <c r="BZ2704" s="53"/>
      <c r="CA2704" s="53"/>
      <c r="CB2704" s="53"/>
      <c r="CC2704" s="53"/>
      <c r="CD2704" s="53"/>
      <c r="CE2704" s="53"/>
      <c r="CF2704" s="53"/>
      <c r="CG2704" s="53"/>
      <c r="CH2704" s="53"/>
      <c r="CI2704" s="53"/>
      <c r="CJ2704" s="53"/>
      <c r="CK2704" s="53"/>
      <c r="CL2704" s="53"/>
      <c r="CM2704" s="53"/>
      <c r="CN2704" s="53"/>
    </row>
    <row r="2705" spans="1:92" outlineLevel="1">
      <c r="A2705" s="52" t="s">
        <v>724</v>
      </c>
      <c r="B2705" s="53">
        <v>1540.86460032626</v>
      </c>
      <c r="C2705" s="53">
        <v>1540.86460032626</v>
      </c>
      <c r="D2705" s="53">
        <v>1540.86460032626</v>
      </c>
      <c r="E2705" s="53">
        <v>1540.86460032626</v>
      </c>
      <c r="F2705" s="53">
        <v>1540.86460032626</v>
      </c>
      <c r="G2705" s="53">
        <v>1540.86460032626</v>
      </c>
      <c r="H2705" s="53">
        <v>1540.86460032626</v>
      </c>
      <c r="I2705" s="53">
        <v>1540.86460032626</v>
      </c>
      <c r="J2705" s="53">
        <v>1540.86460032626</v>
      </c>
      <c r="K2705" s="53">
        <v>1540.86460032626</v>
      </c>
      <c r="L2705" s="53">
        <v>1540.86460032626</v>
      </c>
      <c r="M2705" s="53">
        <v>1540.86460032626</v>
      </c>
      <c r="N2705" s="53">
        <v>18490.3752039151</v>
      </c>
      <c r="O2705" s="53">
        <v>1540.86460032626</v>
      </c>
      <c r="P2705" s="53">
        <v>1540.86460032626</v>
      </c>
      <c r="Q2705" s="53">
        <v>1540.86460032626</v>
      </c>
      <c r="R2705" s="53">
        <v>1540.86460032626</v>
      </c>
      <c r="S2705" s="53">
        <v>1540.86460032626</v>
      </c>
      <c r="T2705" s="53">
        <v>1540.86460032626</v>
      </c>
      <c r="U2705" s="53">
        <v>1540.86460032626</v>
      </c>
      <c r="V2705" s="53">
        <v>1540.86460032626</v>
      </c>
      <c r="W2705" s="53">
        <v>1540.86460032626</v>
      </c>
      <c r="X2705" s="53">
        <v>1540.86460032626</v>
      </c>
      <c r="Y2705" s="53">
        <v>1540.86460032626</v>
      </c>
      <c r="Z2705" s="53">
        <v>1540.86460032626</v>
      </c>
      <c r="AA2705" s="53">
        <v>18490.3752039151</v>
      </c>
      <c r="AB2705" s="53">
        <v>1540.86460032626</v>
      </c>
      <c r="AC2705" s="53">
        <v>1540.86460032626</v>
      </c>
      <c r="AD2705" s="53">
        <v>1540.86460032626</v>
      </c>
      <c r="AE2705" s="53">
        <v>1540.86460032626</v>
      </c>
      <c r="AF2705" s="53">
        <v>1540.86460032626</v>
      </c>
      <c r="AG2705" s="53">
        <v>1540.86460032626</v>
      </c>
      <c r="AH2705" s="53">
        <v>1540.86460032626</v>
      </c>
      <c r="AI2705" s="53">
        <v>1540.86460032626</v>
      </c>
      <c r="AJ2705" s="53">
        <v>1540.86460032626</v>
      </c>
      <c r="AK2705" s="53">
        <v>1540.86460032626</v>
      </c>
      <c r="AL2705" s="53">
        <v>1540.86460032626</v>
      </c>
      <c r="AM2705" s="53">
        <v>1540.86460032626</v>
      </c>
      <c r="AN2705" s="53">
        <v>18490.3752039151</v>
      </c>
      <c r="AO2705" s="53">
        <v>1540.86460032626</v>
      </c>
      <c r="AP2705" s="53">
        <v>1540.86460032626</v>
      </c>
      <c r="AQ2705" s="53">
        <v>1540.86460032626</v>
      </c>
      <c r="AR2705" s="53">
        <v>1540.86460032626</v>
      </c>
      <c r="AS2705" s="53">
        <v>1540.86460032626</v>
      </c>
      <c r="AT2705" s="53">
        <v>1540.86460032626</v>
      </c>
      <c r="AU2705" s="53">
        <v>1540.86460032626</v>
      </c>
      <c r="AV2705" s="53">
        <v>1540.86460032626</v>
      </c>
      <c r="AW2705" s="53">
        <v>1540.86460032626</v>
      </c>
      <c r="AX2705" s="53">
        <v>1540.86460032626</v>
      </c>
      <c r="AY2705" s="53">
        <v>1540.86460032626</v>
      </c>
      <c r="AZ2705" s="53">
        <v>1540.86460032626</v>
      </c>
      <c r="BA2705" s="53">
        <v>18490.375203915199</v>
      </c>
      <c r="BB2705" s="53">
        <v>1540.86460032626</v>
      </c>
      <c r="BC2705" s="53">
        <v>1540.86460032626</v>
      </c>
      <c r="BD2705" s="53">
        <v>1540.86460032626</v>
      </c>
      <c r="BE2705" s="53">
        <v>1540.86460032626</v>
      </c>
      <c r="BF2705" s="53">
        <v>1540.86460032626</v>
      </c>
      <c r="BG2705" s="53">
        <v>1540.86460032626</v>
      </c>
      <c r="BH2705" s="53">
        <v>1540.86460032626</v>
      </c>
      <c r="BI2705" s="53">
        <v>1540.86460032626</v>
      </c>
      <c r="BJ2705" s="53">
        <v>1540.86460032626</v>
      </c>
      <c r="BK2705" s="53">
        <v>1540.86460032626</v>
      </c>
      <c r="BL2705" s="53">
        <v>1540.86460032626</v>
      </c>
      <c r="BM2705" s="53">
        <v>1540.86460032626</v>
      </c>
      <c r="BN2705" s="53">
        <v>18490.375203915199</v>
      </c>
      <c r="BO2705" s="53">
        <v>1540.86460032626</v>
      </c>
      <c r="BP2705" s="53">
        <v>1540.86460032626</v>
      </c>
      <c r="BQ2705" s="53">
        <v>1540.86460032626</v>
      </c>
      <c r="BR2705" s="53">
        <v>1540.86460032626</v>
      </c>
      <c r="BS2705" s="53">
        <v>1540.86460032626</v>
      </c>
      <c r="BT2705" s="53">
        <v>1540.86460032626</v>
      </c>
      <c r="BU2705" s="53">
        <v>1540.86460032626</v>
      </c>
      <c r="BV2705" s="53">
        <v>1540.86460032626</v>
      </c>
      <c r="BW2705" s="53">
        <v>1540.86460032626</v>
      </c>
      <c r="BX2705" s="53">
        <v>1540.86460032626</v>
      </c>
      <c r="BY2705" s="53">
        <v>1540.86460032627</v>
      </c>
      <c r="BZ2705" s="53">
        <v>1540.86460032627</v>
      </c>
      <c r="CA2705" s="53">
        <v>18490.375203915199</v>
      </c>
      <c r="CB2705" s="53"/>
      <c r="CC2705" s="53"/>
      <c r="CD2705" s="53"/>
      <c r="CE2705" s="53"/>
      <c r="CF2705" s="53"/>
      <c r="CG2705" s="53"/>
      <c r="CH2705" s="53"/>
      <c r="CI2705" s="53"/>
      <c r="CJ2705" s="53"/>
      <c r="CK2705" s="53"/>
      <c r="CL2705" s="53"/>
      <c r="CM2705" s="53"/>
      <c r="CN2705" s="53"/>
    </row>
    <row r="2706" spans="1:92" outlineLevel="1">
      <c r="A2706" s="52" t="s">
        <v>725</v>
      </c>
      <c r="B2706" s="53">
        <v>9185.2932330827007</v>
      </c>
      <c r="C2706" s="53">
        <v>9185.2932330827007</v>
      </c>
      <c r="D2706" s="53">
        <v>9185.2932330827007</v>
      </c>
      <c r="E2706" s="53">
        <v>9185.2932330827007</v>
      </c>
      <c r="F2706" s="53">
        <v>9185.2932330827007</v>
      </c>
      <c r="G2706" s="53">
        <v>9185.2932330827007</v>
      </c>
      <c r="H2706" s="53">
        <v>9185.2932330827007</v>
      </c>
      <c r="I2706" s="53">
        <v>9185.2932330827007</v>
      </c>
      <c r="J2706" s="53">
        <v>9185.2932330827098</v>
      </c>
      <c r="K2706" s="53">
        <v>9185.2932330827098</v>
      </c>
      <c r="L2706" s="53">
        <v>9185.2932330827098</v>
      </c>
      <c r="M2706" s="53">
        <v>9185.2932330827098</v>
      </c>
      <c r="N2706" s="53">
        <v>110223.51879699199</v>
      </c>
      <c r="O2706" s="53">
        <v>9185.2932330827098</v>
      </c>
      <c r="P2706" s="53">
        <v>9185.2932330827098</v>
      </c>
      <c r="Q2706" s="53">
        <v>9185.2932330827098</v>
      </c>
      <c r="R2706" s="53">
        <v>9185.2932330827098</v>
      </c>
      <c r="S2706" s="53">
        <v>9185.2932330827098</v>
      </c>
      <c r="T2706" s="53">
        <v>9185.2932330827098</v>
      </c>
      <c r="U2706" s="53">
        <v>9185.2932330827098</v>
      </c>
      <c r="V2706" s="53">
        <v>9185.2932330827098</v>
      </c>
      <c r="W2706" s="53">
        <v>9185.2932330827098</v>
      </c>
      <c r="X2706" s="53">
        <v>9185.2932330827098</v>
      </c>
      <c r="Y2706" s="53">
        <v>9185.2932330827098</v>
      </c>
      <c r="Z2706" s="53">
        <v>9185.2932330827098</v>
      </c>
      <c r="AA2706" s="53">
        <v>110223.51879699199</v>
      </c>
      <c r="AB2706" s="53">
        <v>9185.2932330827098</v>
      </c>
      <c r="AC2706" s="53">
        <v>9185.2932330827098</v>
      </c>
      <c r="AD2706" s="53">
        <v>9185.2932330827098</v>
      </c>
      <c r="AE2706" s="53">
        <v>9185.2932330827098</v>
      </c>
      <c r="AF2706" s="53">
        <v>9185.2932330827098</v>
      </c>
      <c r="AG2706" s="53">
        <v>9185.2932330827098</v>
      </c>
      <c r="AH2706" s="53">
        <v>9185.2932330827098</v>
      </c>
      <c r="AI2706" s="53">
        <v>9185.2932330827098</v>
      </c>
      <c r="AJ2706" s="53">
        <v>9185.2932330827098</v>
      </c>
      <c r="AK2706" s="53">
        <v>9185.2932330827098</v>
      </c>
      <c r="AL2706" s="53">
        <v>9185.2932330827098</v>
      </c>
      <c r="AM2706" s="53">
        <v>9185.2932330827098</v>
      </c>
      <c r="AN2706" s="53">
        <v>110223.51879699199</v>
      </c>
      <c r="AO2706" s="53">
        <v>9185.2932330827098</v>
      </c>
      <c r="AP2706" s="53">
        <v>9185.2932330827098</v>
      </c>
      <c r="AQ2706" s="53">
        <v>9185.2932330827098</v>
      </c>
      <c r="AR2706" s="53">
        <v>9185.2932330827098</v>
      </c>
      <c r="AS2706" s="53">
        <v>9185.2932330827098</v>
      </c>
      <c r="AT2706" s="53">
        <v>9185.2932330827098</v>
      </c>
      <c r="AU2706" s="53">
        <v>9185.2932330827098</v>
      </c>
      <c r="AV2706" s="53">
        <v>9185.2932330827098</v>
      </c>
      <c r="AW2706" s="53">
        <v>9185.2932330827098</v>
      </c>
      <c r="AX2706" s="53">
        <v>9185.2932330827098</v>
      </c>
      <c r="AY2706" s="53">
        <v>9185.2932330827098</v>
      </c>
      <c r="AZ2706" s="53">
        <v>9185.2932330827098</v>
      </c>
      <c r="BA2706" s="53">
        <v>110223.51879699199</v>
      </c>
      <c r="BB2706" s="53">
        <v>9185.2932330827207</v>
      </c>
      <c r="BC2706" s="53">
        <v>9185.2932330827098</v>
      </c>
      <c r="BD2706" s="53">
        <v>9185.2932330827207</v>
      </c>
      <c r="BE2706" s="53">
        <v>9185.2932330827098</v>
      </c>
      <c r="BF2706" s="53">
        <v>9185.2932330827207</v>
      </c>
      <c r="BG2706" s="53">
        <v>9185.2932330827098</v>
      </c>
      <c r="BH2706" s="53">
        <v>9185.2932330827207</v>
      </c>
      <c r="BI2706" s="53">
        <v>9185.2932330827207</v>
      </c>
      <c r="BJ2706" s="53">
        <v>9185.2932330827207</v>
      </c>
      <c r="BK2706" s="53">
        <v>9185.2932330827207</v>
      </c>
      <c r="BL2706" s="53">
        <v>9185.2932330827207</v>
      </c>
      <c r="BM2706" s="53">
        <v>9185.2932330827207</v>
      </c>
      <c r="BN2706" s="53">
        <v>110223.51879699199</v>
      </c>
      <c r="BO2706" s="53">
        <v>9185.2932330827207</v>
      </c>
      <c r="BP2706" s="53">
        <v>9185.2932330827207</v>
      </c>
      <c r="BQ2706" s="53">
        <v>9185.2932330827207</v>
      </c>
      <c r="BR2706" s="53">
        <v>9185.2932330827207</v>
      </c>
      <c r="BS2706" s="53">
        <v>9185.2932330827207</v>
      </c>
      <c r="BT2706" s="53">
        <v>9185.2932330827207</v>
      </c>
      <c r="BU2706" s="53">
        <v>4592.6466165413603</v>
      </c>
      <c r="BV2706" s="53"/>
      <c r="BW2706" s="53"/>
      <c r="BX2706" s="53"/>
      <c r="BY2706" s="53"/>
      <c r="BZ2706" s="53"/>
      <c r="CA2706" s="53">
        <v>59704.406015037603</v>
      </c>
      <c r="CB2706" s="53"/>
      <c r="CC2706" s="53"/>
      <c r="CD2706" s="53"/>
      <c r="CE2706" s="53"/>
      <c r="CF2706" s="53"/>
      <c r="CG2706" s="53"/>
      <c r="CH2706" s="53"/>
      <c r="CI2706" s="53"/>
      <c r="CJ2706" s="53"/>
      <c r="CK2706" s="53"/>
      <c r="CL2706" s="53"/>
      <c r="CM2706" s="53"/>
      <c r="CN2706" s="53"/>
    </row>
    <row r="2707" spans="1:92" outlineLevel="1">
      <c r="A2707" s="52" t="s">
        <v>726</v>
      </c>
      <c r="B2707" s="53">
        <v>3087.3734939759001</v>
      </c>
      <c r="C2707" s="53">
        <v>3087.3734939759001</v>
      </c>
      <c r="D2707" s="53">
        <v>3087.3734939759001</v>
      </c>
      <c r="E2707" s="53">
        <v>3087.3734939759001</v>
      </c>
      <c r="F2707" s="53">
        <v>3087.3734939759001</v>
      </c>
      <c r="G2707" s="53">
        <v>3087.3734939759001</v>
      </c>
      <c r="H2707" s="53">
        <v>3087.3734939759001</v>
      </c>
      <c r="I2707" s="53">
        <v>3087.3734939759001</v>
      </c>
      <c r="J2707" s="53">
        <v>3087.3734939759001</v>
      </c>
      <c r="K2707" s="53">
        <v>3087.3734939759001</v>
      </c>
      <c r="L2707" s="53">
        <v>3087.3734939759001</v>
      </c>
      <c r="M2707" s="53">
        <v>3087.3734939759001</v>
      </c>
      <c r="N2707" s="53">
        <v>37048.481927710804</v>
      </c>
      <c r="O2707" s="53">
        <v>3087.3734939759001</v>
      </c>
      <c r="P2707" s="53">
        <v>3087.3734939759001</v>
      </c>
      <c r="Q2707" s="53">
        <v>3087.3734939759001</v>
      </c>
      <c r="R2707" s="53">
        <v>3087.3734939759001</v>
      </c>
      <c r="S2707" s="53">
        <v>3087.3734939759001</v>
      </c>
      <c r="T2707" s="53">
        <v>3087.3734939759001</v>
      </c>
      <c r="U2707" s="53">
        <v>3087.3734939759001</v>
      </c>
      <c r="V2707" s="53">
        <v>3087.3734939759001</v>
      </c>
      <c r="W2707" s="53">
        <v>3087.3734939759001</v>
      </c>
      <c r="X2707" s="53">
        <v>3087.3734939759001</v>
      </c>
      <c r="Y2707" s="53">
        <v>3087.3734939759001</v>
      </c>
      <c r="Z2707" s="53">
        <v>3087.3734939759001</v>
      </c>
      <c r="AA2707" s="53">
        <v>37048.481927710804</v>
      </c>
      <c r="AB2707" s="53">
        <v>3087.3734939759001</v>
      </c>
      <c r="AC2707" s="53">
        <v>3087.3734939759001</v>
      </c>
      <c r="AD2707" s="53">
        <v>3087.3734939759001</v>
      </c>
      <c r="AE2707" s="53">
        <v>3087.3734939759001</v>
      </c>
      <c r="AF2707" s="53">
        <v>3087.3734939759001</v>
      </c>
      <c r="AG2707" s="53">
        <v>3087.3734939759001</v>
      </c>
      <c r="AH2707" s="53">
        <v>3087.3734939759001</v>
      </c>
      <c r="AI2707" s="53">
        <v>3087.3734939759001</v>
      </c>
      <c r="AJ2707" s="53">
        <v>3087.3734939759001</v>
      </c>
      <c r="AK2707" s="53">
        <v>3087.3734939759001</v>
      </c>
      <c r="AL2707" s="53">
        <v>3087.3734939759001</v>
      </c>
      <c r="AM2707" s="53">
        <v>3087.3734939759001</v>
      </c>
      <c r="AN2707" s="53">
        <v>37048.481927710804</v>
      </c>
      <c r="AO2707" s="53">
        <v>3087.3734939759001</v>
      </c>
      <c r="AP2707" s="53">
        <v>3087.3734939759001</v>
      </c>
      <c r="AQ2707" s="53">
        <v>3087.3734939759001</v>
      </c>
      <c r="AR2707" s="53">
        <v>3087.3734939759001</v>
      </c>
      <c r="AS2707" s="53">
        <v>3087.3734939759001</v>
      </c>
      <c r="AT2707" s="53">
        <v>3087.3734939759001</v>
      </c>
      <c r="AU2707" s="53">
        <v>3087.3734939759001</v>
      </c>
      <c r="AV2707" s="53">
        <v>3087.3734939759001</v>
      </c>
      <c r="AW2707" s="53">
        <v>3087.3734939759001</v>
      </c>
      <c r="AX2707" s="53">
        <v>3087.3734939759001</v>
      </c>
      <c r="AY2707" s="53">
        <v>3087.3734939759001</v>
      </c>
      <c r="AZ2707" s="53">
        <v>3087.3734939759001</v>
      </c>
      <c r="BA2707" s="53">
        <v>37048.481927710804</v>
      </c>
      <c r="BB2707" s="53">
        <v>3087.3734939759001</v>
      </c>
      <c r="BC2707" s="53">
        <v>3087.3734939759001</v>
      </c>
      <c r="BD2707" s="53">
        <v>3087.3734939759001</v>
      </c>
      <c r="BE2707" s="53">
        <v>3087.3734939759001</v>
      </c>
      <c r="BF2707" s="53">
        <v>3087.3734939759001</v>
      </c>
      <c r="BG2707" s="53">
        <v>3087.3734939759001</v>
      </c>
      <c r="BH2707" s="53">
        <v>3087.3734939759001</v>
      </c>
      <c r="BI2707" s="53">
        <v>3087.3734939759001</v>
      </c>
      <c r="BJ2707" s="53">
        <v>3087.3734939759001</v>
      </c>
      <c r="BK2707" s="53">
        <v>3087.3734939759001</v>
      </c>
      <c r="BL2707" s="53">
        <v>3087.3734939759001</v>
      </c>
      <c r="BM2707" s="53">
        <v>3087.3734939759001</v>
      </c>
      <c r="BN2707" s="53">
        <v>37048.481927710804</v>
      </c>
      <c r="BO2707" s="53">
        <v>3087.3734939759001</v>
      </c>
      <c r="BP2707" s="53">
        <v>3087.3734939759001</v>
      </c>
      <c r="BQ2707" s="53">
        <v>3087.3734939759001</v>
      </c>
      <c r="BR2707" s="53">
        <v>3087.3734939759001</v>
      </c>
      <c r="BS2707" s="53">
        <v>3087.3734939759001</v>
      </c>
      <c r="BT2707" s="53">
        <v>3087.3734939759001</v>
      </c>
      <c r="BU2707" s="53">
        <v>3087.3734939759001</v>
      </c>
      <c r="BV2707" s="53">
        <v>3087.3734939759001</v>
      </c>
      <c r="BW2707" s="53">
        <v>3087.3734939759001</v>
      </c>
      <c r="BX2707" s="53">
        <v>3087.3734939759001</v>
      </c>
      <c r="BY2707" s="53">
        <v>3087.3734939759001</v>
      </c>
      <c r="BZ2707" s="53">
        <v>3087.3734939759001</v>
      </c>
      <c r="CA2707" s="53">
        <v>37048.481927710804</v>
      </c>
      <c r="CB2707" s="53"/>
      <c r="CC2707" s="53"/>
      <c r="CD2707" s="53"/>
      <c r="CE2707" s="53"/>
      <c r="CF2707" s="53"/>
      <c r="CG2707" s="53"/>
      <c r="CH2707" s="53"/>
      <c r="CI2707" s="53"/>
      <c r="CJ2707" s="53"/>
      <c r="CK2707" s="53"/>
      <c r="CL2707" s="53"/>
      <c r="CM2707" s="53"/>
      <c r="CN2707" s="53"/>
    </row>
    <row r="2708" spans="1:92" outlineLevel="1">
      <c r="A2708" s="52" t="s">
        <v>728</v>
      </c>
      <c r="B2708" s="53">
        <v>5700.3240223463599</v>
      </c>
      <c r="C2708" s="53">
        <v>5700.3240223463599</v>
      </c>
      <c r="D2708" s="53">
        <v>5700.3240223463599</v>
      </c>
      <c r="E2708" s="53">
        <v>5700.3240223463599</v>
      </c>
      <c r="F2708" s="53">
        <v>5700.3240223463599</v>
      </c>
      <c r="G2708" s="53">
        <v>5700.3240223463599</v>
      </c>
      <c r="H2708" s="53">
        <v>5700.3240223463599</v>
      </c>
      <c r="I2708" s="53">
        <v>5700.3240223463599</v>
      </c>
      <c r="J2708" s="53">
        <v>5700.3240223463599</v>
      </c>
      <c r="K2708" s="53">
        <v>5700.3240223463599</v>
      </c>
      <c r="L2708" s="53">
        <v>5700.3240223463599</v>
      </c>
      <c r="M2708" s="53">
        <v>5700.3240223463599</v>
      </c>
      <c r="N2708" s="53">
        <v>68403.888268156399</v>
      </c>
      <c r="O2708" s="53">
        <v>5700.3240223463599</v>
      </c>
      <c r="P2708" s="53">
        <v>5700.3240223463599</v>
      </c>
      <c r="Q2708" s="53">
        <v>5700.3240223463599</v>
      </c>
      <c r="R2708" s="53">
        <v>5700.3240223463599</v>
      </c>
      <c r="S2708" s="53">
        <v>5700.3240223463599</v>
      </c>
      <c r="T2708" s="53">
        <v>5700.3240223463599</v>
      </c>
      <c r="U2708" s="53">
        <v>5700.3240223463599</v>
      </c>
      <c r="V2708" s="53">
        <v>5700.3240223463599</v>
      </c>
      <c r="W2708" s="53">
        <v>5700.3240223463599</v>
      </c>
      <c r="X2708" s="53">
        <v>5700.3240223463599</v>
      </c>
      <c r="Y2708" s="53">
        <v>5700.3240223463599</v>
      </c>
      <c r="Z2708" s="53">
        <v>5700.3240223463599</v>
      </c>
      <c r="AA2708" s="53">
        <v>68403.888268156399</v>
      </c>
      <c r="AB2708" s="53">
        <v>5700.3240223463599</v>
      </c>
      <c r="AC2708" s="53">
        <v>5700.3240223463599</v>
      </c>
      <c r="AD2708" s="53">
        <v>5700.3240223463599</v>
      </c>
      <c r="AE2708" s="53">
        <v>5700.3240223463699</v>
      </c>
      <c r="AF2708" s="53">
        <v>5700.3240223463699</v>
      </c>
      <c r="AG2708" s="53">
        <v>5700.3240223463699</v>
      </c>
      <c r="AH2708" s="53">
        <v>5700.3240223463699</v>
      </c>
      <c r="AI2708" s="53">
        <v>5700.3240223463699</v>
      </c>
      <c r="AJ2708" s="53">
        <v>5700.3240223463699</v>
      </c>
      <c r="AK2708" s="53">
        <v>5700.3240223463699</v>
      </c>
      <c r="AL2708" s="53">
        <v>5700.3240223463699</v>
      </c>
      <c r="AM2708" s="53">
        <v>5700.3240223463699</v>
      </c>
      <c r="AN2708" s="53">
        <v>68403.888268156399</v>
      </c>
      <c r="AO2708" s="53">
        <v>5700.3240223463699</v>
      </c>
      <c r="AP2708" s="53">
        <v>5700.3240223463699</v>
      </c>
      <c r="AQ2708" s="53">
        <v>5700.3240223463699</v>
      </c>
      <c r="AR2708" s="53">
        <v>5700.3240223463699</v>
      </c>
      <c r="AS2708" s="53">
        <v>5700.3240223463699</v>
      </c>
      <c r="AT2708" s="53">
        <v>5700.3240223463699</v>
      </c>
      <c r="AU2708" s="53">
        <v>5700.3240223463699</v>
      </c>
      <c r="AV2708" s="53">
        <v>5700.3240223463699</v>
      </c>
      <c r="AW2708" s="53">
        <v>5700.3240223463699</v>
      </c>
      <c r="AX2708" s="53">
        <v>5700.3240223463699</v>
      </c>
      <c r="AY2708" s="53">
        <v>5700.3240223463699</v>
      </c>
      <c r="AZ2708" s="53">
        <v>5700.3240223463699</v>
      </c>
      <c r="BA2708" s="53">
        <v>68403.888268156399</v>
      </c>
      <c r="BB2708" s="53">
        <v>5700.3240223463699</v>
      </c>
      <c r="BC2708" s="53">
        <v>5700.3240223463699</v>
      </c>
      <c r="BD2708" s="53">
        <v>5700.3240223463699</v>
      </c>
      <c r="BE2708" s="53">
        <v>5700.3240223463699</v>
      </c>
      <c r="BF2708" s="53">
        <v>5700.3240223463699</v>
      </c>
      <c r="BG2708" s="53">
        <v>5700.3240223463699</v>
      </c>
      <c r="BH2708" s="53">
        <v>5700.3240223463699</v>
      </c>
      <c r="BI2708" s="53">
        <v>5700.3240223463699</v>
      </c>
      <c r="BJ2708" s="53">
        <v>5700.3240223463699</v>
      </c>
      <c r="BK2708" s="53">
        <v>5700.3240223463699</v>
      </c>
      <c r="BL2708" s="53">
        <v>5700.3240223463699</v>
      </c>
      <c r="BM2708" s="53">
        <v>5700.3240223463699</v>
      </c>
      <c r="BN2708" s="53">
        <v>68403.888268156399</v>
      </c>
      <c r="BO2708" s="53">
        <v>5700.3240223463699</v>
      </c>
      <c r="BP2708" s="53">
        <v>5700.3240223463699</v>
      </c>
      <c r="BQ2708" s="53">
        <v>5700.3240223463699</v>
      </c>
      <c r="BR2708" s="53">
        <v>5700.3240223463699</v>
      </c>
      <c r="BS2708" s="53">
        <v>5700.3240223463699</v>
      </c>
      <c r="BT2708" s="53">
        <v>5700.3240223463699</v>
      </c>
      <c r="BU2708" s="53">
        <v>5700.3240223463699</v>
      </c>
      <c r="BV2708" s="53">
        <v>5700.3240223463699</v>
      </c>
      <c r="BW2708" s="53">
        <v>5700.3240223463699</v>
      </c>
      <c r="BX2708" s="53">
        <v>5700.3240223463699</v>
      </c>
      <c r="BY2708" s="53">
        <v>5700.3240223463699</v>
      </c>
      <c r="BZ2708" s="53">
        <v>5700.3240223463699</v>
      </c>
      <c r="CA2708" s="53">
        <v>68403.888268156501</v>
      </c>
      <c r="CB2708" s="53"/>
      <c r="CC2708" s="53"/>
      <c r="CD2708" s="53"/>
      <c r="CE2708" s="53"/>
      <c r="CF2708" s="53"/>
      <c r="CG2708" s="53"/>
      <c r="CH2708" s="53"/>
      <c r="CI2708" s="53"/>
      <c r="CJ2708" s="53"/>
      <c r="CK2708" s="53"/>
      <c r="CL2708" s="53"/>
      <c r="CM2708" s="53"/>
      <c r="CN2708" s="53"/>
    </row>
    <row r="2709" spans="1:92" outlineLevel="1">
      <c r="A2709" s="52" t="s">
        <v>729</v>
      </c>
      <c r="B2709" s="53">
        <v>8149.6279069767397</v>
      </c>
      <c r="C2709" s="53">
        <v>8149.6279069767397</v>
      </c>
      <c r="D2709" s="53">
        <v>8149.6279069767397</v>
      </c>
      <c r="E2709" s="53">
        <v>8149.6279069767397</v>
      </c>
      <c r="F2709" s="53">
        <v>8149.6279069767397</v>
      </c>
      <c r="G2709" s="53">
        <v>8149.6279069767397</v>
      </c>
      <c r="H2709" s="53">
        <v>8149.6279069767397</v>
      </c>
      <c r="I2709" s="53">
        <v>8149.6279069767397</v>
      </c>
      <c r="J2709" s="53">
        <v>8149.6279069767397</v>
      </c>
      <c r="K2709" s="53">
        <v>8149.6279069767397</v>
      </c>
      <c r="L2709" s="53">
        <v>8149.6279069767397</v>
      </c>
      <c r="M2709" s="53">
        <v>8149.6279069767397</v>
      </c>
      <c r="N2709" s="53">
        <v>97795.534883720902</v>
      </c>
      <c r="O2709" s="53">
        <v>8149.6279069767397</v>
      </c>
      <c r="P2709" s="53">
        <v>8149.6279069767397</v>
      </c>
      <c r="Q2709" s="53">
        <v>8149.6279069767397</v>
      </c>
      <c r="R2709" s="53">
        <v>8149.6279069767397</v>
      </c>
      <c r="S2709" s="53">
        <v>8149.6279069767397</v>
      </c>
      <c r="T2709" s="53">
        <v>8149.6279069767297</v>
      </c>
      <c r="U2709" s="53">
        <v>8149.6279069767297</v>
      </c>
      <c r="V2709" s="53">
        <v>8149.6279069767297</v>
      </c>
      <c r="W2709" s="53">
        <v>8149.6279069767297</v>
      </c>
      <c r="X2709" s="53">
        <v>8149.6279069767297</v>
      </c>
      <c r="Y2709" s="53">
        <v>8149.6279069767297</v>
      </c>
      <c r="Z2709" s="53">
        <v>8149.6279069767297</v>
      </c>
      <c r="AA2709" s="53">
        <v>97795.5348837208</v>
      </c>
      <c r="AB2709" s="53">
        <v>8149.6279069767297</v>
      </c>
      <c r="AC2709" s="53">
        <v>8149.6279069767297</v>
      </c>
      <c r="AD2709" s="53">
        <v>8149.6279069767297</v>
      </c>
      <c r="AE2709" s="53">
        <v>8149.6279069767297</v>
      </c>
      <c r="AF2709" s="53">
        <v>8149.6279069767297</v>
      </c>
      <c r="AG2709" s="53">
        <v>8149.6279069767297</v>
      </c>
      <c r="AH2709" s="53">
        <v>8149.6279069767297</v>
      </c>
      <c r="AI2709" s="53">
        <v>8149.6279069767297</v>
      </c>
      <c r="AJ2709" s="53">
        <v>8149.6279069767297</v>
      </c>
      <c r="AK2709" s="53">
        <v>8149.6279069767297</v>
      </c>
      <c r="AL2709" s="53">
        <v>8149.6279069767297</v>
      </c>
      <c r="AM2709" s="53">
        <v>8149.6279069767197</v>
      </c>
      <c r="AN2709" s="53">
        <v>97795.534883720698</v>
      </c>
      <c r="AO2709" s="53">
        <v>8149.6279069767197</v>
      </c>
      <c r="AP2709" s="53">
        <v>8149.6279069767197</v>
      </c>
      <c r="AQ2709" s="53">
        <v>8149.6279069767197</v>
      </c>
      <c r="AR2709" s="53">
        <v>8149.6279069767197</v>
      </c>
      <c r="AS2709" s="53">
        <v>8149.6279069767197</v>
      </c>
      <c r="AT2709" s="53">
        <v>8149.6279069767197</v>
      </c>
      <c r="AU2709" s="53">
        <v>8149.6279069767197</v>
      </c>
      <c r="AV2709" s="53">
        <v>8149.6279069767197</v>
      </c>
      <c r="AW2709" s="53">
        <v>8149.6279069767197</v>
      </c>
      <c r="AX2709" s="53">
        <v>8149.6279069767197</v>
      </c>
      <c r="AY2709" s="53">
        <v>8149.6279069767197</v>
      </c>
      <c r="AZ2709" s="53">
        <v>8149.6279069767197</v>
      </c>
      <c r="BA2709" s="53">
        <v>97795.534883720698</v>
      </c>
      <c r="BB2709" s="53">
        <v>8149.6279069767197</v>
      </c>
      <c r="BC2709" s="53">
        <v>8149.6279069767197</v>
      </c>
      <c r="BD2709" s="53">
        <v>8149.6279069767197</v>
      </c>
      <c r="BE2709" s="53">
        <v>8149.6279069767197</v>
      </c>
      <c r="BF2709" s="53">
        <v>8149.6279069767197</v>
      </c>
      <c r="BG2709" s="53">
        <v>8149.6279069767197</v>
      </c>
      <c r="BH2709" s="53">
        <v>8149.6279069767197</v>
      </c>
      <c r="BI2709" s="53">
        <v>8149.6279069767197</v>
      </c>
      <c r="BJ2709" s="53">
        <v>8149.6279069767197</v>
      </c>
      <c r="BK2709" s="53">
        <v>8149.6279069767197</v>
      </c>
      <c r="BL2709" s="53">
        <v>8149.6279069767197</v>
      </c>
      <c r="BM2709" s="53">
        <v>8149.6279069767197</v>
      </c>
      <c r="BN2709" s="53">
        <v>97795.534883720597</v>
      </c>
      <c r="BO2709" s="53">
        <v>8149.6279069767197</v>
      </c>
      <c r="BP2709" s="53">
        <v>8149.6279069767197</v>
      </c>
      <c r="BQ2709" s="53">
        <v>8149.6279069767197</v>
      </c>
      <c r="BR2709" s="53">
        <v>8149.6279069767197</v>
      </c>
      <c r="BS2709" s="53">
        <v>8149.6279069767197</v>
      </c>
      <c r="BT2709" s="53">
        <v>8149.6279069767197</v>
      </c>
      <c r="BU2709" s="53">
        <v>8149.6279069767197</v>
      </c>
      <c r="BV2709" s="53">
        <v>8149.6279069767197</v>
      </c>
      <c r="BW2709" s="53">
        <v>8149.6279069767197</v>
      </c>
      <c r="BX2709" s="53">
        <v>8149.6279069767197</v>
      </c>
      <c r="BY2709" s="53">
        <v>8149.6279069767197</v>
      </c>
      <c r="BZ2709" s="53">
        <v>8149.6279069767197</v>
      </c>
      <c r="CA2709" s="53">
        <v>97795.534883720698</v>
      </c>
      <c r="CB2709" s="53"/>
      <c r="CC2709" s="53"/>
      <c r="CD2709" s="53"/>
      <c r="CE2709" s="53"/>
      <c r="CF2709" s="53"/>
      <c r="CG2709" s="53"/>
      <c r="CH2709" s="53"/>
      <c r="CI2709" s="53"/>
      <c r="CJ2709" s="53"/>
      <c r="CK2709" s="53"/>
      <c r="CL2709" s="53"/>
      <c r="CM2709" s="53"/>
      <c r="CN2709" s="53"/>
    </row>
    <row r="2710" spans="1:92" outlineLevel="1">
      <c r="A2710" s="52" t="s">
        <v>730</v>
      </c>
      <c r="B2710" s="53">
        <v>7907.1050359712199</v>
      </c>
      <c r="C2710" s="53">
        <v>7907.1050359712199</v>
      </c>
      <c r="D2710" s="53">
        <v>7907.1050359712199</v>
      </c>
      <c r="E2710" s="53">
        <v>7907.1050359712199</v>
      </c>
      <c r="F2710" s="53">
        <v>7907.1050359712199</v>
      </c>
      <c r="G2710" s="53">
        <v>7907.1050359712199</v>
      </c>
      <c r="H2710" s="53">
        <v>7907.1050359712199</v>
      </c>
      <c r="I2710" s="53">
        <v>7907.1050359712199</v>
      </c>
      <c r="J2710" s="53">
        <v>7907.1050359712199</v>
      </c>
      <c r="K2710" s="53">
        <v>7907.1050359712199</v>
      </c>
      <c r="L2710" s="53">
        <v>7907.1050359712199</v>
      </c>
      <c r="M2710" s="53">
        <v>7907.1050359712199</v>
      </c>
      <c r="N2710" s="53">
        <v>94885.260431654693</v>
      </c>
      <c r="O2710" s="53">
        <v>7907.1050359712199</v>
      </c>
      <c r="P2710" s="53">
        <v>7907.1050359712199</v>
      </c>
      <c r="Q2710" s="53">
        <v>7907.1050359712199</v>
      </c>
      <c r="R2710" s="53">
        <v>7907.1050359712199</v>
      </c>
      <c r="S2710" s="53">
        <v>7907.1050359712199</v>
      </c>
      <c r="T2710" s="53">
        <v>7907.1050359712199</v>
      </c>
      <c r="U2710" s="53">
        <v>7907.1050359712199</v>
      </c>
      <c r="V2710" s="53">
        <v>7907.1050359712199</v>
      </c>
      <c r="W2710" s="53">
        <v>7907.1050359712199</v>
      </c>
      <c r="X2710" s="53">
        <v>7907.1050359712199</v>
      </c>
      <c r="Y2710" s="53">
        <v>7907.1050359712199</v>
      </c>
      <c r="Z2710" s="53">
        <v>7907.1050359712199</v>
      </c>
      <c r="AA2710" s="53">
        <v>94885.260431654693</v>
      </c>
      <c r="AB2710" s="53">
        <v>7907.1050359712199</v>
      </c>
      <c r="AC2710" s="53">
        <v>7907.1050359712199</v>
      </c>
      <c r="AD2710" s="53">
        <v>7907.1050359712199</v>
      </c>
      <c r="AE2710" s="53">
        <v>7907.1050359712199</v>
      </c>
      <c r="AF2710" s="53">
        <v>7907.1050359712199</v>
      </c>
      <c r="AG2710" s="53">
        <v>7907.1050359712199</v>
      </c>
      <c r="AH2710" s="53">
        <v>7907.1050359712199</v>
      </c>
      <c r="AI2710" s="53">
        <v>7907.1050359712199</v>
      </c>
      <c r="AJ2710" s="53">
        <v>7907.1050359712199</v>
      </c>
      <c r="AK2710" s="53">
        <v>7907.1050359712199</v>
      </c>
      <c r="AL2710" s="53">
        <v>7907.1050359712199</v>
      </c>
      <c r="AM2710" s="53">
        <v>7907.1050359712199</v>
      </c>
      <c r="AN2710" s="53">
        <v>94885.260431654693</v>
      </c>
      <c r="AO2710" s="53">
        <v>7907.1050359712199</v>
      </c>
      <c r="AP2710" s="53">
        <v>7907.1050359712199</v>
      </c>
      <c r="AQ2710" s="53">
        <v>7907.1050359712199</v>
      </c>
      <c r="AR2710" s="53">
        <v>7907.1050359712199</v>
      </c>
      <c r="AS2710" s="53">
        <v>7907.1050359712199</v>
      </c>
      <c r="AT2710" s="53">
        <v>7907.1050359712199</v>
      </c>
      <c r="AU2710" s="53">
        <v>7907.1050359712199</v>
      </c>
      <c r="AV2710" s="53">
        <v>7907.1050359712199</v>
      </c>
      <c r="AW2710" s="53">
        <v>7907.1050359712199</v>
      </c>
      <c r="AX2710" s="53">
        <v>7907.1050359712199</v>
      </c>
      <c r="AY2710" s="53">
        <v>7907.1050359712199</v>
      </c>
      <c r="AZ2710" s="53">
        <v>7907.1050359712199</v>
      </c>
      <c r="BA2710" s="53">
        <v>94885.260431654693</v>
      </c>
      <c r="BB2710" s="53">
        <v>7907.1050359712199</v>
      </c>
      <c r="BC2710" s="53">
        <v>7907.1050359712199</v>
      </c>
      <c r="BD2710" s="53">
        <v>7907.1050359712199</v>
      </c>
      <c r="BE2710" s="53">
        <v>7907.1050359712199</v>
      </c>
      <c r="BF2710" s="53">
        <v>7907.1050359712199</v>
      </c>
      <c r="BG2710" s="53">
        <v>7907.1050359712199</v>
      </c>
      <c r="BH2710" s="53">
        <v>7907.1050359712199</v>
      </c>
      <c r="BI2710" s="53">
        <v>7907.1050359712199</v>
      </c>
      <c r="BJ2710" s="53">
        <v>7907.1050359712199</v>
      </c>
      <c r="BK2710" s="53">
        <v>7907.1050359712199</v>
      </c>
      <c r="BL2710" s="53">
        <v>7907.1050359712199</v>
      </c>
      <c r="BM2710" s="53">
        <v>7907.1050359712199</v>
      </c>
      <c r="BN2710" s="53">
        <v>94885.260431654693</v>
      </c>
      <c r="BO2710" s="53">
        <v>7907.1050359712199</v>
      </c>
      <c r="BP2710" s="53">
        <v>7907.1050359712199</v>
      </c>
      <c r="BQ2710" s="53">
        <v>7907.1050359712199</v>
      </c>
      <c r="BR2710" s="53">
        <v>7907.1050359712199</v>
      </c>
      <c r="BS2710" s="53">
        <v>7907.1050359712199</v>
      </c>
      <c r="BT2710" s="53">
        <v>7907.1050359712199</v>
      </c>
      <c r="BU2710" s="53">
        <v>7907.1050359712199</v>
      </c>
      <c r="BV2710" s="53">
        <v>7907.1050359712199</v>
      </c>
      <c r="BW2710" s="53">
        <v>7907.1050359712199</v>
      </c>
      <c r="BX2710" s="53">
        <v>7907.1050359712199</v>
      </c>
      <c r="BY2710" s="53">
        <v>7907.1050359712199</v>
      </c>
      <c r="BZ2710" s="53">
        <v>7907.1050359712199</v>
      </c>
      <c r="CA2710" s="53">
        <v>94885.260431654693</v>
      </c>
      <c r="CB2710" s="53"/>
      <c r="CC2710" s="53"/>
      <c r="CD2710" s="53"/>
      <c r="CE2710" s="53"/>
      <c r="CF2710" s="53"/>
      <c r="CG2710" s="53"/>
      <c r="CH2710" s="53"/>
      <c r="CI2710" s="53"/>
      <c r="CJ2710" s="53"/>
      <c r="CK2710" s="53"/>
      <c r="CL2710" s="53"/>
      <c r="CM2710" s="53"/>
      <c r="CN2710" s="53"/>
    </row>
    <row r="2711" spans="1:92" outlineLevel="1">
      <c r="A2711" s="52" t="s">
        <v>1565</v>
      </c>
      <c r="B2711" s="53">
        <v>8857.0264993026503</v>
      </c>
      <c r="C2711" s="53">
        <v>8857.0264993026503</v>
      </c>
      <c r="D2711" s="53">
        <v>8857.0264993026503</v>
      </c>
      <c r="E2711" s="53">
        <v>8857.0264993026503</v>
      </c>
      <c r="F2711" s="53">
        <v>8857.0264993026503</v>
      </c>
      <c r="G2711" s="53">
        <v>8857.0264993026503</v>
      </c>
      <c r="H2711" s="53">
        <v>8857.0264993026503</v>
      </c>
      <c r="I2711" s="53">
        <v>8857.0264993026503</v>
      </c>
      <c r="J2711" s="53">
        <v>8857.0264993026394</v>
      </c>
      <c r="K2711" s="53">
        <v>8857.0264993026394</v>
      </c>
      <c r="L2711" s="53">
        <v>8857.0264993026394</v>
      </c>
      <c r="M2711" s="53">
        <v>8857.0264993026394</v>
      </c>
      <c r="N2711" s="53">
        <v>106284.317991631</v>
      </c>
      <c r="O2711" s="53">
        <v>8857.0264993026394</v>
      </c>
      <c r="P2711" s="53">
        <v>8857.0264993026394</v>
      </c>
      <c r="Q2711" s="53">
        <v>8857.0264993026394</v>
      </c>
      <c r="R2711" s="53">
        <v>8857.0264993026394</v>
      </c>
      <c r="S2711" s="53">
        <v>8857.0264993026394</v>
      </c>
      <c r="T2711" s="53">
        <v>8857.0264993026394</v>
      </c>
      <c r="U2711" s="53">
        <v>8857.0264993026394</v>
      </c>
      <c r="V2711" s="53">
        <v>8857.0264993026394</v>
      </c>
      <c r="W2711" s="53">
        <v>8857.0264993026394</v>
      </c>
      <c r="X2711" s="53">
        <v>8857.0264993026394</v>
      </c>
      <c r="Y2711" s="53">
        <v>8857.0264993026394</v>
      </c>
      <c r="Z2711" s="53">
        <v>8857.0264993026394</v>
      </c>
      <c r="AA2711" s="53">
        <v>106284.317991631</v>
      </c>
      <c r="AB2711" s="53">
        <v>8857.0264993026394</v>
      </c>
      <c r="AC2711" s="53">
        <v>8857.0264993026394</v>
      </c>
      <c r="AD2711" s="53">
        <v>8857.0264993026394</v>
      </c>
      <c r="AE2711" s="53">
        <v>8857.0264993026394</v>
      </c>
      <c r="AF2711" s="53">
        <v>8857.0264993026394</v>
      </c>
      <c r="AG2711" s="53">
        <v>8857.0264993026394</v>
      </c>
      <c r="AH2711" s="53">
        <v>8857.0264993026394</v>
      </c>
      <c r="AI2711" s="53">
        <v>8857.0264993026394</v>
      </c>
      <c r="AJ2711" s="53">
        <v>8857.0264993026394</v>
      </c>
      <c r="AK2711" s="53">
        <v>8857.0264993026394</v>
      </c>
      <c r="AL2711" s="53">
        <v>8857.0264993026394</v>
      </c>
      <c r="AM2711" s="53">
        <v>8857.0264993026394</v>
      </c>
      <c r="AN2711" s="53">
        <v>106284.317991631</v>
      </c>
      <c r="AO2711" s="53">
        <v>8857.0264993026394</v>
      </c>
      <c r="AP2711" s="53">
        <v>8857.0264993026394</v>
      </c>
      <c r="AQ2711" s="53">
        <v>8857.0264993026394</v>
      </c>
      <c r="AR2711" s="53">
        <v>8857.0264993026394</v>
      </c>
      <c r="AS2711" s="53">
        <v>8857.0264993026394</v>
      </c>
      <c r="AT2711" s="53">
        <v>8857.0264993026394</v>
      </c>
      <c r="AU2711" s="53">
        <v>8857.0264993026394</v>
      </c>
      <c r="AV2711" s="53">
        <v>8857.0264993026394</v>
      </c>
      <c r="AW2711" s="53">
        <v>8857.0264993026394</v>
      </c>
      <c r="AX2711" s="53">
        <v>8857.0264993026394</v>
      </c>
      <c r="AY2711" s="53">
        <v>8857.0264993026394</v>
      </c>
      <c r="AZ2711" s="53">
        <v>8857.0264993026394</v>
      </c>
      <c r="BA2711" s="53">
        <v>106284.317991631</v>
      </c>
      <c r="BB2711" s="53">
        <v>8857.0264993026394</v>
      </c>
      <c r="BC2711" s="53">
        <v>8857.0264993026394</v>
      </c>
      <c r="BD2711" s="53">
        <v>8857.0264993026394</v>
      </c>
      <c r="BE2711" s="53">
        <v>8857.0264993026394</v>
      </c>
      <c r="BF2711" s="53">
        <v>8857.0264993026394</v>
      </c>
      <c r="BG2711" s="53">
        <v>8857.0264993026394</v>
      </c>
      <c r="BH2711" s="53">
        <v>8857.0264993026303</v>
      </c>
      <c r="BI2711" s="53">
        <v>8857.0264993026303</v>
      </c>
      <c r="BJ2711" s="53">
        <v>8857.0264993026303</v>
      </c>
      <c r="BK2711" s="53">
        <v>8857.0264993026303</v>
      </c>
      <c r="BL2711" s="53">
        <v>8857.0264993026303</v>
      </c>
      <c r="BM2711" s="53">
        <v>8857.0264993026303</v>
      </c>
      <c r="BN2711" s="53">
        <v>106284.317991631</v>
      </c>
      <c r="BO2711" s="53">
        <v>8857.0264993026303</v>
      </c>
      <c r="BP2711" s="53">
        <v>8857.0264993026303</v>
      </c>
      <c r="BQ2711" s="53">
        <v>8857.0264993026303</v>
      </c>
      <c r="BR2711" s="53">
        <v>8857.0264993026303</v>
      </c>
      <c r="BS2711" s="53">
        <v>8857.0264993026303</v>
      </c>
      <c r="BT2711" s="53">
        <v>8857.0264993026303</v>
      </c>
      <c r="BU2711" s="53">
        <v>8857.0264993026303</v>
      </c>
      <c r="BV2711" s="53">
        <v>8857.0264993026303</v>
      </c>
      <c r="BW2711" s="53">
        <v>8857.0264993026303</v>
      </c>
      <c r="BX2711" s="53">
        <v>8857.0264993026303</v>
      </c>
      <c r="BY2711" s="53">
        <v>8857.0264993026303</v>
      </c>
      <c r="BZ2711" s="53">
        <v>8857.0264993026303</v>
      </c>
      <c r="CA2711" s="53">
        <v>106284.317991631</v>
      </c>
      <c r="CB2711" s="53"/>
      <c r="CC2711" s="53"/>
      <c r="CD2711" s="53"/>
      <c r="CE2711" s="53"/>
      <c r="CF2711" s="53"/>
      <c r="CG2711" s="53"/>
      <c r="CH2711" s="53"/>
      <c r="CI2711" s="53"/>
      <c r="CJ2711" s="53"/>
      <c r="CK2711" s="53"/>
      <c r="CL2711" s="53"/>
      <c r="CM2711" s="53"/>
      <c r="CN2711" s="53"/>
    </row>
    <row r="2712" spans="1:92" outlineLevel="1">
      <c r="A2712" s="52" t="s">
        <v>739</v>
      </c>
      <c r="B2712" s="53"/>
      <c r="C2712" s="53"/>
      <c r="D2712" s="53"/>
      <c r="E2712" s="53"/>
      <c r="F2712" s="53"/>
      <c r="G2712" s="53"/>
      <c r="H2712" s="53"/>
      <c r="I2712" s="53"/>
      <c r="J2712" s="53"/>
      <c r="K2712" s="53"/>
      <c r="L2712" s="53"/>
      <c r="M2712" s="53"/>
      <c r="N2712" s="53"/>
      <c r="O2712" s="53"/>
      <c r="P2712" s="53"/>
      <c r="Q2712" s="53"/>
      <c r="R2712" s="53"/>
      <c r="S2712" s="53"/>
      <c r="T2712" s="53"/>
      <c r="U2712" s="53"/>
      <c r="V2712" s="53"/>
      <c r="W2712" s="53"/>
      <c r="X2712" s="53"/>
      <c r="Y2712" s="53"/>
      <c r="Z2712" s="53"/>
      <c r="AA2712" s="53"/>
      <c r="AB2712" s="53"/>
      <c r="AC2712" s="53"/>
      <c r="AD2712" s="53"/>
      <c r="AE2712" s="53"/>
      <c r="AF2712" s="53"/>
      <c r="AG2712" s="53"/>
      <c r="AH2712" s="53"/>
      <c r="AI2712" s="53"/>
      <c r="AJ2712" s="53"/>
      <c r="AK2712" s="53"/>
      <c r="AL2712" s="53"/>
      <c r="AM2712" s="53"/>
      <c r="AN2712" s="53"/>
      <c r="AO2712" s="53"/>
      <c r="AP2712" s="53"/>
      <c r="AQ2712" s="53"/>
      <c r="AR2712" s="53"/>
      <c r="AS2712" s="53"/>
      <c r="AT2712" s="53"/>
      <c r="AU2712" s="53"/>
      <c r="AV2712" s="53"/>
      <c r="AW2712" s="53"/>
      <c r="AX2712" s="53"/>
      <c r="AY2712" s="53"/>
      <c r="AZ2712" s="53"/>
      <c r="BA2712" s="53"/>
      <c r="BB2712" s="53"/>
      <c r="BC2712" s="53"/>
      <c r="BD2712" s="53"/>
      <c r="BE2712" s="53"/>
      <c r="BF2712" s="53"/>
      <c r="BG2712" s="53"/>
      <c r="BH2712" s="53"/>
      <c r="BI2712" s="53"/>
      <c r="BJ2712" s="53"/>
      <c r="BK2712" s="53"/>
      <c r="BL2712" s="53"/>
      <c r="BM2712" s="53"/>
      <c r="BN2712" s="53"/>
      <c r="BO2712" s="53"/>
      <c r="BP2712" s="53"/>
      <c r="BQ2712" s="53"/>
      <c r="BR2712" s="53"/>
      <c r="BS2712" s="53"/>
      <c r="BT2712" s="53"/>
      <c r="BU2712" s="53"/>
      <c r="BV2712" s="53"/>
      <c r="BW2712" s="53"/>
      <c r="BX2712" s="53"/>
      <c r="BY2712" s="53"/>
      <c r="BZ2712" s="53"/>
      <c r="CA2712" s="53"/>
      <c r="CB2712" s="53"/>
      <c r="CC2712" s="53"/>
      <c r="CD2712" s="53"/>
      <c r="CE2712" s="53"/>
      <c r="CF2712" s="53"/>
      <c r="CG2712" s="53"/>
      <c r="CH2712" s="53"/>
      <c r="CI2712" s="53"/>
      <c r="CJ2712" s="53"/>
      <c r="CK2712" s="53"/>
      <c r="CL2712" s="53"/>
      <c r="CM2712" s="53"/>
      <c r="CN2712" s="53"/>
    </row>
    <row r="2713" spans="1:92" outlineLevel="1">
      <c r="A2713" s="52" t="s">
        <v>1661</v>
      </c>
      <c r="B2713" s="53"/>
      <c r="C2713" s="53"/>
      <c r="D2713" s="53"/>
      <c r="E2713" s="53"/>
      <c r="F2713" s="53"/>
      <c r="G2713" s="53"/>
      <c r="H2713" s="53"/>
      <c r="I2713" s="53"/>
      <c r="J2713" s="53"/>
      <c r="K2713" s="53"/>
      <c r="L2713" s="53"/>
      <c r="M2713" s="53"/>
      <c r="N2713" s="53"/>
      <c r="O2713" s="53"/>
      <c r="P2713" s="53"/>
      <c r="Q2713" s="53"/>
      <c r="R2713" s="53"/>
      <c r="S2713" s="53"/>
      <c r="T2713" s="53"/>
      <c r="U2713" s="53"/>
      <c r="V2713" s="53"/>
      <c r="W2713" s="53"/>
      <c r="X2713" s="53"/>
      <c r="Y2713" s="53"/>
      <c r="Z2713" s="53"/>
      <c r="AA2713" s="53"/>
      <c r="AB2713" s="53"/>
      <c r="AC2713" s="53"/>
      <c r="AD2713" s="53"/>
      <c r="AE2713" s="53"/>
      <c r="AF2713" s="53"/>
      <c r="AG2713" s="53"/>
      <c r="AH2713" s="53"/>
      <c r="AI2713" s="53"/>
      <c r="AJ2713" s="53"/>
      <c r="AK2713" s="53"/>
      <c r="AL2713" s="53"/>
      <c r="AM2713" s="53"/>
      <c r="AN2713" s="53"/>
      <c r="AO2713" s="53"/>
      <c r="AP2713" s="53"/>
      <c r="AQ2713" s="53"/>
      <c r="AR2713" s="53"/>
      <c r="AS2713" s="53"/>
      <c r="AT2713" s="53"/>
      <c r="AU2713" s="53"/>
      <c r="AV2713" s="53"/>
      <c r="AW2713" s="53"/>
      <c r="AX2713" s="53"/>
      <c r="AY2713" s="53"/>
      <c r="AZ2713" s="53"/>
      <c r="BA2713" s="53"/>
      <c r="BB2713" s="53"/>
      <c r="BC2713" s="53"/>
      <c r="BD2713" s="53"/>
      <c r="BE2713" s="53"/>
      <c r="BF2713" s="53"/>
      <c r="BG2713" s="53"/>
      <c r="BH2713" s="53"/>
      <c r="BI2713" s="53"/>
      <c r="BJ2713" s="53"/>
      <c r="BK2713" s="53"/>
      <c r="BL2713" s="53"/>
      <c r="BM2713" s="53"/>
      <c r="BN2713" s="53"/>
      <c r="BO2713" s="53"/>
      <c r="BP2713" s="53"/>
      <c r="BQ2713" s="53"/>
      <c r="BR2713" s="53"/>
      <c r="BS2713" s="53"/>
      <c r="BT2713" s="53"/>
      <c r="BU2713" s="53"/>
      <c r="BV2713" s="53"/>
      <c r="BW2713" s="53"/>
      <c r="BX2713" s="53"/>
      <c r="BY2713" s="53"/>
      <c r="BZ2713" s="53"/>
      <c r="CA2713" s="53"/>
      <c r="CB2713" s="53">
        <v>10093211.278829999</v>
      </c>
      <c r="CC2713" s="53">
        <v>10093211.278829999</v>
      </c>
      <c r="CD2713" s="53">
        <v>10093211.278829999</v>
      </c>
      <c r="CE2713" s="53">
        <v>10093211.278829999</v>
      </c>
      <c r="CF2713" s="53">
        <v>10093211.278829999</v>
      </c>
      <c r="CG2713" s="53">
        <v>10093211.278829999</v>
      </c>
      <c r="CH2713" s="53">
        <v>10093211.278829999</v>
      </c>
      <c r="CI2713" s="53">
        <v>10093211.278829999</v>
      </c>
      <c r="CJ2713" s="53">
        <v>10093211.278829999</v>
      </c>
      <c r="CK2713" s="53">
        <v>10093211.278829999</v>
      </c>
      <c r="CL2713" s="53">
        <v>10093211.278829999</v>
      </c>
      <c r="CM2713" s="53">
        <v>10093211.278829999</v>
      </c>
      <c r="CN2713" s="53">
        <v>10093211.278829999</v>
      </c>
    </row>
    <row r="2714" spans="1:92" outlineLevel="1">
      <c r="A2714" s="52" t="s">
        <v>649</v>
      </c>
      <c r="B2714" s="53"/>
      <c r="C2714" s="53"/>
      <c r="D2714" s="53"/>
      <c r="E2714" s="53"/>
      <c r="F2714" s="53"/>
      <c r="G2714" s="53"/>
      <c r="H2714" s="53"/>
      <c r="I2714" s="53"/>
      <c r="J2714" s="53"/>
      <c r="K2714" s="53"/>
      <c r="L2714" s="53"/>
      <c r="M2714" s="53"/>
      <c r="N2714" s="53"/>
      <c r="O2714" s="53"/>
      <c r="P2714" s="53"/>
      <c r="Q2714" s="53"/>
      <c r="R2714" s="53"/>
      <c r="S2714" s="53"/>
      <c r="T2714" s="53">
        <v>650000000</v>
      </c>
      <c r="U2714" s="53"/>
      <c r="V2714" s="53"/>
      <c r="W2714" s="53"/>
      <c r="X2714" s="53"/>
      <c r="Y2714" s="53"/>
      <c r="Z2714" s="53"/>
      <c r="AA2714" s="53">
        <v>650000000</v>
      </c>
      <c r="AB2714" s="53"/>
      <c r="AC2714" s="53"/>
      <c r="AD2714" s="53"/>
      <c r="AE2714" s="53"/>
      <c r="AF2714" s="53"/>
      <c r="AG2714" s="53"/>
      <c r="AH2714" s="53"/>
      <c r="AI2714" s="53">
        <v>1000000000</v>
      </c>
      <c r="AJ2714" s="53"/>
      <c r="AK2714" s="53"/>
      <c r="AL2714" s="53"/>
      <c r="AM2714" s="53"/>
      <c r="AN2714" s="53">
        <v>1000000000</v>
      </c>
      <c r="AO2714" s="53"/>
      <c r="AP2714" s="53"/>
      <c r="AQ2714" s="53"/>
      <c r="AR2714" s="53"/>
      <c r="AS2714" s="53"/>
      <c r="AT2714" s="53">
        <v>700000000</v>
      </c>
      <c r="AU2714" s="53"/>
      <c r="AV2714" s="53"/>
      <c r="AW2714" s="53"/>
      <c r="AX2714" s="53"/>
      <c r="AY2714" s="53"/>
      <c r="AZ2714" s="53"/>
      <c r="BA2714" s="53">
        <v>700000000</v>
      </c>
      <c r="BB2714" s="53"/>
      <c r="BC2714" s="53"/>
      <c r="BD2714" s="53"/>
      <c r="BE2714" s="53"/>
      <c r="BF2714" s="53"/>
      <c r="BG2714" s="53">
        <v>650000000</v>
      </c>
      <c r="BH2714" s="53"/>
      <c r="BI2714" s="53"/>
      <c r="BJ2714" s="53"/>
      <c r="BK2714" s="53"/>
      <c r="BL2714" s="53"/>
      <c r="BM2714" s="53"/>
      <c r="BN2714" s="53">
        <v>650000000</v>
      </c>
      <c r="BO2714" s="53"/>
      <c r="BP2714" s="53"/>
      <c r="BQ2714" s="53"/>
      <c r="BR2714" s="53"/>
      <c r="BS2714" s="53"/>
      <c r="BT2714" s="53">
        <v>1250000000</v>
      </c>
      <c r="BU2714" s="53"/>
      <c r="BV2714" s="53"/>
      <c r="BW2714" s="53"/>
      <c r="BX2714" s="53"/>
      <c r="BY2714" s="53"/>
      <c r="BZ2714" s="53"/>
      <c r="CA2714" s="53">
        <v>1250000000</v>
      </c>
      <c r="CB2714" s="53">
        <v>1200000000</v>
      </c>
      <c r="CC2714" s="53">
        <v>1200000000</v>
      </c>
      <c r="CD2714" s="53">
        <v>1200000000</v>
      </c>
      <c r="CE2714" s="53">
        <v>1200000000</v>
      </c>
      <c r="CF2714" s="53">
        <v>1200000000</v>
      </c>
      <c r="CG2714" s="53">
        <v>1200000000</v>
      </c>
      <c r="CH2714" s="53">
        <v>1200000000</v>
      </c>
      <c r="CI2714" s="53">
        <v>1200000000</v>
      </c>
      <c r="CJ2714" s="53">
        <v>1200000000</v>
      </c>
      <c r="CK2714" s="53">
        <v>1200000000</v>
      </c>
      <c r="CL2714" s="53">
        <v>1200000000</v>
      </c>
      <c r="CM2714" s="53">
        <v>1200000000</v>
      </c>
      <c r="CN2714" s="53">
        <v>1200000000</v>
      </c>
    </row>
    <row r="2715" spans="1:92" outlineLevel="1">
      <c r="A2715" s="52" t="s">
        <v>650</v>
      </c>
      <c r="B2715" s="53"/>
      <c r="C2715" s="53"/>
      <c r="D2715" s="53"/>
      <c r="E2715" s="53"/>
      <c r="F2715" s="53"/>
      <c r="G2715" s="53"/>
      <c r="H2715" s="53"/>
      <c r="I2715" s="53"/>
      <c r="J2715" s="53"/>
      <c r="K2715" s="53"/>
      <c r="L2715" s="53"/>
      <c r="M2715" s="53"/>
      <c r="N2715" s="53"/>
      <c r="O2715" s="53"/>
      <c r="P2715" s="53"/>
      <c r="Q2715" s="53"/>
      <c r="R2715" s="53"/>
      <c r="S2715" s="53"/>
      <c r="T2715" s="53"/>
      <c r="U2715" s="53"/>
      <c r="V2715" s="53"/>
      <c r="W2715" s="53"/>
      <c r="X2715" s="53"/>
      <c r="Y2715" s="53"/>
      <c r="Z2715" s="53"/>
      <c r="AA2715" s="53"/>
      <c r="AB2715" s="53"/>
      <c r="AC2715" s="53"/>
      <c r="AD2715" s="53"/>
      <c r="AE2715" s="53"/>
      <c r="AF2715" s="53"/>
      <c r="AG2715" s="53"/>
      <c r="AH2715" s="53"/>
      <c r="AI2715" s="53"/>
      <c r="AJ2715" s="53"/>
      <c r="AK2715" s="53"/>
      <c r="AL2715" s="53"/>
      <c r="AM2715" s="53"/>
      <c r="AN2715" s="53"/>
      <c r="AO2715" s="53"/>
      <c r="AP2715" s="53"/>
      <c r="AQ2715" s="53"/>
      <c r="AR2715" s="53"/>
      <c r="AS2715" s="53"/>
      <c r="AT2715" s="53"/>
      <c r="AU2715" s="53"/>
      <c r="AV2715" s="53"/>
      <c r="AW2715" s="53"/>
      <c r="AX2715" s="53"/>
      <c r="AY2715" s="53"/>
      <c r="AZ2715" s="53"/>
      <c r="BA2715" s="53"/>
      <c r="BB2715" s="53"/>
      <c r="BC2715" s="53"/>
      <c r="BD2715" s="53"/>
      <c r="BE2715" s="53"/>
      <c r="BF2715" s="53"/>
      <c r="BG2715" s="53"/>
      <c r="BH2715" s="53"/>
      <c r="BI2715" s="53"/>
      <c r="BJ2715" s="53"/>
      <c r="BK2715" s="53"/>
      <c r="BL2715" s="53"/>
      <c r="BM2715" s="53"/>
      <c r="BN2715" s="53"/>
      <c r="BO2715" s="53"/>
      <c r="BP2715" s="53"/>
      <c r="BQ2715" s="53"/>
      <c r="BR2715" s="53"/>
      <c r="BS2715" s="53"/>
      <c r="BT2715" s="53"/>
      <c r="BU2715" s="53"/>
      <c r="BV2715" s="53"/>
      <c r="BW2715" s="53"/>
      <c r="BX2715" s="53"/>
      <c r="BY2715" s="53"/>
      <c r="BZ2715" s="53"/>
      <c r="CA2715" s="53"/>
      <c r="CB2715" s="53">
        <v>0</v>
      </c>
      <c r="CC2715" s="53">
        <v>0</v>
      </c>
      <c r="CD2715" s="53">
        <v>0</v>
      </c>
      <c r="CE2715" s="53">
        <v>0</v>
      </c>
      <c r="CF2715" s="53">
        <v>0</v>
      </c>
      <c r="CG2715" s="53">
        <v>0</v>
      </c>
      <c r="CH2715" s="53">
        <v>0</v>
      </c>
      <c r="CI2715" s="53">
        <v>0</v>
      </c>
      <c r="CJ2715" s="53">
        <v>0</v>
      </c>
      <c r="CK2715" s="53">
        <v>0</v>
      </c>
      <c r="CL2715" s="53">
        <v>0</v>
      </c>
      <c r="CM2715" s="53">
        <v>0</v>
      </c>
      <c r="CN2715" s="53">
        <v>0</v>
      </c>
    </row>
    <row r="2716" spans="1:92" outlineLevel="1">
      <c r="A2716" s="52" t="s">
        <v>1355</v>
      </c>
      <c r="B2716" s="53"/>
      <c r="C2716" s="53"/>
      <c r="D2716" s="53"/>
      <c r="E2716" s="53"/>
      <c r="F2716" s="53"/>
      <c r="G2716" s="53"/>
      <c r="H2716" s="53"/>
      <c r="I2716" s="53"/>
      <c r="J2716" s="53"/>
      <c r="K2716" s="53"/>
      <c r="L2716" s="53"/>
      <c r="M2716" s="53"/>
      <c r="N2716" s="53"/>
      <c r="O2716" s="53"/>
      <c r="P2716" s="53"/>
      <c r="Q2716" s="53"/>
      <c r="R2716" s="53"/>
      <c r="S2716" s="53"/>
      <c r="T2716" s="53"/>
      <c r="U2716" s="53"/>
      <c r="V2716" s="53"/>
      <c r="W2716" s="53"/>
      <c r="X2716" s="53"/>
      <c r="Y2716" s="53"/>
      <c r="Z2716" s="53"/>
      <c r="AA2716" s="53"/>
      <c r="AB2716" s="53"/>
      <c r="AC2716" s="53"/>
      <c r="AD2716" s="53"/>
      <c r="AE2716" s="53"/>
      <c r="AF2716" s="53"/>
      <c r="AG2716" s="53"/>
      <c r="AH2716" s="53"/>
      <c r="AI2716" s="53"/>
      <c r="AJ2716" s="53"/>
      <c r="AK2716" s="53"/>
      <c r="AL2716" s="53"/>
      <c r="AM2716" s="53"/>
      <c r="AN2716" s="53"/>
      <c r="AO2716" s="53"/>
      <c r="AP2716" s="53"/>
      <c r="AQ2716" s="53"/>
      <c r="AR2716" s="53"/>
      <c r="AS2716" s="53"/>
      <c r="AT2716" s="53"/>
      <c r="AU2716" s="53"/>
      <c r="AV2716" s="53"/>
      <c r="AW2716" s="53"/>
      <c r="AX2716" s="53"/>
      <c r="AY2716" s="53"/>
      <c r="AZ2716" s="53"/>
      <c r="BA2716" s="53"/>
      <c r="BB2716" s="53"/>
      <c r="BC2716" s="53"/>
      <c r="BD2716" s="53"/>
      <c r="BE2716" s="53"/>
      <c r="BF2716" s="53"/>
      <c r="BG2716" s="53"/>
      <c r="BH2716" s="53"/>
      <c r="BI2716" s="53"/>
      <c r="BJ2716" s="53"/>
      <c r="BK2716" s="53"/>
      <c r="BL2716" s="53"/>
      <c r="BM2716" s="53"/>
      <c r="BN2716" s="53"/>
      <c r="BO2716" s="53"/>
      <c r="BP2716" s="53"/>
      <c r="BQ2716" s="53"/>
      <c r="BR2716" s="53"/>
      <c r="BS2716" s="53"/>
      <c r="BT2716" s="53"/>
      <c r="BU2716" s="53"/>
      <c r="BV2716" s="53"/>
      <c r="BW2716" s="53"/>
      <c r="BX2716" s="53"/>
      <c r="BY2716" s="53"/>
      <c r="BZ2716" s="53"/>
      <c r="CA2716" s="53"/>
      <c r="CB2716" s="53">
        <v>0</v>
      </c>
      <c r="CC2716" s="53">
        <v>0</v>
      </c>
      <c r="CD2716" s="53">
        <v>0</v>
      </c>
      <c r="CE2716" s="53">
        <v>0</v>
      </c>
      <c r="CF2716" s="53">
        <v>0</v>
      </c>
      <c r="CG2716" s="53">
        <v>0</v>
      </c>
      <c r="CH2716" s="53">
        <v>0</v>
      </c>
      <c r="CI2716" s="53">
        <v>0</v>
      </c>
      <c r="CJ2716" s="53">
        <v>0</v>
      </c>
      <c r="CK2716" s="53">
        <v>0</v>
      </c>
      <c r="CL2716" s="53">
        <v>0</v>
      </c>
      <c r="CM2716" s="53">
        <v>0</v>
      </c>
      <c r="CN2716" s="53">
        <v>0</v>
      </c>
    </row>
    <row r="2717" spans="1:92" outlineLevel="1">
      <c r="A2717" s="52" t="s">
        <v>649</v>
      </c>
      <c r="B2717" s="53">
        <v>53905.799270000003</v>
      </c>
      <c r="C2717" s="53">
        <v>53905.799270000003</v>
      </c>
      <c r="D2717" s="53">
        <v>53905.799270000003</v>
      </c>
      <c r="E2717" s="53">
        <v>53905.799270000003</v>
      </c>
      <c r="F2717" s="53">
        <v>53905.799270000003</v>
      </c>
      <c r="G2717" s="53">
        <v>53905.799270000003</v>
      </c>
      <c r="H2717" s="53">
        <v>53905.799270000003</v>
      </c>
      <c r="I2717" s="53">
        <v>53905.799270000003</v>
      </c>
      <c r="J2717" s="53">
        <v>53905.799270000003</v>
      </c>
      <c r="K2717" s="53">
        <v>53905.799270000003</v>
      </c>
      <c r="L2717" s="53">
        <v>53905.799270000003</v>
      </c>
      <c r="M2717" s="53">
        <v>53905.799270000003</v>
      </c>
      <c r="N2717" s="53">
        <v>646869.59123999998</v>
      </c>
      <c r="O2717" s="53">
        <v>53905.799270000003</v>
      </c>
      <c r="P2717" s="53">
        <v>53905.799270000003</v>
      </c>
      <c r="Q2717" s="53">
        <v>53905.799270000003</v>
      </c>
      <c r="R2717" s="53">
        <v>53905.799270000003</v>
      </c>
      <c r="S2717" s="53">
        <v>53905.799270000003</v>
      </c>
      <c r="T2717" s="53">
        <v>53905.799270000003</v>
      </c>
      <c r="U2717" s="53">
        <v>53905.799270000003</v>
      </c>
      <c r="V2717" s="53">
        <v>53905.799270000003</v>
      </c>
      <c r="W2717" s="53">
        <v>53905.799270000003</v>
      </c>
      <c r="X2717" s="53">
        <v>53905.799270000003</v>
      </c>
      <c r="Y2717" s="53">
        <v>53905.799270000003</v>
      </c>
      <c r="Z2717" s="53">
        <v>53905.799270000003</v>
      </c>
      <c r="AA2717" s="53">
        <v>646869.59123999998</v>
      </c>
      <c r="AB2717" s="53">
        <v>53905.799270000003</v>
      </c>
      <c r="AC2717" s="53">
        <v>53905.799270000003</v>
      </c>
      <c r="AD2717" s="53">
        <v>53905.799270000003</v>
      </c>
      <c r="AE2717" s="53">
        <v>53905.799270000003</v>
      </c>
      <c r="AF2717" s="53">
        <v>53905.799270000003</v>
      </c>
      <c r="AG2717" s="53"/>
      <c r="AH2717" s="53"/>
      <c r="AI2717" s="53"/>
      <c r="AJ2717" s="53"/>
      <c r="AK2717" s="53"/>
      <c r="AL2717" s="53"/>
      <c r="AM2717" s="53"/>
      <c r="AN2717" s="53">
        <v>269528.99634999997</v>
      </c>
      <c r="AO2717" s="53"/>
      <c r="AP2717" s="53"/>
      <c r="AQ2717" s="53"/>
      <c r="AR2717" s="53"/>
      <c r="AS2717" s="53"/>
      <c r="AT2717" s="53"/>
      <c r="AU2717" s="53"/>
      <c r="AV2717" s="53"/>
      <c r="AW2717" s="53"/>
      <c r="AX2717" s="53"/>
      <c r="AY2717" s="53"/>
      <c r="AZ2717" s="53"/>
      <c r="BA2717" s="53"/>
      <c r="BB2717" s="53"/>
      <c r="BC2717" s="53"/>
      <c r="BD2717" s="53"/>
      <c r="BE2717" s="53"/>
      <c r="BF2717" s="53"/>
      <c r="BG2717" s="53"/>
      <c r="BH2717" s="53"/>
      <c r="BI2717" s="53"/>
      <c r="BJ2717" s="53"/>
      <c r="BK2717" s="53"/>
      <c r="BL2717" s="53"/>
      <c r="BM2717" s="53"/>
      <c r="BN2717" s="53"/>
      <c r="BO2717" s="53"/>
      <c r="BP2717" s="53"/>
      <c r="BQ2717" s="53"/>
      <c r="BR2717" s="53"/>
      <c r="BS2717" s="53"/>
      <c r="BT2717" s="53"/>
      <c r="BU2717" s="53"/>
      <c r="BV2717" s="53"/>
      <c r="BW2717" s="53"/>
      <c r="BX2717" s="53"/>
      <c r="BY2717" s="53"/>
      <c r="BZ2717" s="53"/>
      <c r="CA2717" s="53"/>
      <c r="CB2717" s="53">
        <v>150000000</v>
      </c>
      <c r="CC2717" s="53">
        <v>150000000</v>
      </c>
      <c r="CD2717" s="53">
        <v>150000000</v>
      </c>
      <c r="CE2717" s="53">
        <v>150000000</v>
      </c>
      <c r="CF2717" s="53">
        <v>150000000</v>
      </c>
      <c r="CG2717" s="53">
        <v>150000000</v>
      </c>
      <c r="CH2717" s="53">
        <v>150000000</v>
      </c>
      <c r="CI2717" s="53">
        <v>150000000</v>
      </c>
      <c r="CJ2717" s="53">
        <v>150000000</v>
      </c>
      <c r="CK2717" s="53">
        <v>150000000</v>
      </c>
      <c r="CL2717" s="53">
        <v>150000000</v>
      </c>
      <c r="CM2717" s="53">
        <v>150000000</v>
      </c>
      <c r="CN2717" s="53">
        <v>150000000</v>
      </c>
    </row>
    <row r="2718" spans="1:92" outlineLevel="1">
      <c r="A2718" s="57" t="s">
        <v>1671</v>
      </c>
      <c r="B2718" s="53">
        <v>7459203081.9499998</v>
      </c>
      <c r="C2718" s="53">
        <v>7458408721</v>
      </c>
      <c r="D2718" s="53">
        <v>7457429844.9700003</v>
      </c>
      <c r="E2718" s="53">
        <v>7456960422.1700001</v>
      </c>
      <c r="F2718" s="53">
        <v>7206798857.3499899</v>
      </c>
      <c r="G2718" s="53">
        <v>7203800122.2799902</v>
      </c>
      <c r="H2718" s="53">
        <v>7201362075.0500002</v>
      </c>
      <c r="I2718" s="53">
        <v>7199348667.0899897</v>
      </c>
      <c r="J2718" s="53">
        <v>7199132021.6099997</v>
      </c>
      <c r="K2718" s="53">
        <v>7999230522.2199898</v>
      </c>
      <c r="L2718" s="53">
        <v>8492901497.6299896</v>
      </c>
      <c r="M2718" s="53">
        <v>8491109943.7600002</v>
      </c>
      <c r="N2718" s="53">
        <v>8491109943.7600002</v>
      </c>
      <c r="O2718" s="53">
        <v>8489984939.9935503</v>
      </c>
      <c r="P2718" s="53">
        <v>8488848272.2388897</v>
      </c>
      <c r="Q2718" s="53">
        <v>8488261010.0359201</v>
      </c>
      <c r="R2718" s="53">
        <v>7687707867.3660202</v>
      </c>
      <c r="S2718" s="53">
        <v>7687901385.1551304</v>
      </c>
      <c r="T2718" s="53">
        <v>8338092815.5030804</v>
      </c>
      <c r="U2718" s="53">
        <v>8338282145.6939201</v>
      </c>
      <c r="V2718" s="53">
        <v>8338469362.9342098</v>
      </c>
      <c r="W2718" s="53">
        <v>8338654454.3525896</v>
      </c>
      <c r="X2718" s="53">
        <v>8338837406.99932</v>
      </c>
      <c r="Y2718" s="53">
        <v>8339018207.8457203</v>
      </c>
      <c r="Z2718" s="53">
        <v>8339196843.7837896</v>
      </c>
      <c r="AA2718" s="53">
        <v>8339196843.7837896</v>
      </c>
      <c r="AB2718" s="53">
        <v>8339373301.6256704</v>
      </c>
      <c r="AC2718" s="53">
        <v>8339547568.1031399</v>
      </c>
      <c r="AD2718" s="53">
        <v>8339719629.8671904</v>
      </c>
      <c r="AE2718" s="53">
        <v>8339889473.4874601</v>
      </c>
      <c r="AF2718" s="53">
        <v>8334357085.4518099</v>
      </c>
      <c r="AG2718" s="53">
        <v>8334468546.3664904</v>
      </c>
      <c r="AH2718" s="53">
        <v>8334577748.3534899</v>
      </c>
      <c r="AI2718" s="53">
        <v>9334684677.6522198</v>
      </c>
      <c r="AJ2718" s="53">
        <v>9334789320.4182396</v>
      </c>
      <c r="AK2718" s="53">
        <v>9334891662.7228107</v>
      </c>
      <c r="AL2718" s="53">
        <v>9334991690.5523109</v>
      </c>
      <c r="AM2718" s="53">
        <v>9335089389.8077698</v>
      </c>
      <c r="AN2718" s="53">
        <v>9335089389.8077698</v>
      </c>
      <c r="AO2718" s="53">
        <v>9335184746.3043308</v>
      </c>
      <c r="AP2718" s="53">
        <v>9335277745.7707291</v>
      </c>
      <c r="AQ2718" s="53">
        <v>9335368373.8487492</v>
      </c>
      <c r="AR2718" s="53">
        <v>9335456616.0927296</v>
      </c>
      <c r="AS2718" s="53">
        <v>9335542457.9689999</v>
      </c>
      <c r="AT2718" s="53">
        <v>10035625884.855301</v>
      </c>
      <c r="AU2718" s="53">
        <v>10035706882.040501</v>
      </c>
      <c r="AV2718" s="53">
        <v>10035785434.7236</v>
      </c>
      <c r="AW2718" s="53">
        <v>10035861528.013599</v>
      </c>
      <c r="AX2718" s="53">
        <v>10035935146.9286</v>
      </c>
      <c r="AY2718" s="53">
        <v>10036006276.3958</v>
      </c>
      <c r="AZ2718" s="53">
        <v>10036074901.2502</v>
      </c>
      <c r="BA2718" s="53">
        <v>10036074901.2502</v>
      </c>
      <c r="BB2718" s="53">
        <v>9386114686.3480606</v>
      </c>
      <c r="BC2718" s="53">
        <v>9386125616.3391209</v>
      </c>
      <c r="BD2718" s="53">
        <v>9386133995.6663399</v>
      </c>
      <c r="BE2718" s="53">
        <v>9386563645.2160797</v>
      </c>
      <c r="BF2718" s="53">
        <v>9386993289.7725906</v>
      </c>
      <c r="BG2718" s="53">
        <v>10037422934.329</v>
      </c>
      <c r="BH2718" s="53">
        <v>10037852578.885599</v>
      </c>
      <c r="BI2718" s="53">
        <v>10038282223.442101</v>
      </c>
      <c r="BJ2718" s="53">
        <v>10038711867.9986</v>
      </c>
      <c r="BK2718" s="53">
        <v>10039141512.555099</v>
      </c>
      <c r="BL2718" s="53">
        <v>10039571157.111601</v>
      </c>
      <c r="BM2718" s="53">
        <v>10040000801.6681</v>
      </c>
      <c r="BN2718" s="53">
        <v>10040000801.6681</v>
      </c>
      <c r="BO2718" s="53">
        <v>10040430446.2246</v>
      </c>
      <c r="BP2718" s="53">
        <v>9890843525.3221302</v>
      </c>
      <c r="BQ2718" s="53">
        <v>9891256604.4196205</v>
      </c>
      <c r="BR2718" s="53">
        <v>9891669683.5171108</v>
      </c>
      <c r="BS2718" s="53">
        <v>9892082762.6145992</v>
      </c>
      <c r="BT2718" s="53">
        <v>11142495841.712</v>
      </c>
      <c r="BU2718" s="53">
        <v>10542881832.223101</v>
      </c>
      <c r="BV2718" s="53">
        <v>10543240734.1476</v>
      </c>
      <c r="BW2718" s="53">
        <v>10543599636.072201</v>
      </c>
      <c r="BX2718" s="53">
        <v>10543958537.9967</v>
      </c>
      <c r="BY2718" s="53">
        <v>10544317439.921301</v>
      </c>
      <c r="BZ2718" s="53">
        <v>10544676341.8459</v>
      </c>
      <c r="CA2718" s="53">
        <v>10544676341.8459</v>
      </c>
      <c r="CB2718" s="53">
        <v>1256275.3182817299</v>
      </c>
      <c r="CC2718" s="53">
        <v>840095.96039451705</v>
      </c>
      <c r="CD2718" s="53">
        <v>421381.382263612</v>
      </c>
      <c r="CE2718" s="53">
        <v>116.140213580081</v>
      </c>
      <c r="CF2718" s="53">
        <v>121.124558854719</v>
      </c>
      <c r="CG2718" s="53">
        <v>121.124558854719</v>
      </c>
      <c r="CH2718" s="53">
        <v>121.124558854719</v>
      </c>
      <c r="CI2718" s="53">
        <v>121.124558854719</v>
      </c>
      <c r="CJ2718" s="53">
        <v>121.124558854719</v>
      </c>
      <c r="CK2718" s="53">
        <v>121.124558854719</v>
      </c>
      <c r="CL2718" s="53">
        <v>121.124558854719</v>
      </c>
      <c r="CM2718" s="53">
        <v>121.124558854719</v>
      </c>
      <c r="CN2718" s="53">
        <v>1256275.3182817299</v>
      </c>
    </row>
    <row r="2719" spans="1:92" outlineLevel="1">
      <c r="A2719" s="52" t="s">
        <v>1672</v>
      </c>
      <c r="B2719" s="53"/>
      <c r="C2719" s="53"/>
      <c r="D2719" s="53"/>
      <c r="E2719" s="53"/>
      <c r="F2719" s="53"/>
      <c r="G2719" s="53"/>
      <c r="H2719" s="53"/>
      <c r="I2719" s="53"/>
      <c r="J2719" s="53"/>
      <c r="K2719" s="53"/>
      <c r="L2719" s="53"/>
      <c r="M2719" s="53"/>
      <c r="N2719" s="53"/>
      <c r="O2719" s="53"/>
      <c r="P2719" s="53"/>
      <c r="Q2719" s="53"/>
      <c r="R2719" s="53"/>
      <c r="S2719" s="53"/>
      <c r="T2719" s="53"/>
      <c r="U2719" s="53"/>
      <c r="V2719" s="53"/>
      <c r="W2719" s="53"/>
      <c r="X2719" s="53"/>
      <c r="Y2719" s="53"/>
      <c r="Z2719" s="53"/>
      <c r="AA2719" s="53"/>
      <c r="AB2719" s="53"/>
      <c r="AC2719" s="53"/>
      <c r="AD2719" s="53"/>
      <c r="AE2719" s="53"/>
      <c r="AF2719" s="53"/>
      <c r="AG2719" s="53"/>
      <c r="AH2719" s="53"/>
      <c r="AI2719" s="53"/>
      <c r="AJ2719" s="53"/>
      <c r="AK2719" s="53"/>
      <c r="AL2719" s="53"/>
      <c r="AM2719" s="53"/>
      <c r="AN2719" s="53"/>
      <c r="AO2719" s="53"/>
      <c r="AP2719" s="53"/>
      <c r="AQ2719" s="53"/>
      <c r="AR2719" s="53"/>
      <c r="AS2719" s="53"/>
      <c r="AT2719" s="53"/>
      <c r="AU2719" s="53"/>
      <c r="AV2719" s="53"/>
      <c r="AW2719" s="53"/>
      <c r="AX2719" s="53"/>
      <c r="AY2719" s="53"/>
      <c r="AZ2719" s="53"/>
      <c r="BA2719" s="53"/>
      <c r="BB2719" s="53"/>
      <c r="BC2719" s="53"/>
      <c r="BD2719" s="53"/>
      <c r="BE2719" s="53"/>
      <c r="BF2719" s="53"/>
      <c r="BG2719" s="53"/>
      <c r="BH2719" s="53"/>
      <c r="BI2719" s="53"/>
      <c r="BJ2719" s="53"/>
      <c r="BK2719" s="53"/>
      <c r="BL2719" s="53"/>
      <c r="BM2719" s="53"/>
      <c r="BN2719" s="53"/>
      <c r="BO2719" s="53"/>
      <c r="BP2719" s="53"/>
      <c r="BQ2719" s="53"/>
      <c r="BR2719" s="53"/>
      <c r="BS2719" s="53"/>
      <c r="BT2719" s="53"/>
      <c r="BU2719" s="53"/>
      <c r="BV2719" s="53"/>
      <c r="BW2719" s="53"/>
      <c r="BX2719" s="53"/>
      <c r="BY2719" s="53"/>
      <c r="BZ2719" s="53"/>
      <c r="CA2719" s="53"/>
      <c r="CB2719" s="53"/>
      <c r="CC2719" s="53"/>
      <c r="CD2719" s="53"/>
      <c r="CE2719" s="53"/>
      <c r="CF2719" s="53"/>
      <c r="CG2719" s="53"/>
      <c r="CH2719" s="53"/>
      <c r="CI2719" s="53"/>
      <c r="CJ2719" s="53"/>
      <c r="CK2719" s="53"/>
      <c r="CL2719" s="53"/>
      <c r="CM2719" s="53"/>
      <c r="CN2719" s="53"/>
    </row>
    <row r="2720" spans="1:92" outlineLevel="1">
      <c r="A2720" s="57" t="s">
        <v>1673</v>
      </c>
      <c r="B2720" s="53"/>
      <c r="C2720" s="53"/>
      <c r="D2720" s="53"/>
      <c r="E2720" s="53"/>
      <c r="F2720" s="53"/>
      <c r="G2720" s="53"/>
      <c r="H2720" s="53"/>
      <c r="I2720" s="53"/>
      <c r="J2720" s="53"/>
      <c r="K2720" s="53"/>
      <c r="L2720" s="53"/>
      <c r="M2720" s="53"/>
      <c r="N2720" s="53"/>
      <c r="O2720" s="53"/>
      <c r="P2720" s="53"/>
      <c r="Q2720" s="53"/>
      <c r="R2720" s="53"/>
      <c r="S2720" s="53"/>
      <c r="T2720" s="53"/>
      <c r="U2720" s="53"/>
      <c r="V2720" s="53"/>
      <c r="W2720" s="53"/>
      <c r="X2720" s="53"/>
      <c r="Y2720" s="53"/>
      <c r="Z2720" s="53"/>
      <c r="AA2720" s="53"/>
      <c r="AB2720" s="53"/>
      <c r="AC2720" s="53"/>
      <c r="AD2720" s="53"/>
      <c r="AE2720" s="53"/>
      <c r="AF2720" s="53"/>
      <c r="AG2720" s="53"/>
      <c r="AH2720" s="53"/>
      <c r="AI2720" s="53"/>
      <c r="AJ2720" s="53"/>
      <c r="AK2720" s="53"/>
      <c r="AL2720" s="53"/>
      <c r="AM2720" s="53"/>
      <c r="AN2720" s="53"/>
      <c r="AO2720" s="53"/>
      <c r="AP2720" s="53"/>
      <c r="AQ2720" s="53"/>
      <c r="AR2720" s="53"/>
      <c r="AS2720" s="53"/>
      <c r="AT2720" s="53"/>
      <c r="AU2720" s="53"/>
      <c r="AV2720" s="53"/>
      <c r="AW2720" s="53"/>
      <c r="AX2720" s="53"/>
      <c r="AY2720" s="53"/>
      <c r="AZ2720" s="53"/>
      <c r="BA2720" s="53"/>
      <c r="BB2720" s="53"/>
      <c r="BC2720" s="53"/>
      <c r="BD2720" s="53"/>
      <c r="BE2720" s="53"/>
      <c r="BF2720" s="53"/>
      <c r="BG2720" s="53"/>
      <c r="BH2720" s="53"/>
      <c r="BI2720" s="53"/>
      <c r="BJ2720" s="53"/>
      <c r="BK2720" s="53"/>
      <c r="BL2720" s="53"/>
      <c r="BM2720" s="53"/>
      <c r="BN2720" s="53"/>
      <c r="BO2720" s="53"/>
      <c r="BP2720" s="53"/>
      <c r="BQ2720" s="53"/>
      <c r="BR2720" s="53"/>
      <c r="BS2720" s="53"/>
      <c r="BT2720" s="53"/>
      <c r="BU2720" s="53"/>
      <c r="BV2720" s="53"/>
      <c r="BW2720" s="53"/>
      <c r="BX2720" s="53"/>
      <c r="BY2720" s="53"/>
      <c r="BZ2720" s="53"/>
      <c r="CA2720" s="53"/>
      <c r="CB2720" s="53"/>
      <c r="CC2720" s="53"/>
      <c r="CD2720" s="53"/>
      <c r="CE2720" s="53"/>
      <c r="CF2720" s="53"/>
      <c r="CG2720" s="53"/>
      <c r="CH2720" s="53"/>
      <c r="CI2720" s="53"/>
      <c r="CJ2720" s="53"/>
      <c r="CK2720" s="53"/>
      <c r="CL2720" s="53"/>
      <c r="CM2720" s="53"/>
      <c r="CN2720" s="53"/>
    </row>
    <row r="2721" spans="1:92" outlineLevel="1">
      <c r="A2721" s="52" t="s">
        <v>1674</v>
      </c>
      <c r="B2721" s="53">
        <v>0</v>
      </c>
      <c r="C2721" s="53">
        <v>0</v>
      </c>
      <c r="D2721" s="53">
        <v>0</v>
      </c>
      <c r="E2721" s="53">
        <v>0</v>
      </c>
      <c r="F2721" s="53">
        <v>0</v>
      </c>
      <c r="G2721" s="53">
        <v>0</v>
      </c>
      <c r="H2721" s="53">
        <v>0</v>
      </c>
      <c r="I2721" s="53">
        <v>0</v>
      </c>
      <c r="J2721" s="53">
        <v>0</v>
      </c>
      <c r="K2721" s="53">
        <v>0</v>
      </c>
      <c r="L2721" s="53">
        <v>0</v>
      </c>
      <c r="M2721" s="53">
        <v>0</v>
      </c>
      <c r="N2721" s="53">
        <v>0</v>
      </c>
      <c r="O2721" s="53">
        <v>0</v>
      </c>
      <c r="P2721" s="53">
        <v>0</v>
      </c>
      <c r="Q2721" s="53">
        <v>0</v>
      </c>
      <c r="R2721" s="53">
        <v>0</v>
      </c>
      <c r="S2721" s="53">
        <v>0</v>
      </c>
      <c r="T2721" s="53">
        <v>0</v>
      </c>
      <c r="U2721" s="53">
        <v>0</v>
      </c>
      <c r="V2721" s="53">
        <v>0</v>
      </c>
      <c r="W2721" s="53">
        <v>0</v>
      </c>
      <c r="X2721" s="53">
        <v>0</v>
      </c>
      <c r="Y2721" s="53">
        <v>0</v>
      </c>
      <c r="Z2721" s="53">
        <v>0</v>
      </c>
      <c r="AA2721" s="53">
        <v>0</v>
      </c>
      <c r="AB2721" s="53">
        <v>0</v>
      </c>
      <c r="AC2721" s="53">
        <v>0</v>
      </c>
      <c r="AD2721" s="53">
        <v>0</v>
      </c>
      <c r="AE2721" s="53">
        <v>0</v>
      </c>
      <c r="AF2721" s="53">
        <v>0</v>
      </c>
      <c r="AG2721" s="53">
        <v>0</v>
      </c>
      <c r="AH2721" s="53">
        <v>0</v>
      </c>
      <c r="AI2721" s="53">
        <v>0</v>
      </c>
      <c r="AJ2721" s="53">
        <v>0</v>
      </c>
      <c r="AK2721" s="53">
        <v>0</v>
      </c>
      <c r="AL2721" s="53">
        <v>0</v>
      </c>
      <c r="AM2721" s="53">
        <v>0</v>
      </c>
      <c r="AN2721" s="53">
        <v>0</v>
      </c>
      <c r="AO2721" s="53">
        <v>0</v>
      </c>
      <c r="AP2721" s="53">
        <v>0</v>
      </c>
      <c r="AQ2721" s="53">
        <v>0</v>
      </c>
      <c r="AR2721" s="53">
        <v>0</v>
      </c>
      <c r="AS2721" s="53">
        <v>0</v>
      </c>
      <c r="AT2721" s="53">
        <v>0</v>
      </c>
      <c r="AU2721" s="53">
        <v>0</v>
      </c>
      <c r="AV2721" s="53">
        <v>0</v>
      </c>
      <c r="AW2721" s="53">
        <v>0</v>
      </c>
      <c r="AX2721" s="53">
        <v>0</v>
      </c>
      <c r="AY2721" s="53">
        <v>0</v>
      </c>
      <c r="AZ2721" s="53">
        <v>0</v>
      </c>
      <c r="BA2721" s="53">
        <v>0</v>
      </c>
      <c r="BB2721" s="53">
        <v>0</v>
      </c>
      <c r="BC2721" s="53">
        <v>0</v>
      </c>
      <c r="BD2721" s="53">
        <v>0</v>
      </c>
      <c r="BE2721" s="53">
        <v>0</v>
      </c>
      <c r="BF2721" s="53">
        <v>0</v>
      </c>
      <c r="BG2721" s="53">
        <v>0</v>
      </c>
      <c r="BH2721" s="53">
        <v>0</v>
      </c>
      <c r="BI2721" s="53">
        <v>0</v>
      </c>
      <c r="BJ2721" s="53">
        <v>0</v>
      </c>
      <c r="BK2721" s="53">
        <v>0</v>
      </c>
      <c r="BL2721" s="53">
        <v>0</v>
      </c>
      <c r="BM2721" s="53">
        <v>0</v>
      </c>
      <c r="BN2721" s="53">
        <v>0</v>
      </c>
      <c r="BO2721" s="53">
        <v>0</v>
      </c>
      <c r="BP2721" s="53">
        <v>0</v>
      </c>
      <c r="BQ2721" s="53">
        <v>0</v>
      </c>
      <c r="BR2721" s="53">
        <v>0</v>
      </c>
      <c r="BS2721" s="53">
        <v>0</v>
      </c>
      <c r="BT2721" s="53">
        <v>0</v>
      </c>
      <c r="BU2721" s="53">
        <v>0</v>
      </c>
      <c r="BV2721" s="53">
        <v>0</v>
      </c>
      <c r="BW2721" s="53">
        <v>0</v>
      </c>
      <c r="BX2721" s="53">
        <v>0</v>
      </c>
      <c r="BY2721" s="53">
        <v>0</v>
      </c>
      <c r="BZ2721" s="53">
        <v>0</v>
      </c>
      <c r="CA2721" s="53">
        <v>0</v>
      </c>
      <c r="CB2721" s="53"/>
      <c r="CC2721" s="53"/>
      <c r="CD2721" s="53"/>
      <c r="CE2721" s="53"/>
      <c r="CF2721" s="53"/>
      <c r="CG2721" s="53"/>
      <c r="CH2721" s="53"/>
      <c r="CI2721" s="53"/>
      <c r="CJ2721" s="53"/>
      <c r="CK2721" s="53"/>
      <c r="CL2721" s="53"/>
      <c r="CM2721" s="53"/>
      <c r="CN2721" s="53"/>
    </row>
    <row r="2722" spans="1:92" outlineLevel="1">
      <c r="A2722" s="57" t="s">
        <v>1675</v>
      </c>
      <c r="B2722" s="53">
        <v>0</v>
      </c>
      <c r="C2722" s="53">
        <v>0</v>
      </c>
      <c r="D2722" s="53">
        <v>0</v>
      </c>
      <c r="E2722" s="53">
        <v>0</v>
      </c>
      <c r="F2722" s="53">
        <v>0</v>
      </c>
      <c r="G2722" s="53">
        <v>0</v>
      </c>
      <c r="H2722" s="53">
        <v>0</v>
      </c>
      <c r="I2722" s="53">
        <v>0</v>
      </c>
      <c r="J2722" s="53">
        <v>0</v>
      </c>
      <c r="K2722" s="53">
        <v>0</v>
      </c>
      <c r="L2722" s="53">
        <v>0</v>
      </c>
      <c r="M2722" s="53">
        <v>0</v>
      </c>
      <c r="N2722" s="53">
        <v>0</v>
      </c>
      <c r="O2722" s="53">
        <v>0</v>
      </c>
      <c r="P2722" s="53">
        <v>0</v>
      </c>
      <c r="Q2722" s="53">
        <v>0</v>
      </c>
      <c r="R2722" s="53">
        <v>0</v>
      </c>
      <c r="S2722" s="53">
        <v>0</v>
      </c>
      <c r="T2722" s="53">
        <v>0</v>
      </c>
      <c r="U2722" s="53">
        <v>0</v>
      </c>
      <c r="V2722" s="53">
        <v>0</v>
      </c>
      <c r="W2722" s="53">
        <v>0</v>
      </c>
      <c r="X2722" s="53">
        <v>0</v>
      </c>
      <c r="Y2722" s="53">
        <v>0</v>
      </c>
      <c r="Z2722" s="53">
        <v>0</v>
      </c>
      <c r="AA2722" s="53">
        <v>0</v>
      </c>
      <c r="AB2722" s="53">
        <v>0</v>
      </c>
      <c r="AC2722" s="53">
        <v>0</v>
      </c>
      <c r="AD2722" s="53">
        <v>0</v>
      </c>
      <c r="AE2722" s="53">
        <v>0</v>
      </c>
      <c r="AF2722" s="53">
        <v>0</v>
      </c>
      <c r="AG2722" s="53">
        <v>0</v>
      </c>
      <c r="AH2722" s="53">
        <v>0</v>
      </c>
      <c r="AI2722" s="53">
        <v>0</v>
      </c>
      <c r="AJ2722" s="53">
        <v>0</v>
      </c>
      <c r="AK2722" s="53">
        <v>0</v>
      </c>
      <c r="AL2722" s="53">
        <v>0</v>
      </c>
      <c r="AM2722" s="53">
        <v>0</v>
      </c>
      <c r="AN2722" s="53">
        <v>0</v>
      </c>
      <c r="AO2722" s="53">
        <v>0</v>
      </c>
      <c r="AP2722" s="53">
        <v>0</v>
      </c>
      <c r="AQ2722" s="53">
        <v>0</v>
      </c>
      <c r="AR2722" s="53">
        <v>0</v>
      </c>
      <c r="AS2722" s="53">
        <v>0</v>
      </c>
      <c r="AT2722" s="53">
        <v>0</v>
      </c>
      <c r="AU2722" s="53">
        <v>0</v>
      </c>
      <c r="AV2722" s="53">
        <v>0</v>
      </c>
      <c r="AW2722" s="53">
        <v>0</v>
      </c>
      <c r="AX2722" s="53">
        <v>0</v>
      </c>
      <c r="AY2722" s="53">
        <v>0</v>
      </c>
      <c r="AZ2722" s="53">
        <v>0</v>
      </c>
      <c r="BA2722" s="53">
        <v>0</v>
      </c>
      <c r="BB2722" s="53">
        <v>0</v>
      </c>
      <c r="BC2722" s="53">
        <v>0</v>
      </c>
      <c r="BD2722" s="53">
        <v>0</v>
      </c>
      <c r="BE2722" s="53">
        <v>0</v>
      </c>
      <c r="BF2722" s="53">
        <v>0</v>
      </c>
      <c r="BG2722" s="53">
        <v>0</v>
      </c>
      <c r="BH2722" s="53">
        <v>0</v>
      </c>
      <c r="BI2722" s="53">
        <v>0</v>
      </c>
      <c r="BJ2722" s="53">
        <v>0</v>
      </c>
      <c r="BK2722" s="53">
        <v>0</v>
      </c>
      <c r="BL2722" s="53">
        <v>0</v>
      </c>
      <c r="BM2722" s="53">
        <v>0</v>
      </c>
      <c r="BN2722" s="53">
        <v>0</v>
      </c>
      <c r="BO2722" s="53">
        <v>0</v>
      </c>
      <c r="BP2722" s="53">
        <v>0</v>
      </c>
      <c r="BQ2722" s="53">
        <v>0</v>
      </c>
      <c r="BR2722" s="53">
        <v>0</v>
      </c>
      <c r="BS2722" s="53">
        <v>0</v>
      </c>
      <c r="BT2722" s="53">
        <v>0</v>
      </c>
      <c r="BU2722" s="53">
        <v>0</v>
      </c>
      <c r="BV2722" s="53">
        <v>0</v>
      </c>
      <c r="BW2722" s="53">
        <v>0</v>
      </c>
      <c r="BX2722" s="53">
        <v>0</v>
      </c>
      <c r="BY2722" s="53">
        <v>0</v>
      </c>
      <c r="BZ2722" s="53">
        <v>0</v>
      </c>
      <c r="CA2722" s="53">
        <v>0</v>
      </c>
      <c r="CB2722" s="53">
        <v>4.8774041723446997</v>
      </c>
      <c r="CC2722" s="53">
        <v>4.9127938041185102</v>
      </c>
      <c r="CD2722" s="53">
        <v>4.9484402171622097</v>
      </c>
      <c r="CE2722" s="53">
        <v>4.9843452746378496</v>
      </c>
      <c r="CF2722" s="53"/>
      <c r="CG2722" s="53"/>
      <c r="CH2722" s="53"/>
      <c r="CI2722" s="53"/>
      <c r="CJ2722" s="53"/>
      <c r="CK2722" s="53"/>
      <c r="CL2722" s="53"/>
      <c r="CM2722" s="53"/>
      <c r="CN2722" s="53">
        <v>19.722983468263202</v>
      </c>
    </row>
    <row r="2723" spans="1:92">
      <c r="A2723" s="52" t="s">
        <v>1676</v>
      </c>
      <c r="B2723" s="53"/>
      <c r="C2723" s="53"/>
      <c r="D2723" s="53"/>
      <c r="E2723" s="53"/>
      <c r="F2723" s="53"/>
      <c r="G2723" s="53"/>
      <c r="H2723" s="53"/>
      <c r="I2723" s="53"/>
      <c r="J2723" s="53"/>
      <c r="K2723" s="53"/>
      <c r="L2723" s="53"/>
      <c r="M2723" s="53"/>
      <c r="N2723" s="53"/>
      <c r="O2723" s="53"/>
      <c r="P2723" s="53"/>
      <c r="Q2723" s="53"/>
      <c r="R2723" s="53"/>
      <c r="S2723" s="53"/>
      <c r="T2723" s="53"/>
      <c r="U2723" s="53"/>
      <c r="V2723" s="53"/>
      <c r="W2723" s="53"/>
      <c r="X2723" s="53"/>
      <c r="Y2723" s="53"/>
      <c r="Z2723" s="53"/>
      <c r="AA2723" s="53"/>
      <c r="AB2723" s="53"/>
      <c r="AC2723" s="53"/>
      <c r="AD2723" s="53"/>
      <c r="AE2723" s="53"/>
      <c r="AF2723" s="53"/>
      <c r="AG2723" s="53"/>
      <c r="AH2723" s="53"/>
      <c r="AI2723" s="53"/>
      <c r="AJ2723" s="53"/>
      <c r="AK2723" s="53"/>
      <c r="AL2723" s="53"/>
      <c r="AM2723" s="53"/>
      <c r="AN2723" s="53"/>
      <c r="AO2723" s="53"/>
      <c r="AP2723" s="53"/>
      <c r="AQ2723" s="53"/>
      <c r="AR2723" s="53"/>
      <c r="AS2723" s="53"/>
      <c r="AT2723" s="53"/>
      <c r="AU2723" s="53"/>
      <c r="AV2723" s="53"/>
      <c r="AW2723" s="53"/>
      <c r="AX2723" s="53"/>
      <c r="AY2723" s="53"/>
      <c r="AZ2723" s="53"/>
      <c r="BA2723" s="53"/>
      <c r="BB2723" s="53"/>
      <c r="BC2723" s="53"/>
      <c r="BD2723" s="53"/>
      <c r="BE2723" s="53"/>
      <c r="BF2723" s="53"/>
      <c r="BG2723" s="53"/>
      <c r="BH2723" s="53"/>
      <c r="BI2723" s="53"/>
      <c r="BJ2723" s="53"/>
      <c r="BK2723" s="53"/>
      <c r="BL2723" s="53"/>
      <c r="BM2723" s="53"/>
      <c r="BN2723" s="53"/>
      <c r="BO2723" s="53"/>
      <c r="BP2723" s="53"/>
      <c r="BQ2723" s="53"/>
      <c r="BR2723" s="53"/>
      <c r="BS2723" s="53"/>
      <c r="BT2723" s="53"/>
      <c r="BU2723" s="53"/>
      <c r="BV2723" s="53"/>
      <c r="BW2723" s="53"/>
      <c r="BX2723" s="53"/>
      <c r="BY2723" s="53"/>
      <c r="BZ2723" s="53"/>
      <c r="CA2723" s="53"/>
      <c r="CB2723" s="53">
        <v>-416184.23529139103</v>
      </c>
      <c r="CC2723" s="53">
        <v>-418719.49092470802</v>
      </c>
      <c r="CD2723" s="53">
        <v>-421270.19049025001</v>
      </c>
      <c r="CE2723" s="53"/>
      <c r="CF2723" s="53"/>
      <c r="CG2723" s="53"/>
      <c r="CH2723" s="53"/>
      <c r="CI2723" s="53"/>
      <c r="CJ2723" s="53"/>
      <c r="CK2723" s="53"/>
      <c r="CL2723" s="53"/>
      <c r="CM2723" s="53"/>
      <c r="CN2723" s="53">
        <v>-1256173.9167063499</v>
      </c>
    </row>
    <row r="2724" spans="1:92" outlineLevel="1">
      <c r="A2724" s="52" t="s">
        <v>1677</v>
      </c>
      <c r="B2724" s="53">
        <v>253152690.16</v>
      </c>
      <c r="C2724" s="53">
        <v>249791591.75999999</v>
      </c>
      <c r="D2724" s="53">
        <v>247331442.019999</v>
      </c>
      <c r="E2724" s="53">
        <v>244885756.03999999</v>
      </c>
      <c r="F2724" s="53">
        <v>241598599.859999</v>
      </c>
      <c r="G2724" s="53">
        <v>235312860.59</v>
      </c>
      <c r="H2724" s="53">
        <v>229024881.89999899</v>
      </c>
      <c r="I2724" s="53">
        <v>222763686.16999999</v>
      </c>
      <c r="J2724" s="53">
        <v>219475044.25999999</v>
      </c>
      <c r="K2724" s="53">
        <v>216983421.299999</v>
      </c>
      <c r="L2724" s="53">
        <v>214439497.31999999</v>
      </c>
      <c r="M2724" s="53">
        <v>210959379.47</v>
      </c>
      <c r="N2724" s="53">
        <v>210959379.47</v>
      </c>
      <c r="O2724" s="53">
        <v>210959379.47</v>
      </c>
      <c r="P2724" s="53">
        <v>210959379.47</v>
      </c>
      <c r="Q2724" s="53">
        <v>210959379.47</v>
      </c>
      <c r="R2724" s="53">
        <v>210959379.47</v>
      </c>
      <c r="S2724" s="53">
        <v>210959379.47</v>
      </c>
      <c r="T2724" s="53">
        <v>210959379.47</v>
      </c>
      <c r="U2724" s="53">
        <v>210959379.47</v>
      </c>
      <c r="V2724" s="53">
        <v>210959379.47</v>
      </c>
      <c r="W2724" s="53">
        <v>210959379.47</v>
      </c>
      <c r="X2724" s="53">
        <v>210959379.47</v>
      </c>
      <c r="Y2724" s="53">
        <v>210959379.47</v>
      </c>
      <c r="Z2724" s="53">
        <v>210959379.47</v>
      </c>
      <c r="AA2724" s="53">
        <v>210959379.47</v>
      </c>
      <c r="AB2724" s="53">
        <v>210959379.47</v>
      </c>
      <c r="AC2724" s="53">
        <v>210959379.47</v>
      </c>
      <c r="AD2724" s="53">
        <v>210959379.47</v>
      </c>
      <c r="AE2724" s="53">
        <v>210959379.47</v>
      </c>
      <c r="AF2724" s="53">
        <v>210959379.47</v>
      </c>
      <c r="AG2724" s="53">
        <v>210959379.47</v>
      </c>
      <c r="AH2724" s="53">
        <v>210959379.47</v>
      </c>
      <c r="AI2724" s="53">
        <v>210959379.47</v>
      </c>
      <c r="AJ2724" s="53">
        <v>210959379.47</v>
      </c>
      <c r="AK2724" s="53">
        <v>210959379.47</v>
      </c>
      <c r="AL2724" s="53">
        <v>210959379.47</v>
      </c>
      <c r="AM2724" s="53">
        <v>210959379.47</v>
      </c>
      <c r="AN2724" s="53">
        <v>210959379.47</v>
      </c>
      <c r="AO2724" s="53">
        <v>210959379.47</v>
      </c>
      <c r="AP2724" s="53">
        <v>210959379.47</v>
      </c>
      <c r="AQ2724" s="53">
        <v>210959379.47</v>
      </c>
      <c r="AR2724" s="53">
        <v>210959379.47</v>
      </c>
      <c r="AS2724" s="53">
        <v>210959379.47</v>
      </c>
      <c r="AT2724" s="53">
        <v>210959379.47</v>
      </c>
      <c r="AU2724" s="53">
        <v>210959379.47</v>
      </c>
      <c r="AV2724" s="53">
        <v>210959379.47</v>
      </c>
      <c r="AW2724" s="53">
        <v>210959379.47</v>
      </c>
      <c r="AX2724" s="53">
        <v>210959379.47</v>
      </c>
      <c r="AY2724" s="53">
        <v>210959379.47</v>
      </c>
      <c r="AZ2724" s="53">
        <v>210959379.47</v>
      </c>
      <c r="BA2724" s="53">
        <v>210959379.47</v>
      </c>
      <c r="BB2724" s="53">
        <v>210959379.47</v>
      </c>
      <c r="BC2724" s="53">
        <v>210959379.47</v>
      </c>
      <c r="BD2724" s="53">
        <v>210959379.47</v>
      </c>
      <c r="BE2724" s="53">
        <v>210959379.47</v>
      </c>
      <c r="BF2724" s="53">
        <v>210959379.47</v>
      </c>
      <c r="BG2724" s="53">
        <v>210959379.47</v>
      </c>
      <c r="BH2724" s="53">
        <v>210959379.47</v>
      </c>
      <c r="BI2724" s="53">
        <v>210959379.47</v>
      </c>
      <c r="BJ2724" s="53">
        <v>210959379.47</v>
      </c>
      <c r="BK2724" s="53">
        <v>210959379.47</v>
      </c>
      <c r="BL2724" s="53">
        <v>210959379.47</v>
      </c>
      <c r="BM2724" s="53">
        <v>210959379.47</v>
      </c>
      <c r="BN2724" s="53">
        <v>210959379.47</v>
      </c>
      <c r="BO2724" s="53">
        <v>210959379.47</v>
      </c>
      <c r="BP2724" s="53">
        <v>210959379.47</v>
      </c>
      <c r="BQ2724" s="53">
        <v>210959379.47</v>
      </c>
      <c r="BR2724" s="53">
        <v>210959379.47</v>
      </c>
      <c r="BS2724" s="53">
        <v>210959379.47</v>
      </c>
      <c r="BT2724" s="53">
        <v>210959379.47</v>
      </c>
      <c r="BU2724" s="53">
        <v>210959379.47</v>
      </c>
      <c r="BV2724" s="53">
        <v>210959379.47</v>
      </c>
      <c r="BW2724" s="53">
        <v>210959379.47</v>
      </c>
      <c r="BX2724" s="53">
        <v>210959379.47</v>
      </c>
      <c r="BY2724" s="53">
        <v>210959379.47</v>
      </c>
      <c r="BZ2724" s="53">
        <v>210959379.47</v>
      </c>
      <c r="CA2724" s="53">
        <v>210959379.47</v>
      </c>
      <c r="CB2724" s="53">
        <v>840095.96039451705</v>
      </c>
      <c r="CC2724" s="53">
        <v>421381.382263612</v>
      </c>
      <c r="CD2724" s="53">
        <v>116.140213580081</v>
      </c>
      <c r="CE2724" s="53">
        <v>121.124558854719</v>
      </c>
      <c r="CF2724" s="53">
        <v>121.124558854719</v>
      </c>
      <c r="CG2724" s="53">
        <v>121.124558854719</v>
      </c>
      <c r="CH2724" s="53">
        <v>121.124558854719</v>
      </c>
      <c r="CI2724" s="53">
        <v>121.124558854719</v>
      </c>
      <c r="CJ2724" s="53">
        <v>121.124558854719</v>
      </c>
      <c r="CK2724" s="53">
        <v>121.124558854719</v>
      </c>
      <c r="CL2724" s="53">
        <v>121.124558854719</v>
      </c>
      <c r="CM2724" s="53">
        <v>121.124558854719</v>
      </c>
      <c r="CN2724" s="53">
        <v>121.124558854719</v>
      </c>
    </row>
    <row r="2725" spans="1:92" outlineLevel="1">
      <c r="A2725" s="57" t="s">
        <v>1678</v>
      </c>
      <c r="B2725" s="53">
        <v>253152690.16</v>
      </c>
      <c r="C2725" s="53">
        <v>249791591.75999999</v>
      </c>
      <c r="D2725" s="53">
        <v>247331442.019999</v>
      </c>
      <c r="E2725" s="53">
        <v>244885756.03999999</v>
      </c>
      <c r="F2725" s="53">
        <v>241598599.859999</v>
      </c>
      <c r="G2725" s="53">
        <v>235312860.59</v>
      </c>
      <c r="H2725" s="53">
        <v>229024881.89999899</v>
      </c>
      <c r="I2725" s="53">
        <v>222763686.16999999</v>
      </c>
      <c r="J2725" s="53">
        <v>219475044.25999999</v>
      </c>
      <c r="K2725" s="53">
        <v>216983421.299999</v>
      </c>
      <c r="L2725" s="53">
        <v>214439497.31999999</v>
      </c>
      <c r="M2725" s="53">
        <v>210959379.47</v>
      </c>
      <c r="N2725" s="53">
        <v>210959379.47</v>
      </c>
      <c r="O2725" s="53">
        <v>210959379.47</v>
      </c>
      <c r="P2725" s="53">
        <v>210959379.47</v>
      </c>
      <c r="Q2725" s="53">
        <v>210959379.47</v>
      </c>
      <c r="R2725" s="53">
        <v>210959379.47</v>
      </c>
      <c r="S2725" s="53">
        <v>210959379.47</v>
      </c>
      <c r="T2725" s="53">
        <v>210959379.47</v>
      </c>
      <c r="U2725" s="53">
        <v>210959379.47</v>
      </c>
      <c r="V2725" s="53">
        <v>210959379.47</v>
      </c>
      <c r="W2725" s="53">
        <v>210959379.47</v>
      </c>
      <c r="X2725" s="53">
        <v>210959379.47</v>
      </c>
      <c r="Y2725" s="53">
        <v>210959379.47</v>
      </c>
      <c r="Z2725" s="53">
        <v>210959379.47</v>
      </c>
      <c r="AA2725" s="53">
        <v>210959379.47</v>
      </c>
      <c r="AB2725" s="53">
        <v>210959379.47</v>
      </c>
      <c r="AC2725" s="53">
        <v>210959379.47</v>
      </c>
      <c r="AD2725" s="53">
        <v>210959379.47</v>
      </c>
      <c r="AE2725" s="53">
        <v>210959379.47</v>
      </c>
      <c r="AF2725" s="53">
        <v>210959379.47</v>
      </c>
      <c r="AG2725" s="53">
        <v>210959379.47</v>
      </c>
      <c r="AH2725" s="53">
        <v>210959379.47</v>
      </c>
      <c r="AI2725" s="53">
        <v>210959379.47</v>
      </c>
      <c r="AJ2725" s="53">
        <v>210959379.47</v>
      </c>
      <c r="AK2725" s="53">
        <v>210959379.47</v>
      </c>
      <c r="AL2725" s="53">
        <v>210959379.47</v>
      </c>
      <c r="AM2725" s="53">
        <v>210959379.47</v>
      </c>
      <c r="AN2725" s="53">
        <v>210959379.47</v>
      </c>
      <c r="AO2725" s="53">
        <v>210959379.47</v>
      </c>
      <c r="AP2725" s="53">
        <v>210959379.47</v>
      </c>
      <c r="AQ2725" s="53">
        <v>210959379.47</v>
      </c>
      <c r="AR2725" s="53">
        <v>210959379.47</v>
      </c>
      <c r="AS2725" s="53">
        <v>210959379.47</v>
      </c>
      <c r="AT2725" s="53">
        <v>210959379.47</v>
      </c>
      <c r="AU2725" s="53">
        <v>210959379.47</v>
      </c>
      <c r="AV2725" s="53">
        <v>210959379.47</v>
      </c>
      <c r="AW2725" s="53">
        <v>210959379.47</v>
      </c>
      <c r="AX2725" s="53">
        <v>210959379.47</v>
      </c>
      <c r="AY2725" s="53">
        <v>210959379.47</v>
      </c>
      <c r="AZ2725" s="53">
        <v>210959379.47</v>
      </c>
      <c r="BA2725" s="53">
        <v>210959379.47</v>
      </c>
      <c r="BB2725" s="53">
        <v>210959379.47</v>
      </c>
      <c r="BC2725" s="53">
        <v>210959379.47</v>
      </c>
      <c r="BD2725" s="53">
        <v>210959379.47</v>
      </c>
      <c r="BE2725" s="53">
        <v>210959379.47</v>
      </c>
      <c r="BF2725" s="53">
        <v>210959379.47</v>
      </c>
      <c r="BG2725" s="53">
        <v>210959379.47</v>
      </c>
      <c r="BH2725" s="53">
        <v>210959379.47</v>
      </c>
      <c r="BI2725" s="53">
        <v>210959379.47</v>
      </c>
      <c r="BJ2725" s="53">
        <v>210959379.47</v>
      </c>
      <c r="BK2725" s="53">
        <v>210959379.47</v>
      </c>
      <c r="BL2725" s="53">
        <v>210959379.47</v>
      </c>
      <c r="BM2725" s="53">
        <v>210959379.47</v>
      </c>
      <c r="BN2725" s="53">
        <v>210959379.47</v>
      </c>
      <c r="BO2725" s="53">
        <v>210959379.47</v>
      </c>
      <c r="BP2725" s="53">
        <v>210959379.47</v>
      </c>
      <c r="BQ2725" s="53">
        <v>210959379.47</v>
      </c>
      <c r="BR2725" s="53">
        <v>210959379.47</v>
      </c>
      <c r="BS2725" s="53">
        <v>210959379.47</v>
      </c>
      <c r="BT2725" s="53">
        <v>210959379.47</v>
      </c>
      <c r="BU2725" s="53">
        <v>210959379.47</v>
      </c>
      <c r="BV2725" s="53">
        <v>210959379.47</v>
      </c>
      <c r="BW2725" s="53">
        <v>210959379.47</v>
      </c>
      <c r="BX2725" s="53">
        <v>210959379.47</v>
      </c>
      <c r="BY2725" s="53">
        <v>210959379.47</v>
      </c>
      <c r="BZ2725" s="53">
        <v>210959379.47</v>
      </c>
      <c r="CA2725" s="53">
        <v>210959379.47</v>
      </c>
      <c r="CB2725" s="53">
        <v>0</v>
      </c>
      <c r="CC2725" s="53">
        <v>0</v>
      </c>
      <c r="CD2725" s="53">
        <v>0</v>
      </c>
      <c r="CE2725" s="53">
        <v>0</v>
      </c>
      <c r="CF2725" s="53">
        <v>0</v>
      </c>
      <c r="CG2725" s="53">
        <v>0</v>
      </c>
      <c r="CH2725" s="53">
        <v>0</v>
      </c>
      <c r="CI2725" s="53">
        <v>0</v>
      </c>
      <c r="CJ2725" s="53">
        <v>0</v>
      </c>
      <c r="CK2725" s="53">
        <v>0</v>
      </c>
      <c r="CL2725" s="53">
        <v>0</v>
      </c>
      <c r="CM2725" s="53">
        <v>0</v>
      </c>
      <c r="CN2725" s="53">
        <v>0</v>
      </c>
    </row>
    <row r="2726" spans="1:92" outlineLevel="1">
      <c r="A2726" s="52" t="s">
        <v>1679</v>
      </c>
      <c r="B2726" s="53"/>
      <c r="C2726" s="53"/>
      <c r="D2726" s="53"/>
      <c r="E2726" s="53"/>
      <c r="F2726" s="53"/>
      <c r="G2726" s="53"/>
      <c r="H2726" s="53"/>
      <c r="I2726" s="53"/>
      <c r="J2726" s="53"/>
      <c r="K2726" s="53"/>
      <c r="L2726" s="53"/>
      <c r="M2726" s="53"/>
      <c r="N2726" s="53"/>
      <c r="O2726" s="53"/>
      <c r="P2726" s="53"/>
      <c r="Q2726" s="53"/>
      <c r="R2726" s="53"/>
      <c r="S2726" s="53"/>
      <c r="T2726" s="53"/>
      <c r="U2726" s="53"/>
      <c r="V2726" s="53"/>
      <c r="W2726" s="53"/>
      <c r="X2726" s="53"/>
      <c r="Y2726" s="53"/>
      <c r="Z2726" s="53"/>
      <c r="AA2726" s="53"/>
      <c r="AB2726" s="53"/>
      <c r="AC2726" s="53"/>
      <c r="AD2726" s="53"/>
      <c r="AE2726" s="53"/>
      <c r="AF2726" s="53"/>
      <c r="AG2726" s="53"/>
      <c r="AH2726" s="53"/>
      <c r="AI2726" s="53"/>
      <c r="AJ2726" s="53"/>
      <c r="AK2726" s="53"/>
      <c r="AL2726" s="53"/>
      <c r="AM2726" s="53"/>
      <c r="AN2726" s="53"/>
      <c r="AO2726" s="53"/>
      <c r="AP2726" s="53"/>
      <c r="AQ2726" s="53"/>
      <c r="AR2726" s="53"/>
      <c r="AS2726" s="53"/>
      <c r="AT2726" s="53"/>
      <c r="AU2726" s="53"/>
      <c r="AV2726" s="53"/>
      <c r="AW2726" s="53"/>
      <c r="AX2726" s="53"/>
      <c r="AY2726" s="53"/>
      <c r="AZ2726" s="53"/>
      <c r="BA2726" s="53"/>
      <c r="BB2726" s="53"/>
      <c r="BC2726" s="53"/>
      <c r="BD2726" s="53"/>
      <c r="BE2726" s="53"/>
      <c r="BF2726" s="53"/>
      <c r="BG2726" s="53"/>
      <c r="BH2726" s="53"/>
      <c r="BI2726" s="53"/>
      <c r="BJ2726" s="53"/>
      <c r="BK2726" s="53"/>
      <c r="BL2726" s="53"/>
      <c r="BM2726" s="53"/>
      <c r="BN2726" s="53"/>
      <c r="BO2726" s="53"/>
      <c r="BP2726" s="53"/>
      <c r="BQ2726" s="53"/>
      <c r="BR2726" s="53"/>
      <c r="BS2726" s="53"/>
      <c r="BT2726" s="53"/>
      <c r="BU2726" s="53"/>
      <c r="BV2726" s="53"/>
      <c r="BW2726" s="53"/>
      <c r="BX2726" s="53"/>
      <c r="BY2726" s="53"/>
      <c r="BZ2726" s="53"/>
      <c r="CA2726" s="53"/>
      <c r="CB2726" s="53">
        <v>2650000000</v>
      </c>
      <c r="CC2726" s="53">
        <v>2000000000</v>
      </c>
      <c r="CD2726" s="53">
        <v>2000000000</v>
      </c>
      <c r="CE2726" s="53">
        <v>2000000000</v>
      </c>
      <c r="CF2726" s="53">
        <v>2000000000</v>
      </c>
      <c r="CG2726" s="53">
        <v>2000000000</v>
      </c>
      <c r="CH2726" s="53">
        <v>2550000000</v>
      </c>
      <c r="CI2726" s="53">
        <v>2550000000</v>
      </c>
      <c r="CJ2726" s="53">
        <v>2550000000</v>
      </c>
      <c r="CK2726" s="53">
        <v>2550000000</v>
      </c>
      <c r="CL2726" s="53">
        <v>2550000000</v>
      </c>
      <c r="CM2726" s="53">
        <v>2550000000</v>
      </c>
      <c r="CN2726" s="53">
        <v>2650000000</v>
      </c>
    </row>
    <row r="2727" spans="1:92" outlineLevel="1">
      <c r="A2727" s="52" t="s">
        <v>1680</v>
      </c>
      <c r="B2727" s="53"/>
      <c r="C2727" s="53"/>
      <c r="D2727" s="53"/>
      <c r="E2727" s="53"/>
      <c r="F2727" s="53"/>
      <c r="G2727" s="53"/>
      <c r="H2727" s="53"/>
      <c r="I2727" s="53"/>
      <c r="J2727" s="53"/>
      <c r="K2727" s="53"/>
      <c r="L2727" s="53"/>
      <c r="M2727" s="53"/>
      <c r="N2727" s="53"/>
      <c r="O2727" s="53"/>
      <c r="P2727" s="53"/>
      <c r="Q2727" s="53"/>
      <c r="R2727" s="53"/>
      <c r="S2727" s="53"/>
      <c r="T2727" s="53"/>
      <c r="U2727" s="53"/>
      <c r="V2727" s="53"/>
      <c r="W2727" s="53"/>
      <c r="X2727" s="53"/>
      <c r="Y2727" s="53"/>
      <c r="Z2727" s="53"/>
      <c r="AA2727" s="53"/>
      <c r="AB2727" s="53"/>
      <c r="AC2727" s="53"/>
      <c r="AD2727" s="53"/>
      <c r="AE2727" s="53"/>
      <c r="AF2727" s="53"/>
      <c r="AG2727" s="53"/>
      <c r="AH2727" s="53"/>
      <c r="AI2727" s="53"/>
      <c r="AJ2727" s="53"/>
      <c r="AK2727" s="53"/>
      <c r="AL2727" s="53"/>
      <c r="AM2727" s="53"/>
      <c r="AN2727" s="53"/>
      <c r="AO2727" s="53"/>
      <c r="AP2727" s="53"/>
      <c r="AQ2727" s="53"/>
      <c r="AR2727" s="53"/>
      <c r="AS2727" s="53"/>
      <c r="AT2727" s="53"/>
      <c r="AU2727" s="53"/>
      <c r="AV2727" s="53"/>
      <c r="AW2727" s="53"/>
      <c r="AX2727" s="53"/>
      <c r="AY2727" s="53"/>
      <c r="AZ2727" s="53"/>
      <c r="BA2727" s="53"/>
      <c r="BB2727" s="53"/>
      <c r="BC2727" s="53"/>
      <c r="BD2727" s="53"/>
      <c r="BE2727" s="53"/>
      <c r="BF2727" s="53"/>
      <c r="BG2727" s="53"/>
      <c r="BH2727" s="53"/>
      <c r="BI2727" s="53"/>
      <c r="BJ2727" s="53"/>
      <c r="BK2727" s="53"/>
      <c r="BL2727" s="53"/>
      <c r="BM2727" s="53"/>
      <c r="BN2727" s="53"/>
      <c r="BO2727" s="53"/>
      <c r="BP2727" s="53"/>
      <c r="BQ2727" s="53"/>
      <c r="BR2727" s="53"/>
      <c r="BS2727" s="53"/>
      <c r="BT2727" s="53"/>
      <c r="BU2727" s="53"/>
      <c r="BV2727" s="53"/>
      <c r="BW2727" s="53"/>
      <c r="BX2727" s="53"/>
      <c r="BY2727" s="53"/>
      <c r="BZ2727" s="53"/>
      <c r="CA2727" s="53"/>
      <c r="CB2727" s="53"/>
      <c r="CC2727" s="53"/>
      <c r="CD2727" s="53"/>
      <c r="CE2727" s="53"/>
      <c r="CF2727" s="53"/>
      <c r="CG2727" s="53"/>
      <c r="CH2727" s="53"/>
      <c r="CI2727" s="53"/>
      <c r="CJ2727" s="53"/>
      <c r="CK2727" s="53"/>
      <c r="CL2727" s="53"/>
      <c r="CM2727" s="53"/>
      <c r="CN2727" s="53"/>
    </row>
    <row r="2728" spans="1:92" outlineLevel="1">
      <c r="A2728" s="57" t="s">
        <v>1681</v>
      </c>
      <c r="B2728" s="53"/>
      <c r="C2728" s="53"/>
      <c r="D2728" s="53"/>
      <c r="E2728" s="53"/>
      <c r="F2728" s="53"/>
      <c r="G2728" s="53"/>
      <c r="H2728" s="53"/>
      <c r="I2728" s="53"/>
      <c r="J2728" s="53"/>
      <c r="K2728" s="53"/>
      <c r="L2728" s="53"/>
      <c r="M2728" s="53"/>
      <c r="N2728" s="53"/>
      <c r="O2728" s="53"/>
      <c r="P2728" s="53"/>
      <c r="Q2728" s="53"/>
      <c r="R2728" s="53"/>
      <c r="S2728" s="53"/>
      <c r="T2728" s="53"/>
      <c r="U2728" s="53"/>
      <c r="V2728" s="53"/>
      <c r="W2728" s="53"/>
      <c r="X2728" s="53"/>
      <c r="Y2728" s="53"/>
      <c r="Z2728" s="53"/>
      <c r="AA2728" s="53"/>
      <c r="AB2728" s="53"/>
      <c r="AC2728" s="53"/>
      <c r="AD2728" s="53"/>
      <c r="AE2728" s="53"/>
      <c r="AF2728" s="53"/>
      <c r="AG2728" s="53"/>
      <c r="AH2728" s="53"/>
      <c r="AI2728" s="53"/>
      <c r="AJ2728" s="53"/>
      <c r="AK2728" s="53"/>
      <c r="AL2728" s="53"/>
      <c r="AM2728" s="53"/>
      <c r="AN2728" s="53"/>
      <c r="AO2728" s="53"/>
      <c r="AP2728" s="53"/>
      <c r="AQ2728" s="53"/>
      <c r="AR2728" s="53"/>
      <c r="AS2728" s="53"/>
      <c r="AT2728" s="53"/>
      <c r="AU2728" s="53"/>
      <c r="AV2728" s="53"/>
      <c r="AW2728" s="53"/>
      <c r="AX2728" s="53"/>
      <c r="AY2728" s="53"/>
      <c r="AZ2728" s="53"/>
      <c r="BA2728" s="53"/>
      <c r="BB2728" s="53"/>
      <c r="BC2728" s="53"/>
      <c r="BD2728" s="53"/>
      <c r="BE2728" s="53"/>
      <c r="BF2728" s="53"/>
      <c r="BG2728" s="53"/>
      <c r="BH2728" s="53"/>
      <c r="BI2728" s="53"/>
      <c r="BJ2728" s="53"/>
      <c r="BK2728" s="53"/>
      <c r="BL2728" s="53"/>
      <c r="BM2728" s="53"/>
      <c r="BN2728" s="53"/>
      <c r="BO2728" s="53"/>
      <c r="BP2728" s="53"/>
      <c r="BQ2728" s="53"/>
      <c r="BR2728" s="53"/>
      <c r="BS2728" s="53"/>
      <c r="BT2728" s="53"/>
      <c r="BU2728" s="53"/>
      <c r="BV2728" s="53"/>
      <c r="BW2728" s="53"/>
      <c r="BX2728" s="53"/>
      <c r="BY2728" s="53"/>
      <c r="BZ2728" s="53"/>
      <c r="CA2728" s="53"/>
      <c r="CB2728" s="53"/>
      <c r="CC2728" s="53"/>
      <c r="CD2728" s="53"/>
      <c r="CE2728" s="53"/>
      <c r="CF2728" s="53"/>
      <c r="CG2728" s="53"/>
      <c r="CH2728" s="53"/>
      <c r="CI2728" s="53"/>
      <c r="CJ2728" s="53"/>
      <c r="CK2728" s="53"/>
      <c r="CL2728" s="53"/>
      <c r="CM2728" s="53"/>
      <c r="CN2728" s="53"/>
    </row>
    <row r="2729" spans="1:92" outlineLevel="1">
      <c r="A2729" s="52" t="s">
        <v>1218</v>
      </c>
      <c r="B2729" s="53">
        <v>2432275827.8899999</v>
      </c>
      <c r="C2729" s="53">
        <v>2432275827.8899999</v>
      </c>
      <c r="D2729" s="53">
        <v>2432261690.5599999</v>
      </c>
      <c r="E2729" s="53">
        <v>2501631329.5799999</v>
      </c>
      <c r="F2729" s="53">
        <v>2501631329.5799999</v>
      </c>
      <c r="G2729" s="53">
        <v>2501631329.5799999</v>
      </c>
      <c r="H2729" s="53">
        <v>2503858074.9099998</v>
      </c>
      <c r="I2729" s="53">
        <v>2503858074.9099998</v>
      </c>
      <c r="J2729" s="53">
        <v>2503858074.9099998</v>
      </c>
      <c r="K2729" s="53">
        <v>2719794637.7899899</v>
      </c>
      <c r="L2729" s="53">
        <v>2719794637.7899899</v>
      </c>
      <c r="M2729" s="53">
        <v>2827028177.8299999</v>
      </c>
      <c r="N2729" s="53">
        <v>2432275827.8899999</v>
      </c>
      <c r="O2729" s="53">
        <v>2785446192.25</v>
      </c>
      <c r="P2729" s="53">
        <v>2774807570.8151898</v>
      </c>
      <c r="Q2729" s="53">
        <v>2788181551.6268501</v>
      </c>
      <c r="R2729" s="53">
        <v>2786613083.9282298</v>
      </c>
      <c r="S2729" s="53">
        <v>2775557948.1114101</v>
      </c>
      <c r="T2729" s="53">
        <v>2759873583.7783298</v>
      </c>
      <c r="U2729" s="53">
        <v>2736751109.8966298</v>
      </c>
      <c r="V2729" s="53">
        <v>2720225737.07055</v>
      </c>
      <c r="W2729" s="53">
        <v>2683477863.79778</v>
      </c>
      <c r="X2729" s="53">
        <v>2657960737.0732098</v>
      </c>
      <c r="Y2729" s="53">
        <v>2646110624.6729102</v>
      </c>
      <c r="Z2729" s="53">
        <v>2644594852.4624</v>
      </c>
      <c r="AA2729" s="53">
        <v>2785446192.25</v>
      </c>
      <c r="AB2729" s="53">
        <v>2619038462.2790298</v>
      </c>
      <c r="AC2729" s="53">
        <v>2599648041.03127</v>
      </c>
      <c r="AD2729" s="53">
        <v>2601763246.9545999</v>
      </c>
      <c r="AE2729" s="53">
        <v>2596022630.1195698</v>
      </c>
      <c r="AF2729" s="53">
        <v>2597942021.0622401</v>
      </c>
      <c r="AG2729" s="53">
        <v>2594052670.0527501</v>
      </c>
      <c r="AH2729" s="53">
        <v>2586011572.8497601</v>
      </c>
      <c r="AI2729" s="53">
        <v>2579017258.9769201</v>
      </c>
      <c r="AJ2729" s="53">
        <v>2554338694.4819102</v>
      </c>
      <c r="AK2729" s="53">
        <v>2552076493.6231699</v>
      </c>
      <c r="AL2729" s="53">
        <v>2552396214.53896</v>
      </c>
      <c r="AM2729" s="53">
        <v>2560495773.6840601</v>
      </c>
      <c r="AN2729" s="53">
        <v>2619038462.2790298</v>
      </c>
      <c r="AO2729" s="53">
        <v>2544091134.96454</v>
      </c>
      <c r="AP2729" s="53">
        <v>2551990976.8158302</v>
      </c>
      <c r="AQ2729" s="53">
        <v>2575983311.3571601</v>
      </c>
      <c r="AR2729" s="53">
        <v>2597539505.7655602</v>
      </c>
      <c r="AS2729" s="53">
        <v>2617407591.2308698</v>
      </c>
      <c r="AT2729" s="53">
        <v>2631157177.20017</v>
      </c>
      <c r="AU2729" s="53">
        <v>2647153404.5190001</v>
      </c>
      <c r="AV2729" s="53">
        <v>2660092723.6055198</v>
      </c>
      <c r="AW2729" s="53">
        <v>2659597811.5041699</v>
      </c>
      <c r="AX2729" s="53">
        <v>2676080169.79532</v>
      </c>
      <c r="AY2729" s="53">
        <v>2692677438.4347801</v>
      </c>
      <c r="AZ2729" s="53">
        <v>2714875613.3165898</v>
      </c>
      <c r="BA2729" s="53">
        <v>2544091134.96454</v>
      </c>
      <c r="BB2729" s="53">
        <v>2719465399.2239699</v>
      </c>
      <c r="BC2729" s="53">
        <v>2724951789.4324999</v>
      </c>
      <c r="BD2729" s="53">
        <v>2747106179.7000999</v>
      </c>
      <c r="BE2729" s="53">
        <v>2766176890.2323298</v>
      </c>
      <c r="BF2729" s="53">
        <v>2840269627.9507599</v>
      </c>
      <c r="BG2729" s="53">
        <v>2851612677.06918</v>
      </c>
      <c r="BH2729" s="53">
        <v>2921775034.7226901</v>
      </c>
      <c r="BI2729" s="53">
        <v>2932418885.5971398</v>
      </c>
      <c r="BJ2729" s="53">
        <v>2929801854.1379099</v>
      </c>
      <c r="BK2729" s="53">
        <v>2853134049.4082699</v>
      </c>
      <c r="BL2729" s="53">
        <v>2868460372.4643202</v>
      </c>
      <c r="BM2729" s="53">
        <v>2889786297.8094301</v>
      </c>
      <c r="BN2729" s="53">
        <v>2719465399.2239699</v>
      </c>
      <c r="BO2729" s="53">
        <v>2864392276.1732702</v>
      </c>
      <c r="BP2729" s="53">
        <v>2870937792.3758502</v>
      </c>
      <c r="BQ2729" s="53">
        <v>2894270185.7964201</v>
      </c>
      <c r="BR2729" s="53">
        <v>2909999618.7855802</v>
      </c>
      <c r="BS2729" s="53">
        <v>2985427909.3544798</v>
      </c>
      <c r="BT2729" s="53">
        <v>2996997513.9342499</v>
      </c>
      <c r="BU2729" s="53">
        <v>3067164585.7704101</v>
      </c>
      <c r="BV2729" s="53">
        <v>3077495332.4503498</v>
      </c>
      <c r="BW2729" s="53">
        <v>3074457353.16922</v>
      </c>
      <c r="BX2729" s="53">
        <v>3145892402.1810799</v>
      </c>
      <c r="BY2729" s="53">
        <v>3161059539.7339802</v>
      </c>
      <c r="BZ2729" s="53">
        <v>3180932396.0327601</v>
      </c>
      <c r="CA2729" s="53">
        <v>2864392276.1732702</v>
      </c>
      <c r="CB2729" s="53"/>
      <c r="CC2729" s="53"/>
      <c r="CD2729" s="53"/>
      <c r="CE2729" s="53"/>
      <c r="CF2729" s="53"/>
      <c r="CG2729" s="53"/>
      <c r="CH2729" s="53"/>
      <c r="CI2729" s="53"/>
      <c r="CJ2729" s="53"/>
      <c r="CK2729" s="53"/>
      <c r="CL2729" s="53"/>
      <c r="CM2729" s="53"/>
      <c r="CN2729" s="53"/>
    </row>
    <row r="2730" spans="1:92" outlineLevel="1">
      <c r="A2730" s="52" t="s">
        <v>699</v>
      </c>
      <c r="B2730" s="53"/>
      <c r="C2730" s="53"/>
      <c r="D2730" s="53"/>
      <c r="E2730" s="53"/>
      <c r="F2730" s="53"/>
      <c r="G2730" s="53"/>
      <c r="H2730" s="53"/>
      <c r="I2730" s="53"/>
      <c r="J2730" s="53"/>
      <c r="K2730" s="53"/>
      <c r="L2730" s="53"/>
      <c r="M2730" s="53"/>
      <c r="N2730" s="53"/>
      <c r="O2730" s="53"/>
      <c r="P2730" s="53"/>
      <c r="Q2730" s="53"/>
      <c r="R2730" s="53"/>
      <c r="S2730" s="53"/>
      <c r="T2730" s="53"/>
      <c r="U2730" s="53"/>
      <c r="V2730" s="53"/>
      <c r="W2730" s="53"/>
      <c r="X2730" s="53"/>
      <c r="Y2730" s="53"/>
      <c r="Z2730" s="53"/>
      <c r="AA2730" s="53"/>
      <c r="AB2730" s="53"/>
      <c r="AC2730" s="53"/>
      <c r="AD2730" s="53"/>
      <c r="AE2730" s="53"/>
      <c r="AF2730" s="53"/>
      <c r="AG2730" s="53"/>
      <c r="AH2730" s="53"/>
      <c r="AI2730" s="53"/>
      <c r="AJ2730" s="53"/>
      <c r="AK2730" s="53"/>
      <c r="AL2730" s="53"/>
      <c r="AM2730" s="53"/>
      <c r="AN2730" s="53"/>
      <c r="AO2730" s="53"/>
      <c r="AP2730" s="53"/>
      <c r="AQ2730" s="53"/>
      <c r="AR2730" s="53"/>
      <c r="AS2730" s="53"/>
      <c r="AT2730" s="53"/>
      <c r="AU2730" s="53"/>
      <c r="AV2730" s="53"/>
      <c r="AW2730" s="53"/>
      <c r="AX2730" s="53"/>
      <c r="AY2730" s="53"/>
      <c r="AZ2730" s="53"/>
      <c r="BA2730" s="53"/>
      <c r="BB2730" s="53"/>
      <c r="BC2730" s="53"/>
      <c r="BD2730" s="53"/>
      <c r="BE2730" s="53"/>
      <c r="BF2730" s="53"/>
      <c r="BG2730" s="53"/>
      <c r="BH2730" s="53"/>
      <c r="BI2730" s="53"/>
      <c r="BJ2730" s="53"/>
      <c r="BK2730" s="53"/>
      <c r="BL2730" s="53"/>
      <c r="BM2730" s="53"/>
      <c r="BN2730" s="53"/>
      <c r="BO2730" s="53"/>
      <c r="BP2730" s="53"/>
      <c r="BQ2730" s="53"/>
      <c r="BR2730" s="53"/>
      <c r="BS2730" s="53"/>
      <c r="BT2730" s="53"/>
      <c r="BU2730" s="53"/>
      <c r="BV2730" s="53"/>
      <c r="BW2730" s="53"/>
      <c r="BX2730" s="53"/>
      <c r="BY2730" s="53"/>
      <c r="BZ2730" s="53"/>
      <c r="CA2730" s="53"/>
      <c r="CB2730" s="53"/>
      <c r="CC2730" s="53"/>
      <c r="CD2730" s="53"/>
      <c r="CE2730" s="53"/>
      <c r="CF2730" s="53"/>
      <c r="CG2730" s="53"/>
      <c r="CH2730" s="53"/>
      <c r="CI2730" s="53"/>
      <c r="CJ2730" s="53"/>
      <c r="CK2730" s="53"/>
      <c r="CL2730" s="53"/>
      <c r="CM2730" s="53"/>
      <c r="CN2730" s="53"/>
    </row>
    <row r="2731" spans="1:92" outlineLevel="1">
      <c r="A2731" s="52" t="s">
        <v>700</v>
      </c>
      <c r="B2731" s="53"/>
      <c r="C2731" s="53"/>
      <c r="D2731" s="53"/>
      <c r="E2731" s="53"/>
      <c r="F2731" s="53"/>
      <c r="G2731" s="53"/>
      <c r="H2731" s="53"/>
      <c r="I2731" s="53"/>
      <c r="J2731" s="53"/>
      <c r="K2731" s="53"/>
      <c r="L2731" s="53"/>
      <c r="M2731" s="53"/>
      <c r="N2731" s="53"/>
      <c r="O2731" s="53"/>
      <c r="P2731" s="53"/>
      <c r="Q2731" s="53"/>
      <c r="R2731" s="53"/>
      <c r="S2731" s="53"/>
      <c r="T2731" s="53"/>
      <c r="U2731" s="53"/>
      <c r="V2731" s="53"/>
      <c r="W2731" s="53"/>
      <c r="X2731" s="53"/>
      <c r="Y2731" s="53"/>
      <c r="Z2731" s="53"/>
      <c r="AA2731" s="53"/>
      <c r="AB2731" s="53"/>
      <c r="AC2731" s="53"/>
      <c r="AD2731" s="53"/>
      <c r="AE2731" s="53"/>
      <c r="AF2731" s="53"/>
      <c r="AG2731" s="53"/>
      <c r="AH2731" s="53"/>
      <c r="AI2731" s="53"/>
      <c r="AJ2731" s="53"/>
      <c r="AK2731" s="53"/>
      <c r="AL2731" s="53"/>
      <c r="AM2731" s="53"/>
      <c r="AN2731" s="53"/>
      <c r="AO2731" s="53"/>
      <c r="AP2731" s="53"/>
      <c r="AQ2731" s="53"/>
      <c r="AR2731" s="53"/>
      <c r="AS2731" s="53"/>
      <c r="AT2731" s="53"/>
      <c r="AU2731" s="53"/>
      <c r="AV2731" s="53"/>
      <c r="AW2731" s="53"/>
      <c r="AX2731" s="53"/>
      <c r="AY2731" s="53"/>
      <c r="AZ2731" s="53"/>
      <c r="BA2731" s="53"/>
      <c r="BB2731" s="53"/>
      <c r="BC2731" s="53"/>
      <c r="BD2731" s="53"/>
      <c r="BE2731" s="53"/>
      <c r="BF2731" s="53"/>
      <c r="BG2731" s="53"/>
      <c r="BH2731" s="53"/>
      <c r="BI2731" s="53"/>
      <c r="BJ2731" s="53"/>
      <c r="BK2731" s="53"/>
      <c r="BL2731" s="53"/>
      <c r="BM2731" s="53"/>
      <c r="BN2731" s="53"/>
      <c r="BO2731" s="53"/>
      <c r="BP2731" s="53"/>
      <c r="BQ2731" s="53"/>
      <c r="BR2731" s="53"/>
      <c r="BS2731" s="53"/>
      <c r="BT2731" s="53"/>
      <c r="BU2731" s="53"/>
      <c r="BV2731" s="53"/>
      <c r="BW2731" s="53"/>
      <c r="BX2731" s="53"/>
      <c r="BY2731" s="53"/>
      <c r="BZ2731" s="53"/>
      <c r="CA2731" s="53"/>
      <c r="CB2731" s="53">
        <v>-650000000</v>
      </c>
      <c r="CC2731" s="53"/>
      <c r="CD2731" s="53"/>
      <c r="CE2731" s="53"/>
      <c r="CF2731" s="53"/>
      <c r="CG2731" s="53"/>
      <c r="CH2731" s="53"/>
      <c r="CI2731" s="53"/>
      <c r="CJ2731" s="53"/>
      <c r="CK2731" s="53"/>
      <c r="CL2731" s="53"/>
      <c r="CM2731" s="53"/>
      <c r="CN2731" s="53">
        <v>-650000000</v>
      </c>
    </row>
    <row r="2732" spans="1:92" outlineLevel="1">
      <c r="A2732" s="52" t="s">
        <v>1682</v>
      </c>
      <c r="B2732" s="53"/>
      <c r="C2732" s="53"/>
      <c r="D2732" s="53"/>
      <c r="E2732" s="53"/>
      <c r="F2732" s="53"/>
      <c r="G2732" s="53"/>
      <c r="H2732" s="53"/>
      <c r="I2732" s="53"/>
      <c r="J2732" s="53"/>
      <c r="K2732" s="53"/>
      <c r="L2732" s="53"/>
      <c r="M2732" s="53"/>
      <c r="N2732" s="53"/>
      <c r="O2732" s="53"/>
      <c r="P2732" s="53"/>
      <c r="Q2732" s="53"/>
      <c r="R2732" s="53"/>
      <c r="S2732" s="53"/>
      <c r="T2732" s="53"/>
      <c r="U2732" s="53"/>
      <c r="V2732" s="53"/>
      <c r="W2732" s="53"/>
      <c r="X2732" s="53"/>
      <c r="Y2732" s="53"/>
      <c r="Z2732" s="53"/>
      <c r="AA2732" s="53"/>
      <c r="AB2732" s="53"/>
      <c r="AC2732" s="53"/>
      <c r="AD2732" s="53"/>
      <c r="AE2732" s="53"/>
      <c r="AF2732" s="53"/>
      <c r="AG2732" s="53"/>
      <c r="AH2732" s="53"/>
      <c r="AI2732" s="53"/>
      <c r="AJ2732" s="53"/>
      <c r="AK2732" s="53"/>
      <c r="AL2732" s="53"/>
      <c r="AM2732" s="53"/>
      <c r="AN2732" s="53"/>
      <c r="AO2732" s="53"/>
      <c r="AP2732" s="53"/>
      <c r="AQ2732" s="53"/>
      <c r="AR2732" s="53"/>
      <c r="AS2732" s="53"/>
      <c r="AT2732" s="53"/>
      <c r="AU2732" s="53"/>
      <c r="AV2732" s="53"/>
      <c r="AW2732" s="53"/>
      <c r="AX2732" s="53"/>
      <c r="AY2732" s="53"/>
      <c r="AZ2732" s="53"/>
      <c r="BA2732" s="53"/>
      <c r="BB2732" s="53"/>
      <c r="BC2732" s="53"/>
      <c r="BD2732" s="53"/>
      <c r="BE2732" s="53"/>
      <c r="BF2732" s="53"/>
      <c r="BG2732" s="53"/>
      <c r="BH2732" s="53"/>
      <c r="BI2732" s="53"/>
      <c r="BJ2732" s="53"/>
      <c r="BK2732" s="53"/>
      <c r="BL2732" s="53"/>
      <c r="BM2732" s="53"/>
      <c r="BN2732" s="53"/>
      <c r="BO2732" s="53"/>
      <c r="BP2732" s="53"/>
      <c r="BQ2732" s="53"/>
      <c r="BR2732" s="53"/>
      <c r="BS2732" s="53"/>
      <c r="BT2732" s="53"/>
      <c r="BU2732" s="53"/>
      <c r="BV2732" s="53"/>
      <c r="BW2732" s="53"/>
      <c r="BX2732" s="53"/>
      <c r="BY2732" s="53"/>
      <c r="BZ2732" s="53"/>
      <c r="CA2732" s="53"/>
      <c r="CB2732" s="53"/>
      <c r="CC2732" s="53"/>
      <c r="CD2732" s="53"/>
      <c r="CE2732" s="53"/>
      <c r="CF2732" s="53"/>
      <c r="CG2732" s="53"/>
      <c r="CH2732" s="53"/>
      <c r="CI2732" s="53"/>
      <c r="CJ2732" s="53"/>
      <c r="CK2732" s="53"/>
      <c r="CL2732" s="53"/>
      <c r="CM2732" s="53"/>
      <c r="CN2732" s="53"/>
    </row>
    <row r="2733" spans="1:92" outlineLevel="1">
      <c r="A2733" s="52" t="s">
        <v>649</v>
      </c>
      <c r="B2733" s="53"/>
      <c r="C2733" s="53"/>
      <c r="D2733" s="53"/>
      <c r="E2733" s="53"/>
      <c r="F2733" s="53"/>
      <c r="G2733" s="53"/>
      <c r="H2733" s="53"/>
      <c r="I2733" s="53"/>
      <c r="J2733" s="53"/>
      <c r="K2733" s="53"/>
      <c r="L2733" s="53"/>
      <c r="M2733" s="53"/>
      <c r="N2733" s="53"/>
      <c r="O2733" s="53"/>
      <c r="P2733" s="53"/>
      <c r="Q2733" s="53"/>
      <c r="R2733" s="53"/>
      <c r="S2733" s="53"/>
      <c r="T2733" s="53"/>
      <c r="U2733" s="53"/>
      <c r="V2733" s="53"/>
      <c r="W2733" s="53"/>
      <c r="X2733" s="53"/>
      <c r="Y2733" s="53"/>
      <c r="Z2733" s="53"/>
      <c r="AA2733" s="53"/>
      <c r="AB2733" s="53"/>
      <c r="AC2733" s="53"/>
      <c r="AD2733" s="53"/>
      <c r="AE2733" s="53"/>
      <c r="AF2733" s="53"/>
      <c r="AG2733" s="53"/>
      <c r="AH2733" s="53"/>
      <c r="AI2733" s="53"/>
      <c r="AJ2733" s="53"/>
      <c r="AK2733" s="53"/>
      <c r="AL2733" s="53"/>
      <c r="AM2733" s="53"/>
      <c r="AN2733" s="53"/>
      <c r="AO2733" s="53"/>
      <c r="AP2733" s="53"/>
      <c r="AQ2733" s="53"/>
      <c r="AR2733" s="53"/>
      <c r="AS2733" s="53"/>
      <c r="AT2733" s="53"/>
      <c r="AU2733" s="53"/>
      <c r="AV2733" s="53"/>
      <c r="AW2733" s="53"/>
      <c r="AX2733" s="53"/>
      <c r="AY2733" s="53"/>
      <c r="AZ2733" s="53"/>
      <c r="BA2733" s="53"/>
      <c r="BB2733" s="53"/>
      <c r="BC2733" s="53"/>
      <c r="BD2733" s="53"/>
      <c r="BE2733" s="53"/>
      <c r="BF2733" s="53"/>
      <c r="BG2733" s="53"/>
      <c r="BH2733" s="53"/>
      <c r="BI2733" s="53"/>
      <c r="BJ2733" s="53"/>
      <c r="BK2733" s="53"/>
      <c r="BL2733" s="53"/>
      <c r="BM2733" s="53"/>
      <c r="BN2733" s="53"/>
      <c r="BO2733" s="53"/>
      <c r="BP2733" s="53"/>
      <c r="BQ2733" s="53"/>
      <c r="BR2733" s="53"/>
      <c r="BS2733" s="53"/>
      <c r="BT2733" s="53"/>
      <c r="BU2733" s="53"/>
      <c r="BV2733" s="53"/>
      <c r="BW2733" s="53"/>
      <c r="BX2733" s="53"/>
      <c r="BY2733" s="53"/>
      <c r="BZ2733" s="53">
        <v>-15115948.009687001</v>
      </c>
      <c r="CA2733" s="53">
        <v>-15115948.009687001</v>
      </c>
      <c r="CB2733" s="53"/>
      <c r="CC2733" s="53"/>
      <c r="CD2733" s="53"/>
      <c r="CE2733" s="53"/>
      <c r="CF2733" s="53"/>
      <c r="CG2733" s="53"/>
      <c r="CH2733" s="53"/>
      <c r="CI2733" s="53"/>
      <c r="CJ2733" s="53"/>
      <c r="CK2733" s="53"/>
      <c r="CL2733" s="53"/>
      <c r="CM2733" s="53"/>
      <c r="CN2733" s="53"/>
    </row>
    <row r="2734" spans="1:92" outlineLevel="1">
      <c r="A2734" s="52" t="s">
        <v>1365</v>
      </c>
      <c r="B2734" s="53"/>
      <c r="C2734" s="53"/>
      <c r="D2734" s="53"/>
      <c r="E2734" s="53"/>
      <c r="F2734" s="53"/>
      <c r="G2734" s="53"/>
      <c r="H2734" s="53"/>
      <c r="I2734" s="53"/>
      <c r="J2734" s="53"/>
      <c r="K2734" s="53"/>
      <c r="L2734" s="53"/>
      <c r="M2734" s="53"/>
      <c r="N2734" s="53"/>
      <c r="O2734" s="53"/>
      <c r="P2734" s="53"/>
      <c r="Q2734" s="53"/>
      <c r="R2734" s="53"/>
      <c r="S2734" s="53"/>
      <c r="T2734" s="53"/>
      <c r="U2734" s="53"/>
      <c r="V2734" s="53"/>
      <c r="W2734" s="53"/>
      <c r="X2734" s="53"/>
      <c r="Y2734" s="53"/>
      <c r="Z2734" s="53"/>
      <c r="AA2734" s="53"/>
      <c r="AB2734" s="53"/>
      <c r="AC2734" s="53"/>
      <c r="AD2734" s="53"/>
      <c r="AE2734" s="53"/>
      <c r="AF2734" s="53"/>
      <c r="AG2734" s="53"/>
      <c r="AH2734" s="53"/>
      <c r="AI2734" s="53"/>
      <c r="AJ2734" s="53"/>
      <c r="AK2734" s="53"/>
      <c r="AL2734" s="53"/>
      <c r="AM2734" s="53"/>
      <c r="AN2734" s="53"/>
      <c r="AO2734" s="53"/>
      <c r="AP2734" s="53"/>
      <c r="AQ2734" s="53"/>
      <c r="AR2734" s="53"/>
      <c r="AS2734" s="53"/>
      <c r="AT2734" s="53"/>
      <c r="AU2734" s="53"/>
      <c r="AV2734" s="53"/>
      <c r="AW2734" s="53"/>
      <c r="AX2734" s="53"/>
      <c r="AY2734" s="53"/>
      <c r="AZ2734" s="53"/>
      <c r="BA2734" s="53"/>
      <c r="BB2734" s="53"/>
      <c r="BC2734" s="53"/>
      <c r="BD2734" s="53"/>
      <c r="BE2734" s="53"/>
      <c r="BF2734" s="53"/>
      <c r="BG2734" s="53"/>
      <c r="BH2734" s="53"/>
      <c r="BI2734" s="53"/>
      <c r="BJ2734" s="53"/>
      <c r="BK2734" s="53"/>
      <c r="BL2734" s="53"/>
      <c r="BM2734" s="53"/>
      <c r="BN2734" s="53"/>
      <c r="BO2734" s="53"/>
      <c r="BP2734" s="53"/>
      <c r="BQ2734" s="53"/>
      <c r="BR2734" s="53"/>
      <c r="BS2734" s="53"/>
      <c r="BT2734" s="53"/>
      <c r="BU2734" s="53"/>
      <c r="BV2734" s="53"/>
      <c r="BW2734" s="53"/>
      <c r="BX2734" s="53"/>
      <c r="BY2734" s="53"/>
      <c r="BZ2734" s="53"/>
      <c r="CA2734" s="53"/>
      <c r="CB2734" s="53"/>
      <c r="CC2734" s="53"/>
      <c r="CD2734" s="53"/>
      <c r="CE2734" s="53"/>
      <c r="CF2734" s="53"/>
      <c r="CG2734" s="53"/>
      <c r="CH2734" s="53"/>
      <c r="CI2734" s="53"/>
      <c r="CJ2734" s="53"/>
      <c r="CK2734" s="53"/>
      <c r="CL2734" s="53"/>
      <c r="CM2734" s="53"/>
      <c r="CN2734" s="53"/>
    </row>
    <row r="2735" spans="1:92" outlineLevel="1">
      <c r="A2735" s="52" t="s">
        <v>1367</v>
      </c>
      <c r="B2735" s="53"/>
      <c r="C2735" s="53"/>
      <c r="D2735" s="53"/>
      <c r="E2735" s="53"/>
      <c r="F2735" s="53"/>
      <c r="G2735" s="53"/>
      <c r="H2735" s="53"/>
      <c r="I2735" s="53"/>
      <c r="J2735" s="53"/>
      <c r="K2735" s="53"/>
      <c r="L2735" s="53"/>
      <c r="M2735" s="53"/>
      <c r="N2735" s="53"/>
      <c r="O2735" s="53"/>
      <c r="P2735" s="53"/>
      <c r="Q2735" s="53"/>
      <c r="R2735" s="53"/>
      <c r="S2735" s="53"/>
      <c r="T2735" s="53"/>
      <c r="U2735" s="53"/>
      <c r="V2735" s="53"/>
      <c r="W2735" s="53"/>
      <c r="X2735" s="53"/>
      <c r="Y2735" s="53"/>
      <c r="Z2735" s="53"/>
      <c r="AA2735" s="53"/>
      <c r="AB2735" s="53"/>
      <c r="AC2735" s="53"/>
      <c r="AD2735" s="53"/>
      <c r="AE2735" s="53"/>
      <c r="AF2735" s="53"/>
      <c r="AG2735" s="53"/>
      <c r="AH2735" s="53"/>
      <c r="AI2735" s="53"/>
      <c r="AJ2735" s="53"/>
      <c r="AK2735" s="53"/>
      <c r="AL2735" s="53"/>
      <c r="AM2735" s="53"/>
      <c r="AN2735" s="53"/>
      <c r="AO2735" s="53"/>
      <c r="AP2735" s="53"/>
      <c r="AQ2735" s="53"/>
      <c r="AR2735" s="53"/>
      <c r="AS2735" s="53"/>
      <c r="AT2735" s="53"/>
      <c r="AU2735" s="53"/>
      <c r="AV2735" s="53"/>
      <c r="AW2735" s="53"/>
      <c r="AX2735" s="53"/>
      <c r="AY2735" s="53"/>
      <c r="AZ2735" s="53"/>
      <c r="BA2735" s="53"/>
      <c r="BB2735" s="53"/>
      <c r="BC2735" s="53"/>
      <c r="BD2735" s="53"/>
      <c r="BE2735" s="53"/>
      <c r="BF2735" s="53"/>
      <c r="BG2735" s="53"/>
      <c r="BH2735" s="53"/>
      <c r="BI2735" s="53"/>
      <c r="BJ2735" s="53"/>
      <c r="BK2735" s="53"/>
      <c r="BL2735" s="53"/>
      <c r="BM2735" s="53"/>
      <c r="BN2735" s="53"/>
      <c r="BO2735" s="53"/>
      <c r="BP2735" s="53"/>
      <c r="BQ2735" s="53"/>
      <c r="BR2735" s="53"/>
      <c r="BS2735" s="53"/>
      <c r="BT2735" s="53"/>
      <c r="BU2735" s="53"/>
      <c r="BV2735" s="53"/>
      <c r="BW2735" s="53"/>
      <c r="BX2735" s="53"/>
      <c r="BY2735" s="53"/>
      <c r="BZ2735" s="53"/>
      <c r="CA2735" s="53"/>
      <c r="CB2735" s="53"/>
      <c r="CC2735" s="53"/>
      <c r="CD2735" s="53"/>
      <c r="CE2735" s="53"/>
      <c r="CF2735" s="53"/>
      <c r="CG2735" s="53"/>
      <c r="CH2735" s="53"/>
      <c r="CI2735" s="53"/>
      <c r="CJ2735" s="53"/>
      <c r="CK2735" s="53"/>
      <c r="CL2735" s="53"/>
      <c r="CM2735" s="53"/>
      <c r="CN2735" s="53"/>
    </row>
    <row r="2736" spans="1:92" outlineLevel="1">
      <c r="A2736" s="52" t="s">
        <v>649</v>
      </c>
      <c r="B2736" s="53"/>
      <c r="C2736" s="53"/>
      <c r="D2736" s="53"/>
      <c r="E2736" s="53"/>
      <c r="F2736" s="53"/>
      <c r="G2736" s="53"/>
      <c r="H2736" s="53"/>
      <c r="I2736" s="53"/>
      <c r="J2736" s="53"/>
      <c r="K2736" s="53"/>
      <c r="L2736" s="53"/>
      <c r="M2736" s="53"/>
      <c r="N2736" s="53"/>
      <c r="O2736" s="53"/>
      <c r="P2736" s="53"/>
      <c r="Q2736" s="53"/>
      <c r="R2736" s="53"/>
      <c r="S2736" s="53"/>
      <c r="T2736" s="53"/>
      <c r="U2736" s="53"/>
      <c r="V2736" s="53"/>
      <c r="W2736" s="53"/>
      <c r="X2736" s="53"/>
      <c r="Y2736" s="53"/>
      <c r="Z2736" s="53">
        <v>-2452678.4923239001</v>
      </c>
      <c r="AA2736" s="53">
        <v>-2452678.4923239001</v>
      </c>
      <c r="AB2736" s="53"/>
      <c r="AC2736" s="53"/>
      <c r="AD2736" s="53"/>
      <c r="AE2736" s="53"/>
      <c r="AF2736" s="53"/>
      <c r="AG2736" s="53"/>
      <c r="AH2736" s="53"/>
      <c r="AI2736" s="53"/>
      <c r="AJ2736" s="53"/>
      <c r="AK2736" s="53"/>
      <c r="AL2736" s="53"/>
      <c r="AM2736" s="53">
        <v>-12211613.409646699</v>
      </c>
      <c r="AN2736" s="53">
        <v>-12211613.409646699</v>
      </c>
      <c r="AO2736" s="53"/>
      <c r="AP2736" s="53"/>
      <c r="AQ2736" s="53"/>
      <c r="AR2736" s="53"/>
      <c r="AS2736" s="53"/>
      <c r="AT2736" s="53"/>
      <c r="AU2736" s="53"/>
      <c r="AV2736" s="53"/>
      <c r="AW2736" s="53"/>
      <c r="AX2736" s="53"/>
      <c r="AY2736" s="53"/>
      <c r="AZ2736" s="53">
        <v>-1032080.95795413</v>
      </c>
      <c r="BA2736" s="53">
        <v>-1032080.95795413</v>
      </c>
      <c r="BB2736" s="53"/>
      <c r="BC2736" s="53"/>
      <c r="BD2736" s="53"/>
      <c r="BE2736" s="53"/>
      <c r="BF2736" s="53"/>
      <c r="BG2736" s="53"/>
      <c r="BH2736" s="53"/>
      <c r="BI2736" s="53"/>
      <c r="BJ2736" s="53"/>
      <c r="BK2736" s="53"/>
      <c r="BL2736" s="53"/>
      <c r="BM2736" s="53"/>
      <c r="BN2736" s="53"/>
      <c r="BO2736" s="53"/>
      <c r="BP2736" s="53"/>
      <c r="BQ2736" s="53"/>
      <c r="BR2736" s="53"/>
      <c r="BS2736" s="53"/>
      <c r="BT2736" s="53"/>
      <c r="BU2736" s="53"/>
      <c r="BV2736" s="53"/>
      <c r="BW2736" s="53"/>
      <c r="BX2736" s="53"/>
      <c r="BY2736" s="53"/>
      <c r="BZ2736" s="53">
        <v>-55635372.030196197</v>
      </c>
      <c r="CA2736" s="53">
        <v>-55635372.030196197</v>
      </c>
      <c r="CB2736" s="53"/>
      <c r="CC2736" s="53"/>
      <c r="CD2736" s="53"/>
      <c r="CE2736" s="53"/>
      <c r="CF2736" s="53"/>
      <c r="CG2736" s="53"/>
      <c r="CH2736" s="53"/>
      <c r="CI2736" s="53"/>
      <c r="CJ2736" s="53"/>
      <c r="CK2736" s="53"/>
      <c r="CL2736" s="53"/>
      <c r="CM2736" s="53"/>
      <c r="CN2736" s="53"/>
    </row>
    <row r="2737" spans="1:92" outlineLevel="1">
      <c r="A2737" s="52" t="s">
        <v>1683</v>
      </c>
      <c r="B2737" s="53"/>
      <c r="C2737" s="53"/>
      <c r="D2737" s="53"/>
      <c r="E2737" s="53"/>
      <c r="F2737" s="53"/>
      <c r="G2737" s="53"/>
      <c r="H2737" s="53"/>
      <c r="I2737" s="53"/>
      <c r="J2737" s="53"/>
      <c r="K2737" s="53"/>
      <c r="L2737" s="53"/>
      <c r="M2737" s="53"/>
      <c r="N2737" s="53"/>
      <c r="O2737" s="53"/>
      <c r="P2737" s="53"/>
      <c r="Q2737" s="53"/>
      <c r="R2737" s="53"/>
      <c r="S2737" s="53"/>
      <c r="T2737" s="53"/>
      <c r="U2737" s="53"/>
      <c r="V2737" s="53"/>
      <c r="W2737" s="53"/>
      <c r="X2737" s="53"/>
      <c r="Y2737" s="53"/>
      <c r="Z2737" s="53"/>
      <c r="AA2737" s="53"/>
      <c r="AB2737" s="53"/>
      <c r="AC2737" s="53"/>
      <c r="AD2737" s="53"/>
      <c r="AE2737" s="53"/>
      <c r="AF2737" s="53"/>
      <c r="AG2737" s="53"/>
      <c r="AH2737" s="53"/>
      <c r="AI2737" s="53"/>
      <c r="AJ2737" s="53"/>
      <c r="AK2737" s="53"/>
      <c r="AL2737" s="53"/>
      <c r="AM2737" s="53"/>
      <c r="AN2737" s="53"/>
      <c r="AO2737" s="53"/>
      <c r="AP2737" s="53"/>
      <c r="AQ2737" s="53"/>
      <c r="AR2737" s="53"/>
      <c r="AS2737" s="53"/>
      <c r="AT2737" s="53"/>
      <c r="AU2737" s="53"/>
      <c r="AV2737" s="53"/>
      <c r="AW2737" s="53"/>
      <c r="AX2737" s="53"/>
      <c r="AY2737" s="53"/>
      <c r="AZ2737" s="53"/>
      <c r="BA2737" s="53"/>
      <c r="BB2737" s="53"/>
      <c r="BC2737" s="53"/>
      <c r="BD2737" s="53"/>
      <c r="BE2737" s="53"/>
      <c r="BF2737" s="53"/>
      <c r="BG2737" s="53"/>
      <c r="BH2737" s="53"/>
      <c r="BI2737" s="53"/>
      <c r="BJ2737" s="53"/>
      <c r="BK2737" s="53"/>
      <c r="BL2737" s="53"/>
      <c r="BM2737" s="53"/>
      <c r="BN2737" s="53"/>
      <c r="BO2737" s="53"/>
      <c r="BP2737" s="53"/>
      <c r="BQ2737" s="53"/>
      <c r="BR2737" s="53"/>
      <c r="BS2737" s="53"/>
      <c r="BT2737" s="53"/>
      <c r="BU2737" s="53"/>
      <c r="BV2737" s="53"/>
      <c r="BW2737" s="53"/>
      <c r="BX2737" s="53"/>
      <c r="BY2737" s="53"/>
      <c r="BZ2737" s="53"/>
      <c r="CA2737" s="53"/>
      <c r="CB2737" s="53"/>
      <c r="CC2737" s="53"/>
      <c r="CD2737" s="53"/>
      <c r="CE2737" s="53"/>
      <c r="CF2737" s="53"/>
      <c r="CG2737" s="53"/>
      <c r="CH2737" s="53"/>
      <c r="CI2737" s="53"/>
      <c r="CJ2737" s="53"/>
      <c r="CK2737" s="53"/>
      <c r="CL2737" s="53"/>
      <c r="CM2737" s="53"/>
      <c r="CN2737" s="53"/>
    </row>
    <row r="2738" spans="1:92" outlineLevel="1">
      <c r="A2738" s="52" t="s">
        <v>649</v>
      </c>
      <c r="B2738" s="53"/>
      <c r="C2738" s="53"/>
      <c r="D2738" s="53">
        <v>5742246</v>
      </c>
      <c r="E2738" s="53"/>
      <c r="F2738" s="53"/>
      <c r="G2738" s="53">
        <v>5742246</v>
      </c>
      <c r="H2738" s="53"/>
      <c r="I2738" s="53"/>
      <c r="J2738" s="53">
        <v>5742246</v>
      </c>
      <c r="K2738" s="53"/>
      <c r="L2738" s="53">
        <v>3828164</v>
      </c>
      <c r="M2738" s="53">
        <v>22968984</v>
      </c>
      <c r="N2738" s="53">
        <v>44023886</v>
      </c>
      <c r="O2738" s="53">
        <v>1722498.58333333</v>
      </c>
      <c r="P2738" s="53">
        <v>1722498.58333333</v>
      </c>
      <c r="Q2738" s="53">
        <v>1722498.58333333</v>
      </c>
      <c r="R2738" s="53">
        <v>1722498.58333333</v>
      </c>
      <c r="S2738" s="53">
        <v>1722498.58333333</v>
      </c>
      <c r="T2738" s="53">
        <v>1722498.58333333</v>
      </c>
      <c r="U2738" s="53">
        <v>1722498.58333333</v>
      </c>
      <c r="V2738" s="53">
        <v>1722498.58333333</v>
      </c>
      <c r="W2738" s="53">
        <v>1722498.58333333</v>
      </c>
      <c r="X2738" s="53">
        <v>1722498.58333333</v>
      </c>
      <c r="Y2738" s="53">
        <v>1722498.58333333</v>
      </c>
      <c r="Z2738" s="53">
        <v>1722498.58333333</v>
      </c>
      <c r="AA2738" s="53">
        <v>20669983</v>
      </c>
      <c r="AB2738" s="53">
        <v>1758987.74999999</v>
      </c>
      <c r="AC2738" s="53">
        <v>1758987.74999999</v>
      </c>
      <c r="AD2738" s="53">
        <v>1758987.74999999</v>
      </c>
      <c r="AE2738" s="53">
        <v>1758987.74999999</v>
      </c>
      <c r="AF2738" s="53">
        <v>1758987.74999999</v>
      </c>
      <c r="AG2738" s="53">
        <v>1758987.74999999</v>
      </c>
      <c r="AH2738" s="53">
        <v>1758987.74999999</v>
      </c>
      <c r="AI2738" s="53">
        <v>1758987.74999999</v>
      </c>
      <c r="AJ2738" s="53">
        <v>1758987.74999999</v>
      </c>
      <c r="AK2738" s="53">
        <v>1758987.74999999</v>
      </c>
      <c r="AL2738" s="53">
        <v>1758987.74999999</v>
      </c>
      <c r="AM2738" s="53">
        <v>1758987.74999999</v>
      </c>
      <c r="AN2738" s="53">
        <v>21107853</v>
      </c>
      <c r="AO2738" s="53">
        <v>1792607.99999999</v>
      </c>
      <c r="AP2738" s="53">
        <v>1792607.99999999</v>
      </c>
      <c r="AQ2738" s="53">
        <v>1792607.99999999</v>
      </c>
      <c r="AR2738" s="53">
        <v>1792607.99999999</v>
      </c>
      <c r="AS2738" s="53">
        <v>1792607.99999999</v>
      </c>
      <c r="AT2738" s="53">
        <v>1792607.99999999</v>
      </c>
      <c r="AU2738" s="53">
        <v>1792607.99999999</v>
      </c>
      <c r="AV2738" s="53">
        <v>1792607.99999999</v>
      </c>
      <c r="AW2738" s="53">
        <v>1792607.99999999</v>
      </c>
      <c r="AX2738" s="53">
        <v>1792607.99999999</v>
      </c>
      <c r="AY2738" s="53">
        <v>1792607.99999999</v>
      </c>
      <c r="AZ2738" s="53">
        <v>1792607.99999999</v>
      </c>
      <c r="BA2738" s="53">
        <v>21511296</v>
      </c>
      <c r="BB2738" s="53">
        <v>1874453.91666666</v>
      </c>
      <c r="BC2738" s="53">
        <v>1874453.91666666</v>
      </c>
      <c r="BD2738" s="53">
        <v>1874453.91666666</v>
      </c>
      <c r="BE2738" s="53">
        <v>1874453.91666666</v>
      </c>
      <c r="BF2738" s="53">
        <v>1874453.91666666</v>
      </c>
      <c r="BG2738" s="53">
        <v>1874453.91666666</v>
      </c>
      <c r="BH2738" s="53">
        <v>1874453.91666666</v>
      </c>
      <c r="BI2738" s="53">
        <v>1874453.91666666</v>
      </c>
      <c r="BJ2738" s="53">
        <v>1874453.91666666</v>
      </c>
      <c r="BK2738" s="53">
        <v>1874453.91666666</v>
      </c>
      <c r="BL2738" s="53">
        <v>1874453.91666666</v>
      </c>
      <c r="BM2738" s="53">
        <v>1874453.91666666</v>
      </c>
      <c r="BN2738" s="53">
        <v>22493446.999999899</v>
      </c>
      <c r="BO2738" s="53">
        <v>1905986.91666666</v>
      </c>
      <c r="BP2738" s="53">
        <v>1905986.91666666</v>
      </c>
      <c r="BQ2738" s="53">
        <v>1905986.91666666</v>
      </c>
      <c r="BR2738" s="53">
        <v>1905986.91666666</v>
      </c>
      <c r="BS2738" s="53">
        <v>1905986.91666666</v>
      </c>
      <c r="BT2738" s="53">
        <v>1905986.91666666</v>
      </c>
      <c r="BU2738" s="53">
        <v>1905986.91666666</v>
      </c>
      <c r="BV2738" s="53">
        <v>1905986.91666666</v>
      </c>
      <c r="BW2738" s="53">
        <v>1905986.91666666</v>
      </c>
      <c r="BX2738" s="53">
        <v>1905986.91666666</v>
      </c>
      <c r="BY2738" s="53">
        <v>1905986.91666666</v>
      </c>
      <c r="BZ2738" s="53">
        <v>1905986.91666666</v>
      </c>
      <c r="CA2738" s="53">
        <v>22871843</v>
      </c>
      <c r="CB2738" s="53"/>
      <c r="CC2738" s="53"/>
      <c r="CD2738" s="53"/>
      <c r="CE2738" s="53"/>
      <c r="CF2738" s="53"/>
      <c r="CG2738" s="53"/>
      <c r="CH2738" s="53"/>
      <c r="CI2738" s="53"/>
      <c r="CJ2738" s="53"/>
      <c r="CK2738" s="53"/>
      <c r="CL2738" s="53"/>
      <c r="CM2738" s="53"/>
      <c r="CN2738" s="53"/>
    </row>
    <row r="2739" spans="1:92" outlineLevel="1">
      <c r="A2739" s="52" t="s">
        <v>1684</v>
      </c>
      <c r="B2739" s="53"/>
      <c r="C2739" s="53"/>
      <c r="D2739" s="53"/>
      <c r="E2739" s="53"/>
      <c r="F2739" s="53"/>
      <c r="G2739" s="53"/>
      <c r="H2739" s="53"/>
      <c r="I2739" s="53"/>
      <c r="J2739" s="53"/>
      <c r="K2739" s="53"/>
      <c r="L2739" s="53"/>
      <c r="M2739" s="53"/>
      <c r="N2739" s="53"/>
      <c r="O2739" s="53"/>
      <c r="P2739" s="53"/>
      <c r="Q2739" s="53"/>
      <c r="R2739" s="53"/>
      <c r="S2739" s="53"/>
      <c r="T2739" s="53"/>
      <c r="U2739" s="53"/>
      <c r="V2739" s="53"/>
      <c r="W2739" s="53"/>
      <c r="X2739" s="53"/>
      <c r="Y2739" s="53"/>
      <c r="Z2739" s="53"/>
      <c r="AA2739" s="53"/>
      <c r="AB2739" s="53"/>
      <c r="AC2739" s="53"/>
      <c r="AD2739" s="53"/>
      <c r="AE2739" s="53"/>
      <c r="AF2739" s="53"/>
      <c r="AG2739" s="53"/>
      <c r="AH2739" s="53"/>
      <c r="AI2739" s="53"/>
      <c r="AJ2739" s="53"/>
      <c r="AK2739" s="53"/>
      <c r="AL2739" s="53"/>
      <c r="AM2739" s="53"/>
      <c r="AN2739" s="53"/>
      <c r="AO2739" s="53"/>
      <c r="AP2739" s="53"/>
      <c r="AQ2739" s="53"/>
      <c r="AR2739" s="53"/>
      <c r="AS2739" s="53"/>
      <c r="AT2739" s="53"/>
      <c r="AU2739" s="53"/>
      <c r="AV2739" s="53"/>
      <c r="AW2739" s="53"/>
      <c r="AX2739" s="53"/>
      <c r="AY2739" s="53"/>
      <c r="AZ2739" s="53"/>
      <c r="BA2739" s="53"/>
      <c r="BB2739" s="53"/>
      <c r="BC2739" s="53"/>
      <c r="BD2739" s="53"/>
      <c r="BE2739" s="53"/>
      <c r="BF2739" s="53"/>
      <c r="BG2739" s="53"/>
      <c r="BH2739" s="53"/>
      <c r="BI2739" s="53"/>
      <c r="BJ2739" s="53"/>
      <c r="BK2739" s="53"/>
      <c r="BL2739" s="53"/>
      <c r="BM2739" s="53"/>
      <c r="BN2739" s="53"/>
      <c r="BO2739" s="53"/>
      <c r="BP2739" s="53"/>
      <c r="BQ2739" s="53"/>
      <c r="BR2739" s="53"/>
      <c r="BS2739" s="53"/>
      <c r="BT2739" s="53"/>
      <c r="BU2739" s="53"/>
      <c r="BV2739" s="53"/>
      <c r="BW2739" s="53"/>
      <c r="BX2739" s="53"/>
      <c r="BY2739" s="53"/>
      <c r="BZ2739" s="53"/>
      <c r="CA2739" s="53"/>
      <c r="CB2739" s="53"/>
      <c r="CC2739" s="53"/>
      <c r="CD2739" s="53"/>
      <c r="CE2739" s="53"/>
      <c r="CF2739" s="53"/>
      <c r="CG2739" s="53"/>
      <c r="CH2739" s="53"/>
      <c r="CI2739" s="53"/>
      <c r="CJ2739" s="53"/>
      <c r="CK2739" s="53"/>
      <c r="CL2739" s="53"/>
      <c r="CM2739" s="53"/>
      <c r="CN2739" s="53"/>
    </row>
    <row r="2740" spans="1:92" outlineLevel="1">
      <c r="A2740" s="52" t="s">
        <v>649</v>
      </c>
      <c r="B2740" s="53"/>
      <c r="C2740" s="53"/>
      <c r="D2740" s="53">
        <v>8949540</v>
      </c>
      <c r="E2740" s="53"/>
      <c r="F2740" s="53"/>
      <c r="G2740" s="53">
        <v>8949540</v>
      </c>
      <c r="H2740" s="53"/>
      <c r="I2740" s="53"/>
      <c r="J2740" s="53">
        <v>8949540</v>
      </c>
      <c r="K2740" s="53"/>
      <c r="L2740" s="53">
        <v>5966360</v>
      </c>
      <c r="M2740" s="53">
        <v>35798160</v>
      </c>
      <c r="N2740" s="53">
        <v>68613140</v>
      </c>
      <c r="O2740" s="53"/>
      <c r="P2740" s="53"/>
      <c r="Q2740" s="53"/>
      <c r="R2740" s="53"/>
      <c r="S2740" s="53"/>
      <c r="T2740" s="53"/>
      <c r="U2740" s="53"/>
      <c r="V2740" s="53"/>
      <c r="W2740" s="53"/>
      <c r="X2740" s="53"/>
      <c r="Y2740" s="53"/>
      <c r="Z2740" s="53"/>
      <c r="AA2740" s="53"/>
      <c r="AB2740" s="53"/>
      <c r="AC2740" s="53"/>
      <c r="AD2740" s="53"/>
      <c r="AE2740" s="53"/>
      <c r="AF2740" s="53"/>
      <c r="AG2740" s="53"/>
      <c r="AH2740" s="53"/>
      <c r="AI2740" s="53"/>
      <c r="AJ2740" s="53"/>
      <c r="AK2740" s="53"/>
      <c r="AL2740" s="53"/>
      <c r="AM2740" s="53"/>
      <c r="AN2740" s="53"/>
      <c r="AO2740" s="53"/>
      <c r="AP2740" s="53"/>
      <c r="AQ2740" s="53"/>
      <c r="AR2740" s="53"/>
      <c r="AS2740" s="53"/>
      <c r="AT2740" s="53"/>
      <c r="AU2740" s="53"/>
      <c r="AV2740" s="53"/>
      <c r="AW2740" s="53"/>
      <c r="AX2740" s="53"/>
      <c r="AY2740" s="53"/>
      <c r="AZ2740" s="53"/>
      <c r="BA2740" s="53"/>
      <c r="BB2740" s="53"/>
      <c r="BC2740" s="53"/>
      <c r="BD2740" s="53"/>
      <c r="BE2740" s="53"/>
      <c r="BF2740" s="53"/>
      <c r="BG2740" s="53"/>
      <c r="BH2740" s="53"/>
      <c r="BI2740" s="53"/>
      <c r="BJ2740" s="53"/>
      <c r="BK2740" s="53"/>
      <c r="BL2740" s="53"/>
      <c r="BM2740" s="53"/>
      <c r="BN2740" s="53"/>
      <c r="BO2740" s="53"/>
      <c r="BP2740" s="53"/>
      <c r="BQ2740" s="53"/>
      <c r="BR2740" s="53"/>
      <c r="BS2740" s="53"/>
      <c r="BT2740" s="53"/>
      <c r="BU2740" s="53"/>
      <c r="BV2740" s="53"/>
      <c r="BW2740" s="53"/>
      <c r="BX2740" s="53"/>
      <c r="BY2740" s="53"/>
      <c r="BZ2740" s="53"/>
      <c r="CA2740" s="53"/>
      <c r="CB2740" s="53"/>
      <c r="CC2740" s="53"/>
      <c r="CD2740" s="53"/>
      <c r="CE2740" s="53"/>
      <c r="CF2740" s="53"/>
      <c r="CG2740" s="53"/>
      <c r="CH2740" s="53"/>
      <c r="CI2740" s="53"/>
      <c r="CJ2740" s="53"/>
      <c r="CK2740" s="53"/>
      <c r="CL2740" s="53"/>
      <c r="CM2740" s="53"/>
      <c r="CN2740" s="53"/>
    </row>
    <row r="2741" spans="1:92" outlineLevel="1">
      <c r="A2741" s="52" t="s">
        <v>1685</v>
      </c>
      <c r="B2741" s="53"/>
      <c r="C2741" s="53"/>
      <c r="D2741" s="53"/>
      <c r="E2741" s="53"/>
      <c r="F2741" s="53"/>
      <c r="G2741" s="53"/>
      <c r="H2741" s="53"/>
      <c r="I2741" s="53"/>
      <c r="J2741" s="53"/>
      <c r="K2741" s="53"/>
      <c r="L2741" s="53"/>
      <c r="M2741" s="53"/>
      <c r="N2741" s="53"/>
      <c r="O2741" s="53"/>
      <c r="P2741" s="53"/>
      <c r="Q2741" s="53"/>
      <c r="R2741" s="53"/>
      <c r="S2741" s="53"/>
      <c r="T2741" s="53"/>
      <c r="U2741" s="53"/>
      <c r="V2741" s="53"/>
      <c r="W2741" s="53"/>
      <c r="X2741" s="53"/>
      <c r="Y2741" s="53"/>
      <c r="Z2741" s="53"/>
      <c r="AA2741" s="53"/>
      <c r="AB2741" s="53"/>
      <c r="AC2741" s="53"/>
      <c r="AD2741" s="53"/>
      <c r="AE2741" s="53"/>
      <c r="AF2741" s="53"/>
      <c r="AG2741" s="53"/>
      <c r="AH2741" s="53"/>
      <c r="AI2741" s="53"/>
      <c r="AJ2741" s="53"/>
      <c r="AK2741" s="53"/>
      <c r="AL2741" s="53"/>
      <c r="AM2741" s="53"/>
      <c r="AN2741" s="53"/>
      <c r="AO2741" s="53"/>
      <c r="AP2741" s="53"/>
      <c r="AQ2741" s="53"/>
      <c r="AR2741" s="53"/>
      <c r="AS2741" s="53"/>
      <c r="AT2741" s="53"/>
      <c r="AU2741" s="53"/>
      <c r="AV2741" s="53"/>
      <c r="AW2741" s="53"/>
      <c r="AX2741" s="53"/>
      <c r="AY2741" s="53"/>
      <c r="AZ2741" s="53"/>
      <c r="BA2741" s="53"/>
      <c r="BB2741" s="53"/>
      <c r="BC2741" s="53"/>
      <c r="BD2741" s="53"/>
      <c r="BE2741" s="53"/>
      <c r="BF2741" s="53"/>
      <c r="BG2741" s="53"/>
      <c r="BH2741" s="53"/>
      <c r="BI2741" s="53"/>
      <c r="BJ2741" s="53"/>
      <c r="BK2741" s="53"/>
      <c r="BL2741" s="53"/>
      <c r="BM2741" s="53"/>
      <c r="BN2741" s="53"/>
      <c r="BO2741" s="53"/>
      <c r="BP2741" s="53"/>
      <c r="BQ2741" s="53"/>
      <c r="BR2741" s="53"/>
      <c r="BS2741" s="53"/>
      <c r="BT2741" s="53"/>
      <c r="BU2741" s="53"/>
      <c r="BV2741" s="53"/>
      <c r="BW2741" s="53"/>
      <c r="BX2741" s="53"/>
      <c r="BY2741" s="53"/>
      <c r="BZ2741" s="53"/>
      <c r="CA2741" s="53"/>
      <c r="CB2741" s="53"/>
      <c r="CC2741" s="53"/>
      <c r="CD2741" s="53"/>
      <c r="CE2741" s="53"/>
      <c r="CF2741" s="53"/>
      <c r="CG2741" s="53">
        <v>550000000</v>
      </c>
      <c r="CH2741" s="53"/>
      <c r="CI2741" s="53"/>
      <c r="CJ2741" s="53"/>
      <c r="CK2741" s="53"/>
      <c r="CL2741" s="53"/>
      <c r="CM2741" s="53"/>
      <c r="CN2741" s="53">
        <v>550000000</v>
      </c>
    </row>
    <row r="2742" spans="1:92" outlineLevel="1">
      <c r="A2742" s="52" t="s">
        <v>649</v>
      </c>
      <c r="B2742" s="53"/>
      <c r="C2742" s="53"/>
      <c r="D2742" s="53"/>
      <c r="E2742" s="53"/>
      <c r="F2742" s="53"/>
      <c r="G2742" s="53"/>
      <c r="H2742" s="53"/>
      <c r="I2742" s="53"/>
      <c r="J2742" s="53"/>
      <c r="K2742" s="53"/>
      <c r="L2742" s="53"/>
      <c r="M2742" s="53"/>
      <c r="N2742" s="53"/>
      <c r="O2742" s="53">
        <v>90657.833333333299</v>
      </c>
      <c r="P2742" s="53">
        <v>90657.833333333299</v>
      </c>
      <c r="Q2742" s="53">
        <v>90657.833333333299</v>
      </c>
      <c r="R2742" s="53">
        <v>90657.833333333299</v>
      </c>
      <c r="S2742" s="53">
        <v>90657.833333333299</v>
      </c>
      <c r="T2742" s="53">
        <v>90657.833333333299</v>
      </c>
      <c r="U2742" s="53">
        <v>90657.833333333299</v>
      </c>
      <c r="V2742" s="53">
        <v>90657.833333333299</v>
      </c>
      <c r="W2742" s="53">
        <v>90657.833333333299</v>
      </c>
      <c r="X2742" s="53">
        <v>90657.833333333299</v>
      </c>
      <c r="Y2742" s="53">
        <v>90657.833333333299</v>
      </c>
      <c r="Z2742" s="53">
        <v>90657.833333333299</v>
      </c>
      <c r="AA2742" s="53">
        <v>1087894</v>
      </c>
      <c r="AB2742" s="53">
        <v>68152.333333333299</v>
      </c>
      <c r="AC2742" s="53">
        <v>68152.333333333299</v>
      </c>
      <c r="AD2742" s="53">
        <v>68152.333333333299</v>
      </c>
      <c r="AE2742" s="53">
        <v>68152.333333333299</v>
      </c>
      <c r="AF2742" s="53">
        <v>68152.333333333299</v>
      </c>
      <c r="AG2742" s="53">
        <v>68152.333333333299</v>
      </c>
      <c r="AH2742" s="53">
        <v>68152.333333333299</v>
      </c>
      <c r="AI2742" s="53">
        <v>68152.333333333299</v>
      </c>
      <c r="AJ2742" s="53">
        <v>68152.333333333299</v>
      </c>
      <c r="AK2742" s="53">
        <v>68152.333333333299</v>
      </c>
      <c r="AL2742" s="53">
        <v>68152.333333333299</v>
      </c>
      <c r="AM2742" s="53">
        <v>68152.333333333299</v>
      </c>
      <c r="AN2742" s="53">
        <v>817828</v>
      </c>
      <c r="AO2742" s="53">
        <v>69454.916666666599</v>
      </c>
      <c r="AP2742" s="53">
        <v>69454.916666666599</v>
      </c>
      <c r="AQ2742" s="53">
        <v>69454.916666666599</v>
      </c>
      <c r="AR2742" s="53">
        <v>69454.916666666599</v>
      </c>
      <c r="AS2742" s="53">
        <v>69454.916666666599</v>
      </c>
      <c r="AT2742" s="53">
        <v>69454.916666666599</v>
      </c>
      <c r="AU2742" s="53">
        <v>69454.916666666599</v>
      </c>
      <c r="AV2742" s="53">
        <v>69454.916666666599</v>
      </c>
      <c r="AW2742" s="53">
        <v>69454.916666666599</v>
      </c>
      <c r="AX2742" s="53">
        <v>69454.916666666599</v>
      </c>
      <c r="AY2742" s="53">
        <v>69454.916666666599</v>
      </c>
      <c r="AZ2742" s="53">
        <v>69454.916666666599</v>
      </c>
      <c r="BA2742" s="53">
        <v>833459</v>
      </c>
      <c r="BB2742" s="53">
        <v>72626.083333333299</v>
      </c>
      <c r="BC2742" s="53">
        <v>72626.083333333299</v>
      </c>
      <c r="BD2742" s="53">
        <v>72626.083333333299</v>
      </c>
      <c r="BE2742" s="53">
        <v>72626.083333333299</v>
      </c>
      <c r="BF2742" s="53">
        <v>72626.083333333299</v>
      </c>
      <c r="BG2742" s="53">
        <v>72626.083333333299</v>
      </c>
      <c r="BH2742" s="53">
        <v>72626.083333333299</v>
      </c>
      <c r="BI2742" s="53">
        <v>72626.083333333299</v>
      </c>
      <c r="BJ2742" s="53">
        <v>72626.083333333299</v>
      </c>
      <c r="BK2742" s="53">
        <v>72626.083333333299</v>
      </c>
      <c r="BL2742" s="53">
        <v>72626.083333333299</v>
      </c>
      <c r="BM2742" s="53">
        <v>72626.083333333299</v>
      </c>
      <c r="BN2742" s="53">
        <v>871512.99999999895</v>
      </c>
      <c r="BO2742" s="53">
        <v>73847.833333333299</v>
      </c>
      <c r="BP2742" s="53">
        <v>73847.833333333299</v>
      </c>
      <c r="BQ2742" s="53">
        <v>73847.833333333299</v>
      </c>
      <c r="BR2742" s="53">
        <v>73847.833333333299</v>
      </c>
      <c r="BS2742" s="53">
        <v>73847.833333333299</v>
      </c>
      <c r="BT2742" s="53">
        <v>73847.833333333299</v>
      </c>
      <c r="BU2742" s="53">
        <v>73847.833333333299</v>
      </c>
      <c r="BV2742" s="53">
        <v>73847.833333333299</v>
      </c>
      <c r="BW2742" s="53">
        <v>73847.833333333299</v>
      </c>
      <c r="BX2742" s="53">
        <v>73847.833333333299</v>
      </c>
      <c r="BY2742" s="53">
        <v>73847.833333333299</v>
      </c>
      <c r="BZ2742" s="53">
        <v>73847.833333333299</v>
      </c>
      <c r="CA2742" s="53">
        <v>886174</v>
      </c>
      <c r="CB2742" s="53">
        <v>2000000000</v>
      </c>
      <c r="CC2742" s="53">
        <v>2000000000</v>
      </c>
      <c r="CD2742" s="53">
        <v>2000000000</v>
      </c>
      <c r="CE2742" s="53">
        <v>2000000000</v>
      </c>
      <c r="CF2742" s="53">
        <v>2000000000</v>
      </c>
      <c r="CG2742" s="53">
        <v>2550000000</v>
      </c>
      <c r="CH2742" s="53">
        <v>2550000000</v>
      </c>
      <c r="CI2742" s="53">
        <v>2550000000</v>
      </c>
      <c r="CJ2742" s="53">
        <v>2550000000</v>
      </c>
      <c r="CK2742" s="53">
        <v>2550000000</v>
      </c>
      <c r="CL2742" s="53">
        <v>2550000000</v>
      </c>
      <c r="CM2742" s="53">
        <v>2550000000</v>
      </c>
      <c r="CN2742" s="53">
        <v>2550000000</v>
      </c>
    </row>
    <row r="2743" spans="1:92" outlineLevel="1">
      <c r="A2743" s="52" t="s">
        <v>1686</v>
      </c>
      <c r="B2743" s="53"/>
      <c r="C2743" s="53"/>
      <c r="D2743" s="53"/>
      <c r="E2743" s="53"/>
      <c r="F2743" s="53"/>
      <c r="G2743" s="53"/>
      <c r="H2743" s="53"/>
      <c r="I2743" s="53"/>
      <c r="J2743" s="53"/>
      <c r="K2743" s="53"/>
      <c r="L2743" s="53"/>
      <c r="M2743" s="53"/>
      <c r="N2743" s="53"/>
      <c r="O2743" s="53"/>
      <c r="P2743" s="53"/>
      <c r="Q2743" s="53"/>
      <c r="R2743" s="53"/>
      <c r="S2743" s="53"/>
      <c r="T2743" s="53"/>
      <c r="U2743" s="53"/>
      <c r="V2743" s="53"/>
      <c r="W2743" s="53"/>
      <c r="X2743" s="53"/>
      <c r="Y2743" s="53"/>
      <c r="Z2743" s="53"/>
      <c r="AA2743" s="53"/>
      <c r="AB2743" s="53"/>
      <c r="AC2743" s="53"/>
      <c r="AD2743" s="53"/>
      <c r="AE2743" s="53"/>
      <c r="AF2743" s="53"/>
      <c r="AG2743" s="53"/>
      <c r="AH2743" s="53"/>
      <c r="AI2743" s="53"/>
      <c r="AJ2743" s="53"/>
      <c r="AK2743" s="53"/>
      <c r="AL2743" s="53"/>
      <c r="AM2743" s="53"/>
      <c r="AN2743" s="53"/>
      <c r="AO2743" s="53"/>
      <c r="AP2743" s="53"/>
      <c r="AQ2743" s="53"/>
      <c r="AR2743" s="53"/>
      <c r="AS2743" s="53"/>
      <c r="AT2743" s="53"/>
      <c r="AU2743" s="53"/>
      <c r="AV2743" s="53"/>
      <c r="AW2743" s="53"/>
      <c r="AX2743" s="53"/>
      <c r="AY2743" s="53"/>
      <c r="AZ2743" s="53"/>
      <c r="BA2743" s="53"/>
      <c r="BB2743" s="53"/>
      <c r="BC2743" s="53"/>
      <c r="BD2743" s="53"/>
      <c r="BE2743" s="53"/>
      <c r="BF2743" s="53"/>
      <c r="BG2743" s="53"/>
      <c r="BH2743" s="53"/>
      <c r="BI2743" s="53"/>
      <c r="BJ2743" s="53"/>
      <c r="BK2743" s="53"/>
      <c r="BL2743" s="53"/>
      <c r="BM2743" s="53"/>
      <c r="BN2743" s="53"/>
      <c r="BO2743" s="53"/>
      <c r="BP2743" s="53"/>
      <c r="BQ2743" s="53"/>
      <c r="BR2743" s="53"/>
      <c r="BS2743" s="53"/>
      <c r="BT2743" s="53"/>
      <c r="BU2743" s="53"/>
      <c r="BV2743" s="53"/>
      <c r="BW2743" s="53"/>
      <c r="BX2743" s="53"/>
      <c r="BY2743" s="53"/>
      <c r="BZ2743" s="53"/>
      <c r="CA2743" s="53"/>
      <c r="CB2743" s="53">
        <v>0</v>
      </c>
      <c r="CC2743" s="53">
        <v>0</v>
      </c>
      <c r="CD2743" s="53">
        <v>0</v>
      </c>
      <c r="CE2743" s="53">
        <v>0</v>
      </c>
      <c r="CF2743" s="53">
        <v>0</v>
      </c>
      <c r="CG2743" s="53">
        <v>0</v>
      </c>
      <c r="CH2743" s="53">
        <v>0</v>
      </c>
      <c r="CI2743" s="53">
        <v>0</v>
      </c>
      <c r="CJ2743" s="53">
        <v>0</v>
      </c>
      <c r="CK2743" s="53">
        <v>0</v>
      </c>
      <c r="CL2743" s="53">
        <v>0</v>
      </c>
      <c r="CM2743" s="53">
        <v>0</v>
      </c>
      <c r="CN2743" s="53">
        <v>0</v>
      </c>
    </row>
    <row r="2744" spans="1:92" outlineLevel="1">
      <c r="A2744" s="52" t="s">
        <v>649</v>
      </c>
      <c r="B2744" s="53"/>
      <c r="C2744" s="53"/>
      <c r="D2744" s="53"/>
      <c r="E2744" s="53"/>
      <c r="F2744" s="53"/>
      <c r="G2744" s="53"/>
      <c r="H2744" s="53"/>
      <c r="I2744" s="53"/>
      <c r="J2744" s="53"/>
      <c r="K2744" s="53"/>
      <c r="L2744" s="53"/>
      <c r="M2744" s="53"/>
      <c r="N2744" s="53"/>
      <c r="O2744" s="53">
        <v>174277.58333333299</v>
      </c>
      <c r="P2744" s="53">
        <v>174277.58333333299</v>
      </c>
      <c r="Q2744" s="53">
        <v>174277.58333333299</v>
      </c>
      <c r="R2744" s="53">
        <v>174277.58333333299</v>
      </c>
      <c r="S2744" s="53">
        <v>174277.58333333299</v>
      </c>
      <c r="T2744" s="53">
        <v>174277.58333333299</v>
      </c>
      <c r="U2744" s="53">
        <v>174277.58333333299</v>
      </c>
      <c r="V2744" s="53">
        <v>174277.58333333299</v>
      </c>
      <c r="W2744" s="53">
        <v>174277.58333333299</v>
      </c>
      <c r="X2744" s="53">
        <v>174277.58333333299</v>
      </c>
      <c r="Y2744" s="53">
        <v>174277.58333333299</v>
      </c>
      <c r="Z2744" s="53">
        <v>174277.58333333299</v>
      </c>
      <c r="AA2744" s="53">
        <v>2091330.99999999</v>
      </c>
      <c r="AB2744" s="53">
        <v>173444.25</v>
      </c>
      <c r="AC2744" s="53">
        <v>173444.25</v>
      </c>
      <c r="AD2744" s="53">
        <v>173444.25</v>
      </c>
      <c r="AE2744" s="53">
        <v>173444.25</v>
      </c>
      <c r="AF2744" s="53">
        <v>173444.25</v>
      </c>
      <c r="AG2744" s="53">
        <v>173444.25</v>
      </c>
      <c r="AH2744" s="53">
        <v>173444.25</v>
      </c>
      <c r="AI2744" s="53">
        <v>173444.25</v>
      </c>
      <c r="AJ2744" s="53">
        <v>173444.25</v>
      </c>
      <c r="AK2744" s="53">
        <v>173444.25</v>
      </c>
      <c r="AL2744" s="53">
        <v>173444.25</v>
      </c>
      <c r="AM2744" s="53">
        <v>173444.25</v>
      </c>
      <c r="AN2744" s="53">
        <v>2081331</v>
      </c>
      <c r="AO2744" s="53">
        <v>72615.666666666599</v>
      </c>
      <c r="AP2744" s="53">
        <v>72615.666666666599</v>
      </c>
      <c r="AQ2744" s="53">
        <v>72615.666666666599</v>
      </c>
      <c r="AR2744" s="53">
        <v>72615.666666666599</v>
      </c>
      <c r="AS2744" s="53">
        <v>72615.666666666599</v>
      </c>
      <c r="AT2744" s="53">
        <v>72615.666666666599</v>
      </c>
      <c r="AU2744" s="53">
        <v>72615.666666666599</v>
      </c>
      <c r="AV2744" s="53">
        <v>72615.666666666599</v>
      </c>
      <c r="AW2744" s="53">
        <v>72615.666666666599</v>
      </c>
      <c r="AX2744" s="53">
        <v>72615.666666666599</v>
      </c>
      <c r="AY2744" s="53">
        <v>72615.666666666599</v>
      </c>
      <c r="AZ2744" s="53">
        <v>72615.666666666599</v>
      </c>
      <c r="BA2744" s="53">
        <v>871388</v>
      </c>
      <c r="BB2744" s="53"/>
      <c r="BC2744" s="53"/>
      <c r="BD2744" s="53"/>
      <c r="BE2744" s="53"/>
      <c r="BF2744" s="53"/>
      <c r="BG2744" s="53"/>
      <c r="BH2744" s="53"/>
      <c r="BI2744" s="53"/>
      <c r="BJ2744" s="53"/>
      <c r="BK2744" s="53"/>
      <c r="BL2744" s="53"/>
      <c r="BM2744" s="53"/>
      <c r="BN2744" s="53"/>
      <c r="BO2744" s="53"/>
      <c r="BP2744" s="53"/>
      <c r="BQ2744" s="53"/>
      <c r="BR2744" s="53"/>
      <c r="BS2744" s="53"/>
      <c r="BT2744" s="53"/>
      <c r="BU2744" s="53"/>
      <c r="BV2744" s="53"/>
      <c r="BW2744" s="53"/>
      <c r="BX2744" s="53"/>
      <c r="BY2744" s="53"/>
      <c r="BZ2744" s="53"/>
      <c r="CA2744" s="53"/>
      <c r="CB2744" s="53">
        <v>0</v>
      </c>
      <c r="CC2744" s="53">
        <v>0</v>
      </c>
      <c r="CD2744" s="53">
        <v>0</v>
      </c>
      <c r="CE2744" s="53">
        <v>0</v>
      </c>
      <c r="CF2744" s="53">
        <v>0</v>
      </c>
      <c r="CG2744" s="53">
        <v>0</v>
      </c>
      <c r="CH2744" s="53">
        <v>0</v>
      </c>
      <c r="CI2744" s="53">
        <v>0</v>
      </c>
      <c r="CJ2744" s="53">
        <v>0</v>
      </c>
      <c r="CK2744" s="53">
        <v>0</v>
      </c>
      <c r="CL2744" s="53">
        <v>0</v>
      </c>
      <c r="CM2744" s="53">
        <v>0</v>
      </c>
      <c r="CN2744" s="53">
        <v>0</v>
      </c>
    </row>
    <row r="2745" spans="1:92" outlineLevel="1">
      <c r="A2745" s="52" t="s">
        <v>650</v>
      </c>
      <c r="B2745" s="53"/>
      <c r="C2745" s="53"/>
      <c r="D2745" s="53"/>
      <c r="E2745" s="53"/>
      <c r="F2745" s="53"/>
      <c r="G2745" s="53"/>
      <c r="H2745" s="53"/>
      <c r="I2745" s="53"/>
      <c r="J2745" s="53"/>
      <c r="K2745" s="53"/>
      <c r="L2745" s="53"/>
      <c r="M2745" s="53"/>
      <c r="N2745" s="53"/>
      <c r="O2745" s="53"/>
      <c r="P2745" s="53"/>
      <c r="Q2745" s="53"/>
      <c r="R2745" s="53"/>
      <c r="S2745" s="53"/>
      <c r="T2745" s="53"/>
      <c r="U2745" s="53"/>
      <c r="V2745" s="53"/>
      <c r="W2745" s="53"/>
      <c r="X2745" s="53"/>
      <c r="Y2745" s="53"/>
      <c r="Z2745" s="53"/>
      <c r="AA2745" s="53"/>
      <c r="AB2745" s="53"/>
      <c r="AC2745" s="53"/>
      <c r="AD2745" s="53"/>
      <c r="AE2745" s="53"/>
      <c r="AF2745" s="53"/>
      <c r="AG2745" s="53"/>
      <c r="AH2745" s="53"/>
      <c r="AI2745" s="53"/>
      <c r="AJ2745" s="53"/>
      <c r="AK2745" s="53"/>
      <c r="AL2745" s="53"/>
      <c r="AM2745" s="53"/>
      <c r="AN2745" s="53"/>
      <c r="AO2745" s="53"/>
      <c r="AP2745" s="53"/>
      <c r="AQ2745" s="53"/>
      <c r="AR2745" s="53"/>
      <c r="AS2745" s="53"/>
      <c r="AT2745" s="53"/>
      <c r="AU2745" s="53"/>
      <c r="AV2745" s="53"/>
      <c r="AW2745" s="53"/>
      <c r="AX2745" s="53"/>
      <c r="AY2745" s="53"/>
      <c r="AZ2745" s="53"/>
      <c r="BA2745" s="53"/>
      <c r="BB2745" s="53"/>
      <c r="BC2745" s="53"/>
      <c r="BD2745" s="53"/>
      <c r="BE2745" s="53"/>
      <c r="BF2745" s="53"/>
      <c r="BG2745" s="53"/>
      <c r="BH2745" s="53"/>
      <c r="BI2745" s="53"/>
      <c r="BJ2745" s="53"/>
      <c r="BK2745" s="53"/>
      <c r="BL2745" s="53"/>
      <c r="BM2745" s="53"/>
      <c r="BN2745" s="53"/>
      <c r="BO2745" s="53"/>
      <c r="BP2745" s="53"/>
      <c r="BQ2745" s="53"/>
      <c r="BR2745" s="53"/>
      <c r="BS2745" s="53"/>
      <c r="BT2745" s="53"/>
      <c r="BU2745" s="53"/>
      <c r="BV2745" s="53"/>
      <c r="BW2745" s="53"/>
      <c r="BX2745" s="53"/>
      <c r="BY2745" s="53"/>
      <c r="BZ2745" s="53"/>
      <c r="CA2745" s="53"/>
      <c r="CB2745" s="53">
        <v>-10143339.0440671</v>
      </c>
      <c r="CC2745" s="53">
        <v>-10072871.470623899</v>
      </c>
      <c r="CD2745" s="53">
        <v>-10004024.0955279</v>
      </c>
      <c r="CE2745" s="53">
        <v>-9935176.7204318792</v>
      </c>
      <c r="CF2745" s="53">
        <v>-9866329.34533583</v>
      </c>
      <c r="CG2745" s="53">
        <v>-9797481.9702397808</v>
      </c>
      <c r="CH2745" s="53">
        <v>-9728634.5951437205</v>
      </c>
      <c r="CI2745" s="53">
        <v>-9659787.2200476695</v>
      </c>
      <c r="CJ2745" s="53">
        <v>-9590939.8449516203</v>
      </c>
      <c r="CK2745" s="53">
        <v>-9522092.4698555693</v>
      </c>
      <c r="CL2745" s="53">
        <v>-9453245.0947595108</v>
      </c>
      <c r="CM2745" s="53">
        <v>-9384397.7196634598</v>
      </c>
      <c r="CN2745" s="53">
        <v>-10143339.0440671</v>
      </c>
    </row>
    <row r="2746" spans="1:92" outlineLevel="1">
      <c r="A2746" s="52" t="s">
        <v>1358</v>
      </c>
      <c r="B2746" s="53"/>
      <c r="C2746" s="53"/>
      <c r="D2746" s="53"/>
      <c r="E2746" s="53"/>
      <c r="F2746" s="53"/>
      <c r="G2746" s="53"/>
      <c r="H2746" s="53"/>
      <c r="I2746" s="53"/>
      <c r="J2746" s="53"/>
      <c r="K2746" s="53"/>
      <c r="L2746" s="53"/>
      <c r="M2746" s="53"/>
      <c r="N2746" s="53"/>
      <c r="O2746" s="53"/>
      <c r="P2746" s="53"/>
      <c r="Q2746" s="53"/>
      <c r="R2746" s="53"/>
      <c r="S2746" s="53"/>
      <c r="T2746" s="53"/>
      <c r="U2746" s="53"/>
      <c r="V2746" s="53"/>
      <c r="W2746" s="53"/>
      <c r="X2746" s="53"/>
      <c r="Y2746" s="53"/>
      <c r="Z2746" s="53"/>
      <c r="AA2746" s="53"/>
      <c r="AB2746" s="53"/>
      <c r="AC2746" s="53"/>
      <c r="AD2746" s="53"/>
      <c r="AE2746" s="53"/>
      <c r="AF2746" s="53"/>
      <c r="AG2746" s="53"/>
      <c r="AH2746" s="53"/>
      <c r="AI2746" s="53"/>
      <c r="AJ2746" s="53"/>
      <c r="AK2746" s="53"/>
      <c r="AL2746" s="53"/>
      <c r="AM2746" s="53"/>
      <c r="AN2746" s="53"/>
      <c r="AO2746" s="53"/>
      <c r="AP2746" s="53"/>
      <c r="AQ2746" s="53"/>
      <c r="AR2746" s="53"/>
      <c r="AS2746" s="53"/>
      <c r="AT2746" s="53"/>
      <c r="AU2746" s="53"/>
      <c r="AV2746" s="53"/>
      <c r="AW2746" s="53"/>
      <c r="AX2746" s="53"/>
      <c r="AY2746" s="53"/>
      <c r="AZ2746" s="53"/>
      <c r="BA2746" s="53"/>
      <c r="BB2746" s="53"/>
      <c r="BC2746" s="53"/>
      <c r="BD2746" s="53"/>
      <c r="BE2746" s="53"/>
      <c r="BF2746" s="53"/>
      <c r="BG2746" s="53"/>
      <c r="BH2746" s="53"/>
      <c r="BI2746" s="53"/>
      <c r="BJ2746" s="53"/>
      <c r="BK2746" s="53"/>
      <c r="BL2746" s="53"/>
      <c r="BM2746" s="53"/>
      <c r="BN2746" s="53"/>
      <c r="BO2746" s="53"/>
      <c r="BP2746" s="53"/>
      <c r="BQ2746" s="53"/>
      <c r="BR2746" s="53"/>
      <c r="BS2746" s="53"/>
      <c r="BT2746" s="53"/>
      <c r="BU2746" s="53"/>
      <c r="BV2746" s="53"/>
      <c r="BW2746" s="53"/>
      <c r="BX2746" s="53"/>
      <c r="BY2746" s="53"/>
      <c r="BZ2746" s="53"/>
      <c r="CA2746" s="53"/>
      <c r="CB2746" s="53"/>
      <c r="CC2746" s="53"/>
      <c r="CD2746" s="53"/>
      <c r="CE2746" s="53"/>
      <c r="CF2746" s="53"/>
      <c r="CG2746" s="53"/>
      <c r="CH2746" s="53"/>
      <c r="CI2746" s="53"/>
      <c r="CJ2746" s="53"/>
      <c r="CK2746" s="53"/>
      <c r="CL2746" s="53"/>
      <c r="CM2746" s="53"/>
      <c r="CN2746" s="53"/>
    </row>
    <row r="2747" spans="1:92" outlineLevel="1">
      <c r="A2747" s="52" t="s">
        <v>649</v>
      </c>
      <c r="B2747" s="53">
        <v>-355385</v>
      </c>
      <c r="C2747" s="53">
        <v>-355385</v>
      </c>
      <c r="D2747" s="53">
        <v>-355385</v>
      </c>
      <c r="E2747" s="53">
        <v>-355385</v>
      </c>
      <c r="F2747" s="53">
        <v>-355385</v>
      </c>
      <c r="G2747" s="53">
        <v>-355385</v>
      </c>
      <c r="H2747" s="53">
        <v>-355385</v>
      </c>
      <c r="I2747" s="53">
        <v>-355385</v>
      </c>
      <c r="J2747" s="53">
        <v>-355385</v>
      </c>
      <c r="K2747" s="53">
        <v>-355385</v>
      </c>
      <c r="L2747" s="53">
        <v>-355385</v>
      </c>
      <c r="M2747" s="53">
        <v>-355385</v>
      </c>
      <c r="N2747" s="53">
        <v>-4264620</v>
      </c>
      <c r="O2747" s="53">
        <v>-355385</v>
      </c>
      <c r="P2747" s="53">
        <v>-355385</v>
      </c>
      <c r="Q2747" s="53">
        <v>-355385</v>
      </c>
      <c r="R2747" s="53">
        <v>-355385</v>
      </c>
      <c r="S2747" s="53">
        <v>-355385</v>
      </c>
      <c r="T2747" s="53">
        <v>-355385</v>
      </c>
      <c r="U2747" s="53">
        <v>-355385</v>
      </c>
      <c r="V2747" s="53">
        <v>-355385</v>
      </c>
      <c r="W2747" s="53">
        <v>-355385</v>
      </c>
      <c r="X2747" s="53">
        <v>-355385</v>
      </c>
      <c r="Y2747" s="53">
        <v>-355385</v>
      </c>
      <c r="Z2747" s="53">
        <v>-355385</v>
      </c>
      <c r="AA2747" s="53">
        <v>-4264620</v>
      </c>
      <c r="AB2747" s="53">
        <v>-355385</v>
      </c>
      <c r="AC2747" s="53">
        <v>-355385</v>
      </c>
      <c r="AD2747" s="53">
        <v>-355385</v>
      </c>
      <c r="AE2747" s="53">
        <v>-355385</v>
      </c>
      <c r="AF2747" s="53">
        <v>-355385</v>
      </c>
      <c r="AG2747" s="53">
        <v>-355385</v>
      </c>
      <c r="AH2747" s="53">
        <v>-355385</v>
      </c>
      <c r="AI2747" s="53">
        <v>-355385</v>
      </c>
      <c r="AJ2747" s="53">
        <v>-355385</v>
      </c>
      <c r="AK2747" s="53">
        <v>-355385</v>
      </c>
      <c r="AL2747" s="53">
        <v>-355385</v>
      </c>
      <c r="AM2747" s="53">
        <v>-355385</v>
      </c>
      <c r="AN2747" s="53">
        <v>-4264620</v>
      </c>
      <c r="AO2747" s="53">
        <v>-355385</v>
      </c>
      <c r="AP2747" s="53">
        <v>-355385</v>
      </c>
      <c r="AQ2747" s="53">
        <v>-355385</v>
      </c>
      <c r="AR2747" s="53">
        <v>-355385</v>
      </c>
      <c r="AS2747" s="53">
        <v>-355385</v>
      </c>
      <c r="AT2747" s="53">
        <v>-355385</v>
      </c>
      <c r="AU2747" s="53">
        <v>-355385</v>
      </c>
      <c r="AV2747" s="53">
        <v>-355385</v>
      </c>
      <c r="AW2747" s="53">
        <v>-355385</v>
      </c>
      <c r="AX2747" s="53">
        <v>-355385</v>
      </c>
      <c r="AY2747" s="53">
        <v>-355385</v>
      </c>
      <c r="AZ2747" s="53">
        <v>-355385</v>
      </c>
      <c r="BA2747" s="53">
        <v>-4264620</v>
      </c>
      <c r="BB2747" s="53">
        <v>-355385</v>
      </c>
      <c r="BC2747" s="53">
        <v>-355385</v>
      </c>
      <c r="BD2747" s="53">
        <v>-355385</v>
      </c>
      <c r="BE2747" s="53">
        <v>-355385</v>
      </c>
      <c r="BF2747" s="53">
        <v>-355385</v>
      </c>
      <c r="BG2747" s="53">
        <v>-355385</v>
      </c>
      <c r="BH2747" s="53">
        <v>-355385</v>
      </c>
      <c r="BI2747" s="53">
        <v>-355385</v>
      </c>
      <c r="BJ2747" s="53">
        <v>-355385</v>
      </c>
      <c r="BK2747" s="53">
        <v>-355385</v>
      </c>
      <c r="BL2747" s="53">
        <v>-355385</v>
      </c>
      <c r="BM2747" s="53">
        <v>-355385</v>
      </c>
      <c r="BN2747" s="53">
        <v>-4264620</v>
      </c>
      <c r="BO2747" s="53">
        <v>-355385</v>
      </c>
      <c r="BP2747" s="53">
        <v>-355385</v>
      </c>
      <c r="BQ2747" s="53">
        <v>-355385</v>
      </c>
      <c r="BR2747" s="53">
        <v>-355385</v>
      </c>
      <c r="BS2747" s="53">
        <v>-355385</v>
      </c>
      <c r="BT2747" s="53">
        <v>-355385</v>
      </c>
      <c r="BU2747" s="53">
        <v>-355385</v>
      </c>
      <c r="BV2747" s="53">
        <v>-355385</v>
      </c>
      <c r="BW2747" s="53">
        <v>-355385</v>
      </c>
      <c r="BX2747" s="53">
        <v>-355385</v>
      </c>
      <c r="BY2747" s="53">
        <v>-355385</v>
      </c>
      <c r="BZ2747" s="53">
        <v>-355385</v>
      </c>
      <c r="CA2747" s="53">
        <v>-4264620</v>
      </c>
      <c r="CB2747" s="53"/>
      <c r="CC2747" s="53"/>
      <c r="CD2747" s="53"/>
      <c r="CE2747" s="53"/>
      <c r="CF2747" s="53"/>
      <c r="CG2747" s="53"/>
      <c r="CH2747" s="53"/>
      <c r="CI2747" s="53"/>
      <c r="CJ2747" s="53"/>
      <c r="CK2747" s="53"/>
      <c r="CL2747" s="53"/>
      <c r="CM2747" s="53"/>
      <c r="CN2747" s="53"/>
    </row>
    <row r="2748" spans="1:92" outlineLevel="1">
      <c r="A2748" s="52" t="s">
        <v>1687</v>
      </c>
      <c r="B2748" s="53"/>
      <c r="C2748" s="53"/>
      <c r="D2748" s="53"/>
      <c r="E2748" s="53"/>
      <c r="F2748" s="53"/>
      <c r="G2748" s="53"/>
      <c r="H2748" s="53"/>
      <c r="I2748" s="53"/>
      <c r="J2748" s="53"/>
      <c r="K2748" s="53"/>
      <c r="L2748" s="53"/>
      <c r="M2748" s="53"/>
      <c r="N2748" s="53"/>
      <c r="O2748" s="53"/>
      <c r="P2748" s="53"/>
      <c r="Q2748" s="53"/>
      <c r="R2748" s="53"/>
      <c r="S2748" s="53"/>
      <c r="T2748" s="53"/>
      <c r="U2748" s="53"/>
      <c r="V2748" s="53"/>
      <c r="W2748" s="53"/>
      <c r="X2748" s="53"/>
      <c r="Y2748" s="53"/>
      <c r="Z2748" s="53"/>
      <c r="AA2748" s="53"/>
      <c r="AB2748" s="53"/>
      <c r="AC2748" s="53"/>
      <c r="AD2748" s="53"/>
      <c r="AE2748" s="53"/>
      <c r="AF2748" s="53"/>
      <c r="AG2748" s="53"/>
      <c r="AH2748" s="53"/>
      <c r="AI2748" s="53"/>
      <c r="AJ2748" s="53"/>
      <c r="AK2748" s="53"/>
      <c r="AL2748" s="53"/>
      <c r="AM2748" s="53"/>
      <c r="AN2748" s="53"/>
      <c r="AO2748" s="53"/>
      <c r="AP2748" s="53"/>
      <c r="AQ2748" s="53"/>
      <c r="AR2748" s="53"/>
      <c r="AS2748" s="53"/>
      <c r="AT2748" s="53"/>
      <c r="AU2748" s="53"/>
      <c r="AV2748" s="53"/>
      <c r="AW2748" s="53"/>
      <c r="AX2748" s="53"/>
      <c r="AY2748" s="53"/>
      <c r="AZ2748" s="53"/>
      <c r="BA2748" s="53"/>
      <c r="BB2748" s="53"/>
      <c r="BC2748" s="53"/>
      <c r="BD2748" s="53"/>
      <c r="BE2748" s="53"/>
      <c r="BF2748" s="53"/>
      <c r="BG2748" s="53"/>
      <c r="BH2748" s="53"/>
      <c r="BI2748" s="53"/>
      <c r="BJ2748" s="53"/>
      <c r="BK2748" s="53"/>
      <c r="BL2748" s="53"/>
      <c r="BM2748" s="53"/>
      <c r="BN2748" s="53"/>
      <c r="BO2748" s="53"/>
      <c r="BP2748" s="53"/>
      <c r="BQ2748" s="53"/>
      <c r="BR2748" s="53"/>
      <c r="BS2748" s="53"/>
      <c r="BT2748" s="53"/>
      <c r="BU2748" s="53"/>
      <c r="BV2748" s="53"/>
      <c r="BW2748" s="53"/>
      <c r="BX2748" s="53"/>
      <c r="BY2748" s="53"/>
      <c r="BZ2748" s="53"/>
      <c r="CA2748" s="53"/>
      <c r="CB2748" s="53"/>
      <c r="CC2748" s="53"/>
      <c r="CD2748" s="53"/>
      <c r="CE2748" s="53"/>
      <c r="CF2748" s="53"/>
      <c r="CG2748" s="53"/>
      <c r="CH2748" s="53"/>
      <c r="CI2748" s="53"/>
      <c r="CJ2748" s="53"/>
      <c r="CK2748" s="53"/>
      <c r="CL2748" s="53"/>
      <c r="CM2748" s="53"/>
      <c r="CN2748" s="53"/>
    </row>
    <row r="2749" spans="1:92" outlineLevel="1">
      <c r="A2749" s="52" t="s">
        <v>1688</v>
      </c>
      <c r="B2749" s="53"/>
      <c r="C2749" s="53"/>
      <c r="D2749" s="53"/>
      <c r="E2749" s="53"/>
      <c r="F2749" s="53"/>
      <c r="G2749" s="53"/>
      <c r="H2749" s="53"/>
      <c r="I2749" s="53"/>
      <c r="J2749" s="53"/>
      <c r="K2749" s="53"/>
      <c r="L2749" s="53"/>
      <c r="M2749" s="53"/>
      <c r="N2749" s="53"/>
      <c r="O2749" s="53"/>
      <c r="P2749" s="53"/>
      <c r="Q2749" s="53"/>
      <c r="R2749" s="53"/>
      <c r="S2749" s="53"/>
      <c r="T2749" s="53"/>
      <c r="U2749" s="53"/>
      <c r="V2749" s="53"/>
      <c r="W2749" s="53"/>
      <c r="X2749" s="53"/>
      <c r="Y2749" s="53"/>
      <c r="Z2749" s="53"/>
      <c r="AA2749" s="53"/>
      <c r="AB2749" s="53"/>
      <c r="AC2749" s="53"/>
      <c r="AD2749" s="53"/>
      <c r="AE2749" s="53"/>
      <c r="AF2749" s="53"/>
      <c r="AG2749" s="53"/>
      <c r="AH2749" s="53"/>
      <c r="AI2749" s="53"/>
      <c r="AJ2749" s="53"/>
      <c r="AK2749" s="53"/>
      <c r="AL2749" s="53"/>
      <c r="AM2749" s="53"/>
      <c r="AN2749" s="53"/>
      <c r="AO2749" s="53"/>
      <c r="AP2749" s="53"/>
      <c r="AQ2749" s="53"/>
      <c r="AR2749" s="53"/>
      <c r="AS2749" s="53"/>
      <c r="AT2749" s="53"/>
      <c r="AU2749" s="53"/>
      <c r="AV2749" s="53"/>
      <c r="AW2749" s="53"/>
      <c r="AX2749" s="53"/>
      <c r="AY2749" s="53"/>
      <c r="AZ2749" s="53"/>
      <c r="BA2749" s="53"/>
      <c r="BB2749" s="53"/>
      <c r="BC2749" s="53"/>
      <c r="BD2749" s="53"/>
      <c r="BE2749" s="53"/>
      <c r="BF2749" s="53"/>
      <c r="BG2749" s="53"/>
      <c r="BH2749" s="53"/>
      <c r="BI2749" s="53"/>
      <c r="BJ2749" s="53"/>
      <c r="BK2749" s="53"/>
      <c r="BL2749" s="53"/>
      <c r="BM2749" s="53"/>
      <c r="BN2749" s="53"/>
      <c r="BO2749" s="53"/>
      <c r="BP2749" s="53"/>
      <c r="BQ2749" s="53"/>
      <c r="BR2749" s="53"/>
      <c r="BS2749" s="53"/>
      <c r="BT2749" s="53"/>
      <c r="BU2749" s="53"/>
      <c r="BV2749" s="53"/>
      <c r="BW2749" s="53"/>
      <c r="BX2749" s="53"/>
      <c r="BY2749" s="53"/>
      <c r="BZ2749" s="53"/>
      <c r="CA2749" s="53"/>
      <c r="CB2749" s="53"/>
      <c r="CC2749" s="53"/>
      <c r="CD2749" s="53"/>
      <c r="CE2749" s="53"/>
      <c r="CF2749" s="53"/>
      <c r="CG2749" s="53"/>
      <c r="CH2749" s="53"/>
      <c r="CI2749" s="53"/>
      <c r="CJ2749" s="53"/>
      <c r="CK2749" s="53"/>
      <c r="CL2749" s="53"/>
      <c r="CM2749" s="53"/>
      <c r="CN2749" s="53"/>
    </row>
    <row r="2750" spans="1:92">
      <c r="A2750" s="52" t="s">
        <v>649</v>
      </c>
      <c r="B2750" s="53"/>
      <c r="C2750" s="53"/>
      <c r="D2750" s="53"/>
      <c r="E2750" s="53"/>
      <c r="F2750" s="53"/>
      <c r="G2750" s="53"/>
      <c r="H2750" s="53"/>
      <c r="I2750" s="53"/>
      <c r="J2750" s="53"/>
      <c r="K2750" s="53"/>
      <c r="L2750" s="53"/>
      <c r="M2750" s="53"/>
      <c r="N2750" s="53"/>
      <c r="O2750" s="53">
        <v>-2618509.22437499</v>
      </c>
      <c r="P2750" s="53">
        <v>-2618509.22437499</v>
      </c>
      <c r="Q2750" s="53">
        <v>-2618509.22437499</v>
      </c>
      <c r="R2750" s="53">
        <v>-2618509.22437499</v>
      </c>
      <c r="S2750" s="53">
        <v>-2618509.22437499</v>
      </c>
      <c r="T2750" s="53">
        <v>-2618509.22437499</v>
      </c>
      <c r="U2750" s="53">
        <v>-2618509.22437499</v>
      </c>
      <c r="V2750" s="53">
        <v>-2618509.22437499</v>
      </c>
      <c r="W2750" s="53">
        <v>-2618509.22437499</v>
      </c>
      <c r="X2750" s="53">
        <v>-2618509.22437499</v>
      </c>
      <c r="Y2750" s="53">
        <v>-2618509.22437499</v>
      </c>
      <c r="Z2750" s="53">
        <v>-2618509.22437499</v>
      </c>
      <c r="AA2750" s="53">
        <v>-31422110.692499999</v>
      </c>
      <c r="AB2750" s="53">
        <v>-4388870.2495274898</v>
      </c>
      <c r="AC2750" s="53">
        <v>-4388870.2495274898</v>
      </c>
      <c r="AD2750" s="53">
        <v>-4388870.2495274898</v>
      </c>
      <c r="AE2750" s="53">
        <v>-4388870.2495274898</v>
      </c>
      <c r="AF2750" s="53">
        <v>-4388870.2495274898</v>
      </c>
      <c r="AG2750" s="53">
        <v>-4388870.2495274898</v>
      </c>
      <c r="AH2750" s="53">
        <v>-4388870.2495274898</v>
      </c>
      <c r="AI2750" s="53">
        <v>-4388870.2495274898</v>
      </c>
      <c r="AJ2750" s="53">
        <v>-4388870.2495274898</v>
      </c>
      <c r="AK2750" s="53">
        <v>-4388870.2495274898</v>
      </c>
      <c r="AL2750" s="53">
        <v>-4388870.2495274898</v>
      </c>
      <c r="AM2750" s="53">
        <v>-4388870.2495274898</v>
      </c>
      <c r="AN2750" s="53">
        <v>-52666442.9943299</v>
      </c>
      <c r="AO2750" s="53">
        <v>-5253169.3333333302</v>
      </c>
      <c r="AP2750" s="53">
        <v>-5253169.3333333302</v>
      </c>
      <c r="AQ2750" s="53">
        <v>-5253169.3333333302</v>
      </c>
      <c r="AR2750" s="53">
        <v>-5253169.3333333302</v>
      </c>
      <c r="AS2750" s="53">
        <v>-5253169.3333333302</v>
      </c>
      <c r="AT2750" s="53">
        <v>-5253169.3333333302</v>
      </c>
      <c r="AU2750" s="53">
        <v>-5253169.3333333302</v>
      </c>
      <c r="AV2750" s="53">
        <v>-5253169.3333333302</v>
      </c>
      <c r="AW2750" s="53">
        <v>-5253169.3333333302</v>
      </c>
      <c r="AX2750" s="53">
        <v>-5253169.3333333302</v>
      </c>
      <c r="AY2750" s="53">
        <v>-5253169.3333333302</v>
      </c>
      <c r="AZ2750" s="53">
        <v>-5253169.3333333302</v>
      </c>
      <c r="BA2750" s="53">
        <v>-63038031.999999903</v>
      </c>
      <c r="BB2750" s="53">
        <v>-7932402.2177273398</v>
      </c>
      <c r="BC2750" s="53">
        <v>-7932402.2177273398</v>
      </c>
      <c r="BD2750" s="53">
        <v>-7932402.2177273398</v>
      </c>
      <c r="BE2750" s="53">
        <v>-7932402.2177273398</v>
      </c>
      <c r="BF2750" s="53">
        <v>-7932402.2177273398</v>
      </c>
      <c r="BG2750" s="53">
        <v>-7932402.2177273398</v>
      </c>
      <c r="BH2750" s="53">
        <v>-7932402.2177273398</v>
      </c>
      <c r="BI2750" s="53">
        <v>-7932402.2177273398</v>
      </c>
      <c r="BJ2750" s="53">
        <v>-7932402.2177273398</v>
      </c>
      <c r="BK2750" s="53">
        <v>-7932402.2177273398</v>
      </c>
      <c r="BL2750" s="53">
        <v>-7932402.2177273398</v>
      </c>
      <c r="BM2750" s="53">
        <v>-7932402.2177273398</v>
      </c>
      <c r="BN2750" s="53">
        <v>-95188826.612728104</v>
      </c>
      <c r="BO2750" s="53">
        <v>-9706836.634939</v>
      </c>
      <c r="BP2750" s="53">
        <v>-9706836.634939</v>
      </c>
      <c r="BQ2750" s="53">
        <v>-9706836.634939</v>
      </c>
      <c r="BR2750" s="53">
        <v>-9706836.634939</v>
      </c>
      <c r="BS2750" s="53">
        <v>-9706836.634939</v>
      </c>
      <c r="BT2750" s="53">
        <v>-9706836.634939</v>
      </c>
      <c r="BU2750" s="53">
        <v>-9706836.634939</v>
      </c>
      <c r="BV2750" s="53">
        <v>-9706836.634939</v>
      </c>
      <c r="BW2750" s="53">
        <v>-9706836.634939</v>
      </c>
      <c r="BX2750" s="53">
        <v>-9706836.634939</v>
      </c>
      <c r="BY2750" s="53">
        <v>-9706836.634939</v>
      </c>
      <c r="BZ2750" s="53">
        <v>-9706836.634939</v>
      </c>
      <c r="CA2750" s="53">
        <v>-116482039.619267</v>
      </c>
      <c r="CB2750" s="53"/>
      <c r="CC2750" s="53"/>
      <c r="CD2750" s="53"/>
      <c r="CE2750" s="53"/>
      <c r="CF2750" s="53"/>
      <c r="CG2750" s="53"/>
      <c r="CH2750" s="53"/>
      <c r="CI2750" s="53"/>
      <c r="CJ2750" s="53"/>
      <c r="CK2750" s="53"/>
      <c r="CL2750" s="53"/>
      <c r="CM2750" s="53"/>
      <c r="CN2750" s="53"/>
    </row>
    <row r="2751" spans="1:92">
      <c r="A2751" s="52" t="s">
        <v>672</v>
      </c>
      <c r="B2751" s="53"/>
      <c r="C2751" s="53"/>
      <c r="D2751" s="53"/>
      <c r="E2751" s="53"/>
      <c r="F2751" s="53"/>
      <c r="G2751" s="53"/>
      <c r="H2751" s="53"/>
      <c r="I2751" s="53"/>
      <c r="J2751" s="53"/>
      <c r="K2751" s="53"/>
      <c r="L2751" s="53"/>
      <c r="M2751" s="53"/>
      <c r="N2751" s="53"/>
      <c r="O2751" s="53"/>
      <c r="P2751" s="53"/>
      <c r="Q2751" s="53"/>
      <c r="R2751" s="53"/>
      <c r="S2751" s="53"/>
      <c r="T2751" s="53"/>
      <c r="U2751" s="53"/>
      <c r="V2751" s="53"/>
      <c r="W2751" s="53"/>
      <c r="X2751" s="53"/>
      <c r="Y2751" s="53"/>
      <c r="Z2751" s="53"/>
      <c r="AA2751" s="53"/>
      <c r="AB2751" s="53"/>
      <c r="AC2751" s="53"/>
      <c r="AD2751" s="53"/>
      <c r="AE2751" s="53"/>
      <c r="AF2751" s="53"/>
      <c r="AG2751" s="53"/>
      <c r="AH2751" s="53"/>
      <c r="AI2751" s="53"/>
      <c r="AJ2751" s="53"/>
      <c r="AK2751" s="53"/>
      <c r="AL2751" s="53"/>
      <c r="AM2751" s="53"/>
      <c r="AN2751" s="53"/>
      <c r="AO2751" s="53"/>
      <c r="AP2751" s="53"/>
      <c r="AQ2751" s="53"/>
      <c r="AR2751" s="53"/>
      <c r="AS2751" s="53"/>
      <c r="AT2751" s="53"/>
      <c r="AU2751" s="53"/>
      <c r="AV2751" s="53"/>
      <c r="AW2751" s="53"/>
      <c r="AX2751" s="53"/>
      <c r="AY2751" s="53"/>
      <c r="AZ2751" s="53"/>
      <c r="BA2751" s="53"/>
      <c r="BB2751" s="53"/>
      <c r="BC2751" s="53"/>
      <c r="BD2751" s="53"/>
      <c r="BE2751" s="53"/>
      <c r="BF2751" s="53"/>
      <c r="BG2751" s="53"/>
      <c r="BH2751" s="53"/>
      <c r="BI2751" s="53"/>
      <c r="BJ2751" s="53"/>
      <c r="BK2751" s="53"/>
      <c r="BL2751" s="53"/>
      <c r="BM2751" s="53"/>
      <c r="BN2751" s="53"/>
      <c r="BO2751" s="53"/>
      <c r="BP2751" s="53"/>
      <c r="BQ2751" s="53"/>
      <c r="BR2751" s="53"/>
      <c r="BS2751" s="53"/>
      <c r="BT2751" s="53"/>
      <c r="BU2751" s="53"/>
      <c r="BV2751" s="53"/>
      <c r="BW2751" s="53"/>
      <c r="BX2751" s="53"/>
      <c r="BY2751" s="53"/>
      <c r="BZ2751" s="53"/>
      <c r="CA2751" s="53"/>
      <c r="CB2751" s="53"/>
      <c r="CC2751" s="53"/>
      <c r="CD2751" s="53"/>
      <c r="CE2751" s="53"/>
      <c r="CF2751" s="53"/>
      <c r="CG2751" s="53"/>
      <c r="CH2751" s="53"/>
      <c r="CI2751" s="53"/>
      <c r="CJ2751" s="53"/>
      <c r="CK2751" s="53"/>
      <c r="CL2751" s="53"/>
      <c r="CM2751" s="53"/>
      <c r="CN2751" s="53"/>
    </row>
    <row r="2752" spans="1:92">
      <c r="A2752" s="52" t="s">
        <v>700</v>
      </c>
      <c r="B2752" s="53"/>
      <c r="C2752" s="53"/>
      <c r="D2752" s="53"/>
      <c r="E2752" s="53"/>
      <c r="F2752" s="53"/>
      <c r="G2752" s="53"/>
      <c r="H2752" s="53"/>
      <c r="I2752" s="53"/>
      <c r="J2752" s="53"/>
      <c r="K2752" s="53"/>
      <c r="L2752" s="53"/>
      <c r="M2752" s="53"/>
      <c r="N2752" s="53"/>
      <c r="O2752" s="53"/>
      <c r="P2752" s="53"/>
      <c r="Q2752" s="53"/>
      <c r="R2752" s="53"/>
      <c r="S2752" s="53"/>
      <c r="T2752" s="53"/>
      <c r="U2752" s="53"/>
      <c r="V2752" s="53"/>
      <c r="W2752" s="53"/>
      <c r="X2752" s="53"/>
      <c r="Y2752" s="53"/>
      <c r="Z2752" s="53"/>
      <c r="AA2752" s="53"/>
      <c r="AB2752" s="53"/>
      <c r="AC2752" s="53"/>
      <c r="AD2752" s="53"/>
      <c r="AE2752" s="53"/>
      <c r="AF2752" s="53"/>
      <c r="AG2752" s="53"/>
      <c r="AH2752" s="53"/>
      <c r="AI2752" s="53"/>
      <c r="AJ2752" s="53"/>
      <c r="AK2752" s="53"/>
      <c r="AL2752" s="53"/>
      <c r="AM2752" s="53"/>
      <c r="AN2752" s="53"/>
      <c r="AO2752" s="53"/>
      <c r="AP2752" s="53"/>
      <c r="AQ2752" s="53"/>
      <c r="AR2752" s="53"/>
      <c r="AS2752" s="53"/>
      <c r="AT2752" s="53"/>
      <c r="AU2752" s="53"/>
      <c r="AV2752" s="53"/>
      <c r="AW2752" s="53"/>
      <c r="AX2752" s="53"/>
      <c r="AY2752" s="53"/>
      <c r="AZ2752" s="53"/>
      <c r="BA2752" s="53"/>
      <c r="BB2752" s="53"/>
      <c r="BC2752" s="53"/>
      <c r="BD2752" s="53"/>
      <c r="BE2752" s="53"/>
      <c r="BF2752" s="53"/>
      <c r="BG2752" s="53"/>
      <c r="BH2752" s="53"/>
      <c r="BI2752" s="53"/>
      <c r="BJ2752" s="53"/>
      <c r="BK2752" s="53"/>
      <c r="BL2752" s="53"/>
      <c r="BM2752" s="53"/>
      <c r="BN2752" s="53"/>
      <c r="BO2752" s="53"/>
      <c r="BP2752" s="53"/>
      <c r="BQ2752" s="53"/>
      <c r="BR2752" s="53"/>
      <c r="BS2752" s="53"/>
      <c r="BT2752" s="53"/>
      <c r="BU2752" s="53"/>
      <c r="BV2752" s="53"/>
      <c r="BW2752" s="53"/>
      <c r="BX2752" s="53"/>
      <c r="BY2752" s="53"/>
      <c r="BZ2752" s="53"/>
      <c r="CA2752" s="53"/>
      <c r="CB2752" s="53"/>
      <c r="CC2752" s="53"/>
      <c r="CD2752" s="53"/>
      <c r="CE2752" s="53"/>
      <c r="CF2752" s="53"/>
      <c r="CG2752" s="53"/>
      <c r="CH2752" s="53"/>
      <c r="CI2752" s="53"/>
      <c r="CJ2752" s="53"/>
      <c r="CK2752" s="53"/>
      <c r="CL2752" s="53"/>
      <c r="CM2752" s="53"/>
      <c r="CN2752" s="53"/>
    </row>
    <row r="2753" spans="1:92" outlineLevel="1">
      <c r="A2753" s="52" t="s">
        <v>1689</v>
      </c>
      <c r="B2753" s="53"/>
      <c r="C2753" s="53"/>
      <c r="D2753" s="53"/>
      <c r="E2753" s="53"/>
      <c r="F2753" s="53"/>
      <c r="G2753" s="53"/>
      <c r="H2753" s="53"/>
      <c r="I2753" s="53"/>
      <c r="J2753" s="53"/>
      <c r="K2753" s="53"/>
      <c r="L2753" s="53"/>
      <c r="M2753" s="53"/>
      <c r="N2753" s="53"/>
      <c r="O2753" s="53"/>
      <c r="P2753" s="53"/>
      <c r="Q2753" s="53"/>
      <c r="R2753" s="53"/>
      <c r="S2753" s="53"/>
      <c r="T2753" s="53"/>
      <c r="U2753" s="53"/>
      <c r="V2753" s="53"/>
      <c r="W2753" s="53"/>
      <c r="X2753" s="53"/>
      <c r="Y2753" s="53"/>
      <c r="Z2753" s="53"/>
      <c r="AA2753" s="53"/>
      <c r="AB2753" s="53"/>
      <c r="AC2753" s="53"/>
      <c r="AD2753" s="53"/>
      <c r="AE2753" s="53"/>
      <c r="AF2753" s="53"/>
      <c r="AG2753" s="53"/>
      <c r="AH2753" s="53"/>
      <c r="AI2753" s="53"/>
      <c r="AJ2753" s="53"/>
      <c r="AK2753" s="53"/>
      <c r="AL2753" s="53"/>
      <c r="AM2753" s="53"/>
      <c r="AN2753" s="53"/>
      <c r="AO2753" s="53"/>
      <c r="AP2753" s="53"/>
      <c r="AQ2753" s="53"/>
      <c r="AR2753" s="53"/>
      <c r="AS2753" s="53"/>
      <c r="AT2753" s="53"/>
      <c r="AU2753" s="53"/>
      <c r="AV2753" s="53"/>
      <c r="AW2753" s="53"/>
      <c r="AX2753" s="53"/>
      <c r="AY2753" s="53"/>
      <c r="AZ2753" s="53"/>
      <c r="BA2753" s="53"/>
      <c r="BB2753" s="53"/>
      <c r="BC2753" s="53"/>
      <c r="BD2753" s="53"/>
      <c r="BE2753" s="53"/>
      <c r="BF2753" s="53"/>
      <c r="BG2753" s="53"/>
      <c r="BH2753" s="53"/>
      <c r="BI2753" s="53"/>
      <c r="BJ2753" s="53"/>
      <c r="BK2753" s="53"/>
      <c r="BL2753" s="53"/>
      <c r="BM2753" s="53"/>
      <c r="BN2753" s="53"/>
      <c r="BO2753" s="53"/>
      <c r="BP2753" s="53"/>
      <c r="BQ2753" s="53"/>
      <c r="BR2753" s="53"/>
      <c r="BS2753" s="53"/>
      <c r="BT2753" s="53"/>
      <c r="BU2753" s="53"/>
      <c r="BV2753" s="53"/>
      <c r="BW2753" s="53"/>
      <c r="BX2753" s="53"/>
      <c r="BY2753" s="53"/>
      <c r="BZ2753" s="53"/>
      <c r="CA2753" s="53"/>
      <c r="CB2753" s="53"/>
      <c r="CC2753" s="53"/>
      <c r="CD2753" s="53"/>
      <c r="CE2753" s="53"/>
      <c r="CF2753" s="53"/>
      <c r="CG2753" s="53"/>
      <c r="CH2753" s="53"/>
      <c r="CI2753" s="53"/>
      <c r="CJ2753" s="53"/>
      <c r="CK2753" s="53"/>
      <c r="CL2753" s="53"/>
      <c r="CM2753" s="53"/>
      <c r="CN2753" s="53"/>
    </row>
    <row r="2754" spans="1:92" outlineLevel="1">
      <c r="A2754" s="52" t="s">
        <v>649</v>
      </c>
      <c r="B2754" s="53"/>
      <c r="C2754" s="53">
        <v>-8551673.5</v>
      </c>
      <c r="D2754" s="53">
        <v>43128023.539999902</v>
      </c>
      <c r="E2754" s="53">
        <v>-4275836.75</v>
      </c>
      <c r="F2754" s="53">
        <v>-4275836.75</v>
      </c>
      <c r="G2754" s="53">
        <v>13419062.59</v>
      </c>
      <c r="H2754" s="53">
        <v>-4275836.75</v>
      </c>
      <c r="I2754" s="53">
        <v>-4275836.75</v>
      </c>
      <c r="J2754" s="53">
        <v>137409031.84</v>
      </c>
      <c r="K2754" s="53">
        <v>-4275836.75</v>
      </c>
      <c r="L2754" s="53">
        <v>81860695.310000002</v>
      </c>
      <c r="M2754" s="53">
        <v>-44448088.939999901</v>
      </c>
      <c r="N2754" s="53">
        <v>201437867.09</v>
      </c>
      <c r="O2754" s="53">
        <v>-8766868.1428179704</v>
      </c>
      <c r="P2754" s="53">
        <v>10034871.5131699</v>
      </c>
      <c r="Q2754" s="53">
        <v>-2218665.0945001198</v>
      </c>
      <c r="R2754" s="53">
        <v>-9092996.6853720006</v>
      </c>
      <c r="S2754" s="53">
        <v>-12717657.9560473</v>
      </c>
      <c r="T2754" s="53">
        <v>-18132973.566369001</v>
      </c>
      <c r="U2754" s="53">
        <v>-13376163.1264439</v>
      </c>
      <c r="V2754" s="53">
        <v>-29210273.261156101</v>
      </c>
      <c r="W2754" s="53">
        <v>-21728448.832462899</v>
      </c>
      <c r="X2754" s="53">
        <v>-9715459.1157949306</v>
      </c>
      <c r="Y2754" s="53">
        <v>-1623725.7930043901</v>
      </c>
      <c r="Z2754" s="53">
        <v>-17070182.652401201</v>
      </c>
      <c r="AA2754" s="53">
        <v>-133618542.7132</v>
      </c>
      <c r="AB2754" s="53">
        <v>-16206144.6562698</v>
      </c>
      <c r="AC2754" s="53">
        <v>632646.86909037805</v>
      </c>
      <c r="AD2754" s="53">
        <v>-5518420.5067133596</v>
      </c>
      <c r="AE2754" s="53">
        <v>-872077.04455558397</v>
      </c>
      <c r="AF2754" s="53">
        <v>-4068889.22606673</v>
      </c>
      <c r="AG2754" s="53">
        <v>-8671086.2081276104</v>
      </c>
      <c r="AH2754" s="53">
        <v>-6500058.6095019002</v>
      </c>
      <c r="AI2754" s="53">
        <v>-20346732.651609201</v>
      </c>
      <c r="AJ2754" s="53">
        <v>-7736370.1914290302</v>
      </c>
      <c r="AK2754" s="53">
        <v>-773208.32818237902</v>
      </c>
      <c r="AL2754" s="53">
        <v>5318363.5661107898</v>
      </c>
      <c r="AM2754" s="53">
        <v>-15976157.0561019</v>
      </c>
      <c r="AN2754" s="53">
        <v>-80718134.043356299</v>
      </c>
      <c r="AO2754" s="53">
        <v>4320173.4532658802</v>
      </c>
      <c r="AP2754" s="53">
        <v>16920509.5129974</v>
      </c>
      <c r="AQ2754" s="53">
        <v>14946204.911386499</v>
      </c>
      <c r="AR2754" s="53">
        <v>11157456.9236794</v>
      </c>
      <c r="AS2754" s="53">
        <v>8900491.9390318207</v>
      </c>
      <c r="AT2754" s="53">
        <v>8125812.6184166698</v>
      </c>
      <c r="AU2754" s="53">
        <v>8266057.2857037596</v>
      </c>
      <c r="AV2754" s="53">
        <v>-2252874.1770363399</v>
      </c>
      <c r="AW2754" s="53">
        <v>8682723.0392368007</v>
      </c>
      <c r="AX2754" s="53">
        <v>11130212.3016051</v>
      </c>
      <c r="AY2754" s="53">
        <v>15515692.0561704</v>
      </c>
      <c r="AZ2754" s="53">
        <v>-173528.816564198</v>
      </c>
      <c r="BA2754" s="53">
        <v>105538931.047893</v>
      </c>
      <c r="BB2754" s="53">
        <v>4620126.5205787104</v>
      </c>
      <c r="BC2754" s="53">
        <v>17671081.784821</v>
      </c>
      <c r="BD2754" s="53">
        <v>15256576.9772333</v>
      </c>
      <c r="BE2754" s="53">
        <v>11488561.760407001</v>
      </c>
      <c r="BF2754" s="53">
        <v>9205859.2515559401</v>
      </c>
      <c r="BG2754" s="53">
        <v>8411095.1047237497</v>
      </c>
      <c r="BH2754" s="53">
        <v>8658390.7508065403</v>
      </c>
      <c r="BI2754" s="53">
        <v>-1724809.48244247</v>
      </c>
      <c r="BJ2754" s="53">
        <v>9509264.9412931204</v>
      </c>
      <c r="BK2754" s="53">
        <v>12324741.5278395</v>
      </c>
      <c r="BL2754" s="53">
        <v>17022398.163327198</v>
      </c>
      <c r="BM2754" s="53">
        <v>865677.36165748502</v>
      </c>
      <c r="BN2754" s="53">
        <v>113308964.661801</v>
      </c>
      <c r="BO2754" s="53">
        <v>4810573.9986443399</v>
      </c>
      <c r="BP2754" s="53">
        <v>17954609.445117299</v>
      </c>
      <c r="BQ2754" s="53">
        <v>15898081.742175501</v>
      </c>
      <c r="BR2754" s="53">
        <v>11936251.181130599</v>
      </c>
      <c r="BS2754" s="53">
        <v>8744408.4372054003</v>
      </c>
      <c r="BT2754" s="53">
        <v>7816744.9372491101</v>
      </c>
      <c r="BU2754" s="53">
        <v>7774389.3004088402</v>
      </c>
      <c r="BV2754" s="53">
        <v>-2693251.91867234</v>
      </c>
      <c r="BW2754" s="53">
        <v>8809564.3119543307</v>
      </c>
      <c r="BX2754" s="53">
        <v>11561257.592922101</v>
      </c>
      <c r="BY2754" s="53">
        <v>15245810.3059699</v>
      </c>
      <c r="BZ2754" s="53">
        <v>22828657.778659899</v>
      </c>
      <c r="CA2754" s="53">
        <v>130687097.112765</v>
      </c>
      <c r="CB2754" s="53"/>
      <c r="CC2754" s="53"/>
      <c r="CD2754" s="53"/>
      <c r="CE2754" s="53"/>
      <c r="CF2754" s="53"/>
      <c r="CG2754" s="53"/>
      <c r="CH2754" s="53"/>
      <c r="CI2754" s="53"/>
      <c r="CJ2754" s="53"/>
      <c r="CK2754" s="53"/>
      <c r="CL2754" s="53"/>
      <c r="CM2754" s="53"/>
      <c r="CN2754" s="53"/>
    </row>
    <row r="2755" spans="1:92" outlineLevel="1">
      <c r="A2755" s="52" t="s">
        <v>703</v>
      </c>
      <c r="B2755" s="53"/>
      <c r="C2755" s="53"/>
      <c r="D2755" s="53"/>
      <c r="E2755" s="53"/>
      <c r="F2755" s="53"/>
      <c r="G2755" s="53"/>
      <c r="H2755" s="53"/>
      <c r="I2755" s="53"/>
      <c r="J2755" s="53"/>
      <c r="K2755" s="53"/>
      <c r="L2755" s="53"/>
      <c r="M2755" s="53"/>
      <c r="N2755" s="53"/>
      <c r="O2755" s="53"/>
      <c r="P2755" s="53"/>
      <c r="Q2755" s="53"/>
      <c r="R2755" s="53"/>
      <c r="S2755" s="53"/>
      <c r="T2755" s="53"/>
      <c r="U2755" s="53"/>
      <c r="V2755" s="53"/>
      <c r="W2755" s="53"/>
      <c r="X2755" s="53"/>
      <c r="Y2755" s="53"/>
      <c r="Z2755" s="53"/>
      <c r="AA2755" s="53"/>
      <c r="AB2755" s="53"/>
      <c r="AC2755" s="53"/>
      <c r="AD2755" s="53"/>
      <c r="AE2755" s="53"/>
      <c r="AF2755" s="53"/>
      <c r="AG2755" s="53"/>
      <c r="AH2755" s="53"/>
      <c r="AI2755" s="53"/>
      <c r="AJ2755" s="53"/>
      <c r="AK2755" s="53"/>
      <c r="AL2755" s="53"/>
      <c r="AM2755" s="53"/>
      <c r="AN2755" s="53"/>
      <c r="AO2755" s="53"/>
      <c r="AP2755" s="53"/>
      <c r="AQ2755" s="53"/>
      <c r="AR2755" s="53"/>
      <c r="AS2755" s="53"/>
      <c r="AT2755" s="53"/>
      <c r="AU2755" s="53"/>
      <c r="AV2755" s="53"/>
      <c r="AW2755" s="53"/>
      <c r="AX2755" s="53"/>
      <c r="AY2755" s="53"/>
      <c r="AZ2755" s="53"/>
      <c r="BA2755" s="53"/>
      <c r="BB2755" s="53"/>
      <c r="BC2755" s="53"/>
      <c r="BD2755" s="53"/>
      <c r="BE2755" s="53"/>
      <c r="BF2755" s="53"/>
      <c r="BG2755" s="53"/>
      <c r="BH2755" s="53"/>
      <c r="BI2755" s="53"/>
      <c r="BJ2755" s="53"/>
      <c r="BK2755" s="53"/>
      <c r="BL2755" s="53"/>
      <c r="BM2755" s="53"/>
      <c r="BN2755" s="53"/>
      <c r="BO2755" s="53"/>
      <c r="BP2755" s="53"/>
      <c r="BQ2755" s="53"/>
      <c r="BR2755" s="53"/>
      <c r="BS2755" s="53"/>
      <c r="BT2755" s="53"/>
      <c r="BU2755" s="53"/>
      <c r="BV2755" s="53"/>
      <c r="BW2755" s="53"/>
      <c r="BX2755" s="53"/>
      <c r="BY2755" s="53"/>
      <c r="BZ2755" s="53"/>
      <c r="CA2755" s="53"/>
      <c r="CB2755" s="53">
        <v>1213.9315068493099</v>
      </c>
      <c r="CC2755" s="53">
        <v>1213.9315068493099</v>
      </c>
      <c r="CD2755" s="53">
        <v>1213.9315068493099</v>
      </c>
      <c r="CE2755" s="53">
        <v>1213.9315068493099</v>
      </c>
      <c r="CF2755" s="53">
        <v>1213.9315068493099</v>
      </c>
      <c r="CG2755" s="53">
        <v>1213.9315068493099</v>
      </c>
      <c r="CH2755" s="53">
        <v>1213.9315068493099</v>
      </c>
      <c r="CI2755" s="53">
        <v>1213.9315068493099</v>
      </c>
      <c r="CJ2755" s="53">
        <v>1213.9315068493099</v>
      </c>
      <c r="CK2755" s="53">
        <v>1213.9315068493099</v>
      </c>
      <c r="CL2755" s="53">
        <v>1213.9315068493099</v>
      </c>
      <c r="CM2755" s="53">
        <v>1213.9315068493099</v>
      </c>
      <c r="CN2755" s="53">
        <v>14567.1780821917</v>
      </c>
    </row>
    <row r="2756" spans="1:92" outlineLevel="1">
      <c r="A2756" s="52" t="s">
        <v>706</v>
      </c>
      <c r="B2756" s="53"/>
      <c r="C2756" s="53"/>
      <c r="D2756" s="53"/>
      <c r="E2756" s="53"/>
      <c r="F2756" s="53"/>
      <c r="G2756" s="53"/>
      <c r="H2756" s="53"/>
      <c r="I2756" s="53"/>
      <c r="J2756" s="53"/>
      <c r="K2756" s="53"/>
      <c r="L2756" s="53"/>
      <c r="M2756" s="53"/>
      <c r="N2756" s="53"/>
      <c r="O2756" s="53"/>
      <c r="P2756" s="53"/>
      <c r="Q2756" s="53"/>
      <c r="R2756" s="53"/>
      <c r="S2756" s="53"/>
      <c r="T2756" s="53"/>
      <c r="U2756" s="53"/>
      <c r="V2756" s="53"/>
      <c r="W2756" s="53"/>
      <c r="X2756" s="53"/>
      <c r="Y2756" s="53"/>
      <c r="Z2756" s="53"/>
      <c r="AA2756" s="53"/>
      <c r="AB2756" s="53"/>
      <c r="AC2756" s="53"/>
      <c r="AD2756" s="53"/>
      <c r="AE2756" s="53"/>
      <c r="AF2756" s="53"/>
      <c r="AG2756" s="53"/>
      <c r="AH2756" s="53"/>
      <c r="AI2756" s="53"/>
      <c r="AJ2756" s="53"/>
      <c r="AK2756" s="53"/>
      <c r="AL2756" s="53"/>
      <c r="AM2756" s="53"/>
      <c r="AN2756" s="53"/>
      <c r="AO2756" s="53"/>
      <c r="AP2756" s="53"/>
      <c r="AQ2756" s="53"/>
      <c r="AR2756" s="53"/>
      <c r="AS2756" s="53"/>
      <c r="AT2756" s="53"/>
      <c r="AU2756" s="53"/>
      <c r="AV2756" s="53"/>
      <c r="AW2756" s="53"/>
      <c r="AX2756" s="53"/>
      <c r="AY2756" s="53"/>
      <c r="AZ2756" s="53"/>
      <c r="BA2756" s="53"/>
      <c r="BB2756" s="53"/>
      <c r="BC2756" s="53"/>
      <c r="BD2756" s="53"/>
      <c r="BE2756" s="53"/>
      <c r="BF2756" s="53"/>
      <c r="BG2756" s="53"/>
      <c r="BH2756" s="53"/>
      <c r="BI2756" s="53"/>
      <c r="BJ2756" s="53"/>
      <c r="BK2756" s="53"/>
      <c r="BL2756" s="53"/>
      <c r="BM2756" s="53"/>
      <c r="BN2756" s="53"/>
      <c r="BO2756" s="53"/>
      <c r="BP2756" s="53"/>
      <c r="BQ2756" s="53"/>
      <c r="BR2756" s="53"/>
      <c r="BS2756" s="53"/>
      <c r="BT2756" s="53"/>
      <c r="BU2756" s="53"/>
      <c r="BV2756" s="53"/>
      <c r="BW2756" s="53"/>
      <c r="BX2756" s="53"/>
      <c r="BY2756" s="53"/>
      <c r="BZ2756" s="53"/>
      <c r="CA2756" s="53"/>
      <c r="CB2756" s="53">
        <v>1583.15671641791</v>
      </c>
      <c r="CC2756" s="53">
        <v>1583.15671641791</v>
      </c>
      <c r="CD2756" s="53">
        <v>1583.15671641791</v>
      </c>
      <c r="CE2756" s="53">
        <v>1583.15671641791</v>
      </c>
      <c r="CF2756" s="53">
        <v>1583.15671641791</v>
      </c>
      <c r="CG2756" s="53">
        <v>1583.15671641791</v>
      </c>
      <c r="CH2756" s="53">
        <v>1583.15671641791</v>
      </c>
      <c r="CI2756" s="53">
        <v>1583.15671641791</v>
      </c>
      <c r="CJ2756" s="53">
        <v>1583.15671641791</v>
      </c>
      <c r="CK2756" s="53">
        <v>1583.15671641791</v>
      </c>
      <c r="CL2756" s="53">
        <v>1583.15671641791</v>
      </c>
      <c r="CM2756" s="53">
        <v>1583.15671641791</v>
      </c>
      <c r="CN2756" s="53">
        <v>18997.880597014901</v>
      </c>
    </row>
    <row r="2757" spans="1:92" outlineLevel="1">
      <c r="A2757" s="52" t="s">
        <v>705</v>
      </c>
      <c r="B2757" s="53"/>
      <c r="C2757" s="53"/>
      <c r="D2757" s="53"/>
      <c r="E2757" s="53"/>
      <c r="F2757" s="53"/>
      <c r="G2757" s="53"/>
      <c r="H2757" s="53"/>
      <c r="I2757" s="53"/>
      <c r="J2757" s="53"/>
      <c r="K2757" s="53"/>
      <c r="L2757" s="53"/>
      <c r="M2757" s="53"/>
      <c r="N2757" s="53"/>
      <c r="O2757" s="53">
        <v>-885293.06761143403</v>
      </c>
      <c r="P2757" s="53">
        <v>4325569.5228614202</v>
      </c>
      <c r="Q2757" s="53">
        <v>1636657.6202555699</v>
      </c>
      <c r="R2757" s="53">
        <v>-975678.90706958994</v>
      </c>
      <c r="S2757" s="53">
        <v>-1980246.1526586099</v>
      </c>
      <c r="T2757" s="53">
        <v>-4003040.0909539098</v>
      </c>
      <c r="U2757" s="53">
        <v>-2162749.4752679202</v>
      </c>
      <c r="V2757" s="53">
        <v>-6551139.78723149</v>
      </c>
      <c r="W2757" s="53">
        <v>-2802217.6677378798</v>
      </c>
      <c r="X2757" s="53">
        <v>-1148193.0601220501</v>
      </c>
      <c r="Y2757" s="53">
        <v>1094413.80686448</v>
      </c>
      <c r="Z2757" s="53">
        <v>-5047068.81427396</v>
      </c>
      <c r="AA2757" s="53">
        <v>-18498986.072945401</v>
      </c>
      <c r="AB2757" s="53">
        <v>-3263588.0919577</v>
      </c>
      <c r="AC2757" s="53">
        <v>1403247.5537707401</v>
      </c>
      <c r="AD2757" s="53">
        <v>-301507.82879013498</v>
      </c>
      <c r="AE2757" s="53">
        <v>986216.48674868105</v>
      </c>
      <c r="AF2757" s="53">
        <v>100226.71611066999</v>
      </c>
      <c r="AG2757" s="53">
        <v>-1175262.49534485</v>
      </c>
      <c r="AH2757" s="53">
        <v>-573566.76380333398</v>
      </c>
      <c r="AI2757" s="53">
        <v>-4411143.3438784303</v>
      </c>
      <c r="AJ2757" s="53">
        <v>-916207.91777658905</v>
      </c>
      <c r="AK2757" s="53">
        <v>1013617.74349106</v>
      </c>
      <c r="AL2757" s="53">
        <v>2701884.0785181499</v>
      </c>
      <c r="AM2757" s="53">
        <v>-3199847.5124201099</v>
      </c>
      <c r="AN2757" s="53">
        <v>-7635931.3753318498</v>
      </c>
      <c r="AO2757" s="53">
        <v>1847039.4813578001</v>
      </c>
      <c r="AP2757" s="53">
        <v>5339196.1116688997</v>
      </c>
      <c r="AQ2757" s="53">
        <v>4792021.74488331</v>
      </c>
      <c r="AR2757" s="53">
        <v>3741978.2108753002</v>
      </c>
      <c r="AS2757" s="53">
        <v>3116465.1135932598</v>
      </c>
      <c r="AT2757" s="53">
        <v>2901764.3696586001</v>
      </c>
      <c r="AU2757" s="53">
        <v>2940632.8841498601</v>
      </c>
      <c r="AV2757" s="53">
        <v>25333.1590266284</v>
      </c>
      <c r="AW2757" s="53">
        <v>3056110.9211582602</v>
      </c>
      <c r="AX2757" s="53">
        <v>3734427.4211847601</v>
      </c>
      <c r="AY2757" s="53">
        <v>4949853.9089705702</v>
      </c>
      <c r="AZ2757" s="53">
        <v>601619.35114538798</v>
      </c>
      <c r="BA2757" s="53">
        <v>37046442.677672699</v>
      </c>
      <c r="BB2757" s="53">
        <v>1867794.82234481</v>
      </c>
      <c r="BC2757" s="53">
        <v>5484839.6171713602</v>
      </c>
      <c r="BD2757" s="53">
        <v>4815664.6893944796</v>
      </c>
      <c r="BE2757" s="53">
        <v>3771367.1992183798</v>
      </c>
      <c r="BF2757" s="53">
        <v>3138721.0012500701</v>
      </c>
      <c r="BG2757" s="53">
        <v>2918453.7899838998</v>
      </c>
      <c r="BH2757" s="53">
        <v>2986991.2580340598</v>
      </c>
      <c r="BI2757" s="53">
        <v>109309.157612315</v>
      </c>
      <c r="BJ2757" s="53">
        <v>3222809.2498544799</v>
      </c>
      <c r="BK2757" s="53">
        <v>4003112.6626035399</v>
      </c>
      <c r="BL2757" s="53">
        <v>5305058.3161778497</v>
      </c>
      <c r="BM2757" s="53">
        <v>827257.13657677802</v>
      </c>
      <c r="BN2757" s="53">
        <v>38451378.900222003</v>
      </c>
      <c r="BO2757" s="53">
        <v>1884926.8388785</v>
      </c>
      <c r="BP2757" s="53">
        <v>5527768.6103877705</v>
      </c>
      <c r="BQ2757" s="53">
        <v>4957806.2840496497</v>
      </c>
      <c r="BR2757" s="53">
        <v>3859793.2789729601</v>
      </c>
      <c r="BS2757" s="53">
        <v>2975180.7775071599</v>
      </c>
      <c r="BT2757" s="53">
        <v>2718080.7901169099</v>
      </c>
      <c r="BU2757" s="53">
        <v>2706342.0144746099</v>
      </c>
      <c r="BV2757" s="53">
        <v>-194742.72752320001</v>
      </c>
      <c r="BW2757" s="53">
        <v>2993238.59111861</v>
      </c>
      <c r="BX2757" s="53">
        <v>3755864.5949141802</v>
      </c>
      <c r="BY2757" s="53">
        <v>4777030.6277568499</v>
      </c>
      <c r="BZ2757" s="53">
        <v>6878600.8519843603</v>
      </c>
      <c r="CA2757" s="53">
        <v>42839890.532638401</v>
      </c>
      <c r="CB2757" s="53">
        <v>1833.3899204244001</v>
      </c>
      <c r="CC2757" s="53">
        <v>1833.3899204244001</v>
      </c>
      <c r="CD2757" s="53">
        <v>1833.3899204244001</v>
      </c>
      <c r="CE2757" s="53">
        <v>1833.3899204244001</v>
      </c>
      <c r="CF2757" s="53">
        <v>1833.3899204244001</v>
      </c>
      <c r="CG2757" s="53">
        <v>1833.3899204244001</v>
      </c>
      <c r="CH2757" s="53">
        <v>1833.3899204244001</v>
      </c>
      <c r="CI2757" s="53">
        <v>1833.3899204244001</v>
      </c>
      <c r="CJ2757" s="53">
        <v>1833.3899204244001</v>
      </c>
      <c r="CK2757" s="53">
        <v>1833.3899204244001</v>
      </c>
      <c r="CL2757" s="53">
        <v>1833.3899204244001</v>
      </c>
      <c r="CM2757" s="53">
        <v>1833.3899204244001</v>
      </c>
      <c r="CN2757" s="53">
        <v>22000.679045092798</v>
      </c>
    </row>
    <row r="2758" spans="1:92" outlineLevel="1">
      <c r="A2758" s="52" t="s">
        <v>678</v>
      </c>
      <c r="B2758" s="53"/>
      <c r="C2758" s="53"/>
      <c r="D2758" s="53"/>
      <c r="E2758" s="53"/>
      <c r="F2758" s="53"/>
      <c r="G2758" s="53"/>
      <c r="H2758" s="53"/>
      <c r="I2758" s="53"/>
      <c r="J2758" s="53"/>
      <c r="K2758" s="53"/>
      <c r="L2758" s="53"/>
      <c r="M2758" s="53"/>
      <c r="N2758" s="53"/>
      <c r="O2758" s="53"/>
      <c r="P2758" s="53"/>
      <c r="Q2758" s="53"/>
      <c r="R2758" s="53"/>
      <c r="S2758" s="53"/>
      <c r="T2758" s="53"/>
      <c r="U2758" s="53"/>
      <c r="V2758" s="53"/>
      <c r="W2758" s="53"/>
      <c r="X2758" s="53"/>
      <c r="Y2758" s="53"/>
      <c r="Z2758" s="53"/>
      <c r="AA2758" s="53"/>
      <c r="AB2758" s="53"/>
      <c r="AC2758" s="53"/>
      <c r="AD2758" s="53"/>
      <c r="AE2758" s="53"/>
      <c r="AF2758" s="53"/>
      <c r="AG2758" s="53"/>
      <c r="AH2758" s="53"/>
      <c r="AI2758" s="53"/>
      <c r="AJ2758" s="53"/>
      <c r="AK2758" s="53"/>
      <c r="AL2758" s="53"/>
      <c r="AM2758" s="53"/>
      <c r="AN2758" s="53"/>
      <c r="AO2758" s="53"/>
      <c r="AP2758" s="53"/>
      <c r="AQ2758" s="53"/>
      <c r="AR2758" s="53"/>
      <c r="AS2758" s="53"/>
      <c r="AT2758" s="53"/>
      <c r="AU2758" s="53"/>
      <c r="AV2758" s="53"/>
      <c r="AW2758" s="53"/>
      <c r="AX2758" s="53"/>
      <c r="AY2758" s="53"/>
      <c r="AZ2758" s="53"/>
      <c r="BA2758" s="53"/>
      <c r="BB2758" s="53"/>
      <c r="BC2758" s="53"/>
      <c r="BD2758" s="53"/>
      <c r="BE2758" s="53"/>
      <c r="BF2758" s="53"/>
      <c r="BG2758" s="53"/>
      <c r="BH2758" s="53"/>
      <c r="BI2758" s="53"/>
      <c r="BJ2758" s="53"/>
      <c r="BK2758" s="53"/>
      <c r="BL2758" s="53"/>
      <c r="BM2758" s="53"/>
      <c r="BN2758" s="53"/>
      <c r="BO2758" s="53"/>
      <c r="BP2758" s="53"/>
      <c r="BQ2758" s="53"/>
      <c r="BR2758" s="53"/>
      <c r="BS2758" s="53"/>
      <c r="BT2758" s="53"/>
      <c r="BU2758" s="53"/>
      <c r="BV2758" s="53"/>
      <c r="BW2758" s="53"/>
      <c r="BX2758" s="53"/>
      <c r="BY2758" s="53"/>
      <c r="BZ2758" s="53"/>
      <c r="CA2758" s="53"/>
      <c r="CB2758" s="53"/>
      <c r="CC2758" s="53"/>
      <c r="CD2758" s="53"/>
      <c r="CE2758" s="53"/>
      <c r="CF2758" s="53"/>
      <c r="CG2758" s="53"/>
      <c r="CH2758" s="53"/>
      <c r="CI2758" s="53"/>
      <c r="CJ2758" s="53"/>
      <c r="CK2758" s="53"/>
      <c r="CL2758" s="53"/>
      <c r="CM2758" s="53"/>
      <c r="CN2758" s="53"/>
    </row>
    <row r="2759" spans="1:92" outlineLevel="1">
      <c r="A2759" s="52" t="s">
        <v>1690</v>
      </c>
      <c r="B2759" s="53"/>
      <c r="C2759" s="53"/>
      <c r="D2759" s="53"/>
      <c r="E2759" s="53"/>
      <c r="F2759" s="53"/>
      <c r="G2759" s="53"/>
      <c r="H2759" s="53"/>
      <c r="I2759" s="53"/>
      <c r="J2759" s="53"/>
      <c r="K2759" s="53"/>
      <c r="L2759" s="53"/>
      <c r="M2759" s="53"/>
      <c r="N2759" s="53"/>
      <c r="O2759" s="53"/>
      <c r="P2759" s="53"/>
      <c r="Q2759" s="53"/>
      <c r="R2759" s="53"/>
      <c r="S2759" s="53"/>
      <c r="T2759" s="53"/>
      <c r="U2759" s="53"/>
      <c r="V2759" s="53"/>
      <c r="W2759" s="53"/>
      <c r="X2759" s="53"/>
      <c r="Y2759" s="53"/>
      <c r="Z2759" s="53"/>
      <c r="AA2759" s="53"/>
      <c r="AB2759" s="53"/>
      <c r="AC2759" s="53"/>
      <c r="AD2759" s="53"/>
      <c r="AE2759" s="53"/>
      <c r="AF2759" s="53"/>
      <c r="AG2759" s="53"/>
      <c r="AH2759" s="53"/>
      <c r="AI2759" s="53"/>
      <c r="AJ2759" s="53"/>
      <c r="AK2759" s="53"/>
      <c r="AL2759" s="53"/>
      <c r="AM2759" s="53"/>
      <c r="AN2759" s="53"/>
      <c r="AO2759" s="53"/>
      <c r="AP2759" s="53"/>
      <c r="AQ2759" s="53"/>
      <c r="AR2759" s="53"/>
      <c r="AS2759" s="53"/>
      <c r="AT2759" s="53"/>
      <c r="AU2759" s="53"/>
      <c r="AV2759" s="53"/>
      <c r="AW2759" s="53"/>
      <c r="AX2759" s="53"/>
      <c r="AY2759" s="53"/>
      <c r="AZ2759" s="53"/>
      <c r="BA2759" s="53"/>
      <c r="BB2759" s="53"/>
      <c r="BC2759" s="53"/>
      <c r="BD2759" s="53"/>
      <c r="BE2759" s="53"/>
      <c r="BF2759" s="53"/>
      <c r="BG2759" s="53"/>
      <c r="BH2759" s="53"/>
      <c r="BI2759" s="53"/>
      <c r="BJ2759" s="53"/>
      <c r="BK2759" s="53"/>
      <c r="BL2759" s="53"/>
      <c r="BM2759" s="53"/>
      <c r="BN2759" s="53"/>
      <c r="BO2759" s="53"/>
      <c r="BP2759" s="53"/>
      <c r="BQ2759" s="53"/>
      <c r="BR2759" s="53"/>
      <c r="BS2759" s="53"/>
      <c r="BT2759" s="53"/>
      <c r="BU2759" s="53"/>
      <c r="BV2759" s="53"/>
      <c r="BW2759" s="53"/>
      <c r="BX2759" s="53"/>
      <c r="BY2759" s="53"/>
      <c r="BZ2759" s="53"/>
      <c r="CA2759" s="53"/>
      <c r="CB2759" s="53">
        <v>11723.4531645569</v>
      </c>
      <c r="CC2759" s="53">
        <v>11723.4531645569</v>
      </c>
      <c r="CD2759" s="53">
        <v>11723.4531645569</v>
      </c>
      <c r="CE2759" s="53">
        <v>11723.4531645569</v>
      </c>
      <c r="CF2759" s="53">
        <v>11723.4531645569</v>
      </c>
      <c r="CG2759" s="53">
        <v>11723.4531645569</v>
      </c>
      <c r="CH2759" s="53">
        <v>11723.4531645569</v>
      </c>
      <c r="CI2759" s="53">
        <v>11723.4531645569</v>
      </c>
      <c r="CJ2759" s="53">
        <v>11723.4531645569</v>
      </c>
      <c r="CK2759" s="53">
        <v>11723.4531645569</v>
      </c>
      <c r="CL2759" s="53">
        <v>11723.4531645569</v>
      </c>
      <c r="CM2759" s="53">
        <v>11723.4531645569</v>
      </c>
      <c r="CN2759" s="53">
        <v>140681.43797468301</v>
      </c>
    </row>
    <row r="2760" spans="1:92" outlineLevel="1">
      <c r="A2760" s="52" t="s">
        <v>680</v>
      </c>
      <c r="B2760" s="53"/>
      <c r="C2760" s="53"/>
      <c r="D2760" s="53"/>
      <c r="E2760" s="53"/>
      <c r="F2760" s="53"/>
      <c r="G2760" s="53"/>
      <c r="H2760" s="53"/>
      <c r="I2760" s="53"/>
      <c r="J2760" s="53"/>
      <c r="K2760" s="53"/>
      <c r="L2760" s="53"/>
      <c r="M2760" s="53"/>
      <c r="N2760" s="53"/>
      <c r="O2760" s="53"/>
      <c r="P2760" s="53"/>
      <c r="Q2760" s="53"/>
      <c r="R2760" s="53"/>
      <c r="S2760" s="53"/>
      <c r="T2760" s="53"/>
      <c r="U2760" s="53"/>
      <c r="V2760" s="53"/>
      <c r="W2760" s="53"/>
      <c r="X2760" s="53"/>
      <c r="Y2760" s="53"/>
      <c r="Z2760" s="53"/>
      <c r="AA2760" s="53"/>
      <c r="AB2760" s="53"/>
      <c r="AC2760" s="53"/>
      <c r="AD2760" s="53"/>
      <c r="AE2760" s="53"/>
      <c r="AF2760" s="53"/>
      <c r="AG2760" s="53"/>
      <c r="AH2760" s="53"/>
      <c r="AI2760" s="53"/>
      <c r="AJ2760" s="53"/>
      <c r="AK2760" s="53"/>
      <c r="AL2760" s="53"/>
      <c r="AM2760" s="53"/>
      <c r="AN2760" s="53"/>
      <c r="AO2760" s="53"/>
      <c r="AP2760" s="53"/>
      <c r="AQ2760" s="53"/>
      <c r="AR2760" s="53"/>
      <c r="AS2760" s="53"/>
      <c r="AT2760" s="53"/>
      <c r="AU2760" s="53"/>
      <c r="AV2760" s="53"/>
      <c r="AW2760" s="53"/>
      <c r="AX2760" s="53"/>
      <c r="AY2760" s="53"/>
      <c r="AZ2760" s="53"/>
      <c r="BA2760" s="53"/>
      <c r="BB2760" s="53"/>
      <c r="BC2760" s="53"/>
      <c r="BD2760" s="53"/>
      <c r="BE2760" s="53">
        <v>59834339.893198803</v>
      </c>
      <c r="BF2760" s="53"/>
      <c r="BG2760" s="53">
        <v>59834339.893198803</v>
      </c>
      <c r="BH2760" s="53"/>
      <c r="BI2760" s="53"/>
      <c r="BJ2760" s="53">
        <v>-88398347.786397606</v>
      </c>
      <c r="BK2760" s="53"/>
      <c r="BL2760" s="53"/>
      <c r="BM2760" s="53">
        <v>-26085424.999999899</v>
      </c>
      <c r="BN2760" s="53">
        <v>5184906.9999999898</v>
      </c>
      <c r="BO2760" s="53"/>
      <c r="BP2760" s="53"/>
      <c r="BQ2760" s="53">
        <v>-4976470.4021227704</v>
      </c>
      <c r="BR2760" s="53">
        <v>59782230.743729398</v>
      </c>
      <c r="BS2760" s="53"/>
      <c r="BT2760" s="53">
        <v>59782230.743729398</v>
      </c>
      <c r="BU2760" s="53"/>
      <c r="BV2760" s="53"/>
      <c r="BW2760" s="53">
        <v>59782230.743729398</v>
      </c>
      <c r="BX2760" s="53"/>
      <c r="BY2760" s="53"/>
      <c r="BZ2760" s="53">
        <v>-90086995.722449094</v>
      </c>
      <c r="CA2760" s="53">
        <v>84283226.106616497</v>
      </c>
      <c r="CB2760" s="53">
        <v>4051.8264840182501</v>
      </c>
      <c r="CC2760" s="53">
        <v>4051.8264840182401</v>
      </c>
      <c r="CD2760" s="53">
        <v>4051.8264840182401</v>
      </c>
      <c r="CE2760" s="53">
        <v>4051.8264840182401</v>
      </c>
      <c r="CF2760" s="53">
        <v>4051.8264840182401</v>
      </c>
      <c r="CG2760" s="53">
        <v>4051.8264840182501</v>
      </c>
      <c r="CH2760" s="53">
        <v>4051.8264840182501</v>
      </c>
      <c r="CI2760" s="53">
        <v>4051.8264840182401</v>
      </c>
      <c r="CJ2760" s="53">
        <v>4051.8264840182401</v>
      </c>
      <c r="CK2760" s="53">
        <v>4051.8264840182501</v>
      </c>
      <c r="CL2760" s="53">
        <v>4051.8264840182401</v>
      </c>
      <c r="CM2760" s="53">
        <v>4051.8264840182401</v>
      </c>
      <c r="CN2760" s="53">
        <v>48621.917808218997</v>
      </c>
    </row>
    <row r="2761" spans="1:92" outlineLevel="1">
      <c r="A2761" s="52" t="s">
        <v>682</v>
      </c>
      <c r="B2761" s="53"/>
      <c r="C2761" s="53"/>
      <c r="D2761" s="53"/>
      <c r="E2761" s="53"/>
      <c r="F2761" s="53"/>
      <c r="G2761" s="53"/>
      <c r="H2761" s="53"/>
      <c r="I2761" s="53"/>
      <c r="J2761" s="53"/>
      <c r="K2761" s="53"/>
      <c r="L2761" s="53"/>
      <c r="M2761" s="53"/>
      <c r="N2761" s="53"/>
      <c r="O2761" s="53"/>
      <c r="P2761" s="53"/>
      <c r="Q2761" s="53"/>
      <c r="R2761" s="53"/>
      <c r="S2761" s="53"/>
      <c r="T2761" s="53"/>
      <c r="U2761" s="53"/>
      <c r="V2761" s="53"/>
      <c r="W2761" s="53"/>
      <c r="X2761" s="53"/>
      <c r="Y2761" s="53"/>
      <c r="Z2761" s="53"/>
      <c r="AA2761" s="53"/>
      <c r="AB2761" s="53"/>
      <c r="AC2761" s="53"/>
      <c r="AD2761" s="53"/>
      <c r="AE2761" s="53">
        <v>1725939.99999999</v>
      </c>
      <c r="AF2761" s="53"/>
      <c r="AG2761" s="53">
        <v>1725939.99999999</v>
      </c>
      <c r="AH2761" s="53"/>
      <c r="AI2761" s="53"/>
      <c r="AJ2761" s="53">
        <v>6311065.75</v>
      </c>
      <c r="AK2761" s="53"/>
      <c r="AL2761" s="53"/>
      <c r="AM2761" s="53">
        <v>14903667.758178299</v>
      </c>
      <c r="AN2761" s="53">
        <v>24666613.508178301</v>
      </c>
      <c r="AO2761" s="53"/>
      <c r="AP2761" s="53"/>
      <c r="AQ2761" s="53">
        <v>85338.835463855503</v>
      </c>
      <c r="AR2761" s="53">
        <v>3236021.4140894399</v>
      </c>
      <c r="AS2761" s="53"/>
      <c r="AT2761" s="53">
        <v>3236021.4140894399</v>
      </c>
      <c r="AU2761" s="53"/>
      <c r="AV2761" s="53"/>
      <c r="AW2761" s="53">
        <v>3010895.4140894301</v>
      </c>
      <c r="AX2761" s="53"/>
      <c r="AY2761" s="53"/>
      <c r="AZ2761" s="53">
        <v>3461147.4140894399</v>
      </c>
      <c r="BA2761" s="53">
        <v>13029424.4918216</v>
      </c>
      <c r="BB2761" s="53"/>
      <c r="BC2761" s="53"/>
      <c r="BD2761" s="53"/>
      <c r="BE2761" s="53"/>
      <c r="BF2761" s="53"/>
      <c r="BG2761" s="53"/>
      <c r="BH2761" s="53"/>
      <c r="BI2761" s="53"/>
      <c r="BJ2761" s="53"/>
      <c r="BK2761" s="53"/>
      <c r="BL2761" s="53"/>
      <c r="BM2761" s="53"/>
      <c r="BN2761" s="53"/>
      <c r="BO2761" s="53"/>
      <c r="BP2761" s="53"/>
      <c r="BQ2761" s="53"/>
      <c r="BR2761" s="53"/>
      <c r="BS2761" s="53"/>
      <c r="BT2761" s="53"/>
      <c r="BU2761" s="53"/>
      <c r="BV2761" s="53"/>
      <c r="BW2761" s="53"/>
      <c r="BX2761" s="53"/>
      <c r="BY2761" s="53"/>
      <c r="BZ2761" s="53"/>
      <c r="CA2761" s="53"/>
      <c r="CB2761" s="53">
        <v>3523.40918163673</v>
      </c>
      <c r="CC2761" s="53">
        <v>3523.40918163673</v>
      </c>
      <c r="CD2761" s="53">
        <v>3523.40918163673</v>
      </c>
      <c r="CE2761" s="53">
        <v>3523.40918163673</v>
      </c>
      <c r="CF2761" s="53">
        <v>3523.40918163673</v>
      </c>
      <c r="CG2761" s="53">
        <v>3523.40918163673</v>
      </c>
      <c r="CH2761" s="53">
        <v>3523.40918163673</v>
      </c>
      <c r="CI2761" s="53">
        <v>3523.40918163673</v>
      </c>
      <c r="CJ2761" s="53">
        <v>3523.40918163673</v>
      </c>
      <c r="CK2761" s="53">
        <v>3523.40918163673</v>
      </c>
      <c r="CL2761" s="53">
        <v>3523.40918163673</v>
      </c>
      <c r="CM2761" s="53">
        <v>3523.40918163673</v>
      </c>
      <c r="CN2761" s="53">
        <v>42280.910179640799</v>
      </c>
    </row>
    <row r="2762" spans="1:92" outlineLevel="1">
      <c r="A2762" s="52" t="s">
        <v>1687</v>
      </c>
      <c r="B2762" s="53"/>
      <c r="C2762" s="53"/>
      <c r="D2762" s="53"/>
      <c r="E2762" s="53"/>
      <c r="F2762" s="53"/>
      <c r="G2762" s="53"/>
      <c r="H2762" s="53"/>
      <c r="I2762" s="53"/>
      <c r="J2762" s="53"/>
      <c r="K2762" s="53"/>
      <c r="L2762" s="53"/>
      <c r="M2762" s="53"/>
      <c r="N2762" s="53"/>
      <c r="O2762" s="53"/>
      <c r="P2762" s="53"/>
      <c r="Q2762" s="53"/>
      <c r="R2762" s="53"/>
      <c r="S2762" s="53"/>
      <c r="T2762" s="53"/>
      <c r="U2762" s="53"/>
      <c r="V2762" s="53"/>
      <c r="W2762" s="53"/>
      <c r="X2762" s="53"/>
      <c r="Y2762" s="53"/>
      <c r="Z2762" s="53"/>
      <c r="AA2762" s="53"/>
      <c r="AB2762" s="53"/>
      <c r="AC2762" s="53"/>
      <c r="AD2762" s="53"/>
      <c r="AE2762" s="53"/>
      <c r="AF2762" s="53"/>
      <c r="AG2762" s="53"/>
      <c r="AH2762" s="53"/>
      <c r="AI2762" s="53"/>
      <c r="AJ2762" s="53"/>
      <c r="AK2762" s="53"/>
      <c r="AL2762" s="53"/>
      <c r="AM2762" s="53"/>
      <c r="AN2762" s="53"/>
      <c r="AO2762" s="53"/>
      <c r="AP2762" s="53"/>
      <c r="AQ2762" s="53"/>
      <c r="AR2762" s="53"/>
      <c r="AS2762" s="53"/>
      <c r="AT2762" s="53"/>
      <c r="AU2762" s="53"/>
      <c r="AV2762" s="53"/>
      <c r="AW2762" s="53"/>
      <c r="AX2762" s="53"/>
      <c r="AY2762" s="53"/>
      <c r="AZ2762" s="53"/>
      <c r="BA2762" s="53"/>
      <c r="BB2762" s="53"/>
      <c r="BC2762" s="53"/>
      <c r="BD2762" s="53"/>
      <c r="BE2762" s="53"/>
      <c r="BF2762" s="53"/>
      <c r="BG2762" s="53"/>
      <c r="BH2762" s="53"/>
      <c r="BI2762" s="53"/>
      <c r="BJ2762" s="53"/>
      <c r="BK2762" s="53"/>
      <c r="BL2762" s="53"/>
      <c r="BM2762" s="53"/>
      <c r="BN2762" s="53"/>
      <c r="BO2762" s="53"/>
      <c r="BP2762" s="53"/>
      <c r="BQ2762" s="53"/>
      <c r="BR2762" s="53"/>
      <c r="BS2762" s="53"/>
      <c r="BT2762" s="53"/>
      <c r="BU2762" s="53"/>
      <c r="BV2762" s="53"/>
      <c r="BW2762" s="53"/>
      <c r="BX2762" s="53"/>
      <c r="BY2762" s="53"/>
      <c r="BZ2762" s="53"/>
      <c r="CA2762" s="53"/>
      <c r="CB2762" s="53">
        <v>9347.6262626262305</v>
      </c>
      <c r="CC2762" s="53">
        <v>9347.6262626262305</v>
      </c>
      <c r="CD2762" s="53">
        <v>9347.6262626262305</v>
      </c>
      <c r="CE2762" s="53">
        <v>9347.6262626262305</v>
      </c>
      <c r="CF2762" s="53">
        <v>9347.6262626262305</v>
      </c>
      <c r="CG2762" s="53">
        <v>9347.6262626262305</v>
      </c>
      <c r="CH2762" s="53">
        <v>9347.6262626262305</v>
      </c>
      <c r="CI2762" s="53">
        <v>9347.6262626262305</v>
      </c>
      <c r="CJ2762" s="53">
        <v>9347.6262626262305</v>
      </c>
      <c r="CK2762" s="53">
        <v>9347.6262626262305</v>
      </c>
      <c r="CL2762" s="53">
        <v>9347.6262626262305</v>
      </c>
      <c r="CM2762" s="53">
        <v>9347.6262626262305</v>
      </c>
      <c r="CN2762" s="53">
        <v>112171.515151514</v>
      </c>
    </row>
    <row r="2763" spans="1:92" outlineLevel="1">
      <c r="A2763" s="52" t="s">
        <v>1691</v>
      </c>
      <c r="B2763" s="53"/>
      <c r="C2763" s="53"/>
      <c r="D2763" s="53"/>
      <c r="E2763" s="53"/>
      <c r="F2763" s="53"/>
      <c r="G2763" s="53"/>
      <c r="H2763" s="53"/>
      <c r="I2763" s="53"/>
      <c r="J2763" s="53"/>
      <c r="K2763" s="53"/>
      <c r="L2763" s="53"/>
      <c r="M2763" s="53"/>
      <c r="N2763" s="53"/>
      <c r="O2763" s="53"/>
      <c r="P2763" s="53"/>
      <c r="Q2763" s="53"/>
      <c r="R2763" s="53"/>
      <c r="S2763" s="53"/>
      <c r="T2763" s="53"/>
      <c r="U2763" s="53"/>
      <c r="V2763" s="53"/>
      <c r="W2763" s="53"/>
      <c r="X2763" s="53"/>
      <c r="Y2763" s="53"/>
      <c r="Z2763" s="53"/>
      <c r="AA2763" s="53"/>
      <c r="AB2763" s="53"/>
      <c r="AC2763" s="53"/>
      <c r="AD2763" s="53"/>
      <c r="AE2763" s="53"/>
      <c r="AF2763" s="53"/>
      <c r="AG2763" s="53"/>
      <c r="AH2763" s="53"/>
      <c r="AI2763" s="53"/>
      <c r="AJ2763" s="53"/>
      <c r="AK2763" s="53"/>
      <c r="AL2763" s="53"/>
      <c r="AM2763" s="53"/>
      <c r="AN2763" s="53"/>
      <c r="AO2763" s="53"/>
      <c r="AP2763" s="53"/>
      <c r="AQ2763" s="53"/>
      <c r="AR2763" s="53"/>
      <c r="AS2763" s="53"/>
      <c r="AT2763" s="53"/>
      <c r="AU2763" s="53"/>
      <c r="AV2763" s="53"/>
      <c r="AW2763" s="53"/>
      <c r="AX2763" s="53"/>
      <c r="AY2763" s="53"/>
      <c r="AZ2763" s="53"/>
      <c r="BA2763" s="53"/>
      <c r="BB2763" s="53"/>
      <c r="BC2763" s="53"/>
      <c r="BD2763" s="53"/>
      <c r="BE2763" s="53"/>
      <c r="BF2763" s="53"/>
      <c r="BG2763" s="53"/>
      <c r="BH2763" s="53"/>
      <c r="BI2763" s="53"/>
      <c r="BJ2763" s="53"/>
      <c r="BK2763" s="53"/>
      <c r="BL2763" s="53"/>
      <c r="BM2763" s="53"/>
      <c r="BN2763" s="53"/>
      <c r="BO2763" s="53"/>
      <c r="BP2763" s="53"/>
      <c r="BQ2763" s="53"/>
      <c r="BR2763" s="53"/>
      <c r="BS2763" s="53"/>
      <c r="BT2763" s="53"/>
      <c r="BU2763" s="53"/>
      <c r="BV2763" s="53"/>
      <c r="BW2763" s="53"/>
      <c r="BX2763" s="53"/>
      <c r="BY2763" s="53"/>
      <c r="BZ2763" s="53"/>
      <c r="CA2763" s="53"/>
      <c r="CB2763" s="53">
        <v>1620.19834710743</v>
      </c>
      <c r="CC2763" s="53"/>
      <c r="CD2763" s="53"/>
      <c r="CE2763" s="53"/>
      <c r="CF2763" s="53"/>
      <c r="CG2763" s="53"/>
      <c r="CH2763" s="53"/>
      <c r="CI2763" s="53"/>
      <c r="CJ2763" s="53"/>
      <c r="CK2763" s="53"/>
      <c r="CL2763" s="53"/>
      <c r="CM2763" s="53"/>
      <c r="CN2763" s="53">
        <v>1620.19834710743</v>
      </c>
    </row>
    <row r="2764" spans="1:92" outlineLevel="1">
      <c r="A2764" s="52" t="s">
        <v>649</v>
      </c>
      <c r="B2764" s="53"/>
      <c r="C2764" s="53"/>
      <c r="D2764" s="53"/>
      <c r="E2764" s="53"/>
      <c r="F2764" s="53"/>
      <c r="G2764" s="53"/>
      <c r="H2764" s="53"/>
      <c r="I2764" s="53"/>
      <c r="J2764" s="53"/>
      <c r="K2764" s="53"/>
      <c r="L2764" s="53"/>
      <c r="M2764" s="53"/>
      <c r="N2764" s="53"/>
      <c r="O2764" s="53"/>
      <c r="P2764" s="53"/>
      <c r="Q2764" s="53"/>
      <c r="R2764" s="53"/>
      <c r="S2764" s="53"/>
      <c r="T2764" s="53"/>
      <c r="U2764" s="53"/>
      <c r="V2764" s="53"/>
      <c r="W2764" s="53"/>
      <c r="X2764" s="53"/>
      <c r="Y2764" s="53"/>
      <c r="Z2764" s="53"/>
      <c r="AA2764" s="53"/>
      <c r="AB2764" s="53">
        <v>2822982.41666666</v>
      </c>
      <c r="AC2764" s="53">
        <v>2822982.41666666</v>
      </c>
      <c r="AD2764" s="53">
        <v>2822982.41666666</v>
      </c>
      <c r="AE2764" s="53">
        <v>2822982.41666666</v>
      </c>
      <c r="AF2764" s="53">
        <v>2822982.41666666</v>
      </c>
      <c r="AG2764" s="53">
        <v>2822982.41666666</v>
      </c>
      <c r="AH2764" s="53">
        <v>2822982.41666666</v>
      </c>
      <c r="AI2764" s="53">
        <v>2822982.41666666</v>
      </c>
      <c r="AJ2764" s="53">
        <v>2822982.41666666</v>
      </c>
      <c r="AK2764" s="53">
        <v>2822982.41666666</v>
      </c>
      <c r="AL2764" s="53">
        <v>2822982.41666666</v>
      </c>
      <c r="AM2764" s="53">
        <v>2822982.41666666</v>
      </c>
      <c r="AN2764" s="53">
        <v>33875789</v>
      </c>
      <c r="AO2764" s="53">
        <v>5406504.6666666605</v>
      </c>
      <c r="AP2764" s="53">
        <v>5406504.6666666605</v>
      </c>
      <c r="AQ2764" s="53">
        <v>5406504.6666666605</v>
      </c>
      <c r="AR2764" s="53">
        <v>5406504.6666666605</v>
      </c>
      <c r="AS2764" s="53">
        <v>5406504.6666666605</v>
      </c>
      <c r="AT2764" s="53">
        <v>5406504.6666666605</v>
      </c>
      <c r="AU2764" s="53">
        <v>5406504.6666666605</v>
      </c>
      <c r="AV2764" s="53">
        <v>5406504.6666666605</v>
      </c>
      <c r="AW2764" s="53">
        <v>5406504.6666666605</v>
      </c>
      <c r="AX2764" s="53">
        <v>5406504.6666666605</v>
      </c>
      <c r="AY2764" s="53">
        <v>5406504.6666666605</v>
      </c>
      <c r="AZ2764" s="53">
        <v>5406504.6666666605</v>
      </c>
      <c r="BA2764" s="53">
        <v>64878056</v>
      </c>
      <c r="BB2764" s="53">
        <v>5339176.0833333302</v>
      </c>
      <c r="BC2764" s="53">
        <v>5339176.0833333302</v>
      </c>
      <c r="BD2764" s="53">
        <v>5339176.0833333302</v>
      </c>
      <c r="BE2764" s="53">
        <v>5339176.0833333302</v>
      </c>
      <c r="BF2764" s="53">
        <v>5339176.0833333302</v>
      </c>
      <c r="BG2764" s="53">
        <v>5339176.0833333302</v>
      </c>
      <c r="BH2764" s="53">
        <v>5339176.0833333302</v>
      </c>
      <c r="BI2764" s="53">
        <v>5339176.0833333302</v>
      </c>
      <c r="BJ2764" s="53">
        <v>5339176.0833333302</v>
      </c>
      <c r="BK2764" s="53">
        <v>5339176.0833333302</v>
      </c>
      <c r="BL2764" s="53">
        <v>5339176.0833333302</v>
      </c>
      <c r="BM2764" s="53">
        <v>5339176.0833333302</v>
      </c>
      <c r="BN2764" s="53">
        <v>64070112.999999903</v>
      </c>
      <c r="BO2764" s="53">
        <v>7932402.25</v>
      </c>
      <c r="BP2764" s="53">
        <v>7932402.25</v>
      </c>
      <c r="BQ2764" s="53">
        <v>7932402.25</v>
      </c>
      <c r="BR2764" s="53">
        <v>7932402.25</v>
      </c>
      <c r="BS2764" s="53">
        <v>7932402.25</v>
      </c>
      <c r="BT2764" s="53">
        <v>7932402.25</v>
      </c>
      <c r="BU2764" s="53">
        <v>7932402.25</v>
      </c>
      <c r="BV2764" s="53">
        <v>7932402.25</v>
      </c>
      <c r="BW2764" s="53">
        <v>7932402.25</v>
      </c>
      <c r="BX2764" s="53">
        <v>7932402.25</v>
      </c>
      <c r="BY2764" s="53">
        <v>7932402.25</v>
      </c>
      <c r="BZ2764" s="53">
        <v>7932402.25</v>
      </c>
      <c r="CA2764" s="53">
        <v>95188827</v>
      </c>
      <c r="CB2764" s="53">
        <v>1540.86342229199</v>
      </c>
      <c r="CC2764" s="53">
        <v>1540.86342229199</v>
      </c>
      <c r="CD2764" s="53">
        <v>1540.86342229199</v>
      </c>
      <c r="CE2764" s="53">
        <v>1540.86342229199</v>
      </c>
      <c r="CF2764" s="53">
        <v>1540.86342229199</v>
      </c>
      <c r="CG2764" s="53">
        <v>1540.86342229199</v>
      </c>
      <c r="CH2764" s="53">
        <v>1540.86342229199</v>
      </c>
      <c r="CI2764" s="53">
        <v>1540.86342229199</v>
      </c>
      <c r="CJ2764" s="53">
        <v>1540.86342229199</v>
      </c>
      <c r="CK2764" s="53">
        <v>1540.86342229199</v>
      </c>
      <c r="CL2764" s="53">
        <v>1540.86342229199</v>
      </c>
      <c r="CM2764" s="53">
        <v>1540.86342229199</v>
      </c>
      <c r="CN2764" s="53">
        <v>18490.361067503902</v>
      </c>
    </row>
    <row r="2765" spans="1:92" outlineLevel="1">
      <c r="A2765" s="52" t="s">
        <v>1692</v>
      </c>
      <c r="B2765" s="53">
        <v>2432275827.8899999</v>
      </c>
      <c r="C2765" s="53">
        <v>2432261690.5599999</v>
      </c>
      <c r="D2765" s="53">
        <v>2501631329.5799999</v>
      </c>
      <c r="E2765" s="53">
        <v>2501631329.5799999</v>
      </c>
      <c r="F2765" s="53">
        <v>2501631329.5799999</v>
      </c>
      <c r="G2765" s="53">
        <v>2503858074.9099998</v>
      </c>
      <c r="H2765" s="53">
        <v>2503858074.9099998</v>
      </c>
      <c r="I2765" s="53">
        <v>2503858074.9099998</v>
      </c>
      <c r="J2765" s="53">
        <v>2719794637.7899899</v>
      </c>
      <c r="K2765" s="53">
        <v>2719794637.7899899</v>
      </c>
      <c r="L2765" s="53">
        <v>2827028177.8299999</v>
      </c>
      <c r="M2765" s="53">
        <v>2785446192.25</v>
      </c>
      <c r="N2765" s="53">
        <v>2785446192.25</v>
      </c>
      <c r="O2765" s="53">
        <v>2774807570.8151898</v>
      </c>
      <c r="P2765" s="53">
        <v>2788181551.6268501</v>
      </c>
      <c r="Q2765" s="53">
        <v>2786613083.9282298</v>
      </c>
      <c r="R2765" s="53">
        <v>2775557948.1114101</v>
      </c>
      <c r="S2765" s="53">
        <v>2759873583.7783298</v>
      </c>
      <c r="T2765" s="53">
        <v>2736751109.8966298</v>
      </c>
      <c r="U2765" s="53">
        <v>2720225737.07055</v>
      </c>
      <c r="V2765" s="53">
        <v>2683477863.79778</v>
      </c>
      <c r="W2765" s="53">
        <v>2657960737.0732098</v>
      </c>
      <c r="X2765" s="53">
        <v>2646110624.6729102</v>
      </c>
      <c r="Y2765" s="53">
        <v>2644594852.4624</v>
      </c>
      <c r="Z2765" s="53">
        <v>2619038462.2790298</v>
      </c>
      <c r="AA2765" s="53">
        <v>2619038462.2790298</v>
      </c>
      <c r="AB2765" s="53">
        <v>2599648041.03127</v>
      </c>
      <c r="AC2765" s="53">
        <v>2601763246.9545999</v>
      </c>
      <c r="AD2765" s="53">
        <v>2596022630.1195698</v>
      </c>
      <c r="AE2765" s="53">
        <v>2597942021.0622401</v>
      </c>
      <c r="AF2765" s="53">
        <v>2594052670.0527501</v>
      </c>
      <c r="AG2765" s="53">
        <v>2586011572.8497601</v>
      </c>
      <c r="AH2765" s="53">
        <v>2579017258.9769201</v>
      </c>
      <c r="AI2765" s="53">
        <v>2554338694.4819102</v>
      </c>
      <c r="AJ2765" s="53">
        <v>2552076493.6231699</v>
      </c>
      <c r="AK2765" s="53">
        <v>2552396214.53896</v>
      </c>
      <c r="AL2765" s="53">
        <v>2560495773.6840601</v>
      </c>
      <c r="AM2765" s="53">
        <v>2544091134.96454</v>
      </c>
      <c r="AN2765" s="53">
        <v>2544091134.96454</v>
      </c>
      <c r="AO2765" s="53">
        <v>2551990976.8158302</v>
      </c>
      <c r="AP2765" s="53">
        <v>2575983311.3571601</v>
      </c>
      <c r="AQ2765" s="53">
        <v>2597539505.7655602</v>
      </c>
      <c r="AR2765" s="53">
        <v>2617407591.2308698</v>
      </c>
      <c r="AS2765" s="53">
        <v>2631157177.20017</v>
      </c>
      <c r="AT2765" s="53">
        <v>2647153404.5190001</v>
      </c>
      <c r="AU2765" s="53">
        <v>2660092723.6055198</v>
      </c>
      <c r="AV2765" s="53">
        <v>2659597811.5041699</v>
      </c>
      <c r="AW2765" s="53">
        <v>2676080169.79532</v>
      </c>
      <c r="AX2765" s="53">
        <v>2692677438.4347801</v>
      </c>
      <c r="AY2765" s="53">
        <v>2714875613.3165898</v>
      </c>
      <c r="AZ2765" s="53">
        <v>2719465399.2239699</v>
      </c>
      <c r="BA2765" s="53">
        <v>2719465399.2239699</v>
      </c>
      <c r="BB2765" s="53">
        <v>2724951789.4324999</v>
      </c>
      <c r="BC2765" s="53">
        <v>2747106179.7000999</v>
      </c>
      <c r="BD2765" s="53">
        <v>2766176890.2323298</v>
      </c>
      <c r="BE2765" s="53">
        <v>2840269627.9507599</v>
      </c>
      <c r="BF2765" s="53">
        <v>2851612677.06918</v>
      </c>
      <c r="BG2765" s="53">
        <v>2921775034.7226901</v>
      </c>
      <c r="BH2765" s="53">
        <v>2932418885.5971398</v>
      </c>
      <c r="BI2765" s="53">
        <v>2929801854.1379099</v>
      </c>
      <c r="BJ2765" s="53">
        <v>2853134049.4082699</v>
      </c>
      <c r="BK2765" s="53">
        <v>2868460372.4643202</v>
      </c>
      <c r="BL2765" s="53">
        <v>2889786297.8094301</v>
      </c>
      <c r="BM2765" s="53">
        <v>2864392276.1732702</v>
      </c>
      <c r="BN2765" s="53">
        <v>2864392276.1732702</v>
      </c>
      <c r="BO2765" s="53">
        <v>2870937792.3758502</v>
      </c>
      <c r="BP2765" s="53">
        <v>2894270185.7964201</v>
      </c>
      <c r="BQ2765" s="53">
        <v>2909999618.7855802</v>
      </c>
      <c r="BR2765" s="53">
        <v>2985427909.3544798</v>
      </c>
      <c r="BS2765" s="53">
        <v>2996997513.9342499</v>
      </c>
      <c r="BT2765" s="53">
        <v>3067164585.7704101</v>
      </c>
      <c r="BU2765" s="53">
        <v>3077495332.4503498</v>
      </c>
      <c r="BV2765" s="53">
        <v>3074457353.16922</v>
      </c>
      <c r="BW2765" s="53">
        <v>3145892402.1810799</v>
      </c>
      <c r="BX2765" s="53">
        <v>3161059539.7339802</v>
      </c>
      <c r="BY2765" s="53">
        <v>3180932396.0327601</v>
      </c>
      <c r="BZ2765" s="53">
        <v>3049651354.26614</v>
      </c>
      <c r="CA2765" s="53">
        <v>3049651354.26614</v>
      </c>
      <c r="CB2765" s="53">
        <v>9185.2866242038108</v>
      </c>
      <c r="CC2765" s="53">
        <v>9185.2866242038108</v>
      </c>
      <c r="CD2765" s="53">
        <v>9185.2866242038108</v>
      </c>
      <c r="CE2765" s="53">
        <v>9185.2866242038108</v>
      </c>
      <c r="CF2765" s="53">
        <v>9185.2866242038108</v>
      </c>
      <c r="CG2765" s="53">
        <v>9185.2866242038108</v>
      </c>
      <c r="CH2765" s="53">
        <v>9185.2866242038108</v>
      </c>
      <c r="CI2765" s="53">
        <v>9185.2866242038108</v>
      </c>
      <c r="CJ2765" s="53">
        <v>9185.2866242038108</v>
      </c>
      <c r="CK2765" s="53">
        <v>9185.2866242038108</v>
      </c>
      <c r="CL2765" s="53">
        <v>9185.2866242038108</v>
      </c>
      <c r="CM2765" s="53">
        <v>9185.2866242038108</v>
      </c>
      <c r="CN2765" s="53">
        <v>110223.439490445</v>
      </c>
    </row>
    <row r="2766" spans="1:92" outlineLevel="1">
      <c r="A2766" s="52" t="s">
        <v>1693</v>
      </c>
      <c r="B2766" s="53">
        <v>0</v>
      </c>
      <c r="C2766" s="53">
        <v>0</v>
      </c>
      <c r="D2766" s="53">
        <v>0</v>
      </c>
      <c r="E2766" s="53">
        <v>0</v>
      </c>
      <c r="F2766" s="53">
        <v>0</v>
      </c>
      <c r="G2766" s="53">
        <v>0</v>
      </c>
      <c r="H2766" s="53">
        <v>0</v>
      </c>
      <c r="I2766" s="53">
        <v>0</v>
      </c>
      <c r="J2766" s="53">
        <v>0</v>
      </c>
      <c r="K2766" s="53">
        <v>0</v>
      </c>
      <c r="L2766" s="53">
        <v>0</v>
      </c>
      <c r="M2766" s="53">
        <v>0</v>
      </c>
      <c r="N2766" s="53">
        <v>0</v>
      </c>
      <c r="O2766" s="53">
        <v>0</v>
      </c>
      <c r="P2766" s="53">
        <v>0</v>
      </c>
      <c r="Q2766" s="53">
        <v>0</v>
      </c>
      <c r="R2766" s="53">
        <v>0</v>
      </c>
      <c r="S2766" s="53">
        <v>0</v>
      </c>
      <c r="T2766" s="53">
        <v>0</v>
      </c>
      <c r="U2766" s="53">
        <v>0</v>
      </c>
      <c r="V2766" s="53">
        <v>0</v>
      </c>
      <c r="W2766" s="53">
        <v>0</v>
      </c>
      <c r="X2766" s="53">
        <v>0</v>
      </c>
      <c r="Y2766" s="53">
        <v>0</v>
      </c>
      <c r="Z2766" s="53">
        <v>0</v>
      </c>
      <c r="AA2766" s="53">
        <v>0</v>
      </c>
      <c r="AB2766" s="53">
        <v>0</v>
      </c>
      <c r="AC2766" s="53">
        <v>0</v>
      </c>
      <c r="AD2766" s="53">
        <v>0</v>
      </c>
      <c r="AE2766" s="53">
        <v>0</v>
      </c>
      <c r="AF2766" s="53">
        <v>0</v>
      </c>
      <c r="AG2766" s="53">
        <v>0</v>
      </c>
      <c r="AH2766" s="53">
        <v>0</v>
      </c>
      <c r="AI2766" s="53">
        <v>0</v>
      </c>
      <c r="AJ2766" s="53">
        <v>0</v>
      </c>
      <c r="AK2766" s="53">
        <v>0</v>
      </c>
      <c r="AL2766" s="53">
        <v>0</v>
      </c>
      <c r="AM2766" s="53">
        <v>0</v>
      </c>
      <c r="AN2766" s="53">
        <v>0</v>
      </c>
      <c r="AO2766" s="53">
        <v>0</v>
      </c>
      <c r="AP2766" s="53">
        <v>0</v>
      </c>
      <c r="AQ2766" s="53">
        <v>0</v>
      </c>
      <c r="AR2766" s="53">
        <v>0</v>
      </c>
      <c r="AS2766" s="53">
        <v>0</v>
      </c>
      <c r="AT2766" s="53">
        <v>0</v>
      </c>
      <c r="AU2766" s="53">
        <v>0</v>
      </c>
      <c r="AV2766" s="53">
        <v>0</v>
      </c>
      <c r="AW2766" s="53">
        <v>0</v>
      </c>
      <c r="AX2766" s="53">
        <v>0</v>
      </c>
      <c r="AY2766" s="53">
        <v>0</v>
      </c>
      <c r="AZ2766" s="53">
        <v>0</v>
      </c>
      <c r="BA2766" s="53">
        <v>0</v>
      </c>
      <c r="BB2766" s="53">
        <v>0</v>
      </c>
      <c r="BC2766" s="53">
        <v>0</v>
      </c>
      <c r="BD2766" s="53">
        <v>0</v>
      </c>
      <c r="BE2766" s="53">
        <v>0</v>
      </c>
      <c r="BF2766" s="53">
        <v>0</v>
      </c>
      <c r="BG2766" s="53">
        <v>0</v>
      </c>
      <c r="BH2766" s="53">
        <v>0</v>
      </c>
      <c r="BI2766" s="53">
        <v>0</v>
      </c>
      <c r="BJ2766" s="53">
        <v>0</v>
      </c>
      <c r="BK2766" s="53">
        <v>0</v>
      </c>
      <c r="BL2766" s="53">
        <v>0</v>
      </c>
      <c r="BM2766" s="53">
        <v>0</v>
      </c>
      <c r="BN2766" s="53">
        <v>0</v>
      </c>
      <c r="BO2766" s="53">
        <v>0</v>
      </c>
      <c r="BP2766" s="53">
        <v>0</v>
      </c>
      <c r="BQ2766" s="53">
        <v>0</v>
      </c>
      <c r="BR2766" s="53">
        <v>0</v>
      </c>
      <c r="BS2766" s="53">
        <v>0</v>
      </c>
      <c r="BT2766" s="53">
        <v>0</v>
      </c>
      <c r="BU2766" s="53">
        <v>0</v>
      </c>
      <c r="BV2766" s="53">
        <v>0</v>
      </c>
      <c r="BW2766" s="53">
        <v>0</v>
      </c>
      <c r="BX2766" s="53">
        <v>0</v>
      </c>
      <c r="BY2766" s="53">
        <v>0</v>
      </c>
      <c r="BZ2766" s="53">
        <v>0</v>
      </c>
      <c r="CA2766" s="53">
        <v>0</v>
      </c>
      <c r="CB2766" s="53">
        <v>3087.3789473684201</v>
      </c>
      <c r="CC2766" s="53">
        <v>3087.3789473684201</v>
      </c>
      <c r="CD2766" s="53">
        <v>3087.3789473684201</v>
      </c>
      <c r="CE2766" s="53">
        <v>3087.3789473684201</v>
      </c>
      <c r="CF2766" s="53">
        <v>3087.3789473684201</v>
      </c>
      <c r="CG2766" s="53">
        <v>3087.3789473684201</v>
      </c>
      <c r="CH2766" s="53">
        <v>3087.3789473684201</v>
      </c>
      <c r="CI2766" s="53">
        <v>3087.3789473684201</v>
      </c>
      <c r="CJ2766" s="53">
        <v>3087.3789473684201</v>
      </c>
      <c r="CK2766" s="53">
        <v>3087.3789473684201</v>
      </c>
      <c r="CL2766" s="53">
        <v>3087.3789473684201</v>
      </c>
      <c r="CM2766" s="53">
        <v>3087.3789473684201</v>
      </c>
      <c r="CN2766" s="53">
        <v>37048.547368421001</v>
      </c>
    </row>
    <row r="2767" spans="1:92" outlineLevel="1">
      <c r="A2767" s="52" t="s">
        <v>1694</v>
      </c>
      <c r="B2767" s="53">
        <v>3844314.3499999898</v>
      </c>
      <c r="C2767" s="53">
        <v>3844314.3499999898</v>
      </c>
      <c r="D2767" s="53">
        <v>3844313.55</v>
      </c>
      <c r="E2767" s="53">
        <v>3844313.55</v>
      </c>
      <c r="F2767" s="53">
        <v>3844313.55</v>
      </c>
      <c r="G2767" s="53">
        <v>3844313.55</v>
      </c>
      <c r="H2767" s="53">
        <v>3844313.55</v>
      </c>
      <c r="I2767" s="53">
        <v>3844313.55</v>
      </c>
      <c r="J2767" s="53">
        <v>5348295.32</v>
      </c>
      <c r="K2767" s="53">
        <v>5348295.32</v>
      </c>
      <c r="L2767" s="53">
        <v>5348295.32</v>
      </c>
      <c r="M2767" s="53">
        <v>5348295.32</v>
      </c>
      <c r="N2767" s="53">
        <v>5348295.32</v>
      </c>
      <c r="O2767" s="53">
        <v>5348295.32</v>
      </c>
      <c r="P2767" s="53">
        <v>5348295.32</v>
      </c>
      <c r="Q2767" s="53">
        <v>5348295.32</v>
      </c>
      <c r="R2767" s="53">
        <v>5348295.32</v>
      </c>
      <c r="S2767" s="53">
        <v>5348295.32</v>
      </c>
      <c r="T2767" s="53">
        <v>5348295.32</v>
      </c>
      <c r="U2767" s="53">
        <v>5348295.32</v>
      </c>
      <c r="V2767" s="53">
        <v>5348295.32</v>
      </c>
      <c r="W2767" s="53">
        <v>5348295.32</v>
      </c>
      <c r="X2767" s="53">
        <v>5348295.32</v>
      </c>
      <c r="Y2767" s="53">
        <v>5348295.32</v>
      </c>
      <c r="Z2767" s="53">
        <v>5348295.32</v>
      </c>
      <c r="AA2767" s="53">
        <v>5348295.32</v>
      </c>
      <c r="AB2767" s="53">
        <v>5348295.32</v>
      </c>
      <c r="AC2767" s="53">
        <v>5348295.32</v>
      </c>
      <c r="AD2767" s="53">
        <v>5348295.32</v>
      </c>
      <c r="AE2767" s="53">
        <v>5348295.32</v>
      </c>
      <c r="AF2767" s="53">
        <v>5348295.32</v>
      </c>
      <c r="AG2767" s="53">
        <v>5348295.32</v>
      </c>
      <c r="AH2767" s="53">
        <v>5348295.32</v>
      </c>
      <c r="AI2767" s="53">
        <v>5348295.32</v>
      </c>
      <c r="AJ2767" s="53">
        <v>5348295.32</v>
      </c>
      <c r="AK2767" s="53">
        <v>5348295.32</v>
      </c>
      <c r="AL2767" s="53">
        <v>5348295.32</v>
      </c>
      <c r="AM2767" s="53">
        <v>5348295.32</v>
      </c>
      <c r="AN2767" s="53">
        <v>5348295.32</v>
      </c>
      <c r="AO2767" s="53">
        <v>5348295.32</v>
      </c>
      <c r="AP2767" s="53">
        <v>5348295.32</v>
      </c>
      <c r="AQ2767" s="53">
        <v>5348295.32</v>
      </c>
      <c r="AR2767" s="53">
        <v>5348295.32</v>
      </c>
      <c r="AS2767" s="53">
        <v>5348295.32</v>
      </c>
      <c r="AT2767" s="53">
        <v>5348295.32</v>
      </c>
      <c r="AU2767" s="53">
        <v>5348295.32</v>
      </c>
      <c r="AV2767" s="53">
        <v>5348295.32</v>
      </c>
      <c r="AW2767" s="53">
        <v>5348295.32</v>
      </c>
      <c r="AX2767" s="53">
        <v>5348295.32</v>
      </c>
      <c r="AY2767" s="53">
        <v>5348295.32</v>
      </c>
      <c r="AZ2767" s="53">
        <v>5348295.32</v>
      </c>
      <c r="BA2767" s="53">
        <v>5348295.32</v>
      </c>
      <c r="BB2767" s="53">
        <v>5348295.32</v>
      </c>
      <c r="BC2767" s="53">
        <v>5348295.32</v>
      </c>
      <c r="BD2767" s="53">
        <v>5348295.32</v>
      </c>
      <c r="BE2767" s="53">
        <v>5348295.32</v>
      </c>
      <c r="BF2767" s="53">
        <v>5348295.32</v>
      </c>
      <c r="BG2767" s="53">
        <v>5348295.32</v>
      </c>
      <c r="BH2767" s="53">
        <v>5348295.32</v>
      </c>
      <c r="BI2767" s="53">
        <v>5348295.32</v>
      </c>
      <c r="BJ2767" s="53">
        <v>5348295.32</v>
      </c>
      <c r="BK2767" s="53">
        <v>5348295.32</v>
      </c>
      <c r="BL2767" s="53">
        <v>5348295.32</v>
      </c>
      <c r="BM2767" s="53">
        <v>5348295.32</v>
      </c>
      <c r="BN2767" s="53">
        <v>5348295.32</v>
      </c>
      <c r="BO2767" s="53">
        <v>5348295.32</v>
      </c>
      <c r="BP2767" s="53">
        <v>5348295.32</v>
      </c>
      <c r="BQ2767" s="53">
        <v>5348295.32</v>
      </c>
      <c r="BR2767" s="53">
        <v>5348295.32</v>
      </c>
      <c r="BS2767" s="53">
        <v>5348295.32</v>
      </c>
      <c r="BT2767" s="53">
        <v>5348295.32</v>
      </c>
      <c r="BU2767" s="53">
        <v>5348295.32</v>
      </c>
      <c r="BV2767" s="53">
        <v>5348295.32</v>
      </c>
      <c r="BW2767" s="53">
        <v>5348295.32</v>
      </c>
      <c r="BX2767" s="53">
        <v>5348295.32</v>
      </c>
      <c r="BY2767" s="53">
        <v>5348295.32</v>
      </c>
      <c r="BZ2767" s="53">
        <v>5348295.32</v>
      </c>
      <c r="CA2767" s="53">
        <v>5348295.32</v>
      </c>
      <c r="CB2767" s="53">
        <v>5700.3251231527101</v>
      </c>
      <c r="CC2767" s="53">
        <v>5700.3251231527101</v>
      </c>
      <c r="CD2767" s="53">
        <v>5700.3251231527101</v>
      </c>
      <c r="CE2767" s="53">
        <v>5700.3251231527101</v>
      </c>
      <c r="CF2767" s="53">
        <v>5700.3251231527101</v>
      </c>
      <c r="CG2767" s="53">
        <v>5700.3251231527101</v>
      </c>
      <c r="CH2767" s="53">
        <v>5700.3251231527101</v>
      </c>
      <c r="CI2767" s="53">
        <v>5700.3251231527101</v>
      </c>
      <c r="CJ2767" s="53">
        <v>5700.3251231527101</v>
      </c>
      <c r="CK2767" s="53">
        <v>5700.3251231527101</v>
      </c>
      <c r="CL2767" s="53">
        <v>5700.3251231527101</v>
      </c>
      <c r="CM2767" s="53">
        <v>5700.3251231527101</v>
      </c>
      <c r="CN2767" s="53">
        <v>68403.901477832507</v>
      </c>
    </row>
    <row r="2768" spans="1:92" outlineLevel="1">
      <c r="A2768" s="52" t="s">
        <v>1695</v>
      </c>
      <c r="B2768" s="53">
        <v>0</v>
      </c>
      <c r="C2768" s="53">
        <v>0</v>
      </c>
      <c r="D2768" s="53">
        <v>0</v>
      </c>
      <c r="E2768" s="53">
        <v>0</v>
      </c>
      <c r="F2768" s="53">
        <v>0</v>
      </c>
      <c r="G2768" s="53">
        <v>0</v>
      </c>
      <c r="H2768" s="53">
        <v>0</v>
      </c>
      <c r="I2768" s="53">
        <v>0</v>
      </c>
      <c r="J2768" s="53">
        <v>0</v>
      </c>
      <c r="K2768" s="53">
        <v>0</v>
      </c>
      <c r="L2768" s="53">
        <v>0</v>
      </c>
      <c r="M2768" s="53">
        <v>0</v>
      </c>
      <c r="N2768" s="53">
        <v>0</v>
      </c>
      <c r="O2768" s="53">
        <v>0</v>
      </c>
      <c r="P2768" s="53">
        <v>0</v>
      </c>
      <c r="Q2768" s="53">
        <v>0</v>
      </c>
      <c r="R2768" s="53">
        <v>0</v>
      </c>
      <c r="S2768" s="53">
        <v>0</v>
      </c>
      <c r="T2768" s="53">
        <v>0</v>
      </c>
      <c r="U2768" s="53">
        <v>0</v>
      </c>
      <c r="V2768" s="53">
        <v>0</v>
      </c>
      <c r="W2768" s="53">
        <v>0</v>
      </c>
      <c r="X2768" s="53">
        <v>0</v>
      </c>
      <c r="Y2768" s="53">
        <v>0</v>
      </c>
      <c r="Z2768" s="53">
        <v>0</v>
      </c>
      <c r="AA2768" s="53">
        <v>0</v>
      </c>
      <c r="AB2768" s="53">
        <v>0</v>
      </c>
      <c r="AC2768" s="53">
        <v>0</v>
      </c>
      <c r="AD2768" s="53">
        <v>0</v>
      </c>
      <c r="AE2768" s="53">
        <v>0</v>
      </c>
      <c r="AF2768" s="53">
        <v>0</v>
      </c>
      <c r="AG2768" s="53">
        <v>0</v>
      </c>
      <c r="AH2768" s="53">
        <v>0</v>
      </c>
      <c r="AI2768" s="53">
        <v>0</v>
      </c>
      <c r="AJ2768" s="53">
        <v>0</v>
      </c>
      <c r="AK2768" s="53">
        <v>0</v>
      </c>
      <c r="AL2768" s="53">
        <v>0</v>
      </c>
      <c r="AM2768" s="53">
        <v>0</v>
      </c>
      <c r="AN2768" s="53">
        <v>0</v>
      </c>
      <c r="AO2768" s="53">
        <v>0</v>
      </c>
      <c r="AP2768" s="53">
        <v>0</v>
      </c>
      <c r="AQ2768" s="53">
        <v>0</v>
      </c>
      <c r="AR2768" s="53">
        <v>0</v>
      </c>
      <c r="AS2768" s="53">
        <v>0</v>
      </c>
      <c r="AT2768" s="53">
        <v>0</v>
      </c>
      <c r="AU2768" s="53">
        <v>0</v>
      </c>
      <c r="AV2768" s="53">
        <v>0</v>
      </c>
      <c r="AW2768" s="53">
        <v>0</v>
      </c>
      <c r="AX2768" s="53">
        <v>0</v>
      </c>
      <c r="AY2768" s="53">
        <v>0</v>
      </c>
      <c r="AZ2768" s="53">
        <v>0</v>
      </c>
      <c r="BA2768" s="53">
        <v>0</v>
      </c>
      <c r="BB2768" s="53">
        <v>0</v>
      </c>
      <c r="BC2768" s="53">
        <v>0</v>
      </c>
      <c r="BD2768" s="53">
        <v>0</v>
      </c>
      <c r="BE2768" s="53">
        <v>0</v>
      </c>
      <c r="BF2768" s="53">
        <v>0</v>
      </c>
      <c r="BG2768" s="53">
        <v>0</v>
      </c>
      <c r="BH2768" s="53">
        <v>0</v>
      </c>
      <c r="BI2768" s="53">
        <v>0</v>
      </c>
      <c r="BJ2768" s="53">
        <v>0</v>
      </c>
      <c r="BK2768" s="53">
        <v>0</v>
      </c>
      <c r="BL2768" s="53">
        <v>0</v>
      </c>
      <c r="BM2768" s="53">
        <v>0</v>
      </c>
      <c r="BN2768" s="53">
        <v>0</v>
      </c>
      <c r="BO2768" s="53">
        <v>0</v>
      </c>
      <c r="BP2768" s="53">
        <v>0</v>
      </c>
      <c r="BQ2768" s="53">
        <v>0</v>
      </c>
      <c r="BR2768" s="53">
        <v>0</v>
      </c>
      <c r="BS2768" s="53">
        <v>0</v>
      </c>
      <c r="BT2768" s="53">
        <v>0</v>
      </c>
      <c r="BU2768" s="53">
        <v>0</v>
      </c>
      <c r="BV2768" s="53">
        <v>0</v>
      </c>
      <c r="BW2768" s="53">
        <v>0</v>
      </c>
      <c r="BX2768" s="53">
        <v>0</v>
      </c>
      <c r="BY2768" s="53">
        <v>0</v>
      </c>
      <c r="BZ2768" s="53">
        <v>0</v>
      </c>
      <c r="CA2768" s="53">
        <v>0</v>
      </c>
      <c r="CB2768" s="53">
        <v>8149.6234309623196</v>
      </c>
      <c r="CC2768" s="53">
        <v>8149.6234309623196</v>
      </c>
      <c r="CD2768" s="53">
        <v>8149.6234309623196</v>
      </c>
      <c r="CE2768" s="53">
        <v>8149.6234309623196</v>
      </c>
      <c r="CF2768" s="53">
        <v>8149.6234309623196</v>
      </c>
      <c r="CG2768" s="53">
        <v>8149.6234309623196</v>
      </c>
      <c r="CH2768" s="53">
        <v>8149.6234309623196</v>
      </c>
      <c r="CI2768" s="53">
        <v>8149.6234309623196</v>
      </c>
      <c r="CJ2768" s="53">
        <v>8149.6234309623196</v>
      </c>
      <c r="CK2768" s="53">
        <v>8149.6234309623196</v>
      </c>
      <c r="CL2768" s="53">
        <v>8149.6234309623196</v>
      </c>
      <c r="CM2768" s="53">
        <v>8149.6234309623196</v>
      </c>
      <c r="CN2768" s="53">
        <v>97795.481171547799</v>
      </c>
    </row>
    <row r="2769" spans="1:92" outlineLevel="1">
      <c r="A2769" s="52" t="s">
        <v>1218</v>
      </c>
      <c r="B2769" s="53">
        <v>2436120142.2399998</v>
      </c>
      <c r="C2769" s="53">
        <v>2436120142.2399998</v>
      </c>
      <c r="D2769" s="53">
        <v>2436106004.9099998</v>
      </c>
      <c r="E2769" s="53">
        <v>2505475643.1300001</v>
      </c>
      <c r="F2769" s="53">
        <v>2505475643.1300001</v>
      </c>
      <c r="G2769" s="53">
        <v>2505475643.1300001</v>
      </c>
      <c r="H2769" s="53">
        <v>2507702388.46</v>
      </c>
      <c r="I2769" s="53">
        <v>2507702388.46</v>
      </c>
      <c r="J2769" s="53">
        <v>2507702388.46</v>
      </c>
      <c r="K2769" s="53">
        <v>2725142933.1099901</v>
      </c>
      <c r="L2769" s="53">
        <v>2725142933.1099901</v>
      </c>
      <c r="M2769" s="53">
        <v>2832376473.1500001</v>
      </c>
      <c r="N2769" s="53">
        <v>2436120142.2399998</v>
      </c>
      <c r="O2769" s="53">
        <v>2790794487.5700002</v>
      </c>
      <c r="P2769" s="53">
        <v>2780155866.13519</v>
      </c>
      <c r="Q2769" s="53">
        <v>2793529846.9468498</v>
      </c>
      <c r="R2769" s="53">
        <v>2791961379.24823</v>
      </c>
      <c r="S2769" s="53">
        <v>2780906243.4314098</v>
      </c>
      <c r="T2769" s="53">
        <v>2765221879.09833</v>
      </c>
      <c r="U2769" s="53">
        <v>2742099405.21663</v>
      </c>
      <c r="V2769" s="53">
        <v>2725574032.3905401</v>
      </c>
      <c r="W2769" s="53">
        <v>2688826159.1177802</v>
      </c>
      <c r="X2769" s="53">
        <v>2663309032.3932099</v>
      </c>
      <c r="Y2769" s="53">
        <v>2651458919.9929099</v>
      </c>
      <c r="Z2769" s="53">
        <v>2649943147.7824001</v>
      </c>
      <c r="AA2769" s="53">
        <v>2790794487.5700002</v>
      </c>
      <c r="AB2769" s="53">
        <v>2624386757.59903</v>
      </c>
      <c r="AC2769" s="53">
        <v>2604996336.3512702</v>
      </c>
      <c r="AD2769" s="53">
        <v>2607111542.2746</v>
      </c>
      <c r="AE2769" s="53">
        <v>2601370925.43957</v>
      </c>
      <c r="AF2769" s="53">
        <v>2603290316.3822398</v>
      </c>
      <c r="AG2769" s="53">
        <v>2599400965.3727598</v>
      </c>
      <c r="AH2769" s="53">
        <v>2591359868.1697502</v>
      </c>
      <c r="AI2769" s="53">
        <v>2584365554.2969198</v>
      </c>
      <c r="AJ2769" s="53">
        <v>2559686989.8019099</v>
      </c>
      <c r="AK2769" s="53">
        <v>2557424788.9431701</v>
      </c>
      <c r="AL2769" s="53">
        <v>2557744509.8589602</v>
      </c>
      <c r="AM2769" s="53">
        <v>2565844069.0040598</v>
      </c>
      <c r="AN2769" s="53">
        <v>2624386757.59903</v>
      </c>
      <c r="AO2769" s="53">
        <v>2549439430.2845402</v>
      </c>
      <c r="AP2769" s="53">
        <v>2557339272.1358299</v>
      </c>
      <c r="AQ2769" s="53">
        <v>2581331606.6771598</v>
      </c>
      <c r="AR2769" s="53">
        <v>2602887801.0855598</v>
      </c>
      <c r="AS2769" s="53">
        <v>2622755886.5508699</v>
      </c>
      <c r="AT2769" s="53">
        <v>2636505472.5201702</v>
      </c>
      <c r="AU2769" s="53">
        <v>2652501699.8390002</v>
      </c>
      <c r="AV2769" s="53">
        <v>2665441018.9255199</v>
      </c>
      <c r="AW2769" s="53">
        <v>2664946106.8241701</v>
      </c>
      <c r="AX2769" s="53">
        <v>2681428465.1153202</v>
      </c>
      <c r="AY2769" s="53">
        <v>2698025733.7547798</v>
      </c>
      <c r="AZ2769" s="53">
        <v>2720223908.63659</v>
      </c>
      <c r="BA2769" s="53">
        <v>2549439430.2845402</v>
      </c>
      <c r="BB2769" s="53">
        <v>2724813694.5439701</v>
      </c>
      <c r="BC2769" s="53">
        <v>2730300084.7525001</v>
      </c>
      <c r="BD2769" s="53">
        <v>2752454475.0201001</v>
      </c>
      <c r="BE2769" s="53">
        <v>2771525185.55233</v>
      </c>
      <c r="BF2769" s="53">
        <v>2845617923.2707601</v>
      </c>
      <c r="BG2769" s="53">
        <v>2856960972.3891802</v>
      </c>
      <c r="BH2769" s="53">
        <v>2927123330.0426898</v>
      </c>
      <c r="BI2769" s="53">
        <v>2937767180.91714</v>
      </c>
      <c r="BJ2769" s="53">
        <v>2935150149.4579101</v>
      </c>
      <c r="BK2769" s="53">
        <v>2858482344.7282701</v>
      </c>
      <c r="BL2769" s="53">
        <v>2873808667.7843199</v>
      </c>
      <c r="BM2769" s="53">
        <v>2895134593.1294298</v>
      </c>
      <c r="BN2769" s="53">
        <v>2724813694.5439701</v>
      </c>
      <c r="BO2769" s="53">
        <v>2869740571.4932699</v>
      </c>
      <c r="BP2769" s="53">
        <v>2876286087.6958499</v>
      </c>
      <c r="BQ2769" s="53">
        <v>2899618481.1164198</v>
      </c>
      <c r="BR2769" s="53">
        <v>2915347914.1055799</v>
      </c>
      <c r="BS2769" s="53">
        <v>2990776204.67448</v>
      </c>
      <c r="BT2769" s="53">
        <v>3002345809.25425</v>
      </c>
      <c r="BU2769" s="53">
        <v>3072512881.0904102</v>
      </c>
      <c r="BV2769" s="53">
        <v>3082843627.77035</v>
      </c>
      <c r="BW2769" s="53">
        <v>3079805648.4892201</v>
      </c>
      <c r="BX2769" s="53">
        <v>3151240697.50108</v>
      </c>
      <c r="BY2769" s="53">
        <v>3166407835.0539799</v>
      </c>
      <c r="BZ2769" s="53">
        <v>3186280691.3527598</v>
      </c>
      <c r="CA2769" s="53">
        <v>2869740571.4932699</v>
      </c>
      <c r="CB2769" s="53">
        <v>7907.1043115438397</v>
      </c>
      <c r="CC2769" s="53">
        <v>7907.1043115438397</v>
      </c>
      <c r="CD2769" s="53">
        <v>7907.1043115438397</v>
      </c>
      <c r="CE2769" s="53">
        <v>7907.1043115438397</v>
      </c>
      <c r="CF2769" s="53">
        <v>7907.1043115438397</v>
      </c>
      <c r="CG2769" s="53">
        <v>7907.1043115438397</v>
      </c>
      <c r="CH2769" s="53">
        <v>7907.1043115438397</v>
      </c>
      <c r="CI2769" s="53">
        <v>7907.1043115438397</v>
      </c>
      <c r="CJ2769" s="53">
        <v>7907.1043115438397</v>
      </c>
      <c r="CK2769" s="53">
        <v>7907.1043115438397</v>
      </c>
      <c r="CL2769" s="53">
        <v>7907.1043115438397</v>
      </c>
      <c r="CM2769" s="53">
        <v>7907.1043115438397</v>
      </c>
      <c r="CN2769" s="53">
        <v>94885.251738526102</v>
      </c>
    </row>
    <row r="2770" spans="1:92" outlineLevel="1">
      <c r="A2770" s="52" t="s">
        <v>699</v>
      </c>
      <c r="B2770" s="53"/>
      <c r="C2770" s="53"/>
      <c r="D2770" s="53"/>
      <c r="E2770" s="53"/>
      <c r="F2770" s="53"/>
      <c r="G2770" s="53"/>
      <c r="H2770" s="53"/>
      <c r="I2770" s="53"/>
      <c r="J2770" s="53"/>
      <c r="K2770" s="53"/>
      <c r="L2770" s="53"/>
      <c r="M2770" s="53"/>
      <c r="N2770" s="53"/>
      <c r="O2770" s="53"/>
      <c r="P2770" s="53"/>
      <c r="Q2770" s="53"/>
      <c r="R2770" s="53"/>
      <c r="S2770" s="53"/>
      <c r="T2770" s="53"/>
      <c r="U2770" s="53"/>
      <c r="V2770" s="53"/>
      <c r="W2770" s="53"/>
      <c r="X2770" s="53"/>
      <c r="Y2770" s="53"/>
      <c r="Z2770" s="53"/>
      <c r="AA2770" s="53"/>
      <c r="AB2770" s="53"/>
      <c r="AC2770" s="53"/>
      <c r="AD2770" s="53"/>
      <c r="AE2770" s="53"/>
      <c r="AF2770" s="53"/>
      <c r="AG2770" s="53"/>
      <c r="AH2770" s="53"/>
      <c r="AI2770" s="53"/>
      <c r="AJ2770" s="53"/>
      <c r="AK2770" s="53"/>
      <c r="AL2770" s="53"/>
      <c r="AM2770" s="53"/>
      <c r="AN2770" s="53"/>
      <c r="AO2770" s="53"/>
      <c r="AP2770" s="53"/>
      <c r="AQ2770" s="53"/>
      <c r="AR2770" s="53"/>
      <c r="AS2770" s="53"/>
      <c r="AT2770" s="53"/>
      <c r="AU2770" s="53"/>
      <c r="AV2770" s="53"/>
      <c r="AW2770" s="53"/>
      <c r="AX2770" s="53"/>
      <c r="AY2770" s="53"/>
      <c r="AZ2770" s="53"/>
      <c r="BA2770" s="53"/>
      <c r="BB2770" s="53"/>
      <c r="BC2770" s="53"/>
      <c r="BD2770" s="53"/>
      <c r="BE2770" s="53"/>
      <c r="BF2770" s="53"/>
      <c r="BG2770" s="53"/>
      <c r="BH2770" s="53"/>
      <c r="BI2770" s="53"/>
      <c r="BJ2770" s="53"/>
      <c r="BK2770" s="53"/>
      <c r="BL2770" s="53"/>
      <c r="BM2770" s="53"/>
      <c r="BN2770" s="53"/>
      <c r="BO2770" s="53"/>
      <c r="BP2770" s="53"/>
      <c r="BQ2770" s="53"/>
      <c r="BR2770" s="53"/>
      <c r="BS2770" s="53"/>
      <c r="BT2770" s="53"/>
      <c r="BU2770" s="53"/>
      <c r="BV2770" s="53"/>
      <c r="BW2770" s="53"/>
      <c r="BX2770" s="53"/>
      <c r="BY2770" s="53"/>
      <c r="BZ2770" s="53"/>
      <c r="CA2770" s="53"/>
      <c r="CB2770" s="53">
        <v>-10072871.470623899</v>
      </c>
      <c r="CC2770" s="53">
        <v>-10004024.0955279</v>
      </c>
      <c r="CD2770" s="53">
        <v>-9935176.7204318792</v>
      </c>
      <c r="CE2770" s="53">
        <v>-9866329.34533583</v>
      </c>
      <c r="CF2770" s="53">
        <v>-9797481.9702397808</v>
      </c>
      <c r="CG2770" s="53">
        <v>-9728634.5951437205</v>
      </c>
      <c r="CH2770" s="53">
        <v>-9659787.2200476695</v>
      </c>
      <c r="CI2770" s="53">
        <v>-9590939.8449516203</v>
      </c>
      <c r="CJ2770" s="53">
        <v>-9522092.4698555693</v>
      </c>
      <c r="CK2770" s="53">
        <v>-9453245.0947595108</v>
      </c>
      <c r="CL2770" s="53">
        <v>-9384397.7196634598</v>
      </c>
      <c r="CM2770" s="53">
        <v>-9315550.3445674106</v>
      </c>
      <c r="CN2770" s="53">
        <v>-9315550.3445674106</v>
      </c>
    </row>
    <row r="2771" spans="1:92" outlineLevel="1">
      <c r="A2771" s="52" t="s">
        <v>700</v>
      </c>
      <c r="B2771" s="53"/>
      <c r="C2771" s="53"/>
      <c r="D2771" s="53"/>
      <c r="E2771" s="53"/>
      <c r="F2771" s="53"/>
      <c r="G2771" s="53"/>
      <c r="H2771" s="53"/>
      <c r="I2771" s="53"/>
      <c r="J2771" s="53"/>
      <c r="K2771" s="53"/>
      <c r="L2771" s="53"/>
      <c r="M2771" s="53"/>
      <c r="N2771" s="53"/>
      <c r="O2771" s="53"/>
      <c r="P2771" s="53"/>
      <c r="Q2771" s="53"/>
      <c r="R2771" s="53"/>
      <c r="S2771" s="53"/>
      <c r="T2771" s="53"/>
      <c r="U2771" s="53"/>
      <c r="V2771" s="53"/>
      <c r="W2771" s="53"/>
      <c r="X2771" s="53"/>
      <c r="Y2771" s="53"/>
      <c r="Z2771" s="53"/>
      <c r="AA2771" s="53"/>
      <c r="AB2771" s="53"/>
      <c r="AC2771" s="53"/>
      <c r="AD2771" s="53"/>
      <c r="AE2771" s="53"/>
      <c r="AF2771" s="53"/>
      <c r="AG2771" s="53"/>
      <c r="AH2771" s="53"/>
      <c r="AI2771" s="53"/>
      <c r="AJ2771" s="53"/>
      <c r="AK2771" s="53"/>
      <c r="AL2771" s="53"/>
      <c r="AM2771" s="53"/>
      <c r="AN2771" s="53"/>
      <c r="AO2771" s="53"/>
      <c r="AP2771" s="53"/>
      <c r="AQ2771" s="53"/>
      <c r="AR2771" s="53"/>
      <c r="AS2771" s="53"/>
      <c r="AT2771" s="53"/>
      <c r="AU2771" s="53"/>
      <c r="AV2771" s="53"/>
      <c r="AW2771" s="53"/>
      <c r="AX2771" s="53"/>
      <c r="AY2771" s="53"/>
      <c r="AZ2771" s="53"/>
      <c r="BA2771" s="53"/>
      <c r="BB2771" s="53"/>
      <c r="BC2771" s="53"/>
      <c r="BD2771" s="53"/>
      <c r="BE2771" s="53"/>
      <c r="BF2771" s="53"/>
      <c r="BG2771" s="53"/>
      <c r="BH2771" s="53"/>
      <c r="BI2771" s="53"/>
      <c r="BJ2771" s="53"/>
      <c r="BK2771" s="53"/>
      <c r="BL2771" s="53"/>
      <c r="BM2771" s="53"/>
      <c r="BN2771" s="53"/>
      <c r="BO2771" s="53"/>
      <c r="BP2771" s="53"/>
      <c r="BQ2771" s="53"/>
      <c r="BR2771" s="53"/>
      <c r="BS2771" s="53"/>
      <c r="BT2771" s="53"/>
      <c r="BU2771" s="53"/>
      <c r="BV2771" s="53"/>
      <c r="BW2771" s="53"/>
      <c r="BX2771" s="53"/>
      <c r="BY2771" s="53"/>
      <c r="BZ2771" s="53"/>
      <c r="CA2771" s="53"/>
      <c r="CB2771" s="53">
        <v>-37766972.980701998</v>
      </c>
      <c r="CC2771" s="53">
        <v>-37402031.226667002</v>
      </c>
      <c r="CD2771" s="53">
        <v>-37061789.158582501</v>
      </c>
      <c r="CE2771" s="53">
        <v>-36721547.090497904</v>
      </c>
      <c r="CF2771" s="53">
        <v>-36381305.022413403</v>
      </c>
      <c r="CG2771" s="53">
        <v>-36041062.954328798</v>
      </c>
      <c r="CH2771" s="53">
        <v>-35700820.886244297</v>
      </c>
      <c r="CI2771" s="53">
        <v>-35360578.818159699</v>
      </c>
      <c r="CJ2771" s="53">
        <v>-35020336.750075199</v>
      </c>
      <c r="CK2771" s="53">
        <v>-34680094.681990601</v>
      </c>
      <c r="CL2771" s="53">
        <v>-34339852.6139061</v>
      </c>
      <c r="CM2771" s="53">
        <v>-33999610.545821503</v>
      </c>
      <c r="CN2771" s="53">
        <v>-37766972.980701998</v>
      </c>
    </row>
    <row r="2772" spans="1:92" outlineLevel="1">
      <c r="A2772" s="52" t="s">
        <v>1682</v>
      </c>
      <c r="B2772" s="53"/>
      <c r="C2772" s="53"/>
      <c r="D2772" s="53"/>
      <c r="E2772" s="53"/>
      <c r="F2772" s="53"/>
      <c r="G2772" s="53"/>
      <c r="H2772" s="53"/>
      <c r="I2772" s="53"/>
      <c r="J2772" s="53"/>
      <c r="K2772" s="53"/>
      <c r="L2772" s="53"/>
      <c r="M2772" s="53"/>
      <c r="N2772" s="53"/>
      <c r="O2772" s="53"/>
      <c r="P2772" s="53"/>
      <c r="Q2772" s="53"/>
      <c r="R2772" s="53"/>
      <c r="S2772" s="53"/>
      <c r="T2772" s="53"/>
      <c r="U2772" s="53"/>
      <c r="V2772" s="53"/>
      <c r="W2772" s="53"/>
      <c r="X2772" s="53"/>
      <c r="Y2772" s="53"/>
      <c r="Z2772" s="53"/>
      <c r="AA2772" s="53"/>
      <c r="AB2772" s="53"/>
      <c r="AC2772" s="53"/>
      <c r="AD2772" s="53"/>
      <c r="AE2772" s="53"/>
      <c r="AF2772" s="53"/>
      <c r="AG2772" s="53"/>
      <c r="AH2772" s="53"/>
      <c r="AI2772" s="53"/>
      <c r="AJ2772" s="53"/>
      <c r="AK2772" s="53"/>
      <c r="AL2772" s="53"/>
      <c r="AM2772" s="53"/>
      <c r="AN2772" s="53"/>
      <c r="AO2772" s="53"/>
      <c r="AP2772" s="53"/>
      <c r="AQ2772" s="53"/>
      <c r="AR2772" s="53"/>
      <c r="AS2772" s="53"/>
      <c r="AT2772" s="53"/>
      <c r="AU2772" s="53"/>
      <c r="AV2772" s="53"/>
      <c r="AW2772" s="53"/>
      <c r="AX2772" s="53"/>
      <c r="AY2772" s="53"/>
      <c r="AZ2772" s="53"/>
      <c r="BA2772" s="53"/>
      <c r="BB2772" s="53"/>
      <c r="BC2772" s="53"/>
      <c r="BD2772" s="53"/>
      <c r="BE2772" s="53"/>
      <c r="BF2772" s="53"/>
      <c r="BG2772" s="53"/>
      <c r="BH2772" s="53"/>
      <c r="BI2772" s="53"/>
      <c r="BJ2772" s="53"/>
      <c r="BK2772" s="53"/>
      <c r="BL2772" s="53"/>
      <c r="BM2772" s="53"/>
      <c r="BN2772" s="53"/>
      <c r="BO2772" s="53"/>
      <c r="BP2772" s="53"/>
      <c r="BQ2772" s="53"/>
      <c r="BR2772" s="53"/>
      <c r="BS2772" s="53"/>
      <c r="BT2772" s="53"/>
      <c r="BU2772" s="53"/>
      <c r="BV2772" s="53"/>
      <c r="BW2772" s="53"/>
      <c r="BX2772" s="53"/>
      <c r="BY2772" s="53"/>
      <c r="BZ2772" s="53"/>
      <c r="CA2772" s="53"/>
      <c r="CB2772" s="53"/>
      <c r="CC2772" s="53"/>
      <c r="CD2772" s="53"/>
      <c r="CE2772" s="53"/>
      <c r="CF2772" s="53"/>
      <c r="CG2772" s="53"/>
      <c r="CH2772" s="53"/>
      <c r="CI2772" s="53"/>
      <c r="CJ2772" s="53"/>
      <c r="CK2772" s="53"/>
      <c r="CL2772" s="53"/>
      <c r="CM2772" s="53"/>
      <c r="CN2772" s="53"/>
    </row>
    <row r="2773" spans="1:92" outlineLevel="1">
      <c r="A2773" s="52" t="s">
        <v>649</v>
      </c>
      <c r="B2773" s="53"/>
      <c r="C2773" s="53"/>
      <c r="D2773" s="53"/>
      <c r="E2773" s="53"/>
      <c r="F2773" s="53"/>
      <c r="G2773" s="53"/>
      <c r="H2773" s="53"/>
      <c r="I2773" s="53"/>
      <c r="J2773" s="53"/>
      <c r="K2773" s="53"/>
      <c r="L2773" s="53"/>
      <c r="M2773" s="53"/>
      <c r="N2773" s="53"/>
      <c r="O2773" s="53"/>
      <c r="P2773" s="53"/>
      <c r="Q2773" s="53"/>
      <c r="R2773" s="53"/>
      <c r="S2773" s="53"/>
      <c r="T2773" s="53"/>
      <c r="U2773" s="53"/>
      <c r="V2773" s="53"/>
      <c r="W2773" s="53"/>
      <c r="X2773" s="53"/>
      <c r="Y2773" s="53"/>
      <c r="Z2773" s="53"/>
      <c r="AA2773" s="53"/>
      <c r="AB2773" s="53"/>
      <c r="AC2773" s="53"/>
      <c r="AD2773" s="53"/>
      <c r="AE2773" s="53"/>
      <c r="AF2773" s="53"/>
      <c r="AG2773" s="53"/>
      <c r="AH2773" s="53"/>
      <c r="AI2773" s="53"/>
      <c r="AJ2773" s="53"/>
      <c r="AK2773" s="53"/>
      <c r="AL2773" s="53"/>
      <c r="AM2773" s="53"/>
      <c r="AN2773" s="53"/>
      <c r="AO2773" s="53"/>
      <c r="AP2773" s="53"/>
      <c r="AQ2773" s="53"/>
      <c r="AR2773" s="53"/>
      <c r="AS2773" s="53"/>
      <c r="AT2773" s="53"/>
      <c r="AU2773" s="53"/>
      <c r="AV2773" s="53"/>
      <c r="AW2773" s="53"/>
      <c r="AX2773" s="53"/>
      <c r="AY2773" s="53"/>
      <c r="AZ2773" s="53"/>
      <c r="BA2773" s="53"/>
      <c r="BB2773" s="53"/>
      <c r="BC2773" s="53"/>
      <c r="BD2773" s="53"/>
      <c r="BE2773" s="53"/>
      <c r="BF2773" s="53"/>
      <c r="BG2773" s="53"/>
      <c r="BH2773" s="53"/>
      <c r="BI2773" s="53"/>
      <c r="BJ2773" s="53"/>
      <c r="BK2773" s="53"/>
      <c r="BL2773" s="53"/>
      <c r="BM2773" s="53"/>
      <c r="BN2773" s="53"/>
      <c r="BO2773" s="53"/>
      <c r="BP2773" s="53"/>
      <c r="BQ2773" s="53"/>
      <c r="BR2773" s="53"/>
      <c r="BS2773" s="53"/>
      <c r="BT2773" s="53"/>
      <c r="BU2773" s="53"/>
      <c r="BV2773" s="53"/>
      <c r="BW2773" s="53"/>
      <c r="BX2773" s="53"/>
      <c r="BY2773" s="53"/>
      <c r="BZ2773" s="53">
        <v>-15115948.009687001</v>
      </c>
      <c r="CA2773" s="53">
        <v>-15115948.009687001</v>
      </c>
      <c r="CB2773" s="53"/>
      <c r="CC2773" s="53"/>
      <c r="CD2773" s="53"/>
      <c r="CE2773" s="53"/>
      <c r="CF2773" s="53"/>
      <c r="CG2773" s="53"/>
      <c r="CH2773" s="53"/>
      <c r="CI2773" s="53"/>
      <c r="CJ2773" s="53"/>
      <c r="CK2773" s="53"/>
      <c r="CL2773" s="53"/>
      <c r="CM2773" s="53"/>
      <c r="CN2773" s="53"/>
    </row>
    <row r="2774" spans="1:92" outlineLevel="1">
      <c r="A2774" s="52" t="s">
        <v>1365</v>
      </c>
      <c r="B2774" s="53"/>
      <c r="C2774" s="53"/>
      <c r="D2774" s="53"/>
      <c r="E2774" s="53"/>
      <c r="F2774" s="53"/>
      <c r="G2774" s="53"/>
      <c r="H2774" s="53"/>
      <c r="I2774" s="53"/>
      <c r="J2774" s="53"/>
      <c r="K2774" s="53"/>
      <c r="L2774" s="53"/>
      <c r="M2774" s="53"/>
      <c r="N2774" s="53"/>
      <c r="O2774" s="53"/>
      <c r="P2774" s="53"/>
      <c r="Q2774" s="53"/>
      <c r="R2774" s="53"/>
      <c r="S2774" s="53"/>
      <c r="T2774" s="53"/>
      <c r="U2774" s="53"/>
      <c r="V2774" s="53"/>
      <c r="W2774" s="53"/>
      <c r="X2774" s="53"/>
      <c r="Y2774" s="53"/>
      <c r="Z2774" s="53"/>
      <c r="AA2774" s="53"/>
      <c r="AB2774" s="53"/>
      <c r="AC2774" s="53"/>
      <c r="AD2774" s="53"/>
      <c r="AE2774" s="53"/>
      <c r="AF2774" s="53"/>
      <c r="AG2774" s="53"/>
      <c r="AH2774" s="53"/>
      <c r="AI2774" s="53"/>
      <c r="AJ2774" s="53"/>
      <c r="AK2774" s="53"/>
      <c r="AL2774" s="53"/>
      <c r="AM2774" s="53"/>
      <c r="AN2774" s="53"/>
      <c r="AO2774" s="53"/>
      <c r="AP2774" s="53"/>
      <c r="AQ2774" s="53"/>
      <c r="AR2774" s="53"/>
      <c r="AS2774" s="53"/>
      <c r="AT2774" s="53"/>
      <c r="AU2774" s="53"/>
      <c r="AV2774" s="53"/>
      <c r="AW2774" s="53"/>
      <c r="AX2774" s="53"/>
      <c r="AY2774" s="53"/>
      <c r="AZ2774" s="53"/>
      <c r="BA2774" s="53"/>
      <c r="BB2774" s="53"/>
      <c r="BC2774" s="53"/>
      <c r="BD2774" s="53"/>
      <c r="BE2774" s="53"/>
      <c r="BF2774" s="53"/>
      <c r="BG2774" s="53"/>
      <c r="BH2774" s="53"/>
      <c r="BI2774" s="53"/>
      <c r="BJ2774" s="53"/>
      <c r="BK2774" s="53"/>
      <c r="BL2774" s="53"/>
      <c r="BM2774" s="53"/>
      <c r="BN2774" s="53"/>
      <c r="BO2774" s="53"/>
      <c r="BP2774" s="53"/>
      <c r="BQ2774" s="53"/>
      <c r="BR2774" s="53"/>
      <c r="BS2774" s="53"/>
      <c r="BT2774" s="53"/>
      <c r="BU2774" s="53"/>
      <c r="BV2774" s="53"/>
      <c r="BW2774" s="53"/>
      <c r="BX2774" s="53"/>
      <c r="BY2774" s="53"/>
      <c r="BZ2774" s="53"/>
      <c r="CA2774" s="53"/>
      <c r="CB2774" s="53"/>
      <c r="CC2774" s="53"/>
      <c r="CD2774" s="53"/>
      <c r="CE2774" s="53"/>
      <c r="CF2774" s="53"/>
      <c r="CG2774" s="53"/>
      <c r="CH2774" s="53"/>
      <c r="CI2774" s="53"/>
      <c r="CJ2774" s="53"/>
      <c r="CK2774" s="53"/>
      <c r="CL2774" s="53"/>
      <c r="CM2774" s="53"/>
      <c r="CN2774" s="53"/>
    </row>
    <row r="2775" spans="1:92" outlineLevel="1">
      <c r="A2775" s="52" t="s">
        <v>1367</v>
      </c>
      <c r="B2775" s="53"/>
      <c r="C2775" s="53"/>
      <c r="D2775" s="53"/>
      <c r="E2775" s="53"/>
      <c r="F2775" s="53"/>
      <c r="G2775" s="53"/>
      <c r="H2775" s="53"/>
      <c r="I2775" s="53"/>
      <c r="J2775" s="53"/>
      <c r="K2775" s="53"/>
      <c r="L2775" s="53"/>
      <c r="M2775" s="53"/>
      <c r="N2775" s="53"/>
      <c r="O2775" s="53"/>
      <c r="P2775" s="53"/>
      <c r="Q2775" s="53"/>
      <c r="R2775" s="53"/>
      <c r="S2775" s="53"/>
      <c r="T2775" s="53"/>
      <c r="U2775" s="53"/>
      <c r="V2775" s="53"/>
      <c r="W2775" s="53"/>
      <c r="X2775" s="53"/>
      <c r="Y2775" s="53"/>
      <c r="Z2775" s="53"/>
      <c r="AA2775" s="53"/>
      <c r="AB2775" s="53"/>
      <c r="AC2775" s="53"/>
      <c r="AD2775" s="53"/>
      <c r="AE2775" s="53"/>
      <c r="AF2775" s="53"/>
      <c r="AG2775" s="53"/>
      <c r="AH2775" s="53"/>
      <c r="AI2775" s="53"/>
      <c r="AJ2775" s="53"/>
      <c r="AK2775" s="53"/>
      <c r="AL2775" s="53"/>
      <c r="AM2775" s="53"/>
      <c r="AN2775" s="53"/>
      <c r="AO2775" s="53"/>
      <c r="AP2775" s="53"/>
      <c r="AQ2775" s="53"/>
      <c r="AR2775" s="53"/>
      <c r="AS2775" s="53"/>
      <c r="AT2775" s="53"/>
      <c r="AU2775" s="53"/>
      <c r="AV2775" s="53"/>
      <c r="AW2775" s="53"/>
      <c r="AX2775" s="53"/>
      <c r="AY2775" s="53"/>
      <c r="AZ2775" s="53"/>
      <c r="BA2775" s="53"/>
      <c r="BB2775" s="53"/>
      <c r="BC2775" s="53"/>
      <c r="BD2775" s="53"/>
      <c r="BE2775" s="53"/>
      <c r="BF2775" s="53"/>
      <c r="BG2775" s="53"/>
      <c r="BH2775" s="53"/>
      <c r="BI2775" s="53"/>
      <c r="BJ2775" s="53"/>
      <c r="BK2775" s="53"/>
      <c r="BL2775" s="53"/>
      <c r="BM2775" s="53"/>
      <c r="BN2775" s="53"/>
      <c r="BO2775" s="53"/>
      <c r="BP2775" s="53"/>
      <c r="BQ2775" s="53"/>
      <c r="BR2775" s="53"/>
      <c r="BS2775" s="53"/>
      <c r="BT2775" s="53"/>
      <c r="BU2775" s="53"/>
      <c r="BV2775" s="53"/>
      <c r="BW2775" s="53"/>
      <c r="BX2775" s="53"/>
      <c r="BY2775" s="53"/>
      <c r="BZ2775" s="53"/>
      <c r="CA2775" s="53"/>
      <c r="CB2775" s="53"/>
      <c r="CC2775" s="53"/>
      <c r="CD2775" s="53"/>
      <c r="CE2775" s="53"/>
      <c r="CF2775" s="53"/>
      <c r="CG2775" s="53"/>
      <c r="CH2775" s="53"/>
      <c r="CI2775" s="53"/>
      <c r="CJ2775" s="53"/>
      <c r="CK2775" s="53"/>
      <c r="CL2775" s="53"/>
      <c r="CM2775" s="53"/>
      <c r="CN2775" s="53"/>
    </row>
    <row r="2776" spans="1:92" outlineLevel="1">
      <c r="A2776" s="52" t="s">
        <v>649</v>
      </c>
      <c r="B2776" s="53"/>
      <c r="C2776" s="53"/>
      <c r="D2776" s="53"/>
      <c r="E2776" s="53"/>
      <c r="F2776" s="53"/>
      <c r="G2776" s="53"/>
      <c r="H2776" s="53"/>
      <c r="I2776" s="53"/>
      <c r="J2776" s="53"/>
      <c r="K2776" s="53"/>
      <c r="L2776" s="53"/>
      <c r="M2776" s="53"/>
      <c r="N2776" s="53"/>
      <c r="O2776" s="53"/>
      <c r="P2776" s="53"/>
      <c r="Q2776" s="53"/>
      <c r="R2776" s="53"/>
      <c r="S2776" s="53"/>
      <c r="T2776" s="53"/>
      <c r="U2776" s="53"/>
      <c r="V2776" s="53"/>
      <c r="W2776" s="53"/>
      <c r="X2776" s="53"/>
      <c r="Y2776" s="53"/>
      <c r="Z2776" s="53">
        <v>-2452678.4923239001</v>
      </c>
      <c r="AA2776" s="53">
        <v>-2452678.4923239001</v>
      </c>
      <c r="AB2776" s="53"/>
      <c r="AC2776" s="53"/>
      <c r="AD2776" s="53"/>
      <c r="AE2776" s="53"/>
      <c r="AF2776" s="53"/>
      <c r="AG2776" s="53"/>
      <c r="AH2776" s="53"/>
      <c r="AI2776" s="53"/>
      <c r="AJ2776" s="53"/>
      <c r="AK2776" s="53"/>
      <c r="AL2776" s="53"/>
      <c r="AM2776" s="53">
        <v>-12211613.409646699</v>
      </c>
      <c r="AN2776" s="53">
        <v>-12211613.409646699</v>
      </c>
      <c r="AO2776" s="53"/>
      <c r="AP2776" s="53"/>
      <c r="AQ2776" s="53"/>
      <c r="AR2776" s="53"/>
      <c r="AS2776" s="53"/>
      <c r="AT2776" s="53"/>
      <c r="AU2776" s="53"/>
      <c r="AV2776" s="53"/>
      <c r="AW2776" s="53"/>
      <c r="AX2776" s="53"/>
      <c r="AY2776" s="53"/>
      <c r="AZ2776" s="53">
        <v>-1032080.95795413</v>
      </c>
      <c r="BA2776" s="53">
        <v>-1032080.95795413</v>
      </c>
      <c r="BB2776" s="53"/>
      <c r="BC2776" s="53"/>
      <c r="BD2776" s="53"/>
      <c r="BE2776" s="53"/>
      <c r="BF2776" s="53"/>
      <c r="BG2776" s="53"/>
      <c r="BH2776" s="53"/>
      <c r="BI2776" s="53"/>
      <c r="BJ2776" s="53"/>
      <c r="BK2776" s="53"/>
      <c r="BL2776" s="53"/>
      <c r="BM2776" s="53"/>
      <c r="BN2776" s="53"/>
      <c r="BO2776" s="53"/>
      <c r="BP2776" s="53"/>
      <c r="BQ2776" s="53"/>
      <c r="BR2776" s="53"/>
      <c r="BS2776" s="53"/>
      <c r="BT2776" s="53"/>
      <c r="BU2776" s="53"/>
      <c r="BV2776" s="53"/>
      <c r="BW2776" s="53"/>
      <c r="BX2776" s="53"/>
      <c r="BY2776" s="53"/>
      <c r="BZ2776" s="53">
        <v>-55635372.030196197</v>
      </c>
      <c r="CA2776" s="53">
        <v>-55635372.030196197</v>
      </c>
      <c r="CB2776" s="53"/>
      <c r="CC2776" s="53"/>
      <c r="CD2776" s="53"/>
      <c r="CE2776" s="53"/>
      <c r="CF2776" s="53"/>
      <c r="CG2776" s="53"/>
      <c r="CH2776" s="53"/>
      <c r="CI2776" s="53"/>
      <c r="CJ2776" s="53"/>
      <c r="CK2776" s="53"/>
      <c r="CL2776" s="53"/>
      <c r="CM2776" s="53"/>
      <c r="CN2776" s="53"/>
    </row>
    <row r="2777" spans="1:92" outlineLevel="1">
      <c r="A2777" s="52" t="s">
        <v>1683</v>
      </c>
      <c r="B2777" s="53"/>
      <c r="C2777" s="53"/>
      <c r="D2777" s="53"/>
      <c r="E2777" s="53"/>
      <c r="F2777" s="53"/>
      <c r="G2777" s="53"/>
      <c r="H2777" s="53"/>
      <c r="I2777" s="53"/>
      <c r="J2777" s="53"/>
      <c r="K2777" s="53"/>
      <c r="L2777" s="53"/>
      <c r="M2777" s="53"/>
      <c r="N2777" s="53"/>
      <c r="O2777" s="53"/>
      <c r="P2777" s="53"/>
      <c r="Q2777" s="53"/>
      <c r="R2777" s="53"/>
      <c r="S2777" s="53"/>
      <c r="T2777" s="53"/>
      <c r="U2777" s="53"/>
      <c r="V2777" s="53"/>
      <c r="W2777" s="53"/>
      <c r="X2777" s="53"/>
      <c r="Y2777" s="53"/>
      <c r="Z2777" s="53"/>
      <c r="AA2777" s="53"/>
      <c r="AB2777" s="53"/>
      <c r="AC2777" s="53"/>
      <c r="AD2777" s="53"/>
      <c r="AE2777" s="53"/>
      <c r="AF2777" s="53"/>
      <c r="AG2777" s="53"/>
      <c r="AH2777" s="53"/>
      <c r="AI2777" s="53"/>
      <c r="AJ2777" s="53"/>
      <c r="AK2777" s="53"/>
      <c r="AL2777" s="53"/>
      <c r="AM2777" s="53"/>
      <c r="AN2777" s="53"/>
      <c r="AO2777" s="53"/>
      <c r="AP2777" s="53"/>
      <c r="AQ2777" s="53"/>
      <c r="AR2777" s="53"/>
      <c r="AS2777" s="53"/>
      <c r="AT2777" s="53"/>
      <c r="AU2777" s="53"/>
      <c r="AV2777" s="53"/>
      <c r="AW2777" s="53"/>
      <c r="AX2777" s="53"/>
      <c r="AY2777" s="53"/>
      <c r="AZ2777" s="53"/>
      <c r="BA2777" s="53"/>
      <c r="BB2777" s="53"/>
      <c r="BC2777" s="53"/>
      <c r="BD2777" s="53"/>
      <c r="BE2777" s="53"/>
      <c r="BF2777" s="53"/>
      <c r="BG2777" s="53"/>
      <c r="BH2777" s="53"/>
      <c r="BI2777" s="53"/>
      <c r="BJ2777" s="53"/>
      <c r="BK2777" s="53"/>
      <c r="BL2777" s="53"/>
      <c r="BM2777" s="53"/>
      <c r="BN2777" s="53"/>
      <c r="BO2777" s="53"/>
      <c r="BP2777" s="53"/>
      <c r="BQ2777" s="53"/>
      <c r="BR2777" s="53"/>
      <c r="BS2777" s="53"/>
      <c r="BT2777" s="53"/>
      <c r="BU2777" s="53"/>
      <c r="BV2777" s="53"/>
      <c r="BW2777" s="53"/>
      <c r="BX2777" s="53"/>
      <c r="BY2777" s="53"/>
      <c r="BZ2777" s="53"/>
      <c r="CA2777" s="53"/>
      <c r="CB2777" s="53"/>
      <c r="CC2777" s="53"/>
      <c r="CD2777" s="53"/>
      <c r="CE2777" s="53"/>
      <c r="CF2777" s="53"/>
      <c r="CG2777" s="53"/>
      <c r="CH2777" s="53"/>
      <c r="CI2777" s="53"/>
      <c r="CJ2777" s="53"/>
      <c r="CK2777" s="53"/>
      <c r="CL2777" s="53"/>
      <c r="CM2777" s="53"/>
      <c r="CN2777" s="53"/>
    </row>
    <row r="2778" spans="1:92" outlineLevel="1">
      <c r="A2778" s="52" t="s">
        <v>649</v>
      </c>
      <c r="B2778" s="53"/>
      <c r="C2778" s="53"/>
      <c r="D2778" s="53">
        <v>5742246</v>
      </c>
      <c r="E2778" s="53"/>
      <c r="F2778" s="53"/>
      <c r="G2778" s="53">
        <v>5742246</v>
      </c>
      <c r="H2778" s="53"/>
      <c r="I2778" s="53"/>
      <c r="J2778" s="53">
        <v>5742246</v>
      </c>
      <c r="K2778" s="53"/>
      <c r="L2778" s="53">
        <v>3828164</v>
      </c>
      <c r="M2778" s="53">
        <v>22968984</v>
      </c>
      <c r="N2778" s="53">
        <v>44023886</v>
      </c>
      <c r="O2778" s="53">
        <v>1722498.58333333</v>
      </c>
      <c r="P2778" s="53">
        <v>1722498.58333333</v>
      </c>
      <c r="Q2778" s="53">
        <v>1722498.58333333</v>
      </c>
      <c r="R2778" s="53">
        <v>1722498.58333333</v>
      </c>
      <c r="S2778" s="53">
        <v>1722498.58333333</v>
      </c>
      <c r="T2778" s="53">
        <v>1722498.58333333</v>
      </c>
      <c r="U2778" s="53">
        <v>1722498.58333333</v>
      </c>
      <c r="V2778" s="53">
        <v>1722498.58333333</v>
      </c>
      <c r="W2778" s="53">
        <v>1722498.58333333</v>
      </c>
      <c r="X2778" s="53">
        <v>1722498.58333333</v>
      </c>
      <c r="Y2778" s="53">
        <v>1722498.58333333</v>
      </c>
      <c r="Z2778" s="53">
        <v>1722498.58333333</v>
      </c>
      <c r="AA2778" s="53">
        <v>20669983</v>
      </c>
      <c r="AB2778" s="53">
        <v>1758987.74999999</v>
      </c>
      <c r="AC2778" s="53">
        <v>1758987.74999999</v>
      </c>
      <c r="AD2778" s="53">
        <v>1758987.74999999</v>
      </c>
      <c r="AE2778" s="53">
        <v>1758987.74999999</v>
      </c>
      <c r="AF2778" s="53">
        <v>1758987.74999999</v>
      </c>
      <c r="AG2778" s="53">
        <v>1758987.74999999</v>
      </c>
      <c r="AH2778" s="53">
        <v>1758987.74999999</v>
      </c>
      <c r="AI2778" s="53">
        <v>1758987.74999999</v>
      </c>
      <c r="AJ2778" s="53">
        <v>1758987.74999999</v>
      </c>
      <c r="AK2778" s="53">
        <v>1758987.74999999</v>
      </c>
      <c r="AL2778" s="53">
        <v>1758987.74999999</v>
      </c>
      <c r="AM2778" s="53">
        <v>1758987.74999999</v>
      </c>
      <c r="AN2778" s="53">
        <v>21107853</v>
      </c>
      <c r="AO2778" s="53">
        <v>1792607.99999999</v>
      </c>
      <c r="AP2778" s="53">
        <v>1792607.99999999</v>
      </c>
      <c r="AQ2778" s="53">
        <v>1792607.99999999</v>
      </c>
      <c r="AR2778" s="53">
        <v>1792607.99999999</v>
      </c>
      <c r="AS2778" s="53">
        <v>1792607.99999999</v>
      </c>
      <c r="AT2778" s="53">
        <v>1792607.99999999</v>
      </c>
      <c r="AU2778" s="53">
        <v>1792607.99999999</v>
      </c>
      <c r="AV2778" s="53">
        <v>1792607.99999999</v>
      </c>
      <c r="AW2778" s="53">
        <v>1792607.99999999</v>
      </c>
      <c r="AX2778" s="53">
        <v>1792607.99999999</v>
      </c>
      <c r="AY2778" s="53">
        <v>1792607.99999999</v>
      </c>
      <c r="AZ2778" s="53">
        <v>1792607.99999999</v>
      </c>
      <c r="BA2778" s="53">
        <v>21511296</v>
      </c>
      <c r="BB2778" s="53">
        <v>1874453.91666666</v>
      </c>
      <c r="BC2778" s="53">
        <v>1874453.91666666</v>
      </c>
      <c r="BD2778" s="53">
        <v>1874453.91666666</v>
      </c>
      <c r="BE2778" s="53">
        <v>1874453.91666666</v>
      </c>
      <c r="BF2778" s="53">
        <v>1874453.91666666</v>
      </c>
      <c r="BG2778" s="53">
        <v>1874453.91666666</v>
      </c>
      <c r="BH2778" s="53">
        <v>1874453.91666666</v>
      </c>
      <c r="BI2778" s="53">
        <v>1874453.91666666</v>
      </c>
      <c r="BJ2778" s="53">
        <v>1874453.91666666</v>
      </c>
      <c r="BK2778" s="53">
        <v>1874453.91666666</v>
      </c>
      <c r="BL2778" s="53">
        <v>1874453.91666666</v>
      </c>
      <c r="BM2778" s="53">
        <v>1874453.91666666</v>
      </c>
      <c r="BN2778" s="53">
        <v>22493446.999999899</v>
      </c>
      <c r="BO2778" s="53">
        <v>1905986.91666666</v>
      </c>
      <c r="BP2778" s="53">
        <v>1905986.91666666</v>
      </c>
      <c r="BQ2778" s="53">
        <v>1905986.91666666</v>
      </c>
      <c r="BR2778" s="53">
        <v>1905986.91666666</v>
      </c>
      <c r="BS2778" s="53">
        <v>1905986.91666666</v>
      </c>
      <c r="BT2778" s="53">
        <v>1905986.91666666</v>
      </c>
      <c r="BU2778" s="53">
        <v>1905986.91666666</v>
      </c>
      <c r="BV2778" s="53">
        <v>1905986.91666666</v>
      </c>
      <c r="BW2778" s="53">
        <v>1905986.91666666</v>
      </c>
      <c r="BX2778" s="53">
        <v>1905986.91666666</v>
      </c>
      <c r="BY2778" s="53">
        <v>1905986.91666666</v>
      </c>
      <c r="BZ2778" s="53">
        <v>1905986.91666666</v>
      </c>
      <c r="CA2778" s="53">
        <v>22871843</v>
      </c>
      <c r="CB2778" s="53"/>
      <c r="CC2778" s="53"/>
      <c r="CD2778" s="53"/>
      <c r="CE2778" s="53"/>
      <c r="CF2778" s="53"/>
      <c r="CG2778" s="53"/>
      <c r="CH2778" s="53"/>
      <c r="CI2778" s="53"/>
      <c r="CJ2778" s="53"/>
      <c r="CK2778" s="53"/>
      <c r="CL2778" s="53"/>
      <c r="CM2778" s="53"/>
      <c r="CN2778" s="53"/>
    </row>
    <row r="2779" spans="1:92" outlineLevel="1">
      <c r="A2779" s="52" t="s">
        <v>1684</v>
      </c>
      <c r="B2779" s="53"/>
      <c r="C2779" s="53"/>
      <c r="D2779" s="53"/>
      <c r="E2779" s="53"/>
      <c r="F2779" s="53"/>
      <c r="G2779" s="53"/>
      <c r="H2779" s="53"/>
      <c r="I2779" s="53"/>
      <c r="J2779" s="53"/>
      <c r="K2779" s="53"/>
      <c r="L2779" s="53"/>
      <c r="M2779" s="53"/>
      <c r="N2779" s="53"/>
      <c r="O2779" s="53"/>
      <c r="P2779" s="53"/>
      <c r="Q2779" s="53"/>
      <c r="R2779" s="53"/>
      <c r="S2779" s="53"/>
      <c r="T2779" s="53"/>
      <c r="U2779" s="53"/>
      <c r="V2779" s="53"/>
      <c r="W2779" s="53"/>
      <c r="X2779" s="53"/>
      <c r="Y2779" s="53"/>
      <c r="Z2779" s="53"/>
      <c r="AA2779" s="53"/>
      <c r="AB2779" s="53"/>
      <c r="AC2779" s="53"/>
      <c r="AD2779" s="53"/>
      <c r="AE2779" s="53"/>
      <c r="AF2779" s="53"/>
      <c r="AG2779" s="53"/>
      <c r="AH2779" s="53"/>
      <c r="AI2779" s="53"/>
      <c r="AJ2779" s="53"/>
      <c r="AK2779" s="53"/>
      <c r="AL2779" s="53"/>
      <c r="AM2779" s="53"/>
      <c r="AN2779" s="53"/>
      <c r="AO2779" s="53"/>
      <c r="AP2779" s="53"/>
      <c r="AQ2779" s="53"/>
      <c r="AR2779" s="53"/>
      <c r="AS2779" s="53"/>
      <c r="AT2779" s="53"/>
      <c r="AU2779" s="53"/>
      <c r="AV2779" s="53"/>
      <c r="AW2779" s="53"/>
      <c r="AX2779" s="53"/>
      <c r="AY2779" s="53"/>
      <c r="AZ2779" s="53"/>
      <c r="BA2779" s="53"/>
      <c r="BB2779" s="53"/>
      <c r="BC2779" s="53"/>
      <c r="BD2779" s="53"/>
      <c r="BE2779" s="53"/>
      <c r="BF2779" s="53"/>
      <c r="BG2779" s="53"/>
      <c r="BH2779" s="53"/>
      <c r="BI2779" s="53"/>
      <c r="BJ2779" s="53"/>
      <c r="BK2779" s="53"/>
      <c r="BL2779" s="53"/>
      <c r="BM2779" s="53"/>
      <c r="BN2779" s="53"/>
      <c r="BO2779" s="53"/>
      <c r="BP2779" s="53"/>
      <c r="BQ2779" s="53"/>
      <c r="BR2779" s="53"/>
      <c r="BS2779" s="53"/>
      <c r="BT2779" s="53"/>
      <c r="BU2779" s="53"/>
      <c r="BV2779" s="53"/>
      <c r="BW2779" s="53"/>
      <c r="BX2779" s="53"/>
      <c r="BY2779" s="53"/>
      <c r="BZ2779" s="53"/>
      <c r="CA2779" s="53"/>
      <c r="CB2779" s="53"/>
      <c r="CC2779" s="53"/>
      <c r="CD2779" s="53"/>
      <c r="CE2779" s="53"/>
      <c r="CF2779" s="53"/>
      <c r="CG2779" s="53"/>
      <c r="CH2779" s="53"/>
      <c r="CI2779" s="53"/>
      <c r="CJ2779" s="53"/>
      <c r="CK2779" s="53"/>
      <c r="CL2779" s="53"/>
      <c r="CM2779" s="53"/>
      <c r="CN2779" s="53"/>
    </row>
    <row r="2780" spans="1:92" outlineLevel="1">
      <c r="A2780" s="52" t="s">
        <v>649</v>
      </c>
      <c r="B2780" s="53"/>
      <c r="C2780" s="53"/>
      <c r="D2780" s="53">
        <v>8949540</v>
      </c>
      <c r="E2780" s="53"/>
      <c r="F2780" s="53"/>
      <c r="G2780" s="53">
        <v>8949540</v>
      </c>
      <c r="H2780" s="53"/>
      <c r="I2780" s="53"/>
      <c r="J2780" s="53">
        <v>8949540</v>
      </c>
      <c r="K2780" s="53"/>
      <c r="L2780" s="53">
        <v>5966360</v>
      </c>
      <c r="M2780" s="53">
        <v>35798160</v>
      </c>
      <c r="N2780" s="53">
        <v>68613140</v>
      </c>
      <c r="O2780" s="53"/>
      <c r="P2780" s="53"/>
      <c r="Q2780" s="53"/>
      <c r="R2780" s="53"/>
      <c r="S2780" s="53"/>
      <c r="T2780" s="53"/>
      <c r="U2780" s="53"/>
      <c r="V2780" s="53"/>
      <c r="W2780" s="53"/>
      <c r="X2780" s="53"/>
      <c r="Y2780" s="53"/>
      <c r="Z2780" s="53"/>
      <c r="AA2780" s="53"/>
      <c r="AB2780" s="53"/>
      <c r="AC2780" s="53"/>
      <c r="AD2780" s="53"/>
      <c r="AE2780" s="53"/>
      <c r="AF2780" s="53"/>
      <c r="AG2780" s="53"/>
      <c r="AH2780" s="53"/>
      <c r="AI2780" s="53"/>
      <c r="AJ2780" s="53"/>
      <c r="AK2780" s="53"/>
      <c r="AL2780" s="53"/>
      <c r="AM2780" s="53"/>
      <c r="AN2780" s="53"/>
      <c r="AO2780" s="53"/>
      <c r="AP2780" s="53"/>
      <c r="AQ2780" s="53"/>
      <c r="AR2780" s="53"/>
      <c r="AS2780" s="53"/>
      <c r="AT2780" s="53"/>
      <c r="AU2780" s="53"/>
      <c r="AV2780" s="53"/>
      <c r="AW2780" s="53"/>
      <c r="AX2780" s="53"/>
      <c r="AY2780" s="53"/>
      <c r="AZ2780" s="53"/>
      <c r="BA2780" s="53"/>
      <c r="BB2780" s="53"/>
      <c r="BC2780" s="53"/>
      <c r="BD2780" s="53"/>
      <c r="BE2780" s="53"/>
      <c r="BF2780" s="53"/>
      <c r="BG2780" s="53"/>
      <c r="BH2780" s="53"/>
      <c r="BI2780" s="53"/>
      <c r="BJ2780" s="53"/>
      <c r="BK2780" s="53"/>
      <c r="BL2780" s="53"/>
      <c r="BM2780" s="53"/>
      <c r="BN2780" s="53"/>
      <c r="BO2780" s="53"/>
      <c r="BP2780" s="53"/>
      <c r="BQ2780" s="53"/>
      <c r="BR2780" s="53"/>
      <c r="BS2780" s="53"/>
      <c r="BT2780" s="53"/>
      <c r="BU2780" s="53"/>
      <c r="BV2780" s="53"/>
      <c r="BW2780" s="53"/>
      <c r="BX2780" s="53"/>
      <c r="BY2780" s="53"/>
      <c r="BZ2780" s="53"/>
      <c r="CA2780" s="53"/>
      <c r="CB2780" s="53"/>
      <c r="CC2780" s="53"/>
      <c r="CD2780" s="53"/>
      <c r="CE2780" s="53"/>
      <c r="CF2780" s="53"/>
      <c r="CG2780" s="53"/>
      <c r="CH2780" s="53"/>
      <c r="CI2780" s="53"/>
      <c r="CJ2780" s="53"/>
      <c r="CK2780" s="53"/>
      <c r="CL2780" s="53"/>
      <c r="CM2780" s="53"/>
      <c r="CN2780" s="53"/>
    </row>
    <row r="2781" spans="1:92" outlineLevel="1">
      <c r="A2781" s="52" t="s">
        <v>1685</v>
      </c>
      <c r="B2781" s="53"/>
      <c r="C2781" s="53"/>
      <c r="D2781" s="53"/>
      <c r="E2781" s="53"/>
      <c r="F2781" s="53"/>
      <c r="G2781" s="53"/>
      <c r="H2781" s="53"/>
      <c r="I2781" s="53"/>
      <c r="J2781" s="53"/>
      <c r="K2781" s="53"/>
      <c r="L2781" s="53"/>
      <c r="M2781" s="53"/>
      <c r="N2781" s="53"/>
      <c r="O2781" s="53"/>
      <c r="P2781" s="53"/>
      <c r="Q2781" s="53"/>
      <c r="R2781" s="53"/>
      <c r="S2781" s="53"/>
      <c r="T2781" s="53"/>
      <c r="U2781" s="53"/>
      <c r="V2781" s="53"/>
      <c r="W2781" s="53"/>
      <c r="X2781" s="53"/>
      <c r="Y2781" s="53"/>
      <c r="Z2781" s="53"/>
      <c r="AA2781" s="53"/>
      <c r="AB2781" s="53"/>
      <c r="AC2781" s="53"/>
      <c r="AD2781" s="53"/>
      <c r="AE2781" s="53"/>
      <c r="AF2781" s="53"/>
      <c r="AG2781" s="53"/>
      <c r="AH2781" s="53"/>
      <c r="AI2781" s="53"/>
      <c r="AJ2781" s="53"/>
      <c r="AK2781" s="53"/>
      <c r="AL2781" s="53"/>
      <c r="AM2781" s="53"/>
      <c r="AN2781" s="53"/>
      <c r="AO2781" s="53"/>
      <c r="AP2781" s="53"/>
      <c r="AQ2781" s="53"/>
      <c r="AR2781" s="53"/>
      <c r="AS2781" s="53"/>
      <c r="AT2781" s="53"/>
      <c r="AU2781" s="53"/>
      <c r="AV2781" s="53"/>
      <c r="AW2781" s="53"/>
      <c r="AX2781" s="53"/>
      <c r="AY2781" s="53"/>
      <c r="AZ2781" s="53"/>
      <c r="BA2781" s="53"/>
      <c r="BB2781" s="53"/>
      <c r="BC2781" s="53"/>
      <c r="BD2781" s="53"/>
      <c r="BE2781" s="53"/>
      <c r="BF2781" s="53"/>
      <c r="BG2781" s="53"/>
      <c r="BH2781" s="53"/>
      <c r="BI2781" s="53"/>
      <c r="BJ2781" s="53"/>
      <c r="BK2781" s="53"/>
      <c r="BL2781" s="53"/>
      <c r="BM2781" s="53"/>
      <c r="BN2781" s="53"/>
      <c r="BO2781" s="53"/>
      <c r="BP2781" s="53"/>
      <c r="BQ2781" s="53"/>
      <c r="BR2781" s="53"/>
      <c r="BS2781" s="53"/>
      <c r="BT2781" s="53"/>
      <c r="BU2781" s="53"/>
      <c r="BV2781" s="53"/>
      <c r="BW2781" s="53"/>
      <c r="BX2781" s="53"/>
      <c r="BY2781" s="53"/>
      <c r="BZ2781" s="53"/>
      <c r="CA2781" s="53"/>
      <c r="CB2781" s="53">
        <v>15351.5205479452</v>
      </c>
      <c r="CC2781" s="53">
        <v>15351.5205479452</v>
      </c>
      <c r="CD2781" s="53">
        <v>15351.5205479452</v>
      </c>
      <c r="CE2781" s="53">
        <v>15351.5205479452</v>
      </c>
      <c r="CF2781" s="53">
        <v>15351.5205479452</v>
      </c>
      <c r="CG2781" s="53">
        <v>15351.5205479452</v>
      </c>
      <c r="CH2781" s="53">
        <v>15351.5205479452</v>
      </c>
      <c r="CI2781" s="53">
        <v>15351.5205479452</v>
      </c>
      <c r="CJ2781" s="53">
        <v>15351.5205479452</v>
      </c>
      <c r="CK2781" s="53">
        <v>15351.5205479452</v>
      </c>
      <c r="CL2781" s="53">
        <v>15351.5205479452</v>
      </c>
      <c r="CM2781" s="53">
        <v>15351.5205479452</v>
      </c>
      <c r="CN2781" s="53">
        <v>184218.246575342</v>
      </c>
    </row>
    <row r="2782" spans="1:92" outlineLevel="1">
      <c r="A2782" s="52" t="s">
        <v>649</v>
      </c>
      <c r="B2782" s="53"/>
      <c r="C2782" s="53"/>
      <c r="D2782" s="53"/>
      <c r="E2782" s="53"/>
      <c r="F2782" s="53"/>
      <c r="G2782" s="53"/>
      <c r="H2782" s="53"/>
      <c r="I2782" s="53"/>
      <c r="J2782" s="53"/>
      <c r="K2782" s="53"/>
      <c r="L2782" s="53"/>
      <c r="M2782" s="53"/>
      <c r="N2782" s="53"/>
      <c r="O2782" s="53">
        <v>90657.833333333299</v>
      </c>
      <c r="P2782" s="53">
        <v>90657.833333333299</v>
      </c>
      <c r="Q2782" s="53">
        <v>90657.833333333299</v>
      </c>
      <c r="R2782" s="53">
        <v>90657.833333333299</v>
      </c>
      <c r="S2782" s="53">
        <v>90657.833333333299</v>
      </c>
      <c r="T2782" s="53">
        <v>90657.833333333299</v>
      </c>
      <c r="U2782" s="53">
        <v>90657.833333333299</v>
      </c>
      <c r="V2782" s="53">
        <v>90657.833333333299</v>
      </c>
      <c r="W2782" s="53">
        <v>90657.833333333299</v>
      </c>
      <c r="X2782" s="53">
        <v>90657.833333333299</v>
      </c>
      <c r="Y2782" s="53">
        <v>90657.833333333299</v>
      </c>
      <c r="Z2782" s="53">
        <v>90657.833333333299</v>
      </c>
      <c r="AA2782" s="53">
        <v>1087894</v>
      </c>
      <c r="AB2782" s="53">
        <v>68152.333333333299</v>
      </c>
      <c r="AC2782" s="53">
        <v>68152.333333333299</v>
      </c>
      <c r="AD2782" s="53">
        <v>68152.333333333299</v>
      </c>
      <c r="AE2782" s="53">
        <v>68152.333333333299</v>
      </c>
      <c r="AF2782" s="53">
        <v>68152.333333333299</v>
      </c>
      <c r="AG2782" s="53">
        <v>68152.333333333299</v>
      </c>
      <c r="AH2782" s="53">
        <v>68152.333333333299</v>
      </c>
      <c r="AI2782" s="53">
        <v>68152.333333333299</v>
      </c>
      <c r="AJ2782" s="53">
        <v>68152.333333333299</v>
      </c>
      <c r="AK2782" s="53">
        <v>68152.333333333299</v>
      </c>
      <c r="AL2782" s="53">
        <v>68152.333333333299</v>
      </c>
      <c r="AM2782" s="53">
        <v>68152.333333333299</v>
      </c>
      <c r="AN2782" s="53">
        <v>817828</v>
      </c>
      <c r="AO2782" s="53">
        <v>69454.916666666599</v>
      </c>
      <c r="AP2782" s="53">
        <v>69454.916666666599</v>
      </c>
      <c r="AQ2782" s="53">
        <v>69454.916666666599</v>
      </c>
      <c r="AR2782" s="53">
        <v>69454.916666666599</v>
      </c>
      <c r="AS2782" s="53">
        <v>69454.916666666599</v>
      </c>
      <c r="AT2782" s="53">
        <v>69454.916666666599</v>
      </c>
      <c r="AU2782" s="53">
        <v>69454.916666666599</v>
      </c>
      <c r="AV2782" s="53">
        <v>69454.916666666599</v>
      </c>
      <c r="AW2782" s="53">
        <v>69454.916666666599</v>
      </c>
      <c r="AX2782" s="53">
        <v>69454.916666666599</v>
      </c>
      <c r="AY2782" s="53">
        <v>69454.916666666599</v>
      </c>
      <c r="AZ2782" s="53">
        <v>69454.916666666599</v>
      </c>
      <c r="BA2782" s="53">
        <v>833459</v>
      </c>
      <c r="BB2782" s="53">
        <v>72626.083333333299</v>
      </c>
      <c r="BC2782" s="53">
        <v>72626.083333333299</v>
      </c>
      <c r="BD2782" s="53">
        <v>72626.083333333299</v>
      </c>
      <c r="BE2782" s="53">
        <v>72626.083333333299</v>
      </c>
      <c r="BF2782" s="53">
        <v>72626.083333333299</v>
      </c>
      <c r="BG2782" s="53">
        <v>72626.083333333299</v>
      </c>
      <c r="BH2782" s="53">
        <v>72626.083333333299</v>
      </c>
      <c r="BI2782" s="53">
        <v>72626.083333333299</v>
      </c>
      <c r="BJ2782" s="53">
        <v>72626.083333333299</v>
      </c>
      <c r="BK2782" s="53">
        <v>72626.083333333299</v>
      </c>
      <c r="BL2782" s="53">
        <v>72626.083333333299</v>
      </c>
      <c r="BM2782" s="53">
        <v>72626.083333333299</v>
      </c>
      <c r="BN2782" s="53">
        <v>871512.99999999895</v>
      </c>
      <c r="BO2782" s="53">
        <v>73847.833333333299</v>
      </c>
      <c r="BP2782" s="53">
        <v>73847.833333333299</v>
      </c>
      <c r="BQ2782" s="53">
        <v>73847.833333333299</v>
      </c>
      <c r="BR2782" s="53">
        <v>73847.833333333299</v>
      </c>
      <c r="BS2782" s="53">
        <v>73847.833333333299</v>
      </c>
      <c r="BT2782" s="53">
        <v>73847.833333333299</v>
      </c>
      <c r="BU2782" s="53">
        <v>73847.833333333299</v>
      </c>
      <c r="BV2782" s="53">
        <v>73847.833333333299</v>
      </c>
      <c r="BW2782" s="53">
        <v>73847.833333333299</v>
      </c>
      <c r="BX2782" s="53">
        <v>73847.833333333299</v>
      </c>
      <c r="BY2782" s="53">
        <v>73847.833333333299</v>
      </c>
      <c r="BZ2782" s="53">
        <v>73847.833333333299</v>
      </c>
      <c r="CA2782" s="53">
        <v>886174</v>
      </c>
      <c r="CB2782" s="53">
        <v>8310.1044776119197</v>
      </c>
      <c r="CC2782" s="53">
        <v>8310.1044776119197</v>
      </c>
      <c r="CD2782" s="53">
        <v>8310.1044776119197</v>
      </c>
      <c r="CE2782" s="53">
        <v>8310.1044776119197</v>
      </c>
      <c r="CF2782" s="53">
        <v>8310.1044776119197</v>
      </c>
      <c r="CG2782" s="53">
        <v>8310.1044776119197</v>
      </c>
      <c r="CH2782" s="53">
        <v>8310.1044776119197</v>
      </c>
      <c r="CI2782" s="53">
        <v>8310.1044776119197</v>
      </c>
      <c r="CJ2782" s="53">
        <v>8310.1044776119197</v>
      </c>
      <c r="CK2782" s="53">
        <v>8310.1044776119197</v>
      </c>
      <c r="CL2782" s="53">
        <v>8310.1044776119197</v>
      </c>
      <c r="CM2782" s="53">
        <v>8310.1044776119197</v>
      </c>
      <c r="CN2782" s="53">
        <v>99721.253731343095</v>
      </c>
    </row>
    <row r="2783" spans="1:92" outlineLevel="1">
      <c r="A2783" s="52" t="s">
        <v>1686</v>
      </c>
      <c r="B2783" s="53"/>
      <c r="C2783" s="53"/>
      <c r="D2783" s="53"/>
      <c r="E2783" s="53"/>
      <c r="F2783" s="53"/>
      <c r="G2783" s="53"/>
      <c r="H2783" s="53"/>
      <c r="I2783" s="53"/>
      <c r="J2783" s="53"/>
      <c r="K2783" s="53"/>
      <c r="L2783" s="53"/>
      <c r="M2783" s="53"/>
      <c r="N2783" s="53"/>
      <c r="O2783" s="53"/>
      <c r="P2783" s="53"/>
      <c r="Q2783" s="53"/>
      <c r="R2783" s="53"/>
      <c r="S2783" s="53"/>
      <c r="T2783" s="53"/>
      <c r="U2783" s="53"/>
      <c r="V2783" s="53"/>
      <c r="W2783" s="53"/>
      <c r="X2783" s="53"/>
      <c r="Y2783" s="53"/>
      <c r="Z2783" s="53"/>
      <c r="AA2783" s="53"/>
      <c r="AB2783" s="53"/>
      <c r="AC2783" s="53"/>
      <c r="AD2783" s="53"/>
      <c r="AE2783" s="53"/>
      <c r="AF2783" s="53"/>
      <c r="AG2783" s="53"/>
      <c r="AH2783" s="53"/>
      <c r="AI2783" s="53"/>
      <c r="AJ2783" s="53"/>
      <c r="AK2783" s="53"/>
      <c r="AL2783" s="53"/>
      <c r="AM2783" s="53"/>
      <c r="AN2783" s="53"/>
      <c r="AO2783" s="53"/>
      <c r="AP2783" s="53"/>
      <c r="AQ2783" s="53"/>
      <c r="AR2783" s="53"/>
      <c r="AS2783" s="53"/>
      <c r="AT2783" s="53"/>
      <c r="AU2783" s="53"/>
      <c r="AV2783" s="53"/>
      <c r="AW2783" s="53"/>
      <c r="AX2783" s="53"/>
      <c r="AY2783" s="53"/>
      <c r="AZ2783" s="53"/>
      <c r="BA2783" s="53"/>
      <c r="BB2783" s="53"/>
      <c r="BC2783" s="53"/>
      <c r="BD2783" s="53"/>
      <c r="BE2783" s="53"/>
      <c r="BF2783" s="53"/>
      <c r="BG2783" s="53"/>
      <c r="BH2783" s="53"/>
      <c r="BI2783" s="53"/>
      <c r="BJ2783" s="53"/>
      <c r="BK2783" s="53"/>
      <c r="BL2783" s="53"/>
      <c r="BM2783" s="53"/>
      <c r="BN2783" s="53"/>
      <c r="BO2783" s="53"/>
      <c r="BP2783" s="53"/>
      <c r="BQ2783" s="53"/>
      <c r="BR2783" s="53"/>
      <c r="BS2783" s="53"/>
      <c r="BT2783" s="53"/>
      <c r="BU2783" s="53"/>
      <c r="BV2783" s="53"/>
      <c r="BW2783" s="53"/>
      <c r="BX2783" s="53"/>
      <c r="BY2783" s="53"/>
      <c r="BZ2783" s="53"/>
      <c r="CA2783" s="53"/>
      <c r="CB2783" s="53">
        <v>18632.710875331501</v>
      </c>
      <c r="CC2783" s="53">
        <v>18632.710875331501</v>
      </c>
      <c r="CD2783" s="53">
        <v>18632.710875331501</v>
      </c>
      <c r="CE2783" s="53">
        <v>18632.710875331501</v>
      </c>
      <c r="CF2783" s="53">
        <v>18632.710875331501</v>
      </c>
      <c r="CG2783" s="53">
        <v>18632.710875331501</v>
      </c>
      <c r="CH2783" s="53">
        <v>18632.710875331501</v>
      </c>
      <c r="CI2783" s="53">
        <v>18632.710875331501</v>
      </c>
      <c r="CJ2783" s="53">
        <v>18632.710875331501</v>
      </c>
      <c r="CK2783" s="53">
        <v>18632.710875331501</v>
      </c>
      <c r="CL2783" s="53">
        <v>18632.710875331501</v>
      </c>
      <c r="CM2783" s="53">
        <v>18632.710875331501</v>
      </c>
      <c r="CN2783" s="53">
        <v>223592.53050397799</v>
      </c>
    </row>
    <row r="2784" spans="1:92" outlineLevel="1">
      <c r="A2784" s="52" t="s">
        <v>649</v>
      </c>
      <c r="B2784" s="53"/>
      <c r="C2784" s="53"/>
      <c r="D2784" s="53"/>
      <c r="E2784" s="53"/>
      <c r="F2784" s="53"/>
      <c r="G2784" s="53"/>
      <c r="H2784" s="53"/>
      <c r="I2784" s="53"/>
      <c r="J2784" s="53"/>
      <c r="K2784" s="53"/>
      <c r="L2784" s="53"/>
      <c r="M2784" s="53"/>
      <c r="N2784" s="53"/>
      <c r="O2784" s="53">
        <v>174277.58333333299</v>
      </c>
      <c r="P2784" s="53">
        <v>174277.58333333299</v>
      </c>
      <c r="Q2784" s="53">
        <v>174277.58333333299</v>
      </c>
      <c r="R2784" s="53">
        <v>174277.58333333299</v>
      </c>
      <c r="S2784" s="53">
        <v>174277.58333333299</v>
      </c>
      <c r="T2784" s="53">
        <v>174277.58333333299</v>
      </c>
      <c r="U2784" s="53">
        <v>174277.58333333299</v>
      </c>
      <c r="V2784" s="53">
        <v>174277.58333333299</v>
      </c>
      <c r="W2784" s="53">
        <v>174277.58333333299</v>
      </c>
      <c r="X2784" s="53">
        <v>174277.58333333299</v>
      </c>
      <c r="Y2784" s="53">
        <v>174277.58333333299</v>
      </c>
      <c r="Z2784" s="53">
        <v>174277.58333333299</v>
      </c>
      <c r="AA2784" s="53">
        <v>2091330.99999999</v>
      </c>
      <c r="AB2784" s="53">
        <v>173444.25</v>
      </c>
      <c r="AC2784" s="53">
        <v>173444.25</v>
      </c>
      <c r="AD2784" s="53">
        <v>173444.25</v>
      </c>
      <c r="AE2784" s="53">
        <v>173444.25</v>
      </c>
      <c r="AF2784" s="53">
        <v>173444.25</v>
      </c>
      <c r="AG2784" s="53">
        <v>173444.25</v>
      </c>
      <c r="AH2784" s="53">
        <v>173444.25</v>
      </c>
      <c r="AI2784" s="53">
        <v>173444.25</v>
      </c>
      <c r="AJ2784" s="53">
        <v>173444.25</v>
      </c>
      <c r="AK2784" s="53">
        <v>173444.25</v>
      </c>
      <c r="AL2784" s="53">
        <v>173444.25</v>
      </c>
      <c r="AM2784" s="53">
        <v>173444.25</v>
      </c>
      <c r="AN2784" s="53">
        <v>2081331</v>
      </c>
      <c r="AO2784" s="53">
        <v>72615.666666666599</v>
      </c>
      <c r="AP2784" s="53">
        <v>72615.666666666599</v>
      </c>
      <c r="AQ2784" s="53">
        <v>72615.666666666599</v>
      </c>
      <c r="AR2784" s="53">
        <v>72615.666666666599</v>
      </c>
      <c r="AS2784" s="53">
        <v>72615.666666666599</v>
      </c>
      <c r="AT2784" s="53">
        <v>72615.666666666599</v>
      </c>
      <c r="AU2784" s="53">
        <v>72615.666666666599</v>
      </c>
      <c r="AV2784" s="53">
        <v>72615.666666666599</v>
      </c>
      <c r="AW2784" s="53">
        <v>72615.666666666599</v>
      </c>
      <c r="AX2784" s="53">
        <v>72615.666666666599</v>
      </c>
      <c r="AY2784" s="53">
        <v>72615.666666666599</v>
      </c>
      <c r="AZ2784" s="53">
        <v>72615.666666666599</v>
      </c>
      <c r="BA2784" s="53">
        <v>871388</v>
      </c>
      <c r="BB2784" s="53"/>
      <c r="BC2784" s="53"/>
      <c r="BD2784" s="53"/>
      <c r="BE2784" s="53"/>
      <c r="BF2784" s="53"/>
      <c r="BG2784" s="53"/>
      <c r="BH2784" s="53"/>
      <c r="BI2784" s="53"/>
      <c r="BJ2784" s="53"/>
      <c r="BK2784" s="53"/>
      <c r="BL2784" s="53"/>
      <c r="BM2784" s="53"/>
      <c r="BN2784" s="53"/>
      <c r="BO2784" s="53"/>
      <c r="BP2784" s="53"/>
      <c r="BQ2784" s="53"/>
      <c r="BR2784" s="53"/>
      <c r="BS2784" s="53"/>
      <c r="BT2784" s="53"/>
      <c r="BU2784" s="53"/>
      <c r="BV2784" s="53"/>
      <c r="BW2784" s="53"/>
      <c r="BX2784" s="53"/>
      <c r="BY2784" s="53"/>
      <c r="BZ2784" s="53"/>
      <c r="CA2784" s="53"/>
      <c r="CB2784" s="53"/>
      <c r="CC2784" s="53"/>
      <c r="CD2784" s="53"/>
      <c r="CE2784" s="53"/>
      <c r="CF2784" s="53"/>
      <c r="CG2784" s="53"/>
      <c r="CH2784" s="53"/>
      <c r="CI2784" s="53"/>
      <c r="CJ2784" s="53"/>
      <c r="CK2784" s="53"/>
      <c r="CL2784" s="53"/>
      <c r="CM2784" s="53"/>
      <c r="CN2784" s="53"/>
    </row>
    <row r="2785" spans="1:92" outlineLevel="1">
      <c r="A2785" s="52" t="s">
        <v>650</v>
      </c>
      <c r="B2785" s="53"/>
      <c r="C2785" s="53"/>
      <c r="D2785" s="53"/>
      <c r="E2785" s="53"/>
      <c r="F2785" s="53"/>
      <c r="G2785" s="53"/>
      <c r="H2785" s="53"/>
      <c r="I2785" s="53"/>
      <c r="J2785" s="53"/>
      <c r="K2785" s="53"/>
      <c r="L2785" s="53"/>
      <c r="M2785" s="53"/>
      <c r="N2785" s="53"/>
      <c r="O2785" s="53"/>
      <c r="P2785" s="53"/>
      <c r="Q2785" s="53"/>
      <c r="R2785" s="53"/>
      <c r="S2785" s="53"/>
      <c r="T2785" s="53"/>
      <c r="U2785" s="53"/>
      <c r="V2785" s="53"/>
      <c r="W2785" s="53"/>
      <c r="X2785" s="53"/>
      <c r="Y2785" s="53"/>
      <c r="Z2785" s="53"/>
      <c r="AA2785" s="53"/>
      <c r="AB2785" s="53"/>
      <c r="AC2785" s="53"/>
      <c r="AD2785" s="53"/>
      <c r="AE2785" s="53"/>
      <c r="AF2785" s="53"/>
      <c r="AG2785" s="53"/>
      <c r="AH2785" s="53"/>
      <c r="AI2785" s="53"/>
      <c r="AJ2785" s="53"/>
      <c r="AK2785" s="53"/>
      <c r="AL2785" s="53"/>
      <c r="AM2785" s="53"/>
      <c r="AN2785" s="53"/>
      <c r="AO2785" s="53"/>
      <c r="AP2785" s="53"/>
      <c r="AQ2785" s="53"/>
      <c r="AR2785" s="53"/>
      <c r="AS2785" s="53"/>
      <c r="AT2785" s="53"/>
      <c r="AU2785" s="53"/>
      <c r="AV2785" s="53"/>
      <c r="AW2785" s="53"/>
      <c r="AX2785" s="53"/>
      <c r="AY2785" s="53"/>
      <c r="AZ2785" s="53"/>
      <c r="BA2785" s="53"/>
      <c r="BB2785" s="53"/>
      <c r="BC2785" s="53"/>
      <c r="BD2785" s="53"/>
      <c r="BE2785" s="53"/>
      <c r="BF2785" s="53"/>
      <c r="BG2785" s="53"/>
      <c r="BH2785" s="53"/>
      <c r="BI2785" s="53"/>
      <c r="BJ2785" s="53"/>
      <c r="BK2785" s="53"/>
      <c r="BL2785" s="53"/>
      <c r="BM2785" s="53"/>
      <c r="BN2785" s="53"/>
      <c r="BO2785" s="53"/>
      <c r="BP2785" s="53"/>
      <c r="BQ2785" s="53"/>
      <c r="BR2785" s="53"/>
      <c r="BS2785" s="53"/>
      <c r="BT2785" s="53"/>
      <c r="BU2785" s="53"/>
      <c r="BV2785" s="53"/>
      <c r="BW2785" s="53"/>
      <c r="BX2785" s="53"/>
      <c r="BY2785" s="53"/>
      <c r="BZ2785" s="53"/>
      <c r="CA2785" s="53"/>
      <c r="CB2785" s="53">
        <v>36488.334177215103</v>
      </c>
      <c r="CC2785" s="53">
        <v>36488.334177215103</v>
      </c>
      <c r="CD2785" s="53">
        <v>36488.334177215103</v>
      </c>
      <c r="CE2785" s="53">
        <v>36488.334177215103</v>
      </c>
      <c r="CF2785" s="53">
        <v>36488.334177215103</v>
      </c>
      <c r="CG2785" s="53">
        <v>36488.334177215103</v>
      </c>
      <c r="CH2785" s="53">
        <v>36488.334177215103</v>
      </c>
      <c r="CI2785" s="53">
        <v>36488.334177215103</v>
      </c>
      <c r="CJ2785" s="53">
        <v>36488.334177215103</v>
      </c>
      <c r="CK2785" s="53">
        <v>36488.334177215103</v>
      </c>
      <c r="CL2785" s="53">
        <v>36488.334177215103</v>
      </c>
      <c r="CM2785" s="53">
        <v>36488.334177215103</v>
      </c>
      <c r="CN2785" s="53">
        <v>437860.010126582</v>
      </c>
    </row>
    <row r="2786" spans="1:92" outlineLevel="1">
      <c r="A2786" s="52" t="s">
        <v>1358</v>
      </c>
      <c r="B2786" s="53"/>
      <c r="C2786" s="53"/>
      <c r="D2786" s="53"/>
      <c r="E2786" s="53"/>
      <c r="F2786" s="53"/>
      <c r="G2786" s="53"/>
      <c r="H2786" s="53"/>
      <c r="I2786" s="53"/>
      <c r="J2786" s="53"/>
      <c r="K2786" s="53"/>
      <c r="L2786" s="53"/>
      <c r="M2786" s="53"/>
      <c r="N2786" s="53"/>
      <c r="O2786" s="53"/>
      <c r="P2786" s="53"/>
      <c r="Q2786" s="53"/>
      <c r="R2786" s="53"/>
      <c r="S2786" s="53"/>
      <c r="T2786" s="53"/>
      <c r="U2786" s="53"/>
      <c r="V2786" s="53"/>
      <c r="W2786" s="53"/>
      <c r="X2786" s="53"/>
      <c r="Y2786" s="53"/>
      <c r="Z2786" s="53"/>
      <c r="AA2786" s="53"/>
      <c r="AB2786" s="53"/>
      <c r="AC2786" s="53"/>
      <c r="AD2786" s="53"/>
      <c r="AE2786" s="53"/>
      <c r="AF2786" s="53"/>
      <c r="AG2786" s="53"/>
      <c r="AH2786" s="53"/>
      <c r="AI2786" s="53"/>
      <c r="AJ2786" s="53"/>
      <c r="AK2786" s="53"/>
      <c r="AL2786" s="53"/>
      <c r="AM2786" s="53"/>
      <c r="AN2786" s="53"/>
      <c r="AO2786" s="53"/>
      <c r="AP2786" s="53"/>
      <c r="AQ2786" s="53"/>
      <c r="AR2786" s="53"/>
      <c r="AS2786" s="53"/>
      <c r="AT2786" s="53"/>
      <c r="AU2786" s="53"/>
      <c r="AV2786" s="53"/>
      <c r="AW2786" s="53"/>
      <c r="AX2786" s="53"/>
      <c r="AY2786" s="53"/>
      <c r="AZ2786" s="53"/>
      <c r="BA2786" s="53"/>
      <c r="BB2786" s="53"/>
      <c r="BC2786" s="53"/>
      <c r="BD2786" s="53"/>
      <c r="BE2786" s="53"/>
      <c r="BF2786" s="53"/>
      <c r="BG2786" s="53"/>
      <c r="BH2786" s="53"/>
      <c r="BI2786" s="53"/>
      <c r="BJ2786" s="53"/>
      <c r="BK2786" s="53"/>
      <c r="BL2786" s="53"/>
      <c r="BM2786" s="53"/>
      <c r="BN2786" s="53"/>
      <c r="BO2786" s="53"/>
      <c r="BP2786" s="53"/>
      <c r="BQ2786" s="53"/>
      <c r="BR2786" s="53"/>
      <c r="BS2786" s="53"/>
      <c r="BT2786" s="53"/>
      <c r="BU2786" s="53"/>
      <c r="BV2786" s="53"/>
      <c r="BW2786" s="53"/>
      <c r="BX2786" s="53"/>
      <c r="BY2786" s="53"/>
      <c r="BZ2786" s="53"/>
      <c r="CA2786" s="53"/>
      <c r="CB2786" s="53">
        <v>13019.146118721401</v>
      </c>
      <c r="CC2786" s="53">
        <v>13019.146118721401</v>
      </c>
      <c r="CD2786" s="53">
        <v>13019.146118721401</v>
      </c>
      <c r="CE2786" s="53">
        <v>13019.146118721401</v>
      </c>
      <c r="CF2786" s="53">
        <v>13019.146118721401</v>
      </c>
      <c r="CG2786" s="53">
        <v>13019.146118721401</v>
      </c>
      <c r="CH2786" s="53">
        <v>13019.146118721401</v>
      </c>
      <c r="CI2786" s="53">
        <v>13019.146118721401</v>
      </c>
      <c r="CJ2786" s="53">
        <v>13019.146118721401</v>
      </c>
      <c r="CK2786" s="53">
        <v>13019.146118721401</v>
      </c>
      <c r="CL2786" s="53">
        <v>13019.146118721401</v>
      </c>
      <c r="CM2786" s="53">
        <v>13019.146118721401</v>
      </c>
      <c r="CN2786" s="53">
        <v>156229.75342465701</v>
      </c>
    </row>
    <row r="2787" spans="1:92" outlineLevel="1">
      <c r="A2787" s="52" t="s">
        <v>649</v>
      </c>
      <c r="B2787" s="53">
        <v>-355385</v>
      </c>
      <c r="C2787" s="53">
        <v>-355385</v>
      </c>
      <c r="D2787" s="53">
        <v>-355385</v>
      </c>
      <c r="E2787" s="53">
        <v>-355385</v>
      </c>
      <c r="F2787" s="53">
        <v>-355385</v>
      </c>
      <c r="G2787" s="53">
        <v>-355385</v>
      </c>
      <c r="H2787" s="53">
        <v>-355385</v>
      </c>
      <c r="I2787" s="53">
        <v>-355385</v>
      </c>
      <c r="J2787" s="53">
        <v>-355385</v>
      </c>
      <c r="K2787" s="53">
        <v>-355385</v>
      </c>
      <c r="L2787" s="53">
        <v>-355385</v>
      </c>
      <c r="M2787" s="53">
        <v>-355385</v>
      </c>
      <c r="N2787" s="53">
        <v>-4264620</v>
      </c>
      <c r="O2787" s="53">
        <v>-355385</v>
      </c>
      <c r="P2787" s="53">
        <v>-355385</v>
      </c>
      <c r="Q2787" s="53">
        <v>-355385</v>
      </c>
      <c r="R2787" s="53">
        <v>-355385</v>
      </c>
      <c r="S2787" s="53">
        <v>-355385</v>
      </c>
      <c r="T2787" s="53">
        <v>-355385</v>
      </c>
      <c r="U2787" s="53">
        <v>-355385</v>
      </c>
      <c r="V2787" s="53">
        <v>-355385</v>
      </c>
      <c r="W2787" s="53">
        <v>-355385</v>
      </c>
      <c r="X2787" s="53">
        <v>-355385</v>
      </c>
      <c r="Y2787" s="53">
        <v>-355385</v>
      </c>
      <c r="Z2787" s="53">
        <v>-355385</v>
      </c>
      <c r="AA2787" s="53">
        <v>-4264620</v>
      </c>
      <c r="AB2787" s="53">
        <v>-355385</v>
      </c>
      <c r="AC2787" s="53">
        <v>-355385</v>
      </c>
      <c r="AD2787" s="53">
        <v>-355385</v>
      </c>
      <c r="AE2787" s="53">
        <v>-355385</v>
      </c>
      <c r="AF2787" s="53">
        <v>-355385</v>
      </c>
      <c r="AG2787" s="53">
        <v>-355385</v>
      </c>
      <c r="AH2787" s="53">
        <v>-355385</v>
      </c>
      <c r="AI2787" s="53">
        <v>-355385</v>
      </c>
      <c r="AJ2787" s="53">
        <v>-355385</v>
      </c>
      <c r="AK2787" s="53">
        <v>-355385</v>
      </c>
      <c r="AL2787" s="53">
        <v>-355385</v>
      </c>
      <c r="AM2787" s="53">
        <v>-355385</v>
      </c>
      <c r="AN2787" s="53">
        <v>-4264620</v>
      </c>
      <c r="AO2787" s="53">
        <v>-355385</v>
      </c>
      <c r="AP2787" s="53">
        <v>-355385</v>
      </c>
      <c r="AQ2787" s="53">
        <v>-355385</v>
      </c>
      <c r="AR2787" s="53">
        <v>-355385</v>
      </c>
      <c r="AS2787" s="53">
        <v>-355385</v>
      </c>
      <c r="AT2787" s="53">
        <v>-355385</v>
      </c>
      <c r="AU2787" s="53">
        <v>-355385</v>
      </c>
      <c r="AV2787" s="53">
        <v>-355385</v>
      </c>
      <c r="AW2787" s="53">
        <v>-355385</v>
      </c>
      <c r="AX2787" s="53">
        <v>-355385</v>
      </c>
      <c r="AY2787" s="53">
        <v>-355385</v>
      </c>
      <c r="AZ2787" s="53">
        <v>-355385</v>
      </c>
      <c r="BA2787" s="53">
        <v>-4264620</v>
      </c>
      <c r="BB2787" s="53">
        <v>-355385</v>
      </c>
      <c r="BC2787" s="53">
        <v>-355385</v>
      </c>
      <c r="BD2787" s="53">
        <v>-355385</v>
      </c>
      <c r="BE2787" s="53">
        <v>-355385</v>
      </c>
      <c r="BF2787" s="53">
        <v>-355385</v>
      </c>
      <c r="BG2787" s="53">
        <v>-355385</v>
      </c>
      <c r="BH2787" s="53">
        <v>-355385</v>
      </c>
      <c r="BI2787" s="53">
        <v>-355385</v>
      </c>
      <c r="BJ2787" s="53">
        <v>-355385</v>
      </c>
      <c r="BK2787" s="53">
        <v>-355385</v>
      </c>
      <c r="BL2787" s="53">
        <v>-355385</v>
      </c>
      <c r="BM2787" s="53">
        <v>-355385</v>
      </c>
      <c r="BN2787" s="53">
        <v>-4264620</v>
      </c>
      <c r="BO2787" s="53">
        <v>-355385</v>
      </c>
      <c r="BP2787" s="53">
        <v>-355385</v>
      </c>
      <c r="BQ2787" s="53">
        <v>-355385</v>
      </c>
      <c r="BR2787" s="53">
        <v>-355385</v>
      </c>
      <c r="BS2787" s="53">
        <v>-355385</v>
      </c>
      <c r="BT2787" s="53">
        <v>-355385</v>
      </c>
      <c r="BU2787" s="53">
        <v>-355385</v>
      </c>
      <c r="BV2787" s="53">
        <v>-355385</v>
      </c>
      <c r="BW2787" s="53">
        <v>-355385</v>
      </c>
      <c r="BX2787" s="53">
        <v>-355385</v>
      </c>
      <c r="BY2787" s="53">
        <v>-355385</v>
      </c>
      <c r="BZ2787" s="53">
        <v>-355385</v>
      </c>
      <c r="CA2787" s="53">
        <v>-4264620</v>
      </c>
      <c r="CB2787" s="53">
        <v>13527.6846307385</v>
      </c>
      <c r="CC2787" s="53">
        <v>13527.6846307385</v>
      </c>
      <c r="CD2787" s="53">
        <v>13527.6846307385</v>
      </c>
      <c r="CE2787" s="53">
        <v>13527.6846307385</v>
      </c>
      <c r="CF2787" s="53">
        <v>13527.6846307385</v>
      </c>
      <c r="CG2787" s="53">
        <v>13527.6846307385</v>
      </c>
      <c r="CH2787" s="53">
        <v>13527.6846307385</v>
      </c>
      <c r="CI2787" s="53">
        <v>13527.6846307385</v>
      </c>
      <c r="CJ2787" s="53">
        <v>13527.6846307385</v>
      </c>
      <c r="CK2787" s="53">
        <v>13527.6846307385</v>
      </c>
      <c r="CL2787" s="53">
        <v>13527.6846307385</v>
      </c>
      <c r="CM2787" s="53">
        <v>13527.6846307385</v>
      </c>
      <c r="CN2787" s="53">
        <v>162332.21556886201</v>
      </c>
    </row>
    <row r="2788" spans="1:92" outlineLevel="1">
      <c r="A2788" s="52" t="s">
        <v>1687</v>
      </c>
      <c r="B2788" s="53"/>
      <c r="C2788" s="53"/>
      <c r="D2788" s="53"/>
      <c r="E2788" s="53"/>
      <c r="F2788" s="53"/>
      <c r="G2788" s="53"/>
      <c r="H2788" s="53"/>
      <c r="I2788" s="53"/>
      <c r="J2788" s="53"/>
      <c r="K2788" s="53"/>
      <c r="L2788" s="53"/>
      <c r="M2788" s="53"/>
      <c r="N2788" s="53"/>
      <c r="O2788" s="53"/>
      <c r="P2788" s="53"/>
      <c r="Q2788" s="53"/>
      <c r="R2788" s="53"/>
      <c r="S2788" s="53"/>
      <c r="T2788" s="53"/>
      <c r="U2788" s="53"/>
      <c r="V2788" s="53"/>
      <c r="W2788" s="53"/>
      <c r="X2788" s="53"/>
      <c r="Y2788" s="53"/>
      <c r="Z2788" s="53"/>
      <c r="AA2788" s="53"/>
      <c r="AB2788" s="53"/>
      <c r="AC2788" s="53"/>
      <c r="AD2788" s="53"/>
      <c r="AE2788" s="53"/>
      <c r="AF2788" s="53"/>
      <c r="AG2788" s="53"/>
      <c r="AH2788" s="53"/>
      <c r="AI2788" s="53"/>
      <c r="AJ2788" s="53"/>
      <c r="AK2788" s="53"/>
      <c r="AL2788" s="53"/>
      <c r="AM2788" s="53"/>
      <c r="AN2788" s="53"/>
      <c r="AO2788" s="53"/>
      <c r="AP2788" s="53"/>
      <c r="AQ2788" s="53"/>
      <c r="AR2788" s="53"/>
      <c r="AS2788" s="53"/>
      <c r="AT2788" s="53"/>
      <c r="AU2788" s="53"/>
      <c r="AV2788" s="53"/>
      <c r="AW2788" s="53"/>
      <c r="AX2788" s="53"/>
      <c r="AY2788" s="53"/>
      <c r="AZ2788" s="53"/>
      <c r="BA2788" s="53"/>
      <c r="BB2788" s="53"/>
      <c r="BC2788" s="53"/>
      <c r="BD2788" s="53"/>
      <c r="BE2788" s="53"/>
      <c r="BF2788" s="53"/>
      <c r="BG2788" s="53"/>
      <c r="BH2788" s="53"/>
      <c r="BI2788" s="53"/>
      <c r="BJ2788" s="53"/>
      <c r="BK2788" s="53"/>
      <c r="BL2788" s="53"/>
      <c r="BM2788" s="53"/>
      <c r="BN2788" s="53"/>
      <c r="BO2788" s="53"/>
      <c r="BP2788" s="53"/>
      <c r="BQ2788" s="53"/>
      <c r="BR2788" s="53"/>
      <c r="BS2788" s="53"/>
      <c r="BT2788" s="53"/>
      <c r="BU2788" s="53"/>
      <c r="BV2788" s="53"/>
      <c r="BW2788" s="53"/>
      <c r="BX2788" s="53"/>
      <c r="BY2788" s="53"/>
      <c r="BZ2788" s="53"/>
      <c r="CA2788" s="53"/>
      <c r="CB2788" s="53">
        <v>20148.9797979797</v>
      </c>
      <c r="CC2788" s="53">
        <v>20148.9797979797</v>
      </c>
      <c r="CD2788" s="53">
        <v>20148.9797979797</v>
      </c>
      <c r="CE2788" s="53">
        <v>20148.9797979797</v>
      </c>
      <c r="CF2788" s="53">
        <v>20148.9797979797</v>
      </c>
      <c r="CG2788" s="53">
        <v>20148.9797979797</v>
      </c>
      <c r="CH2788" s="53">
        <v>20148.9797979797</v>
      </c>
      <c r="CI2788" s="53">
        <v>20148.9797979797</v>
      </c>
      <c r="CJ2788" s="53">
        <v>20148.9797979797</v>
      </c>
      <c r="CK2788" s="53">
        <v>20148.9797979797</v>
      </c>
      <c r="CL2788" s="53">
        <v>20148.9797979797</v>
      </c>
      <c r="CM2788" s="53">
        <v>20148.9797979797</v>
      </c>
      <c r="CN2788" s="53">
        <v>241787.75757575699</v>
      </c>
    </row>
    <row r="2789" spans="1:92" outlineLevel="1">
      <c r="A2789" s="52" t="s">
        <v>1688</v>
      </c>
      <c r="B2789" s="53"/>
      <c r="C2789" s="53"/>
      <c r="D2789" s="53"/>
      <c r="E2789" s="53"/>
      <c r="F2789" s="53"/>
      <c r="G2789" s="53"/>
      <c r="H2789" s="53"/>
      <c r="I2789" s="53"/>
      <c r="J2789" s="53"/>
      <c r="K2789" s="53"/>
      <c r="L2789" s="53"/>
      <c r="M2789" s="53"/>
      <c r="N2789" s="53"/>
      <c r="O2789" s="53"/>
      <c r="P2789" s="53"/>
      <c r="Q2789" s="53"/>
      <c r="R2789" s="53"/>
      <c r="S2789" s="53"/>
      <c r="T2789" s="53"/>
      <c r="U2789" s="53"/>
      <c r="V2789" s="53"/>
      <c r="W2789" s="53"/>
      <c r="X2789" s="53"/>
      <c r="Y2789" s="53"/>
      <c r="Z2789" s="53"/>
      <c r="AA2789" s="53"/>
      <c r="AB2789" s="53"/>
      <c r="AC2789" s="53"/>
      <c r="AD2789" s="53"/>
      <c r="AE2789" s="53"/>
      <c r="AF2789" s="53"/>
      <c r="AG2789" s="53"/>
      <c r="AH2789" s="53"/>
      <c r="AI2789" s="53"/>
      <c r="AJ2789" s="53"/>
      <c r="AK2789" s="53"/>
      <c r="AL2789" s="53"/>
      <c r="AM2789" s="53"/>
      <c r="AN2789" s="53"/>
      <c r="AO2789" s="53"/>
      <c r="AP2789" s="53"/>
      <c r="AQ2789" s="53"/>
      <c r="AR2789" s="53"/>
      <c r="AS2789" s="53"/>
      <c r="AT2789" s="53"/>
      <c r="AU2789" s="53"/>
      <c r="AV2789" s="53"/>
      <c r="AW2789" s="53"/>
      <c r="AX2789" s="53"/>
      <c r="AY2789" s="53"/>
      <c r="AZ2789" s="53"/>
      <c r="BA2789" s="53"/>
      <c r="BB2789" s="53"/>
      <c r="BC2789" s="53"/>
      <c r="BD2789" s="53"/>
      <c r="BE2789" s="53"/>
      <c r="BF2789" s="53"/>
      <c r="BG2789" s="53"/>
      <c r="BH2789" s="53"/>
      <c r="BI2789" s="53"/>
      <c r="BJ2789" s="53"/>
      <c r="BK2789" s="53"/>
      <c r="BL2789" s="53"/>
      <c r="BM2789" s="53"/>
      <c r="BN2789" s="53"/>
      <c r="BO2789" s="53"/>
      <c r="BP2789" s="53"/>
      <c r="BQ2789" s="53"/>
      <c r="BR2789" s="53"/>
      <c r="BS2789" s="53"/>
      <c r="BT2789" s="53"/>
      <c r="BU2789" s="53"/>
      <c r="BV2789" s="53"/>
      <c r="BW2789" s="53"/>
      <c r="BX2789" s="53"/>
      <c r="BY2789" s="53"/>
      <c r="BZ2789" s="53"/>
      <c r="CA2789" s="53"/>
      <c r="CB2789" s="53">
        <v>24699.685950413201</v>
      </c>
      <c r="CC2789" s="53"/>
      <c r="CD2789" s="53"/>
      <c r="CE2789" s="53"/>
      <c r="CF2789" s="53"/>
      <c r="CG2789" s="53"/>
      <c r="CH2789" s="53"/>
      <c r="CI2789" s="53"/>
      <c r="CJ2789" s="53"/>
      <c r="CK2789" s="53"/>
      <c r="CL2789" s="53"/>
      <c r="CM2789" s="53"/>
      <c r="CN2789" s="53">
        <v>24699.685950413201</v>
      </c>
    </row>
    <row r="2790" spans="1:92" outlineLevel="1">
      <c r="A2790" s="52" t="s">
        <v>649</v>
      </c>
      <c r="B2790" s="53"/>
      <c r="C2790" s="53"/>
      <c r="D2790" s="53"/>
      <c r="E2790" s="53"/>
      <c r="F2790" s="53"/>
      <c r="G2790" s="53"/>
      <c r="H2790" s="53"/>
      <c r="I2790" s="53"/>
      <c r="J2790" s="53"/>
      <c r="K2790" s="53"/>
      <c r="L2790" s="53"/>
      <c r="M2790" s="53"/>
      <c r="N2790" s="53"/>
      <c r="O2790" s="53">
        <v>-2618509.22437499</v>
      </c>
      <c r="P2790" s="53">
        <v>-2618509.22437499</v>
      </c>
      <c r="Q2790" s="53">
        <v>-2618509.22437499</v>
      </c>
      <c r="R2790" s="53">
        <v>-2618509.22437499</v>
      </c>
      <c r="S2790" s="53">
        <v>-2618509.22437499</v>
      </c>
      <c r="T2790" s="53">
        <v>-2618509.22437499</v>
      </c>
      <c r="U2790" s="53">
        <v>-2618509.22437499</v>
      </c>
      <c r="V2790" s="53">
        <v>-2618509.22437499</v>
      </c>
      <c r="W2790" s="53">
        <v>-2618509.22437499</v>
      </c>
      <c r="X2790" s="53">
        <v>-2618509.22437499</v>
      </c>
      <c r="Y2790" s="53">
        <v>-2618509.22437499</v>
      </c>
      <c r="Z2790" s="53">
        <v>-2618509.22437499</v>
      </c>
      <c r="AA2790" s="53">
        <v>-31422110.692499999</v>
      </c>
      <c r="AB2790" s="53">
        <v>-4388870.2495274898</v>
      </c>
      <c r="AC2790" s="53">
        <v>-4388870.2495274898</v>
      </c>
      <c r="AD2790" s="53">
        <v>-4388870.2495274898</v>
      </c>
      <c r="AE2790" s="53">
        <v>-4388870.2495274898</v>
      </c>
      <c r="AF2790" s="53">
        <v>-4388870.2495274898</v>
      </c>
      <c r="AG2790" s="53">
        <v>-4388870.2495274898</v>
      </c>
      <c r="AH2790" s="53">
        <v>-4388870.2495274898</v>
      </c>
      <c r="AI2790" s="53">
        <v>-4388870.2495274898</v>
      </c>
      <c r="AJ2790" s="53">
        <v>-4388870.2495274898</v>
      </c>
      <c r="AK2790" s="53">
        <v>-4388870.2495274898</v>
      </c>
      <c r="AL2790" s="53">
        <v>-4388870.2495274898</v>
      </c>
      <c r="AM2790" s="53">
        <v>-4388870.2495274898</v>
      </c>
      <c r="AN2790" s="53">
        <v>-52666442.9943299</v>
      </c>
      <c r="AO2790" s="53">
        <v>-5253169.3333333302</v>
      </c>
      <c r="AP2790" s="53">
        <v>-5253169.3333333302</v>
      </c>
      <c r="AQ2790" s="53">
        <v>-5253169.3333333302</v>
      </c>
      <c r="AR2790" s="53">
        <v>-5253169.3333333302</v>
      </c>
      <c r="AS2790" s="53">
        <v>-5253169.3333333302</v>
      </c>
      <c r="AT2790" s="53">
        <v>-5253169.3333333302</v>
      </c>
      <c r="AU2790" s="53">
        <v>-5253169.3333333302</v>
      </c>
      <c r="AV2790" s="53">
        <v>-5253169.3333333302</v>
      </c>
      <c r="AW2790" s="53">
        <v>-5253169.3333333302</v>
      </c>
      <c r="AX2790" s="53">
        <v>-5253169.3333333302</v>
      </c>
      <c r="AY2790" s="53">
        <v>-5253169.3333333302</v>
      </c>
      <c r="AZ2790" s="53">
        <v>-5253169.3333333302</v>
      </c>
      <c r="BA2790" s="53">
        <v>-63038031.999999903</v>
      </c>
      <c r="BB2790" s="53">
        <v>-7932402.2177273398</v>
      </c>
      <c r="BC2790" s="53">
        <v>-7932402.2177273398</v>
      </c>
      <c r="BD2790" s="53">
        <v>-7932402.2177273398</v>
      </c>
      <c r="BE2790" s="53">
        <v>-7932402.2177273398</v>
      </c>
      <c r="BF2790" s="53">
        <v>-7932402.2177273398</v>
      </c>
      <c r="BG2790" s="53">
        <v>-7932402.2177273398</v>
      </c>
      <c r="BH2790" s="53">
        <v>-7932402.2177273398</v>
      </c>
      <c r="BI2790" s="53">
        <v>-7932402.2177273398</v>
      </c>
      <c r="BJ2790" s="53">
        <v>-7932402.2177273398</v>
      </c>
      <c r="BK2790" s="53">
        <v>-7932402.2177273398</v>
      </c>
      <c r="BL2790" s="53">
        <v>-7932402.2177273398</v>
      </c>
      <c r="BM2790" s="53">
        <v>-7932402.2177273398</v>
      </c>
      <c r="BN2790" s="53">
        <v>-95188826.612728104</v>
      </c>
      <c r="BO2790" s="53">
        <v>-9706836.634939</v>
      </c>
      <c r="BP2790" s="53">
        <v>-9706836.634939</v>
      </c>
      <c r="BQ2790" s="53">
        <v>-9706836.634939</v>
      </c>
      <c r="BR2790" s="53">
        <v>-9706836.634939</v>
      </c>
      <c r="BS2790" s="53">
        <v>-9706836.634939</v>
      </c>
      <c r="BT2790" s="53">
        <v>-9706836.634939</v>
      </c>
      <c r="BU2790" s="53">
        <v>-9706836.634939</v>
      </c>
      <c r="BV2790" s="53">
        <v>-9706836.634939</v>
      </c>
      <c r="BW2790" s="53">
        <v>-9706836.634939</v>
      </c>
      <c r="BX2790" s="53">
        <v>-9706836.634939</v>
      </c>
      <c r="BY2790" s="53">
        <v>-9706836.634939</v>
      </c>
      <c r="BZ2790" s="53">
        <v>-9706836.634939</v>
      </c>
      <c r="CA2790" s="53">
        <v>-116482039.619267</v>
      </c>
      <c r="CB2790" s="53">
        <v>13370.822605965401</v>
      </c>
      <c r="CC2790" s="53">
        <v>13370.822605965401</v>
      </c>
      <c r="CD2790" s="53">
        <v>13370.822605965401</v>
      </c>
      <c r="CE2790" s="53">
        <v>13370.822605965401</v>
      </c>
      <c r="CF2790" s="53">
        <v>13370.822605965401</v>
      </c>
      <c r="CG2790" s="53">
        <v>13370.822605965401</v>
      </c>
      <c r="CH2790" s="53">
        <v>13370.822605965401</v>
      </c>
      <c r="CI2790" s="53">
        <v>13370.822605965401</v>
      </c>
      <c r="CJ2790" s="53">
        <v>13370.822605965401</v>
      </c>
      <c r="CK2790" s="53">
        <v>13370.822605965401</v>
      </c>
      <c r="CL2790" s="53">
        <v>13370.822605965401</v>
      </c>
      <c r="CM2790" s="53">
        <v>13370.822605965401</v>
      </c>
      <c r="CN2790" s="53">
        <v>160449.871271585</v>
      </c>
    </row>
    <row r="2791" spans="1:92" outlineLevel="1">
      <c r="A2791" s="52" t="s">
        <v>672</v>
      </c>
      <c r="B2791" s="53"/>
      <c r="C2791" s="53"/>
      <c r="D2791" s="53"/>
      <c r="E2791" s="53"/>
      <c r="F2791" s="53"/>
      <c r="G2791" s="53"/>
      <c r="H2791" s="53"/>
      <c r="I2791" s="53"/>
      <c r="J2791" s="53"/>
      <c r="K2791" s="53"/>
      <c r="L2791" s="53"/>
      <c r="M2791" s="53"/>
      <c r="N2791" s="53"/>
      <c r="O2791" s="53"/>
      <c r="P2791" s="53"/>
      <c r="Q2791" s="53"/>
      <c r="R2791" s="53"/>
      <c r="S2791" s="53"/>
      <c r="T2791" s="53"/>
      <c r="U2791" s="53"/>
      <c r="V2791" s="53"/>
      <c r="W2791" s="53"/>
      <c r="X2791" s="53"/>
      <c r="Y2791" s="53"/>
      <c r="Z2791" s="53"/>
      <c r="AA2791" s="53"/>
      <c r="AB2791" s="53"/>
      <c r="AC2791" s="53"/>
      <c r="AD2791" s="53"/>
      <c r="AE2791" s="53"/>
      <c r="AF2791" s="53"/>
      <c r="AG2791" s="53"/>
      <c r="AH2791" s="53"/>
      <c r="AI2791" s="53"/>
      <c r="AJ2791" s="53"/>
      <c r="AK2791" s="53"/>
      <c r="AL2791" s="53"/>
      <c r="AM2791" s="53"/>
      <c r="AN2791" s="53"/>
      <c r="AO2791" s="53"/>
      <c r="AP2791" s="53"/>
      <c r="AQ2791" s="53"/>
      <c r="AR2791" s="53"/>
      <c r="AS2791" s="53"/>
      <c r="AT2791" s="53"/>
      <c r="AU2791" s="53"/>
      <c r="AV2791" s="53"/>
      <c r="AW2791" s="53"/>
      <c r="AX2791" s="53"/>
      <c r="AY2791" s="53"/>
      <c r="AZ2791" s="53"/>
      <c r="BA2791" s="53"/>
      <c r="BB2791" s="53"/>
      <c r="BC2791" s="53"/>
      <c r="BD2791" s="53"/>
      <c r="BE2791" s="53"/>
      <c r="BF2791" s="53"/>
      <c r="BG2791" s="53"/>
      <c r="BH2791" s="53"/>
      <c r="BI2791" s="53"/>
      <c r="BJ2791" s="53"/>
      <c r="BK2791" s="53"/>
      <c r="BL2791" s="53"/>
      <c r="BM2791" s="53"/>
      <c r="BN2791" s="53"/>
      <c r="BO2791" s="53"/>
      <c r="BP2791" s="53"/>
      <c r="BQ2791" s="53"/>
      <c r="BR2791" s="53"/>
      <c r="BS2791" s="53"/>
      <c r="BT2791" s="53"/>
      <c r="BU2791" s="53"/>
      <c r="BV2791" s="53"/>
      <c r="BW2791" s="53"/>
      <c r="BX2791" s="53"/>
      <c r="BY2791" s="53"/>
      <c r="BZ2791" s="53"/>
      <c r="CA2791" s="53"/>
      <c r="CB2791" s="53">
        <v>44991.872611464903</v>
      </c>
      <c r="CC2791" s="53">
        <v>44991.872611464903</v>
      </c>
      <c r="CD2791" s="53">
        <v>44991.872611464903</v>
      </c>
      <c r="CE2791" s="53">
        <v>44991.872611464903</v>
      </c>
      <c r="CF2791" s="53">
        <v>44991.872611464903</v>
      </c>
      <c r="CG2791" s="53">
        <v>44991.872611464903</v>
      </c>
      <c r="CH2791" s="53">
        <v>44991.872611464903</v>
      </c>
      <c r="CI2791" s="53">
        <v>44991.872611464903</v>
      </c>
      <c r="CJ2791" s="53">
        <v>44991.872611464903</v>
      </c>
      <c r="CK2791" s="53">
        <v>44991.872611464903</v>
      </c>
      <c r="CL2791" s="53">
        <v>44991.872611464903</v>
      </c>
      <c r="CM2791" s="53">
        <v>44991.872611464903</v>
      </c>
      <c r="CN2791" s="53">
        <v>539902.47133757896</v>
      </c>
    </row>
    <row r="2792" spans="1:92" outlineLevel="1">
      <c r="A2792" s="52" t="s">
        <v>700</v>
      </c>
      <c r="B2792" s="53"/>
      <c r="C2792" s="53"/>
      <c r="D2792" s="53"/>
      <c r="E2792" s="53"/>
      <c r="F2792" s="53"/>
      <c r="G2792" s="53"/>
      <c r="H2792" s="53"/>
      <c r="I2792" s="53"/>
      <c r="J2792" s="53"/>
      <c r="K2792" s="53"/>
      <c r="L2792" s="53"/>
      <c r="M2792" s="53"/>
      <c r="N2792" s="53"/>
      <c r="O2792" s="53"/>
      <c r="P2792" s="53"/>
      <c r="Q2792" s="53"/>
      <c r="R2792" s="53"/>
      <c r="S2792" s="53"/>
      <c r="T2792" s="53"/>
      <c r="U2792" s="53"/>
      <c r="V2792" s="53"/>
      <c r="W2792" s="53"/>
      <c r="X2792" s="53"/>
      <c r="Y2792" s="53"/>
      <c r="Z2792" s="53"/>
      <c r="AA2792" s="53"/>
      <c r="AB2792" s="53"/>
      <c r="AC2792" s="53"/>
      <c r="AD2792" s="53"/>
      <c r="AE2792" s="53"/>
      <c r="AF2792" s="53"/>
      <c r="AG2792" s="53"/>
      <c r="AH2792" s="53"/>
      <c r="AI2792" s="53"/>
      <c r="AJ2792" s="53"/>
      <c r="AK2792" s="53"/>
      <c r="AL2792" s="53"/>
      <c r="AM2792" s="53"/>
      <c r="AN2792" s="53"/>
      <c r="AO2792" s="53"/>
      <c r="AP2792" s="53"/>
      <c r="AQ2792" s="53"/>
      <c r="AR2792" s="53"/>
      <c r="AS2792" s="53"/>
      <c r="AT2792" s="53"/>
      <c r="AU2792" s="53"/>
      <c r="AV2792" s="53"/>
      <c r="AW2792" s="53"/>
      <c r="AX2792" s="53"/>
      <c r="AY2792" s="53"/>
      <c r="AZ2792" s="53"/>
      <c r="BA2792" s="53"/>
      <c r="BB2792" s="53"/>
      <c r="BC2792" s="53"/>
      <c r="BD2792" s="53"/>
      <c r="BE2792" s="53"/>
      <c r="BF2792" s="53"/>
      <c r="BG2792" s="53"/>
      <c r="BH2792" s="53"/>
      <c r="BI2792" s="53"/>
      <c r="BJ2792" s="53"/>
      <c r="BK2792" s="53"/>
      <c r="BL2792" s="53"/>
      <c r="BM2792" s="53"/>
      <c r="BN2792" s="53"/>
      <c r="BO2792" s="53"/>
      <c r="BP2792" s="53"/>
      <c r="BQ2792" s="53"/>
      <c r="BR2792" s="53"/>
      <c r="BS2792" s="53"/>
      <c r="BT2792" s="53"/>
      <c r="BU2792" s="53"/>
      <c r="BV2792" s="53"/>
      <c r="BW2792" s="53"/>
      <c r="BX2792" s="53"/>
      <c r="BY2792" s="53"/>
      <c r="BZ2792" s="53"/>
      <c r="CA2792" s="53"/>
      <c r="CB2792" s="53">
        <v>52157.242105263002</v>
      </c>
      <c r="CC2792" s="53">
        <v>52157.242105263002</v>
      </c>
      <c r="CD2792" s="53">
        <v>52157.242105263002</v>
      </c>
      <c r="CE2792" s="53">
        <v>52157.242105263002</v>
      </c>
      <c r="CF2792" s="53">
        <v>52157.242105263002</v>
      </c>
      <c r="CG2792" s="53">
        <v>52157.242105263002</v>
      </c>
      <c r="CH2792" s="53">
        <v>52157.242105263002</v>
      </c>
      <c r="CI2792" s="53">
        <v>52157.242105263002</v>
      </c>
      <c r="CJ2792" s="53">
        <v>52157.242105263002</v>
      </c>
      <c r="CK2792" s="53">
        <v>52157.242105263002</v>
      </c>
      <c r="CL2792" s="53">
        <v>52157.242105263002</v>
      </c>
      <c r="CM2792" s="53">
        <v>52157.242105263002</v>
      </c>
      <c r="CN2792" s="53">
        <v>625886.90526315698</v>
      </c>
    </row>
    <row r="2793" spans="1:92" outlineLevel="1">
      <c r="A2793" s="52" t="s">
        <v>1689</v>
      </c>
      <c r="B2793" s="53"/>
      <c r="C2793" s="53"/>
      <c r="D2793" s="53"/>
      <c r="E2793" s="53"/>
      <c r="F2793" s="53"/>
      <c r="G2793" s="53"/>
      <c r="H2793" s="53"/>
      <c r="I2793" s="53"/>
      <c r="J2793" s="53"/>
      <c r="K2793" s="53"/>
      <c r="L2793" s="53"/>
      <c r="M2793" s="53"/>
      <c r="N2793" s="53"/>
      <c r="O2793" s="53"/>
      <c r="P2793" s="53"/>
      <c r="Q2793" s="53"/>
      <c r="R2793" s="53"/>
      <c r="S2793" s="53"/>
      <c r="T2793" s="53"/>
      <c r="U2793" s="53"/>
      <c r="V2793" s="53"/>
      <c r="W2793" s="53"/>
      <c r="X2793" s="53"/>
      <c r="Y2793" s="53"/>
      <c r="Z2793" s="53"/>
      <c r="AA2793" s="53"/>
      <c r="AB2793" s="53"/>
      <c r="AC2793" s="53"/>
      <c r="AD2793" s="53"/>
      <c r="AE2793" s="53"/>
      <c r="AF2793" s="53"/>
      <c r="AG2793" s="53"/>
      <c r="AH2793" s="53"/>
      <c r="AI2793" s="53"/>
      <c r="AJ2793" s="53"/>
      <c r="AK2793" s="53"/>
      <c r="AL2793" s="53"/>
      <c r="AM2793" s="53"/>
      <c r="AN2793" s="53"/>
      <c r="AO2793" s="53"/>
      <c r="AP2793" s="53"/>
      <c r="AQ2793" s="53"/>
      <c r="AR2793" s="53"/>
      <c r="AS2793" s="53"/>
      <c r="AT2793" s="53"/>
      <c r="AU2793" s="53"/>
      <c r="AV2793" s="53"/>
      <c r="AW2793" s="53"/>
      <c r="AX2793" s="53"/>
      <c r="AY2793" s="53"/>
      <c r="AZ2793" s="53"/>
      <c r="BA2793" s="53"/>
      <c r="BB2793" s="53"/>
      <c r="BC2793" s="53"/>
      <c r="BD2793" s="53"/>
      <c r="BE2793" s="53"/>
      <c r="BF2793" s="53"/>
      <c r="BG2793" s="53"/>
      <c r="BH2793" s="53"/>
      <c r="BI2793" s="53"/>
      <c r="BJ2793" s="53"/>
      <c r="BK2793" s="53"/>
      <c r="BL2793" s="53"/>
      <c r="BM2793" s="53"/>
      <c r="BN2793" s="53"/>
      <c r="BO2793" s="53"/>
      <c r="BP2793" s="53"/>
      <c r="BQ2793" s="53"/>
      <c r="BR2793" s="53"/>
      <c r="BS2793" s="53"/>
      <c r="BT2793" s="53"/>
      <c r="BU2793" s="53"/>
      <c r="BV2793" s="53"/>
      <c r="BW2793" s="53"/>
      <c r="BX2793" s="53"/>
      <c r="BY2793" s="53"/>
      <c r="BZ2793" s="53"/>
      <c r="CA2793" s="53"/>
      <c r="CB2793" s="53"/>
      <c r="CC2793" s="53"/>
      <c r="CD2793" s="53"/>
      <c r="CE2793" s="53"/>
      <c r="CF2793" s="53"/>
      <c r="CG2793" s="53"/>
      <c r="CH2793" s="53"/>
      <c r="CI2793" s="53"/>
      <c r="CJ2793" s="53"/>
      <c r="CK2793" s="53"/>
      <c r="CL2793" s="53"/>
      <c r="CM2793" s="53"/>
      <c r="CN2793" s="53"/>
    </row>
    <row r="2794" spans="1:92" outlineLevel="1">
      <c r="A2794" s="52" t="s">
        <v>649</v>
      </c>
      <c r="B2794" s="53"/>
      <c r="C2794" s="53">
        <v>-8551673.5</v>
      </c>
      <c r="D2794" s="53">
        <v>43128023.539999902</v>
      </c>
      <c r="E2794" s="53">
        <v>-4275836.75</v>
      </c>
      <c r="F2794" s="53">
        <v>-4275836.75</v>
      </c>
      <c r="G2794" s="53">
        <v>13419062.59</v>
      </c>
      <c r="H2794" s="53">
        <v>-4275836.75</v>
      </c>
      <c r="I2794" s="53">
        <v>-4275836.75</v>
      </c>
      <c r="J2794" s="53">
        <v>137409031.84</v>
      </c>
      <c r="K2794" s="53">
        <v>-4275836.75</v>
      </c>
      <c r="L2794" s="53">
        <v>81860695.310000002</v>
      </c>
      <c r="M2794" s="53">
        <v>-44448088.939999901</v>
      </c>
      <c r="N2794" s="53">
        <v>201437867.09</v>
      </c>
      <c r="O2794" s="53">
        <v>-8766868.1428179704</v>
      </c>
      <c r="P2794" s="53">
        <v>10034871.5131699</v>
      </c>
      <c r="Q2794" s="53">
        <v>-2218665.0945001198</v>
      </c>
      <c r="R2794" s="53">
        <v>-9092996.6853720006</v>
      </c>
      <c r="S2794" s="53">
        <v>-12717657.9560473</v>
      </c>
      <c r="T2794" s="53">
        <v>-18132973.566369001</v>
      </c>
      <c r="U2794" s="53">
        <v>-13376163.1264439</v>
      </c>
      <c r="V2794" s="53">
        <v>-29210273.261156101</v>
      </c>
      <c r="W2794" s="53">
        <v>-21728448.832462899</v>
      </c>
      <c r="X2794" s="53">
        <v>-9715459.1157949306</v>
      </c>
      <c r="Y2794" s="53">
        <v>-1623725.7930043901</v>
      </c>
      <c r="Z2794" s="53">
        <v>-17070182.652401201</v>
      </c>
      <c r="AA2794" s="53">
        <v>-133618542.7132</v>
      </c>
      <c r="AB2794" s="53">
        <v>-16206144.6562698</v>
      </c>
      <c r="AC2794" s="53">
        <v>632646.86909037805</v>
      </c>
      <c r="AD2794" s="53">
        <v>-5518420.5067133596</v>
      </c>
      <c r="AE2794" s="53">
        <v>-872077.04455558397</v>
      </c>
      <c r="AF2794" s="53">
        <v>-4068889.22606673</v>
      </c>
      <c r="AG2794" s="53">
        <v>-8671086.2081276104</v>
      </c>
      <c r="AH2794" s="53">
        <v>-6500058.6095019002</v>
      </c>
      <c r="AI2794" s="53">
        <v>-20346732.651609201</v>
      </c>
      <c r="AJ2794" s="53">
        <v>-7736370.1914290302</v>
      </c>
      <c r="AK2794" s="53">
        <v>-773208.32818237902</v>
      </c>
      <c r="AL2794" s="53">
        <v>5318363.5661107898</v>
      </c>
      <c r="AM2794" s="53">
        <v>-15976157.0561019</v>
      </c>
      <c r="AN2794" s="53">
        <v>-80718134.043356299</v>
      </c>
      <c r="AO2794" s="53">
        <v>4320173.4532658802</v>
      </c>
      <c r="AP2794" s="53">
        <v>16920509.5129974</v>
      </c>
      <c r="AQ2794" s="53">
        <v>14946204.911386499</v>
      </c>
      <c r="AR2794" s="53">
        <v>11157456.9236794</v>
      </c>
      <c r="AS2794" s="53">
        <v>8900491.9390318207</v>
      </c>
      <c r="AT2794" s="53">
        <v>8125812.6184166698</v>
      </c>
      <c r="AU2794" s="53">
        <v>8266057.2857037596</v>
      </c>
      <c r="AV2794" s="53">
        <v>-2252874.1770363399</v>
      </c>
      <c r="AW2794" s="53">
        <v>8682723.0392368007</v>
      </c>
      <c r="AX2794" s="53">
        <v>11130212.3016051</v>
      </c>
      <c r="AY2794" s="53">
        <v>15515692.0561704</v>
      </c>
      <c r="AZ2794" s="53">
        <v>-173528.816564198</v>
      </c>
      <c r="BA2794" s="53">
        <v>105538931.047893</v>
      </c>
      <c r="BB2794" s="53">
        <v>4620126.5205787104</v>
      </c>
      <c r="BC2794" s="53">
        <v>17671081.784821</v>
      </c>
      <c r="BD2794" s="53">
        <v>15256576.9772333</v>
      </c>
      <c r="BE2794" s="53">
        <v>11488561.760407001</v>
      </c>
      <c r="BF2794" s="53">
        <v>9205859.2515559401</v>
      </c>
      <c r="BG2794" s="53">
        <v>8411095.1047237497</v>
      </c>
      <c r="BH2794" s="53">
        <v>8658390.7508065403</v>
      </c>
      <c r="BI2794" s="53">
        <v>-1724809.48244247</v>
      </c>
      <c r="BJ2794" s="53">
        <v>9509264.9412931204</v>
      </c>
      <c r="BK2794" s="53">
        <v>12324741.5278395</v>
      </c>
      <c r="BL2794" s="53">
        <v>17022398.163327198</v>
      </c>
      <c r="BM2794" s="53">
        <v>865677.36165748502</v>
      </c>
      <c r="BN2794" s="53">
        <v>113308964.661801</v>
      </c>
      <c r="BO2794" s="53">
        <v>4810573.9986443399</v>
      </c>
      <c r="BP2794" s="53">
        <v>17954609.445117299</v>
      </c>
      <c r="BQ2794" s="53">
        <v>15898081.742175501</v>
      </c>
      <c r="BR2794" s="53">
        <v>11936251.181130599</v>
      </c>
      <c r="BS2794" s="53">
        <v>8744408.4372054003</v>
      </c>
      <c r="BT2794" s="53">
        <v>7816744.9372491101</v>
      </c>
      <c r="BU2794" s="53">
        <v>7774389.3004088402</v>
      </c>
      <c r="BV2794" s="53">
        <v>-2693251.91867234</v>
      </c>
      <c r="BW2794" s="53">
        <v>8809564.3119543307</v>
      </c>
      <c r="BX2794" s="53">
        <v>11561257.592922101</v>
      </c>
      <c r="BY2794" s="53">
        <v>15245810.3059699</v>
      </c>
      <c r="BZ2794" s="53">
        <v>22828657.778659899</v>
      </c>
      <c r="CA2794" s="53">
        <v>130687097.112765</v>
      </c>
      <c r="CB2794" s="53">
        <v>38996.049261083703</v>
      </c>
      <c r="CC2794" s="53">
        <v>38996.049261083703</v>
      </c>
      <c r="CD2794" s="53">
        <v>38996.049261083703</v>
      </c>
      <c r="CE2794" s="53">
        <v>38996.049261083703</v>
      </c>
      <c r="CF2794" s="53">
        <v>38996.049261083703</v>
      </c>
      <c r="CG2794" s="53">
        <v>38996.049261083703</v>
      </c>
      <c r="CH2794" s="53">
        <v>38996.049261083703</v>
      </c>
      <c r="CI2794" s="53">
        <v>38996.049261083703</v>
      </c>
      <c r="CJ2794" s="53">
        <v>38996.049261083703</v>
      </c>
      <c r="CK2794" s="53">
        <v>38996.049261083703</v>
      </c>
      <c r="CL2794" s="53">
        <v>38996.049261083703</v>
      </c>
      <c r="CM2794" s="53">
        <v>38996.049261083703</v>
      </c>
      <c r="CN2794" s="53">
        <v>467952.591133004</v>
      </c>
    </row>
    <row r="2795" spans="1:92" outlineLevel="1">
      <c r="A2795" s="52" t="s">
        <v>703</v>
      </c>
      <c r="B2795" s="53"/>
      <c r="C2795" s="53"/>
      <c r="D2795" s="53"/>
      <c r="E2795" s="53"/>
      <c r="F2795" s="53"/>
      <c r="G2795" s="53"/>
      <c r="H2795" s="53"/>
      <c r="I2795" s="53"/>
      <c r="J2795" s="53"/>
      <c r="K2795" s="53"/>
      <c r="L2795" s="53"/>
      <c r="M2795" s="53"/>
      <c r="N2795" s="53"/>
      <c r="O2795" s="53"/>
      <c r="P2795" s="53"/>
      <c r="Q2795" s="53"/>
      <c r="R2795" s="53"/>
      <c r="S2795" s="53"/>
      <c r="T2795" s="53"/>
      <c r="U2795" s="53"/>
      <c r="V2795" s="53"/>
      <c r="W2795" s="53"/>
      <c r="X2795" s="53"/>
      <c r="Y2795" s="53"/>
      <c r="Z2795" s="53"/>
      <c r="AA2795" s="53"/>
      <c r="AB2795" s="53"/>
      <c r="AC2795" s="53"/>
      <c r="AD2795" s="53"/>
      <c r="AE2795" s="53"/>
      <c r="AF2795" s="53"/>
      <c r="AG2795" s="53"/>
      <c r="AH2795" s="53"/>
      <c r="AI2795" s="53"/>
      <c r="AJ2795" s="53"/>
      <c r="AK2795" s="53"/>
      <c r="AL2795" s="53"/>
      <c r="AM2795" s="53"/>
      <c r="AN2795" s="53"/>
      <c r="AO2795" s="53"/>
      <c r="AP2795" s="53"/>
      <c r="AQ2795" s="53"/>
      <c r="AR2795" s="53"/>
      <c r="AS2795" s="53"/>
      <c r="AT2795" s="53"/>
      <c r="AU2795" s="53"/>
      <c r="AV2795" s="53"/>
      <c r="AW2795" s="53"/>
      <c r="AX2795" s="53"/>
      <c r="AY2795" s="53"/>
      <c r="AZ2795" s="53"/>
      <c r="BA2795" s="53"/>
      <c r="BB2795" s="53"/>
      <c r="BC2795" s="53"/>
      <c r="BD2795" s="53"/>
      <c r="BE2795" s="53"/>
      <c r="BF2795" s="53"/>
      <c r="BG2795" s="53"/>
      <c r="BH2795" s="53"/>
      <c r="BI2795" s="53"/>
      <c r="BJ2795" s="53"/>
      <c r="BK2795" s="53"/>
      <c r="BL2795" s="53"/>
      <c r="BM2795" s="53"/>
      <c r="BN2795" s="53"/>
      <c r="BO2795" s="53"/>
      <c r="BP2795" s="53"/>
      <c r="BQ2795" s="53"/>
      <c r="BR2795" s="53"/>
      <c r="BS2795" s="53"/>
      <c r="BT2795" s="53"/>
      <c r="BU2795" s="53"/>
      <c r="BV2795" s="53"/>
      <c r="BW2795" s="53"/>
      <c r="BX2795" s="53"/>
      <c r="BY2795" s="53"/>
      <c r="BZ2795" s="53"/>
      <c r="CA2795" s="53"/>
      <c r="CB2795" s="53">
        <v>48595.514644351497</v>
      </c>
      <c r="CC2795" s="53">
        <v>48595.514644351497</v>
      </c>
      <c r="CD2795" s="53">
        <v>48595.514644351497</v>
      </c>
      <c r="CE2795" s="53">
        <v>48595.514644351497</v>
      </c>
      <c r="CF2795" s="53">
        <v>48595.514644351497</v>
      </c>
      <c r="CG2795" s="53">
        <v>48595.514644351497</v>
      </c>
      <c r="CH2795" s="53">
        <v>48595.514644351497</v>
      </c>
      <c r="CI2795" s="53">
        <v>48595.514644351497</v>
      </c>
      <c r="CJ2795" s="53">
        <v>48595.514644351497</v>
      </c>
      <c r="CK2795" s="53">
        <v>48595.514644351497</v>
      </c>
      <c r="CL2795" s="53">
        <v>48595.514644351497</v>
      </c>
      <c r="CM2795" s="53">
        <v>48595.514644351497</v>
      </c>
      <c r="CN2795" s="53">
        <v>583146.17573221796</v>
      </c>
    </row>
    <row r="2796" spans="1:92" outlineLevel="1">
      <c r="A2796" s="52" t="s">
        <v>706</v>
      </c>
      <c r="B2796" s="53"/>
      <c r="C2796" s="53"/>
      <c r="D2796" s="53"/>
      <c r="E2796" s="53"/>
      <c r="F2796" s="53"/>
      <c r="G2796" s="53"/>
      <c r="H2796" s="53"/>
      <c r="I2796" s="53"/>
      <c r="J2796" s="53"/>
      <c r="K2796" s="53"/>
      <c r="L2796" s="53"/>
      <c r="M2796" s="53"/>
      <c r="N2796" s="53"/>
      <c r="O2796" s="53"/>
      <c r="P2796" s="53"/>
      <c r="Q2796" s="53"/>
      <c r="R2796" s="53"/>
      <c r="S2796" s="53"/>
      <c r="T2796" s="53"/>
      <c r="U2796" s="53"/>
      <c r="V2796" s="53"/>
      <c r="W2796" s="53"/>
      <c r="X2796" s="53"/>
      <c r="Y2796" s="53"/>
      <c r="Z2796" s="53"/>
      <c r="AA2796" s="53"/>
      <c r="AB2796" s="53"/>
      <c r="AC2796" s="53"/>
      <c r="AD2796" s="53"/>
      <c r="AE2796" s="53"/>
      <c r="AF2796" s="53"/>
      <c r="AG2796" s="53"/>
      <c r="AH2796" s="53"/>
      <c r="AI2796" s="53"/>
      <c r="AJ2796" s="53"/>
      <c r="AK2796" s="53"/>
      <c r="AL2796" s="53"/>
      <c r="AM2796" s="53"/>
      <c r="AN2796" s="53"/>
      <c r="AO2796" s="53"/>
      <c r="AP2796" s="53"/>
      <c r="AQ2796" s="53"/>
      <c r="AR2796" s="53"/>
      <c r="AS2796" s="53"/>
      <c r="AT2796" s="53"/>
      <c r="AU2796" s="53"/>
      <c r="AV2796" s="53"/>
      <c r="AW2796" s="53"/>
      <c r="AX2796" s="53"/>
      <c r="AY2796" s="53"/>
      <c r="AZ2796" s="53"/>
      <c r="BA2796" s="53"/>
      <c r="BB2796" s="53"/>
      <c r="BC2796" s="53"/>
      <c r="BD2796" s="53"/>
      <c r="BE2796" s="53"/>
      <c r="BF2796" s="53"/>
      <c r="BG2796" s="53"/>
      <c r="BH2796" s="53"/>
      <c r="BI2796" s="53"/>
      <c r="BJ2796" s="53"/>
      <c r="BK2796" s="53"/>
      <c r="BL2796" s="53"/>
      <c r="BM2796" s="53"/>
      <c r="BN2796" s="53"/>
      <c r="BO2796" s="53"/>
      <c r="BP2796" s="53"/>
      <c r="BQ2796" s="53"/>
      <c r="BR2796" s="53"/>
      <c r="BS2796" s="53"/>
      <c r="BT2796" s="53"/>
      <c r="BU2796" s="53"/>
      <c r="BV2796" s="53"/>
      <c r="BW2796" s="53"/>
      <c r="BX2796" s="53"/>
      <c r="BY2796" s="53"/>
      <c r="BZ2796" s="53"/>
      <c r="CA2796" s="53"/>
      <c r="CB2796" s="53">
        <v>16652.086230876201</v>
      </c>
      <c r="CC2796" s="53">
        <v>16652.086230876201</v>
      </c>
      <c r="CD2796" s="53">
        <v>16652.086230876201</v>
      </c>
      <c r="CE2796" s="53">
        <v>16652.086230876201</v>
      </c>
      <c r="CF2796" s="53">
        <v>16652.086230876201</v>
      </c>
      <c r="CG2796" s="53">
        <v>16652.086230876201</v>
      </c>
      <c r="CH2796" s="53">
        <v>16652.086230876201</v>
      </c>
      <c r="CI2796" s="53">
        <v>16652.086230876201</v>
      </c>
      <c r="CJ2796" s="53">
        <v>16652.086230876201</v>
      </c>
      <c r="CK2796" s="53">
        <v>16652.086230876201</v>
      </c>
      <c r="CL2796" s="53">
        <v>16652.086230876201</v>
      </c>
      <c r="CM2796" s="53">
        <v>16652.086230876201</v>
      </c>
      <c r="CN2796" s="53">
        <v>199825.034770514</v>
      </c>
    </row>
    <row r="2797" spans="1:92" outlineLevel="1">
      <c r="A2797" s="52" t="s">
        <v>705</v>
      </c>
      <c r="B2797" s="53"/>
      <c r="C2797" s="53"/>
      <c r="D2797" s="53"/>
      <c r="E2797" s="53"/>
      <c r="F2797" s="53"/>
      <c r="G2797" s="53"/>
      <c r="H2797" s="53"/>
      <c r="I2797" s="53"/>
      <c r="J2797" s="53"/>
      <c r="K2797" s="53"/>
      <c r="L2797" s="53"/>
      <c r="M2797" s="53"/>
      <c r="N2797" s="53"/>
      <c r="O2797" s="53">
        <v>-885293.06761143403</v>
      </c>
      <c r="P2797" s="53">
        <v>4325569.5228614202</v>
      </c>
      <c r="Q2797" s="53">
        <v>1636657.6202555699</v>
      </c>
      <c r="R2797" s="53">
        <v>-975678.90706958994</v>
      </c>
      <c r="S2797" s="53">
        <v>-1980246.1526586099</v>
      </c>
      <c r="T2797" s="53">
        <v>-4003040.0909539098</v>
      </c>
      <c r="U2797" s="53">
        <v>-2162749.4752679202</v>
      </c>
      <c r="V2797" s="53">
        <v>-6551139.78723149</v>
      </c>
      <c r="W2797" s="53">
        <v>-2802217.6677378798</v>
      </c>
      <c r="X2797" s="53">
        <v>-1148193.0601220501</v>
      </c>
      <c r="Y2797" s="53">
        <v>1094413.80686448</v>
      </c>
      <c r="Z2797" s="53">
        <v>-5047068.81427396</v>
      </c>
      <c r="AA2797" s="53">
        <v>-18498986.072945401</v>
      </c>
      <c r="AB2797" s="53">
        <v>-3263588.0919577</v>
      </c>
      <c r="AC2797" s="53">
        <v>1403247.5537707401</v>
      </c>
      <c r="AD2797" s="53">
        <v>-301507.82879013498</v>
      </c>
      <c r="AE2797" s="53">
        <v>986216.48674868105</v>
      </c>
      <c r="AF2797" s="53">
        <v>100226.71611066999</v>
      </c>
      <c r="AG2797" s="53">
        <v>-1175262.49534485</v>
      </c>
      <c r="AH2797" s="53">
        <v>-573566.76380333398</v>
      </c>
      <c r="AI2797" s="53">
        <v>-4411143.3438784303</v>
      </c>
      <c r="AJ2797" s="53">
        <v>-916207.91777658905</v>
      </c>
      <c r="AK2797" s="53">
        <v>1013617.74349106</v>
      </c>
      <c r="AL2797" s="53">
        <v>2701884.0785181499</v>
      </c>
      <c r="AM2797" s="53">
        <v>-3199847.5124201099</v>
      </c>
      <c r="AN2797" s="53">
        <v>-7635931.3753318498</v>
      </c>
      <c r="AO2797" s="53">
        <v>1847039.4813578001</v>
      </c>
      <c r="AP2797" s="53">
        <v>5339196.1116688997</v>
      </c>
      <c r="AQ2797" s="53">
        <v>4792021.74488331</v>
      </c>
      <c r="AR2797" s="53">
        <v>3741978.2108753002</v>
      </c>
      <c r="AS2797" s="53">
        <v>3116465.1135932598</v>
      </c>
      <c r="AT2797" s="53">
        <v>2901764.3696586001</v>
      </c>
      <c r="AU2797" s="53">
        <v>2940632.8841498601</v>
      </c>
      <c r="AV2797" s="53">
        <v>25333.1590266284</v>
      </c>
      <c r="AW2797" s="53">
        <v>3056110.9211582602</v>
      </c>
      <c r="AX2797" s="53">
        <v>3734427.4211847601</v>
      </c>
      <c r="AY2797" s="53">
        <v>4949853.9089705702</v>
      </c>
      <c r="AZ2797" s="53">
        <v>601619.35114538798</v>
      </c>
      <c r="BA2797" s="53">
        <v>37046442.677672699</v>
      </c>
      <c r="BB2797" s="53">
        <v>1867794.82234481</v>
      </c>
      <c r="BC2797" s="53">
        <v>5484839.6171713602</v>
      </c>
      <c r="BD2797" s="53">
        <v>4815664.6893944796</v>
      </c>
      <c r="BE2797" s="53">
        <v>3771367.1992183798</v>
      </c>
      <c r="BF2797" s="53">
        <v>3138721.0012500701</v>
      </c>
      <c r="BG2797" s="53">
        <v>2918453.7899838998</v>
      </c>
      <c r="BH2797" s="53">
        <v>2986991.2580340598</v>
      </c>
      <c r="BI2797" s="53">
        <v>109309.157612315</v>
      </c>
      <c r="BJ2797" s="53">
        <v>3222809.2498544799</v>
      </c>
      <c r="BK2797" s="53">
        <v>4003112.6626035399</v>
      </c>
      <c r="BL2797" s="53">
        <v>5305058.3161778497</v>
      </c>
      <c r="BM2797" s="53">
        <v>827257.13657677802</v>
      </c>
      <c r="BN2797" s="53">
        <v>38451378.900222003</v>
      </c>
      <c r="BO2797" s="53">
        <v>1884926.8388785</v>
      </c>
      <c r="BP2797" s="53">
        <v>5527768.6103877705</v>
      </c>
      <c r="BQ2797" s="53">
        <v>4957806.2840496497</v>
      </c>
      <c r="BR2797" s="53">
        <v>3859793.2789729601</v>
      </c>
      <c r="BS2797" s="53">
        <v>2975180.7775071599</v>
      </c>
      <c r="BT2797" s="53">
        <v>2718080.7901169099</v>
      </c>
      <c r="BU2797" s="53">
        <v>2706342.0144746099</v>
      </c>
      <c r="BV2797" s="53">
        <v>-194742.72752320001</v>
      </c>
      <c r="BW2797" s="53">
        <v>2993238.59111861</v>
      </c>
      <c r="BX2797" s="53">
        <v>3755864.5949141802</v>
      </c>
      <c r="BY2797" s="53">
        <v>4777030.6277568499</v>
      </c>
      <c r="BZ2797" s="53">
        <v>6878600.8519843603</v>
      </c>
      <c r="CA2797" s="53">
        <v>42839890.532638401</v>
      </c>
      <c r="CB2797" s="53">
        <v>-37402031.226667002</v>
      </c>
      <c r="CC2797" s="53">
        <v>-37061789.158582501</v>
      </c>
      <c r="CD2797" s="53">
        <v>-36721547.090497904</v>
      </c>
      <c r="CE2797" s="53">
        <v>-36381305.022413403</v>
      </c>
      <c r="CF2797" s="53">
        <v>-36041062.954328798</v>
      </c>
      <c r="CG2797" s="53">
        <v>-35700820.886244297</v>
      </c>
      <c r="CH2797" s="53">
        <v>-35360578.818159699</v>
      </c>
      <c r="CI2797" s="53">
        <v>-35020336.750075199</v>
      </c>
      <c r="CJ2797" s="53">
        <v>-34680094.681990601</v>
      </c>
      <c r="CK2797" s="53">
        <v>-34339852.6139061</v>
      </c>
      <c r="CL2797" s="53">
        <v>-33999610.545821503</v>
      </c>
      <c r="CM2797" s="53">
        <v>-33659368.477737002</v>
      </c>
      <c r="CN2797" s="53">
        <v>-33659368.477737002</v>
      </c>
    </row>
    <row r="2798" spans="1:92" outlineLevel="1">
      <c r="A2798" s="52" t="s">
        <v>678</v>
      </c>
      <c r="B2798" s="53"/>
      <c r="C2798" s="53"/>
      <c r="D2798" s="53"/>
      <c r="E2798" s="53"/>
      <c r="F2798" s="53"/>
      <c r="G2798" s="53"/>
      <c r="H2798" s="53"/>
      <c r="I2798" s="53"/>
      <c r="J2798" s="53"/>
      <c r="K2798" s="53"/>
      <c r="L2798" s="53"/>
      <c r="M2798" s="53"/>
      <c r="N2798" s="53"/>
      <c r="O2798" s="53"/>
      <c r="P2798" s="53"/>
      <c r="Q2798" s="53"/>
      <c r="R2798" s="53"/>
      <c r="S2798" s="53"/>
      <c r="T2798" s="53"/>
      <c r="U2798" s="53"/>
      <c r="V2798" s="53"/>
      <c r="W2798" s="53"/>
      <c r="X2798" s="53"/>
      <c r="Y2798" s="53"/>
      <c r="Z2798" s="53"/>
      <c r="AA2798" s="53"/>
      <c r="AB2798" s="53"/>
      <c r="AC2798" s="53"/>
      <c r="AD2798" s="53"/>
      <c r="AE2798" s="53"/>
      <c r="AF2798" s="53"/>
      <c r="AG2798" s="53"/>
      <c r="AH2798" s="53"/>
      <c r="AI2798" s="53"/>
      <c r="AJ2798" s="53"/>
      <c r="AK2798" s="53"/>
      <c r="AL2798" s="53"/>
      <c r="AM2798" s="53"/>
      <c r="AN2798" s="53"/>
      <c r="AO2798" s="53"/>
      <c r="AP2798" s="53"/>
      <c r="AQ2798" s="53"/>
      <c r="AR2798" s="53"/>
      <c r="AS2798" s="53"/>
      <c r="AT2798" s="53"/>
      <c r="AU2798" s="53"/>
      <c r="AV2798" s="53"/>
      <c r="AW2798" s="53"/>
      <c r="AX2798" s="53"/>
      <c r="AY2798" s="53"/>
      <c r="AZ2798" s="53"/>
      <c r="BA2798" s="53"/>
      <c r="BB2798" s="53"/>
      <c r="BC2798" s="53"/>
      <c r="BD2798" s="53"/>
      <c r="BE2798" s="53"/>
      <c r="BF2798" s="53"/>
      <c r="BG2798" s="53"/>
      <c r="BH2798" s="53"/>
      <c r="BI2798" s="53"/>
      <c r="BJ2798" s="53"/>
      <c r="BK2798" s="53"/>
      <c r="BL2798" s="53"/>
      <c r="BM2798" s="53"/>
      <c r="BN2798" s="53"/>
      <c r="BO2798" s="53"/>
      <c r="BP2798" s="53"/>
      <c r="BQ2798" s="53"/>
      <c r="BR2798" s="53"/>
      <c r="BS2798" s="53"/>
      <c r="BT2798" s="53"/>
      <c r="BU2798" s="53"/>
      <c r="BV2798" s="53"/>
      <c r="BW2798" s="53"/>
      <c r="BX2798" s="53"/>
      <c r="BY2798" s="53"/>
      <c r="BZ2798" s="53"/>
      <c r="CA2798" s="53"/>
      <c r="CB2798" s="53">
        <v>250000000</v>
      </c>
      <c r="CC2798" s="53">
        <v>250000000</v>
      </c>
      <c r="CD2798" s="53">
        <v>250000000</v>
      </c>
      <c r="CE2798" s="53">
        <v>250000000</v>
      </c>
      <c r="CF2798" s="53">
        <v>250000000</v>
      </c>
      <c r="CG2798" s="53">
        <v>250000000</v>
      </c>
      <c r="CH2798" s="53">
        <v>250000000</v>
      </c>
      <c r="CI2798" s="53">
        <v>250000000</v>
      </c>
      <c r="CJ2798" s="53">
        <v>250000000</v>
      </c>
      <c r="CK2798" s="53">
        <v>250000000</v>
      </c>
      <c r="CL2798" s="53">
        <v>250000000</v>
      </c>
      <c r="CM2798" s="53">
        <v>250000000</v>
      </c>
      <c r="CN2798" s="53">
        <v>250000000</v>
      </c>
    </row>
    <row r="2799" spans="1:92" outlineLevel="1">
      <c r="A2799" s="52" t="s">
        <v>1690</v>
      </c>
      <c r="B2799" s="53"/>
      <c r="C2799" s="53"/>
      <c r="D2799" s="53"/>
      <c r="E2799" s="53"/>
      <c r="F2799" s="53"/>
      <c r="G2799" s="53"/>
      <c r="H2799" s="53"/>
      <c r="I2799" s="53"/>
      <c r="J2799" s="53"/>
      <c r="K2799" s="53"/>
      <c r="L2799" s="53"/>
      <c r="M2799" s="53"/>
      <c r="N2799" s="53"/>
      <c r="O2799" s="53"/>
      <c r="P2799" s="53"/>
      <c r="Q2799" s="53"/>
      <c r="R2799" s="53"/>
      <c r="S2799" s="53"/>
      <c r="T2799" s="53"/>
      <c r="U2799" s="53"/>
      <c r="V2799" s="53"/>
      <c r="W2799" s="53"/>
      <c r="X2799" s="53"/>
      <c r="Y2799" s="53"/>
      <c r="Z2799" s="53"/>
      <c r="AA2799" s="53"/>
      <c r="AB2799" s="53"/>
      <c r="AC2799" s="53"/>
      <c r="AD2799" s="53"/>
      <c r="AE2799" s="53"/>
      <c r="AF2799" s="53"/>
      <c r="AG2799" s="53"/>
      <c r="AH2799" s="53"/>
      <c r="AI2799" s="53"/>
      <c r="AJ2799" s="53"/>
      <c r="AK2799" s="53"/>
      <c r="AL2799" s="53"/>
      <c r="AM2799" s="53"/>
      <c r="AN2799" s="53"/>
      <c r="AO2799" s="53"/>
      <c r="AP2799" s="53"/>
      <c r="AQ2799" s="53"/>
      <c r="AR2799" s="53"/>
      <c r="AS2799" s="53"/>
      <c r="AT2799" s="53"/>
      <c r="AU2799" s="53"/>
      <c r="AV2799" s="53"/>
      <c r="AW2799" s="53"/>
      <c r="AX2799" s="53"/>
      <c r="AY2799" s="53"/>
      <c r="AZ2799" s="53"/>
      <c r="BA2799" s="53"/>
      <c r="BB2799" s="53"/>
      <c r="BC2799" s="53"/>
      <c r="BD2799" s="53"/>
      <c r="BE2799" s="53"/>
      <c r="BF2799" s="53"/>
      <c r="BG2799" s="53"/>
      <c r="BH2799" s="53"/>
      <c r="BI2799" s="53"/>
      <c r="BJ2799" s="53"/>
      <c r="BK2799" s="53"/>
      <c r="BL2799" s="53"/>
      <c r="BM2799" s="53"/>
      <c r="BN2799" s="53"/>
      <c r="BO2799" s="53"/>
      <c r="BP2799" s="53"/>
      <c r="BQ2799" s="53"/>
      <c r="BR2799" s="53"/>
      <c r="BS2799" s="53"/>
      <c r="BT2799" s="53"/>
      <c r="BU2799" s="53"/>
      <c r="BV2799" s="53"/>
      <c r="BW2799" s="53"/>
      <c r="BX2799" s="53"/>
      <c r="BY2799" s="53"/>
      <c r="BZ2799" s="53"/>
      <c r="CA2799" s="53"/>
      <c r="CB2799" s="53">
        <v>0</v>
      </c>
      <c r="CC2799" s="53">
        <v>0</v>
      </c>
      <c r="CD2799" s="53">
        <v>0</v>
      </c>
      <c r="CE2799" s="53">
        <v>0</v>
      </c>
      <c r="CF2799" s="53">
        <v>0</v>
      </c>
      <c r="CG2799" s="53">
        <v>0</v>
      </c>
      <c r="CH2799" s="53">
        <v>0</v>
      </c>
      <c r="CI2799" s="53">
        <v>0</v>
      </c>
      <c r="CJ2799" s="53">
        <v>0</v>
      </c>
      <c r="CK2799" s="53">
        <v>0</v>
      </c>
      <c r="CL2799" s="53">
        <v>0</v>
      </c>
      <c r="CM2799" s="53">
        <v>0</v>
      </c>
      <c r="CN2799" s="53">
        <v>0</v>
      </c>
    </row>
    <row r="2800" spans="1:92" outlineLevel="1">
      <c r="A2800" s="52" t="s">
        <v>680</v>
      </c>
      <c r="B2800" s="53"/>
      <c r="C2800" s="53"/>
      <c r="D2800" s="53"/>
      <c r="E2800" s="53"/>
      <c r="F2800" s="53"/>
      <c r="G2800" s="53"/>
      <c r="H2800" s="53"/>
      <c r="I2800" s="53"/>
      <c r="J2800" s="53"/>
      <c r="K2800" s="53"/>
      <c r="L2800" s="53"/>
      <c r="M2800" s="53"/>
      <c r="N2800" s="53"/>
      <c r="O2800" s="53"/>
      <c r="P2800" s="53"/>
      <c r="Q2800" s="53"/>
      <c r="R2800" s="53"/>
      <c r="S2800" s="53"/>
      <c r="T2800" s="53"/>
      <c r="U2800" s="53"/>
      <c r="V2800" s="53"/>
      <c r="W2800" s="53"/>
      <c r="X2800" s="53"/>
      <c r="Y2800" s="53"/>
      <c r="Z2800" s="53"/>
      <c r="AA2800" s="53"/>
      <c r="AB2800" s="53"/>
      <c r="AC2800" s="53"/>
      <c r="AD2800" s="53"/>
      <c r="AE2800" s="53"/>
      <c r="AF2800" s="53"/>
      <c r="AG2800" s="53"/>
      <c r="AH2800" s="53"/>
      <c r="AI2800" s="53"/>
      <c r="AJ2800" s="53"/>
      <c r="AK2800" s="53"/>
      <c r="AL2800" s="53"/>
      <c r="AM2800" s="53"/>
      <c r="AN2800" s="53"/>
      <c r="AO2800" s="53"/>
      <c r="AP2800" s="53"/>
      <c r="AQ2800" s="53"/>
      <c r="AR2800" s="53"/>
      <c r="AS2800" s="53"/>
      <c r="AT2800" s="53"/>
      <c r="AU2800" s="53"/>
      <c r="AV2800" s="53"/>
      <c r="AW2800" s="53"/>
      <c r="AX2800" s="53"/>
      <c r="AY2800" s="53"/>
      <c r="AZ2800" s="53"/>
      <c r="BA2800" s="53"/>
      <c r="BB2800" s="53"/>
      <c r="BC2800" s="53"/>
      <c r="BD2800" s="53"/>
      <c r="BE2800" s="53">
        <v>59834339.893198803</v>
      </c>
      <c r="BF2800" s="53"/>
      <c r="BG2800" s="53">
        <v>59834339.893198803</v>
      </c>
      <c r="BH2800" s="53"/>
      <c r="BI2800" s="53"/>
      <c r="BJ2800" s="53">
        <v>-88398347.786397606</v>
      </c>
      <c r="BK2800" s="53"/>
      <c r="BL2800" s="53"/>
      <c r="BM2800" s="53">
        <v>-26085424.999999899</v>
      </c>
      <c r="BN2800" s="53">
        <v>5184906.9999999898</v>
      </c>
      <c r="BO2800" s="53"/>
      <c r="BP2800" s="53"/>
      <c r="BQ2800" s="53">
        <v>-4976470.4021227704</v>
      </c>
      <c r="BR2800" s="53">
        <v>59782230.743729398</v>
      </c>
      <c r="BS2800" s="53"/>
      <c r="BT2800" s="53">
        <v>59782230.743729398</v>
      </c>
      <c r="BU2800" s="53"/>
      <c r="BV2800" s="53"/>
      <c r="BW2800" s="53">
        <v>59782230.743729398</v>
      </c>
      <c r="BX2800" s="53"/>
      <c r="BY2800" s="53"/>
      <c r="BZ2800" s="53">
        <v>-90086995.722449094</v>
      </c>
      <c r="CA2800" s="53">
        <v>84283226.106616497</v>
      </c>
      <c r="CB2800" s="53">
        <v>10088439174.5723</v>
      </c>
      <c r="CC2800" s="53">
        <v>9438458404.5419292</v>
      </c>
      <c r="CD2800" s="53">
        <v>9438448779.4069805</v>
      </c>
      <c r="CE2800" s="53">
        <v>9438436603.6081104</v>
      </c>
      <c r="CF2800" s="53">
        <v>9438845698.0356293</v>
      </c>
      <c r="CG2800" s="53">
        <v>9439254787.4788094</v>
      </c>
      <c r="CH2800" s="53">
        <v>9989663876.9219894</v>
      </c>
      <c r="CI2800" s="53">
        <v>9990072966.3651791</v>
      </c>
      <c r="CJ2800" s="53">
        <v>9990482055.8083591</v>
      </c>
      <c r="CK2800" s="53">
        <v>9990891145.2515392</v>
      </c>
      <c r="CL2800" s="53">
        <v>9991300234.6947193</v>
      </c>
      <c r="CM2800" s="53">
        <v>9991709324.1378994</v>
      </c>
      <c r="CN2800" s="53">
        <v>10088439174.5723</v>
      </c>
    </row>
    <row r="2801" spans="1:92" outlineLevel="1">
      <c r="A2801" s="52" t="s">
        <v>682</v>
      </c>
      <c r="B2801" s="53"/>
      <c r="C2801" s="53"/>
      <c r="D2801" s="53"/>
      <c r="E2801" s="53"/>
      <c r="F2801" s="53"/>
      <c r="G2801" s="53"/>
      <c r="H2801" s="53"/>
      <c r="I2801" s="53"/>
      <c r="J2801" s="53"/>
      <c r="K2801" s="53"/>
      <c r="L2801" s="53"/>
      <c r="M2801" s="53"/>
      <c r="N2801" s="53"/>
      <c r="O2801" s="53"/>
      <c r="P2801" s="53"/>
      <c r="Q2801" s="53"/>
      <c r="R2801" s="53"/>
      <c r="S2801" s="53"/>
      <c r="T2801" s="53"/>
      <c r="U2801" s="53"/>
      <c r="V2801" s="53"/>
      <c r="W2801" s="53"/>
      <c r="X2801" s="53"/>
      <c r="Y2801" s="53"/>
      <c r="Z2801" s="53"/>
      <c r="AA2801" s="53"/>
      <c r="AB2801" s="53"/>
      <c r="AC2801" s="53"/>
      <c r="AD2801" s="53"/>
      <c r="AE2801" s="53">
        <v>1725939.99999999</v>
      </c>
      <c r="AF2801" s="53"/>
      <c r="AG2801" s="53">
        <v>1725939.99999999</v>
      </c>
      <c r="AH2801" s="53"/>
      <c r="AI2801" s="53"/>
      <c r="AJ2801" s="53">
        <v>6311065.75</v>
      </c>
      <c r="AK2801" s="53"/>
      <c r="AL2801" s="53"/>
      <c r="AM2801" s="53">
        <v>14903667.758178299</v>
      </c>
      <c r="AN2801" s="53">
        <v>24666613.508178301</v>
      </c>
      <c r="AO2801" s="53"/>
      <c r="AP2801" s="53"/>
      <c r="AQ2801" s="53">
        <v>85338.835463855503</v>
      </c>
      <c r="AR2801" s="53">
        <v>3236021.4140894399</v>
      </c>
      <c r="AS2801" s="53"/>
      <c r="AT2801" s="53">
        <v>3236021.4140894399</v>
      </c>
      <c r="AU2801" s="53"/>
      <c r="AV2801" s="53"/>
      <c r="AW2801" s="53">
        <v>3010895.4140894301</v>
      </c>
      <c r="AX2801" s="53"/>
      <c r="AY2801" s="53"/>
      <c r="AZ2801" s="53">
        <v>3461147.4140894399</v>
      </c>
      <c r="BA2801" s="53">
        <v>13029424.4918216</v>
      </c>
      <c r="BB2801" s="53"/>
      <c r="BC2801" s="53"/>
      <c r="BD2801" s="53"/>
      <c r="BE2801" s="53"/>
      <c r="BF2801" s="53"/>
      <c r="BG2801" s="53"/>
      <c r="BH2801" s="53"/>
      <c r="BI2801" s="53"/>
      <c r="BJ2801" s="53"/>
      <c r="BK2801" s="53"/>
      <c r="BL2801" s="53"/>
      <c r="BM2801" s="53"/>
      <c r="BN2801" s="53"/>
      <c r="BO2801" s="53"/>
      <c r="BP2801" s="53"/>
      <c r="BQ2801" s="53"/>
      <c r="BR2801" s="53"/>
      <c r="BS2801" s="53"/>
      <c r="BT2801" s="53"/>
      <c r="BU2801" s="53"/>
      <c r="BV2801" s="53"/>
      <c r="BW2801" s="53"/>
      <c r="BX2801" s="53"/>
      <c r="BY2801" s="53"/>
      <c r="BZ2801" s="53"/>
      <c r="CA2801" s="53"/>
      <c r="CB2801" s="53"/>
      <c r="CC2801" s="53"/>
      <c r="CD2801" s="53"/>
      <c r="CE2801" s="53"/>
      <c r="CF2801" s="53"/>
      <c r="CG2801" s="53"/>
      <c r="CH2801" s="53"/>
      <c r="CI2801" s="53"/>
      <c r="CJ2801" s="53"/>
      <c r="CK2801" s="53"/>
      <c r="CL2801" s="53"/>
      <c r="CM2801" s="53"/>
      <c r="CN2801" s="53"/>
    </row>
    <row r="2802" spans="1:92" outlineLevel="1">
      <c r="A2802" s="52" t="s">
        <v>1687</v>
      </c>
      <c r="B2802" s="53"/>
      <c r="C2802" s="53"/>
      <c r="D2802" s="53"/>
      <c r="E2802" s="53"/>
      <c r="F2802" s="53"/>
      <c r="G2802" s="53"/>
      <c r="H2802" s="53"/>
      <c r="I2802" s="53"/>
      <c r="J2802" s="53"/>
      <c r="K2802" s="53"/>
      <c r="L2802" s="53"/>
      <c r="M2802" s="53"/>
      <c r="N2802" s="53"/>
      <c r="O2802" s="53"/>
      <c r="P2802" s="53"/>
      <c r="Q2802" s="53"/>
      <c r="R2802" s="53"/>
      <c r="S2802" s="53"/>
      <c r="T2802" s="53"/>
      <c r="U2802" s="53"/>
      <c r="V2802" s="53"/>
      <c r="W2802" s="53"/>
      <c r="X2802" s="53"/>
      <c r="Y2802" s="53"/>
      <c r="Z2802" s="53"/>
      <c r="AA2802" s="53"/>
      <c r="AB2802" s="53"/>
      <c r="AC2802" s="53"/>
      <c r="AD2802" s="53"/>
      <c r="AE2802" s="53"/>
      <c r="AF2802" s="53"/>
      <c r="AG2802" s="53"/>
      <c r="AH2802" s="53"/>
      <c r="AI2802" s="53"/>
      <c r="AJ2802" s="53"/>
      <c r="AK2802" s="53"/>
      <c r="AL2802" s="53"/>
      <c r="AM2802" s="53"/>
      <c r="AN2802" s="53"/>
      <c r="AO2802" s="53"/>
      <c r="AP2802" s="53"/>
      <c r="AQ2802" s="53"/>
      <c r="AR2802" s="53"/>
      <c r="AS2802" s="53"/>
      <c r="AT2802" s="53"/>
      <c r="AU2802" s="53"/>
      <c r="AV2802" s="53"/>
      <c r="AW2802" s="53"/>
      <c r="AX2802" s="53"/>
      <c r="AY2802" s="53"/>
      <c r="AZ2802" s="53"/>
      <c r="BA2802" s="53"/>
      <c r="BB2802" s="53"/>
      <c r="BC2802" s="53"/>
      <c r="BD2802" s="53"/>
      <c r="BE2802" s="53"/>
      <c r="BF2802" s="53"/>
      <c r="BG2802" s="53"/>
      <c r="BH2802" s="53"/>
      <c r="BI2802" s="53"/>
      <c r="BJ2802" s="53"/>
      <c r="BK2802" s="53"/>
      <c r="BL2802" s="53"/>
      <c r="BM2802" s="53"/>
      <c r="BN2802" s="53"/>
      <c r="BO2802" s="53"/>
      <c r="BP2802" s="53"/>
      <c r="BQ2802" s="53"/>
      <c r="BR2802" s="53"/>
      <c r="BS2802" s="53"/>
      <c r="BT2802" s="53"/>
      <c r="BU2802" s="53"/>
      <c r="BV2802" s="53"/>
      <c r="BW2802" s="53"/>
      <c r="BX2802" s="53"/>
      <c r="BY2802" s="53"/>
      <c r="BZ2802" s="53"/>
      <c r="CA2802" s="53"/>
      <c r="CB2802" s="53"/>
      <c r="CC2802" s="53"/>
      <c r="CD2802" s="53"/>
      <c r="CE2802" s="53"/>
      <c r="CF2802" s="53"/>
      <c r="CG2802" s="53"/>
      <c r="CH2802" s="53"/>
      <c r="CI2802" s="53"/>
      <c r="CJ2802" s="53"/>
      <c r="CK2802" s="53"/>
      <c r="CL2802" s="53"/>
      <c r="CM2802" s="53"/>
      <c r="CN2802" s="53"/>
    </row>
    <row r="2803" spans="1:92" outlineLevel="1">
      <c r="A2803" s="52" t="s">
        <v>1691</v>
      </c>
      <c r="B2803" s="53"/>
      <c r="C2803" s="53"/>
      <c r="D2803" s="53"/>
      <c r="E2803" s="53"/>
      <c r="F2803" s="53"/>
      <c r="G2803" s="53"/>
      <c r="H2803" s="53"/>
      <c r="I2803" s="53"/>
      <c r="J2803" s="53"/>
      <c r="K2803" s="53"/>
      <c r="L2803" s="53"/>
      <c r="M2803" s="53"/>
      <c r="N2803" s="53"/>
      <c r="O2803" s="53"/>
      <c r="P2803" s="53"/>
      <c r="Q2803" s="53"/>
      <c r="R2803" s="53"/>
      <c r="S2803" s="53"/>
      <c r="T2803" s="53"/>
      <c r="U2803" s="53"/>
      <c r="V2803" s="53"/>
      <c r="W2803" s="53"/>
      <c r="X2803" s="53"/>
      <c r="Y2803" s="53"/>
      <c r="Z2803" s="53"/>
      <c r="AA2803" s="53"/>
      <c r="AB2803" s="53"/>
      <c r="AC2803" s="53"/>
      <c r="AD2803" s="53"/>
      <c r="AE2803" s="53"/>
      <c r="AF2803" s="53"/>
      <c r="AG2803" s="53"/>
      <c r="AH2803" s="53"/>
      <c r="AI2803" s="53"/>
      <c r="AJ2803" s="53"/>
      <c r="AK2803" s="53"/>
      <c r="AL2803" s="53"/>
      <c r="AM2803" s="53"/>
      <c r="AN2803" s="53"/>
      <c r="AO2803" s="53"/>
      <c r="AP2803" s="53"/>
      <c r="AQ2803" s="53"/>
      <c r="AR2803" s="53"/>
      <c r="AS2803" s="53"/>
      <c r="AT2803" s="53"/>
      <c r="AU2803" s="53"/>
      <c r="AV2803" s="53"/>
      <c r="AW2803" s="53"/>
      <c r="AX2803" s="53"/>
      <c r="AY2803" s="53"/>
      <c r="AZ2803" s="53"/>
      <c r="BA2803" s="53"/>
      <c r="BB2803" s="53"/>
      <c r="BC2803" s="53"/>
      <c r="BD2803" s="53"/>
      <c r="BE2803" s="53"/>
      <c r="BF2803" s="53"/>
      <c r="BG2803" s="53"/>
      <c r="BH2803" s="53"/>
      <c r="BI2803" s="53"/>
      <c r="BJ2803" s="53"/>
      <c r="BK2803" s="53"/>
      <c r="BL2803" s="53"/>
      <c r="BM2803" s="53"/>
      <c r="BN2803" s="53"/>
      <c r="BO2803" s="53"/>
      <c r="BP2803" s="53"/>
      <c r="BQ2803" s="53"/>
      <c r="BR2803" s="53"/>
      <c r="BS2803" s="53"/>
      <c r="BT2803" s="53"/>
      <c r="BU2803" s="53"/>
      <c r="BV2803" s="53"/>
      <c r="BW2803" s="53"/>
      <c r="BX2803" s="53"/>
      <c r="BY2803" s="53"/>
      <c r="BZ2803" s="53"/>
      <c r="CA2803" s="53"/>
      <c r="CB2803" s="53"/>
      <c r="CC2803" s="53"/>
      <c r="CD2803" s="53"/>
      <c r="CE2803" s="53"/>
      <c r="CF2803" s="53"/>
      <c r="CG2803" s="53"/>
      <c r="CH2803" s="53"/>
      <c r="CI2803" s="53"/>
      <c r="CJ2803" s="53"/>
      <c r="CK2803" s="53"/>
      <c r="CL2803" s="53"/>
      <c r="CM2803" s="53"/>
      <c r="CN2803" s="53"/>
    </row>
    <row r="2804" spans="1:92" outlineLevel="1">
      <c r="A2804" s="52" t="s">
        <v>649</v>
      </c>
      <c r="B2804" s="53"/>
      <c r="C2804" s="53"/>
      <c r="D2804" s="53"/>
      <c r="E2804" s="53"/>
      <c r="F2804" s="53"/>
      <c r="G2804" s="53"/>
      <c r="H2804" s="53"/>
      <c r="I2804" s="53"/>
      <c r="J2804" s="53"/>
      <c r="K2804" s="53"/>
      <c r="L2804" s="53"/>
      <c r="M2804" s="53"/>
      <c r="N2804" s="53"/>
      <c r="O2804" s="53"/>
      <c r="P2804" s="53"/>
      <c r="Q2804" s="53"/>
      <c r="R2804" s="53"/>
      <c r="S2804" s="53"/>
      <c r="T2804" s="53"/>
      <c r="U2804" s="53"/>
      <c r="V2804" s="53"/>
      <c r="W2804" s="53"/>
      <c r="X2804" s="53"/>
      <c r="Y2804" s="53"/>
      <c r="Z2804" s="53"/>
      <c r="AA2804" s="53"/>
      <c r="AB2804" s="53">
        <v>2822982.41666666</v>
      </c>
      <c r="AC2804" s="53">
        <v>2822982.41666666</v>
      </c>
      <c r="AD2804" s="53">
        <v>2822982.41666666</v>
      </c>
      <c r="AE2804" s="53">
        <v>2822982.41666666</v>
      </c>
      <c r="AF2804" s="53">
        <v>2822982.41666666</v>
      </c>
      <c r="AG2804" s="53">
        <v>2822982.41666666</v>
      </c>
      <c r="AH2804" s="53">
        <v>2822982.41666666</v>
      </c>
      <c r="AI2804" s="53">
        <v>2822982.41666666</v>
      </c>
      <c r="AJ2804" s="53">
        <v>2822982.41666666</v>
      </c>
      <c r="AK2804" s="53">
        <v>2822982.41666666</v>
      </c>
      <c r="AL2804" s="53">
        <v>2822982.41666666</v>
      </c>
      <c r="AM2804" s="53">
        <v>2822982.41666666</v>
      </c>
      <c r="AN2804" s="53">
        <v>33875789</v>
      </c>
      <c r="AO2804" s="53">
        <v>5406504.6666666605</v>
      </c>
      <c r="AP2804" s="53">
        <v>5406504.6666666605</v>
      </c>
      <c r="AQ2804" s="53">
        <v>5406504.6666666605</v>
      </c>
      <c r="AR2804" s="53">
        <v>5406504.6666666605</v>
      </c>
      <c r="AS2804" s="53">
        <v>5406504.6666666605</v>
      </c>
      <c r="AT2804" s="53">
        <v>5406504.6666666605</v>
      </c>
      <c r="AU2804" s="53">
        <v>5406504.6666666605</v>
      </c>
      <c r="AV2804" s="53">
        <v>5406504.6666666605</v>
      </c>
      <c r="AW2804" s="53">
        <v>5406504.6666666605</v>
      </c>
      <c r="AX2804" s="53">
        <v>5406504.6666666605</v>
      </c>
      <c r="AY2804" s="53">
        <v>5406504.6666666605</v>
      </c>
      <c r="AZ2804" s="53">
        <v>5406504.6666666605</v>
      </c>
      <c r="BA2804" s="53">
        <v>64878056</v>
      </c>
      <c r="BB2804" s="53">
        <v>5339176.0833333302</v>
      </c>
      <c r="BC2804" s="53">
        <v>5339176.0833333302</v>
      </c>
      <c r="BD2804" s="53">
        <v>5339176.0833333302</v>
      </c>
      <c r="BE2804" s="53">
        <v>5339176.0833333302</v>
      </c>
      <c r="BF2804" s="53">
        <v>5339176.0833333302</v>
      </c>
      <c r="BG2804" s="53">
        <v>5339176.0833333302</v>
      </c>
      <c r="BH2804" s="53">
        <v>5339176.0833333302</v>
      </c>
      <c r="BI2804" s="53">
        <v>5339176.0833333302</v>
      </c>
      <c r="BJ2804" s="53">
        <v>5339176.0833333302</v>
      </c>
      <c r="BK2804" s="53">
        <v>5339176.0833333302</v>
      </c>
      <c r="BL2804" s="53">
        <v>5339176.0833333302</v>
      </c>
      <c r="BM2804" s="53">
        <v>5339176.0833333302</v>
      </c>
      <c r="BN2804" s="53">
        <v>64070112.999999903</v>
      </c>
      <c r="BO2804" s="53">
        <v>7932402.25</v>
      </c>
      <c r="BP2804" s="53">
        <v>7932402.25</v>
      </c>
      <c r="BQ2804" s="53">
        <v>7932402.25</v>
      </c>
      <c r="BR2804" s="53">
        <v>7932402.25</v>
      </c>
      <c r="BS2804" s="53">
        <v>7932402.25</v>
      </c>
      <c r="BT2804" s="53">
        <v>7932402.25</v>
      </c>
      <c r="BU2804" s="53">
        <v>7932402.25</v>
      </c>
      <c r="BV2804" s="53">
        <v>7932402.25</v>
      </c>
      <c r="BW2804" s="53">
        <v>7932402.25</v>
      </c>
      <c r="BX2804" s="53">
        <v>7932402.25</v>
      </c>
      <c r="BY2804" s="53">
        <v>7932402.25</v>
      </c>
      <c r="BZ2804" s="53">
        <v>7932402.25</v>
      </c>
      <c r="CA2804" s="53">
        <v>95188827</v>
      </c>
      <c r="CB2804" s="53"/>
      <c r="CC2804" s="53"/>
      <c r="CD2804" s="53"/>
      <c r="CE2804" s="53"/>
      <c r="CF2804" s="53"/>
      <c r="CG2804" s="53"/>
      <c r="CH2804" s="53"/>
      <c r="CI2804" s="53"/>
      <c r="CJ2804" s="53"/>
      <c r="CK2804" s="53"/>
      <c r="CL2804" s="53"/>
      <c r="CM2804" s="53"/>
      <c r="CN2804" s="53"/>
    </row>
    <row r="2805" spans="1:92" outlineLevel="1">
      <c r="A2805" s="59" t="s">
        <v>1696</v>
      </c>
      <c r="B2805" s="53">
        <v>2436120142.2399998</v>
      </c>
      <c r="C2805" s="53">
        <v>2436106004.9099998</v>
      </c>
      <c r="D2805" s="53">
        <v>2505475643.1300001</v>
      </c>
      <c r="E2805" s="53">
        <v>2505475643.1300001</v>
      </c>
      <c r="F2805" s="53">
        <v>2505475643.1300001</v>
      </c>
      <c r="G2805" s="53">
        <v>2507702388.46</v>
      </c>
      <c r="H2805" s="53">
        <v>2507702388.46</v>
      </c>
      <c r="I2805" s="53">
        <v>2507702388.46</v>
      </c>
      <c r="J2805" s="53">
        <v>2725142933.1099901</v>
      </c>
      <c r="K2805" s="53">
        <v>2725142933.1099901</v>
      </c>
      <c r="L2805" s="53">
        <v>2832376473.1500001</v>
      </c>
      <c r="M2805" s="53">
        <v>2790794487.5700002</v>
      </c>
      <c r="N2805" s="53">
        <v>2790794487.5700002</v>
      </c>
      <c r="O2805" s="53">
        <v>2780155866.13519</v>
      </c>
      <c r="P2805" s="53">
        <v>2793529846.9468498</v>
      </c>
      <c r="Q2805" s="53">
        <v>2791961379.24823</v>
      </c>
      <c r="R2805" s="53">
        <v>2780906243.4314098</v>
      </c>
      <c r="S2805" s="53">
        <v>2765221879.09833</v>
      </c>
      <c r="T2805" s="53">
        <v>2742099405.21663</v>
      </c>
      <c r="U2805" s="53">
        <v>2725574032.3905401</v>
      </c>
      <c r="V2805" s="53">
        <v>2688826159.1177802</v>
      </c>
      <c r="W2805" s="53">
        <v>2663309032.3932099</v>
      </c>
      <c r="X2805" s="53">
        <v>2651458919.9929099</v>
      </c>
      <c r="Y2805" s="53">
        <v>2649943147.7824001</v>
      </c>
      <c r="Z2805" s="53">
        <v>2624386757.59903</v>
      </c>
      <c r="AA2805" s="53">
        <v>2624386757.59903</v>
      </c>
      <c r="AB2805" s="53">
        <v>2604996336.3512702</v>
      </c>
      <c r="AC2805" s="53">
        <v>2607111542.2746</v>
      </c>
      <c r="AD2805" s="53">
        <v>2601370925.43957</v>
      </c>
      <c r="AE2805" s="53">
        <v>2603290316.3822398</v>
      </c>
      <c r="AF2805" s="53">
        <v>2599400965.3727598</v>
      </c>
      <c r="AG2805" s="53">
        <v>2591359868.1697502</v>
      </c>
      <c r="AH2805" s="53">
        <v>2584365554.2969198</v>
      </c>
      <c r="AI2805" s="53">
        <v>2559686989.8019099</v>
      </c>
      <c r="AJ2805" s="53">
        <v>2557424788.9431701</v>
      </c>
      <c r="AK2805" s="53">
        <v>2557744509.8589602</v>
      </c>
      <c r="AL2805" s="53">
        <v>2565844069.0040598</v>
      </c>
      <c r="AM2805" s="53">
        <v>2549439430.2845402</v>
      </c>
      <c r="AN2805" s="53">
        <v>2549439430.2845402</v>
      </c>
      <c r="AO2805" s="53">
        <v>2557339272.1358299</v>
      </c>
      <c r="AP2805" s="53">
        <v>2581331606.6771598</v>
      </c>
      <c r="AQ2805" s="53">
        <v>2602887801.0855598</v>
      </c>
      <c r="AR2805" s="53">
        <v>2622755886.5508699</v>
      </c>
      <c r="AS2805" s="53">
        <v>2636505472.5201702</v>
      </c>
      <c r="AT2805" s="53">
        <v>2652501699.8390002</v>
      </c>
      <c r="AU2805" s="53">
        <v>2665441018.9255199</v>
      </c>
      <c r="AV2805" s="53">
        <v>2664946106.8241701</v>
      </c>
      <c r="AW2805" s="53">
        <v>2681428465.1153202</v>
      </c>
      <c r="AX2805" s="53">
        <v>2698025733.7547798</v>
      </c>
      <c r="AY2805" s="53">
        <v>2720223908.63659</v>
      </c>
      <c r="AZ2805" s="53">
        <v>2724813694.5439701</v>
      </c>
      <c r="BA2805" s="53">
        <v>2724813694.5439701</v>
      </c>
      <c r="BB2805" s="53">
        <v>2730300084.7525001</v>
      </c>
      <c r="BC2805" s="53">
        <v>2752454475.0201001</v>
      </c>
      <c r="BD2805" s="53">
        <v>2771525185.55233</v>
      </c>
      <c r="BE2805" s="53">
        <v>2845617923.2707601</v>
      </c>
      <c r="BF2805" s="53">
        <v>2856960972.3891802</v>
      </c>
      <c r="BG2805" s="53">
        <v>2927123330.0426898</v>
      </c>
      <c r="BH2805" s="53">
        <v>2937767180.91714</v>
      </c>
      <c r="BI2805" s="53">
        <v>2935150149.4579101</v>
      </c>
      <c r="BJ2805" s="53">
        <v>2858482344.7282701</v>
      </c>
      <c r="BK2805" s="53">
        <v>2873808667.7843199</v>
      </c>
      <c r="BL2805" s="53">
        <v>2895134593.1294298</v>
      </c>
      <c r="BM2805" s="53">
        <v>2869740571.4932699</v>
      </c>
      <c r="BN2805" s="53">
        <v>2869740571.4932699</v>
      </c>
      <c r="BO2805" s="53">
        <v>2876286087.6958499</v>
      </c>
      <c r="BP2805" s="53">
        <v>2899618481.1164198</v>
      </c>
      <c r="BQ2805" s="53">
        <v>2915347914.1055799</v>
      </c>
      <c r="BR2805" s="53">
        <v>2990776204.67448</v>
      </c>
      <c r="BS2805" s="53">
        <v>3002345809.25425</v>
      </c>
      <c r="BT2805" s="53">
        <v>3072512881.0904102</v>
      </c>
      <c r="BU2805" s="53">
        <v>3082843627.77035</v>
      </c>
      <c r="BV2805" s="53">
        <v>3079805648.4892201</v>
      </c>
      <c r="BW2805" s="53">
        <v>3151240697.50108</v>
      </c>
      <c r="BX2805" s="53">
        <v>3166407835.0539799</v>
      </c>
      <c r="BY2805" s="53">
        <v>3186280691.3527598</v>
      </c>
      <c r="BZ2805" s="53">
        <v>3054999649.5861402</v>
      </c>
      <c r="CA2805" s="53">
        <v>3054999649.5861402</v>
      </c>
      <c r="CB2805" s="53"/>
      <c r="CC2805" s="53"/>
      <c r="CD2805" s="53"/>
      <c r="CE2805" s="53"/>
      <c r="CF2805" s="53"/>
      <c r="CG2805" s="53"/>
      <c r="CH2805" s="53"/>
      <c r="CI2805" s="53"/>
      <c r="CJ2805" s="53"/>
      <c r="CK2805" s="53"/>
      <c r="CL2805" s="53"/>
      <c r="CM2805" s="53"/>
      <c r="CN2805" s="53"/>
    </row>
    <row r="2806" spans="1:92" outlineLevel="1">
      <c r="A2806" s="52" t="s">
        <v>1697</v>
      </c>
      <c r="B2806" s="53"/>
      <c r="C2806" s="53"/>
      <c r="D2806" s="53"/>
      <c r="E2806" s="53"/>
      <c r="F2806" s="53"/>
      <c r="G2806" s="53"/>
      <c r="H2806" s="53"/>
      <c r="I2806" s="53"/>
      <c r="J2806" s="53"/>
      <c r="K2806" s="53"/>
      <c r="L2806" s="53"/>
      <c r="M2806" s="53"/>
      <c r="N2806" s="53"/>
      <c r="O2806" s="53"/>
      <c r="P2806" s="53"/>
      <c r="Q2806" s="53"/>
      <c r="R2806" s="53"/>
      <c r="S2806" s="53"/>
      <c r="T2806" s="53"/>
      <c r="U2806" s="53"/>
      <c r="V2806" s="53"/>
      <c r="W2806" s="53"/>
      <c r="X2806" s="53"/>
      <c r="Y2806" s="53"/>
      <c r="Z2806" s="53"/>
      <c r="AA2806" s="53"/>
      <c r="AB2806" s="53"/>
      <c r="AC2806" s="53"/>
      <c r="AD2806" s="53"/>
      <c r="AE2806" s="53"/>
      <c r="AF2806" s="53"/>
      <c r="AG2806" s="53"/>
      <c r="AH2806" s="53"/>
      <c r="AI2806" s="53"/>
      <c r="AJ2806" s="53"/>
      <c r="AK2806" s="53"/>
      <c r="AL2806" s="53"/>
      <c r="AM2806" s="53"/>
      <c r="AN2806" s="53"/>
      <c r="AO2806" s="53"/>
      <c r="AP2806" s="53"/>
      <c r="AQ2806" s="53"/>
      <c r="AR2806" s="53"/>
      <c r="AS2806" s="53"/>
      <c r="AT2806" s="53"/>
      <c r="AU2806" s="53"/>
      <c r="AV2806" s="53"/>
      <c r="AW2806" s="53"/>
      <c r="AX2806" s="53"/>
      <c r="AY2806" s="53"/>
      <c r="AZ2806" s="53"/>
      <c r="BA2806" s="53"/>
      <c r="BB2806" s="53"/>
      <c r="BC2806" s="53"/>
      <c r="BD2806" s="53"/>
      <c r="BE2806" s="53"/>
      <c r="BF2806" s="53"/>
      <c r="BG2806" s="53"/>
      <c r="BH2806" s="53"/>
      <c r="BI2806" s="53"/>
      <c r="BJ2806" s="53"/>
      <c r="BK2806" s="53"/>
      <c r="BL2806" s="53"/>
      <c r="BM2806" s="53"/>
      <c r="BN2806" s="53"/>
      <c r="BO2806" s="53"/>
      <c r="BP2806" s="53"/>
      <c r="BQ2806" s="53"/>
      <c r="BR2806" s="53"/>
      <c r="BS2806" s="53"/>
      <c r="BT2806" s="53"/>
      <c r="BU2806" s="53"/>
      <c r="BV2806" s="53"/>
      <c r="BW2806" s="53"/>
      <c r="BX2806" s="53"/>
      <c r="BY2806" s="53"/>
      <c r="BZ2806" s="53"/>
      <c r="CA2806" s="53"/>
      <c r="CB2806" s="53"/>
      <c r="CC2806" s="53"/>
      <c r="CD2806" s="53"/>
      <c r="CE2806" s="53"/>
      <c r="CF2806" s="53"/>
      <c r="CG2806" s="53"/>
      <c r="CH2806" s="53"/>
      <c r="CI2806" s="53"/>
      <c r="CJ2806" s="53"/>
      <c r="CK2806" s="53"/>
      <c r="CL2806" s="53"/>
      <c r="CM2806" s="53"/>
      <c r="CN2806" s="53"/>
    </row>
    <row r="2807" spans="1:92" outlineLevel="1">
      <c r="A2807" s="52" t="s">
        <v>1218</v>
      </c>
      <c r="B2807" s="53">
        <v>235766504.52000001</v>
      </c>
      <c r="C2807" s="53">
        <v>235766504.52000001</v>
      </c>
      <c r="D2807" s="53">
        <v>235766504.52000001</v>
      </c>
      <c r="E2807" s="53">
        <v>235766504.52000001</v>
      </c>
      <c r="F2807" s="53">
        <v>235766504.52000001</v>
      </c>
      <c r="G2807" s="53">
        <v>235766504.52000001</v>
      </c>
      <c r="H2807" s="53">
        <v>262245036.02000001</v>
      </c>
      <c r="I2807" s="53">
        <v>262245036.02000001</v>
      </c>
      <c r="J2807" s="53">
        <v>262245036.02000001</v>
      </c>
      <c r="K2807" s="53">
        <v>233664660.27000001</v>
      </c>
      <c r="L2807" s="53">
        <v>233664660.27000001</v>
      </c>
      <c r="M2807" s="53">
        <v>233591111.09999999</v>
      </c>
      <c r="N2807" s="53">
        <v>235766504.52000001</v>
      </c>
      <c r="O2807" s="53">
        <v>233554336.68000001</v>
      </c>
      <c r="P2807" s="53">
        <v>233517562.09666601</v>
      </c>
      <c r="Q2807" s="53">
        <v>233480787.51333299</v>
      </c>
      <c r="R2807" s="53">
        <v>233444012.92999899</v>
      </c>
      <c r="S2807" s="53">
        <v>233407238.34666601</v>
      </c>
      <c r="T2807" s="53">
        <v>233370463.76333299</v>
      </c>
      <c r="U2807" s="53">
        <v>233333689.17999899</v>
      </c>
      <c r="V2807" s="53">
        <v>233296914.59666601</v>
      </c>
      <c r="W2807" s="53">
        <v>233260140.01333299</v>
      </c>
      <c r="X2807" s="53">
        <v>233223365.42999899</v>
      </c>
      <c r="Y2807" s="53">
        <v>233186590.84666601</v>
      </c>
      <c r="Z2807" s="53">
        <v>233149816.26333299</v>
      </c>
      <c r="AA2807" s="53">
        <v>233554336.68000001</v>
      </c>
      <c r="AB2807" s="53">
        <v>235565720.17232299</v>
      </c>
      <c r="AC2807" s="53">
        <v>235519483.095934</v>
      </c>
      <c r="AD2807" s="53">
        <v>235473246.019546</v>
      </c>
      <c r="AE2807" s="53">
        <v>235427008.94315699</v>
      </c>
      <c r="AF2807" s="53">
        <v>235380771.866768</v>
      </c>
      <c r="AG2807" s="53">
        <v>235334534.79037899</v>
      </c>
      <c r="AH2807" s="53">
        <v>235288297.71399</v>
      </c>
      <c r="AI2807" s="53">
        <v>235242060.63760099</v>
      </c>
      <c r="AJ2807" s="53">
        <v>235195823.561212</v>
      </c>
      <c r="AK2807" s="53">
        <v>235149586.48482299</v>
      </c>
      <c r="AL2807" s="53">
        <v>235103349.40843499</v>
      </c>
      <c r="AM2807" s="53">
        <v>235057112.332046</v>
      </c>
      <c r="AN2807" s="53">
        <v>235565720.17232299</v>
      </c>
      <c r="AO2807" s="53">
        <v>247222488.66530299</v>
      </c>
      <c r="AP2807" s="53">
        <v>247119676.39099801</v>
      </c>
      <c r="AQ2807" s="53">
        <v>247016864.11669201</v>
      </c>
      <c r="AR2807" s="53">
        <v>246914051.84238699</v>
      </c>
      <c r="AS2807" s="53">
        <v>246811239.56808099</v>
      </c>
      <c r="AT2807" s="53">
        <v>246708427.29377601</v>
      </c>
      <c r="AU2807" s="53">
        <v>246605615.01947001</v>
      </c>
      <c r="AV2807" s="53">
        <v>246502802.74516499</v>
      </c>
      <c r="AW2807" s="53">
        <v>246399990.47085899</v>
      </c>
      <c r="AX2807" s="53">
        <v>246297178.19655299</v>
      </c>
      <c r="AY2807" s="53">
        <v>246194365.92224801</v>
      </c>
      <c r="AZ2807" s="53">
        <v>246091553.64794201</v>
      </c>
      <c r="BA2807" s="53">
        <v>247222488.66530299</v>
      </c>
      <c r="BB2807" s="53">
        <v>247020822.33159101</v>
      </c>
      <c r="BC2807" s="53">
        <v>246866333.65318799</v>
      </c>
      <c r="BD2807" s="53">
        <v>246711844.974785</v>
      </c>
      <c r="BE2807" s="53">
        <v>246557356.29638201</v>
      </c>
      <c r="BF2807" s="53">
        <v>246402867.61797899</v>
      </c>
      <c r="BG2807" s="53">
        <v>246248378.939576</v>
      </c>
      <c r="BH2807" s="53">
        <v>246093890.26117301</v>
      </c>
      <c r="BI2807" s="53">
        <v>245939401.58276999</v>
      </c>
      <c r="BJ2807" s="53">
        <v>245784912.904367</v>
      </c>
      <c r="BK2807" s="53">
        <v>245630424.22596401</v>
      </c>
      <c r="BL2807" s="53">
        <v>245475935.54756099</v>
      </c>
      <c r="BM2807" s="53">
        <v>245321446.869158</v>
      </c>
      <c r="BN2807" s="53">
        <v>247020822.33159101</v>
      </c>
      <c r="BO2807" s="53">
        <v>245166958.19075501</v>
      </c>
      <c r="BP2807" s="53">
        <v>244897170.11078399</v>
      </c>
      <c r="BQ2807" s="53">
        <v>244627382.03081399</v>
      </c>
      <c r="BR2807" s="53">
        <v>244357593.95084301</v>
      </c>
      <c r="BS2807" s="53">
        <v>244087805.870873</v>
      </c>
      <c r="BT2807" s="53">
        <v>243818017.79090199</v>
      </c>
      <c r="BU2807" s="53">
        <v>243548229.71093199</v>
      </c>
      <c r="BV2807" s="53">
        <v>243278441.630961</v>
      </c>
      <c r="BW2807" s="53">
        <v>243008653.550991</v>
      </c>
      <c r="BX2807" s="53">
        <v>242738865.47102001</v>
      </c>
      <c r="BY2807" s="53">
        <v>242469077.39105001</v>
      </c>
      <c r="BZ2807" s="53">
        <v>242199289.31108001</v>
      </c>
      <c r="CA2807" s="53">
        <v>245166958.19075501</v>
      </c>
      <c r="CB2807" s="53"/>
      <c r="CC2807" s="53"/>
      <c r="CD2807" s="53"/>
      <c r="CE2807" s="53"/>
      <c r="CF2807" s="53"/>
      <c r="CG2807" s="53"/>
      <c r="CH2807" s="53"/>
      <c r="CI2807" s="53"/>
      <c r="CJ2807" s="53"/>
      <c r="CK2807" s="53"/>
      <c r="CL2807" s="53"/>
      <c r="CM2807" s="53"/>
      <c r="CN2807" s="53"/>
    </row>
    <row r="2808" spans="1:92" outlineLevel="1">
      <c r="A2808" s="52" t="s">
        <v>672</v>
      </c>
      <c r="B2808" s="53"/>
      <c r="C2808" s="53"/>
      <c r="D2808" s="53"/>
      <c r="E2808" s="53"/>
      <c r="F2808" s="53"/>
      <c r="G2808" s="53"/>
      <c r="H2808" s="53"/>
      <c r="I2808" s="53"/>
      <c r="J2808" s="53"/>
      <c r="K2808" s="53"/>
      <c r="L2808" s="53"/>
      <c r="M2808" s="53"/>
      <c r="N2808" s="53"/>
      <c r="O2808" s="53"/>
      <c r="P2808" s="53"/>
      <c r="Q2808" s="53"/>
      <c r="R2808" s="53"/>
      <c r="S2808" s="53"/>
      <c r="T2808" s="53"/>
      <c r="U2808" s="53"/>
      <c r="V2808" s="53"/>
      <c r="W2808" s="53"/>
      <c r="X2808" s="53"/>
      <c r="Y2808" s="53"/>
      <c r="Z2808" s="53"/>
      <c r="AA2808" s="53"/>
      <c r="AB2808" s="53"/>
      <c r="AC2808" s="53"/>
      <c r="AD2808" s="53"/>
      <c r="AE2808" s="53"/>
      <c r="AF2808" s="53"/>
      <c r="AG2808" s="53"/>
      <c r="AH2808" s="53"/>
      <c r="AI2808" s="53"/>
      <c r="AJ2808" s="53"/>
      <c r="AK2808" s="53"/>
      <c r="AL2808" s="53"/>
      <c r="AM2808" s="53"/>
      <c r="AN2808" s="53"/>
      <c r="AO2808" s="53"/>
      <c r="AP2808" s="53"/>
      <c r="AQ2808" s="53"/>
      <c r="AR2808" s="53"/>
      <c r="AS2808" s="53"/>
      <c r="AT2808" s="53"/>
      <c r="AU2808" s="53"/>
      <c r="AV2808" s="53"/>
      <c r="AW2808" s="53"/>
      <c r="AX2808" s="53"/>
      <c r="AY2808" s="53"/>
      <c r="AZ2808" s="53"/>
      <c r="BA2808" s="53"/>
      <c r="BB2808" s="53"/>
      <c r="BC2808" s="53"/>
      <c r="BD2808" s="53"/>
      <c r="BE2808" s="53"/>
      <c r="BF2808" s="53"/>
      <c r="BG2808" s="53"/>
      <c r="BH2808" s="53"/>
      <c r="BI2808" s="53"/>
      <c r="BJ2808" s="53"/>
      <c r="BK2808" s="53"/>
      <c r="BL2808" s="53"/>
      <c r="BM2808" s="53"/>
      <c r="BN2808" s="53"/>
      <c r="BO2808" s="53"/>
      <c r="BP2808" s="53"/>
      <c r="BQ2808" s="53"/>
      <c r="BR2808" s="53"/>
      <c r="BS2808" s="53"/>
      <c r="BT2808" s="53"/>
      <c r="BU2808" s="53"/>
      <c r="BV2808" s="53"/>
      <c r="BW2808" s="53"/>
      <c r="BX2808" s="53"/>
      <c r="BY2808" s="53"/>
      <c r="BZ2808" s="53"/>
      <c r="CA2808" s="53"/>
      <c r="CB2808" s="53"/>
      <c r="CC2808" s="53"/>
      <c r="CD2808" s="53"/>
      <c r="CE2808" s="53"/>
      <c r="CF2808" s="53"/>
      <c r="CG2808" s="53"/>
      <c r="CH2808" s="53"/>
      <c r="CI2808" s="53"/>
      <c r="CJ2808" s="53"/>
      <c r="CK2808" s="53"/>
      <c r="CL2808" s="53"/>
      <c r="CM2808" s="53"/>
      <c r="CN2808" s="53"/>
    </row>
    <row r="2809" spans="1:92" outlineLevel="1">
      <c r="A2809" s="52" t="s">
        <v>1365</v>
      </c>
      <c r="B2809" s="53"/>
      <c r="C2809" s="53"/>
      <c r="D2809" s="53"/>
      <c r="E2809" s="53"/>
      <c r="F2809" s="53"/>
      <c r="G2809" s="53"/>
      <c r="H2809" s="53"/>
      <c r="I2809" s="53"/>
      <c r="J2809" s="53"/>
      <c r="K2809" s="53"/>
      <c r="L2809" s="53"/>
      <c r="M2809" s="53"/>
      <c r="N2809" s="53"/>
      <c r="O2809" s="53"/>
      <c r="P2809" s="53"/>
      <c r="Q2809" s="53"/>
      <c r="R2809" s="53"/>
      <c r="S2809" s="53"/>
      <c r="T2809" s="53"/>
      <c r="U2809" s="53"/>
      <c r="V2809" s="53"/>
      <c r="W2809" s="53"/>
      <c r="X2809" s="53"/>
      <c r="Y2809" s="53"/>
      <c r="Z2809" s="53"/>
      <c r="AA2809" s="53"/>
      <c r="AB2809" s="53"/>
      <c r="AC2809" s="53"/>
      <c r="AD2809" s="53"/>
      <c r="AE2809" s="53"/>
      <c r="AF2809" s="53"/>
      <c r="AG2809" s="53"/>
      <c r="AH2809" s="53"/>
      <c r="AI2809" s="53"/>
      <c r="AJ2809" s="53"/>
      <c r="AK2809" s="53"/>
      <c r="AL2809" s="53"/>
      <c r="AM2809" s="53"/>
      <c r="AN2809" s="53"/>
      <c r="AO2809" s="53"/>
      <c r="AP2809" s="53"/>
      <c r="AQ2809" s="53"/>
      <c r="AR2809" s="53"/>
      <c r="AS2809" s="53"/>
      <c r="AT2809" s="53"/>
      <c r="AU2809" s="53"/>
      <c r="AV2809" s="53"/>
      <c r="AW2809" s="53"/>
      <c r="AX2809" s="53"/>
      <c r="AY2809" s="53"/>
      <c r="AZ2809" s="53"/>
      <c r="BA2809" s="53"/>
      <c r="BB2809" s="53"/>
      <c r="BC2809" s="53"/>
      <c r="BD2809" s="53"/>
      <c r="BE2809" s="53"/>
      <c r="BF2809" s="53"/>
      <c r="BG2809" s="53"/>
      <c r="BH2809" s="53"/>
      <c r="BI2809" s="53"/>
      <c r="BJ2809" s="53"/>
      <c r="BK2809" s="53"/>
      <c r="BL2809" s="53"/>
      <c r="BM2809" s="53"/>
      <c r="BN2809" s="53"/>
      <c r="BO2809" s="53"/>
      <c r="BP2809" s="53"/>
      <c r="BQ2809" s="53"/>
      <c r="BR2809" s="53"/>
      <c r="BS2809" s="53"/>
      <c r="BT2809" s="53"/>
      <c r="BU2809" s="53"/>
      <c r="BV2809" s="53"/>
      <c r="BW2809" s="53"/>
      <c r="BX2809" s="53"/>
      <c r="BY2809" s="53"/>
      <c r="BZ2809" s="53"/>
      <c r="CA2809" s="53"/>
      <c r="CB2809" s="53"/>
      <c r="CC2809" s="53"/>
      <c r="CD2809" s="53"/>
      <c r="CE2809" s="53"/>
      <c r="CF2809" s="53"/>
      <c r="CG2809" s="53"/>
      <c r="CH2809" s="53"/>
      <c r="CI2809" s="53"/>
      <c r="CJ2809" s="53"/>
      <c r="CK2809" s="53"/>
      <c r="CL2809" s="53"/>
      <c r="CM2809" s="53"/>
      <c r="CN2809" s="53"/>
    </row>
    <row r="2810" spans="1:92" outlineLevel="1">
      <c r="A2810" s="52" t="s">
        <v>1366</v>
      </c>
      <c r="B2810" s="53"/>
      <c r="C2810" s="53"/>
      <c r="D2810" s="53"/>
      <c r="E2810" s="53"/>
      <c r="F2810" s="53"/>
      <c r="G2810" s="53"/>
      <c r="H2810" s="53"/>
      <c r="I2810" s="53"/>
      <c r="J2810" s="53"/>
      <c r="K2810" s="53"/>
      <c r="L2810" s="53"/>
      <c r="M2810" s="53"/>
      <c r="N2810" s="53"/>
      <c r="O2810" s="53"/>
      <c r="P2810" s="53"/>
      <c r="Q2810" s="53"/>
      <c r="R2810" s="53"/>
      <c r="S2810" s="53"/>
      <c r="T2810" s="53"/>
      <c r="U2810" s="53"/>
      <c r="V2810" s="53"/>
      <c r="W2810" s="53"/>
      <c r="X2810" s="53"/>
      <c r="Y2810" s="53"/>
      <c r="Z2810" s="53"/>
      <c r="AA2810" s="53"/>
      <c r="AB2810" s="53"/>
      <c r="AC2810" s="53"/>
      <c r="AD2810" s="53"/>
      <c r="AE2810" s="53"/>
      <c r="AF2810" s="53"/>
      <c r="AG2810" s="53"/>
      <c r="AH2810" s="53"/>
      <c r="AI2810" s="53"/>
      <c r="AJ2810" s="53"/>
      <c r="AK2810" s="53"/>
      <c r="AL2810" s="53"/>
      <c r="AM2810" s="53"/>
      <c r="AN2810" s="53"/>
      <c r="AO2810" s="53"/>
      <c r="AP2810" s="53"/>
      <c r="AQ2810" s="53"/>
      <c r="AR2810" s="53"/>
      <c r="AS2810" s="53"/>
      <c r="AT2810" s="53"/>
      <c r="AU2810" s="53"/>
      <c r="AV2810" s="53"/>
      <c r="AW2810" s="53"/>
      <c r="AX2810" s="53"/>
      <c r="AY2810" s="53"/>
      <c r="AZ2810" s="53"/>
      <c r="BA2810" s="53"/>
      <c r="BB2810" s="53"/>
      <c r="BC2810" s="53"/>
      <c r="BD2810" s="53"/>
      <c r="BE2810" s="53"/>
      <c r="BF2810" s="53"/>
      <c r="BG2810" s="53"/>
      <c r="BH2810" s="53"/>
      <c r="BI2810" s="53"/>
      <c r="BJ2810" s="53"/>
      <c r="BK2810" s="53"/>
      <c r="BL2810" s="53"/>
      <c r="BM2810" s="53"/>
      <c r="BN2810" s="53"/>
      <c r="BO2810" s="53"/>
      <c r="BP2810" s="53"/>
      <c r="BQ2810" s="53"/>
      <c r="BR2810" s="53"/>
      <c r="BS2810" s="53"/>
      <c r="BT2810" s="53"/>
      <c r="BU2810" s="53"/>
      <c r="BV2810" s="53"/>
      <c r="BW2810" s="53"/>
      <c r="BX2810" s="53"/>
      <c r="BY2810" s="53"/>
      <c r="BZ2810" s="53"/>
      <c r="CA2810" s="53"/>
      <c r="CB2810" s="53"/>
      <c r="CC2810" s="53"/>
      <c r="CD2810" s="53"/>
      <c r="CE2810" s="53"/>
      <c r="CF2810" s="53"/>
      <c r="CG2810" s="53"/>
      <c r="CH2810" s="53"/>
      <c r="CI2810" s="53"/>
      <c r="CJ2810" s="53"/>
      <c r="CK2810" s="53"/>
      <c r="CL2810" s="53"/>
      <c r="CM2810" s="53"/>
      <c r="CN2810" s="53"/>
    </row>
    <row r="2811" spans="1:92" outlineLevel="1">
      <c r="A2811" s="52" t="s">
        <v>649</v>
      </c>
      <c r="B2811" s="53"/>
      <c r="C2811" s="53"/>
      <c r="D2811" s="53"/>
      <c r="E2811" s="53"/>
      <c r="F2811" s="53"/>
      <c r="G2811" s="53"/>
      <c r="H2811" s="53"/>
      <c r="I2811" s="53"/>
      <c r="J2811" s="53"/>
      <c r="K2811" s="53"/>
      <c r="L2811" s="53"/>
      <c r="M2811" s="53"/>
      <c r="N2811" s="53"/>
      <c r="O2811" s="53"/>
      <c r="P2811" s="53"/>
      <c r="Q2811" s="53"/>
      <c r="R2811" s="53"/>
      <c r="S2811" s="53"/>
      <c r="T2811" s="53"/>
      <c r="U2811" s="53"/>
      <c r="V2811" s="53"/>
      <c r="W2811" s="53"/>
      <c r="X2811" s="53"/>
      <c r="Y2811" s="53"/>
      <c r="Z2811" s="53">
        <v>2452678.4923239001</v>
      </c>
      <c r="AA2811" s="53">
        <v>2452678.4923239001</v>
      </c>
      <c r="AB2811" s="53"/>
      <c r="AC2811" s="53"/>
      <c r="AD2811" s="53"/>
      <c r="AE2811" s="53"/>
      <c r="AF2811" s="53"/>
      <c r="AG2811" s="53"/>
      <c r="AH2811" s="53"/>
      <c r="AI2811" s="53"/>
      <c r="AJ2811" s="53"/>
      <c r="AK2811" s="53"/>
      <c r="AL2811" s="53"/>
      <c r="AM2811" s="53">
        <v>12211613.409646699</v>
      </c>
      <c r="AN2811" s="53">
        <v>12211613.409646699</v>
      </c>
      <c r="AO2811" s="53"/>
      <c r="AP2811" s="53"/>
      <c r="AQ2811" s="53"/>
      <c r="AR2811" s="53"/>
      <c r="AS2811" s="53"/>
      <c r="AT2811" s="53"/>
      <c r="AU2811" s="53"/>
      <c r="AV2811" s="53"/>
      <c r="AW2811" s="53"/>
      <c r="AX2811" s="53"/>
      <c r="AY2811" s="53"/>
      <c r="AZ2811" s="53">
        <v>1032080.95795413</v>
      </c>
      <c r="BA2811" s="53">
        <v>1032080.95795413</v>
      </c>
      <c r="BB2811" s="53"/>
      <c r="BC2811" s="53"/>
      <c r="BD2811" s="53"/>
      <c r="BE2811" s="53"/>
      <c r="BF2811" s="53"/>
      <c r="BG2811" s="53"/>
      <c r="BH2811" s="53"/>
      <c r="BI2811" s="53"/>
      <c r="BJ2811" s="53"/>
      <c r="BK2811" s="53"/>
      <c r="BL2811" s="53"/>
      <c r="BM2811" s="53"/>
      <c r="BN2811" s="53"/>
      <c r="BO2811" s="53"/>
      <c r="BP2811" s="53"/>
      <c r="BQ2811" s="53"/>
      <c r="BR2811" s="53"/>
      <c r="BS2811" s="53"/>
      <c r="BT2811" s="53"/>
      <c r="BU2811" s="53"/>
      <c r="BV2811" s="53"/>
      <c r="BW2811" s="53"/>
      <c r="BX2811" s="53"/>
      <c r="BY2811" s="53"/>
      <c r="BZ2811" s="53">
        <v>55635372.030196197</v>
      </c>
      <c r="CA2811" s="53">
        <v>55635372.030196197</v>
      </c>
      <c r="CB2811" s="53"/>
      <c r="CC2811" s="53"/>
      <c r="CD2811" s="53"/>
      <c r="CE2811" s="53"/>
      <c r="CF2811" s="53"/>
      <c r="CG2811" s="53"/>
      <c r="CH2811" s="53"/>
      <c r="CI2811" s="53"/>
      <c r="CJ2811" s="53"/>
      <c r="CK2811" s="53"/>
      <c r="CL2811" s="53"/>
      <c r="CM2811" s="53"/>
      <c r="CN2811" s="53"/>
    </row>
    <row r="2812" spans="1:92" outlineLevel="1">
      <c r="A2812" s="52" t="s">
        <v>1698</v>
      </c>
      <c r="B2812" s="53"/>
      <c r="C2812" s="53"/>
      <c r="D2812" s="53"/>
      <c r="E2812" s="53"/>
      <c r="F2812" s="53"/>
      <c r="G2812" s="53"/>
      <c r="H2812" s="53"/>
      <c r="I2812" s="53"/>
      <c r="J2812" s="53"/>
      <c r="K2812" s="53"/>
      <c r="L2812" s="53"/>
      <c r="M2812" s="53"/>
      <c r="N2812" s="53"/>
      <c r="O2812" s="53"/>
      <c r="P2812" s="53"/>
      <c r="Q2812" s="53"/>
      <c r="R2812" s="53"/>
      <c r="S2812" s="53"/>
      <c r="T2812" s="53"/>
      <c r="U2812" s="53"/>
      <c r="V2812" s="53"/>
      <c r="W2812" s="53"/>
      <c r="X2812" s="53"/>
      <c r="Y2812" s="53"/>
      <c r="Z2812" s="53"/>
      <c r="AA2812" s="53"/>
      <c r="AB2812" s="53"/>
      <c r="AC2812" s="53"/>
      <c r="AD2812" s="53"/>
      <c r="AE2812" s="53"/>
      <c r="AF2812" s="53"/>
      <c r="AG2812" s="53"/>
      <c r="AH2812" s="53"/>
      <c r="AI2812" s="53"/>
      <c r="AJ2812" s="53"/>
      <c r="AK2812" s="53"/>
      <c r="AL2812" s="53"/>
      <c r="AM2812" s="53"/>
      <c r="AN2812" s="53"/>
      <c r="AO2812" s="53"/>
      <c r="AP2812" s="53"/>
      <c r="AQ2812" s="53"/>
      <c r="AR2812" s="53"/>
      <c r="AS2812" s="53"/>
      <c r="AT2812" s="53"/>
      <c r="AU2812" s="53"/>
      <c r="AV2812" s="53"/>
      <c r="AW2812" s="53"/>
      <c r="AX2812" s="53"/>
      <c r="AY2812" s="53"/>
      <c r="AZ2812" s="53"/>
      <c r="BA2812" s="53"/>
      <c r="BB2812" s="53"/>
      <c r="BC2812" s="53"/>
      <c r="BD2812" s="53"/>
      <c r="BE2812" s="53"/>
      <c r="BF2812" s="53"/>
      <c r="BG2812" s="53"/>
      <c r="BH2812" s="53"/>
      <c r="BI2812" s="53"/>
      <c r="BJ2812" s="53"/>
      <c r="BK2812" s="53"/>
      <c r="BL2812" s="53"/>
      <c r="BM2812" s="53"/>
      <c r="BN2812" s="53"/>
      <c r="BO2812" s="53"/>
      <c r="BP2812" s="53"/>
      <c r="BQ2812" s="53"/>
      <c r="BR2812" s="53"/>
      <c r="BS2812" s="53"/>
      <c r="BT2812" s="53"/>
      <c r="BU2812" s="53"/>
      <c r="BV2812" s="53"/>
      <c r="BW2812" s="53"/>
      <c r="BX2812" s="53"/>
      <c r="BY2812" s="53"/>
      <c r="BZ2812" s="53"/>
      <c r="CA2812" s="53"/>
      <c r="CB2812" s="53"/>
      <c r="CC2812" s="53"/>
      <c r="CD2812" s="53"/>
      <c r="CE2812" s="53"/>
      <c r="CF2812" s="53"/>
      <c r="CG2812" s="53"/>
      <c r="CH2812" s="53"/>
      <c r="CI2812" s="53"/>
      <c r="CJ2812" s="53"/>
      <c r="CK2812" s="53"/>
      <c r="CL2812" s="53"/>
      <c r="CM2812" s="53"/>
      <c r="CN2812" s="53"/>
    </row>
    <row r="2813" spans="1:92" outlineLevel="1">
      <c r="A2813" s="52" t="s">
        <v>649</v>
      </c>
      <c r="B2813" s="53"/>
      <c r="C2813" s="53"/>
      <c r="D2813" s="53">
        <v>-120853</v>
      </c>
      <c r="E2813" s="53"/>
      <c r="F2813" s="53"/>
      <c r="G2813" s="53">
        <v>-99795</v>
      </c>
      <c r="H2813" s="53"/>
      <c r="I2813" s="53"/>
      <c r="J2813" s="53">
        <v>-110323.25</v>
      </c>
      <c r="K2813" s="53"/>
      <c r="L2813" s="53">
        <v>-73548.75</v>
      </c>
      <c r="M2813" s="53">
        <v>-441295</v>
      </c>
      <c r="N2813" s="53">
        <v>-845815</v>
      </c>
      <c r="O2813" s="53">
        <v>-36774.583333333299</v>
      </c>
      <c r="P2813" s="53">
        <v>-36774.583333333299</v>
      </c>
      <c r="Q2813" s="53">
        <v>-36774.583333333299</v>
      </c>
      <c r="R2813" s="53">
        <v>-36774.583333333299</v>
      </c>
      <c r="S2813" s="53">
        <v>-36774.583333333299</v>
      </c>
      <c r="T2813" s="53">
        <v>-36774.583333333299</v>
      </c>
      <c r="U2813" s="53">
        <v>-36774.583333333299</v>
      </c>
      <c r="V2813" s="53">
        <v>-36774.583333333299</v>
      </c>
      <c r="W2813" s="53">
        <v>-36774.583333333299</v>
      </c>
      <c r="X2813" s="53">
        <v>-36774.583333333299</v>
      </c>
      <c r="Y2813" s="53">
        <v>-36774.583333333299</v>
      </c>
      <c r="Z2813" s="53">
        <v>-36774.583333333299</v>
      </c>
      <c r="AA2813" s="53">
        <v>-441295</v>
      </c>
      <c r="AB2813" s="53">
        <v>-46237.076388888898</v>
      </c>
      <c r="AC2813" s="53">
        <v>-46237.076388888898</v>
      </c>
      <c r="AD2813" s="53">
        <v>-46237.076388888898</v>
      </c>
      <c r="AE2813" s="53">
        <v>-46237.076388888898</v>
      </c>
      <c r="AF2813" s="53">
        <v>-46237.076388888898</v>
      </c>
      <c r="AG2813" s="53">
        <v>-46237.076388888898</v>
      </c>
      <c r="AH2813" s="53">
        <v>-46237.076388888898</v>
      </c>
      <c r="AI2813" s="53">
        <v>-46237.076388888898</v>
      </c>
      <c r="AJ2813" s="53">
        <v>-46237.076388888898</v>
      </c>
      <c r="AK2813" s="53">
        <v>-46237.076388888898</v>
      </c>
      <c r="AL2813" s="53">
        <v>-46237.076388888898</v>
      </c>
      <c r="AM2813" s="53">
        <v>-46237.076388888898</v>
      </c>
      <c r="AN2813" s="53">
        <v>-554844.91666666698</v>
      </c>
      <c r="AO2813" s="53">
        <v>-102812.27430555499</v>
      </c>
      <c r="AP2813" s="53">
        <v>-102812.27430555499</v>
      </c>
      <c r="AQ2813" s="53">
        <v>-102812.27430555499</v>
      </c>
      <c r="AR2813" s="53">
        <v>-102812.27430555499</v>
      </c>
      <c r="AS2813" s="53">
        <v>-102812.27430555499</v>
      </c>
      <c r="AT2813" s="53">
        <v>-102812.27430555499</v>
      </c>
      <c r="AU2813" s="53">
        <v>-102812.27430555499</v>
      </c>
      <c r="AV2813" s="53">
        <v>-102812.27430555499</v>
      </c>
      <c r="AW2813" s="53">
        <v>-102812.27430555499</v>
      </c>
      <c r="AX2813" s="53">
        <v>-102812.27430555499</v>
      </c>
      <c r="AY2813" s="53">
        <v>-102812.27430555499</v>
      </c>
      <c r="AZ2813" s="53">
        <v>-102812.27430555499</v>
      </c>
      <c r="BA2813" s="53">
        <v>-1233747.29166666</v>
      </c>
      <c r="BB2813" s="53">
        <v>-154488.67840301999</v>
      </c>
      <c r="BC2813" s="53">
        <v>-154488.67840301999</v>
      </c>
      <c r="BD2813" s="53">
        <v>-154488.67840301999</v>
      </c>
      <c r="BE2813" s="53">
        <v>-154488.67840301999</v>
      </c>
      <c r="BF2813" s="53">
        <v>-154488.67840301999</v>
      </c>
      <c r="BG2813" s="53">
        <v>-154488.67840301999</v>
      </c>
      <c r="BH2813" s="53">
        <v>-154488.67840301999</v>
      </c>
      <c r="BI2813" s="53">
        <v>-154488.67840301999</v>
      </c>
      <c r="BJ2813" s="53">
        <v>-154488.67840301999</v>
      </c>
      <c r="BK2813" s="53">
        <v>-154488.67840301999</v>
      </c>
      <c r="BL2813" s="53">
        <v>-154488.67840301999</v>
      </c>
      <c r="BM2813" s="53">
        <v>-154488.67840301999</v>
      </c>
      <c r="BN2813" s="53">
        <v>-1853864.14083625</v>
      </c>
      <c r="BO2813" s="53">
        <v>-269788.079970463</v>
      </c>
      <c r="BP2813" s="53">
        <v>-269788.079970463</v>
      </c>
      <c r="BQ2813" s="53">
        <v>-269788.079970463</v>
      </c>
      <c r="BR2813" s="53">
        <v>-269788.079970463</v>
      </c>
      <c r="BS2813" s="53">
        <v>-269788.079970463</v>
      </c>
      <c r="BT2813" s="53">
        <v>-269788.079970463</v>
      </c>
      <c r="BU2813" s="53">
        <v>-269788.079970463</v>
      </c>
      <c r="BV2813" s="53">
        <v>-269788.079970463</v>
      </c>
      <c r="BW2813" s="53">
        <v>-269788.079970463</v>
      </c>
      <c r="BX2813" s="53">
        <v>-269788.079970463</v>
      </c>
      <c r="BY2813" s="53">
        <v>-269788.079970463</v>
      </c>
      <c r="BZ2813" s="53">
        <v>-269788.079970463</v>
      </c>
      <c r="CA2813" s="53">
        <v>-3237456.95964556</v>
      </c>
      <c r="CB2813" s="53">
        <v>-650000000</v>
      </c>
      <c r="CC2813" s="53"/>
      <c r="CD2813" s="53"/>
      <c r="CE2813" s="53"/>
      <c r="CF2813" s="53"/>
      <c r="CG2813" s="53"/>
      <c r="CH2813" s="53"/>
      <c r="CI2813" s="53"/>
      <c r="CJ2813" s="53"/>
      <c r="CK2813" s="53"/>
      <c r="CL2813" s="53"/>
      <c r="CM2813" s="53"/>
      <c r="CN2813" s="53">
        <v>-650000000</v>
      </c>
    </row>
    <row r="2814" spans="1:92" outlineLevel="1">
      <c r="A2814" s="52" t="s">
        <v>1699</v>
      </c>
      <c r="B2814" s="53">
        <v>235766504.52000001</v>
      </c>
      <c r="C2814" s="53">
        <v>235766504.52000001</v>
      </c>
      <c r="D2814" s="53">
        <v>235766504.52000001</v>
      </c>
      <c r="E2814" s="53">
        <v>235766504.52000001</v>
      </c>
      <c r="F2814" s="53">
        <v>235766504.52000001</v>
      </c>
      <c r="G2814" s="53">
        <v>262245036.02000001</v>
      </c>
      <c r="H2814" s="53">
        <v>262245036.02000001</v>
      </c>
      <c r="I2814" s="53">
        <v>262245036.02000001</v>
      </c>
      <c r="J2814" s="53">
        <v>233664660.27000001</v>
      </c>
      <c r="K2814" s="53">
        <v>233664660.27000001</v>
      </c>
      <c r="L2814" s="53">
        <v>233591111.09999999</v>
      </c>
      <c r="M2814" s="53">
        <v>233554336.68000001</v>
      </c>
      <c r="N2814" s="53">
        <v>233554336.68000001</v>
      </c>
      <c r="O2814" s="53">
        <v>233517562.09666601</v>
      </c>
      <c r="P2814" s="53">
        <v>233480787.51333299</v>
      </c>
      <c r="Q2814" s="53">
        <v>233444012.92999899</v>
      </c>
      <c r="R2814" s="53">
        <v>233407238.34666601</v>
      </c>
      <c r="S2814" s="53">
        <v>233370463.76333299</v>
      </c>
      <c r="T2814" s="53">
        <v>233333689.17999899</v>
      </c>
      <c r="U2814" s="53">
        <v>233296914.59666601</v>
      </c>
      <c r="V2814" s="53">
        <v>233260140.01333299</v>
      </c>
      <c r="W2814" s="53">
        <v>233223365.42999899</v>
      </c>
      <c r="X2814" s="53">
        <v>233186590.84666601</v>
      </c>
      <c r="Y2814" s="53">
        <v>233149816.26333299</v>
      </c>
      <c r="Z2814" s="53">
        <v>235565720.17232299</v>
      </c>
      <c r="AA2814" s="53">
        <v>235565720.17232299</v>
      </c>
      <c r="AB2814" s="53">
        <v>235519483.095934</v>
      </c>
      <c r="AC2814" s="53">
        <v>235473246.019546</v>
      </c>
      <c r="AD2814" s="53">
        <v>235427008.94315699</v>
      </c>
      <c r="AE2814" s="53">
        <v>235380771.866768</v>
      </c>
      <c r="AF2814" s="53">
        <v>235334534.79037899</v>
      </c>
      <c r="AG2814" s="53">
        <v>235288297.71399</v>
      </c>
      <c r="AH2814" s="53">
        <v>235242060.63760099</v>
      </c>
      <c r="AI2814" s="53">
        <v>235195823.561212</v>
      </c>
      <c r="AJ2814" s="53">
        <v>235149586.48482299</v>
      </c>
      <c r="AK2814" s="53">
        <v>235103349.40843499</v>
      </c>
      <c r="AL2814" s="53">
        <v>235057112.332046</v>
      </c>
      <c r="AM2814" s="53">
        <v>247222488.66530299</v>
      </c>
      <c r="AN2814" s="53">
        <v>247222488.66530299</v>
      </c>
      <c r="AO2814" s="53">
        <v>247119676.39099801</v>
      </c>
      <c r="AP2814" s="53">
        <v>247016864.11669201</v>
      </c>
      <c r="AQ2814" s="53">
        <v>246914051.84238699</v>
      </c>
      <c r="AR2814" s="53">
        <v>246811239.56808099</v>
      </c>
      <c r="AS2814" s="53">
        <v>246708427.29377601</v>
      </c>
      <c r="AT2814" s="53">
        <v>246605615.01947001</v>
      </c>
      <c r="AU2814" s="53">
        <v>246502802.74516499</v>
      </c>
      <c r="AV2814" s="53">
        <v>246399990.47085899</v>
      </c>
      <c r="AW2814" s="53">
        <v>246297178.19655299</v>
      </c>
      <c r="AX2814" s="53">
        <v>246194365.92224801</v>
      </c>
      <c r="AY2814" s="53">
        <v>246091553.64794201</v>
      </c>
      <c r="AZ2814" s="53">
        <v>247020822.33159101</v>
      </c>
      <c r="BA2814" s="53">
        <v>247020822.33159101</v>
      </c>
      <c r="BB2814" s="53">
        <v>246866333.65318799</v>
      </c>
      <c r="BC2814" s="53">
        <v>246711844.974785</v>
      </c>
      <c r="BD2814" s="53">
        <v>246557356.29638201</v>
      </c>
      <c r="BE2814" s="53">
        <v>246402867.61797899</v>
      </c>
      <c r="BF2814" s="53">
        <v>246248378.939576</v>
      </c>
      <c r="BG2814" s="53">
        <v>246093890.26117301</v>
      </c>
      <c r="BH2814" s="53">
        <v>245939401.58276999</v>
      </c>
      <c r="BI2814" s="53">
        <v>245784912.904367</v>
      </c>
      <c r="BJ2814" s="53">
        <v>245630424.22596401</v>
      </c>
      <c r="BK2814" s="53">
        <v>245475935.54756099</v>
      </c>
      <c r="BL2814" s="53">
        <v>245321446.869158</v>
      </c>
      <c r="BM2814" s="53">
        <v>245166958.19075501</v>
      </c>
      <c r="BN2814" s="53">
        <v>245166958.19075501</v>
      </c>
      <c r="BO2814" s="53">
        <v>244897170.11078399</v>
      </c>
      <c r="BP2814" s="53">
        <v>244627382.03081399</v>
      </c>
      <c r="BQ2814" s="53">
        <v>244357593.95084301</v>
      </c>
      <c r="BR2814" s="53">
        <v>244087805.870873</v>
      </c>
      <c r="BS2814" s="53">
        <v>243818017.79090199</v>
      </c>
      <c r="BT2814" s="53">
        <v>243548229.71093199</v>
      </c>
      <c r="BU2814" s="53">
        <v>243278441.630961</v>
      </c>
      <c r="BV2814" s="53">
        <v>243008653.550991</v>
      </c>
      <c r="BW2814" s="53">
        <v>242738865.47102001</v>
      </c>
      <c r="BX2814" s="53">
        <v>242469077.39105001</v>
      </c>
      <c r="BY2814" s="53">
        <v>242199289.31108001</v>
      </c>
      <c r="BZ2814" s="53">
        <v>297564873.26130497</v>
      </c>
      <c r="CA2814" s="53">
        <v>297564873.26130497</v>
      </c>
      <c r="CB2814" s="53"/>
      <c r="CC2814" s="53"/>
      <c r="CD2814" s="53"/>
      <c r="CE2814" s="53"/>
      <c r="CF2814" s="53"/>
      <c r="CG2814" s="53"/>
      <c r="CH2814" s="53"/>
      <c r="CI2814" s="53"/>
      <c r="CJ2814" s="53"/>
      <c r="CK2814" s="53"/>
      <c r="CL2814" s="53"/>
      <c r="CM2814" s="53"/>
      <c r="CN2814" s="53"/>
    </row>
    <row r="2815" spans="1:92" outlineLevel="1">
      <c r="A2815" s="52" t="s">
        <v>1218</v>
      </c>
      <c r="B2815" s="53">
        <v>235766504.52000001</v>
      </c>
      <c r="C2815" s="53">
        <v>235766504.52000001</v>
      </c>
      <c r="D2815" s="53">
        <v>235766504.52000001</v>
      </c>
      <c r="E2815" s="53">
        <v>235766504.52000001</v>
      </c>
      <c r="F2815" s="53">
        <v>235766504.52000001</v>
      </c>
      <c r="G2815" s="53">
        <v>235766504.52000001</v>
      </c>
      <c r="H2815" s="53">
        <v>262245036.02000001</v>
      </c>
      <c r="I2815" s="53">
        <v>262245036.02000001</v>
      </c>
      <c r="J2815" s="53">
        <v>262245036.02000001</v>
      </c>
      <c r="K2815" s="53">
        <v>233664660.27000001</v>
      </c>
      <c r="L2815" s="53">
        <v>233664660.27000001</v>
      </c>
      <c r="M2815" s="53">
        <v>233591111.09999999</v>
      </c>
      <c r="N2815" s="53">
        <v>235766504.52000001</v>
      </c>
      <c r="O2815" s="53">
        <v>233554336.68000001</v>
      </c>
      <c r="P2815" s="53">
        <v>233517562.09666601</v>
      </c>
      <c r="Q2815" s="53">
        <v>233480787.51333299</v>
      </c>
      <c r="R2815" s="53">
        <v>233444012.92999899</v>
      </c>
      <c r="S2815" s="53">
        <v>233407238.34666601</v>
      </c>
      <c r="T2815" s="53">
        <v>233370463.76333299</v>
      </c>
      <c r="U2815" s="53">
        <v>233333689.17999899</v>
      </c>
      <c r="V2815" s="53">
        <v>233296914.59666601</v>
      </c>
      <c r="W2815" s="53">
        <v>233260140.01333299</v>
      </c>
      <c r="X2815" s="53">
        <v>233223365.42999899</v>
      </c>
      <c r="Y2815" s="53">
        <v>233186590.84666601</v>
      </c>
      <c r="Z2815" s="53">
        <v>233149816.26333299</v>
      </c>
      <c r="AA2815" s="53">
        <v>233554336.68000001</v>
      </c>
      <c r="AB2815" s="53">
        <v>235565720.17232299</v>
      </c>
      <c r="AC2815" s="53">
        <v>235519483.095934</v>
      </c>
      <c r="AD2815" s="53">
        <v>235473246.019546</v>
      </c>
      <c r="AE2815" s="53">
        <v>235427008.94315699</v>
      </c>
      <c r="AF2815" s="53">
        <v>235380771.866768</v>
      </c>
      <c r="AG2815" s="53">
        <v>235334534.79037899</v>
      </c>
      <c r="AH2815" s="53">
        <v>235288297.71399</v>
      </c>
      <c r="AI2815" s="53">
        <v>235242060.63760099</v>
      </c>
      <c r="AJ2815" s="53">
        <v>235195823.561212</v>
      </c>
      <c r="AK2815" s="53">
        <v>235149586.48482299</v>
      </c>
      <c r="AL2815" s="53">
        <v>235103349.40843499</v>
      </c>
      <c r="AM2815" s="53">
        <v>235057112.332046</v>
      </c>
      <c r="AN2815" s="53">
        <v>235565720.17232299</v>
      </c>
      <c r="AO2815" s="53">
        <v>247222488.66530299</v>
      </c>
      <c r="AP2815" s="53">
        <v>247119676.39099801</v>
      </c>
      <c r="AQ2815" s="53">
        <v>247016864.11669201</v>
      </c>
      <c r="AR2815" s="53">
        <v>246914051.84238699</v>
      </c>
      <c r="AS2815" s="53">
        <v>246811239.56808099</v>
      </c>
      <c r="AT2815" s="53">
        <v>246708427.29377601</v>
      </c>
      <c r="AU2815" s="53">
        <v>246605615.01947001</v>
      </c>
      <c r="AV2815" s="53">
        <v>246502802.74516499</v>
      </c>
      <c r="AW2815" s="53">
        <v>246399990.47085899</v>
      </c>
      <c r="AX2815" s="53">
        <v>246297178.19655299</v>
      </c>
      <c r="AY2815" s="53">
        <v>246194365.92224801</v>
      </c>
      <c r="AZ2815" s="53">
        <v>246091553.64794201</v>
      </c>
      <c r="BA2815" s="53">
        <v>247222488.66530299</v>
      </c>
      <c r="BB2815" s="53">
        <v>247020822.33159101</v>
      </c>
      <c r="BC2815" s="53">
        <v>246866333.65318799</v>
      </c>
      <c r="BD2815" s="53">
        <v>246711844.974785</v>
      </c>
      <c r="BE2815" s="53">
        <v>246557356.29638201</v>
      </c>
      <c r="BF2815" s="53">
        <v>246402867.61797899</v>
      </c>
      <c r="BG2815" s="53">
        <v>246248378.939576</v>
      </c>
      <c r="BH2815" s="53">
        <v>246093890.26117301</v>
      </c>
      <c r="BI2815" s="53">
        <v>245939401.58276999</v>
      </c>
      <c r="BJ2815" s="53">
        <v>245784912.904367</v>
      </c>
      <c r="BK2815" s="53">
        <v>245630424.22596401</v>
      </c>
      <c r="BL2815" s="53">
        <v>245475935.54756099</v>
      </c>
      <c r="BM2815" s="53">
        <v>245321446.869158</v>
      </c>
      <c r="BN2815" s="53">
        <v>247020822.33159101</v>
      </c>
      <c r="BO2815" s="53">
        <v>245166958.19075501</v>
      </c>
      <c r="BP2815" s="53">
        <v>244897170.11078399</v>
      </c>
      <c r="BQ2815" s="53">
        <v>244627382.03081399</v>
      </c>
      <c r="BR2815" s="53">
        <v>244357593.95084301</v>
      </c>
      <c r="BS2815" s="53">
        <v>244087805.870873</v>
      </c>
      <c r="BT2815" s="53">
        <v>243818017.79090199</v>
      </c>
      <c r="BU2815" s="53">
        <v>243548229.71093199</v>
      </c>
      <c r="BV2815" s="53">
        <v>243278441.630961</v>
      </c>
      <c r="BW2815" s="53">
        <v>243008653.550991</v>
      </c>
      <c r="BX2815" s="53">
        <v>242738865.47102001</v>
      </c>
      <c r="BY2815" s="53">
        <v>242469077.39105001</v>
      </c>
      <c r="BZ2815" s="53">
        <v>242199289.31108001</v>
      </c>
      <c r="CA2815" s="53">
        <v>245166958.19075501</v>
      </c>
      <c r="CB2815" s="53"/>
      <c r="CC2815" s="53"/>
      <c r="CD2815" s="53"/>
      <c r="CE2815" s="53"/>
      <c r="CF2815" s="53"/>
      <c r="CG2815" s="53"/>
      <c r="CH2815" s="53"/>
      <c r="CI2815" s="53"/>
      <c r="CJ2815" s="53"/>
      <c r="CK2815" s="53"/>
      <c r="CL2815" s="53"/>
      <c r="CM2815" s="53"/>
      <c r="CN2815" s="53"/>
    </row>
    <row r="2816" spans="1:92" outlineLevel="1">
      <c r="A2816" s="52" t="s">
        <v>672</v>
      </c>
      <c r="B2816" s="53"/>
      <c r="C2816" s="53"/>
      <c r="D2816" s="53"/>
      <c r="E2816" s="53"/>
      <c r="F2816" s="53"/>
      <c r="G2816" s="53"/>
      <c r="H2816" s="53"/>
      <c r="I2816" s="53"/>
      <c r="J2816" s="53"/>
      <c r="K2816" s="53"/>
      <c r="L2816" s="53"/>
      <c r="M2816" s="53"/>
      <c r="N2816" s="53"/>
      <c r="O2816" s="53"/>
      <c r="P2816" s="53"/>
      <c r="Q2816" s="53"/>
      <c r="R2816" s="53"/>
      <c r="S2816" s="53"/>
      <c r="T2816" s="53"/>
      <c r="U2816" s="53"/>
      <c r="V2816" s="53"/>
      <c r="W2816" s="53"/>
      <c r="X2816" s="53"/>
      <c r="Y2816" s="53"/>
      <c r="Z2816" s="53"/>
      <c r="AA2816" s="53"/>
      <c r="AB2816" s="53"/>
      <c r="AC2816" s="53"/>
      <c r="AD2816" s="53"/>
      <c r="AE2816" s="53"/>
      <c r="AF2816" s="53"/>
      <c r="AG2816" s="53"/>
      <c r="AH2816" s="53"/>
      <c r="AI2816" s="53"/>
      <c r="AJ2816" s="53"/>
      <c r="AK2816" s="53"/>
      <c r="AL2816" s="53"/>
      <c r="AM2816" s="53"/>
      <c r="AN2816" s="53"/>
      <c r="AO2816" s="53"/>
      <c r="AP2816" s="53"/>
      <c r="AQ2816" s="53"/>
      <c r="AR2816" s="53"/>
      <c r="AS2816" s="53"/>
      <c r="AT2816" s="53"/>
      <c r="AU2816" s="53"/>
      <c r="AV2816" s="53"/>
      <c r="AW2816" s="53"/>
      <c r="AX2816" s="53"/>
      <c r="AY2816" s="53"/>
      <c r="AZ2816" s="53"/>
      <c r="BA2816" s="53"/>
      <c r="BB2816" s="53"/>
      <c r="BC2816" s="53"/>
      <c r="BD2816" s="53"/>
      <c r="BE2816" s="53"/>
      <c r="BF2816" s="53"/>
      <c r="BG2816" s="53"/>
      <c r="BH2816" s="53"/>
      <c r="BI2816" s="53"/>
      <c r="BJ2816" s="53"/>
      <c r="BK2816" s="53"/>
      <c r="BL2816" s="53"/>
      <c r="BM2816" s="53"/>
      <c r="BN2816" s="53"/>
      <c r="BO2816" s="53"/>
      <c r="BP2816" s="53"/>
      <c r="BQ2816" s="53"/>
      <c r="BR2816" s="53"/>
      <c r="BS2816" s="53"/>
      <c r="BT2816" s="53"/>
      <c r="BU2816" s="53"/>
      <c r="BV2816" s="53"/>
      <c r="BW2816" s="53"/>
      <c r="BX2816" s="53"/>
      <c r="BY2816" s="53"/>
      <c r="BZ2816" s="53"/>
      <c r="CA2816" s="53"/>
      <c r="CB2816" s="53"/>
      <c r="CC2816" s="53"/>
      <c r="CD2816" s="53"/>
      <c r="CE2816" s="53"/>
      <c r="CF2816" s="53"/>
      <c r="CG2816" s="53"/>
      <c r="CH2816" s="53"/>
      <c r="CI2816" s="53"/>
      <c r="CJ2816" s="53"/>
      <c r="CK2816" s="53"/>
      <c r="CL2816" s="53"/>
      <c r="CM2816" s="53"/>
      <c r="CN2816" s="53"/>
    </row>
    <row r="2817" spans="1:92" outlineLevel="1">
      <c r="A2817" s="52" t="s">
        <v>1365</v>
      </c>
      <c r="B2817" s="53"/>
      <c r="C2817" s="53"/>
      <c r="D2817" s="53"/>
      <c r="E2817" s="53"/>
      <c r="F2817" s="53"/>
      <c r="G2817" s="53"/>
      <c r="H2817" s="53"/>
      <c r="I2817" s="53"/>
      <c r="J2817" s="53"/>
      <c r="K2817" s="53"/>
      <c r="L2817" s="53"/>
      <c r="M2817" s="53"/>
      <c r="N2817" s="53"/>
      <c r="O2817" s="53"/>
      <c r="P2817" s="53"/>
      <c r="Q2817" s="53"/>
      <c r="R2817" s="53"/>
      <c r="S2817" s="53"/>
      <c r="T2817" s="53"/>
      <c r="U2817" s="53"/>
      <c r="V2817" s="53"/>
      <c r="W2817" s="53"/>
      <c r="X2817" s="53"/>
      <c r="Y2817" s="53"/>
      <c r="Z2817" s="53"/>
      <c r="AA2817" s="53"/>
      <c r="AB2817" s="53"/>
      <c r="AC2817" s="53"/>
      <c r="AD2817" s="53"/>
      <c r="AE2817" s="53"/>
      <c r="AF2817" s="53"/>
      <c r="AG2817" s="53"/>
      <c r="AH2817" s="53"/>
      <c r="AI2817" s="53"/>
      <c r="AJ2817" s="53"/>
      <c r="AK2817" s="53"/>
      <c r="AL2817" s="53"/>
      <c r="AM2817" s="53"/>
      <c r="AN2817" s="53"/>
      <c r="AO2817" s="53"/>
      <c r="AP2817" s="53"/>
      <c r="AQ2817" s="53"/>
      <c r="AR2817" s="53"/>
      <c r="AS2817" s="53"/>
      <c r="AT2817" s="53"/>
      <c r="AU2817" s="53"/>
      <c r="AV2817" s="53"/>
      <c r="AW2817" s="53"/>
      <c r="AX2817" s="53"/>
      <c r="AY2817" s="53"/>
      <c r="AZ2817" s="53"/>
      <c r="BA2817" s="53"/>
      <c r="BB2817" s="53"/>
      <c r="BC2817" s="53"/>
      <c r="BD2817" s="53"/>
      <c r="BE2817" s="53"/>
      <c r="BF2817" s="53"/>
      <c r="BG2817" s="53"/>
      <c r="BH2817" s="53"/>
      <c r="BI2817" s="53"/>
      <c r="BJ2817" s="53"/>
      <c r="BK2817" s="53"/>
      <c r="BL2817" s="53"/>
      <c r="BM2817" s="53"/>
      <c r="BN2817" s="53"/>
      <c r="BO2817" s="53"/>
      <c r="BP2817" s="53"/>
      <c r="BQ2817" s="53"/>
      <c r="BR2817" s="53"/>
      <c r="BS2817" s="53"/>
      <c r="BT2817" s="53"/>
      <c r="BU2817" s="53"/>
      <c r="BV2817" s="53"/>
      <c r="BW2817" s="53"/>
      <c r="BX2817" s="53"/>
      <c r="BY2817" s="53"/>
      <c r="BZ2817" s="53"/>
      <c r="CA2817" s="53"/>
      <c r="CB2817" s="53">
        <v>4.8774041723446997</v>
      </c>
      <c r="CC2817" s="53">
        <v>4.9127938041185102</v>
      </c>
      <c r="CD2817" s="53">
        <v>4.9484402171622097</v>
      </c>
      <c r="CE2817" s="53">
        <v>4.9843452746378496</v>
      </c>
      <c r="CF2817" s="53"/>
      <c r="CG2817" s="53"/>
      <c r="CH2817" s="53"/>
      <c r="CI2817" s="53"/>
      <c r="CJ2817" s="53"/>
      <c r="CK2817" s="53"/>
      <c r="CL2817" s="53"/>
      <c r="CM2817" s="53"/>
      <c r="CN2817" s="53">
        <v>19.722983468263202</v>
      </c>
    </row>
    <row r="2818" spans="1:92" outlineLevel="1">
      <c r="A2818" s="52" t="s">
        <v>1366</v>
      </c>
      <c r="B2818" s="53"/>
      <c r="C2818" s="53"/>
      <c r="D2818" s="53"/>
      <c r="E2818" s="53"/>
      <c r="F2818" s="53"/>
      <c r="G2818" s="53"/>
      <c r="H2818" s="53"/>
      <c r="I2818" s="53"/>
      <c r="J2818" s="53"/>
      <c r="K2818" s="53"/>
      <c r="L2818" s="53"/>
      <c r="M2818" s="53"/>
      <c r="N2818" s="53"/>
      <c r="O2818" s="53"/>
      <c r="P2818" s="53"/>
      <c r="Q2818" s="53"/>
      <c r="R2818" s="53"/>
      <c r="S2818" s="53"/>
      <c r="T2818" s="53"/>
      <c r="U2818" s="53"/>
      <c r="V2818" s="53"/>
      <c r="W2818" s="53"/>
      <c r="X2818" s="53"/>
      <c r="Y2818" s="53"/>
      <c r="Z2818" s="53"/>
      <c r="AA2818" s="53"/>
      <c r="AB2818" s="53"/>
      <c r="AC2818" s="53"/>
      <c r="AD2818" s="53"/>
      <c r="AE2818" s="53"/>
      <c r="AF2818" s="53"/>
      <c r="AG2818" s="53"/>
      <c r="AH2818" s="53"/>
      <c r="AI2818" s="53"/>
      <c r="AJ2818" s="53"/>
      <c r="AK2818" s="53"/>
      <c r="AL2818" s="53"/>
      <c r="AM2818" s="53"/>
      <c r="AN2818" s="53"/>
      <c r="AO2818" s="53"/>
      <c r="AP2818" s="53"/>
      <c r="AQ2818" s="53"/>
      <c r="AR2818" s="53"/>
      <c r="AS2818" s="53"/>
      <c r="AT2818" s="53"/>
      <c r="AU2818" s="53"/>
      <c r="AV2818" s="53"/>
      <c r="AW2818" s="53"/>
      <c r="AX2818" s="53"/>
      <c r="AY2818" s="53"/>
      <c r="AZ2818" s="53"/>
      <c r="BA2818" s="53"/>
      <c r="BB2818" s="53"/>
      <c r="BC2818" s="53"/>
      <c r="BD2818" s="53"/>
      <c r="BE2818" s="53"/>
      <c r="BF2818" s="53"/>
      <c r="BG2818" s="53"/>
      <c r="BH2818" s="53"/>
      <c r="BI2818" s="53"/>
      <c r="BJ2818" s="53"/>
      <c r="BK2818" s="53"/>
      <c r="BL2818" s="53"/>
      <c r="BM2818" s="53"/>
      <c r="BN2818" s="53"/>
      <c r="BO2818" s="53"/>
      <c r="BP2818" s="53"/>
      <c r="BQ2818" s="53"/>
      <c r="BR2818" s="53"/>
      <c r="BS2818" s="53"/>
      <c r="BT2818" s="53"/>
      <c r="BU2818" s="53"/>
      <c r="BV2818" s="53"/>
      <c r="BW2818" s="53"/>
      <c r="BX2818" s="53"/>
      <c r="BY2818" s="53"/>
      <c r="BZ2818" s="53"/>
      <c r="CA2818" s="53"/>
      <c r="CB2818" s="53">
        <v>-416184.23529139103</v>
      </c>
      <c r="CC2818" s="53">
        <v>-418719.49092470802</v>
      </c>
      <c r="CD2818" s="53">
        <v>-421270.19049025001</v>
      </c>
      <c r="CE2818" s="53"/>
      <c r="CF2818" s="53"/>
      <c r="CG2818" s="53"/>
      <c r="CH2818" s="53"/>
      <c r="CI2818" s="53"/>
      <c r="CJ2818" s="53"/>
      <c r="CK2818" s="53"/>
      <c r="CL2818" s="53"/>
      <c r="CM2818" s="53"/>
      <c r="CN2818" s="53">
        <v>-1256173.9167063499</v>
      </c>
    </row>
    <row r="2819" spans="1:92" outlineLevel="1">
      <c r="A2819" s="52" t="s">
        <v>649</v>
      </c>
      <c r="B2819" s="53"/>
      <c r="C2819" s="53"/>
      <c r="D2819" s="53"/>
      <c r="E2819" s="53"/>
      <c r="F2819" s="53"/>
      <c r="G2819" s="53"/>
      <c r="H2819" s="53"/>
      <c r="I2819" s="53"/>
      <c r="J2819" s="53"/>
      <c r="K2819" s="53"/>
      <c r="L2819" s="53"/>
      <c r="M2819" s="53"/>
      <c r="N2819" s="53"/>
      <c r="O2819" s="53"/>
      <c r="P2819" s="53"/>
      <c r="Q2819" s="53"/>
      <c r="R2819" s="53"/>
      <c r="S2819" s="53"/>
      <c r="T2819" s="53"/>
      <c r="U2819" s="53"/>
      <c r="V2819" s="53"/>
      <c r="W2819" s="53"/>
      <c r="X2819" s="53"/>
      <c r="Y2819" s="53"/>
      <c r="Z2819" s="53">
        <v>2452678.4923239001</v>
      </c>
      <c r="AA2819" s="53">
        <v>2452678.4923239001</v>
      </c>
      <c r="AB2819" s="53"/>
      <c r="AC2819" s="53"/>
      <c r="AD2819" s="53"/>
      <c r="AE2819" s="53"/>
      <c r="AF2819" s="53"/>
      <c r="AG2819" s="53"/>
      <c r="AH2819" s="53"/>
      <c r="AI2819" s="53"/>
      <c r="AJ2819" s="53"/>
      <c r="AK2819" s="53"/>
      <c r="AL2819" s="53"/>
      <c r="AM2819" s="53">
        <v>12211613.409646699</v>
      </c>
      <c r="AN2819" s="53">
        <v>12211613.409646699</v>
      </c>
      <c r="AO2819" s="53"/>
      <c r="AP2819" s="53"/>
      <c r="AQ2819" s="53"/>
      <c r="AR2819" s="53"/>
      <c r="AS2819" s="53"/>
      <c r="AT2819" s="53"/>
      <c r="AU2819" s="53"/>
      <c r="AV2819" s="53"/>
      <c r="AW2819" s="53"/>
      <c r="AX2819" s="53"/>
      <c r="AY2819" s="53"/>
      <c r="AZ2819" s="53">
        <v>1032080.95795413</v>
      </c>
      <c r="BA2819" s="53">
        <v>1032080.95795413</v>
      </c>
      <c r="BB2819" s="53"/>
      <c r="BC2819" s="53"/>
      <c r="BD2819" s="53"/>
      <c r="BE2819" s="53"/>
      <c r="BF2819" s="53"/>
      <c r="BG2819" s="53"/>
      <c r="BH2819" s="53"/>
      <c r="BI2819" s="53"/>
      <c r="BJ2819" s="53"/>
      <c r="BK2819" s="53"/>
      <c r="BL2819" s="53"/>
      <c r="BM2819" s="53"/>
      <c r="BN2819" s="53"/>
      <c r="BO2819" s="53"/>
      <c r="BP2819" s="53"/>
      <c r="BQ2819" s="53"/>
      <c r="BR2819" s="53"/>
      <c r="BS2819" s="53"/>
      <c r="BT2819" s="53"/>
      <c r="BU2819" s="53"/>
      <c r="BV2819" s="53"/>
      <c r="BW2819" s="53"/>
      <c r="BX2819" s="53"/>
      <c r="BY2819" s="53"/>
      <c r="BZ2819" s="53">
        <v>55635372.030196197</v>
      </c>
      <c r="CA2819" s="53">
        <v>55635372.030196197</v>
      </c>
      <c r="CB2819" s="53"/>
      <c r="CC2819" s="53"/>
      <c r="CD2819" s="53"/>
      <c r="CE2819" s="53"/>
      <c r="CF2819" s="53"/>
      <c r="CG2819" s="53"/>
      <c r="CH2819" s="53"/>
      <c r="CI2819" s="53"/>
      <c r="CJ2819" s="53"/>
      <c r="CK2819" s="53"/>
      <c r="CL2819" s="53"/>
      <c r="CM2819" s="53"/>
      <c r="CN2819" s="53"/>
    </row>
    <row r="2820" spans="1:92" outlineLevel="1">
      <c r="A2820" s="52" t="s">
        <v>1698</v>
      </c>
      <c r="B2820" s="53"/>
      <c r="C2820" s="53"/>
      <c r="D2820" s="53"/>
      <c r="E2820" s="53"/>
      <c r="F2820" s="53"/>
      <c r="G2820" s="53"/>
      <c r="H2820" s="53"/>
      <c r="I2820" s="53"/>
      <c r="J2820" s="53"/>
      <c r="K2820" s="53"/>
      <c r="L2820" s="53"/>
      <c r="M2820" s="53"/>
      <c r="N2820" s="53"/>
      <c r="O2820" s="53"/>
      <c r="P2820" s="53"/>
      <c r="Q2820" s="53"/>
      <c r="R2820" s="53"/>
      <c r="S2820" s="53"/>
      <c r="T2820" s="53"/>
      <c r="U2820" s="53"/>
      <c r="V2820" s="53"/>
      <c r="W2820" s="53"/>
      <c r="X2820" s="53"/>
      <c r="Y2820" s="53"/>
      <c r="Z2820" s="53"/>
      <c r="AA2820" s="53"/>
      <c r="AB2820" s="53"/>
      <c r="AC2820" s="53"/>
      <c r="AD2820" s="53"/>
      <c r="AE2820" s="53"/>
      <c r="AF2820" s="53"/>
      <c r="AG2820" s="53"/>
      <c r="AH2820" s="53"/>
      <c r="AI2820" s="53"/>
      <c r="AJ2820" s="53"/>
      <c r="AK2820" s="53"/>
      <c r="AL2820" s="53"/>
      <c r="AM2820" s="53"/>
      <c r="AN2820" s="53"/>
      <c r="AO2820" s="53"/>
      <c r="AP2820" s="53"/>
      <c r="AQ2820" s="53"/>
      <c r="AR2820" s="53"/>
      <c r="AS2820" s="53"/>
      <c r="AT2820" s="53"/>
      <c r="AU2820" s="53"/>
      <c r="AV2820" s="53"/>
      <c r="AW2820" s="53"/>
      <c r="AX2820" s="53"/>
      <c r="AY2820" s="53"/>
      <c r="AZ2820" s="53"/>
      <c r="BA2820" s="53"/>
      <c r="BB2820" s="53"/>
      <c r="BC2820" s="53"/>
      <c r="BD2820" s="53"/>
      <c r="BE2820" s="53"/>
      <c r="BF2820" s="53"/>
      <c r="BG2820" s="53"/>
      <c r="BH2820" s="53"/>
      <c r="BI2820" s="53"/>
      <c r="BJ2820" s="53"/>
      <c r="BK2820" s="53"/>
      <c r="BL2820" s="53"/>
      <c r="BM2820" s="53"/>
      <c r="BN2820" s="53"/>
      <c r="BO2820" s="53"/>
      <c r="BP2820" s="53"/>
      <c r="BQ2820" s="53"/>
      <c r="BR2820" s="53"/>
      <c r="BS2820" s="53"/>
      <c r="BT2820" s="53"/>
      <c r="BU2820" s="53"/>
      <c r="BV2820" s="53"/>
      <c r="BW2820" s="53"/>
      <c r="BX2820" s="53"/>
      <c r="BY2820" s="53"/>
      <c r="BZ2820" s="53"/>
      <c r="CA2820" s="53"/>
      <c r="CB2820" s="53"/>
      <c r="CC2820" s="53"/>
      <c r="CD2820" s="53"/>
      <c r="CE2820" s="53"/>
      <c r="CF2820" s="53"/>
      <c r="CG2820" s="53"/>
      <c r="CH2820" s="53"/>
      <c r="CI2820" s="53"/>
      <c r="CJ2820" s="53"/>
      <c r="CK2820" s="53"/>
      <c r="CL2820" s="53"/>
      <c r="CM2820" s="53"/>
      <c r="CN2820" s="53"/>
    </row>
    <row r="2821" spans="1:92" outlineLevel="1">
      <c r="A2821" s="52" t="s">
        <v>649</v>
      </c>
      <c r="B2821" s="53"/>
      <c r="C2821" s="53"/>
      <c r="D2821" s="53">
        <v>-120853</v>
      </c>
      <c r="E2821" s="53"/>
      <c r="F2821" s="53"/>
      <c r="G2821" s="53">
        <v>-99795</v>
      </c>
      <c r="H2821" s="53"/>
      <c r="I2821" s="53"/>
      <c r="J2821" s="53">
        <v>-110323.25</v>
      </c>
      <c r="K2821" s="53"/>
      <c r="L2821" s="53">
        <v>-73548.75</v>
      </c>
      <c r="M2821" s="53">
        <v>-441295</v>
      </c>
      <c r="N2821" s="53">
        <v>-845815</v>
      </c>
      <c r="O2821" s="53">
        <v>-36774.583333333299</v>
      </c>
      <c r="P2821" s="53">
        <v>-36774.583333333299</v>
      </c>
      <c r="Q2821" s="53">
        <v>-36774.583333333299</v>
      </c>
      <c r="R2821" s="53">
        <v>-36774.583333333299</v>
      </c>
      <c r="S2821" s="53">
        <v>-36774.583333333299</v>
      </c>
      <c r="T2821" s="53">
        <v>-36774.583333333299</v>
      </c>
      <c r="U2821" s="53">
        <v>-36774.583333333299</v>
      </c>
      <c r="V2821" s="53">
        <v>-36774.583333333299</v>
      </c>
      <c r="W2821" s="53">
        <v>-36774.583333333299</v>
      </c>
      <c r="X2821" s="53">
        <v>-36774.583333333299</v>
      </c>
      <c r="Y2821" s="53">
        <v>-36774.583333333299</v>
      </c>
      <c r="Z2821" s="53">
        <v>-36774.583333333299</v>
      </c>
      <c r="AA2821" s="53">
        <v>-441295</v>
      </c>
      <c r="AB2821" s="53">
        <v>-46237.076388888898</v>
      </c>
      <c r="AC2821" s="53">
        <v>-46237.076388888898</v>
      </c>
      <c r="AD2821" s="53">
        <v>-46237.076388888898</v>
      </c>
      <c r="AE2821" s="53">
        <v>-46237.076388888898</v>
      </c>
      <c r="AF2821" s="53">
        <v>-46237.076388888898</v>
      </c>
      <c r="AG2821" s="53">
        <v>-46237.076388888898</v>
      </c>
      <c r="AH2821" s="53">
        <v>-46237.076388888898</v>
      </c>
      <c r="AI2821" s="53">
        <v>-46237.076388888898</v>
      </c>
      <c r="AJ2821" s="53">
        <v>-46237.076388888898</v>
      </c>
      <c r="AK2821" s="53">
        <v>-46237.076388888898</v>
      </c>
      <c r="AL2821" s="53">
        <v>-46237.076388888898</v>
      </c>
      <c r="AM2821" s="53">
        <v>-46237.076388888898</v>
      </c>
      <c r="AN2821" s="53">
        <v>-554844.91666666698</v>
      </c>
      <c r="AO2821" s="53">
        <v>-102812.27430555499</v>
      </c>
      <c r="AP2821" s="53">
        <v>-102812.27430555499</v>
      </c>
      <c r="AQ2821" s="53">
        <v>-102812.27430555499</v>
      </c>
      <c r="AR2821" s="53">
        <v>-102812.27430555499</v>
      </c>
      <c r="AS2821" s="53">
        <v>-102812.27430555499</v>
      </c>
      <c r="AT2821" s="53">
        <v>-102812.27430555499</v>
      </c>
      <c r="AU2821" s="53">
        <v>-102812.27430555499</v>
      </c>
      <c r="AV2821" s="53">
        <v>-102812.27430555499</v>
      </c>
      <c r="AW2821" s="53">
        <v>-102812.27430555499</v>
      </c>
      <c r="AX2821" s="53">
        <v>-102812.27430555499</v>
      </c>
      <c r="AY2821" s="53">
        <v>-102812.27430555499</v>
      </c>
      <c r="AZ2821" s="53">
        <v>-102812.27430555499</v>
      </c>
      <c r="BA2821" s="53">
        <v>-1233747.29166666</v>
      </c>
      <c r="BB2821" s="53">
        <v>-154488.67840301999</v>
      </c>
      <c r="BC2821" s="53">
        <v>-154488.67840301999</v>
      </c>
      <c r="BD2821" s="53">
        <v>-154488.67840301999</v>
      </c>
      <c r="BE2821" s="53">
        <v>-154488.67840301999</v>
      </c>
      <c r="BF2821" s="53">
        <v>-154488.67840301999</v>
      </c>
      <c r="BG2821" s="53">
        <v>-154488.67840301999</v>
      </c>
      <c r="BH2821" s="53">
        <v>-154488.67840301999</v>
      </c>
      <c r="BI2821" s="53">
        <v>-154488.67840301999</v>
      </c>
      <c r="BJ2821" s="53">
        <v>-154488.67840301999</v>
      </c>
      <c r="BK2821" s="53">
        <v>-154488.67840301999</v>
      </c>
      <c r="BL2821" s="53">
        <v>-154488.67840301999</v>
      </c>
      <c r="BM2821" s="53">
        <v>-154488.67840301999</v>
      </c>
      <c r="BN2821" s="53">
        <v>-1853864.14083625</v>
      </c>
      <c r="BO2821" s="53">
        <v>-269788.079970463</v>
      </c>
      <c r="BP2821" s="53">
        <v>-269788.079970463</v>
      </c>
      <c r="BQ2821" s="53">
        <v>-269788.079970463</v>
      </c>
      <c r="BR2821" s="53">
        <v>-269788.079970463</v>
      </c>
      <c r="BS2821" s="53">
        <v>-269788.079970463</v>
      </c>
      <c r="BT2821" s="53">
        <v>-269788.079970463</v>
      </c>
      <c r="BU2821" s="53">
        <v>-269788.079970463</v>
      </c>
      <c r="BV2821" s="53">
        <v>-269788.079970463</v>
      </c>
      <c r="BW2821" s="53">
        <v>-269788.079970463</v>
      </c>
      <c r="BX2821" s="53">
        <v>-269788.079970463</v>
      </c>
      <c r="BY2821" s="53">
        <v>-269788.079970463</v>
      </c>
      <c r="BZ2821" s="53">
        <v>-269788.079970463</v>
      </c>
      <c r="CA2821" s="53">
        <v>-3237456.95964556</v>
      </c>
      <c r="CB2821" s="53"/>
      <c r="CC2821" s="53"/>
      <c r="CD2821" s="53"/>
      <c r="CE2821" s="53"/>
      <c r="CF2821" s="53"/>
      <c r="CG2821" s="53"/>
      <c r="CH2821" s="53"/>
      <c r="CI2821" s="53"/>
      <c r="CJ2821" s="53"/>
      <c r="CK2821" s="53"/>
      <c r="CL2821" s="53"/>
      <c r="CM2821" s="53"/>
      <c r="CN2821" s="53"/>
    </row>
    <row r="2822" spans="1:92" outlineLevel="1">
      <c r="A2822" s="59" t="s">
        <v>1700</v>
      </c>
      <c r="B2822" s="53">
        <v>235766504.52000001</v>
      </c>
      <c r="C2822" s="53">
        <v>235766504.52000001</v>
      </c>
      <c r="D2822" s="53">
        <v>235766504.52000001</v>
      </c>
      <c r="E2822" s="53">
        <v>235766504.52000001</v>
      </c>
      <c r="F2822" s="53">
        <v>235766504.52000001</v>
      </c>
      <c r="G2822" s="53">
        <v>262245036.02000001</v>
      </c>
      <c r="H2822" s="53">
        <v>262245036.02000001</v>
      </c>
      <c r="I2822" s="53">
        <v>262245036.02000001</v>
      </c>
      <c r="J2822" s="53">
        <v>233664660.27000001</v>
      </c>
      <c r="K2822" s="53">
        <v>233664660.27000001</v>
      </c>
      <c r="L2822" s="53">
        <v>233591111.09999999</v>
      </c>
      <c r="M2822" s="53">
        <v>233554336.68000001</v>
      </c>
      <c r="N2822" s="53">
        <v>233554336.68000001</v>
      </c>
      <c r="O2822" s="53">
        <v>233517562.09666601</v>
      </c>
      <c r="P2822" s="53">
        <v>233480787.51333299</v>
      </c>
      <c r="Q2822" s="53">
        <v>233444012.92999899</v>
      </c>
      <c r="R2822" s="53">
        <v>233407238.34666601</v>
      </c>
      <c r="S2822" s="53">
        <v>233370463.76333299</v>
      </c>
      <c r="T2822" s="53">
        <v>233333689.17999899</v>
      </c>
      <c r="U2822" s="53">
        <v>233296914.59666601</v>
      </c>
      <c r="V2822" s="53">
        <v>233260140.01333299</v>
      </c>
      <c r="W2822" s="53">
        <v>233223365.42999899</v>
      </c>
      <c r="X2822" s="53">
        <v>233186590.84666601</v>
      </c>
      <c r="Y2822" s="53">
        <v>233149816.26333299</v>
      </c>
      <c r="Z2822" s="53">
        <v>235565720.17232299</v>
      </c>
      <c r="AA2822" s="53">
        <v>235565720.17232299</v>
      </c>
      <c r="AB2822" s="53">
        <v>235519483.095934</v>
      </c>
      <c r="AC2822" s="53">
        <v>235473246.019546</v>
      </c>
      <c r="AD2822" s="53">
        <v>235427008.94315699</v>
      </c>
      <c r="AE2822" s="53">
        <v>235380771.866768</v>
      </c>
      <c r="AF2822" s="53">
        <v>235334534.79037899</v>
      </c>
      <c r="AG2822" s="53">
        <v>235288297.71399</v>
      </c>
      <c r="AH2822" s="53">
        <v>235242060.63760099</v>
      </c>
      <c r="AI2822" s="53">
        <v>235195823.561212</v>
      </c>
      <c r="AJ2822" s="53">
        <v>235149586.48482299</v>
      </c>
      <c r="AK2822" s="53">
        <v>235103349.40843499</v>
      </c>
      <c r="AL2822" s="53">
        <v>235057112.332046</v>
      </c>
      <c r="AM2822" s="53">
        <v>247222488.66530299</v>
      </c>
      <c r="AN2822" s="53">
        <v>247222488.66530299</v>
      </c>
      <c r="AO2822" s="53">
        <v>247119676.39099801</v>
      </c>
      <c r="AP2822" s="53">
        <v>247016864.11669201</v>
      </c>
      <c r="AQ2822" s="53">
        <v>246914051.84238699</v>
      </c>
      <c r="AR2822" s="53">
        <v>246811239.56808099</v>
      </c>
      <c r="AS2822" s="53">
        <v>246708427.29377601</v>
      </c>
      <c r="AT2822" s="53">
        <v>246605615.01947001</v>
      </c>
      <c r="AU2822" s="53">
        <v>246502802.74516499</v>
      </c>
      <c r="AV2822" s="53">
        <v>246399990.47085899</v>
      </c>
      <c r="AW2822" s="53">
        <v>246297178.19655299</v>
      </c>
      <c r="AX2822" s="53">
        <v>246194365.92224801</v>
      </c>
      <c r="AY2822" s="53">
        <v>246091553.64794201</v>
      </c>
      <c r="AZ2822" s="53">
        <v>247020822.33159101</v>
      </c>
      <c r="BA2822" s="53">
        <v>247020822.33159101</v>
      </c>
      <c r="BB2822" s="53">
        <v>246866333.65318799</v>
      </c>
      <c r="BC2822" s="53">
        <v>246711844.974785</v>
      </c>
      <c r="BD2822" s="53">
        <v>246557356.29638201</v>
      </c>
      <c r="BE2822" s="53">
        <v>246402867.61797899</v>
      </c>
      <c r="BF2822" s="53">
        <v>246248378.939576</v>
      </c>
      <c r="BG2822" s="53">
        <v>246093890.26117301</v>
      </c>
      <c r="BH2822" s="53">
        <v>245939401.58276999</v>
      </c>
      <c r="BI2822" s="53">
        <v>245784912.904367</v>
      </c>
      <c r="BJ2822" s="53">
        <v>245630424.22596401</v>
      </c>
      <c r="BK2822" s="53">
        <v>245475935.54756099</v>
      </c>
      <c r="BL2822" s="53">
        <v>245321446.869158</v>
      </c>
      <c r="BM2822" s="53">
        <v>245166958.19075501</v>
      </c>
      <c r="BN2822" s="53">
        <v>245166958.19075501</v>
      </c>
      <c r="BO2822" s="53">
        <v>244897170.11078399</v>
      </c>
      <c r="BP2822" s="53">
        <v>244627382.03081399</v>
      </c>
      <c r="BQ2822" s="53">
        <v>244357593.95084301</v>
      </c>
      <c r="BR2822" s="53">
        <v>244087805.870873</v>
      </c>
      <c r="BS2822" s="53">
        <v>243818017.79090199</v>
      </c>
      <c r="BT2822" s="53">
        <v>243548229.71093199</v>
      </c>
      <c r="BU2822" s="53">
        <v>243278441.630961</v>
      </c>
      <c r="BV2822" s="53">
        <v>243008653.550991</v>
      </c>
      <c r="BW2822" s="53">
        <v>242738865.47102001</v>
      </c>
      <c r="BX2822" s="53">
        <v>242469077.39105001</v>
      </c>
      <c r="BY2822" s="53">
        <v>242199289.31108001</v>
      </c>
      <c r="BZ2822" s="53">
        <v>297564873.26130497</v>
      </c>
      <c r="CA2822" s="53">
        <v>297564873.26130497</v>
      </c>
      <c r="CB2822" s="53"/>
      <c r="CC2822" s="53"/>
      <c r="CD2822" s="53"/>
      <c r="CE2822" s="53"/>
      <c r="CF2822" s="53"/>
      <c r="CG2822" s="53"/>
      <c r="CH2822" s="53"/>
      <c r="CI2822" s="53"/>
      <c r="CJ2822" s="53"/>
      <c r="CK2822" s="53"/>
      <c r="CL2822" s="53"/>
      <c r="CM2822" s="53"/>
      <c r="CN2822" s="53"/>
    </row>
    <row r="2823" spans="1:92" outlineLevel="1">
      <c r="A2823" s="52" t="s">
        <v>1701</v>
      </c>
      <c r="B2823" s="53"/>
      <c r="C2823" s="53"/>
      <c r="D2823" s="53"/>
      <c r="E2823" s="53"/>
      <c r="F2823" s="53"/>
      <c r="G2823" s="53"/>
      <c r="H2823" s="53"/>
      <c r="I2823" s="53"/>
      <c r="J2823" s="53"/>
      <c r="K2823" s="53"/>
      <c r="L2823" s="53"/>
      <c r="M2823" s="53"/>
      <c r="N2823" s="53"/>
      <c r="O2823" s="53"/>
      <c r="P2823" s="53"/>
      <c r="Q2823" s="53"/>
      <c r="R2823" s="53"/>
      <c r="S2823" s="53"/>
      <c r="T2823" s="53"/>
      <c r="U2823" s="53"/>
      <c r="V2823" s="53"/>
      <c r="W2823" s="53"/>
      <c r="X2823" s="53"/>
      <c r="Y2823" s="53"/>
      <c r="Z2823" s="53"/>
      <c r="AA2823" s="53"/>
      <c r="AB2823" s="53"/>
      <c r="AC2823" s="53"/>
      <c r="AD2823" s="53"/>
      <c r="AE2823" s="53"/>
      <c r="AF2823" s="53"/>
      <c r="AG2823" s="53"/>
      <c r="AH2823" s="53"/>
      <c r="AI2823" s="53"/>
      <c r="AJ2823" s="53"/>
      <c r="AK2823" s="53"/>
      <c r="AL2823" s="53"/>
      <c r="AM2823" s="53"/>
      <c r="AN2823" s="53"/>
      <c r="AO2823" s="53"/>
      <c r="AP2823" s="53"/>
      <c r="AQ2823" s="53"/>
      <c r="AR2823" s="53"/>
      <c r="AS2823" s="53"/>
      <c r="AT2823" s="53"/>
      <c r="AU2823" s="53"/>
      <c r="AV2823" s="53"/>
      <c r="AW2823" s="53"/>
      <c r="AX2823" s="53"/>
      <c r="AY2823" s="53"/>
      <c r="AZ2823" s="53"/>
      <c r="BA2823" s="53"/>
      <c r="BB2823" s="53"/>
      <c r="BC2823" s="53"/>
      <c r="BD2823" s="53"/>
      <c r="BE2823" s="53"/>
      <c r="BF2823" s="53"/>
      <c r="BG2823" s="53"/>
      <c r="BH2823" s="53"/>
      <c r="BI2823" s="53"/>
      <c r="BJ2823" s="53"/>
      <c r="BK2823" s="53"/>
      <c r="BL2823" s="53"/>
      <c r="BM2823" s="53"/>
      <c r="BN2823" s="53"/>
      <c r="BO2823" s="53"/>
      <c r="BP2823" s="53"/>
      <c r="BQ2823" s="53"/>
      <c r="BR2823" s="53"/>
      <c r="BS2823" s="53"/>
      <c r="BT2823" s="53"/>
      <c r="BU2823" s="53"/>
      <c r="BV2823" s="53"/>
      <c r="BW2823" s="53"/>
      <c r="BX2823" s="53"/>
      <c r="BY2823" s="53"/>
      <c r="BZ2823" s="53"/>
      <c r="CA2823" s="53"/>
      <c r="CB2823" s="53"/>
      <c r="CC2823" s="53"/>
      <c r="CD2823" s="53"/>
      <c r="CE2823" s="53"/>
      <c r="CF2823" s="53"/>
      <c r="CG2823" s="53"/>
      <c r="CH2823" s="53"/>
      <c r="CI2823" s="53"/>
      <c r="CJ2823" s="53"/>
      <c r="CK2823" s="53"/>
      <c r="CL2823" s="53"/>
      <c r="CM2823" s="53"/>
      <c r="CN2823" s="53"/>
    </row>
    <row r="2824" spans="1:92">
      <c r="A2824" s="52" t="s">
        <v>1218</v>
      </c>
      <c r="B2824" s="53">
        <v>166177310.42500001</v>
      </c>
      <c r="C2824" s="53">
        <v>165195891.93000001</v>
      </c>
      <c r="D2824" s="53">
        <v>162553301.94999999</v>
      </c>
      <c r="E2824" s="53">
        <v>160810188.15000001</v>
      </c>
      <c r="F2824" s="53">
        <v>158921564.99000001</v>
      </c>
      <c r="G2824" s="53">
        <v>157540080.78999999</v>
      </c>
      <c r="H2824" s="53">
        <v>154790693.63999999</v>
      </c>
      <c r="I2824" s="53">
        <v>153105458.66999999</v>
      </c>
      <c r="J2824" s="53">
        <v>151562042.19999999</v>
      </c>
      <c r="K2824" s="53">
        <v>156415979.03</v>
      </c>
      <c r="L2824" s="53">
        <v>155230611.78</v>
      </c>
      <c r="M2824" s="53">
        <v>159247972.84</v>
      </c>
      <c r="N2824" s="53">
        <v>166177310.42500001</v>
      </c>
      <c r="O2824" s="53">
        <v>111013548.42</v>
      </c>
      <c r="P2824" s="53">
        <v>108343911.42</v>
      </c>
      <c r="Q2824" s="53">
        <v>105674274.42</v>
      </c>
      <c r="R2824" s="53">
        <v>103004637.42</v>
      </c>
      <c r="S2824" s="53">
        <v>100335000.42</v>
      </c>
      <c r="T2824" s="53">
        <v>97665363.419999897</v>
      </c>
      <c r="U2824" s="53">
        <v>94995726.419999897</v>
      </c>
      <c r="V2824" s="53">
        <v>92326089.419999897</v>
      </c>
      <c r="W2824" s="53">
        <v>89656452.419999897</v>
      </c>
      <c r="X2824" s="53">
        <v>62865502.419999897</v>
      </c>
      <c r="Y2824" s="53">
        <v>60245526.419999897</v>
      </c>
      <c r="Z2824" s="53">
        <v>57625550.419999897</v>
      </c>
      <c r="AA2824" s="53">
        <v>111013548.42</v>
      </c>
      <c r="AB2824" s="53">
        <v>55031800.419999897</v>
      </c>
      <c r="AC2824" s="53">
        <v>52421619.419999897</v>
      </c>
      <c r="AD2824" s="53">
        <v>49811438.419999897</v>
      </c>
      <c r="AE2824" s="53">
        <v>47201257.419999897</v>
      </c>
      <c r="AF2824" s="53">
        <v>44591076.419999897</v>
      </c>
      <c r="AG2824" s="53">
        <v>41980895.420000002</v>
      </c>
      <c r="AH2824" s="53">
        <v>39370714.420000002</v>
      </c>
      <c r="AI2824" s="53">
        <v>36760533.420000002</v>
      </c>
      <c r="AJ2824" s="53">
        <v>34150352.420000002</v>
      </c>
      <c r="AK2824" s="53">
        <v>31540171.420000002</v>
      </c>
      <c r="AL2824" s="53">
        <v>28929990.420000002</v>
      </c>
      <c r="AM2824" s="53">
        <v>26319809.420000002</v>
      </c>
      <c r="AN2824" s="53">
        <v>55031800.419999897</v>
      </c>
      <c r="AO2824" s="53">
        <v>23709633.420000002</v>
      </c>
      <c r="AP2824" s="53">
        <v>21534864.420000002</v>
      </c>
      <c r="AQ2824" s="53">
        <v>19360095.420000002</v>
      </c>
      <c r="AR2824" s="53">
        <v>17185326.420000002</v>
      </c>
      <c r="AS2824" s="53">
        <v>15010557.42</v>
      </c>
      <c r="AT2824" s="53">
        <v>12835788.42</v>
      </c>
      <c r="AU2824" s="53">
        <v>10661019.42</v>
      </c>
      <c r="AV2824" s="53">
        <v>8486250.4199999999</v>
      </c>
      <c r="AW2824" s="53">
        <v>6311481.4199999999</v>
      </c>
      <c r="AX2824" s="53">
        <v>4136712.42</v>
      </c>
      <c r="AY2824" s="53">
        <v>1961943.42</v>
      </c>
      <c r="AZ2824" s="53">
        <v>-212825.579999993</v>
      </c>
      <c r="BA2824" s="53">
        <v>23709633.420000002</v>
      </c>
      <c r="BB2824" s="53">
        <v>-2387594.5799999898</v>
      </c>
      <c r="BC2824" s="53">
        <v>-3799130.5799999898</v>
      </c>
      <c r="BD2824" s="53">
        <v>-5210666.5799999898</v>
      </c>
      <c r="BE2824" s="53">
        <v>-6622202.5799999898</v>
      </c>
      <c r="BF2824" s="53">
        <v>-8033738.5799999898</v>
      </c>
      <c r="BG2824" s="53">
        <v>-9445274.5799999908</v>
      </c>
      <c r="BH2824" s="53">
        <v>-10856810.579999899</v>
      </c>
      <c r="BI2824" s="53">
        <v>-12268346.579999899</v>
      </c>
      <c r="BJ2824" s="53">
        <v>-13679882.579999899</v>
      </c>
      <c r="BK2824" s="53">
        <v>-15091418.579999899</v>
      </c>
      <c r="BL2824" s="53">
        <v>-16502954.579999899</v>
      </c>
      <c r="BM2824" s="53">
        <v>-17914490.579999901</v>
      </c>
      <c r="BN2824" s="53">
        <v>-2387594.5799999898</v>
      </c>
      <c r="BO2824" s="53">
        <v>-19326026.579999901</v>
      </c>
      <c r="BP2824" s="53">
        <v>-19812475.079999901</v>
      </c>
      <c r="BQ2824" s="53">
        <v>-20298923.579999901</v>
      </c>
      <c r="BR2824" s="53">
        <v>-20785372.079999901</v>
      </c>
      <c r="BS2824" s="53">
        <v>-21271820.579999901</v>
      </c>
      <c r="BT2824" s="53">
        <v>-21758269.079999901</v>
      </c>
      <c r="BU2824" s="53">
        <v>-22244717.579999901</v>
      </c>
      <c r="BV2824" s="53">
        <v>-22731166.079999901</v>
      </c>
      <c r="BW2824" s="53">
        <v>-23217614.579999901</v>
      </c>
      <c r="BX2824" s="53">
        <v>-23704063.079999901</v>
      </c>
      <c r="BY2824" s="53">
        <v>-24190511.579999901</v>
      </c>
      <c r="BZ2824" s="53">
        <v>-24676960.079999901</v>
      </c>
      <c r="CA2824" s="53">
        <v>-19326026.579999901</v>
      </c>
      <c r="CB2824" s="53"/>
      <c r="CC2824" s="53"/>
      <c r="CD2824" s="53"/>
      <c r="CE2824" s="53"/>
      <c r="CF2824" s="53"/>
      <c r="CG2824" s="53"/>
      <c r="CH2824" s="53"/>
      <c r="CI2824" s="53"/>
      <c r="CJ2824" s="53"/>
      <c r="CK2824" s="53"/>
      <c r="CL2824" s="53"/>
      <c r="CM2824" s="53"/>
      <c r="CN2824" s="53"/>
    </row>
    <row r="2825" spans="1:92">
      <c r="A2825" s="52" t="s">
        <v>699</v>
      </c>
      <c r="B2825" s="53"/>
      <c r="C2825" s="53"/>
      <c r="D2825" s="53"/>
      <c r="E2825" s="53"/>
      <c r="F2825" s="53"/>
      <c r="G2825" s="53"/>
      <c r="H2825" s="53"/>
      <c r="I2825" s="53"/>
      <c r="J2825" s="53"/>
      <c r="K2825" s="53"/>
      <c r="L2825" s="53"/>
      <c r="M2825" s="53"/>
      <c r="N2825" s="53"/>
      <c r="O2825" s="53"/>
      <c r="P2825" s="53"/>
      <c r="Q2825" s="53"/>
      <c r="R2825" s="53"/>
      <c r="S2825" s="53"/>
      <c r="T2825" s="53"/>
      <c r="U2825" s="53"/>
      <c r="V2825" s="53"/>
      <c r="W2825" s="53"/>
      <c r="X2825" s="53"/>
      <c r="Y2825" s="53"/>
      <c r="Z2825" s="53"/>
      <c r="AA2825" s="53"/>
      <c r="AB2825" s="53"/>
      <c r="AC2825" s="53"/>
      <c r="AD2825" s="53"/>
      <c r="AE2825" s="53"/>
      <c r="AF2825" s="53"/>
      <c r="AG2825" s="53"/>
      <c r="AH2825" s="53"/>
      <c r="AI2825" s="53"/>
      <c r="AJ2825" s="53"/>
      <c r="AK2825" s="53"/>
      <c r="AL2825" s="53"/>
      <c r="AM2825" s="53"/>
      <c r="AN2825" s="53"/>
      <c r="AO2825" s="53"/>
      <c r="AP2825" s="53"/>
      <c r="AQ2825" s="53"/>
      <c r="AR2825" s="53"/>
      <c r="AS2825" s="53"/>
      <c r="AT2825" s="53"/>
      <c r="AU2825" s="53"/>
      <c r="AV2825" s="53"/>
      <c r="AW2825" s="53"/>
      <c r="AX2825" s="53"/>
      <c r="AY2825" s="53"/>
      <c r="AZ2825" s="53"/>
      <c r="BA2825" s="53"/>
      <c r="BB2825" s="53"/>
      <c r="BC2825" s="53"/>
      <c r="BD2825" s="53"/>
      <c r="BE2825" s="53"/>
      <c r="BF2825" s="53"/>
      <c r="BG2825" s="53"/>
      <c r="BH2825" s="53"/>
      <c r="BI2825" s="53"/>
      <c r="BJ2825" s="53"/>
      <c r="BK2825" s="53"/>
      <c r="BL2825" s="53"/>
      <c r="BM2825" s="53"/>
      <c r="BN2825" s="53"/>
      <c r="BO2825" s="53"/>
      <c r="BP2825" s="53"/>
      <c r="BQ2825" s="53"/>
      <c r="BR2825" s="53"/>
      <c r="BS2825" s="53"/>
      <c r="BT2825" s="53"/>
      <c r="BU2825" s="53"/>
      <c r="BV2825" s="53"/>
      <c r="BW2825" s="53"/>
      <c r="BX2825" s="53"/>
      <c r="BY2825" s="53"/>
      <c r="BZ2825" s="53"/>
      <c r="CA2825" s="53"/>
      <c r="CB2825" s="53"/>
      <c r="CC2825" s="53"/>
      <c r="CD2825" s="53"/>
      <c r="CE2825" s="53"/>
      <c r="CF2825" s="53"/>
      <c r="CG2825" s="53"/>
      <c r="CH2825" s="53"/>
      <c r="CI2825" s="53"/>
      <c r="CJ2825" s="53"/>
      <c r="CK2825" s="53"/>
      <c r="CL2825" s="53"/>
      <c r="CM2825" s="53"/>
      <c r="CN2825" s="53"/>
    </row>
    <row r="2826" spans="1:92">
      <c r="A2826" s="52" t="s">
        <v>1702</v>
      </c>
      <c r="B2826" s="53"/>
      <c r="C2826" s="53"/>
      <c r="D2826" s="53"/>
      <c r="E2826" s="53"/>
      <c r="F2826" s="53"/>
      <c r="G2826" s="53"/>
      <c r="H2826" s="53"/>
      <c r="I2826" s="53"/>
      <c r="J2826" s="53"/>
      <c r="K2826" s="53"/>
      <c r="L2826" s="53"/>
      <c r="M2826" s="53"/>
      <c r="N2826" s="53"/>
      <c r="O2826" s="53"/>
      <c r="P2826" s="53"/>
      <c r="Q2826" s="53"/>
      <c r="R2826" s="53"/>
      <c r="S2826" s="53"/>
      <c r="T2826" s="53"/>
      <c r="U2826" s="53"/>
      <c r="V2826" s="53"/>
      <c r="W2826" s="53"/>
      <c r="X2826" s="53"/>
      <c r="Y2826" s="53"/>
      <c r="Z2826" s="53"/>
      <c r="AA2826" s="53"/>
      <c r="AB2826" s="53"/>
      <c r="AC2826" s="53"/>
      <c r="AD2826" s="53"/>
      <c r="AE2826" s="53"/>
      <c r="AF2826" s="53"/>
      <c r="AG2826" s="53"/>
      <c r="AH2826" s="53"/>
      <c r="AI2826" s="53"/>
      <c r="AJ2826" s="53"/>
      <c r="AK2826" s="53"/>
      <c r="AL2826" s="53"/>
      <c r="AM2826" s="53"/>
      <c r="AN2826" s="53"/>
      <c r="AO2826" s="53"/>
      <c r="AP2826" s="53"/>
      <c r="AQ2826" s="53"/>
      <c r="AR2826" s="53"/>
      <c r="AS2826" s="53"/>
      <c r="AT2826" s="53"/>
      <c r="AU2826" s="53"/>
      <c r="AV2826" s="53"/>
      <c r="AW2826" s="53"/>
      <c r="AX2826" s="53"/>
      <c r="AY2826" s="53"/>
      <c r="AZ2826" s="53"/>
      <c r="BA2826" s="53"/>
      <c r="BB2826" s="53"/>
      <c r="BC2826" s="53"/>
      <c r="BD2826" s="53"/>
      <c r="BE2826" s="53"/>
      <c r="BF2826" s="53"/>
      <c r="BG2826" s="53"/>
      <c r="BH2826" s="53"/>
      <c r="BI2826" s="53"/>
      <c r="BJ2826" s="53"/>
      <c r="BK2826" s="53"/>
      <c r="BL2826" s="53"/>
      <c r="BM2826" s="53"/>
      <c r="BN2826" s="53"/>
      <c r="BO2826" s="53"/>
      <c r="BP2826" s="53"/>
      <c r="BQ2826" s="53"/>
      <c r="BR2826" s="53"/>
      <c r="BS2826" s="53"/>
      <c r="BT2826" s="53"/>
      <c r="BU2826" s="53"/>
      <c r="BV2826" s="53"/>
      <c r="BW2826" s="53"/>
      <c r="BX2826" s="53"/>
      <c r="BY2826" s="53"/>
      <c r="BZ2826" s="53"/>
      <c r="CA2826" s="53"/>
      <c r="CB2826" s="53"/>
      <c r="CC2826" s="53"/>
      <c r="CD2826" s="53"/>
      <c r="CE2826" s="53"/>
      <c r="CF2826" s="53"/>
      <c r="CG2826" s="53"/>
      <c r="CH2826" s="53"/>
      <c r="CI2826" s="53"/>
      <c r="CJ2826" s="53"/>
      <c r="CK2826" s="53"/>
      <c r="CL2826" s="53"/>
      <c r="CM2826" s="53"/>
      <c r="CN2826" s="53"/>
    </row>
    <row r="2827" spans="1:92">
      <c r="A2827" s="52" t="s">
        <v>1703</v>
      </c>
      <c r="B2827" s="53"/>
      <c r="C2827" s="53"/>
      <c r="D2827" s="53"/>
      <c r="E2827" s="53"/>
      <c r="F2827" s="53"/>
      <c r="G2827" s="53"/>
      <c r="H2827" s="53"/>
      <c r="I2827" s="53"/>
      <c r="J2827" s="53"/>
      <c r="K2827" s="53"/>
      <c r="L2827" s="53"/>
      <c r="M2827" s="53"/>
      <c r="N2827" s="53"/>
      <c r="O2827" s="53"/>
      <c r="P2827" s="53"/>
      <c r="Q2827" s="53"/>
      <c r="R2827" s="53"/>
      <c r="S2827" s="53"/>
      <c r="T2827" s="53"/>
      <c r="U2827" s="53"/>
      <c r="V2827" s="53"/>
      <c r="W2827" s="53"/>
      <c r="X2827" s="53"/>
      <c r="Y2827" s="53"/>
      <c r="Z2827" s="53"/>
      <c r="AA2827" s="53"/>
      <c r="AB2827" s="53"/>
      <c r="AC2827" s="53"/>
      <c r="AD2827" s="53"/>
      <c r="AE2827" s="53"/>
      <c r="AF2827" s="53"/>
      <c r="AG2827" s="53"/>
      <c r="AH2827" s="53"/>
      <c r="AI2827" s="53"/>
      <c r="AJ2827" s="53"/>
      <c r="AK2827" s="53"/>
      <c r="AL2827" s="53"/>
      <c r="AM2827" s="53"/>
      <c r="AN2827" s="53"/>
      <c r="AO2827" s="53"/>
      <c r="AP2827" s="53"/>
      <c r="AQ2827" s="53"/>
      <c r="AR2827" s="53"/>
      <c r="AS2827" s="53"/>
      <c r="AT2827" s="53"/>
      <c r="AU2827" s="53"/>
      <c r="AV2827" s="53"/>
      <c r="AW2827" s="53"/>
      <c r="AX2827" s="53"/>
      <c r="AY2827" s="53"/>
      <c r="AZ2827" s="53"/>
      <c r="BA2827" s="53"/>
      <c r="BB2827" s="53"/>
      <c r="BC2827" s="53"/>
      <c r="BD2827" s="53"/>
      <c r="BE2827" s="53"/>
      <c r="BF2827" s="53"/>
      <c r="BG2827" s="53"/>
      <c r="BH2827" s="53"/>
      <c r="BI2827" s="53"/>
      <c r="BJ2827" s="53"/>
      <c r="BK2827" s="53"/>
      <c r="BL2827" s="53"/>
      <c r="BM2827" s="53"/>
      <c r="BN2827" s="53"/>
      <c r="BO2827" s="53"/>
      <c r="BP2827" s="53"/>
      <c r="BQ2827" s="53"/>
      <c r="BR2827" s="53"/>
      <c r="BS2827" s="53"/>
      <c r="BT2827" s="53"/>
      <c r="BU2827" s="53"/>
      <c r="BV2827" s="53"/>
      <c r="BW2827" s="53"/>
      <c r="BX2827" s="53"/>
      <c r="BY2827" s="53"/>
      <c r="BZ2827" s="53"/>
      <c r="CA2827" s="53"/>
      <c r="CB2827" s="53"/>
      <c r="CC2827" s="53"/>
      <c r="CD2827" s="53"/>
      <c r="CE2827" s="53"/>
      <c r="CF2827" s="53"/>
      <c r="CG2827" s="53"/>
      <c r="CH2827" s="53"/>
      <c r="CI2827" s="53"/>
      <c r="CJ2827" s="53"/>
      <c r="CK2827" s="53"/>
      <c r="CL2827" s="53"/>
      <c r="CM2827" s="53"/>
      <c r="CN2827" s="53"/>
    </row>
    <row r="2828" spans="1:92">
      <c r="A2828" s="52" t="s">
        <v>649</v>
      </c>
      <c r="B2828" s="53"/>
      <c r="C2828" s="53"/>
      <c r="D2828" s="53"/>
      <c r="E2828" s="53"/>
      <c r="F2828" s="53"/>
      <c r="G2828" s="53"/>
      <c r="H2828" s="53"/>
      <c r="I2828" s="53"/>
      <c r="J2828" s="53"/>
      <c r="K2828" s="53"/>
      <c r="L2828" s="53"/>
      <c r="M2828" s="53"/>
      <c r="N2828" s="53"/>
      <c r="O2828" s="53"/>
      <c r="P2828" s="53"/>
      <c r="Q2828" s="53"/>
      <c r="R2828" s="53"/>
      <c r="S2828" s="53"/>
      <c r="T2828" s="53"/>
      <c r="U2828" s="53"/>
      <c r="V2828" s="53"/>
      <c r="W2828" s="53">
        <v>-24200000</v>
      </c>
      <c r="X2828" s="53"/>
      <c r="Y2828" s="53"/>
      <c r="Z2828" s="53"/>
      <c r="AA2828" s="53">
        <v>-24200000</v>
      </c>
      <c r="AB2828" s="53"/>
      <c r="AC2828" s="53"/>
      <c r="AD2828" s="53"/>
      <c r="AE2828" s="53"/>
      <c r="AF2828" s="53"/>
      <c r="AG2828" s="53"/>
      <c r="AH2828" s="53"/>
      <c r="AI2828" s="53"/>
      <c r="AJ2828" s="53"/>
      <c r="AK2828" s="53"/>
      <c r="AL2828" s="53"/>
      <c r="AM2828" s="53"/>
      <c r="AN2828" s="53"/>
      <c r="AO2828" s="53"/>
      <c r="AP2828" s="53"/>
      <c r="AQ2828" s="53"/>
      <c r="AR2828" s="53"/>
      <c r="AS2828" s="53"/>
      <c r="AT2828" s="53"/>
      <c r="AU2828" s="53"/>
      <c r="AV2828" s="53"/>
      <c r="AW2828" s="53"/>
      <c r="AX2828" s="53"/>
      <c r="AY2828" s="53"/>
      <c r="AZ2828" s="53"/>
      <c r="BA2828" s="53"/>
      <c r="BB2828" s="53"/>
      <c r="BC2828" s="53"/>
      <c r="BD2828" s="53"/>
      <c r="BE2828" s="53"/>
      <c r="BF2828" s="53"/>
      <c r="BG2828" s="53"/>
      <c r="BH2828" s="53"/>
      <c r="BI2828" s="53"/>
      <c r="BJ2828" s="53"/>
      <c r="BK2828" s="53"/>
      <c r="BL2828" s="53"/>
      <c r="BM2828" s="53"/>
      <c r="BN2828" s="53"/>
      <c r="BO2828" s="53"/>
      <c r="BP2828" s="53"/>
      <c r="BQ2828" s="53"/>
      <c r="BR2828" s="53"/>
      <c r="BS2828" s="53"/>
      <c r="BT2828" s="53"/>
      <c r="BU2828" s="53"/>
      <c r="BV2828" s="53"/>
      <c r="BW2828" s="53"/>
      <c r="BX2828" s="53"/>
      <c r="BY2828" s="53"/>
      <c r="BZ2828" s="53"/>
      <c r="CA2828" s="53"/>
      <c r="CB2828" s="53"/>
      <c r="CC2828" s="53"/>
      <c r="CD2828" s="53"/>
      <c r="CE2828" s="53"/>
      <c r="CF2828" s="53"/>
      <c r="CG2828" s="53"/>
      <c r="CH2828" s="53"/>
      <c r="CI2828" s="53"/>
      <c r="CJ2828" s="53"/>
      <c r="CK2828" s="53"/>
      <c r="CL2828" s="53"/>
      <c r="CM2828" s="53"/>
      <c r="CN2828" s="53"/>
    </row>
    <row r="2829" spans="1:92">
      <c r="A2829" s="52" t="s">
        <v>672</v>
      </c>
      <c r="B2829" s="53"/>
      <c r="C2829" s="53"/>
      <c r="D2829" s="53"/>
      <c r="E2829" s="53"/>
      <c r="F2829" s="53"/>
      <c r="G2829" s="53"/>
      <c r="H2829" s="53"/>
      <c r="I2829" s="53"/>
      <c r="J2829" s="53"/>
      <c r="K2829" s="53"/>
      <c r="L2829" s="53"/>
      <c r="M2829" s="53"/>
      <c r="N2829" s="53"/>
      <c r="O2829" s="53"/>
      <c r="P2829" s="53"/>
      <c r="Q2829" s="53"/>
      <c r="R2829" s="53"/>
      <c r="S2829" s="53"/>
      <c r="T2829" s="53"/>
      <c r="U2829" s="53"/>
      <c r="V2829" s="53"/>
      <c r="W2829" s="53"/>
      <c r="X2829" s="53"/>
      <c r="Y2829" s="53"/>
      <c r="Z2829" s="53"/>
      <c r="AA2829" s="53"/>
      <c r="AB2829" s="53"/>
      <c r="AC2829" s="53"/>
      <c r="AD2829" s="53"/>
      <c r="AE2829" s="53"/>
      <c r="AF2829" s="53"/>
      <c r="AG2829" s="53"/>
      <c r="AH2829" s="53"/>
      <c r="AI2829" s="53"/>
      <c r="AJ2829" s="53"/>
      <c r="AK2829" s="53"/>
      <c r="AL2829" s="53"/>
      <c r="AM2829" s="53"/>
      <c r="AN2829" s="53"/>
      <c r="AO2829" s="53"/>
      <c r="AP2829" s="53"/>
      <c r="AQ2829" s="53"/>
      <c r="AR2829" s="53"/>
      <c r="AS2829" s="53"/>
      <c r="AT2829" s="53"/>
      <c r="AU2829" s="53"/>
      <c r="AV2829" s="53"/>
      <c r="AW2829" s="53"/>
      <c r="AX2829" s="53"/>
      <c r="AY2829" s="53"/>
      <c r="AZ2829" s="53"/>
      <c r="BA2829" s="53"/>
      <c r="BB2829" s="53"/>
      <c r="BC2829" s="53"/>
      <c r="BD2829" s="53"/>
      <c r="BE2829" s="53"/>
      <c r="BF2829" s="53"/>
      <c r="BG2829" s="53"/>
      <c r="BH2829" s="53"/>
      <c r="BI2829" s="53"/>
      <c r="BJ2829" s="53"/>
      <c r="BK2829" s="53"/>
      <c r="BL2829" s="53"/>
      <c r="BM2829" s="53"/>
      <c r="BN2829" s="53"/>
      <c r="BO2829" s="53"/>
      <c r="BP2829" s="53"/>
      <c r="BQ2829" s="53"/>
      <c r="BR2829" s="53"/>
      <c r="BS2829" s="53"/>
      <c r="BT2829" s="53"/>
      <c r="BU2829" s="53"/>
      <c r="BV2829" s="53"/>
      <c r="BW2829" s="53"/>
      <c r="BX2829" s="53"/>
      <c r="BY2829" s="53"/>
      <c r="BZ2829" s="53"/>
      <c r="CA2829" s="53"/>
      <c r="CB2829" s="53">
        <v>15351.5205479452</v>
      </c>
      <c r="CC2829" s="53">
        <v>15351.5205479452</v>
      </c>
      <c r="CD2829" s="53">
        <v>15351.5205479452</v>
      </c>
      <c r="CE2829" s="53">
        <v>15351.5205479452</v>
      </c>
      <c r="CF2829" s="53">
        <v>15351.5205479452</v>
      </c>
      <c r="CG2829" s="53">
        <v>15351.5205479452</v>
      </c>
      <c r="CH2829" s="53">
        <v>15351.5205479452</v>
      </c>
      <c r="CI2829" s="53">
        <v>15351.5205479452</v>
      </c>
      <c r="CJ2829" s="53">
        <v>15351.5205479452</v>
      </c>
      <c r="CK2829" s="53">
        <v>15351.5205479452</v>
      </c>
      <c r="CL2829" s="53">
        <v>15351.5205479452</v>
      </c>
      <c r="CM2829" s="53">
        <v>15351.5205479452</v>
      </c>
      <c r="CN2829" s="53">
        <v>184218.246575342</v>
      </c>
    </row>
    <row r="2830" spans="1:92">
      <c r="A2830" s="52" t="s">
        <v>1414</v>
      </c>
      <c r="B2830" s="53"/>
      <c r="C2830" s="53"/>
      <c r="D2830" s="53"/>
      <c r="E2830" s="53"/>
      <c r="F2830" s="53"/>
      <c r="G2830" s="53"/>
      <c r="H2830" s="53"/>
      <c r="I2830" s="53"/>
      <c r="J2830" s="53"/>
      <c r="K2830" s="53"/>
      <c r="L2830" s="53"/>
      <c r="M2830" s="53"/>
      <c r="N2830" s="53"/>
      <c r="O2830" s="53"/>
      <c r="P2830" s="53"/>
      <c r="Q2830" s="53"/>
      <c r="R2830" s="53"/>
      <c r="S2830" s="53"/>
      <c r="T2830" s="53"/>
      <c r="U2830" s="53"/>
      <c r="V2830" s="53"/>
      <c r="W2830" s="53"/>
      <c r="X2830" s="53"/>
      <c r="Y2830" s="53"/>
      <c r="Z2830" s="53"/>
      <c r="AA2830" s="53"/>
      <c r="AB2830" s="53"/>
      <c r="AC2830" s="53"/>
      <c r="AD2830" s="53"/>
      <c r="AE2830" s="53"/>
      <c r="AF2830" s="53"/>
      <c r="AG2830" s="53"/>
      <c r="AH2830" s="53"/>
      <c r="AI2830" s="53"/>
      <c r="AJ2830" s="53"/>
      <c r="AK2830" s="53"/>
      <c r="AL2830" s="53"/>
      <c r="AM2830" s="53"/>
      <c r="AN2830" s="53"/>
      <c r="AO2830" s="53"/>
      <c r="AP2830" s="53"/>
      <c r="AQ2830" s="53"/>
      <c r="AR2830" s="53"/>
      <c r="AS2830" s="53"/>
      <c r="AT2830" s="53"/>
      <c r="AU2830" s="53"/>
      <c r="AV2830" s="53"/>
      <c r="AW2830" s="53"/>
      <c r="AX2830" s="53"/>
      <c r="AY2830" s="53"/>
      <c r="AZ2830" s="53"/>
      <c r="BA2830" s="53"/>
      <c r="BB2830" s="53"/>
      <c r="BC2830" s="53"/>
      <c r="BD2830" s="53"/>
      <c r="BE2830" s="53"/>
      <c r="BF2830" s="53"/>
      <c r="BG2830" s="53"/>
      <c r="BH2830" s="53"/>
      <c r="BI2830" s="53"/>
      <c r="BJ2830" s="53"/>
      <c r="BK2830" s="53"/>
      <c r="BL2830" s="53"/>
      <c r="BM2830" s="53"/>
      <c r="BN2830" s="53"/>
      <c r="BO2830" s="53"/>
      <c r="BP2830" s="53"/>
      <c r="BQ2830" s="53"/>
      <c r="BR2830" s="53"/>
      <c r="BS2830" s="53"/>
      <c r="BT2830" s="53"/>
      <c r="BU2830" s="53"/>
      <c r="BV2830" s="53"/>
      <c r="BW2830" s="53"/>
      <c r="BX2830" s="53"/>
      <c r="BY2830" s="53"/>
      <c r="BZ2830" s="53"/>
      <c r="CA2830" s="53"/>
      <c r="CB2830" s="53">
        <v>8310.1044776119197</v>
      </c>
      <c r="CC2830" s="53">
        <v>8310.1044776119197</v>
      </c>
      <c r="CD2830" s="53">
        <v>8310.1044776119197</v>
      </c>
      <c r="CE2830" s="53">
        <v>8310.1044776119197</v>
      </c>
      <c r="CF2830" s="53">
        <v>8310.1044776119197</v>
      </c>
      <c r="CG2830" s="53">
        <v>8310.1044776119197</v>
      </c>
      <c r="CH2830" s="53">
        <v>8310.1044776119197</v>
      </c>
      <c r="CI2830" s="53">
        <v>8310.1044776119197</v>
      </c>
      <c r="CJ2830" s="53">
        <v>8310.1044776119197</v>
      </c>
      <c r="CK2830" s="53">
        <v>8310.1044776119197</v>
      </c>
      <c r="CL2830" s="53">
        <v>8310.1044776119197</v>
      </c>
      <c r="CM2830" s="53">
        <v>8310.1044776119197</v>
      </c>
      <c r="CN2830" s="53">
        <v>99721.253731343095</v>
      </c>
    </row>
    <row r="2831" spans="1:92">
      <c r="A2831" s="52" t="s">
        <v>1704</v>
      </c>
      <c r="B2831" s="53"/>
      <c r="C2831" s="53"/>
      <c r="D2831" s="53"/>
      <c r="E2831" s="53"/>
      <c r="F2831" s="53"/>
      <c r="G2831" s="53"/>
      <c r="H2831" s="53"/>
      <c r="I2831" s="53"/>
      <c r="J2831" s="53"/>
      <c r="K2831" s="53"/>
      <c r="L2831" s="53"/>
      <c r="M2831" s="53"/>
      <c r="N2831" s="53"/>
      <c r="O2831" s="53"/>
      <c r="P2831" s="53"/>
      <c r="Q2831" s="53"/>
      <c r="R2831" s="53"/>
      <c r="S2831" s="53"/>
      <c r="T2831" s="53"/>
      <c r="U2831" s="53"/>
      <c r="V2831" s="53"/>
      <c r="W2831" s="53"/>
      <c r="X2831" s="53"/>
      <c r="Y2831" s="53"/>
      <c r="Z2831" s="53"/>
      <c r="AA2831" s="53"/>
      <c r="AB2831" s="53"/>
      <c r="AC2831" s="53"/>
      <c r="AD2831" s="53"/>
      <c r="AE2831" s="53"/>
      <c r="AF2831" s="53"/>
      <c r="AG2831" s="53"/>
      <c r="AH2831" s="53"/>
      <c r="AI2831" s="53"/>
      <c r="AJ2831" s="53"/>
      <c r="AK2831" s="53"/>
      <c r="AL2831" s="53"/>
      <c r="AM2831" s="53"/>
      <c r="AN2831" s="53"/>
      <c r="AO2831" s="53"/>
      <c r="AP2831" s="53"/>
      <c r="AQ2831" s="53"/>
      <c r="AR2831" s="53"/>
      <c r="AS2831" s="53"/>
      <c r="AT2831" s="53"/>
      <c r="AU2831" s="53"/>
      <c r="AV2831" s="53"/>
      <c r="AW2831" s="53"/>
      <c r="AX2831" s="53"/>
      <c r="AY2831" s="53"/>
      <c r="AZ2831" s="53"/>
      <c r="BA2831" s="53"/>
      <c r="BB2831" s="53"/>
      <c r="BC2831" s="53"/>
      <c r="BD2831" s="53"/>
      <c r="BE2831" s="53"/>
      <c r="BF2831" s="53"/>
      <c r="BG2831" s="53"/>
      <c r="BH2831" s="53"/>
      <c r="BI2831" s="53"/>
      <c r="BJ2831" s="53"/>
      <c r="BK2831" s="53"/>
      <c r="BL2831" s="53"/>
      <c r="BM2831" s="53"/>
      <c r="BN2831" s="53"/>
      <c r="BO2831" s="53"/>
      <c r="BP2831" s="53"/>
      <c r="BQ2831" s="53"/>
      <c r="BR2831" s="53"/>
      <c r="BS2831" s="53"/>
      <c r="BT2831" s="53"/>
      <c r="BU2831" s="53"/>
      <c r="BV2831" s="53"/>
      <c r="BW2831" s="53"/>
      <c r="BX2831" s="53"/>
      <c r="BY2831" s="53"/>
      <c r="BZ2831" s="53"/>
      <c r="CA2831" s="53"/>
      <c r="CB2831" s="53">
        <v>18632.710875331501</v>
      </c>
      <c r="CC2831" s="53">
        <v>18632.710875331501</v>
      </c>
      <c r="CD2831" s="53">
        <v>18632.710875331501</v>
      </c>
      <c r="CE2831" s="53">
        <v>18632.710875331501</v>
      </c>
      <c r="CF2831" s="53">
        <v>18632.710875331501</v>
      </c>
      <c r="CG2831" s="53">
        <v>18632.710875331501</v>
      </c>
      <c r="CH2831" s="53">
        <v>18632.710875331501</v>
      </c>
      <c r="CI2831" s="53">
        <v>18632.710875331501</v>
      </c>
      <c r="CJ2831" s="53">
        <v>18632.710875331501</v>
      </c>
      <c r="CK2831" s="53">
        <v>18632.710875331501</v>
      </c>
      <c r="CL2831" s="53">
        <v>18632.710875331501</v>
      </c>
      <c r="CM2831" s="53">
        <v>18632.710875331501</v>
      </c>
      <c r="CN2831" s="53">
        <v>223592.53050397799</v>
      </c>
    </row>
    <row r="2832" spans="1:92">
      <c r="A2832" s="52" t="s">
        <v>649</v>
      </c>
      <c r="B2832" s="53"/>
      <c r="C2832" s="53"/>
      <c r="D2832" s="53"/>
      <c r="E2832" s="53"/>
      <c r="F2832" s="53"/>
      <c r="G2832" s="53"/>
      <c r="H2832" s="53"/>
      <c r="I2832" s="53"/>
      <c r="J2832" s="53"/>
      <c r="K2832" s="53"/>
      <c r="L2832" s="53"/>
      <c r="M2832" s="53"/>
      <c r="N2832" s="53"/>
      <c r="O2832" s="53">
        <v>759792</v>
      </c>
      <c r="P2832" s="53">
        <v>759792</v>
      </c>
      <c r="Q2832" s="53">
        <v>759792</v>
      </c>
      <c r="R2832" s="53">
        <v>759792</v>
      </c>
      <c r="S2832" s="53">
        <v>759792</v>
      </c>
      <c r="T2832" s="53">
        <v>759792</v>
      </c>
      <c r="U2832" s="53">
        <v>759792</v>
      </c>
      <c r="V2832" s="53">
        <v>759792</v>
      </c>
      <c r="W2832" s="53">
        <v>759792</v>
      </c>
      <c r="X2832" s="53">
        <v>759792</v>
      </c>
      <c r="Y2832" s="53">
        <v>759792</v>
      </c>
      <c r="Z2832" s="53">
        <v>759792</v>
      </c>
      <c r="AA2832" s="53">
        <v>9117504</v>
      </c>
      <c r="AB2832" s="53">
        <v>718219</v>
      </c>
      <c r="AC2832" s="53">
        <v>718219</v>
      </c>
      <c r="AD2832" s="53">
        <v>718219</v>
      </c>
      <c r="AE2832" s="53">
        <v>718219</v>
      </c>
      <c r="AF2832" s="53">
        <v>718219</v>
      </c>
      <c r="AG2832" s="53">
        <v>718219</v>
      </c>
      <c r="AH2832" s="53">
        <v>718219</v>
      </c>
      <c r="AI2832" s="53">
        <v>718219</v>
      </c>
      <c r="AJ2832" s="53">
        <v>718219</v>
      </c>
      <c r="AK2832" s="53">
        <v>718219</v>
      </c>
      <c r="AL2832" s="53">
        <v>718219</v>
      </c>
      <c r="AM2832" s="53">
        <v>718219</v>
      </c>
      <c r="AN2832" s="53">
        <v>8618628</v>
      </c>
      <c r="AO2832" s="53">
        <v>681965</v>
      </c>
      <c r="AP2832" s="53">
        <v>681965</v>
      </c>
      <c r="AQ2832" s="53">
        <v>681965</v>
      </c>
      <c r="AR2832" s="53">
        <v>681965</v>
      </c>
      <c r="AS2832" s="53">
        <v>681965</v>
      </c>
      <c r="AT2832" s="53">
        <v>681965</v>
      </c>
      <c r="AU2832" s="53">
        <v>681965</v>
      </c>
      <c r="AV2832" s="53">
        <v>681965</v>
      </c>
      <c r="AW2832" s="53">
        <v>681965</v>
      </c>
      <c r="AX2832" s="53">
        <v>681965</v>
      </c>
      <c r="AY2832" s="53">
        <v>681965</v>
      </c>
      <c r="AZ2832" s="53">
        <v>681965</v>
      </c>
      <c r="BA2832" s="53">
        <v>8183580</v>
      </c>
      <c r="BB2832" s="53">
        <v>646162</v>
      </c>
      <c r="BC2832" s="53">
        <v>646162</v>
      </c>
      <c r="BD2832" s="53">
        <v>646162</v>
      </c>
      <c r="BE2832" s="53">
        <v>646162</v>
      </c>
      <c r="BF2832" s="53">
        <v>646162</v>
      </c>
      <c r="BG2832" s="53">
        <v>646162</v>
      </c>
      <c r="BH2832" s="53">
        <v>646162</v>
      </c>
      <c r="BI2832" s="53">
        <v>646162</v>
      </c>
      <c r="BJ2832" s="53">
        <v>646162</v>
      </c>
      <c r="BK2832" s="53">
        <v>646162</v>
      </c>
      <c r="BL2832" s="53">
        <v>646162</v>
      </c>
      <c r="BM2832" s="53">
        <v>646162</v>
      </c>
      <c r="BN2832" s="53">
        <v>7753944</v>
      </c>
      <c r="BO2832" s="53">
        <v>612539</v>
      </c>
      <c r="BP2832" s="53">
        <v>612539</v>
      </c>
      <c r="BQ2832" s="53">
        <v>612539</v>
      </c>
      <c r="BR2832" s="53">
        <v>612539</v>
      </c>
      <c r="BS2832" s="53">
        <v>612539</v>
      </c>
      <c r="BT2832" s="53">
        <v>612539</v>
      </c>
      <c r="BU2832" s="53">
        <v>612539</v>
      </c>
      <c r="BV2832" s="53">
        <v>612539</v>
      </c>
      <c r="BW2832" s="53">
        <v>612539</v>
      </c>
      <c r="BX2832" s="53">
        <v>612539</v>
      </c>
      <c r="BY2832" s="53">
        <v>612539</v>
      </c>
      <c r="BZ2832" s="53">
        <v>612539</v>
      </c>
      <c r="CA2832" s="53">
        <v>7350467.9999999898</v>
      </c>
      <c r="CB2832" s="53"/>
      <c r="CC2832" s="53"/>
      <c r="CD2832" s="53"/>
      <c r="CE2832" s="53"/>
      <c r="CF2832" s="53"/>
      <c r="CG2832" s="53"/>
      <c r="CH2832" s="53"/>
      <c r="CI2832" s="53"/>
      <c r="CJ2832" s="53"/>
      <c r="CK2832" s="53"/>
      <c r="CL2832" s="53"/>
      <c r="CM2832" s="53"/>
      <c r="CN2832" s="53"/>
    </row>
    <row r="2833" spans="1:92">
      <c r="A2833" s="52" t="s">
        <v>1705</v>
      </c>
      <c r="B2833" s="53"/>
      <c r="C2833" s="53"/>
      <c r="D2833" s="53"/>
      <c r="E2833" s="53"/>
      <c r="F2833" s="53"/>
      <c r="G2833" s="53"/>
      <c r="H2833" s="53"/>
      <c r="I2833" s="53"/>
      <c r="J2833" s="53"/>
      <c r="K2833" s="53"/>
      <c r="L2833" s="53"/>
      <c r="M2833" s="53"/>
      <c r="N2833" s="53"/>
      <c r="O2833" s="53"/>
      <c r="P2833" s="53"/>
      <c r="Q2833" s="53"/>
      <c r="R2833" s="53"/>
      <c r="S2833" s="53"/>
      <c r="T2833" s="53"/>
      <c r="U2833" s="53"/>
      <c r="V2833" s="53"/>
      <c r="W2833" s="53"/>
      <c r="X2833" s="53"/>
      <c r="Y2833" s="53"/>
      <c r="Z2833" s="53"/>
      <c r="AA2833" s="53"/>
      <c r="AB2833" s="53"/>
      <c r="AC2833" s="53"/>
      <c r="AD2833" s="53"/>
      <c r="AE2833" s="53"/>
      <c r="AF2833" s="53"/>
      <c r="AG2833" s="53"/>
      <c r="AH2833" s="53"/>
      <c r="AI2833" s="53"/>
      <c r="AJ2833" s="53"/>
      <c r="AK2833" s="53"/>
      <c r="AL2833" s="53"/>
      <c r="AM2833" s="53"/>
      <c r="AN2833" s="53"/>
      <c r="AO2833" s="53"/>
      <c r="AP2833" s="53"/>
      <c r="AQ2833" s="53"/>
      <c r="AR2833" s="53"/>
      <c r="AS2833" s="53"/>
      <c r="AT2833" s="53"/>
      <c r="AU2833" s="53"/>
      <c r="AV2833" s="53"/>
      <c r="AW2833" s="53"/>
      <c r="AX2833" s="53"/>
      <c r="AY2833" s="53"/>
      <c r="AZ2833" s="53"/>
      <c r="BA2833" s="53"/>
      <c r="BB2833" s="53"/>
      <c r="BC2833" s="53"/>
      <c r="BD2833" s="53"/>
      <c r="BE2833" s="53"/>
      <c r="BF2833" s="53"/>
      <c r="BG2833" s="53"/>
      <c r="BH2833" s="53"/>
      <c r="BI2833" s="53"/>
      <c r="BJ2833" s="53"/>
      <c r="BK2833" s="53"/>
      <c r="BL2833" s="53"/>
      <c r="BM2833" s="53"/>
      <c r="BN2833" s="53"/>
      <c r="BO2833" s="53"/>
      <c r="BP2833" s="53"/>
      <c r="BQ2833" s="53"/>
      <c r="BR2833" s="53"/>
      <c r="BS2833" s="53"/>
      <c r="BT2833" s="53"/>
      <c r="BU2833" s="53"/>
      <c r="BV2833" s="53"/>
      <c r="BW2833" s="53"/>
      <c r="BX2833" s="53"/>
      <c r="BY2833" s="53"/>
      <c r="BZ2833" s="53"/>
      <c r="CA2833" s="53"/>
      <c r="CB2833" s="53">
        <v>36488.334177215103</v>
      </c>
      <c r="CC2833" s="53">
        <v>36488.334177215103</v>
      </c>
      <c r="CD2833" s="53">
        <v>36488.334177215103</v>
      </c>
      <c r="CE2833" s="53">
        <v>36488.334177215103</v>
      </c>
      <c r="CF2833" s="53">
        <v>36488.334177215103</v>
      </c>
      <c r="CG2833" s="53">
        <v>36488.334177215103</v>
      </c>
      <c r="CH2833" s="53">
        <v>36488.334177215103</v>
      </c>
      <c r="CI2833" s="53">
        <v>36488.334177215103</v>
      </c>
      <c r="CJ2833" s="53">
        <v>36488.334177215103</v>
      </c>
      <c r="CK2833" s="53">
        <v>36488.334177215103</v>
      </c>
      <c r="CL2833" s="53">
        <v>36488.334177215103</v>
      </c>
      <c r="CM2833" s="53">
        <v>36488.334177215103</v>
      </c>
      <c r="CN2833" s="53">
        <v>437860.010126582</v>
      </c>
    </row>
    <row r="2834" spans="1:92">
      <c r="A2834" s="52" t="s">
        <v>649</v>
      </c>
      <c r="B2834" s="53"/>
      <c r="C2834" s="53"/>
      <c r="D2834" s="53"/>
      <c r="E2834" s="53"/>
      <c r="F2834" s="53"/>
      <c r="G2834" s="53"/>
      <c r="H2834" s="53"/>
      <c r="I2834" s="53"/>
      <c r="J2834" s="53"/>
      <c r="K2834" s="53"/>
      <c r="L2834" s="53"/>
      <c r="M2834" s="53"/>
      <c r="N2834" s="53"/>
      <c r="O2834" s="53">
        <v>172338</v>
      </c>
      <c r="P2834" s="53">
        <v>172338</v>
      </c>
      <c r="Q2834" s="53">
        <v>172338</v>
      </c>
      <c r="R2834" s="53">
        <v>172338</v>
      </c>
      <c r="S2834" s="53">
        <v>172338</v>
      </c>
      <c r="T2834" s="53">
        <v>172338</v>
      </c>
      <c r="U2834" s="53">
        <v>172338</v>
      </c>
      <c r="V2834" s="53">
        <v>172338</v>
      </c>
      <c r="W2834" s="53">
        <v>172338</v>
      </c>
      <c r="X2834" s="53">
        <v>172338</v>
      </c>
      <c r="Y2834" s="53">
        <v>172338</v>
      </c>
      <c r="Z2834" s="53">
        <v>172338</v>
      </c>
      <c r="AA2834" s="53">
        <v>2068056</v>
      </c>
      <c r="AB2834" s="53">
        <v>180834</v>
      </c>
      <c r="AC2834" s="53">
        <v>180834</v>
      </c>
      <c r="AD2834" s="53">
        <v>180834</v>
      </c>
      <c r="AE2834" s="53">
        <v>180834</v>
      </c>
      <c r="AF2834" s="53">
        <v>180834</v>
      </c>
      <c r="AG2834" s="53">
        <v>180834</v>
      </c>
      <c r="AH2834" s="53">
        <v>180834</v>
      </c>
      <c r="AI2834" s="53">
        <v>180834</v>
      </c>
      <c r="AJ2834" s="53">
        <v>180834</v>
      </c>
      <c r="AK2834" s="53">
        <v>180834</v>
      </c>
      <c r="AL2834" s="53">
        <v>180834</v>
      </c>
      <c r="AM2834" s="53">
        <v>180834</v>
      </c>
      <c r="AN2834" s="53">
        <v>2170008</v>
      </c>
      <c r="AO2834" s="53">
        <v>190639</v>
      </c>
      <c r="AP2834" s="53">
        <v>190639</v>
      </c>
      <c r="AQ2834" s="53">
        <v>190639</v>
      </c>
      <c r="AR2834" s="53">
        <v>190639</v>
      </c>
      <c r="AS2834" s="53">
        <v>190639</v>
      </c>
      <c r="AT2834" s="53">
        <v>190639</v>
      </c>
      <c r="AU2834" s="53">
        <v>190639</v>
      </c>
      <c r="AV2834" s="53">
        <v>190639</v>
      </c>
      <c r="AW2834" s="53">
        <v>190639</v>
      </c>
      <c r="AX2834" s="53">
        <v>190639</v>
      </c>
      <c r="AY2834" s="53">
        <v>190639</v>
      </c>
      <c r="AZ2834" s="53">
        <v>190639</v>
      </c>
      <c r="BA2834" s="53">
        <v>2287668</v>
      </c>
      <c r="BB2834" s="53">
        <v>201255</v>
      </c>
      <c r="BC2834" s="53">
        <v>201255</v>
      </c>
      <c r="BD2834" s="53">
        <v>201255</v>
      </c>
      <c r="BE2834" s="53">
        <v>201255</v>
      </c>
      <c r="BF2834" s="53">
        <v>201255</v>
      </c>
      <c r="BG2834" s="53">
        <v>201255</v>
      </c>
      <c r="BH2834" s="53">
        <v>201255</v>
      </c>
      <c r="BI2834" s="53">
        <v>201255</v>
      </c>
      <c r="BJ2834" s="53">
        <v>201255</v>
      </c>
      <c r="BK2834" s="53">
        <v>201255</v>
      </c>
      <c r="BL2834" s="53">
        <v>201255</v>
      </c>
      <c r="BM2834" s="53">
        <v>201255</v>
      </c>
      <c r="BN2834" s="53">
        <v>2415060</v>
      </c>
      <c r="BO2834" s="53">
        <v>212817</v>
      </c>
      <c r="BP2834" s="53">
        <v>212817</v>
      </c>
      <c r="BQ2834" s="53">
        <v>212817</v>
      </c>
      <c r="BR2834" s="53">
        <v>212817</v>
      </c>
      <c r="BS2834" s="53">
        <v>212817</v>
      </c>
      <c r="BT2834" s="53">
        <v>212817</v>
      </c>
      <c r="BU2834" s="53">
        <v>212817</v>
      </c>
      <c r="BV2834" s="53">
        <v>212817</v>
      </c>
      <c r="BW2834" s="53">
        <v>212817</v>
      </c>
      <c r="BX2834" s="53">
        <v>212817</v>
      </c>
      <c r="BY2834" s="53">
        <v>212817</v>
      </c>
      <c r="BZ2834" s="53">
        <v>212817</v>
      </c>
      <c r="CA2834" s="53">
        <v>2553804</v>
      </c>
      <c r="CB2834" s="53">
        <v>13019.146118721401</v>
      </c>
      <c r="CC2834" s="53">
        <v>13019.146118721401</v>
      </c>
      <c r="CD2834" s="53">
        <v>13019.146118721401</v>
      </c>
      <c r="CE2834" s="53">
        <v>13019.146118721401</v>
      </c>
      <c r="CF2834" s="53">
        <v>13019.146118721401</v>
      </c>
      <c r="CG2834" s="53">
        <v>13019.146118721401</v>
      </c>
      <c r="CH2834" s="53">
        <v>13019.146118721401</v>
      </c>
      <c r="CI2834" s="53">
        <v>13019.146118721401</v>
      </c>
      <c r="CJ2834" s="53">
        <v>13019.146118721401</v>
      </c>
      <c r="CK2834" s="53">
        <v>13019.146118721401</v>
      </c>
      <c r="CL2834" s="53">
        <v>13019.146118721401</v>
      </c>
      <c r="CM2834" s="53">
        <v>13019.146118721401</v>
      </c>
      <c r="CN2834" s="53">
        <v>156229.75342465701</v>
      </c>
    </row>
    <row r="2835" spans="1:92" outlineLevel="1">
      <c r="A2835" s="52" t="s">
        <v>1706</v>
      </c>
      <c r="B2835" s="53"/>
      <c r="C2835" s="53"/>
      <c r="D2835" s="53"/>
      <c r="E2835" s="53"/>
      <c r="F2835" s="53"/>
      <c r="G2835" s="53"/>
      <c r="H2835" s="53"/>
      <c r="I2835" s="53"/>
      <c r="J2835" s="53"/>
      <c r="K2835" s="53"/>
      <c r="L2835" s="53"/>
      <c r="M2835" s="53"/>
      <c r="N2835" s="53"/>
      <c r="O2835" s="53"/>
      <c r="P2835" s="53"/>
      <c r="Q2835" s="53"/>
      <c r="R2835" s="53"/>
      <c r="S2835" s="53"/>
      <c r="T2835" s="53"/>
      <c r="U2835" s="53"/>
      <c r="V2835" s="53"/>
      <c r="W2835" s="53"/>
      <c r="X2835" s="53"/>
      <c r="Y2835" s="53"/>
      <c r="Z2835" s="53"/>
      <c r="AA2835" s="53"/>
      <c r="AB2835" s="53"/>
      <c r="AC2835" s="53"/>
      <c r="AD2835" s="53"/>
      <c r="AE2835" s="53"/>
      <c r="AF2835" s="53"/>
      <c r="AG2835" s="53"/>
      <c r="AH2835" s="53"/>
      <c r="AI2835" s="53"/>
      <c r="AJ2835" s="53"/>
      <c r="AK2835" s="53"/>
      <c r="AL2835" s="53"/>
      <c r="AM2835" s="53"/>
      <c r="AN2835" s="53"/>
      <c r="AO2835" s="53"/>
      <c r="AP2835" s="53"/>
      <c r="AQ2835" s="53"/>
      <c r="AR2835" s="53"/>
      <c r="AS2835" s="53"/>
      <c r="AT2835" s="53"/>
      <c r="AU2835" s="53"/>
      <c r="AV2835" s="53"/>
      <c r="AW2835" s="53"/>
      <c r="AX2835" s="53"/>
      <c r="AY2835" s="53"/>
      <c r="AZ2835" s="53"/>
      <c r="BA2835" s="53"/>
      <c r="BB2835" s="53"/>
      <c r="BC2835" s="53"/>
      <c r="BD2835" s="53"/>
      <c r="BE2835" s="53"/>
      <c r="BF2835" s="53"/>
      <c r="BG2835" s="53"/>
      <c r="BH2835" s="53"/>
      <c r="BI2835" s="53"/>
      <c r="BJ2835" s="53"/>
      <c r="BK2835" s="53"/>
      <c r="BL2835" s="53"/>
      <c r="BM2835" s="53"/>
      <c r="BN2835" s="53"/>
      <c r="BO2835" s="53"/>
      <c r="BP2835" s="53"/>
      <c r="BQ2835" s="53"/>
      <c r="BR2835" s="53"/>
      <c r="BS2835" s="53"/>
      <c r="BT2835" s="53"/>
      <c r="BU2835" s="53"/>
      <c r="BV2835" s="53"/>
      <c r="BW2835" s="53"/>
      <c r="BX2835" s="53"/>
      <c r="BY2835" s="53"/>
      <c r="BZ2835" s="53"/>
      <c r="CA2835" s="53"/>
      <c r="CB2835" s="53">
        <v>13527.6846307385</v>
      </c>
      <c r="CC2835" s="53">
        <v>13527.6846307385</v>
      </c>
      <c r="CD2835" s="53">
        <v>13527.6846307385</v>
      </c>
      <c r="CE2835" s="53">
        <v>13527.6846307385</v>
      </c>
      <c r="CF2835" s="53">
        <v>13527.6846307385</v>
      </c>
      <c r="CG2835" s="53">
        <v>13527.6846307385</v>
      </c>
      <c r="CH2835" s="53">
        <v>13527.6846307385</v>
      </c>
      <c r="CI2835" s="53">
        <v>13527.6846307385</v>
      </c>
      <c r="CJ2835" s="53">
        <v>13527.6846307385</v>
      </c>
      <c r="CK2835" s="53">
        <v>13527.6846307385</v>
      </c>
      <c r="CL2835" s="53">
        <v>13527.6846307385</v>
      </c>
      <c r="CM2835" s="53">
        <v>13527.6846307385</v>
      </c>
      <c r="CN2835" s="53">
        <v>162332.21556886201</v>
      </c>
    </row>
    <row r="2836" spans="1:92" outlineLevel="1">
      <c r="A2836" s="52" t="s">
        <v>1707</v>
      </c>
      <c r="B2836" s="53"/>
      <c r="C2836" s="53"/>
      <c r="D2836" s="53"/>
      <c r="E2836" s="53"/>
      <c r="F2836" s="53"/>
      <c r="G2836" s="53"/>
      <c r="H2836" s="53"/>
      <c r="I2836" s="53"/>
      <c r="J2836" s="53"/>
      <c r="K2836" s="53"/>
      <c r="L2836" s="53"/>
      <c r="M2836" s="53"/>
      <c r="N2836" s="53"/>
      <c r="O2836" s="53"/>
      <c r="P2836" s="53"/>
      <c r="Q2836" s="53"/>
      <c r="R2836" s="53"/>
      <c r="S2836" s="53"/>
      <c r="T2836" s="53"/>
      <c r="U2836" s="53"/>
      <c r="V2836" s="53"/>
      <c r="W2836" s="53"/>
      <c r="X2836" s="53"/>
      <c r="Y2836" s="53"/>
      <c r="Z2836" s="53"/>
      <c r="AA2836" s="53"/>
      <c r="AB2836" s="53"/>
      <c r="AC2836" s="53"/>
      <c r="AD2836" s="53"/>
      <c r="AE2836" s="53"/>
      <c r="AF2836" s="53"/>
      <c r="AG2836" s="53"/>
      <c r="AH2836" s="53"/>
      <c r="AI2836" s="53"/>
      <c r="AJ2836" s="53"/>
      <c r="AK2836" s="53"/>
      <c r="AL2836" s="53"/>
      <c r="AM2836" s="53"/>
      <c r="AN2836" s="53"/>
      <c r="AO2836" s="53"/>
      <c r="AP2836" s="53"/>
      <c r="AQ2836" s="53"/>
      <c r="AR2836" s="53"/>
      <c r="AS2836" s="53"/>
      <c r="AT2836" s="53"/>
      <c r="AU2836" s="53"/>
      <c r="AV2836" s="53"/>
      <c r="AW2836" s="53"/>
      <c r="AX2836" s="53"/>
      <c r="AY2836" s="53"/>
      <c r="AZ2836" s="53"/>
      <c r="BA2836" s="53"/>
      <c r="BB2836" s="53"/>
      <c r="BC2836" s="53"/>
      <c r="BD2836" s="53"/>
      <c r="BE2836" s="53"/>
      <c r="BF2836" s="53"/>
      <c r="BG2836" s="53"/>
      <c r="BH2836" s="53"/>
      <c r="BI2836" s="53"/>
      <c r="BJ2836" s="53"/>
      <c r="BK2836" s="53"/>
      <c r="BL2836" s="53"/>
      <c r="BM2836" s="53"/>
      <c r="BN2836" s="53"/>
      <c r="BO2836" s="53"/>
      <c r="BP2836" s="53"/>
      <c r="BQ2836" s="53"/>
      <c r="BR2836" s="53"/>
      <c r="BS2836" s="53"/>
      <c r="BT2836" s="53"/>
      <c r="BU2836" s="53"/>
      <c r="BV2836" s="53"/>
      <c r="BW2836" s="53"/>
      <c r="BX2836" s="53"/>
      <c r="BY2836" s="53"/>
      <c r="BZ2836" s="53"/>
      <c r="CA2836" s="53"/>
      <c r="CB2836" s="53">
        <v>20148.9797979797</v>
      </c>
      <c r="CC2836" s="53">
        <v>20148.9797979797</v>
      </c>
      <c r="CD2836" s="53">
        <v>20148.9797979797</v>
      </c>
      <c r="CE2836" s="53">
        <v>20148.9797979797</v>
      </c>
      <c r="CF2836" s="53">
        <v>20148.9797979797</v>
      </c>
      <c r="CG2836" s="53">
        <v>20148.9797979797</v>
      </c>
      <c r="CH2836" s="53">
        <v>20148.9797979797</v>
      </c>
      <c r="CI2836" s="53">
        <v>20148.9797979797</v>
      </c>
      <c r="CJ2836" s="53">
        <v>20148.9797979797</v>
      </c>
      <c r="CK2836" s="53">
        <v>20148.9797979797</v>
      </c>
      <c r="CL2836" s="53">
        <v>20148.9797979797</v>
      </c>
      <c r="CM2836" s="53">
        <v>20148.9797979797</v>
      </c>
      <c r="CN2836" s="53">
        <v>241787.75757575699</v>
      </c>
    </row>
    <row r="2837" spans="1:92" outlineLevel="1">
      <c r="A2837" s="52" t="s">
        <v>649</v>
      </c>
      <c r="B2837" s="53"/>
      <c r="C2837" s="53"/>
      <c r="D2837" s="53"/>
      <c r="E2837" s="53"/>
      <c r="F2837" s="53"/>
      <c r="G2837" s="53"/>
      <c r="H2837" s="53"/>
      <c r="I2837" s="53"/>
      <c r="J2837" s="53"/>
      <c r="K2837" s="53"/>
      <c r="L2837" s="53"/>
      <c r="M2837" s="53"/>
      <c r="N2837" s="53"/>
      <c r="O2837" s="53">
        <v>-3601767</v>
      </c>
      <c r="P2837" s="53">
        <v>-3601767</v>
      </c>
      <c r="Q2837" s="53">
        <v>-3601767</v>
      </c>
      <c r="R2837" s="53">
        <v>-3601767</v>
      </c>
      <c r="S2837" s="53">
        <v>-3601767</v>
      </c>
      <c r="T2837" s="53">
        <v>-3601767</v>
      </c>
      <c r="U2837" s="53">
        <v>-3601767</v>
      </c>
      <c r="V2837" s="53">
        <v>-3601767</v>
      </c>
      <c r="W2837" s="53">
        <v>-3523080</v>
      </c>
      <c r="X2837" s="53">
        <v>-3552106</v>
      </c>
      <c r="Y2837" s="53">
        <v>-3552106</v>
      </c>
      <c r="Z2837" s="53">
        <v>-3525880</v>
      </c>
      <c r="AA2837" s="53">
        <v>-42967308</v>
      </c>
      <c r="AB2837" s="53">
        <v>-3509234</v>
      </c>
      <c r="AC2837" s="53">
        <v>-3509234</v>
      </c>
      <c r="AD2837" s="53">
        <v>-3509234</v>
      </c>
      <c r="AE2837" s="53">
        <v>-3509234</v>
      </c>
      <c r="AF2837" s="53">
        <v>-3509234</v>
      </c>
      <c r="AG2837" s="53">
        <v>-3509234</v>
      </c>
      <c r="AH2837" s="53">
        <v>-3509234</v>
      </c>
      <c r="AI2837" s="53">
        <v>-3509234</v>
      </c>
      <c r="AJ2837" s="53">
        <v>-3509234</v>
      </c>
      <c r="AK2837" s="53">
        <v>-3509234</v>
      </c>
      <c r="AL2837" s="53">
        <v>-3509234</v>
      </c>
      <c r="AM2837" s="53">
        <v>-3509229</v>
      </c>
      <c r="AN2837" s="53">
        <v>-42110802.999999903</v>
      </c>
      <c r="AO2837" s="53">
        <v>-3047373</v>
      </c>
      <c r="AP2837" s="53">
        <v>-3047373</v>
      </c>
      <c r="AQ2837" s="53">
        <v>-3047373</v>
      </c>
      <c r="AR2837" s="53">
        <v>-3047373</v>
      </c>
      <c r="AS2837" s="53">
        <v>-3047373</v>
      </c>
      <c r="AT2837" s="53">
        <v>-3047373</v>
      </c>
      <c r="AU2837" s="53">
        <v>-3047373</v>
      </c>
      <c r="AV2837" s="53">
        <v>-3047373</v>
      </c>
      <c r="AW2837" s="53">
        <v>-3047373</v>
      </c>
      <c r="AX2837" s="53">
        <v>-3047373</v>
      </c>
      <c r="AY2837" s="53">
        <v>-3047373</v>
      </c>
      <c r="AZ2837" s="53">
        <v>-3047373</v>
      </c>
      <c r="BA2837" s="53">
        <v>-36568476</v>
      </c>
      <c r="BB2837" s="53">
        <v>-2258953</v>
      </c>
      <c r="BC2837" s="53">
        <v>-2258953</v>
      </c>
      <c r="BD2837" s="53">
        <v>-2258953</v>
      </c>
      <c r="BE2837" s="53">
        <v>-2258953</v>
      </c>
      <c r="BF2837" s="53">
        <v>-2258953</v>
      </c>
      <c r="BG2837" s="53">
        <v>-2258953</v>
      </c>
      <c r="BH2837" s="53">
        <v>-2258953</v>
      </c>
      <c r="BI2837" s="53">
        <v>-2258953</v>
      </c>
      <c r="BJ2837" s="53">
        <v>-2258953</v>
      </c>
      <c r="BK2837" s="53">
        <v>-2258953</v>
      </c>
      <c r="BL2837" s="53">
        <v>-2258953</v>
      </c>
      <c r="BM2837" s="53">
        <v>-2258953</v>
      </c>
      <c r="BN2837" s="53">
        <v>-27107436</v>
      </c>
      <c r="BO2837" s="53">
        <v>-1311804.5</v>
      </c>
      <c r="BP2837" s="53">
        <v>-1311804.5</v>
      </c>
      <c r="BQ2837" s="53">
        <v>-1311804.5</v>
      </c>
      <c r="BR2837" s="53">
        <v>-1311804.5</v>
      </c>
      <c r="BS2837" s="53">
        <v>-1311804.5</v>
      </c>
      <c r="BT2837" s="53">
        <v>-1311804.5</v>
      </c>
      <c r="BU2837" s="53">
        <v>-1311804.5</v>
      </c>
      <c r="BV2837" s="53">
        <v>-1311804.5</v>
      </c>
      <c r="BW2837" s="53">
        <v>-1311804.5</v>
      </c>
      <c r="BX2837" s="53">
        <v>-1311804.5</v>
      </c>
      <c r="BY2837" s="53">
        <v>-1311804.5</v>
      </c>
      <c r="BZ2837" s="53">
        <v>-1311804.5</v>
      </c>
      <c r="CA2837" s="53">
        <v>-15741654</v>
      </c>
      <c r="CB2837" s="53">
        <v>24699.685950413201</v>
      </c>
      <c r="CC2837" s="53"/>
      <c r="CD2837" s="53"/>
      <c r="CE2837" s="53"/>
      <c r="CF2837" s="53"/>
      <c r="CG2837" s="53"/>
      <c r="CH2837" s="53"/>
      <c r="CI2837" s="53"/>
      <c r="CJ2837" s="53"/>
      <c r="CK2837" s="53"/>
      <c r="CL2837" s="53"/>
      <c r="CM2837" s="53"/>
      <c r="CN2837" s="53">
        <v>24699.685950413201</v>
      </c>
    </row>
    <row r="2838" spans="1:92" outlineLevel="1">
      <c r="A2838" s="52" t="s">
        <v>1708</v>
      </c>
      <c r="B2838" s="53">
        <v>165195891.93000001</v>
      </c>
      <c r="C2838" s="53">
        <v>162553301.94999999</v>
      </c>
      <c r="D2838" s="53">
        <v>160810188.15000001</v>
      </c>
      <c r="E2838" s="53">
        <v>158921564.99000001</v>
      </c>
      <c r="F2838" s="53">
        <v>157540080.78999999</v>
      </c>
      <c r="G2838" s="53">
        <v>154790693.63999999</v>
      </c>
      <c r="H2838" s="53">
        <v>153105458.66999999</v>
      </c>
      <c r="I2838" s="53">
        <v>151562042.19999999</v>
      </c>
      <c r="J2838" s="53">
        <v>156415979.03</v>
      </c>
      <c r="K2838" s="53">
        <v>155230611.78</v>
      </c>
      <c r="L2838" s="53">
        <v>159247972.84</v>
      </c>
      <c r="M2838" s="53">
        <v>111013548.42</v>
      </c>
      <c r="N2838" s="53">
        <v>111013548.42</v>
      </c>
      <c r="O2838" s="53">
        <v>108343911.42</v>
      </c>
      <c r="P2838" s="53">
        <v>105674274.42</v>
      </c>
      <c r="Q2838" s="53">
        <v>103004637.42</v>
      </c>
      <c r="R2838" s="53">
        <v>100335000.42</v>
      </c>
      <c r="S2838" s="53">
        <v>97665363.419999897</v>
      </c>
      <c r="T2838" s="53">
        <v>94995726.419999897</v>
      </c>
      <c r="U2838" s="53">
        <v>92326089.419999897</v>
      </c>
      <c r="V2838" s="53">
        <v>89656452.419999897</v>
      </c>
      <c r="W2838" s="53">
        <v>62865502.419999897</v>
      </c>
      <c r="X2838" s="53">
        <v>60245526.419999897</v>
      </c>
      <c r="Y2838" s="53">
        <v>57625550.419999897</v>
      </c>
      <c r="Z2838" s="53">
        <v>55031800.419999897</v>
      </c>
      <c r="AA2838" s="53">
        <v>55031800.419999897</v>
      </c>
      <c r="AB2838" s="53">
        <v>52421619.419999897</v>
      </c>
      <c r="AC2838" s="53">
        <v>49811438.419999897</v>
      </c>
      <c r="AD2838" s="53">
        <v>47201257.419999897</v>
      </c>
      <c r="AE2838" s="53">
        <v>44591076.419999897</v>
      </c>
      <c r="AF2838" s="53">
        <v>41980895.420000002</v>
      </c>
      <c r="AG2838" s="53">
        <v>39370714.420000002</v>
      </c>
      <c r="AH2838" s="53">
        <v>36760533.420000002</v>
      </c>
      <c r="AI2838" s="53">
        <v>34150352.420000002</v>
      </c>
      <c r="AJ2838" s="53">
        <v>31540171.420000002</v>
      </c>
      <c r="AK2838" s="53">
        <v>28929990.420000002</v>
      </c>
      <c r="AL2838" s="53">
        <v>26319809.420000002</v>
      </c>
      <c r="AM2838" s="53">
        <v>23709633.420000002</v>
      </c>
      <c r="AN2838" s="53">
        <v>23709633.420000002</v>
      </c>
      <c r="AO2838" s="53">
        <v>21534864.420000002</v>
      </c>
      <c r="AP2838" s="53">
        <v>19360095.420000002</v>
      </c>
      <c r="AQ2838" s="53">
        <v>17185326.420000002</v>
      </c>
      <c r="AR2838" s="53">
        <v>15010557.42</v>
      </c>
      <c r="AS2838" s="53">
        <v>12835788.42</v>
      </c>
      <c r="AT2838" s="53">
        <v>10661019.42</v>
      </c>
      <c r="AU2838" s="53">
        <v>8486250.4199999999</v>
      </c>
      <c r="AV2838" s="53">
        <v>6311481.4199999999</v>
      </c>
      <c r="AW2838" s="53">
        <v>4136712.42</v>
      </c>
      <c r="AX2838" s="53">
        <v>1961943.42</v>
      </c>
      <c r="AY2838" s="53">
        <v>-212825.579999993</v>
      </c>
      <c r="AZ2838" s="53">
        <v>-2387594.5799999898</v>
      </c>
      <c r="BA2838" s="53">
        <v>-2387594.5799999898</v>
      </c>
      <c r="BB2838" s="53">
        <v>-3799130.5799999898</v>
      </c>
      <c r="BC2838" s="53">
        <v>-5210666.5799999898</v>
      </c>
      <c r="BD2838" s="53">
        <v>-6622202.5799999898</v>
      </c>
      <c r="BE2838" s="53">
        <v>-8033738.5799999898</v>
      </c>
      <c r="BF2838" s="53">
        <v>-9445274.5799999908</v>
      </c>
      <c r="BG2838" s="53">
        <v>-10856810.579999899</v>
      </c>
      <c r="BH2838" s="53">
        <v>-12268346.579999899</v>
      </c>
      <c r="BI2838" s="53">
        <v>-13679882.579999899</v>
      </c>
      <c r="BJ2838" s="53">
        <v>-15091418.579999899</v>
      </c>
      <c r="BK2838" s="53">
        <v>-16502954.579999899</v>
      </c>
      <c r="BL2838" s="53">
        <v>-17914490.579999901</v>
      </c>
      <c r="BM2838" s="53">
        <v>-19326026.579999901</v>
      </c>
      <c r="BN2838" s="53">
        <v>-19326026.579999901</v>
      </c>
      <c r="BO2838" s="53">
        <v>-19812475.079999901</v>
      </c>
      <c r="BP2838" s="53">
        <v>-20298923.579999901</v>
      </c>
      <c r="BQ2838" s="53">
        <v>-20785372.079999901</v>
      </c>
      <c r="BR2838" s="53">
        <v>-21271820.579999901</v>
      </c>
      <c r="BS2838" s="53">
        <v>-21758269.079999901</v>
      </c>
      <c r="BT2838" s="53">
        <v>-22244717.579999901</v>
      </c>
      <c r="BU2838" s="53">
        <v>-22731166.079999901</v>
      </c>
      <c r="BV2838" s="53">
        <v>-23217614.579999901</v>
      </c>
      <c r="BW2838" s="53">
        <v>-23704063.079999901</v>
      </c>
      <c r="BX2838" s="53">
        <v>-24190511.579999901</v>
      </c>
      <c r="BY2838" s="53">
        <v>-24676960.079999901</v>
      </c>
      <c r="BZ2838" s="53">
        <v>-25163408.579999901</v>
      </c>
      <c r="CA2838" s="53">
        <v>-25163408.579999901</v>
      </c>
      <c r="CB2838" s="53">
        <v>13370.822605965401</v>
      </c>
      <c r="CC2838" s="53">
        <v>13370.822605965401</v>
      </c>
      <c r="CD2838" s="53">
        <v>13370.822605965401</v>
      </c>
      <c r="CE2838" s="53">
        <v>13370.822605965401</v>
      </c>
      <c r="CF2838" s="53">
        <v>13370.822605965401</v>
      </c>
      <c r="CG2838" s="53">
        <v>13370.822605965401</v>
      </c>
      <c r="CH2838" s="53">
        <v>13370.822605965401</v>
      </c>
      <c r="CI2838" s="53">
        <v>13370.822605965401</v>
      </c>
      <c r="CJ2838" s="53">
        <v>13370.822605965401</v>
      </c>
      <c r="CK2838" s="53">
        <v>13370.822605965401</v>
      </c>
      <c r="CL2838" s="53">
        <v>13370.822605965401</v>
      </c>
      <c r="CM2838" s="53">
        <v>13370.822605965401</v>
      </c>
      <c r="CN2838" s="53">
        <v>160449.871271585</v>
      </c>
    </row>
    <row r="2839" spans="1:92" outlineLevel="1">
      <c r="A2839" s="52" t="s">
        <v>1709</v>
      </c>
      <c r="B2839" s="53">
        <v>0</v>
      </c>
      <c r="C2839" s="53">
        <v>0</v>
      </c>
      <c r="D2839" s="53">
        <v>0</v>
      </c>
      <c r="E2839" s="53">
        <v>0</v>
      </c>
      <c r="F2839" s="53">
        <v>0</v>
      </c>
      <c r="G2839" s="53">
        <v>0</v>
      </c>
      <c r="H2839" s="53">
        <v>0</v>
      </c>
      <c r="I2839" s="53">
        <v>0</v>
      </c>
      <c r="J2839" s="53">
        <v>0</v>
      </c>
      <c r="K2839" s="53">
        <v>0</v>
      </c>
      <c r="L2839" s="53">
        <v>0</v>
      </c>
      <c r="M2839" s="53">
        <v>0</v>
      </c>
      <c r="N2839" s="53">
        <v>0</v>
      </c>
      <c r="O2839" s="53">
        <v>0</v>
      </c>
      <c r="P2839" s="53">
        <v>0</v>
      </c>
      <c r="Q2839" s="53">
        <v>0</v>
      </c>
      <c r="R2839" s="53">
        <v>0</v>
      </c>
      <c r="S2839" s="53">
        <v>0</v>
      </c>
      <c r="T2839" s="53">
        <v>0</v>
      </c>
      <c r="U2839" s="53">
        <v>0</v>
      </c>
      <c r="V2839" s="53">
        <v>0</v>
      </c>
      <c r="W2839" s="53">
        <v>0</v>
      </c>
      <c r="X2839" s="53">
        <v>0</v>
      </c>
      <c r="Y2839" s="53">
        <v>0</v>
      </c>
      <c r="Z2839" s="53">
        <v>0</v>
      </c>
      <c r="AA2839" s="53">
        <v>0</v>
      </c>
      <c r="AB2839" s="53">
        <v>0</v>
      </c>
      <c r="AC2839" s="53">
        <v>0</v>
      </c>
      <c r="AD2839" s="53">
        <v>0</v>
      </c>
      <c r="AE2839" s="53">
        <v>0</v>
      </c>
      <c r="AF2839" s="53">
        <v>0</v>
      </c>
      <c r="AG2839" s="53">
        <v>0</v>
      </c>
      <c r="AH2839" s="53">
        <v>0</v>
      </c>
      <c r="AI2839" s="53">
        <v>0</v>
      </c>
      <c r="AJ2839" s="53">
        <v>0</v>
      </c>
      <c r="AK2839" s="53">
        <v>0</v>
      </c>
      <c r="AL2839" s="53">
        <v>0</v>
      </c>
      <c r="AM2839" s="53">
        <v>0</v>
      </c>
      <c r="AN2839" s="53">
        <v>0</v>
      </c>
      <c r="AO2839" s="53">
        <v>0</v>
      </c>
      <c r="AP2839" s="53">
        <v>0</v>
      </c>
      <c r="AQ2839" s="53">
        <v>0</v>
      </c>
      <c r="AR2839" s="53">
        <v>0</v>
      </c>
      <c r="AS2839" s="53">
        <v>0</v>
      </c>
      <c r="AT2839" s="53">
        <v>0</v>
      </c>
      <c r="AU2839" s="53">
        <v>0</v>
      </c>
      <c r="AV2839" s="53">
        <v>0</v>
      </c>
      <c r="AW2839" s="53">
        <v>0</v>
      </c>
      <c r="AX2839" s="53">
        <v>0</v>
      </c>
      <c r="AY2839" s="53">
        <v>0</v>
      </c>
      <c r="AZ2839" s="53">
        <v>0</v>
      </c>
      <c r="BA2839" s="53">
        <v>0</v>
      </c>
      <c r="BB2839" s="53">
        <v>0</v>
      </c>
      <c r="BC2839" s="53">
        <v>0</v>
      </c>
      <c r="BD2839" s="53">
        <v>0</v>
      </c>
      <c r="BE2839" s="53">
        <v>0</v>
      </c>
      <c r="BF2839" s="53">
        <v>0</v>
      </c>
      <c r="BG2839" s="53">
        <v>0</v>
      </c>
      <c r="BH2839" s="53">
        <v>0</v>
      </c>
      <c r="BI2839" s="53">
        <v>0</v>
      </c>
      <c r="BJ2839" s="53">
        <v>0</v>
      </c>
      <c r="BK2839" s="53">
        <v>0</v>
      </c>
      <c r="BL2839" s="53">
        <v>0</v>
      </c>
      <c r="BM2839" s="53">
        <v>0</v>
      </c>
      <c r="BN2839" s="53">
        <v>0</v>
      </c>
      <c r="BO2839" s="53">
        <v>0</v>
      </c>
      <c r="BP2839" s="53">
        <v>0</v>
      </c>
      <c r="BQ2839" s="53">
        <v>0</v>
      </c>
      <c r="BR2839" s="53">
        <v>0</v>
      </c>
      <c r="BS2839" s="53">
        <v>0</v>
      </c>
      <c r="BT2839" s="53">
        <v>0</v>
      </c>
      <c r="BU2839" s="53">
        <v>0</v>
      </c>
      <c r="BV2839" s="53">
        <v>0</v>
      </c>
      <c r="BW2839" s="53">
        <v>0</v>
      </c>
      <c r="BX2839" s="53">
        <v>0</v>
      </c>
      <c r="BY2839" s="53">
        <v>0</v>
      </c>
      <c r="BZ2839" s="53">
        <v>0</v>
      </c>
      <c r="CA2839" s="53">
        <v>0</v>
      </c>
      <c r="CB2839" s="53">
        <v>44991.872611464903</v>
      </c>
      <c r="CC2839" s="53">
        <v>44991.872611464903</v>
      </c>
      <c r="CD2839" s="53">
        <v>44991.872611464903</v>
      </c>
      <c r="CE2839" s="53">
        <v>44991.872611464903</v>
      </c>
      <c r="CF2839" s="53">
        <v>44991.872611464903</v>
      </c>
      <c r="CG2839" s="53">
        <v>44991.872611464903</v>
      </c>
      <c r="CH2839" s="53">
        <v>44991.872611464903</v>
      </c>
      <c r="CI2839" s="53">
        <v>44991.872611464903</v>
      </c>
      <c r="CJ2839" s="53">
        <v>44991.872611464903</v>
      </c>
      <c r="CK2839" s="53">
        <v>44991.872611464903</v>
      </c>
      <c r="CL2839" s="53">
        <v>44991.872611464903</v>
      </c>
      <c r="CM2839" s="53">
        <v>44991.872611464903</v>
      </c>
      <c r="CN2839" s="53">
        <v>539902.47133757896</v>
      </c>
    </row>
    <row r="2840" spans="1:92" outlineLevel="1">
      <c r="A2840" s="52" t="s">
        <v>1218</v>
      </c>
      <c r="B2840" s="53">
        <v>166177310.42500001</v>
      </c>
      <c r="C2840" s="53">
        <v>165195891.93000001</v>
      </c>
      <c r="D2840" s="53">
        <v>162553301.94999999</v>
      </c>
      <c r="E2840" s="53">
        <v>160810188.15000001</v>
      </c>
      <c r="F2840" s="53">
        <v>158921564.99000001</v>
      </c>
      <c r="G2840" s="53">
        <v>157540080.78999999</v>
      </c>
      <c r="H2840" s="53">
        <v>154790693.63999999</v>
      </c>
      <c r="I2840" s="53">
        <v>153105458.66999999</v>
      </c>
      <c r="J2840" s="53">
        <v>151562042.19999999</v>
      </c>
      <c r="K2840" s="53">
        <v>156415979.03</v>
      </c>
      <c r="L2840" s="53">
        <v>155230611.78</v>
      </c>
      <c r="M2840" s="53">
        <v>159247972.84</v>
      </c>
      <c r="N2840" s="53">
        <v>166177310.42500001</v>
      </c>
      <c r="O2840" s="53">
        <v>111013548.42</v>
      </c>
      <c r="P2840" s="53">
        <v>108343911.42</v>
      </c>
      <c r="Q2840" s="53">
        <v>105674274.42</v>
      </c>
      <c r="R2840" s="53">
        <v>103004637.42</v>
      </c>
      <c r="S2840" s="53">
        <v>100335000.42</v>
      </c>
      <c r="T2840" s="53">
        <v>97665363.419999897</v>
      </c>
      <c r="U2840" s="53">
        <v>94995726.419999897</v>
      </c>
      <c r="V2840" s="53">
        <v>92326089.419999897</v>
      </c>
      <c r="W2840" s="53">
        <v>89656452.419999897</v>
      </c>
      <c r="X2840" s="53">
        <v>62865502.419999897</v>
      </c>
      <c r="Y2840" s="53">
        <v>60245526.419999897</v>
      </c>
      <c r="Z2840" s="53">
        <v>57625550.419999897</v>
      </c>
      <c r="AA2840" s="53">
        <v>111013548.42</v>
      </c>
      <c r="AB2840" s="53">
        <v>55031800.419999897</v>
      </c>
      <c r="AC2840" s="53">
        <v>52421619.419999897</v>
      </c>
      <c r="AD2840" s="53">
        <v>49811438.419999897</v>
      </c>
      <c r="AE2840" s="53">
        <v>47201257.419999897</v>
      </c>
      <c r="AF2840" s="53">
        <v>44591076.419999897</v>
      </c>
      <c r="AG2840" s="53">
        <v>41980895.420000002</v>
      </c>
      <c r="AH2840" s="53">
        <v>39370714.420000002</v>
      </c>
      <c r="AI2840" s="53">
        <v>36760533.420000002</v>
      </c>
      <c r="AJ2840" s="53">
        <v>34150352.420000002</v>
      </c>
      <c r="AK2840" s="53">
        <v>31540171.420000002</v>
      </c>
      <c r="AL2840" s="53">
        <v>28929990.420000002</v>
      </c>
      <c r="AM2840" s="53">
        <v>26319809.420000002</v>
      </c>
      <c r="AN2840" s="53">
        <v>55031800.419999897</v>
      </c>
      <c r="AO2840" s="53">
        <v>23709633.420000002</v>
      </c>
      <c r="AP2840" s="53">
        <v>21534864.420000002</v>
      </c>
      <c r="AQ2840" s="53">
        <v>19360095.420000002</v>
      </c>
      <c r="AR2840" s="53">
        <v>17185326.420000002</v>
      </c>
      <c r="AS2840" s="53">
        <v>15010557.42</v>
      </c>
      <c r="AT2840" s="53">
        <v>12835788.42</v>
      </c>
      <c r="AU2840" s="53">
        <v>10661019.42</v>
      </c>
      <c r="AV2840" s="53">
        <v>8486250.4199999999</v>
      </c>
      <c r="AW2840" s="53">
        <v>6311481.4199999999</v>
      </c>
      <c r="AX2840" s="53">
        <v>4136712.42</v>
      </c>
      <c r="AY2840" s="53">
        <v>1961943.42</v>
      </c>
      <c r="AZ2840" s="53">
        <v>-212825.579999993</v>
      </c>
      <c r="BA2840" s="53">
        <v>23709633.420000002</v>
      </c>
      <c r="BB2840" s="53">
        <v>-2387594.5799999898</v>
      </c>
      <c r="BC2840" s="53">
        <v>-3799130.5799999898</v>
      </c>
      <c r="BD2840" s="53">
        <v>-5210666.5799999898</v>
      </c>
      <c r="BE2840" s="53">
        <v>-6622202.5799999898</v>
      </c>
      <c r="BF2840" s="53">
        <v>-8033738.5799999898</v>
      </c>
      <c r="BG2840" s="53">
        <v>-9445274.5799999908</v>
      </c>
      <c r="BH2840" s="53">
        <v>-10856810.579999899</v>
      </c>
      <c r="BI2840" s="53">
        <v>-12268346.579999899</v>
      </c>
      <c r="BJ2840" s="53">
        <v>-13679882.579999899</v>
      </c>
      <c r="BK2840" s="53">
        <v>-15091418.579999899</v>
      </c>
      <c r="BL2840" s="53">
        <v>-16502954.579999899</v>
      </c>
      <c r="BM2840" s="53">
        <v>-17914490.579999901</v>
      </c>
      <c r="BN2840" s="53">
        <v>-2387594.5799999898</v>
      </c>
      <c r="BO2840" s="53">
        <v>-19326026.579999901</v>
      </c>
      <c r="BP2840" s="53">
        <v>-19812475.079999901</v>
      </c>
      <c r="BQ2840" s="53">
        <v>-20298923.579999901</v>
      </c>
      <c r="BR2840" s="53">
        <v>-20785372.079999901</v>
      </c>
      <c r="BS2840" s="53">
        <v>-21271820.579999901</v>
      </c>
      <c r="BT2840" s="53">
        <v>-21758269.079999901</v>
      </c>
      <c r="BU2840" s="53">
        <v>-22244717.579999901</v>
      </c>
      <c r="BV2840" s="53">
        <v>-22731166.079999901</v>
      </c>
      <c r="BW2840" s="53">
        <v>-23217614.579999901</v>
      </c>
      <c r="BX2840" s="53">
        <v>-23704063.079999901</v>
      </c>
      <c r="BY2840" s="53">
        <v>-24190511.579999901</v>
      </c>
      <c r="BZ2840" s="53">
        <v>-24676960.079999901</v>
      </c>
      <c r="CA2840" s="53">
        <v>-19326026.579999901</v>
      </c>
      <c r="CB2840" s="53">
        <v>52157.242105263002</v>
      </c>
      <c r="CC2840" s="53">
        <v>52157.242105263002</v>
      </c>
      <c r="CD2840" s="53">
        <v>52157.242105263002</v>
      </c>
      <c r="CE2840" s="53">
        <v>52157.242105263002</v>
      </c>
      <c r="CF2840" s="53">
        <v>52157.242105263002</v>
      </c>
      <c r="CG2840" s="53">
        <v>52157.242105263002</v>
      </c>
      <c r="CH2840" s="53">
        <v>52157.242105263002</v>
      </c>
      <c r="CI2840" s="53">
        <v>52157.242105263002</v>
      </c>
      <c r="CJ2840" s="53">
        <v>52157.242105263002</v>
      </c>
      <c r="CK2840" s="53">
        <v>52157.242105263002</v>
      </c>
      <c r="CL2840" s="53">
        <v>52157.242105263002</v>
      </c>
      <c r="CM2840" s="53">
        <v>52157.242105263002</v>
      </c>
      <c r="CN2840" s="53">
        <v>625886.90526315698</v>
      </c>
    </row>
    <row r="2841" spans="1:92" outlineLevel="1">
      <c r="A2841" s="52" t="s">
        <v>699</v>
      </c>
      <c r="B2841" s="53"/>
      <c r="C2841" s="53"/>
      <c r="D2841" s="53"/>
      <c r="E2841" s="53"/>
      <c r="F2841" s="53"/>
      <c r="G2841" s="53"/>
      <c r="H2841" s="53"/>
      <c r="I2841" s="53"/>
      <c r="J2841" s="53"/>
      <c r="K2841" s="53"/>
      <c r="L2841" s="53"/>
      <c r="M2841" s="53"/>
      <c r="N2841" s="53"/>
      <c r="O2841" s="53"/>
      <c r="P2841" s="53"/>
      <c r="Q2841" s="53"/>
      <c r="R2841" s="53"/>
      <c r="S2841" s="53"/>
      <c r="T2841" s="53"/>
      <c r="U2841" s="53"/>
      <c r="V2841" s="53"/>
      <c r="W2841" s="53"/>
      <c r="X2841" s="53"/>
      <c r="Y2841" s="53"/>
      <c r="Z2841" s="53"/>
      <c r="AA2841" s="53"/>
      <c r="AB2841" s="53"/>
      <c r="AC2841" s="53"/>
      <c r="AD2841" s="53"/>
      <c r="AE2841" s="53"/>
      <c r="AF2841" s="53"/>
      <c r="AG2841" s="53"/>
      <c r="AH2841" s="53"/>
      <c r="AI2841" s="53"/>
      <c r="AJ2841" s="53"/>
      <c r="AK2841" s="53"/>
      <c r="AL2841" s="53"/>
      <c r="AM2841" s="53"/>
      <c r="AN2841" s="53"/>
      <c r="AO2841" s="53"/>
      <c r="AP2841" s="53"/>
      <c r="AQ2841" s="53"/>
      <c r="AR2841" s="53"/>
      <c r="AS2841" s="53"/>
      <c r="AT2841" s="53"/>
      <c r="AU2841" s="53"/>
      <c r="AV2841" s="53"/>
      <c r="AW2841" s="53"/>
      <c r="AX2841" s="53"/>
      <c r="AY2841" s="53"/>
      <c r="AZ2841" s="53"/>
      <c r="BA2841" s="53"/>
      <c r="BB2841" s="53"/>
      <c r="BC2841" s="53"/>
      <c r="BD2841" s="53"/>
      <c r="BE2841" s="53"/>
      <c r="BF2841" s="53"/>
      <c r="BG2841" s="53"/>
      <c r="BH2841" s="53"/>
      <c r="BI2841" s="53"/>
      <c r="BJ2841" s="53"/>
      <c r="BK2841" s="53"/>
      <c r="BL2841" s="53"/>
      <c r="BM2841" s="53"/>
      <c r="BN2841" s="53"/>
      <c r="BO2841" s="53"/>
      <c r="BP2841" s="53"/>
      <c r="BQ2841" s="53"/>
      <c r="BR2841" s="53"/>
      <c r="BS2841" s="53"/>
      <c r="BT2841" s="53"/>
      <c r="BU2841" s="53"/>
      <c r="BV2841" s="53"/>
      <c r="BW2841" s="53"/>
      <c r="BX2841" s="53"/>
      <c r="BY2841" s="53"/>
      <c r="BZ2841" s="53"/>
      <c r="CA2841" s="53"/>
      <c r="CB2841" s="53"/>
      <c r="CC2841" s="53"/>
      <c r="CD2841" s="53"/>
      <c r="CE2841" s="53"/>
      <c r="CF2841" s="53"/>
      <c r="CG2841" s="53"/>
      <c r="CH2841" s="53"/>
      <c r="CI2841" s="53"/>
      <c r="CJ2841" s="53"/>
      <c r="CK2841" s="53"/>
      <c r="CL2841" s="53"/>
      <c r="CM2841" s="53"/>
      <c r="CN2841" s="53"/>
    </row>
    <row r="2842" spans="1:92" outlineLevel="1">
      <c r="A2842" s="52" t="s">
        <v>1702</v>
      </c>
      <c r="B2842" s="53"/>
      <c r="C2842" s="53"/>
      <c r="D2842" s="53"/>
      <c r="E2842" s="53"/>
      <c r="F2842" s="53"/>
      <c r="G2842" s="53"/>
      <c r="H2842" s="53"/>
      <c r="I2842" s="53"/>
      <c r="J2842" s="53"/>
      <c r="K2842" s="53"/>
      <c r="L2842" s="53"/>
      <c r="M2842" s="53"/>
      <c r="N2842" s="53"/>
      <c r="O2842" s="53"/>
      <c r="P2842" s="53"/>
      <c r="Q2842" s="53"/>
      <c r="R2842" s="53"/>
      <c r="S2842" s="53"/>
      <c r="T2842" s="53"/>
      <c r="U2842" s="53"/>
      <c r="V2842" s="53"/>
      <c r="W2842" s="53"/>
      <c r="X2842" s="53"/>
      <c r="Y2842" s="53"/>
      <c r="Z2842" s="53"/>
      <c r="AA2842" s="53"/>
      <c r="AB2842" s="53"/>
      <c r="AC2842" s="53"/>
      <c r="AD2842" s="53"/>
      <c r="AE2842" s="53"/>
      <c r="AF2842" s="53"/>
      <c r="AG2842" s="53"/>
      <c r="AH2842" s="53"/>
      <c r="AI2842" s="53"/>
      <c r="AJ2842" s="53"/>
      <c r="AK2842" s="53"/>
      <c r="AL2842" s="53"/>
      <c r="AM2842" s="53"/>
      <c r="AN2842" s="53"/>
      <c r="AO2842" s="53"/>
      <c r="AP2842" s="53"/>
      <c r="AQ2842" s="53"/>
      <c r="AR2842" s="53"/>
      <c r="AS2842" s="53"/>
      <c r="AT2842" s="53"/>
      <c r="AU2842" s="53"/>
      <c r="AV2842" s="53"/>
      <c r="AW2842" s="53"/>
      <c r="AX2842" s="53"/>
      <c r="AY2842" s="53"/>
      <c r="AZ2842" s="53"/>
      <c r="BA2842" s="53"/>
      <c r="BB2842" s="53"/>
      <c r="BC2842" s="53"/>
      <c r="BD2842" s="53"/>
      <c r="BE2842" s="53"/>
      <c r="BF2842" s="53"/>
      <c r="BG2842" s="53"/>
      <c r="BH2842" s="53"/>
      <c r="BI2842" s="53"/>
      <c r="BJ2842" s="53"/>
      <c r="BK2842" s="53"/>
      <c r="BL2842" s="53"/>
      <c r="BM2842" s="53"/>
      <c r="BN2842" s="53"/>
      <c r="BO2842" s="53"/>
      <c r="BP2842" s="53"/>
      <c r="BQ2842" s="53"/>
      <c r="BR2842" s="53"/>
      <c r="BS2842" s="53"/>
      <c r="BT2842" s="53"/>
      <c r="BU2842" s="53"/>
      <c r="BV2842" s="53"/>
      <c r="BW2842" s="53"/>
      <c r="BX2842" s="53"/>
      <c r="BY2842" s="53"/>
      <c r="BZ2842" s="53"/>
      <c r="CA2842" s="53"/>
      <c r="CB2842" s="53">
        <v>38996.049261083703</v>
      </c>
      <c r="CC2842" s="53">
        <v>38996.049261083703</v>
      </c>
      <c r="CD2842" s="53">
        <v>38996.049261083703</v>
      </c>
      <c r="CE2842" s="53">
        <v>38996.049261083703</v>
      </c>
      <c r="CF2842" s="53">
        <v>38996.049261083703</v>
      </c>
      <c r="CG2842" s="53">
        <v>38996.049261083703</v>
      </c>
      <c r="CH2842" s="53">
        <v>38996.049261083703</v>
      </c>
      <c r="CI2842" s="53">
        <v>38996.049261083703</v>
      </c>
      <c r="CJ2842" s="53">
        <v>38996.049261083703</v>
      </c>
      <c r="CK2842" s="53">
        <v>38996.049261083703</v>
      </c>
      <c r="CL2842" s="53">
        <v>38996.049261083703</v>
      </c>
      <c r="CM2842" s="53">
        <v>38996.049261083703</v>
      </c>
      <c r="CN2842" s="53">
        <v>467952.591133004</v>
      </c>
    </row>
    <row r="2843" spans="1:92" outlineLevel="1">
      <c r="A2843" s="52" t="s">
        <v>1703</v>
      </c>
      <c r="B2843" s="53"/>
      <c r="C2843" s="53"/>
      <c r="D2843" s="53"/>
      <c r="E2843" s="53"/>
      <c r="F2843" s="53"/>
      <c r="G2843" s="53"/>
      <c r="H2843" s="53"/>
      <c r="I2843" s="53"/>
      <c r="J2843" s="53"/>
      <c r="K2843" s="53"/>
      <c r="L2843" s="53"/>
      <c r="M2843" s="53"/>
      <c r="N2843" s="53"/>
      <c r="O2843" s="53"/>
      <c r="P2843" s="53"/>
      <c r="Q2843" s="53"/>
      <c r="R2843" s="53"/>
      <c r="S2843" s="53"/>
      <c r="T2843" s="53"/>
      <c r="U2843" s="53"/>
      <c r="V2843" s="53"/>
      <c r="W2843" s="53"/>
      <c r="X2843" s="53"/>
      <c r="Y2843" s="53"/>
      <c r="Z2843" s="53"/>
      <c r="AA2843" s="53"/>
      <c r="AB2843" s="53"/>
      <c r="AC2843" s="53"/>
      <c r="AD2843" s="53"/>
      <c r="AE2843" s="53"/>
      <c r="AF2843" s="53"/>
      <c r="AG2843" s="53"/>
      <c r="AH2843" s="53"/>
      <c r="AI2843" s="53"/>
      <c r="AJ2843" s="53"/>
      <c r="AK2843" s="53"/>
      <c r="AL2843" s="53"/>
      <c r="AM2843" s="53"/>
      <c r="AN2843" s="53"/>
      <c r="AO2843" s="53"/>
      <c r="AP2843" s="53"/>
      <c r="AQ2843" s="53"/>
      <c r="AR2843" s="53"/>
      <c r="AS2843" s="53"/>
      <c r="AT2843" s="53"/>
      <c r="AU2843" s="53"/>
      <c r="AV2843" s="53"/>
      <c r="AW2843" s="53"/>
      <c r="AX2843" s="53"/>
      <c r="AY2843" s="53"/>
      <c r="AZ2843" s="53"/>
      <c r="BA2843" s="53"/>
      <c r="BB2843" s="53"/>
      <c r="BC2843" s="53"/>
      <c r="BD2843" s="53"/>
      <c r="BE2843" s="53"/>
      <c r="BF2843" s="53"/>
      <c r="BG2843" s="53"/>
      <c r="BH2843" s="53"/>
      <c r="BI2843" s="53"/>
      <c r="BJ2843" s="53"/>
      <c r="BK2843" s="53"/>
      <c r="BL2843" s="53"/>
      <c r="BM2843" s="53"/>
      <c r="BN2843" s="53"/>
      <c r="BO2843" s="53"/>
      <c r="BP2843" s="53"/>
      <c r="BQ2843" s="53"/>
      <c r="BR2843" s="53"/>
      <c r="BS2843" s="53"/>
      <c r="BT2843" s="53"/>
      <c r="BU2843" s="53"/>
      <c r="BV2843" s="53"/>
      <c r="BW2843" s="53"/>
      <c r="BX2843" s="53"/>
      <c r="BY2843" s="53"/>
      <c r="BZ2843" s="53"/>
      <c r="CA2843" s="53"/>
      <c r="CB2843" s="53">
        <v>48595.514644351497</v>
      </c>
      <c r="CC2843" s="53">
        <v>48595.514644351497</v>
      </c>
      <c r="CD2843" s="53">
        <v>48595.514644351497</v>
      </c>
      <c r="CE2843" s="53">
        <v>48595.514644351497</v>
      </c>
      <c r="CF2843" s="53">
        <v>48595.514644351497</v>
      </c>
      <c r="CG2843" s="53">
        <v>48595.514644351497</v>
      </c>
      <c r="CH2843" s="53">
        <v>48595.514644351497</v>
      </c>
      <c r="CI2843" s="53">
        <v>48595.514644351497</v>
      </c>
      <c r="CJ2843" s="53">
        <v>48595.514644351497</v>
      </c>
      <c r="CK2843" s="53">
        <v>48595.514644351497</v>
      </c>
      <c r="CL2843" s="53">
        <v>48595.514644351497</v>
      </c>
      <c r="CM2843" s="53">
        <v>48595.514644351497</v>
      </c>
      <c r="CN2843" s="53">
        <v>583146.17573221796</v>
      </c>
    </row>
    <row r="2844" spans="1:92" outlineLevel="1">
      <c r="A2844" s="52" t="s">
        <v>649</v>
      </c>
      <c r="B2844" s="53"/>
      <c r="C2844" s="53"/>
      <c r="D2844" s="53"/>
      <c r="E2844" s="53"/>
      <c r="F2844" s="53"/>
      <c r="G2844" s="53"/>
      <c r="H2844" s="53"/>
      <c r="I2844" s="53"/>
      <c r="J2844" s="53"/>
      <c r="K2844" s="53"/>
      <c r="L2844" s="53"/>
      <c r="M2844" s="53"/>
      <c r="N2844" s="53"/>
      <c r="O2844" s="53"/>
      <c r="P2844" s="53"/>
      <c r="Q2844" s="53"/>
      <c r="R2844" s="53"/>
      <c r="S2844" s="53"/>
      <c r="T2844" s="53"/>
      <c r="U2844" s="53"/>
      <c r="V2844" s="53"/>
      <c r="W2844" s="53">
        <v>-24200000</v>
      </c>
      <c r="X2844" s="53"/>
      <c r="Y2844" s="53"/>
      <c r="Z2844" s="53"/>
      <c r="AA2844" s="53">
        <v>-24200000</v>
      </c>
      <c r="AB2844" s="53"/>
      <c r="AC2844" s="53"/>
      <c r="AD2844" s="53"/>
      <c r="AE2844" s="53"/>
      <c r="AF2844" s="53"/>
      <c r="AG2844" s="53"/>
      <c r="AH2844" s="53"/>
      <c r="AI2844" s="53"/>
      <c r="AJ2844" s="53"/>
      <c r="AK2844" s="53"/>
      <c r="AL2844" s="53"/>
      <c r="AM2844" s="53"/>
      <c r="AN2844" s="53"/>
      <c r="AO2844" s="53"/>
      <c r="AP2844" s="53"/>
      <c r="AQ2844" s="53"/>
      <c r="AR2844" s="53"/>
      <c r="AS2844" s="53"/>
      <c r="AT2844" s="53"/>
      <c r="AU2844" s="53"/>
      <c r="AV2844" s="53"/>
      <c r="AW2844" s="53"/>
      <c r="AX2844" s="53"/>
      <c r="AY2844" s="53"/>
      <c r="AZ2844" s="53"/>
      <c r="BA2844" s="53"/>
      <c r="BB2844" s="53"/>
      <c r="BC2844" s="53"/>
      <c r="BD2844" s="53"/>
      <c r="BE2844" s="53"/>
      <c r="BF2844" s="53"/>
      <c r="BG2844" s="53"/>
      <c r="BH2844" s="53"/>
      <c r="BI2844" s="53"/>
      <c r="BJ2844" s="53"/>
      <c r="BK2844" s="53"/>
      <c r="BL2844" s="53"/>
      <c r="BM2844" s="53"/>
      <c r="BN2844" s="53"/>
      <c r="BO2844" s="53"/>
      <c r="BP2844" s="53"/>
      <c r="BQ2844" s="53"/>
      <c r="BR2844" s="53"/>
      <c r="BS2844" s="53"/>
      <c r="BT2844" s="53"/>
      <c r="BU2844" s="53"/>
      <c r="BV2844" s="53"/>
      <c r="BW2844" s="53"/>
      <c r="BX2844" s="53"/>
      <c r="BY2844" s="53"/>
      <c r="BZ2844" s="53"/>
      <c r="CA2844" s="53"/>
      <c r="CB2844" s="53">
        <v>16652.086230876201</v>
      </c>
      <c r="CC2844" s="53">
        <v>16652.086230876201</v>
      </c>
      <c r="CD2844" s="53">
        <v>16652.086230876201</v>
      </c>
      <c r="CE2844" s="53">
        <v>16652.086230876201</v>
      </c>
      <c r="CF2844" s="53">
        <v>16652.086230876201</v>
      </c>
      <c r="CG2844" s="53">
        <v>16652.086230876201</v>
      </c>
      <c r="CH2844" s="53">
        <v>16652.086230876201</v>
      </c>
      <c r="CI2844" s="53">
        <v>16652.086230876201</v>
      </c>
      <c r="CJ2844" s="53">
        <v>16652.086230876201</v>
      </c>
      <c r="CK2844" s="53">
        <v>16652.086230876201</v>
      </c>
      <c r="CL2844" s="53">
        <v>16652.086230876201</v>
      </c>
      <c r="CM2844" s="53">
        <v>16652.086230876201</v>
      </c>
      <c r="CN2844" s="53">
        <v>199825.034770514</v>
      </c>
    </row>
    <row r="2845" spans="1:92" outlineLevel="1">
      <c r="A2845" s="52" t="s">
        <v>672</v>
      </c>
      <c r="B2845" s="53"/>
      <c r="C2845" s="53"/>
      <c r="D2845" s="53"/>
      <c r="E2845" s="53"/>
      <c r="F2845" s="53"/>
      <c r="G2845" s="53"/>
      <c r="H2845" s="53"/>
      <c r="I2845" s="53"/>
      <c r="J2845" s="53"/>
      <c r="K2845" s="53"/>
      <c r="L2845" s="53"/>
      <c r="M2845" s="53"/>
      <c r="N2845" s="53"/>
      <c r="O2845" s="53"/>
      <c r="P2845" s="53"/>
      <c r="Q2845" s="53"/>
      <c r="R2845" s="53"/>
      <c r="S2845" s="53"/>
      <c r="T2845" s="53"/>
      <c r="U2845" s="53"/>
      <c r="V2845" s="53"/>
      <c r="W2845" s="53"/>
      <c r="X2845" s="53"/>
      <c r="Y2845" s="53"/>
      <c r="Z2845" s="53"/>
      <c r="AA2845" s="53"/>
      <c r="AB2845" s="53"/>
      <c r="AC2845" s="53"/>
      <c r="AD2845" s="53"/>
      <c r="AE2845" s="53"/>
      <c r="AF2845" s="53"/>
      <c r="AG2845" s="53"/>
      <c r="AH2845" s="53"/>
      <c r="AI2845" s="53"/>
      <c r="AJ2845" s="53"/>
      <c r="AK2845" s="53"/>
      <c r="AL2845" s="53"/>
      <c r="AM2845" s="53"/>
      <c r="AN2845" s="53"/>
      <c r="AO2845" s="53"/>
      <c r="AP2845" s="53"/>
      <c r="AQ2845" s="53"/>
      <c r="AR2845" s="53"/>
      <c r="AS2845" s="53"/>
      <c r="AT2845" s="53"/>
      <c r="AU2845" s="53"/>
      <c r="AV2845" s="53"/>
      <c r="AW2845" s="53"/>
      <c r="AX2845" s="53"/>
      <c r="AY2845" s="53"/>
      <c r="AZ2845" s="53"/>
      <c r="BA2845" s="53"/>
      <c r="BB2845" s="53"/>
      <c r="BC2845" s="53"/>
      <c r="BD2845" s="53"/>
      <c r="BE2845" s="53"/>
      <c r="BF2845" s="53"/>
      <c r="BG2845" s="53"/>
      <c r="BH2845" s="53"/>
      <c r="BI2845" s="53"/>
      <c r="BJ2845" s="53"/>
      <c r="BK2845" s="53"/>
      <c r="BL2845" s="53"/>
      <c r="BM2845" s="53"/>
      <c r="BN2845" s="53"/>
      <c r="BO2845" s="53"/>
      <c r="BP2845" s="53"/>
      <c r="BQ2845" s="53"/>
      <c r="BR2845" s="53"/>
      <c r="BS2845" s="53"/>
      <c r="BT2845" s="53"/>
      <c r="BU2845" s="53"/>
      <c r="BV2845" s="53"/>
      <c r="BW2845" s="53"/>
      <c r="BX2845" s="53"/>
      <c r="BY2845" s="53"/>
      <c r="BZ2845" s="53"/>
      <c r="CA2845" s="53"/>
      <c r="CB2845" s="53"/>
      <c r="CC2845" s="53"/>
      <c r="CD2845" s="53"/>
      <c r="CE2845" s="53"/>
      <c r="CF2845" s="53"/>
      <c r="CG2845" s="53"/>
      <c r="CH2845" s="53"/>
      <c r="CI2845" s="53"/>
      <c r="CJ2845" s="53"/>
      <c r="CK2845" s="53"/>
      <c r="CL2845" s="53"/>
      <c r="CM2845" s="53"/>
      <c r="CN2845" s="53"/>
    </row>
    <row r="2846" spans="1:92" outlineLevel="1">
      <c r="A2846" s="52" t="s">
        <v>1414</v>
      </c>
      <c r="B2846" s="53"/>
      <c r="C2846" s="53"/>
      <c r="D2846" s="53"/>
      <c r="E2846" s="53"/>
      <c r="F2846" s="53"/>
      <c r="G2846" s="53"/>
      <c r="H2846" s="53"/>
      <c r="I2846" s="53"/>
      <c r="J2846" s="53"/>
      <c r="K2846" s="53"/>
      <c r="L2846" s="53"/>
      <c r="M2846" s="53"/>
      <c r="N2846" s="53"/>
      <c r="O2846" s="53"/>
      <c r="P2846" s="53"/>
      <c r="Q2846" s="53"/>
      <c r="R2846" s="53"/>
      <c r="S2846" s="53"/>
      <c r="T2846" s="53"/>
      <c r="U2846" s="53"/>
      <c r="V2846" s="53"/>
      <c r="W2846" s="53"/>
      <c r="X2846" s="53"/>
      <c r="Y2846" s="53"/>
      <c r="Z2846" s="53"/>
      <c r="AA2846" s="53"/>
      <c r="AB2846" s="53"/>
      <c r="AC2846" s="53"/>
      <c r="AD2846" s="53"/>
      <c r="AE2846" s="53"/>
      <c r="AF2846" s="53"/>
      <c r="AG2846" s="53"/>
      <c r="AH2846" s="53"/>
      <c r="AI2846" s="53"/>
      <c r="AJ2846" s="53"/>
      <c r="AK2846" s="53"/>
      <c r="AL2846" s="53"/>
      <c r="AM2846" s="53"/>
      <c r="AN2846" s="53"/>
      <c r="AO2846" s="53"/>
      <c r="AP2846" s="53"/>
      <c r="AQ2846" s="53"/>
      <c r="AR2846" s="53"/>
      <c r="AS2846" s="53"/>
      <c r="AT2846" s="53"/>
      <c r="AU2846" s="53"/>
      <c r="AV2846" s="53"/>
      <c r="AW2846" s="53"/>
      <c r="AX2846" s="53"/>
      <c r="AY2846" s="53"/>
      <c r="AZ2846" s="53"/>
      <c r="BA2846" s="53"/>
      <c r="BB2846" s="53"/>
      <c r="BC2846" s="53"/>
      <c r="BD2846" s="53"/>
      <c r="BE2846" s="53"/>
      <c r="BF2846" s="53"/>
      <c r="BG2846" s="53"/>
      <c r="BH2846" s="53"/>
      <c r="BI2846" s="53"/>
      <c r="BJ2846" s="53"/>
      <c r="BK2846" s="53"/>
      <c r="BL2846" s="53"/>
      <c r="BM2846" s="53"/>
      <c r="BN2846" s="53"/>
      <c r="BO2846" s="53"/>
      <c r="BP2846" s="53"/>
      <c r="BQ2846" s="53"/>
      <c r="BR2846" s="53"/>
      <c r="BS2846" s="53"/>
      <c r="BT2846" s="53"/>
      <c r="BU2846" s="53"/>
      <c r="BV2846" s="53"/>
      <c r="BW2846" s="53"/>
      <c r="BX2846" s="53"/>
      <c r="BY2846" s="53"/>
      <c r="BZ2846" s="53"/>
      <c r="CA2846" s="53"/>
      <c r="CB2846" s="53">
        <v>1213.9315068493099</v>
      </c>
      <c r="CC2846" s="53">
        <v>1213.9315068493099</v>
      </c>
      <c r="CD2846" s="53">
        <v>1213.9315068493099</v>
      </c>
      <c r="CE2846" s="53">
        <v>1213.9315068493099</v>
      </c>
      <c r="CF2846" s="53">
        <v>1213.9315068493099</v>
      </c>
      <c r="CG2846" s="53">
        <v>1213.9315068493099</v>
      </c>
      <c r="CH2846" s="53">
        <v>1213.9315068493099</v>
      </c>
      <c r="CI2846" s="53">
        <v>1213.9315068493099</v>
      </c>
      <c r="CJ2846" s="53">
        <v>1213.9315068493099</v>
      </c>
      <c r="CK2846" s="53">
        <v>1213.9315068493099</v>
      </c>
      <c r="CL2846" s="53">
        <v>1213.9315068493099</v>
      </c>
      <c r="CM2846" s="53">
        <v>1213.9315068493099</v>
      </c>
      <c r="CN2846" s="53">
        <v>14567.1780821917</v>
      </c>
    </row>
    <row r="2847" spans="1:92" outlineLevel="1">
      <c r="A2847" s="52" t="s">
        <v>1704</v>
      </c>
      <c r="B2847" s="53"/>
      <c r="C2847" s="53"/>
      <c r="D2847" s="53"/>
      <c r="E2847" s="53"/>
      <c r="F2847" s="53"/>
      <c r="G2847" s="53"/>
      <c r="H2847" s="53"/>
      <c r="I2847" s="53"/>
      <c r="J2847" s="53"/>
      <c r="K2847" s="53"/>
      <c r="L2847" s="53"/>
      <c r="M2847" s="53"/>
      <c r="N2847" s="53"/>
      <c r="O2847" s="53"/>
      <c r="P2847" s="53"/>
      <c r="Q2847" s="53"/>
      <c r="R2847" s="53"/>
      <c r="S2847" s="53"/>
      <c r="T2847" s="53"/>
      <c r="U2847" s="53"/>
      <c r="V2847" s="53"/>
      <c r="W2847" s="53"/>
      <c r="X2847" s="53"/>
      <c r="Y2847" s="53"/>
      <c r="Z2847" s="53"/>
      <c r="AA2847" s="53"/>
      <c r="AB2847" s="53"/>
      <c r="AC2847" s="53"/>
      <c r="AD2847" s="53"/>
      <c r="AE2847" s="53"/>
      <c r="AF2847" s="53"/>
      <c r="AG2847" s="53"/>
      <c r="AH2847" s="53"/>
      <c r="AI2847" s="53"/>
      <c r="AJ2847" s="53"/>
      <c r="AK2847" s="53"/>
      <c r="AL2847" s="53"/>
      <c r="AM2847" s="53"/>
      <c r="AN2847" s="53"/>
      <c r="AO2847" s="53"/>
      <c r="AP2847" s="53"/>
      <c r="AQ2847" s="53"/>
      <c r="AR2847" s="53"/>
      <c r="AS2847" s="53"/>
      <c r="AT2847" s="53"/>
      <c r="AU2847" s="53"/>
      <c r="AV2847" s="53"/>
      <c r="AW2847" s="53"/>
      <c r="AX2847" s="53"/>
      <c r="AY2847" s="53"/>
      <c r="AZ2847" s="53"/>
      <c r="BA2847" s="53"/>
      <c r="BB2847" s="53"/>
      <c r="BC2847" s="53"/>
      <c r="BD2847" s="53"/>
      <c r="BE2847" s="53"/>
      <c r="BF2847" s="53"/>
      <c r="BG2847" s="53"/>
      <c r="BH2847" s="53"/>
      <c r="BI2847" s="53"/>
      <c r="BJ2847" s="53"/>
      <c r="BK2847" s="53"/>
      <c r="BL2847" s="53"/>
      <c r="BM2847" s="53"/>
      <c r="BN2847" s="53"/>
      <c r="BO2847" s="53"/>
      <c r="BP2847" s="53"/>
      <c r="BQ2847" s="53"/>
      <c r="BR2847" s="53"/>
      <c r="BS2847" s="53"/>
      <c r="BT2847" s="53"/>
      <c r="BU2847" s="53"/>
      <c r="BV2847" s="53"/>
      <c r="BW2847" s="53"/>
      <c r="BX2847" s="53"/>
      <c r="BY2847" s="53"/>
      <c r="BZ2847" s="53"/>
      <c r="CA2847" s="53"/>
      <c r="CB2847" s="53">
        <v>1583.15671641791</v>
      </c>
      <c r="CC2847" s="53">
        <v>1583.15671641791</v>
      </c>
      <c r="CD2847" s="53">
        <v>1583.15671641791</v>
      </c>
      <c r="CE2847" s="53">
        <v>1583.15671641791</v>
      </c>
      <c r="CF2847" s="53">
        <v>1583.15671641791</v>
      </c>
      <c r="CG2847" s="53">
        <v>1583.15671641791</v>
      </c>
      <c r="CH2847" s="53">
        <v>1583.15671641791</v>
      </c>
      <c r="CI2847" s="53">
        <v>1583.15671641791</v>
      </c>
      <c r="CJ2847" s="53">
        <v>1583.15671641791</v>
      </c>
      <c r="CK2847" s="53">
        <v>1583.15671641791</v>
      </c>
      <c r="CL2847" s="53">
        <v>1583.15671641791</v>
      </c>
      <c r="CM2847" s="53">
        <v>1583.15671641791</v>
      </c>
      <c r="CN2847" s="53">
        <v>18997.880597014901</v>
      </c>
    </row>
    <row r="2848" spans="1:92" outlineLevel="1">
      <c r="A2848" s="52" t="s">
        <v>649</v>
      </c>
      <c r="B2848" s="53"/>
      <c r="C2848" s="53"/>
      <c r="D2848" s="53"/>
      <c r="E2848" s="53"/>
      <c r="F2848" s="53"/>
      <c r="G2848" s="53"/>
      <c r="H2848" s="53"/>
      <c r="I2848" s="53"/>
      <c r="J2848" s="53"/>
      <c r="K2848" s="53"/>
      <c r="L2848" s="53"/>
      <c r="M2848" s="53"/>
      <c r="N2848" s="53"/>
      <c r="O2848" s="53">
        <v>759792</v>
      </c>
      <c r="P2848" s="53">
        <v>759792</v>
      </c>
      <c r="Q2848" s="53">
        <v>759792</v>
      </c>
      <c r="R2848" s="53">
        <v>759792</v>
      </c>
      <c r="S2848" s="53">
        <v>759792</v>
      </c>
      <c r="T2848" s="53">
        <v>759792</v>
      </c>
      <c r="U2848" s="53">
        <v>759792</v>
      </c>
      <c r="V2848" s="53">
        <v>759792</v>
      </c>
      <c r="W2848" s="53">
        <v>759792</v>
      </c>
      <c r="X2848" s="53">
        <v>759792</v>
      </c>
      <c r="Y2848" s="53">
        <v>759792</v>
      </c>
      <c r="Z2848" s="53">
        <v>759792</v>
      </c>
      <c r="AA2848" s="53">
        <v>9117504</v>
      </c>
      <c r="AB2848" s="53">
        <v>718219</v>
      </c>
      <c r="AC2848" s="53">
        <v>718219</v>
      </c>
      <c r="AD2848" s="53">
        <v>718219</v>
      </c>
      <c r="AE2848" s="53">
        <v>718219</v>
      </c>
      <c r="AF2848" s="53">
        <v>718219</v>
      </c>
      <c r="AG2848" s="53">
        <v>718219</v>
      </c>
      <c r="AH2848" s="53">
        <v>718219</v>
      </c>
      <c r="AI2848" s="53">
        <v>718219</v>
      </c>
      <c r="AJ2848" s="53">
        <v>718219</v>
      </c>
      <c r="AK2848" s="53">
        <v>718219</v>
      </c>
      <c r="AL2848" s="53">
        <v>718219</v>
      </c>
      <c r="AM2848" s="53">
        <v>718219</v>
      </c>
      <c r="AN2848" s="53">
        <v>8618628</v>
      </c>
      <c r="AO2848" s="53">
        <v>681965</v>
      </c>
      <c r="AP2848" s="53">
        <v>681965</v>
      </c>
      <c r="AQ2848" s="53">
        <v>681965</v>
      </c>
      <c r="AR2848" s="53">
        <v>681965</v>
      </c>
      <c r="AS2848" s="53">
        <v>681965</v>
      </c>
      <c r="AT2848" s="53">
        <v>681965</v>
      </c>
      <c r="AU2848" s="53">
        <v>681965</v>
      </c>
      <c r="AV2848" s="53">
        <v>681965</v>
      </c>
      <c r="AW2848" s="53">
        <v>681965</v>
      </c>
      <c r="AX2848" s="53">
        <v>681965</v>
      </c>
      <c r="AY2848" s="53">
        <v>681965</v>
      </c>
      <c r="AZ2848" s="53">
        <v>681965</v>
      </c>
      <c r="BA2848" s="53">
        <v>8183580</v>
      </c>
      <c r="BB2848" s="53">
        <v>646162</v>
      </c>
      <c r="BC2848" s="53">
        <v>646162</v>
      </c>
      <c r="BD2848" s="53">
        <v>646162</v>
      </c>
      <c r="BE2848" s="53">
        <v>646162</v>
      </c>
      <c r="BF2848" s="53">
        <v>646162</v>
      </c>
      <c r="BG2848" s="53">
        <v>646162</v>
      </c>
      <c r="BH2848" s="53">
        <v>646162</v>
      </c>
      <c r="BI2848" s="53">
        <v>646162</v>
      </c>
      <c r="BJ2848" s="53">
        <v>646162</v>
      </c>
      <c r="BK2848" s="53">
        <v>646162</v>
      </c>
      <c r="BL2848" s="53">
        <v>646162</v>
      </c>
      <c r="BM2848" s="53">
        <v>646162</v>
      </c>
      <c r="BN2848" s="53">
        <v>7753944</v>
      </c>
      <c r="BO2848" s="53">
        <v>612539</v>
      </c>
      <c r="BP2848" s="53">
        <v>612539</v>
      </c>
      <c r="BQ2848" s="53">
        <v>612539</v>
      </c>
      <c r="BR2848" s="53">
        <v>612539</v>
      </c>
      <c r="BS2848" s="53">
        <v>612539</v>
      </c>
      <c r="BT2848" s="53">
        <v>612539</v>
      </c>
      <c r="BU2848" s="53">
        <v>612539</v>
      </c>
      <c r="BV2848" s="53">
        <v>612539</v>
      </c>
      <c r="BW2848" s="53">
        <v>612539</v>
      </c>
      <c r="BX2848" s="53">
        <v>612539</v>
      </c>
      <c r="BY2848" s="53">
        <v>612539</v>
      </c>
      <c r="BZ2848" s="53">
        <v>612539</v>
      </c>
      <c r="CA2848" s="53">
        <v>7350467.9999999898</v>
      </c>
      <c r="CB2848" s="53">
        <v>1833.3899204244001</v>
      </c>
      <c r="CC2848" s="53">
        <v>1833.3899204244001</v>
      </c>
      <c r="CD2848" s="53">
        <v>1833.3899204244001</v>
      </c>
      <c r="CE2848" s="53">
        <v>1833.3899204244001</v>
      </c>
      <c r="CF2848" s="53">
        <v>1833.3899204244001</v>
      </c>
      <c r="CG2848" s="53">
        <v>1833.3899204244001</v>
      </c>
      <c r="CH2848" s="53">
        <v>1833.3899204244001</v>
      </c>
      <c r="CI2848" s="53">
        <v>1833.3899204244001</v>
      </c>
      <c r="CJ2848" s="53">
        <v>1833.3899204244001</v>
      </c>
      <c r="CK2848" s="53">
        <v>1833.3899204244001</v>
      </c>
      <c r="CL2848" s="53">
        <v>1833.3899204244001</v>
      </c>
      <c r="CM2848" s="53">
        <v>1833.3899204244001</v>
      </c>
      <c r="CN2848" s="53">
        <v>22000.679045092798</v>
      </c>
    </row>
    <row r="2849" spans="1:92" outlineLevel="1">
      <c r="A2849" s="52" t="s">
        <v>1705</v>
      </c>
      <c r="B2849" s="53"/>
      <c r="C2849" s="53"/>
      <c r="D2849" s="53"/>
      <c r="E2849" s="53"/>
      <c r="F2849" s="53"/>
      <c r="G2849" s="53"/>
      <c r="H2849" s="53"/>
      <c r="I2849" s="53"/>
      <c r="J2849" s="53"/>
      <c r="K2849" s="53"/>
      <c r="L2849" s="53"/>
      <c r="M2849" s="53"/>
      <c r="N2849" s="53"/>
      <c r="O2849" s="53"/>
      <c r="P2849" s="53"/>
      <c r="Q2849" s="53"/>
      <c r="R2849" s="53"/>
      <c r="S2849" s="53"/>
      <c r="T2849" s="53"/>
      <c r="U2849" s="53"/>
      <c r="V2849" s="53"/>
      <c r="W2849" s="53"/>
      <c r="X2849" s="53"/>
      <c r="Y2849" s="53"/>
      <c r="Z2849" s="53"/>
      <c r="AA2849" s="53"/>
      <c r="AB2849" s="53"/>
      <c r="AC2849" s="53"/>
      <c r="AD2849" s="53"/>
      <c r="AE2849" s="53"/>
      <c r="AF2849" s="53"/>
      <c r="AG2849" s="53"/>
      <c r="AH2849" s="53"/>
      <c r="AI2849" s="53"/>
      <c r="AJ2849" s="53"/>
      <c r="AK2849" s="53"/>
      <c r="AL2849" s="53"/>
      <c r="AM2849" s="53"/>
      <c r="AN2849" s="53"/>
      <c r="AO2849" s="53"/>
      <c r="AP2849" s="53"/>
      <c r="AQ2849" s="53"/>
      <c r="AR2849" s="53"/>
      <c r="AS2849" s="53"/>
      <c r="AT2849" s="53"/>
      <c r="AU2849" s="53"/>
      <c r="AV2849" s="53"/>
      <c r="AW2849" s="53"/>
      <c r="AX2849" s="53"/>
      <c r="AY2849" s="53"/>
      <c r="AZ2849" s="53"/>
      <c r="BA2849" s="53"/>
      <c r="BB2849" s="53"/>
      <c r="BC2849" s="53"/>
      <c r="BD2849" s="53"/>
      <c r="BE2849" s="53"/>
      <c r="BF2849" s="53"/>
      <c r="BG2849" s="53"/>
      <c r="BH2849" s="53"/>
      <c r="BI2849" s="53"/>
      <c r="BJ2849" s="53"/>
      <c r="BK2849" s="53"/>
      <c r="BL2849" s="53"/>
      <c r="BM2849" s="53"/>
      <c r="BN2849" s="53"/>
      <c r="BO2849" s="53"/>
      <c r="BP2849" s="53"/>
      <c r="BQ2849" s="53"/>
      <c r="BR2849" s="53"/>
      <c r="BS2849" s="53"/>
      <c r="BT2849" s="53"/>
      <c r="BU2849" s="53"/>
      <c r="BV2849" s="53"/>
      <c r="BW2849" s="53"/>
      <c r="BX2849" s="53"/>
      <c r="BY2849" s="53"/>
      <c r="BZ2849" s="53"/>
      <c r="CA2849" s="53"/>
      <c r="CB2849" s="53"/>
      <c r="CC2849" s="53"/>
      <c r="CD2849" s="53"/>
      <c r="CE2849" s="53"/>
      <c r="CF2849" s="53"/>
      <c r="CG2849" s="53"/>
      <c r="CH2849" s="53"/>
      <c r="CI2849" s="53"/>
      <c r="CJ2849" s="53"/>
      <c r="CK2849" s="53"/>
      <c r="CL2849" s="53"/>
      <c r="CM2849" s="53"/>
      <c r="CN2849" s="53"/>
    </row>
    <row r="2850" spans="1:92" outlineLevel="1">
      <c r="A2850" s="52" t="s">
        <v>649</v>
      </c>
      <c r="B2850" s="53"/>
      <c r="C2850" s="53"/>
      <c r="D2850" s="53"/>
      <c r="E2850" s="53"/>
      <c r="F2850" s="53"/>
      <c r="G2850" s="53"/>
      <c r="H2850" s="53"/>
      <c r="I2850" s="53"/>
      <c r="J2850" s="53"/>
      <c r="K2850" s="53"/>
      <c r="L2850" s="53"/>
      <c r="M2850" s="53"/>
      <c r="N2850" s="53"/>
      <c r="O2850" s="53">
        <v>172338</v>
      </c>
      <c r="P2850" s="53">
        <v>172338</v>
      </c>
      <c r="Q2850" s="53">
        <v>172338</v>
      </c>
      <c r="R2850" s="53">
        <v>172338</v>
      </c>
      <c r="S2850" s="53">
        <v>172338</v>
      </c>
      <c r="T2850" s="53">
        <v>172338</v>
      </c>
      <c r="U2850" s="53">
        <v>172338</v>
      </c>
      <c r="V2850" s="53">
        <v>172338</v>
      </c>
      <c r="W2850" s="53">
        <v>172338</v>
      </c>
      <c r="X2850" s="53">
        <v>172338</v>
      </c>
      <c r="Y2850" s="53">
        <v>172338</v>
      </c>
      <c r="Z2850" s="53">
        <v>172338</v>
      </c>
      <c r="AA2850" s="53">
        <v>2068056</v>
      </c>
      <c r="AB2850" s="53">
        <v>180834</v>
      </c>
      <c r="AC2850" s="53">
        <v>180834</v>
      </c>
      <c r="AD2850" s="53">
        <v>180834</v>
      </c>
      <c r="AE2850" s="53">
        <v>180834</v>
      </c>
      <c r="AF2850" s="53">
        <v>180834</v>
      </c>
      <c r="AG2850" s="53">
        <v>180834</v>
      </c>
      <c r="AH2850" s="53">
        <v>180834</v>
      </c>
      <c r="AI2850" s="53">
        <v>180834</v>
      </c>
      <c r="AJ2850" s="53">
        <v>180834</v>
      </c>
      <c r="AK2850" s="53">
        <v>180834</v>
      </c>
      <c r="AL2850" s="53">
        <v>180834</v>
      </c>
      <c r="AM2850" s="53">
        <v>180834</v>
      </c>
      <c r="AN2850" s="53">
        <v>2170008</v>
      </c>
      <c r="AO2850" s="53">
        <v>190639</v>
      </c>
      <c r="AP2850" s="53">
        <v>190639</v>
      </c>
      <c r="AQ2850" s="53">
        <v>190639</v>
      </c>
      <c r="AR2850" s="53">
        <v>190639</v>
      </c>
      <c r="AS2850" s="53">
        <v>190639</v>
      </c>
      <c r="AT2850" s="53">
        <v>190639</v>
      </c>
      <c r="AU2850" s="53">
        <v>190639</v>
      </c>
      <c r="AV2850" s="53">
        <v>190639</v>
      </c>
      <c r="AW2850" s="53">
        <v>190639</v>
      </c>
      <c r="AX2850" s="53">
        <v>190639</v>
      </c>
      <c r="AY2850" s="53">
        <v>190639</v>
      </c>
      <c r="AZ2850" s="53">
        <v>190639</v>
      </c>
      <c r="BA2850" s="53">
        <v>2287668</v>
      </c>
      <c r="BB2850" s="53">
        <v>201255</v>
      </c>
      <c r="BC2850" s="53">
        <v>201255</v>
      </c>
      <c r="BD2850" s="53">
        <v>201255</v>
      </c>
      <c r="BE2850" s="53">
        <v>201255</v>
      </c>
      <c r="BF2850" s="53">
        <v>201255</v>
      </c>
      <c r="BG2850" s="53">
        <v>201255</v>
      </c>
      <c r="BH2850" s="53">
        <v>201255</v>
      </c>
      <c r="BI2850" s="53">
        <v>201255</v>
      </c>
      <c r="BJ2850" s="53">
        <v>201255</v>
      </c>
      <c r="BK2850" s="53">
        <v>201255</v>
      </c>
      <c r="BL2850" s="53">
        <v>201255</v>
      </c>
      <c r="BM2850" s="53">
        <v>201255</v>
      </c>
      <c r="BN2850" s="53">
        <v>2415060</v>
      </c>
      <c r="BO2850" s="53">
        <v>212817</v>
      </c>
      <c r="BP2850" s="53">
        <v>212817</v>
      </c>
      <c r="BQ2850" s="53">
        <v>212817</v>
      </c>
      <c r="BR2850" s="53">
        <v>212817</v>
      </c>
      <c r="BS2850" s="53">
        <v>212817</v>
      </c>
      <c r="BT2850" s="53">
        <v>212817</v>
      </c>
      <c r="BU2850" s="53">
        <v>212817</v>
      </c>
      <c r="BV2850" s="53">
        <v>212817</v>
      </c>
      <c r="BW2850" s="53">
        <v>212817</v>
      </c>
      <c r="BX2850" s="53">
        <v>212817</v>
      </c>
      <c r="BY2850" s="53">
        <v>212817</v>
      </c>
      <c r="BZ2850" s="53">
        <v>212817</v>
      </c>
      <c r="CA2850" s="53">
        <v>2553804</v>
      </c>
      <c r="CB2850" s="53">
        <v>11723.4531645569</v>
      </c>
      <c r="CC2850" s="53">
        <v>11723.4531645569</v>
      </c>
      <c r="CD2850" s="53">
        <v>11723.4531645569</v>
      </c>
      <c r="CE2850" s="53">
        <v>11723.4531645569</v>
      </c>
      <c r="CF2850" s="53">
        <v>11723.4531645569</v>
      </c>
      <c r="CG2850" s="53">
        <v>11723.4531645569</v>
      </c>
      <c r="CH2850" s="53">
        <v>11723.4531645569</v>
      </c>
      <c r="CI2850" s="53">
        <v>11723.4531645569</v>
      </c>
      <c r="CJ2850" s="53">
        <v>11723.4531645569</v>
      </c>
      <c r="CK2850" s="53">
        <v>11723.4531645569</v>
      </c>
      <c r="CL2850" s="53">
        <v>11723.4531645569</v>
      </c>
      <c r="CM2850" s="53">
        <v>11723.4531645569</v>
      </c>
      <c r="CN2850" s="53">
        <v>140681.43797468301</v>
      </c>
    </row>
    <row r="2851" spans="1:92" outlineLevel="1">
      <c r="A2851" s="52" t="s">
        <v>1706</v>
      </c>
      <c r="B2851" s="53"/>
      <c r="C2851" s="53"/>
      <c r="D2851" s="53"/>
      <c r="E2851" s="53"/>
      <c r="F2851" s="53"/>
      <c r="G2851" s="53"/>
      <c r="H2851" s="53"/>
      <c r="I2851" s="53"/>
      <c r="J2851" s="53"/>
      <c r="K2851" s="53"/>
      <c r="L2851" s="53"/>
      <c r="M2851" s="53"/>
      <c r="N2851" s="53"/>
      <c r="O2851" s="53"/>
      <c r="P2851" s="53"/>
      <c r="Q2851" s="53"/>
      <c r="R2851" s="53"/>
      <c r="S2851" s="53"/>
      <c r="T2851" s="53"/>
      <c r="U2851" s="53"/>
      <c r="V2851" s="53"/>
      <c r="W2851" s="53"/>
      <c r="X2851" s="53"/>
      <c r="Y2851" s="53"/>
      <c r="Z2851" s="53"/>
      <c r="AA2851" s="53"/>
      <c r="AB2851" s="53"/>
      <c r="AC2851" s="53"/>
      <c r="AD2851" s="53"/>
      <c r="AE2851" s="53"/>
      <c r="AF2851" s="53"/>
      <c r="AG2851" s="53"/>
      <c r="AH2851" s="53"/>
      <c r="AI2851" s="53"/>
      <c r="AJ2851" s="53"/>
      <c r="AK2851" s="53"/>
      <c r="AL2851" s="53"/>
      <c r="AM2851" s="53"/>
      <c r="AN2851" s="53"/>
      <c r="AO2851" s="53"/>
      <c r="AP2851" s="53"/>
      <c r="AQ2851" s="53"/>
      <c r="AR2851" s="53"/>
      <c r="AS2851" s="53"/>
      <c r="AT2851" s="53"/>
      <c r="AU2851" s="53"/>
      <c r="AV2851" s="53"/>
      <c r="AW2851" s="53"/>
      <c r="AX2851" s="53"/>
      <c r="AY2851" s="53"/>
      <c r="AZ2851" s="53"/>
      <c r="BA2851" s="53"/>
      <c r="BB2851" s="53"/>
      <c r="BC2851" s="53"/>
      <c r="BD2851" s="53"/>
      <c r="BE2851" s="53"/>
      <c r="BF2851" s="53"/>
      <c r="BG2851" s="53"/>
      <c r="BH2851" s="53"/>
      <c r="BI2851" s="53"/>
      <c r="BJ2851" s="53"/>
      <c r="BK2851" s="53"/>
      <c r="BL2851" s="53"/>
      <c r="BM2851" s="53"/>
      <c r="BN2851" s="53"/>
      <c r="BO2851" s="53"/>
      <c r="BP2851" s="53"/>
      <c r="BQ2851" s="53"/>
      <c r="BR2851" s="53"/>
      <c r="BS2851" s="53"/>
      <c r="BT2851" s="53"/>
      <c r="BU2851" s="53"/>
      <c r="BV2851" s="53"/>
      <c r="BW2851" s="53"/>
      <c r="BX2851" s="53"/>
      <c r="BY2851" s="53"/>
      <c r="BZ2851" s="53"/>
      <c r="CA2851" s="53"/>
      <c r="CB2851" s="53">
        <v>4051.8264840182501</v>
      </c>
      <c r="CC2851" s="53">
        <v>4051.8264840182401</v>
      </c>
      <c r="CD2851" s="53">
        <v>4051.8264840182401</v>
      </c>
      <c r="CE2851" s="53">
        <v>4051.8264840182401</v>
      </c>
      <c r="CF2851" s="53">
        <v>4051.8264840182401</v>
      </c>
      <c r="CG2851" s="53">
        <v>4051.8264840182501</v>
      </c>
      <c r="CH2851" s="53">
        <v>4051.8264840182501</v>
      </c>
      <c r="CI2851" s="53">
        <v>4051.8264840182401</v>
      </c>
      <c r="CJ2851" s="53">
        <v>4051.8264840182401</v>
      </c>
      <c r="CK2851" s="53">
        <v>4051.8264840182501</v>
      </c>
      <c r="CL2851" s="53">
        <v>4051.8264840182401</v>
      </c>
      <c r="CM2851" s="53">
        <v>4051.8264840182401</v>
      </c>
      <c r="CN2851" s="53">
        <v>48621.917808218997</v>
      </c>
    </row>
    <row r="2852" spans="1:92" outlineLevel="1">
      <c r="A2852" s="52" t="s">
        <v>1707</v>
      </c>
      <c r="B2852" s="53"/>
      <c r="C2852" s="53"/>
      <c r="D2852" s="53"/>
      <c r="E2852" s="53"/>
      <c r="F2852" s="53"/>
      <c r="G2852" s="53"/>
      <c r="H2852" s="53"/>
      <c r="I2852" s="53"/>
      <c r="J2852" s="53"/>
      <c r="K2852" s="53"/>
      <c r="L2852" s="53"/>
      <c r="M2852" s="53"/>
      <c r="N2852" s="53"/>
      <c r="O2852" s="53"/>
      <c r="P2852" s="53"/>
      <c r="Q2852" s="53"/>
      <c r="R2852" s="53"/>
      <c r="S2852" s="53"/>
      <c r="T2852" s="53"/>
      <c r="U2852" s="53"/>
      <c r="V2852" s="53"/>
      <c r="W2852" s="53"/>
      <c r="X2852" s="53"/>
      <c r="Y2852" s="53"/>
      <c r="Z2852" s="53"/>
      <c r="AA2852" s="53"/>
      <c r="AB2852" s="53"/>
      <c r="AC2852" s="53"/>
      <c r="AD2852" s="53"/>
      <c r="AE2852" s="53"/>
      <c r="AF2852" s="53"/>
      <c r="AG2852" s="53"/>
      <c r="AH2852" s="53"/>
      <c r="AI2852" s="53"/>
      <c r="AJ2852" s="53"/>
      <c r="AK2852" s="53"/>
      <c r="AL2852" s="53"/>
      <c r="AM2852" s="53"/>
      <c r="AN2852" s="53"/>
      <c r="AO2852" s="53"/>
      <c r="AP2852" s="53"/>
      <c r="AQ2852" s="53"/>
      <c r="AR2852" s="53"/>
      <c r="AS2852" s="53"/>
      <c r="AT2852" s="53"/>
      <c r="AU2852" s="53"/>
      <c r="AV2852" s="53"/>
      <c r="AW2852" s="53"/>
      <c r="AX2852" s="53"/>
      <c r="AY2852" s="53"/>
      <c r="AZ2852" s="53"/>
      <c r="BA2852" s="53"/>
      <c r="BB2852" s="53"/>
      <c r="BC2852" s="53"/>
      <c r="BD2852" s="53"/>
      <c r="BE2852" s="53"/>
      <c r="BF2852" s="53"/>
      <c r="BG2852" s="53"/>
      <c r="BH2852" s="53"/>
      <c r="BI2852" s="53"/>
      <c r="BJ2852" s="53"/>
      <c r="BK2852" s="53"/>
      <c r="BL2852" s="53"/>
      <c r="BM2852" s="53"/>
      <c r="BN2852" s="53"/>
      <c r="BO2852" s="53"/>
      <c r="BP2852" s="53"/>
      <c r="BQ2852" s="53"/>
      <c r="BR2852" s="53"/>
      <c r="BS2852" s="53"/>
      <c r="BT2852" s="53"/>
      <c r="BU2852" s="53"/>
      <c r="BV2852" s="53"/>
      <c r="BW2852" s="53"/>
      <c r="BX2852" s="53"/>
      <c r="BY2852" s="53"/>
      <c r="BZ2852" s="53"/>
      <c r="CA2852" s="53"/>
      <c r="CB2852" s="53">
        <v>3523.40918163673</v>
      </c>
      <c r="CC2852" s="53">
        <v>3523.40918163673</v>
      </c>
      <c r="CD2852" s="53">
        <v>3523.40918163673</v>
      </c>
      <c r="CE2852" s="53">
        <v>3523.40918163673</v>
      </c>
      <c r="CF2852" s="53">
        <v>3523.40918163673</v>
      </c>
      <c r="CG2852" s="53">
        <v>3523.40918163673</v>
      </c>
      <c r="CH2852" s="53">
        <v>3523.40918163673</v>
      </c>
      <c r="CI2852" s="53">
        <v>3523.40918163673</v>
      </c>
      <c r="CJ2852" s="53">
        <v>3523.40918163673</v>
      </c>
      <c r="CK2852" s="53">
        <v>3523.40918163673</v>
      </c>
      <c r="CL2852" s="53">
        <v>3523.40918163673</v>
      </c>
      <c r="CM2852" s="53">
        <v>3523.40918163673</v>
      </c>
      <c r="CN2852" s="53">
        <v>42280.910179640799</v>
      </c>
    </row>
    <row r="2853" spans="1:92" outlineLevel="1">
      <c r="A2853" s="52" t="s">
        <v>649</v>
      </c>
      <c r="B2853" s="53"/>
      <c r="C2853" s="53"/>
      <c r="D2853" s="53"/>
      <c r="E2853" s="53"/>
      <c r="F2853" s="53"/>
      <c r="G2853" s="53"/>
      <c r="H2853" s="53"/>
      <c r="I2853" s="53"/>
      <c r="J2853" s="53"/>
      <c r="K2853" s="53"/>
      <c r="L2853" s="53"/>
      <c r="M2853" s="53"/>
      <c r="N2853" s="53"/>
      <c r="O2853" s="53">
        <v>-3601767</v>
      </c>
      <c r="P2853" s="53">
        <v>-3601767</v>
      </c>
      <c r="Q2853" s="53">
        <v>-3601767</v>
      </c>
      <c r="R2853" s="53">
        <v>-3601767</v>
      </c>
      <c r="S2853" s="53">
        <v>-3601767</v>
      </c>
      <c r="T2853" s="53">
        <v>-3601767</v>
      </c>
      <c r="U2853" s="53">
        <v>-3601767</v>
      </c>
      <c r="V2853" s="53">
        <v>-3601767</v>
      </c>
      <c r="W2853" s="53">
        <v>-3523080</v>
      </c>
      <c r="X2853" s="53">
        <v>-3552106</v>
      </c>
      <c r="Y2853" s="53">
        <v>-3552106</v>
      </c>
      <c r="Z2853" s="53">
        <v>-3525880</v>
      </c>
      <c r="AA2853" s="53">
        <v>-42967308</v>
      </c>
      <c r="AB2853" s="53">
        <v>-3509234</v>
      </c>
      <c r="AC2853" s="53">
        <v>-3509234</v>
      </c>
      <c r="AD2853" s="53">
        <v>-3509234</v>
      </c>
      <c r="AE2853" s="53">
        <v>-3509234</v>
      </c>
      <c r="AF2853" s="53">
        <v>-3509234</v>
      </c>
      <c r="AG2853" s="53">
        <v>-3509234</v>
      </c>
      <c r="AH2853" s="53">
        <v>-3509234</v>
      </c>
      <c r="AI2853" s="53">
        <v>-3509234</v>
      </c>
      <c r="AJ2853" s="53">
        <v>-3509234</v>
      </c>
      <c r="AK2853" s="53">
        <v>-3509234</v>
      </c>
      <c r="AL2853" s="53">
        <v>-3509234</v>
      </c>
      <c r="AM2853" s="53">
        <v>-3509229</v>
      </c>
      <c r="AN2853" s="53">
        <v>-42110802.999999903</v>
      </c>
      <c r="AO2853" s="53">
        <v>-3047373</v>
      </c>
      <c r="AP2853" s="53">
        <v>-3047373</v>
      </c>
      <c r="AQ2853" s="53">
        <v>-3047373</v>
      </c>
      <c r="AR2853" s="53">
        <v>-3047373</v>
      </c>
      <c r="AS2853" s="53">
        <v>-3047373</v>
      </c>
      <c r="AT2853" s="53">
        <v>-3047373</v>
      </c>
      <c r="AU2853" s="53">
        <v>-3047373</v>
      </c>
      <c r="AV2853" s="53">
        <v>-3047373</v>
      </c>
      <c r="AW2853" s="53">
        <v>-3047373</v>
      </c>
      <c r="AX2853" s="53">
        <v>-3047373</v>
      </c>
      <c r="AY2853" s="53">
        <v>-3047373</v>
      </c>
      <c r="AZ2853" s="53">
        <v>-3047373</v>
      </c>
      <c r="BA2853" s="53">
        <v>-36568476</v>
      </c>
      <c r="BB2853" s="53">
        <v>-2258953</v>
      </c>
      <c r="BC2853" s="53">
        <v>-2258953</v>
      </c>
      <c r="BD2853" s="53">
        <v>-2258953</v>
      </c>
      <c r="BE2853" s="53">
        <v>-2258953</v>
      </c>
      <c r="BF2853" s="53">
        <v>-2258953</v>
      </c>
      <c r="BG2853" s="53">
        <v>-2258953</v>
      </c>
      <c r="BH2853" s="53">
        <v>-2258953</v>
      </c>
      <c r="BI2853" s="53">
        <v>-2258953</v>
      </c>
      <c r="BJ2853" s="53">
        <v>-2258953</v>
      </c>
      <c r="BK2853" s="53">
        <v>-2258953</v>
      </c>
      <c r="BL2853" s="53">
        <v>-2258953</v>
      </c>
      <c r="BM2853" s="53">
        <v>-2258953</v>
      </c>
      <c r="BN2853" s="53">
        <v>-27107436</v>
      </c>
      <c r="BO2853" s="53">
        <v>-1311804.5</v>
      </c>
      <c r="BP2853" s="53">
        <v>-1311804.5</v>
      </c>
      <c r="BQ2853" s="53">
        <v>-1311804.5</v>
      </c>
      <c r="BR2853" s="53">
        <v>-1311804.5</v>
      </c>
      <c r="BS2853" s="53">
        <v>-1311804.5</v>
      </c>
      <c r="BT2853" s="53">
        <v>-1311804.5</v>
      </c>
      <c r="BU2853" s="53">
        <v>-1311804.5</v>
      </c>
      <c r="BV2853" s="53">
        <v>-1311804.5</v>
      </c>
      <c r="BW2853" s="53">
        <v>-1311804.5</v>
      </c>
      <c r="BX2853" s="53">
        <v>-1311804.5</v>
      </c>
      <c r="BY2853" s="53">
        <v>-1311804.5</v>
      </c>
      <c r="BZ2853" s="53">
        <v>-1311804.5</v>
      </c>
      <c r="CA2853" s="53">
        <v>-15741654</v>
      </c>
      <c r="CB2853" s="53">
        <v>9347.6262626262305</v>
      </c>
      <c r="CC2853" s="53">
        <v>9347.6262626262305</v>
      </c>
      <c r="CD2853" s="53">
        <v>9347.6262626262305</v>
      </c>
      <c r="CE2853" s="53">
        <v>9347.6262626262305</v>
      </c>
      <c r="CF2853" s="53">
        <v>9347.6262626262305</v>
      </c>
      <c r="CG2853" s="53">
        <v>9347.6262626262305</v>
      </c>
      <c r="CH2853" s="53">
        <v>9347.6262626262305</v>
      </c>
      <c r="CI2853" s="53">
        <v>9347.6262626262305</v>
      </c>
      <c r="CJ2853" s="53">
        <v>9347.6262626262305</v>
      </c>
      <c r="CK2853" s="53">
        <v>9347.6262626262305</v>
      </c>
      <c r="CL2853" s="53">
        <v>9347.6262626262305</v>
      </c>
      <c r="CM2853" s="53">
        <v>9347.6262626262305</v>
      </c>
      <c r="CN2853" s="53">
        <v>112171.515151514</v>
      </c>
    </row>
    <row r="2854" spans="1:92" outlineLevel="1">
      <c r="A2854" s="59" t="s">
        <v>1710</v>
      </c>
      <c r="B2854" s="53">
        <v>165195891.93000001</v>
      </c>
      <c r="C2854" s="53">
        <v>162553301.94999999</v>
      </c>
      <c r="D2854" s="53">
        <v>160810188.15000001</v>
      </c>
      <c r="E2854" s="53">
        <v>158921564.99000001</v>
      </c>
      <c r="F2854" s="53">
        <v>157540080.78999999</v>
      </c>
      <c r="G2854" s="53">
        <v>154790693.63999999</v>
      </c>
      <c r="H2854" s="53">
        <v>153105458.66999999</v>
      </c>
      <c r="I2854" s="53">
        <v>151562042.19999999</v>
      </c>
      <c r="J2854" s="53">
        <v>156415979.03</v>
      </c>
      <c r="K2854" s="53">
        <v>155230611.78</v>
      </c>
      <c r="L2854" s="53">
        <v>159247972.84</v>
      </c>
      <c r="M2854" s="53">
        <v>111013548.42</v>
      </c>
      <c r="N2854" s="53">
        <v>111013548.42</v>
      </c>
      <c r="O2854" s="53">
        <v>108343911.42</v>
      </c>
      <c r="P2854" s="53">
        <v>105674274.42</v>
      </c>
      <c r="Q2854" s="53">
        <v>103004637.42</v>
      </c>
      <c r="R2854" s="53">
        <v>100335000.42</v>
      </c>
      <c r="S2854" s="53">
        <v>97665363.419999897</v>
      </c>
      <c r="T2854" s="53">
        <v>94995726.419999897</v>
      </c>
      <c r="U2854" s="53">
        <v>92326089.419999897</v>
      </c>
      <c r="V2854" s="53">
        <v>89656452.419999897</v>
      </c>
      <c r="W2854" s="53">
        <v>62865502.419999897</v>
      </c>
      <c r="X2854" s="53">
        <v>60245526.419999897</v>
      </c>
      <c r="Y2854" s="53">
        <v>57625550.419999897</v>
      </c>
      <c r="Z2854" s="53">
        <v>55031800.419999897</v>
      </c>
      <c r="AA2854" s="53">
        <v>55031800.419999897</v>
      </c>
      <c r="AB2854" s="53">
        <v>52421619.419999897</v>
      </c>
      <c r="AC2854" s="53">
        <v>49811438.419999897</v>
      </c>
      <c r="AD2854" s="53">
        <v>47201257.419999897</v>
      </c>
      <c r="AE2854" s="53">
        <v>44591076.419999897</v>
      </c>
      <c r="AF2854" s="53">
        <v>41980895.420000002</v>
      </c>
      <c r="AG2854" s="53">
        <v>39370714.420000002</v>
      </c>
      <c r="AH2854" s="53">
        <v>36760533.420000002</v>
      </c>
      <c r="AI2854" s="53">
        <v>34150352.420000002</v>
      </c>
      <c r="AJ2854" s="53">
        <v>31540171.420000002</v>
      </c>
      <c r="AK2854" s="53">
        <v>28929990.420000002</v>
      </c>
      <c r="AL2854" s="53">
        <v>26319809.420000002</v>
      </c>
      <c r="AM2854" s="53">
        <v>23709633.420000002</v>
      </c>
      <c r="AN2854" s="53">
        <v>23709633.420000002</v>
      </c>
      <c r="AO2854" s="53">
        <v>21534864.420000002</v>
      </c>
      <c r="AP2854" s="53">
        <v>19360095.420000002</v>
      </c>
      <c r="AQ2854" s="53">
        <v>17185326.420000002</v>
      </c>
      <c r="AR2854" s="53">
        <v>15010557.42</v>
      </c>
      <c r="AS2854" s="53">
        <v>12835788.42</v>
      </c>
      <c r="AT2854" s="53">
        <v>10661019.42</v>
      </c>
      <c r="AU2854" s="53">
        <v>8486250.4199999999</v>
      </c>
      <c r="AV2854" s="53">
        <v>6311481.4199999999</v>
      </c>
      <c r="AW2854" s="53">
        <v>4136712.42</v>
      </c>
      <c r="AX2854" s="53">
        <v>1961943.42</v>
      </c>
      <c r="AY2854" s="53">
        <v>-212825.579999993</v>
      </c>
      <c r="AZ2854" s="53">
        <v>-2387594.5799999898</v>
      </c>
      <c r="BA2854" s="53">
        <v>-2387594.5799999898</v>
      </c>
      <c r="BB2854" s="53">
        <v>-3799130.5799999898</v>
      </c>
      <c r="BC2854" s="53">
        <v>-5210666.5799999898</v>
      </c>
      <c r="BD2854" s="53">
        <v>-6622202.5799999898</v>
      </c>
      <c r="BE2854" s="53">
        <v>-8033738.5799999898</v>
      </c>
      <c r="BF2854" s="53">
        <v>-9445274.5799999908</v>
      </c>
      <c r="BG2854" s="53">
        <v>-10856810.579999899</v>
      </c>
      <c r="BH2854" s="53">
        <v>-12268346.579999899</v>
      </c>
      <c r="BI2854" s="53">
        <v>-13679882.579999899</v>
      </c>
      <c r="BJ2854" s="53">
        <v>-15091418.579999899</v>
      </c>
      <c r="BK2854" s="53">
        <v>-16502954.579999899</v>
      </c>
      <c r="BL2854" s="53">
        <v>-17914490.579999901</v>
      </c>
      <c r="BM2854" s="53">
        <v>-19326026.579999901</v>
      </c>
      <c r="BN2854" s="53">
        <v>-19326026.579999901</v>
      </c>
      <c r="BO2854" s="53">
        <v>-19812475.079999901</v>
      </c>
      <c r="BP2854" s="53">
        <v>-20298923.579999901</v>
      </c>
      <c r="BQ2854" s="53">
        <v>-20785372.079999901</v>
      </c>
      <c r="BR2854" s="53">
        <v>-21271820.579999901</v>
      </c>
      <c r="BS2854" s="53">
        <v>-21758269.079999901</v>
      </c>
      <c r="BT2854" s="53">
        <v>-22244717.579999901</v>
      </c>
      <c r="BU2854" s="53">
        <v>-22731166.079999901</v>
      </c>
      <c r="BV2854" s="53">
        <v>-23217614.579999901</v>
      </c>
      <c r="BW2854" s="53">
        <v>-23704063.079999901</v>
      </c>
      <c r="BX2854" s="53">
        <v>-24190511.579999901</v>
      </c>
      <c r="BY2854" s="53">
        <v>-24676960.079999901</v>
      </c>
      <c r="BZ2854" s="53">
        <v>-25163408.579999901</v>
      </c>
      <c r="CA2854" s="53">
        <v>-25163408.579999901</v>
      </c>
      <c r="CB2854" s="53">
        <v>1620.19834710743</v>
      </c>
      <c r="CC2854" s="53"/>
      <c r="CD2854" s="53"/>
      <c r="CE2854" s="53"/>
      <c r="CF2854" s="53"/>
      <c r="CG2854" s="53"/>
      <c r="CH2854" s="53"/>
      <c r="CI2854" s="53"/>
      <c r="CJ2854" s="53"/>
      <c r="CK2854" s="53"/>
      <c r="CL2854" s="53"/>
      <c r="CM2854" s="53"/>
      <c r="CN2854" s="53">
        <v>1620.19834710743</v>
      </c>
    </row>
    <row r="2855" spans="1:92" outlineLevel="1">
      <c r="A2855" s="52" t="s">
        <v>1711</v>
      </c>
      <c r="B2855" s="53"/>
      <c r="C2855" s="53"/>
      <c r="D2855" s="53"/>
      <c r="E2855" s="53"/>
      <c r="F2855" s="53"/>
      <c r="G2855" s="53"/>
      <c r="H2855" s="53"/>
      <c r="I2855" s="53"/>
      <c r="J2855" s="53"/>
      <c r="K2855" s="53"/>
      <c r="L2855" s="53"/>
      <c r="M2855" s="53"/>
      <c r="N2855" s="53"/>
      <c r="O2855" s="53"/>
      <c r="P2855" s="53"/>
      <c r="Q2855" s="53"/>
      <c r="R2855" s="53"/>
      <c r="S2855" s="53"/>
      <c r="T2855" s="53"/>
      <c r="U2855" s="53"/>
      <c r="V2855" s="53"/>
      <c r="W2855" s="53"/>
      <c r="X2855" s="53"/>
      <c r="Y2855" s="53"/>
      <c r="Z2855" s="53"/>
      <c r="AA2855" s="53"/>
      <c r="AB2855" s="53"/>
      <c r="AC2855" s="53"/>
      <c r="AD2855" s="53"/>
      <c r="AE2855" s="53"/>
      <c r="AF2855" s="53"/>
      <c r="AG2855" s="53"/>
      <c r="AH2855" s="53"/>
      <c r="AI2855" s="53"/>
      <c r="AJ2855" s="53"/>
      <c r="AK2855" s="53"/>
      <c r="AL2855" s="53"/>
      <c r="AM2855" s="53"/>
      <c r="AN2855" s="53"/>
      <c r="AO2855" s="53"/>
      <c r="AP2855" s="53"/>
      <c r="AQ2855" s="53"/>
      <c r="AR2855" s="53"/>
      <c r="AS2855" s="53"/>
      <c r="AT2855" s="53"/>
      <c r="AU2855" s="53"/>
      <c r="AV2855" s="53"/>
      <c r="AW2855" s="53"/>
      <c r="AX2855" s="53"/>
      <c r="AY2855" s="53"/>
      <c r="AZ2855" s="53"/>
      <c r="BA2855" s="53"/>
      <c r="BB2855" s="53"/>
      <c r="BC2855" s="53"/>
      <c r="BD2855" s="53"/>
      <c r="BE2855" s="53"/>
      <c r="BF2855" s="53"/>
      <c r="BG2855" s="53"/>
      <c r="BH2855" s="53"/>
      <c r="BI2855" s="53"/>
      <c r="BJ2855" s="53"/>
      <c r="BK2855" s="53"/>
      <c r="BL2855" s="53"/>
      <c r="BM2855" s="53"/>
      <c r="BN2855" s="53"/>
      <c r="BO2855" s="53"/>
      <c r="BP2855" s="53"/>
      <c r="BQ2855" s="53"/>
      <c r="BR2855" s="53"/>
      <c r="BS2855" s="53"/>
      <c r="BT2855" s="53"/>
      <c r="BU2855" s="53"/>
      <c r="BV2855" s="53"/>
      <c r="BW2855" s="53"/>
      <c r="BX2855" s="53"/>
      <c r="BY2855" s="53"/>
      <c r="BZ2855" s="53"/>
      <c r="CA2855" s="53"/>
      <c r="CB2855" s="53">
        <v>1540.86342229199</v>
      </c>
      <c r="CC2855" s="53">
        <v>1540.86342229199</v>
      </c>
      <c r="CD2855" s="53">
        <v>1540.86342229199</v>
      </c>
      <c r="CE2855" s="53">
        <v>1540.86342229199</v>
      </c>
      <c r="CF2855" s="53">
        <v>1540.86342229199</v>
      </c>
      <c r="CG2855" s="53">
        <v>1540.86342229199</v>
      </c>
      <c r="CH2855" s="53">
        <v>1540.86342229199</v>
      </c>
      <c r="CI2855" s="53">
        <v>1540.86342229199</v>
      </c>
      <c r="CJ2855" s="53">
        <v>1540.86342229199</v>
      </c>
      <c r="CK2855" s="53">
        <v>1540.86342229199</v>
      </c>
      <c r="CL2855" s="53">
        <v>1540.86342229199</v>
      </c>
      <c r="CM2855" s="53">
        <v>1540.86342229199</v>
      </c>
      <c r="CN2855" s="53">
        <v>18490.361067503902</v>
      </c>
    </row>
    <row r="2856" spans="1:92" outlineLevel="1">
      <c r="A2856" s="52" t="s">
        <v>1712</v>
      </c>
      <c r="B2856" s="53">
        <v>0</v>
      </c>
      <c r="C2856" s="53">
        <v>0</v>
      </c>
      <c r="D2856" s="53">
        <v>0</v>
      </c>
      <c r="E2856" s="53">
        <v>0</v>
      </c>
      <c r="F2856" s="53">
        <v>0</v>
      </c>
      <c r="G2856" s="53">
        <v>0</v>
      </c>
      <c r="H2856" s="53">
        <v>0</v>
      </c>
      <c r="I2856" s="53">
        <v>0</v>
      </c>
      <c r="J2856" s="53">
        <v>0</v>
      </c>
      <c r="K2856" s="53">
        <v>0</v>
      </c>
      <c r="L2856" s="53">
        <v>0</v>
      </c>
      <c r="M2856" s="53">
        <v>0</v>
      </c>
      <c r="N2856" s="53">
        <v>0</v>
      </c>
      <c r="O2856" s="53">
        <v>0</v>
      </c>
      <c r="P2856" s="53">
        <v>0</v>
      </c>
      <c r="Q2856" s="53">
        <v>0</v>
      </c>
      <c r="R2856" s="53">
        <v>0</v>
      </c>
      <c r="S2856" s="53">
        <v>0</v>
      </c>
      <c r="T2856" s="53">
        <v>0</v>
      </c>
      <c r="U2856" s="53">
        <v>0</v>
      </c>
      <c r="V2856" s="53">
        <v>0</v>
      </c>
      <c r="W2856" s="53">
        <v>0</v>
      </c>
      <c r="X2856" s="53">
        <v>0</v>
      </c>
      <c r="Y2856" s="53">
        <v>0</v>
      </c>
      <c r="Z2856" s="53">
        <v>0</v>
      </c>
      <c r="AA2856" s="53">
        <v>0</v>
      </c>
      <c r="AB2856" s="53">
        <v>0</v>
      </c>
      <c r="AC2856" s="53">
        <v>0</v>
      </c>
      <c r="AD2856" s="53">
        <v>0</v>
      </c>
      <c r="AE2856" s="53">
        <v>0</v>
      </c>
      <c r="AF2856" s="53">
        <v>0</v>
      </c>
      <c r="AG2856" s="53">
        <v>0</v>
      </c>
      <c r="AH2856" s="53">
        <v>0</v>
      </c>
      <c r="AI2856" s="53">
        <v>0</v>
      </c>
      <c r="AJ2856" s="53">
        <v>0</v>
      </c>
      <c r="AK2856" s="53">
        <v>0</v>
      </c>
      <c r="AL2856" s="53">
        <v>0</v>
      </c>
      <c r="AM2856" s="53">
        <v>0</v>
      </c>
      <c r="AN2856" s="53">
        <v>0</v>
      </c>
      <c r="AO2856" s="53">
        <v>0</v>
      </c>
      <c r="AP2856" s="53">
        <v>0</v>
      </c>
      <c r="AQ2856" s="53">
        <v>0</v>
      </c>
      <c r="AR2856" s="53">
        <v>0</v>
      </c>
      <c r="AS2856" s="53">
        <v>0</v>
      </c>
      <c r="AT2856" s="53">
        <v>0</v>
      </c>
      <c r="AU2856" s="53">
        <v>0</v>
      </c>
      <c r="AV2856" s="53">
        <v>0</v>
      </c>
      <c r="AW2856" s="53">
        <v>0</v>
      </c>
      <c r="AX2856" s="53">
        <v>0</v>
      </c>
      <c r="AY2856" s="53">
        <v>0</v>
      </c>
      <c r="AZ2856" s="53">
        <v>0</v>
      </c>
      <c r="BA2856" s="53">
        <v>0</v>
      </c>
      <c r="BB2856" s="53">
        <v>0</v>
      </c>
      <c r="BC2856" s="53">
        <v>0</v>
      </c>
      <c r="BD2856" s="53">
        <v>0</v>
      </c>
      <c r="BE2856" s="53">
        <v>0</v>
      </c>
      <c r="BF2856" s="53">
        <v>0</v>
      </c>
      <c r="BG2856" s="53">
        <v>0</v>
      </c>
      <c r="BH2856" s="53">
        <v>0</v>
      </c>
      <c r="BI2856" s="53">
        <v>0</v>
      </c>
      <c r="BJ2856" s="53">
        <v>0</v>
      </c>
      <c r="BK2856" s="53">
        <v>0</v>
      </c>
      <c r="BL2856" s="53">
        <v>0</v>
      </c>
      <c r="BM2856" s="53">
        <v>0</v>
      </c>
      <c r="BN2856" s="53">
        <v>0</v>
      </c>
      <c r="BO2856" s="53">
        <v>0</v>
      </c>
      <c r="BP2856" s="53">
        <v>0</v>
      </c>
      <c r="BQ2856" s="53">
        <v>0</v>
      </c>
      <c r="BR2856" s="53">
        <v>0</v>
      </c>
      <c r="BS2856" s="53">
        <v>0</v>
      </c>
      <c r="BT2856" s="53">
        <v>0</v>
      </c>
      <c r="BU2856" s="53">
        <v>0</v>
      </c>
      <c r="BV2856" s="53">
        <v>0</v>
      </c>
      <c r="BW2856" s="53">
        <v>0</v>
      </c>
      <c r="BX2856" s="53">
        <v>0</v>
      </c>
      <c r="BY2856" s="53">
        <v>0</v>
      </c>
      <c r="BZ2856" s="53">
        <v>0</v>
      </c>
      <c r="CA2856" s="53">
        <v>0</v>
      </c>
      <c r="CB2856" s="53">
        <v>9185.2866242038108</v>
      </c>
      <c r="CC2856" s="53">
        <v>9185.2866242038108</v>
      </c>
      <c r="CD2856" s="53">
        <v>9185.2866242038108</v>
      </c>
      <c r="CE2856" s="53">
        <v>9185.2866242038108</v>
      </c>
      <c r="CF2856" s="53">
        <v>9185.2866242038108</v>
      </c>
      <c r="CG2856" s="53">
        <v>9185.2866242038108</v>
      </c>
      <c r="CH2856" s="53">
        <v>9185.2866242038108</v>
      </c>
      <c r="CI2856" s="53">
        <v>9185.2866242038108</v>
      </c>
      <c r="CJ2856" s="53">
        <v>9185.2866242038108</v>
      </c>
      <c r="CK2856" s="53">
        <v>9185.2866242038108</v>
      </c>
      <c r="CL2856" s="53">
        <v>9185.2866242038108</v>
      </c>
      <c r="CM2856" s="53">
        <v>9185.2866242038108</v>
      </c>
      <c r="CN2856" s="53">
        <v>110223.439490445</v>
      </c>
    </row>
    <row r="2857" spans="1:92" outlineLevel="1">
      <c r="A2857" s="52" t="s">
        <v>1713</v>
      </c>
      <c r="B2857" s="53">
        <v>0</v>
      </c>
      <c r="C2857" s="53">
        <v>0</v>
      </c>
      <c r="D2857" s="53">
        <v>0</v>
      </c>
      <c r="E2857" s="53">
        <v>0</v>
      </c>
      <c r="F2857" s="53">
        <v>0</v>
      </c>
      <c r="G2857" s="53">
        <v>0</v>
      </c>
      <c r="H2857" s="53">
        <v>0</v>
      </c>
      <c r="I2857" s="53">
        <v>0</v>
      </c>
      <c r="J2857" s="53">
        <v>0</v>
      </c>
      <c r="K2857" s="53">
        <v>0</v>
      </c>
      <c r="L2857" s="53">
        <v>0</v>
      </c>
      <c r="M2857" s="53">
        <v>0</v>
      </c>
      <c r="N2857" s="53">
        <v>0</v>
      </c>
      <c r="O2857" s="53">
        <v>0</v>
      </c>
      <c r="P2857" s="53">
        <v>0</v>
      </c>
      <c r="Q2857" s="53">
        <v>0</v>
      </c>
      <c r="R2857" s="53">
        <v>0</v>
      </c>
      <c r="S2857" s="53">
        <v>0</v>
      </c>
      <c r="T2857" s="53">
        <v>0</v>
      </c>
      <c r="U2857" s="53">
        <v>0</v>
      </c>
      <c r="V2857" s="53">
        <v>0</v>
      </c>
      <c r="W2857" s="53">
        <v>0</v>
      </c>
      <c r="X2857" s="53">
        <v>0</v>
      </c>
      <c r="Y2857" s="53">
        <v>0</v>
      </c>
      <c r="Z2857" s="53">
        <v>0</v>
      </c>
      <c r="AA2857" s="53">
        <v>0</v>
      </c>
      <c r="AB2857" s="53">
        <v>0</v>
      </c>
      <c r="AC2857" s="53">
        <v>0</v>
      </c>
      <c r="AD2857" s="53">
        <v>0</v>
      </c>
      <c r="AE2857" s="53">
        <v>0</v>
      </c>
      <c r="AF2857" s="53">
        <v>0</v>
      </c>
      <c r="AG2857" s="53">
        <v>0</v>
      </c>
      <c r="AH2857" s="53">
        <v>0</v>
      </c>
      <c r="AI2857" s="53">
        <v>0</v>
      </c>
      <c r="AJ2857" s="53">
        <v>0</v>
      </c>
      <c r="AK2857" s="53">
        <v>0</v>
      </c>
      <c r="AL2857" s="53">
        <v>0</v>
      </c>
      <c r="AM2857" s="53">
        <v>0</v>
      </c>
      <c r="AN2857" s="53">
        <v>0</v>
      </c>
      <c r="AO2857" s="53">
        <v>0</v>
      </c>
      <c r="AP2857" s="53">
        <v>0</v>
      </c>
      <c r="AQ2857" s="53">
        <v>0</v>
      </c>
      <c r="AR2857" s="53">
        <v>0</v>
      </c>
      <c r="AS2857" s="53">
        <v>0</v>
      </c>
      <c r="AT2857" s="53">
        <v>0</v>
      </c>
      <c r="AU2857" s="53">
        <v>0</v>
      </c>
      <c r="AV2857" s="53">
        <v>0</v>
      </c>
      <c r="AW2857" s="53">
        <v>0</v>
      </c>
      <c r="AX2857" s="53">
        <v>0</v>
      </c>
      <c r="AY2857" s="53">
        <v>0</v>
      </c>
      <c r="AZ2857" s="53">
        <v>0</v>
      </c>
      <c r="BA2857" s="53">
        <v>0</v>
      </c>
      <c r="BB2857" s="53">
        <v>0</v>
      </c>
      <c r="BC2857" s="53">
        <v>0</v>
      </c>
      <c r="BD2857" s="53">
        <v>0</v>
      </c>
      <c r="BE2857" s="53">
        <v>0</v>
      </c>
      <c r="BF2857" s="53">
        <v>0</v>
      </c>
      <c r="BG2857" s="53">
        <v>0</v>
      </c>
      <c r="BH2857" s="53">
        <v>0</v>
      </c>
      <c r="BI2857" s="53">
        <v>0</v>
      </c>
      <c r="BJ2857" s="53">
        <v>0</v>
      </c>
      <c r="BK2857" s="53">
        <v>0</v>
      </c>
      <c r="BL2857" s="53">
        <v>0</v>
      </c>
      <c r="BM2857" s="53">
        <v>0</v>
      </c>
      <c r="BN2857" s="53">
        <v>0</v>
      </c>
      <c r="BO2857" s="53">
        <v>0</v>
      </c>
      <c r="BP2857" s="53">
        <v>0</v>
      </c>
      <c r="BQ2857" s="53">
        <v>0</v>
      </c>
      <c r="BR2857" s="53">
        <v>0</v>
      </c>
      <c r="BS2857" s="53">
        <v>0</v>
      </c>
      <c r="BT2857" s="53">
        <v>0</v>
      </c>
      <c r="BU2857" s="53">
        <v>0</v>
      </c>
      <c r="BV2857" s="53">
        <v>0</v>
      </c>
      <c r="BW2857" s="53">
        <v>0</v>
      </c>
      <c r="BX2857" s="53">
        <v>0</v>
      </c>
      <c r="BY2857" s="53">
        <v>0</v>
      </c>
      <c r="BZ2857" s="53">
        <v>0</v>
      </c>
      <c r="CA2857" s="53">
        <v>0</v>
      </c>
      <c r="CB2857" s="53">
        <v>3087.3789473684201</v>
      </c>
      <c r="CC2857" s="53">
        <v>3087.3789473684201</v>
      </c>
      <c r="CD2857" s="53">
        <v>3087.3789473684201</v>
      </c>
      <c r="CE2857" s="53">
        <v>3087.3789473684201</v>
      </c>
      <c r="CF2857" s="53">
        <v>3087.3789473684201</v>
      </c>
      <c r="CG2857" s="53">
        <v>3087.3789473684201</v>
      </c>
      <c r="CH2857" s="53">
        <v>3087.3789473684201</v>
      </c>
      <c r="CI2857" s="53">
        <v>3087.3789473684201</v>
      </c>
      <c r="CJ2857" s="53">
        <v>3087.3789473684201</v>
      </c>
      <c r="CK2857" s="53">
        <v>3087.3789473684201</v>
      </c>
      <c r="CL2857" s="53">
        <v>3087.3789473684201</v>
      </c>
      <c r="CM2857" s="53">
        <v>3087.3789473684201</v>
      </c>
      <c r="CN2857" s="53">
        <v>37048.547368421001</v>
      </c>
    </row>
    <row r="2858" spans="1:92" outlineLevel="1">
      <c r="A2858" s="59" t="s">
        <v>1714</v>
      </c>
      <c r="B2858" s="53">
        <v>0</v>
      </c>
      <c r="C2858" s="53">
        <v>0</v>
      </c>
      <c r="D2858" s="53">
        <v>0</v>
      </c>
      <c r="E2858" s="53">
        <v>0</v>
      </c>
      <c r="F2858" s="53">
        <v>0</v>
      </c>
      <c r="G2858" s="53">
        <v>0</v>
      </c>
      <c r="H2858" s="53">
        <v>0</v>
      </c>
      <c r="I2858" s="53">
        <v>0</v>
      </c>
      <c r="J2858" s="53">
        <v>0</v>
      </c>
      <c r="K2858" s="53">
        <v>0</v>
      </c>
      <c r="L2858" s="53">
        <v>0</v>
      </c>
      <c r="M2858" s="53">
        <v>0</v>
      </c>
      <c r="N2858" s="53">
        <v>0</v>
      </c>
      <c r="O2858" s="53">
        <v>0</v>
      </c>
      <c r="P2858" s="53">
        <v>0</v>
      </c>
      <c r="Q2858" s="53">
        <v>0</v>
      </c>
      <c r="R2858" s="53">
        <v>0</v>
      </c>
      <c r="S2858" s="53">
        <v>0</v>
      </c>
      <c r="T2858" s="53">
        <v>0</v>
      </c>
      <c r="U2858" s="53">
        <v>0</v>
      </c>
      <c r="V2858" s="53">
        <v>0</v>
      </c>
      <c r="W2858" s="53">
        <v>0</v>
      </c>
      <c r="X2858" s="53">
        <v>0</v>
      </c>
      <c r="Y2858" s="53">
        <v>0</v>
      </c>
      <c r="Z2858" s="53">
        <v>0</v>
      </c>
      <c r="AA2858" s="53">
        <v>0</v>
      </c>
      <c r="AB2858" s="53">
        <v>0</v>
      </c>
      <c r="AC2858" s="53">
        <v>0</v>
      </c>
      <c r="AD2858" s="53">
        <v>0</v>
      </c>
      <c r="AE2858" s="53">
        <v>0</v>
      </c>
      <c r="AF2858" s="53">
        <v>0</v>
      </c>
      <c r="AG2858" s="53">
        <v>0</v>
      </c>
      <c r="AH2858" s="53">
        <v>0</v>
      </c>
      <c r="AI2858" s="53">
        <v>0</v>
      </c>
      <c r="AJ2858" s="53">
        <v>0</v>
      </c>
      <c r="AK2858" s="53">
        <v>0</v>
      </c>
      <c r="AL2858" s="53">
        <v>0</v>
      </c>
      <c r="AM2858" s="53">
        <v>0</v>
      </c>
      <c r="AN2858" s="53">
        <v>0</v>
      </c>
      <c r="AO2858" s="53">
        <v>0</v>
      </c>
      <c r="AP2858" s="53">
        <v>0</v>
      </c>
      <c r="AQ2858" s="53">
        <v>0</v>
      </c>
      <c r="AR2858" s="53">
        <v>0</v>
      </c>
      <c r="AS2858" s="53">
        <v>0</v>
      </c>
      <c r="AT2858" s="53">
        <v>0</v>
      </c>
      <c r="AU2858" s="53">
        <v>0</v>
      </c>
      <c r="AV2858" s="53">
        <v>0</v>
      </c>
      <c r="AW2858" s="53">
        <v>0</v>
      </c>
      <c r="AX2858" s="53">
        <v>0</v>
      </c>
      <c r="AY2858" s="53">
        <v>0</v>
      </c>
      <c r="AZ2858" s="53">
        <v>0</v>
      </c>
      <c r="BA2858" s="53">
        <v>0</v>
      </c>
      <c r="BB2858" s="53">
        <v>0</v>
      </c>
      <c r="BC2858" s="53">
        <v>0</v>
      </c>
      <c r="BD2858" s="53">
        <v>0</v>
      </c>
      <c r="BE2858" s="53">
        <v>0</v>
      </c>
      <c r="BF2858" s="53">
        <v>0</v>
      </c>
      <c r="BG2858" s="53">
        <v>0</v>
      </c>
      <c r="BH2858" s="53">
        <v>0</v>
      </c>
      <c r="BI2858" s="53">
        <v>0</v>
      </c>
      <c r="BJ2858" s="53">
        <v>0</v>
      </c>
      <c r="BK2858" s="53">
        <v>0</v>
      </c>
      <c r="BL2858" s="53">
        <v>0</v>
      </c>
      <c r="BM2858" s="53">
        <v>0</v>
      </c>
      <c r="BN2858" s="53">
        <v>0</v>
      </c>
      <c r="BO2858" s="53">
        <v>0</v>
      </c>
      <c r="BP2858" s="53">
        <v>0</v>
      </c>
      <c r="BQ2858" s="53">
        <v>0</v>
      </c>
      <c r="BR2858" s="53">
        <v>0</v>
      </c>
      <c r="BS2858" s="53">
        <v>0</v>
      </c>
      <c r="BT2858" s="53">
        <v>0</v>
      </c>
      <c r="BU2858" s="53">
        <v>0</v>
      </c>
      <c r="BV2858" s="53">
        <v>0</v>
      </c>
      <c r="BW2858" s="53">
        <v>0</v>
      </c>
      <c r="BX2858" s="53">
        <v>0</v>
      </c>
      <c r="BY2858" s="53">
        <v>0</v>
      </c>
      <c r="BZ2858" s="53">
        <v>0</v>
      </c>
      <c r="CA2858" s="53">
        <v>0</v>
      </c>
      <c r="CB2858" s="53">
        <v>5700.3251231527101</v>
      </c>
      <c r="CC2858" s="53">
        <v>5700.3251231527101</v>
      </c>
      <c r="CD2858" s="53">
        <v>5700.3251231527101</v>
      </c>
      <c r="CE2858" s="53">
        <v>5700.3251231527101</v>
      </c>
      <c r="CF2858" s="53">
        <v>5700.3251231527101</v>
      </c>
      <c r="CG2858" s="53">
        <v>5700.3251231527101</v>
      </c>
      <c r="CH2858" s="53">
        <v>5700.3251231527101</v>
      </c>
      <c r="CI2858" s="53">
        <v>5700.3251231527101</v>
      </c>
      <c r="CJ2858" s="53">
        <v>5700.3251231527101</v>
      </c>
      <c r="CK2858" s="53">
        <v>5700.3251231527101</v>
      </c>
      <c r="CL2858" s="53">
        <v>5700.3251231527101</v>
      </c>
      <c r="CM2858" s="53">
        <v>5700.3251231527101</v>
      </c>
      <c r="CN2858" s="53">
        <v>68403.901477832507</v>
      </c>
    </row>
    <row r="2859" spans="1:92" outlineLevel="1">
      <c r="A2859" s="52" t="s">
        <v>539</v>
      </c>
      <c r="B2859" s="53"/>
      <c r="C2859" s="53"/>
      <c r="D2859" s="53"/>
      <c r="E2859" s="53"/>
      <c r="F2859" s="53"/>
      <c r="G2859" s="53"/>
      <c r="H2859" s="53"/>
      <c r="I2859" s="53"/>
      <c r="J2859" s="53"/>
      <c r="K2859" s="53"/>
      <c r="L2859" s="53"/>
      <c r="M2859" s="53"/>
      <c r="N2859" s="53"/>
      <c r="O2859" s="53"/>
      <c r="P2859" s="53"/>
      <c r="Q2859" s="53"/>
      <c r="R2859" s="53"/>
      <c r="S2859" s="53"/>
      <c r="T2859" s="53"/>
      <c r="U2859" s="53"/>
      <c r="V2859" s="53"/>
      <c r="W2859" s="53"/>
      <c r="X2859" s="53"/>
      <c r="Y2859" s="53"/>
      <c r="Z2859" s="53"/>
      <c r="AA2859" s="53"/>
      <c r="AB2859" s="53"/>
      <c r="AC2859" s="53"/>
      <c r="AD2859" s="53"/>
      <c r="AE2859" s="53"/>
      <c r="AF2859" s="53"/>
      <c r="AG2859" s="53"/>
      <c r="AH2859" s="53"/>
      <c r="AI2859" s="53"/>
      <c r="AJ2859" s="53"/>
      <c r="AK2859" s="53"/>
      <c r="AL2859" s="53"/>
      <c r="AM2859" s="53"/>
      <c r="AN2859" s="53"/>
      <c r="AO2859" s="53"/>
      <c r="AP2859" s="53"/>
      <c r="AQ2859" s="53"/>
      <c r="AR2859" s="53"/>
      <c r="AS2859" s="53"/>
      <c r="AT2859" s="53"/>
      <c r="AU2859" s="53"/>
      <c r="AV2859" s="53"/>
      <c r="AW2859" s="53"/>
      <c r="AX2859" s="53"/>
      <c r="AY2859" s="53"/>
      <c r="AZ2859" s="53"/>
      <c r="BA2859" s="53"/>
      <c r="BB2859" s="53"/>
      <c r="BC2859" s="53"/>
      <c r="BD2859" s="53"/>
      <c r="BE2859" s="53"/>
      <c r="BF2859" s="53"/>
      <c r="BG2859" s="53"/>
      <c r="BH2859" s="53"/>
      <c r="BI2859" s="53"/>
      <c r="BJ2859" s="53"/>
      <c r="BK2859" s="53"/>
      <c r="BL2859" s="53"/>
      <c r="BM2859" s="53"/>
      <c r="BN2859" s="53"/>
      <c r="BO2859" s="53"/>
      <c r="BP2859" s="53"/>
      <c r="BQ2859" s="53"/>
      <c r="BR2859" s="53"/>
      <c r="BS2859" s="53"/>
      <c r="BT2859" s="53"/>
      <c r="BU2859" s="53"/>
      <c r="BV2859" s="53"/>
      <c r="BW2859" s="53"/>
      <c r="BX2859" s="53"/>
      <c r="BY2859" s="53"/>
      <c r="BZ2859" s="53"/>
      <c r="CA2859" s="53"/>
      <c r="CB2859" s="53">
        <v>8149.6234309623196</v>
      </c>
      <c r="CC2859" s="53">
        <v>8149.6234309623196</v>
      </c>
      <c r="CD2859" s="53">
        <v>8149.6234309623196</v>
      </c>
      <c r="CE2859" s="53">
        <v>8149.6234309623196</v>
      </c>
      <c r="CF2859" s="53">
        <v>8149.6234309623196</v>
      </c>
      <c r="CG2859" s="53">
        <v>8149.6234309623196</v>
      </c>
      <c r="CH2859" s="53">
        <v>8149.6234309623196</v>
      </c>
      <c r="CI2859" s="53">
        <v>8149.6234309623196</v>
      </c>
      <c r="CJ2859" s="53">
        <v>8149.6234309623196</v>
      </c>
      <c r="CK2859" s="53">
        <v>8149.6234309623196</v>
      </c>
      <c r="CL2859" s="53">
        <v>8149.6234309623196</v>
      </c>
      <c r="CM2859" s="53">
        <v>8149.6234309623196</v>
      </c>
      <c r="CN2859" s="53">
        <v>97795.481171547799</v>
      </c>
    </row>
    <row r="2860" spans="1:92" outlineLevel="1">
      <c r="A2860" s="52" t="s">
        <v>1218</v>
      </c>
      <c r="B2860" s="53">
        <v>436299036.42000002</v>
      </c>
      <c r="C2860" s="53">
        <v>428133964.90999901</v>
      </c>
      <c r="D2860" s="53">
        <v>425396427</v>
      </c>
      <c r="E2860" s="53">
        <v>410632379.94999999</v>
      </c>
      <c r="F2860" s="53">
        <v>404883548.91000003</v>
      </c>
      <c r="G2860" s="53">
        <v>396064604.00999999</v>
      </c>
      <c r="H2860" s="53">
        <v>392089185.20999998</v>
      </c>
      <c r="I2860" s="53">
        <v>384750760.20999998</v>
      </c>
      <c r="J2860" s="53">
        <v>378580938.31</v>
      </c>
      <c r="K2860" s="53">
        <v>362795717.40999901</v>
      </c>
      <c r="L2860" s="53">
        <v>358254568.15999901</v>
      </c>
      <c r="M2860" s="53">
        <v>363037413.69999999</v>
      </c>
      <c r="N2860" s="53">
        <v>436299036.42000002</v>
      </c>
      <c r="O2860" s="53">
        <v>357117472.30000001</v>
      </c>
      <c r="P2860" s="53">
        <v>348335222.30000001</v>
      </c>
      <c r="Q2860" s="53">
        <v>339552972.30000001</v>
      </c>
      <c r="R2860" s="53">
        <v>330770722.30000001</v>
      </c>
      <c r="S2860" s="53">
        <v>321988472.30000001</v>
      </c>
      <c r="T2860" s="53">
        <v>313206222.30000001</v>
      </c>
      <c r="U2860" s="53">
        <v>304423972.30000001</v>
      </c>
      <c r="V2860" s="53">
        <v>295641722.30000001</v>
      </c>
      <c r="W2860" s="53">
        <v>286859472.30000001</v>
      </c>
      <c r="X2860" s="53">
        <v>278077222.30000001</v>
      </c>
      <c r="Y2860" s="53">
        <v>269294972.30000001</v>
      </c>
      <c r="Z2860" s="53">
        <v>260512722.30000001</v>
      </c>
      <c r="AA2860" s="53">
        <v>357117472.30000001</v>
      </c>
      <c r="AB2860" s="53">
        <v>251730472.30000001</v>
      </c>
      <c r="AC2860" s="53">
        <v>246166305.633333</v>
      </c>
      <c r="AD2860" s="53">
        <v>240602138.96666601</v>
      </c>
      <c r="AE2860" s="53">
        <v>235037972.30000001</v>
      </c>
      <c r="AF2860" s="53">
        <v>229473805.633333</v>
      </c>
      <c r="AG2860" s="53">
        <v>223909638.96666601</v>
      </c>
      <c r="AH2860" s="53">
        <v>218345472.30000001</v>
      </c>
      <c r="AI2860" s="53">
        <v>212781305.633333</v>
      </c>
      <c r="AJ2860" s="53">
        <v>207217138.96666601</v>
      </c>
      <c r="AK2860" s="53">
        <v>201652972.30000001</v>
      </c>
      <c r="AL2860" s="53">
        <v>196088805.633333</v>
      </c>
      <c r="AM2860" s="53">
        <v>190524638.96666601</v>
      </c>
      <c r="AN2860" s="53">
        <v>251730472.30000001</v>
      </c>
      <c r="AO2860" s="53">
        <v>184960472.30000001</v>
      </c>
      <c r="AP2860" s="53">
        <v>180706805.633333</v>
      </c>
      <c r="AQ2860" s="53">
        <v>176453138.96666601</v>
      </c>
      <c r="AR2860" s="53">
        <v>172199472.30000001</v>
      </c>
      <c r="AS2860" s="53">
        <v>167945805.633333</v>
      </c>
      <c r="AT2860" s="53">
        <v>163692138.96666601</v>
      </c>
      <c r="AU2860" s="53">
        <v>159438472.30000001</v>
      </c>
      <c r="AV2860" s="53">
        <v>155184805.633333</v>
      </c>
      <c r="AW2860" s="53">
        <v>150931138.96666601</v>
      </c>
      <c r="AX2860" s="53">
        <v>146677472.30000001</v>
      </c>
      <c r="AY2860" s="53">
        <v>142423805.633333</v>
      </c>
      <c r="AZ2860" s="53">
        <v>138170138.96666601</v>
      </c>
      <c r="BA2860" s="53">
        <v>184960472.30000001</v>
      </c>
      <c r="BB2860" s="53">
        <v>133916472.3</v>
      </c>
      <c r="BC2860" s="53">
        <v>130829805.633333</v>
      </c>
      <c r="BD2860" s="53">
        <v>127743138.966666</v>
      </c>
      <c r="BE2860" s="53">
        <v>124656472.3</v>
      </c>
      <c r="BF2860" s="53">
        <v>121569805.633333</v>
      </c>
      <c r="BG2860" s="53">
        <v>118483138.966666</v>
      </c>
      <c r="BH2860" s="53">
        <v>115396472.3</v>
      </c>
      <c r="BI2860" s="53">
        <v>112309805.633333</v>
      </c>
      <c r="BJ2860" s="53">
        <v>109223138.966666</v>
      </c>
      <c r="BK2860" s="53">
        <v>106136472.3</v>
      </c>
      <c r="BL2860" s="53">
        <v>103049805.633333</v>
      </c>
      <c r="BM2860" s="53">
        <v>99963138.966666803</v>
      </c>
      <c r="BN2860" s="53">
        <v>133916472.3</v>
      </c>
      <c r="BO2860" s="53">
        <v>96876472.300000101</v>
      </c>
      <c r="BP2860" s="53">
        <v>96876472.300000101</v>
      </c>
      <c r="BQ2860" s="53">
        <v>96876472.300000101</v>
      </c>
      <c r="BR2860" s="53">
        <v>96876472.300000101</v>
      </c>
      <c r="BS2860" s="53">
        <v>96876472.300000101</v>
      </c>
      <c r="BT2860" s="53">
        <v>96876472.300000101</v>
      </c>
      <c r="BU2860" s="53">
        <v>96876472.300000101</v>
      </c>
      <c r="BV2860" s="53">
        <v>96876472.300000101</v>
      </c>
      <c r="BW2860" s="53">
        <v>96876472.300000101</v>
      </c>
      <c r="BX2860" s="53">
        <v>96876472.300000101</v>
      </c>
      <c r="BY2860" s="53">
        <v>96876472.300000101</v>
      </c>
      <c r="BZ2860" s="53">
        <v>96876472.300000101</v>
      </c>
      <c r="CA2860" s="53">
        <v>96876472.300000101</v>
      </c>
      <c r="CB2860" s="53">
        <v>7907.1043115438397</v>
      </c>
      <c r="CC2860" s="53">
        <v>7907.1043115438397</v>
      </c>
      <c r="CD2860" s="53">
        <v>7907.1043115438397</v>
      </c>
      <c r="CE2860" s="53">
        <v>7907.1043115438397</v>
      </c>
      <c r="CF2860" s="53">
        <v>7907.1043115438397</v>
      </c>
      <c r="CG2860" s="53">
        <v>7907.1043115438397</v>
      </c>
      <c r="CH2860" s="53">
        <v>7907.1043115438397</v>
      </c>
      <c r="CI2860" s="53">
        <v>7907.1043115438397</v>
      </c>
      <c r="CJ2860" s="53">
        <v>7907.1043115438397</v>
      </c>
      <c r="CK2860" s="53">
        <v>7907.1043115438397</v>
      </c>
      <c r="CL2860" s="53">
        <v>7907.1043115438397</v>
      </c>
      <c r="CM2860" s="53">
        <v>7907.1043115438397</v>
      </c>
      <c r="CN2860" s="53">
        <v>94885.251738526102</v>
      </c>
    </row>
    <row r="2861" spans="1:92" outlineLevel="1">
      <c r="A2861" s="52" t="s">
        <v>699</v>
      </c>
      <c r="B2861" s="53"/>
      <c r="C2861" s="53"/>
      <c r="D2861" s="53"/>
      <c r="E2861" s="53"/>
      <c r="F2861" s="53"/>
      <c r="G2861" s="53"/>
      <c r="H2861" s="53"/>
      <c r="I2861" s="53"/>
      <c r="J2861" s="53"/>
      <c r="K2861" s="53"/>
      <c r="L2861" s="53"/>
      <c r="M2861" s="53"/>
      <c r="N2861" s="53"/>
      <c r="O2861" s="53"/>
      <c r="P2861" s="53"/>
      <c r="Q2861" s="53"/>
      <c r="R2861" s="53"/>
      <c r="S2861" s="53"/>
      <c r="T2861" s="53"/>
      <c r="U2861" s="53"/>
      <c r="V2861" s="53"/>
      <c r="W2861" s="53"/>
      <c r="X2861" s="53"/>
      <c r="Y2861" s="53"/>
      <c r="Z2861" s="53"/>
      <c r="AA2861" s="53"/>
      <c r="AB2861" s="53"/>
      <c r="AC2861" s="53"/>
      <c r="AD2861" s="53"/>
      <c r="AE2861" s="53"/>
      <c r="AF2861" s="53"/>
      <c r="AG2861" s="53"/>
      <c r="AH2861" s="53"/>
      <c r="AI2861" s="53"/>
      <c r="AJ2861" s="53"/>
      <c r="AK2861" s="53"/>
      <c r="AL2861" s="53"/>
      <c r="AM2861" s="53"/>
      <c r="AN2861" s="53"/>
      <c r="AO2861" s="53"/>
      <c r="AP2861" s="53"/>
      <c r="AQ2861" s="53"/>
      <c r="AR2861" s="53"/>
      <c r="AS2861" s="53"/>
      <c r="AT2861" s="53"/>
      <c r="AU2861" s="53"/>
      <c r="AV2861" s="53"/>
      <c r="AW2861" s="53"/>
      <c r="AX2861" s="53"/>
      <c r="AY2861" s="53"/>
      <c r="AZ2861" s="53"/>
      <c r="BA2861" s="53"/>
      <c r="BB2861" s="53"/>
      <c r="BC2861" s="53"/>
      <c r="BD2861" s="53"/>
      <c r="BE2861" s="53"/>
      <c r="BF2861" s="53"/>
      <c r="BG2861" s="53"/>
      <c r="BH2861" s="53"/>
      <c r="BI2861" s="53"/>
      <c r="BJ2861" s="53"/>
      <c r="BK2861" s="53"/>
      <c r="BL2861" s="53"/>
      <c r="BM2861" s="53"/>
      <c r="BN2861" s="53"/>
      <c r="BO2861" s="53"/>
      <c r="BP2861" s="53"/>
      <c r="BQ2861" s="53"/>
      <c r="BR2861" s="53"/>
      <c r="BS2861" s="53"/>
      <c r="BT2861" s="53"/>
      <c r="BU2861" s="53"/>
      <c r="BV2861" s="53"/>
      <c r="BW2861" s="53"/>
      <c r="BX2861" s="53"/>
      <c r="BY2861" s="53"/>
      <c r="BZ2861" s="53"/>
      <c r="CA2861" s="53"/>
      <c r="CB2861" s="53"/>
      <c r="CC2861" s="53"/>
      <c r="CD2861" s="53"/>
      <c r="CE2861" s="53"/>
      <c r="CF2861" s="53"/>
      <c r="CG2861" s="53"/>
      <c r="CH2861" s="53"/>
      <c r="CI2861" s="53"/>
      <c r="CJ2861" s="53"/>
      <c r="CK2861" s="53"/>
      <c r="CL2861" s="53"/>
      <c r="CM2861" s="53"/>
      <c r="CN2861" s="53"/>
    </row>
    <row r="2862" spans="1:92">
      <c r="A2862" s="52" t="s">
        <v>650</v>
      </c>
      <c r="B2862" s="53"/>
      <c r="C2862" s="53"/>
      <c r="D2862" s="53"/>
      <c r="E2862" s="53"/>
      <c r="F2862" s="53"/>
      <c r="G2862" s="53"/>
      <c r="H2862" s="53"/>
      <c r="I2862" s="53"/>
      <c r="J2862" s="53"/>
      <c r="K2862" s="53"/>
      <c r="L2862" s="53"/>
      <c r="M2862" s="53"/>
      <c r="N2862" s="53"/>
      <c r="O2862" s="53"/>
      <c r="P2862" s="53"/>
      <c r="Q2862" s="53"/>
      <c r="R2862" s="53"/>
      <c r="S2862" s="53"/>
      <c r="T2862" s="53"/>
      <c r="U2862" s="53"/>
      <c r="V2862" s="53"/>
      <c r="W2862" s="53"/>
      <c r="X2862" s="53"/>
      <c r="Y2862" s="53"/>
      <c r="Z2862" s="53"/>
      <c r="AA2862" s="53"/>
      <c r="AB2862" s="53"/>
      <c r="AC2862" s="53"/>
      <c r="AD2862" s="53"/>
      <c r="AE2862" s="53"/>
      <c r="AF2862" s="53"/>
      <c r="AG2862" s="53"/>
      <c r="AH2862" s="53"/>
      <c r="AI2862" s="53"/>
      <c r="AJ2862" s="53"/>
      <c r="AK2862" s="53"/>
      <c r="AL2862" s="53"/>
      <c r="AM2862" s="53"/>
      <c r="AN2862" s="53"/>
      <c r="AO2862" s="53"/>
      <c r="AP2862" s="53"/>
      <c r="AQ2862" s="53"/>
      <c r="AR2862" s="53"/>
      <c r="AS2862" s="53"/>
      <c r="AT2862" s="53"/>
      <c r="AU2862" s="53"/>
      <c r="AV2862" s="53"/>
      <c r="AW2862" s="53"/>
      <c r="AX2862" s="53"/>
      <c r="AY2862" s="53"/>
      <c r="AZ2862" s="53"/>
      <c r="BA2862" s="53"/>
      <c r="BB2862" s="53"/>
      <c r="BC2862" s="53"/>
      <c r="BD2862" s="53"/>
      <c r="BE2862" s="53"/>
      <c r="BF2862" s="53"/>
      <c r="BG2862" s="53"/>
      <c r="BH2862" s="53"/>
      <c r="BI2862" s="53"/>
      <c r="BJ2862" s="53"/>
      <c r="BK2862" s="53"/>
      <c r="BL2862" s="53"/>
      <c r="BM2862" s="53"/>
      <c r="BN2862" s="53"/>
      <c r="BO2862" s="53"/>
      <c r="BP2862" s="53"/>
      <c r="BQ2862" s="53"/>
      <c r="BR2862" s="53"/>
      <c r="BS2862" s="53"/>
      <c r="BT2862" s="53"/>
      <c r="BU2862" s="53"/>
      <c r="BV2862" s="53"/>
      <c r="BW2862" s="53"/>
      <c r="BX2862" s="53"/>
      <c r="BY2862" s="53"/>
      <c r="BZ2862" s="53"/>
      <c r="CA2862" s="53"/>
      <c r="CB2862" s="53"/>
      <c r="CC2862" s="53"/>
      <c r="CD2862" s="53"/>
      <c r="CE2862" s="53"/>
      <c r="CF2862" s="53"/>
      <c r="CG2862" s="53"/>
      <c r="CH2862" s="53"/>
      <c r="CI2862" s="53"/>
      <c r="CJ2862" s="53"/>
      <c r="CK2862" s="53"/>
      <c r="CL2862" s="53"/>
      <c r="CM2862" s="53"/>
      <c r="CN2862" s="53"/>
    </row>
    <row r="2863" spans="1:92">
      <c r="A2863" s="52" t="s">
        <v>1715</v>
      </c>
      <c r="B2863" s="53"/>
      <c r="C2863" s="53"/>
      <c r="D2863" s="53"/>
      <c r="E2863" s="53"/>
      <c r="F2863" s="53"/>
      <c r="G2863" s="53"/>
      <c r="H2863" s="53"/>
      <c r="I2863" s="53"/>
      <c r="J2863" s="53"/>
      <c r="K2863" s="53"/>
      <c r="L2863" s="53"/>
      <c r="M2863" s="53"/>
      <c r="N2863" s="53"/>
      <c r="O2863" s="53"/>
      <c r="P2863" s="53"/>
      <c r="Q2863" s="53"/>
      <c r="R2863" s="53"/>
      <c r="S2863" s="53"/>
      <c r="T2863" s="53"/>
      <c r="U2863" s="53"/>
      <c r="V2863" s="53"/>
      <c r="W2863" s="53"/>
      <c r="X2863" s="53"/>
      <c r="Y2863" s="53"/>
      <c r="Z2863" s="53"/>
      <c r="AA2863" s="53"/>
      <c r="AB2863" s="53"/>
      <c r="AC2863" s="53"/>
      <c r="AD2863" s="53"/>
      <c r="AE2863" s="53"/>
      <c r="AF2863" s="53"/>
      <c r="AG2863" s="53"/>
      <c r="AH2863" s="53"/>
      <c r="AI2863" s="53"/>
      <c r="AJ2863" s="53"/>
      <c r="AK2863" s="53"/>
      <c r="AL2863" s="53"/>
      <c r="AM2863" s="53"/>
      <c r="AN2863" s="53"/>
      <c r="AO2863" s="53"/>
      <c r="AP2863" s="53"/>
      <c r="AQ2863" s="53"/>
      <c r="AR2863" s="53"/>
      <c r="AS2863" s="53"/>
      <c r="AT2863" s="53"/>
      <c r="AU2863" s="53"/>
      <c r="AV2863" s="53"/>
      <c r="AW2863" s="53"/>
      <c r="AX2863" s="53"/>
      <c r="AY2863" s="53"/>
      <c r="AZ2863" s="53"/>
      <c r="BA2863" s="53"/>
      <c r="BB2863" s="53"/>
      <c r="BC2863" s="53"/>
      <c r="BD2863" s="53"/>
      <c r="BE2863" s="53"/>
      <c r="BF2863" s="53"/>
      <c r="BG2863" s="53"/>
      <c r="BH2863" s="53"/>
      <c r="BI2863" s="53"/>
      <c r="BJ2863" s="53"/>
      <c r="BK2863" s="53"/>
      <c r="BL2863" s="53"/>
      <c r="BM2863" s="53"/>
      <c r="BN2863" s="53"/>
      <c r="BO2863" s="53"/>
      <c r="BP2863" s="53"/>
      <c r="BQ2863" s="53"/>
      <c r="BR2863" s="53"/>
      <c r="BS2863" s="53"/>
      <c r="BT2863" s="53"/>
      <c r="BU2863" s="53"/>
      <c r="BV2863" s="53"/>
      <c r="BW2863" s="53"/>
      <c r="BX2863" s="53"/>
      <c r="BY2863" s="53"/>
      <c r="BZ2863" s="53"/>
      <c r="CA2863" s="53"/>
      <c r="CB2863" s="53"/>
      <c r="CC2863" s="53"/>
      <c r="CD2863" s="53"/>
      <c r="CE2863" s="53"/>
      <c r="CF2863" s="53"/>
      <c r="CG2863" s="53">
        <v>550000000</v>
      </c>
      <c r="CH2863" s="53"/>
      <c r="CI2863" s="53"/>
      <c r="CJ2863" s="53"/>
      <c r="CK2863" s="53"/>
      <c r="CL2863" s="53"/>
      <c r="CM2863" s="53"/>
      <c r="CN2863" s="53">
        <v>550000000</v>
      </c>
    </row>
    <row r="2864" spans="1:92">
      <c r="A2864" s="52" t="s">
        <v>649</v>
      </c>
      <c r="B2864" s="53">
        <v>-11550666.699999999</v>
      </c>
      <c r="C2864" s="53">
        <v>-11550666.699999999</v>
      </c>
      <c r="D2864" s="53">
        <v>-11550666.699999999</v>
      </c>
      <c r="E2864" s="53">
        <v>-11550666.699999999</v>
      </c>
      <c r="F2864" s="53">
        <v>-11550666.699999999</v>
      </c>
      <c r="G2864" s="53">
        <v>-11550666.699999999</v>
      </c>
      <c r="H2864" s="53">
        <v>-11550666.699999999</v>
      </c>
      <c r="I2864" s="53">
        <v>-11550666.699999999</v>
      </c>
      <c r="J2864" s="53">
        <v>-11550666.699999999</v>
      </c>
      <c r="K2864" s="53">
        <v>-11550666.699999999</v>
      </c>
      <c r="L2864" s="53">
        <v>-11550666.699999999</v>
      </c>
      <c r="M2864" s="53">
        <v>-11550666.699999999</v>
      </c>
      <c r="N2864" s="53">
        <v>-138608000.39999899</v>
      </c>
      <c r="O2864" s="53">
        <v>-8782250</v>
      </c>
      <c r="P2864" s="53">
        <v>-8782250</v>
      </c>
      <c r="Q2864" s="53">
        <v>-8782250</v>
      </c>
      <c r="R2864" s="53">
        <v>-8782250</v>
      </c>
      <c r="S2864" s="53">
        <v>-8782250</v>
      </c>
      <c r="T2864" s="53">
        <v>-8782250</v>
      </c>
      <c r="U2864" s="53">
        <v>-8782250</v>
      </c>
      <c r="V2864" s="53">
        <v>-8782250</v>
      </c>
      <c r="W2864" s="53">
        <v>-8782250</v>
      </c>
      <c r="X2864" s="53">
        <v>-8782250</v>
      </c>
      <c r="Y2864" s="53">
        <v>-8782250</v>
      </c>
      <c r="Z2864" s="53">
        <v>-8782250</v>
      </c>
      <c r="AA2864" s="53">
        <v>-105387000</v>
      </c>
      <c r="AB2864" s="53">
        <v>-5564166.6666666698</v>
      </c>
      <c r="AC2864" s="53">
        <v>-5564166.6666666698</v>
      </c>
      <c r="AD2864" s="53">
        <v>-5564166.6666666698</v>
      </c>
      <c r="AE2864" s="53">
        <v>-5564166.6666666698</v>
      </c>
      <c r="AF2864" s="53">
        <v>-5564166.6666666698</v>
      </c>
      <c r="AG2864" s="53">
        <v>-5564166.6666666698</v>
      </c>
      <c r="AH2864" s="53">
        <v>-5564166.6666666698</v>
      </c>
      <c r="AI2864" s="53">
        <v>-5564166.6666666698</v>
      </c>
      <c r="AJ2864" s="53">
        <v>-5564166.6666666698</v>
      </c>
      <c r="AK2864" s="53">
        <v>-5564166.6666666698</v>
      </c>
      <c r="AL2864" s="53">
        <v>-5564166.6666666698</v>
      </c>
      <c r="AM2864" s="53">
        <v>-5564166.6666666698</v>
      </c>
      <c r="AN2864" s="53">
        <v>-66770000</v>
      </c>
      <c r="AO2864" s="53">
        <v>-4253666.6666666698</v>
      </c>
      <c r="AP2864" s="53">
        <v>-4253666.6666666698</v>
      </c>
      <c r="AQ2864" s="53">
        <v>-4253666.6666666698</v>
      </c>
      <c r="AR2864" s="53">
        <v>-4253666.6666666698</v>
      </c>
      <c r="AS2864" s="53">
        <v>-4253666.6666666698</v>
      </c>
      <c r="AT2864" s="53">
        <v>-4253666.6666666698</v>
      </c>
      <c r="AU2864" s="53">
        <v>-4253666.6666666698</v>
      </c>
      <c r="AV2864" s="53">
        <v>-4253666.6666666698</v>
      </c>
      <c r="AW2864" s="53">
        <v>-4253666.6666666698</v>
      </c>
      <c r="AX2864" s="53">
        <v>-4253666.6666666698</v>
      </c>
      <c r="AY2864" s="53">
        <v>-4253666.6666666698</v>
      </c>
      <c r="AZ2864" s="53">
        <v>-4253666.6666666698</v>
      </c>
      <c r="BA2864" s="53">
        <v>-51044000</v>
      </c>
      <c r="BB2864" s="53">
        <v>-3086666.6666666698</v>
      </c>
      <c r="BC2864" s="53">
        <v>-3086666.6666666698</v>
      </c>
      <c r="BD2864" s="53">
        <v>-3086666.6666666698</v>
      </c>
      <c r="BE2864" s="53">
        <v>-3086666.6666666698</v>
      </c>
      <c r="BF2864" s="53">
        <v>-3086666.6666666698</v>
      </c>
      <c r="BG2864" s="53">
        <v>-3086666.6666666698</v>
      </c>
      <c r="BH2864" s="53">
        <v>-3086666.6666666698</v>
      </c>
      <c r="BI2864" s="53">
        <v>-3086666.6666666698</v>
      </c>
      <c r="BJ2864" s="53">
        <v>-3086666.6666666698</v>
      </c>
      <c r="BK2864" s="53">
        <v>-3086666.6666666698</v>
      </c>
      <c r="BL2864" s="53">
        <v>-3086666.6666666698</v>
      </c>
      <c r="BM2864" s="53">
        <v>-3086666.6666666698</v>
      </c>
      <c r="BN2864" s="53">
        <v>-37040000</v>
      </c>
      <c r="BO2864" s="53"/>
      <c r="BP2864" s="53"/>
      <c r="BQ2864" s="53"/>
      <c r="BR2864" s="53"/>
      <c r="BS2864" s="53"/>
      <c r="BT2864" s="53"/>
      <c r="BU2864" s="53"/>
      <c r="BV2864" s="53"/>
      <c r="BW2864" s="53"/>
      <c r="BX2864" s="53"/>
      <c r="BY2864" s="53"/>
      <c r="BZ2864" s="53"/>
      <c r="CA2864" s="53"/>
      <c r="CB2864" s="53"/>
      <c r="CC2864" s="53"/>
      <c r="CD2864" s="53"/>
      <c r="CE2864" s="53"/>
      <c r="CF2864" s="53"/>
      <c r="CG2864" s="53"/>
      <c r="CH2864" s="53"/>
      <c r="CI2864" s="53"/>
      <c r="CJ2864" s="53"/>
      <c r="CK2864" s="53"/>
      <c r="CL2864" s="53"/>
      <c r="CM2864" s="53"/>
      <c r="CN2864" s="53"/>
    </row>
    <row r="2865" spans="1:92">
      <c r="A2865" s="52" t="s">
        <v>1716</v>
      </c>
      <c r="B2865" s="53">
        <v>428133964.90999901</v>
      </c>
      <c r="C2865" s="53">
        <v>425396427</v>
      </c>
      <c r="D2865" s="53">
        <v>410632379.94999999</v>
      </c>
      <c r="E2865" s="53">
        <v>404883548.91000003</v>
      </c>
      <c r="F2865" s="53">
        <v>396064604.00999999</v>
      </c>
      <c r="G2865" s="53">
        <v>392089185.20999998</v>
      </c>
      <c r="H2865" s="53">
        <v>384750760.20999998</v>
      </c>
      <c r="I2865" s="53">
        <v>378580938.31</v>
      </c>
      <c r="J2865" s="53">
        <v>362795717.40999901</v>
      </c>
      <c r="K2865" s="53">
        <v>358254568.15999901</v>
      </c>
      <c r="L2865" s="53">
        <v>363037413.69999999</v>
      </c>
      <c r="M2865" s="53">
        <v>357117472.30000001</v>
      </c>
      <c r="N2865" s="53">
        <v>357117472.30000001</v>
      </c>
      <c r="O2865" s="53">
        <v>348335222.30000001</v>
      </c>
      <c r="P2865" s="53">
        <v>339552972.30000001</v>
      </c>
      <c r="Q2865" s="53">
        <v>330770722.30000001</v>
      </c>
      <c r="R2865" s="53">
        <v>321988472.30000001</v>
      </c>
      <c r="S2865" s="53">
        <v>313206222.30000001</v>
      </c>
      <c r="T2865" s="53">
        <v>304423972.30000001</v>
      </c>
      <c r="U2865" s="53">
        <v>295641722.30000001</v>
      </c>
      <c r="V2865" s="53">
        <v>286859472.30000001</v>
      </c>
      <c r="W2865" s="53">
        <v>278077222.30000001</v>
      </c>
      <c r="X2865" s="53">
        <v>269294972.30000001</v>
      </c>
      <c r="Y2865" s="53">
        <v>260512722.30000001</v>
      </c>
      <c r="Z2865" s="53">
        <v>251730472.30000001</v>
      </c>
      <c r="AA2865" s="53">
        <v>251730472.30000001</v>
      </c>
      <c r="AB2865" s="53">
        <v>246166305.633333</v>
      </c>
      <c r="AC2865" s="53">
        <v>240602138.96666601</v>
      </c>
      <c r="AD2865" s="53">
        <v>235037972.30000001</v>
      </c>
      <c r="AE2865" s="53">
        <v>229473805.633333</v>
      </c>
      <c r="AF2865" s="53">
        <v>223909638.96666601</v>
      </c>
      <c r="AG2865" s="53">
        <v>218345472.30000001</v>
      </c>
      <c r="AH2865" s="53">
        <v>212781305.633333</v>
      </c>
      <c r="AI2865" s="53">
        <v>207217138.96666601</v>
      </c>
      <c r="AJ2865" s="53">
        <v>201652972.30000001</v>
      </c>
      <c r="AK2865" s="53">
        <v>196088805.633333</v>
      </c>
      <c r="AL2865" s="53">
        <v>190524638.96666601</v>
      </c>
      <c r="AM2865" s="53">
        <v>184960472.30000001</v>
      </c>
      <c r="AN2865" s="53">
        <v>184960472.30000001</v>
      </c>
      <c r="AO2865" s="53">
        <v>180706805.633333</v>
      </c>
      <c r="AP2865" s="53">
        <v>176453138.96666601</v>
      </c>
      <c r="AQ2865" s="53">
        <v>172199472.30000001</v>
      </c>
      <c r="AR2865" s="53">
        <v>167945805.633333</v>
      </c>
      <c r="AS2865" s="53">
        <v>163692138.96666601</v>
      </c>
      <c r="AT2865" s="53">
        <v>159438472.30000001</v>
      </c>
      <c r="AU2865" s="53">
        <v>155184805.633333</v>
      </c>
      <c r="AV2865" s="53">
        <v>150931138.96666601</v>
      </c>
      <c r="AW2865" s="53">
        <v>146677472.30000001</v>
      </c>
      <c r="AX2865" s="53">
        <v>142423805.633333</v>
      </c>
      <c r="AY2865" s="53">
        <v>138170138.96666601</v>
      </c>
      <c r="AZ2865" s="53">
        <v>133916472.3</v>
      </c>
      <c r="BA2865" s="53">
        <v>133916472.3</v>
      </c>
      <c r="BB2865" s="53">
        <v>130829805.633333</v>
      </c>
      <c r="BC2865" s="53">
        <v>127743138.966666</v>
      </c>
      <c r="BD2865" s="53">
        <v>124656472.3</v>
      </c>
      <c r="BE2865" s="53">
        <v>121569805.633333</v>
      </c>
      <c r="BF2865" s="53">
        <v>118483138.966666</v>
      </c>
      <c r="BG2865" s="53">
        <v>115396472.3</v>
      </c>
      <c r="BH2865" s="53">
        <v>112309805.633333</v>
      </c>
      <c r="BI2865" s="53">
        <v>109223138.966666</v>
      </c>
      <c r="BJ2865" s="53">
        <v>106136472.3</v>
      </c>
      <c r="BK2865" s="53">
        <v>103049805.633333</v>
      </c>
      <c r="BL2865" s="53">
        <v>99963138.966666803</v>
      </c>
      <c r="BM2865" s="53">
        <v>96876472.300000101</v>
      </c>
      <c r="BN2865" s="53">
        <v>96876472.300000101</v>
      </c>
      <c r="BO2865" s="53">
        <v>96876472.300000101</v>
      </c>
      <c r="BP2865" s="53">
        <v>96876472.300000101</v>
      </c>
      <c r="BQ2865" s="53">
        <v>96876472.300000101</v>
      </c>
      <c r="BR2865" s="53">
        <v>96876472.300000101</v>
      </c>
      <c r="BS2865" s="53">
        <v>96876472.300000101</v>
      </c>
      <c r="BT2865" s="53">
        <v>96876472.300000101</v>
      </c>
      <c r="BU2865" s="53">
        <v>96876472.300000101</v>
      </c>
      <c r="BV2865" s="53">
        <v>96876472.300000101</v>
      </c>
      <c r="BW2865" s="53">
        <v>96876472.300000101</v>
      </c>
      <c r="BX2865" s="53">
        <v>96876472.300000101</v>
      </c>
      <c r="BY2865" s="53">
        <v>96876472.300000101</v>
      </c>
      <c r="BZ2865" s="53">
        <v>96876472.300000101</v>
      </c>
      <c r="CA2865" s="53">
        <v>96876472.300000101</v>
      </c>
      <c r="CB2865" s="53"/>
      <c r="CC2865" s="53"/>
      <c r="CD2865" s="53"/>
      <c r="CE2865" s="53"/>
      <c r="CF2865" s="53"/>
      <c r="CG2865" s="53"/>
      <c r="CH2865" s="53"/>
      <c r="CI2865" s="53"/>
      <c r="CJ2865" s="53"/>
      <c r="CK2865" s="53"/>
      <c r="CL2865" s="53"/>
      <c r="CM2865" s="53"/>
      <c r="CN2865" s="53"/>
    </row>
    <row r="2866" spans="1:92" outlineLevel="1">
      <c r="A2866" s="52" t="s">
        <v>1218</v>
      </c>
      <c r="B2866" s="53">
        <v>436299036.42000002</v>
      </c>
      <c r="C2866" s="53">
        <v>428133964.90999901</v>
      </c>
      <c r="D2866" s="53">
        <v>425396427</v>
      </c>
      <c r="E2866" s="53">
        <v>410632379.94999999</v>
      </c>
      <c r="F2866" s="53">
        <v>404883548.91000003</v>
      </c>
      <c r="G2866" s="53">
        <v>396064604.00999999</v>
      </c>
      <c r="H2866" s="53">
        <v>392089185.20999998</v>
      </c>
      <c r="I2866" s="53">
        <v>384750760.20999998</v>
      </c>
      <c r="J2866" s="53">
        <v>378580938.31</v>
      </c>
      <c r="K2866" s="53">
        <v>362795717.40999901</v>
      </c>
      <c r="L2866" s="53">
        <v>358254568.15999901</v>
      </c>
      <c r="M2866" s="53">
        <v>363037413.69999999</v>
      </c>
      <c r="N2866" s="53">
        <v>436299036.42000002</v>
      </c>
      <c r="O2866" s="53">
        <v>357117472.30000001</v>
      </c>
      <c r="P2866" s="53">
        <v>348335222.30000001</v>
      </c>
      <c r="Q2866" s="53">
        <v>339552972.30000001</v>
      </c>
      <c r="R2866" s="53">
        <v>330770722.30000001</v>
      </c>
      <c r="S2866" s="53">
        <v>321988472.30000001</v>
      </c>
      <c r="T2866" s="53">
        <v>313206222.30000001</v>
      </c>
      <c r="U2866" s="53">
        <v>304423972.30000001</v>
      </c>
      <c r="V2866" s="53">
        <v>295641722.30000001</v>
      </c>
      <c r="W2866" s="53">
        <v>286859472.30000001</v>
      </c>
      <c r="X2866" s="53">
        <v>278077222.30000001</v>
      </c>
      <c r="Y2866" s="53">
        <v>269294972.30000001</v>
      </c>
      <c r="Z2866" s="53">
        <v>260512722.30000001</v>
      </c>
      <c r="AA2866" s="53">
        <v>357117472.30000001</v>
      </c>
      <c r="AB2866" s="53">
        <v>251730472.30000001</v>
      </c>
      <c r="AC2866" s="53">
        <v>246166305.633333</v>
      </c>
      <c r="AD2866" s="53">
        <v>240602138.96666601</v>
      </c>
      <c r="AE2866" s="53">
        <v>235037972.30000001</v>
      </c>
      <c r="AF2866" s="53">
        <v>229473805.633333</v>
      </c>
      <c r="AG2866" s="53">
        <v>223909638.96666601</v>
      </c>
      <c r="AH2866" s="53">
        <v>218345472.30000001</v>
      </c>
      <c r="AI2866" s="53">
        <v>212781305.633333</v>
      </c>
      <c r="AJ2866" s="53">
        <v>207217138.96666601</v>
      </c>
      <c r="AK2866" s="53">
        <v>201652972.30000001</v>
      </c>
      <c r="AL2866" s="53">
        <v>196088805.633333</v>
      </c>
      <c r="AM2866" s="53">
        <v>190524638.96666601</v>
      </c>
      <c r="AN2866" s="53">
        <v>251730472.30000001</v>
      </c>
      <c r="AO2866" s="53">
        <v>184960472.30000001</v>
      </c>
      <c r="AP2866" s="53">
        <v>180706805.633333</v>
      </c>
      <c r="AQ2866" s="53">
        <v>176453138.96666601</v>
      </c>
      <c r="AR2866" s="53">
        <v>172199472.30000001</v>
      </c>
      <c r="AS2866" s="53">
        <v>167945805.633333</v>
      </c>
      <c r="AT2866" s="53">
        <v>163692138.96666601</v>
      </c>
      <c r="AU2866" s="53">
        <v>159438472.30000001</v>
      </c>
      <c r="AV2866" s="53">
        <v>155184805.633333</v>
      </c>
      <c r="AW2866" s="53">
        <v>150931138.96666601</v>
      </c>
      <c r="AX2866" s="53">
        <v>146677472.30000001</v>
      </c>
      <c r="AY2866" s="53">
        <v>142423805.633333</v>
      </c>
      <c r="AZ2866" s="53">
        <v>138170138.96666601</v>
      </c>
      <c r="BA2866" s="53">
        <v>184960472.30000001</v>
      </c>
      <c r="BB2866" s="53">
        <v>133916472.3</v>
      </c>
      <c r="BC2866" s="53">
        <v>130829805.633333</v>
      </c>
      <c r="BD2866" s="53">
        <v>127743138.966666</v>
      </c>
      <c r="BE2866" s="53">
        <v>124656472.3</v>
      </c>
      <c r="BF2866" s="53">
        <v>121569805.633333</v>
      </c>
      <c r="BG2866" s="53">
        <v>118483138.966666</v>
      </c>
      <c r="BH2866" s="53">
        <v>115396472.3</v>
      </c>
      <c r="BI2866" s="53">
        <v>112309805.633333</v>
      </c>
      <c r="BJ2866" s="53">
        <v>109223138.966666</v>
      </c>
      <c r="BK2866" s="53">
        <v>106136472.3</v>
      </c>
      <c r="BL2866" s="53">
        <v>103049805.633333</v>
      </c>
      <c r="BM2866" s="53">
        <v>99963138.966666803</v>
      </c>
      <c r="BN2866" s="53">
        <v>133916472.3</v>
      </c>
      <c r="BO2866" s="53">
        <v>96876472.300000101</v>
      </c>
      <c r="BP2866" s="53">
        <v>96876472.300000101</v>
      </c>
      <c r="BQ2866" s="53">
        <v>96876472.300000101</v>
      </c>
      <c r="BR2866" s="53">
        <v>96876472.300000101</v>
      </c>
      <c r="BS2866" s="53">
        <v>96876472.300000101</v>
      </c>
      <c r="BT2866" s="53">
        <v>96876472.300000101</v>
      </c>
      <c r="BU2866" s="53">
        <v>96876472.300000101</v>
      </c>
      <c r="BV2866" s="53">
        <v>96876472.300000101</v>
      </c>
      <c r="BW2866" s="53">
        <v>96876472.300000101</v>
      </c>
      <c r="BX2866" s="53">
        <v>96876472.300000101</v>
      </c>
      <c r="BY2866" s="53">
        <v>96876472.300000101</v>
      </c>
      <c r="BZ2866" s="53">
        <v>96876472.300000101</v>
      </c>
      <c r="CA2866" s="53">
        <v>96876472.300000101</v>
      </c>
      <c r="CB2866" s="53"/>
      <c r="CC2866" s="53"/>
      <c r="CD2866" s="53"/>
      <c r="CE2866" s="53"/>
      <c r="CF2866" s="53"/>
      <c r="CG2866" s="53"/>
      <c r="CH2866" s="53"/>
      <c r="CI2866" s="53"/>
      <c r="CJ2866" s="53"/>
      <c r="CK2866" s="53"/>
      <c r="CL2866" s="53"/>
      <c r="CM2866" s="53"/>
      <c r="CN2866" s="53"/>
    </row>
    <row r="2867" spans="1:92" outlineLevel="1">
      <c r="A2867" s="52" t="s">
        <v>699</v>
      </c>
      <c r="B2867" s="53"/>
      <c r="C2867" s="53"/>
      <c r="D2867" s="53"/>
      <c r="E2867" s="53"/>
      <c r="F2867" s="53"/>
      <c r="G2867" s="53"/>
      <c r="H2867" s="53"/>
      <c r="I2867" s="53"/>
      <c r="J2867" s="53"/>
      <c r="K2867" s="53"/>
      <c r="L2867" s="53"/>
      <c r="M2867" s="53"/>
      <c r="N2867" s="53"/>
      <c r="O2867" s="53"/>
      <c r="P2867" s="53"/>
      <c r="Q2867" s="53"/>
      <c r="R2867" s="53"/>
      <c r="S2867" s="53"/>
      <c r="T2867" s="53"/>
      <c r="U2867" s="53"/>
      <c r="V2867" s="53"/>
      <c r="W2867" s="53"/>
      <c r="X2867" s="53"/>
      <c r="Y2867" s="53"/>
      <c r="Z2867" s="53"/>
      <c r="AA2867" s="53"/>
      <c r="AB2867" s="53"/>
      <c r="AC2867" s="53"/>
      <c r="AD2867" s="53"/>
      <c r="AE2867" s="53"/>
      <c r="AF2867" s="53"/>
      <c r="AG2867" s="53"/>
      <c r="AH2867" s="53"/>
      <c r="AI2867" s="53"/>
      <c r="AJ2867" s="53"/>
      <c r="AK2867" s="53"/>
      <c r="AL2867" s="53"/>
      <c r="AM2867" s="53"/>
      <c r="AN2867" s="53"/>
      <c r="AO2867" s="53"/>
      <c r="AP2867" s="53"/>
      <c r="AQ2867" s="53"/>
      <c r="AR2867" s="53"/>
      <c r="AS2867" s="53"/>
      <c r="AT2867" s="53"/>
      <c r="AU2867" s="53"/>
      <c r="AV2867" s="53"/>
      <c r="AW2867" s="53"/>
      <c r="AX2867" s="53"/>
      <c r="AY2867" s="53"/>
      <c r="AZ2867" s="53"/>
      <c r="BA2867" s="53"/>
      <c r="BB2867" s="53"/>
      <c r="BC2867" s="53"/>
      <c r="BD2867" s="53"/>
      <c r="BE2867" s="53"/>
      <c r="BF2867" s="53"/>
      <c r="BG2867" s="53"/>
      <c r="BH2867" s="53"/>
      <c r="BI2867" s="53"/>
      <c r="BJ2867" s="53"/>
      <c r="BK2867" s="53"/>
      <c r="BL2867" s="53"/>
      <c r="BM2867" s="53"/>
      <c r="BN2867" s="53"/>
      <c r="BO2867" s="53"/>
      <c r="BP2867" s="53"/>
      <c r="BQ2867" s="53"/>
      <c r="BR2867" s="53"/>
      <c r="BS2867" s="53"/>
      <c r="BT2867" s="53"/>
      <c r="BU2867" s="53"/>
      <c r="BV2867" s="53"/>
      <c r="BW2867" s="53"/>
      <c r="BX2867" s="53"/>
      <c r="BY2867" s="53"/>
      <c r="BZ2867" s="53"/>
      <c r="CA2867" s="53"/>
      <c r="CB2867" s="53"/>
      <c r="CC2867" s="53"/>
      <c r="CD2867" s="53"/>
      <c r="CE2867" s="53"/>
      <c r="CF2867" s="53"/>
      <c r="CG2867" s="53"/>
      <c r="CH2867" s="53"/>
      <c r="CI2867" s="53"/>
      <c r="CJ2867" s="53"/>
      <c r="CK2867" s="53"/>
      <c r="CL2867" s="53"/>
      <c r="CM2867" s="53"/>
      <c r="CN2867" s="53"/>
    </row>
    <row r="2868" spans="1:92" outlineLevel="1">
      <c r="A2868" s="52" t="s">
        <v>650</v>
      </c>
      <c r="B2868" s="53"/>
      <c r="C2868" s="53"/>
      <c r="D2868" s="53"/>
      <c r="E2868" s="53"/>
      <c r="F2868" s="53"/>
      <c r="G2868" s="53"/>
      <c r="H2868" s="53"/>
      <c r="I2868" s="53"/>
      <c r="J2868" s="53"/>
      <c r="K2868" s="53"/>
      <c r="L2868" s="53"/>
      <c r="M2868" s="53"/>
      <c r="N2868" s="53"/>
      <c r="O2868" s="53"/>
      <c r="P2868" s="53"/>
      <c r="Q2868" s="53"/>
      <c r="R2868" s="53"/>
      <c r="S2868" s="53"/>
      <c r="T2868" s="53"/>
      <c r="U2868" s="53"/>
      <c r="V2868" s="53"/>
      <c r="W2868" s="53"/>
      <c r="X2868" s="53"/>
      <c r="Y2868" s="53"/>
      <c r="Z2868" s="53"/>
      <c r="AA2868" s="53"/>
      <c r="AB2868" s="53"/>
      <c r="AC2868" s="53"/>
      <c r="AD2868" s="53"/>
      <c r="AE2868" s="53"/>
      <c r="AF2868" s="53"/>
      <c r="AG2868" s="53"/>
      <c r="AH2868" s="53"/>
      <c r="AI2868" s="53"/>
      <c r="AJ2868" s="53"/>
      <c r="AK2868" s="53"/>
      <c r="AL2868" s="53"/>
      <c r="AM2868" s="53"/>
      <c r="AN2868" s="53"/>
      <c r="AO2868" s="53"/>
      <c r="AP2868" s="53"/>
      <c r="AQ2868" s="53"/>
      <c r="AR2868" s="53"/>
      <c r="AS2868" s="53"/>
      <c r="AT2868" s="53"/>
      <c r="AU2868" s="53"/>
      <c r="AV2868" s="53"/>
      <c r="AW2868" s="53"/>
      <c r="AX2868" s="53"/>
      <c r="AY2868" s="53"/>
      <c r="AZ2868" s="53"/>
      <c r="BA2868" s="53"/>
      <c r="BB2868" s="53"/>
      <c r="BC2868" s="53"/>
      <c r="BD2868" s="53"/>
      <c r="BE2868" s="53"/>
      <c r="BF2868" s="53"/>
      <c r="BG2868" s="53"/>
      <c r="BH2868" s="53"/>
      <c r="BI2868" s="53"/>
      <c r="BJ2868" s="53"/>
      <c r="BK2868" s="53"/>
      <c r="BL2868" s="53"/>
      <c r="BM2868" s="53"/>
      <c r="BN2868" s="53"/>
      <c r="BO2868" s="53"/>
      <c r="BP2868" s="53"/>
      <c r="BQ2868" s="53"/>
      <c r="BR2868" s="53"/>
      <c r="BS2868" s="53"/>
      <c r="BT2868" s="53"/>
      <c r="BU2868" s="53"/>
      <c r="BV2868" s="53"/>
      <c r="BW2868" s="53"/>
      <c r="BX2868" s="53"/>
      <c r="BY2868" s="53"/>
      <c r="BZ2868" s="53"/>
      <c r="CA2868" s="53"/>
      <c r="CB2868" s="53"/>
      <c r="CC2868" s="53"/>
      <c r="CD2868" s="53"/>
      <c r="CE2868" s="53"/>
      <c r="CF2868" s="53"/>
      <c r="CG2868" s="53"/>
      <c r="CH2868" s="53"/>
      <c r="CI2868" s="53"/>
      <c r="CJ2868" s="53"/>
      <c r="CK2868" s="53"/>
      <c r="CL2868" s="53"/>
      <c r="CM2868" s="53"/>
      <c r="CN2868" s="53"/>
    </row>
    <row r="2869" spans="1:92" outlineLevel="1">
      <c r="A2869" s="52" t="s">
        <v>1715</v>
      </c>
      <c r="B2869" s="53"/>
      <c r="C2869" s="53"/>
      <c r="D2869" s="53"/>
      <c r="E2869" s="53"/>
      <c r="F2869" s="53"/>
      <c r="G2869" s="53"/>
      <c r="H2869" s="53"/>
      <c r="I2869" s="53"/>
      <c r="J2869" s="53"/>
      <c r="K2869" s="53"/>
      <c r="L2869" s="53"/>
      <c r="M2869" s="53"/>
      <c r="N2869" s="53"/>
      <c r="O2869" s="53"/>
      <c r="P2869" s="53"/>
      <c r="Q2869" s="53"/>
      <c r="R2869" s="53"/>
      <c r="S2869" s="53"/>
      <c r="T2869" s="53"/>
      <c r="U2869" s="53"/>
      <c r="V2869" s="53"/>
      <c r="W2869" s="53"/>
      <c r="X2869" s="53"/>
      <c r="Y2869" s="53"/>
      <c r="Z2869" s="53"/>
      <c r="AA2869" s="53"/>
      <c r="AB2869" s="53"/>
      <c r="AC2869" s="53"/>
      <c r="AD2869" s="53"/>
      <c r="AE2869" s="53"/>
      <c r="AF2869" s="53"/>
      <c r="AG2869" s="53"/>
      <c r="AH2869" s="53"/>
      <c r="AI2869" s="53"/>
      <c r="AJ2869" s="53"/>
      <c r="AK2869" s="53"/>
      <c r="AL2869" s="53"/>
      <c r="AM2869" s="53"/>
      <c r="AN2869" s="53"/>
      <c r="AO2869" s="53"/>
      <c r="AP2869" s="53"/>
      <c r="AQ2869" s="53"/>
      <c r="AR2869" s="53"/>
      <c r="AS2869" s="53"/>
      <c r="AT2869" s="53"/>
      <c r="AU2869" s="53"/>
      <c r="AV2869" s="53"/>
      <c r="AW2869" s="53"/>
      <c r="AX2869" s="53"/>
      <c r="AY2869" s="53"/>
      <c r="AZ2869" s="53"/>
      <c r="BA2869" s="53"/>
      <c r="BB2869" s="53"/>
      <c r="BC2869" s="53"/>
      <c r="BD2869" s="53"/>
      <c r="BE2869" s="53"/>
      <c r="BF2869" s="53"/>
      <c r="BG2869" s="53"/>
      <c r="BH2869" s="53"/>
      <c r="BI2869" s="53"/>
      <c r="BJ2869" s="53"/>
      <c r="BK2869" s="53"/>
      <c r="BL2869" s="53"/>
      <c r="BM2869" s="53"/>
      <c r="BN2869" s="53"/>
      <c r="BO2869" s="53"/>
      <c r="BP2869" s="53"/>
      <c r="BQ2869" s="53"/>
      <c r="BR2869" s="53"/>
      <c r="BS2869" s="53"/>
      <c r="BT2869" s="53"/>
      <c r="BU2869" s="53"/>
      <c r="BV2869" s="53"/>
      <c r="BW2869" s="53"/>
      <c r="BX2869" s="53"/>
      <c r="BY2869" s="53"/>
      <c r="BZ2869" s="53"/>
      <c r="CA2869" s="53"/>
      <c r="CB2869" s="53">
        <v>9438458404.5419292</v>
      </c>
      <c r="CC2869" s="53">
        <v>9438448779.4069805</v>
      </c>
      <c r="CD2869" s="53">
        <v>9438436603.6081104</v>
      </c>
      <c r="CE2869" s="53">
        <v>9438845698.0356293</v>
      </c>
      <c r="CF2869" s="53">
        <v>9439254787.4788094</v>
      </c>
      <c r="CG2869" s="53">
        <v>9989663876.9219894</v>
      </c>
      <c r="CH2869" s="53">
        <v>9990072966.3651791</v>
      </c>
      <c r="CI2869" s="53">
        <v>9990482055.8083591</v>
      </c>
      <c r="CJ2869" s="53">
        <v>9990891145.2515392</v>
      </c>
      <c r="CK2869" s="53">
        <v>9991300234.6947193</v>
      </c>
      <c r="CL2869" s="53">
        <v>9991709324.1378994</v>
      </c>
      <c r="CM2869" s="53">
        <v>9992118413.5810795</v>
      </c>
      <c r="CN2869" s="53">
        <v>9992118413.5810795</v>
      </c>
    </row>
    <row r="2870" spans="1:92" outlineLevel="1">
      <c r="A2870" s="52" t="s">
        <v>649</v>
      </c>
      <c r="B2870" s="53">
        <v>-11550666.699999999</v>
      </c>
      <c r="C2870" s="53">
        <v>-11550666.699999999</v>
      </c>
      <c r="D2870" s="53">
        <v>-11550666.699999999</v>
      </c>
      <c r="E2870" s="53">
        <v>-11550666.699999999</v>
      </c>
      <c r="F2870" s="53">
        <v>-11550666.699999999</v>
      </c>
      <c r="G2870" s="53">
        <v>-11550666.699999999</v>
      </c>
      <c r="H2870" s="53">
        <v>-11550666.699999999</v>
      </c>
      <c r="I2870" s="53">
        <v>-11550666.699999999</v>
      </c>
      <c r="J2870" s="53">
        <v>-11550666.699999999</v>
      </c>
      <c r="K2870" s="53">
        <v>-11550666.699999999</v>
      </c>
      <c r="L2870" s="53">
        <v>-11550666.699999999</v>
      </c>
      <c r="M2870" s="53">
        <v>-11550666.699999999</v>
      </c>
      <c r="N2870" s="53">
        <v>-138608000.39999899</v>
      </c>
      <c r="O2870" s="53">
        <v>-8782250</v>
      </c>
      <c r="P2870" s="53">
        <v>-8782250</v>
      </c>
      <c r="Q2870" s="53">
        <v>-8782250</v>
      </c>
      <c r="R2870" s="53">
        <v>-8782250</v>
      </c>
      <c r="S2870" s="53">
        <v>-8782250</v>
      </c>
      <c r="T2870" s="53">
        <v>-8782250</v>
      </c>
      <c r="U2870" s="53">
        <v>-8782250</v>
      </c>
      <c r="V2870" s="53">
        <v>-8782250</v>
      </c>
      <c r="W2870" s="53">
        <v>-8782250</v>
      </c>
      <c r="X2870" s="53">
        <v>-8782250</v>
      </c>
      <c r="Y2870" s="53">
        <v>-8782250</v>
      </c>
      <c r="Z2870" s="53">
        <v>-8782250</v>
      </c>
      <c r="AA2870" s="53">
        <v>-105387000</v>
      </c>
      <c r="AB2870" s="53">
        <v>-5564166.6666666698</v>
      </c>
      <c r="AC2870" s="53">
        <v>-5564166.6666666698</v>
      </c>
      <c r="AD2870" s="53">
        <v>-5564166.6666666698</v>
      </c>
      <c r="AE2870" s="53">
        <v>-5564166.6666666698</v>
      </c>
      <c r="AF2870" s="53">
        <v>-5564166.6666666698</v>
      </c>
      <c r="AG2870" s="53">
        <v>-5564166.6666666698</v>
      </c>
      <c r="AH2870" s="53">
        <v>-5564166.6666666698</v>
      </c>
      <c r="AI2870" s="53">
        <v>-5564166.6666666698</v>
      </c>
      <c r="AJ2870" s="53">
        <v>-5564166.6666666698</v>
      </c>
      <c r="AK2870" s="53">
        <v>-5564166.6666666698</v>
      </c>
      <c r="AL2870" s="53">
        <v>-5564166.6666666698</v>
      </c>
      <c r="AM2870" s="53">
        <v>-5564166.6666666698</v>
      </c>
      <c r="AN2870" s="53">
        <v>-66770000</v>
      </c>
      <c r="AO2870" s="53">
        <v>-4253666.6666666698</v>
      </c>
      <c r="AP2870" s="53">
        <v>-4253666.6666666698</v>
      </c>
      <c r="AQ2870" s="53">
        <v>-4253666.6666666698</v>
      </c>
      <c r="AR2870" s="53">
        <v>-4253666.6666666698</v>
      </c>
      <c r="AS2870" s="53">
        <v>-4253666.6666666698</v>
      </c>
      <c r="AT2870" s="53">
        <v>-4253666.6666666698</v>
      </c>
      <c r="AU2870" s="53">
        <v>-4253666.6666666698</v>
      </c>
      <c r="AV2870" s="53">
        <v>-4253666.6666666698</v>
      </c>
      <c r="AW2870" s="53">
        <v>-4253666.6666666698</v>
      </c>
      <c r="AX2870" s="53">
        <v>-4253666.6666666698</v>
      </c>
      <c r="AY2870" s="53">
        <v>-4253666.6666666698</v>
      </c>
      <c r="AZ2870" s="53">
        <v>-4253666.6666666698</v>
      </c>
      <c r="BA2870" s="53">
        <v>-51044000</v>
      </c>
      <c r="BB2870" s="53">
        <v>-3086666.6666666698</v>
      </c>
      <c r="BC2870" s="53">
        <v>-3086666.6666666698</v>
      </c>
      <c r="BD2870" s="53">
        <v>-3086666.6666666698</v>
      </c>
      <c r="BE2870" s="53">
        <v>-3086666.6666666698</v>
      </c>
      <c r="BF2870" s="53">
        <v>-3086666.6666666698</v>
      </c>
      <c r="BG2870" s="53">
        <v>-3086666.6666666698</v>
      </c>
      <c r="BH2870" s="53">
        <v>-3086666.6666666698</v>
      </c>
      <c r="BI2870" s="53">
        <v>-3086666.6666666698</v>
      </c>
      <c r="BJ2870" s="53">
        <v>-3086666.6666666698</v>
      </c>
      <c r="BK2870" s="53">
        <v>-3086666.6666666698</v>
      </c>
      <c r="BL2870" s="53">
        <v>-3086666.6666666698</v>
      </c>
      <c r="BM2870" s="53">
        <v>-3086666.6666666698</v>
      </c>
      <c r="BN2870" s="53">
        <v>-37040000</v>
      </c>
      <c r="BO2870" s="53"/>
      <c r="BP2870" s="53"/>
      <c r="BQ2870" s="53"/>
      <c r="BR2870" s="53"/>
      <c r="BS2870" s="53"/>
      <c r="BT2870" s="53"/>
      <c r="BU2870" s="53"/>
      <c r="BV2870" s="53"/>
      <c r="BW2870" s="53"/>
      <c r="BX2870" s="53"/>
      <c r="BY2870" s="53"/>
      <c r="BZ2870" s="53"/>
      <c r="CA2870" s="53"/>
      <c r="CB2870" s="53"/>
      <c r="CC2870" s="53"/>
      <c r="CD2870" s="53"/>
      <c r="CE2870" s="53"/>
      <c r="CF2870" s="53"/>
      <c r="CG2870" s="53"/>
      <c r="CH2870" s="53"/>
      <c r="CI2870" s="53"/>
      <c r="CJ2870" s="53"/>
      <c r="CK2870" s="53"/>
      <c r="CL2870" s="53"/>
      <c r="CM2870" s="53"/>
      <c r="CN2870" s="53"/>
    </row>
    <row r="2871" spans="1:92" outlineLevel="1">
      <c r="A2871" s="59" t="s">
        <v>1717</v>
      </c>
      <c r="B2871" s="53">
        <v>428133964.90999901</v>
      </c>
      <c r="C2871" s="53">
        <v>425396427</v>
      </c>
      <c r="D2871" s="53">
        <v>410632379.94999999</v>
      </c>
      <c r="E2871" s="53">
        <v>404883548.91000003</v>
      </c>
      <c r="F2871" s="53">
        <v>396064604.00999999</v>
      </c>
      <c r="G2871" s="53">
        <v>392089185.20999998</v>
      </c>
      <c r="H2871" s="53">
        <v>384750760.20999998</v>
      </c>
      <c r="I2871" s="53">
        <v>378580938.31</v>
      </c>
      <c r="J2871" s="53">
        <v>362795717.40999901</v>
      </c>
      <c r="K2871" s="53">
        <v>358254568.15999901</v>
      </c>
      <c r="L2871" s="53">
        <v>363037413.69999999</v>
      </c>
      <c r="M2871" s="53">
        <v>357117472.30000001</v>
      </c>
      <c r="N2871" s="53">
        <v>357117472.30000001</v>
      </c>
      <c r="O2871" s="53">
        <v>348335222.30000001</v>
      </c>
      <c r="P2871" s="53">
        <v>339552972.30000001</v>
      </c>
      <c r="Q2871" s="53">
        <v>330770722.30000001</v>
      </c>
      <c r="R2871" s="53">
        <v>321988472.30000001</v>
      </c>
      <c r="S2871" s="53">
        <v>313206222.30000001</v>
      </c>
      <c r="T2871" s="53">
        <v>304423972.30000001</v>
      </c>
      <c r="U2871" s="53">
        <v>295641722.30000001</v>
      </c>
      <c r="V2871" s="53">
        <v>286859472.30000001</v>
      </c>
      <c r="W2871" s="53">
        <v>278077222.30000001</v>
      </c>
      <c r="X2871" s="53">
        <v>269294972.30000001</v>
      </c>
      <c r="Y2871" s="53">
        <v>260512722.30000001</v>
      </c>
      <c r="Z2871" s="53">
        <v>251730472.30000001</v>
      </c>
      <c r="AA2871" s="53">
        <v>251730472.30000001</v>
      </c>
      <c r="AB2871" s="53">
        <v>246166305.633333</v>
      </c>
      <c r="AC2871" s="53">
        <v>240602138.96666601</v>
      </c>
      <c r="AD2871" s="53">
        <v>235037972.30000001</v>
      </c>
      <c r="AE2871" s="53">
        <v>229473805.633333</v>
      </c>
      <c r="AF2871" s="53">
        <v>223909638.96666601</v>
      </c>
      <c r="AG2871" s="53">
        <v>218345472.30000001</v>
      </c>
      <c r="AH2871" s="53">
        <v>212781305.633333</v>
      </c>
      <c r="AI2871" s="53">
        <v>207217138.96666601</v>
      </c>
      <c r="AJ2871" s="53">
        <v>201652972.30000001</v>
      </c>
      <c r="AK2871" s="53">
        <v>196088805.633333</v>
      </c>
      <c r="AL2871" s="53">
        <v>190524638.96666601</v>
      </c>
      <c r="AM2871" s="53">
        <v>184960472.30000001</v>
      </c>
      <c r="AN2871" s="53">
        <v>184960472.30000001</v>
      </c>
      <c r="AO2871" s="53">
        <v>180706805.633333</v>
      </c>
      <c r="AP2871" s="53">
        <v>176453138.96666601</v>
      </c>
      <c r="AQ2871" s="53">
        <v>172199472.30000001</v>
      </c>
      <c r="AR2871" s="53">
        <v>167945805.633333</v>
      </c>
      <c r="AS2871" s="53">
        <v>163692138.96666601</v>
      </c>
      <c r="AT2871" s="53">
        <v>159438472.30000001</v>
      </c>
      <c r="AU2871" s="53">
        <v>155184805.633333</v>
      </c>
      <c r="AV2871" s="53">
        <v>150931138.96666601</v>
      </c>
      <c r="AW2871" s="53">
        <v>146677472.30000001</v>
      </c>
      <c r="AX2871" s="53">
        <v>142423805.633333</v>
      </c>
      <c r="AY2871" s="53">
        <v>138170138.96666601</v>
      </c>
      <c r="AZ2871" s="53">
        <v>133916472.3</v>
      </c>
      <c r="BA2871" s="53">
        <v>133916472.3</v>
      </c>
      <c r="BB2871" s="53">
        <v>130829805.633333</v>
      </c>
      <c r="BC2871" s="53">
        <v>127743138.966666</v>
      </c>
      <c r="BD2871" s="53">
        <v>124656472.3</v>
      </c>
      <c r="BE2871" s="53">
        <v>121569805.633333</v>
      </c>
      <c r="BF2871" s="53">
        <v>118483138.966666</v>
      </c>
      <c r="BG2871" s="53">
        <v>115396472.3</v>
      </c>
      <c r="BH2871" s="53">
        <v>112309805.633333</v>
      </c>
      <c r="BI2871" s="53">
        <v>109223138.966666</v>
      </c>
      <c r="BJ2871" s="53">
        <v>106136472.3</v>
      </c>
      <c r="BK2871" s="53">
        <v>103049805.633333</v>
      </c>
      <c r="BL2871" s="53">
        <v>99963138.966666803</v>
      </c>
      <c r="BM2871" s="53">
        <v>96876472.300000101</v>
      </c>
      <c r="BN2871" s="53">
        <v>96876472.300000101</v>
      </c>
      <c r="BO2871" s="53">
        <v>96876472.300000101</v>
      </c>
      <c r="BP2871" s="53">
        <v>96876472.300000101</v>
      </c>
      <c r="BQ2871" s="53">
        <v>96876472.300000101</v>
      </c>
      <c r="BR2871" s="53">
        <v>96876472.300000101</v>
      </c>
      <c r="BS2871" s="53">
        <v>96876472.300000101</v>
      </c>
      <c r="BT2871" s="53">
        <v>96876472.300000101</v>
      </c>
      <c r="BU2871" s="53">
        <v>96876472.300000101</v>
      </c>
      <c r="BV2871" s="53">
        <v>96876472.300000101</v>
      </c>
      <c r="BW2871" s="53">
        <v>96876472.300000101</v>
      </c>
      <c r="BX2871" s="53">
        <v>96876472.300000101</v>
      </c>
      <c r="BY2871" s="53">
        <v>96876472.300000101</v>
      </c>
      <c r="BZ2871" s="53">
        <v>96876472.300000101</v>
      </c>
      <c r="CA2871" s="53">
        <v>96876472.300000101</v>
      </c>
      <c r="CB2871" s="53"/>
      <c r="CC2871" s="53"/>
      <c r="CD2871" s="53"/>
      <c r="CE2871" s="53"/>
      <c r="CF2871" s="53"/>
      <c r="CG2871" s="53"/>
      <c r="CH2871" s="53"/>
      <c r="CI2871" s="53"/>
      <c r="CJ2871" s="53"/>
      <c r="CK2871" s="53"/>
      <c r="CL2871" s="53"/>
      <c r="CM2871" s="53"/>
      <c r="CN2871" s="53"/>
    </row>
    <row r="2872" spans="1:92" outlineLevel="1">
      <c r="A2872" s="52" t="s">
        <v>1718</v>
      </c>
      <c r="B2872" s="53"/>
      <c r="C2872" s="53"/>
      <c r="D2872" s="53"/>
      <c r="E2872" s="53"/>
      <c r="F2872" s="53"/>
      <c r="G2872" s="53"/>
      <c r="H2872" s="53"/>
      <c r="I2872" s="53"/>
      <c r="J2872" s="53"/>
      <c r="K2872" s="53"/>
      <c r="L2872" s="53"/>
      <c r="M2872" s="53"/>
      <c r="N2872" s="53"/>
      <c r="O2872" s="53"/>
      <c r="P2872" s="53"/>
      <c r="Q2872" s="53"/>
      <c r="R2872" s="53"/>
      <c r="S2872" s="53"/>
      <c r="T2872" s="53"/>
      <c r="U2872" s="53"/>
      <c r="V2872" s="53"/>
      <c r="W2872" s="53"/>
      <c r="X2872" s="53"/>
      <c r="Y2872" s="53"/>
      <c r="Z2872" s="53"/>
      <c r="AA2872" s="53"/>
      <c r="AB2872" s="53"/>
      <c r="AC2872" s="53"/>
      <c r="AD2872" s="53"/>
      <c r="AE2872" s="53"/>
      <c r="AF2872" s="53"/>
      <c r="AG2872" s="53"/>
      <c r="AH2872" s="53"/>
      <c r="AI2872" s="53"/>
      <c r="AJ2872" s="53"/>
      <c r="AK2872" s="53"/>
      <c r="AL2872" s="53"/>
      <c r="AM2872" s="53"/>
      <c r="AN2872" s="53"/>
      <c r="AO2872" s="53"/>
      <c r="AP2872" s="53"/>
      <c r="AQ2872" s="53"/>
      <c r="AR2872" s="53"/>
      <c r="AS2872" s="53"/>
      <c r="AT2872" s="53"/>
      <c r="AU2872" s="53"/>
      <c r="AV2872" s="53"/>
      <c r="AW2872" s="53"/>
      <c r="AX2872" s="53"/>
      <c r="AY2872" s="53"/>
      <c r="AZ2872" s="53"/>
      <c r="BA2872" s="53"/>
      <c r="BB2872" s="53"/>
      <c r="BC2872" s="53"/>
      <c r="BD2872" s="53"/>
      <c r="BE2872" s="53"/>
      <c r="BF2872" s="53"/>
      <c r="BG2872" s="53"/>
      <c r="BH2872" s="53"/>
      <c r="BI2872" s="53"/>
      <c r="BJ2872" s="53"/>
      <c r="BK2872" s="53"/>
      <c r="BL2872" s="53"/>
      <c r="BM2872" s="53"/>
      <c r="BN2872" s="53"/>
      <c r="BO2872" s="53"/>
      <c r="BP2872" s="53"/>
      <c r="BQ2872" s="53"/>
      <c r="BR2872" s="53"/>
      <c r="BS2872" s="53"/>
      <c r="BT2872" s="53"/>
      <c r="BU2872" s="53"/>
      <c r="BV2872" s="53"/>
      <c r="BW2872" s="53"/>
      <c r="BX2872" s="53"/>
      <c r="BY2872" s="53"/>
      <c r="BZ2872" s="53"/>
      <c r="CA2872" s="53"/>
      <c r="CB2872" s="53">
        <v>0</v>
      </c>
      <c r="CC2872" s="53">
        <v>0</v>
      </c>
      <c r="CD2872" s="53">
        <v>0</v>
      </c>
      <c r="CE2872" s="53">
        <v>0</v>
      </c>
      <c r="CF2872" s="53">
        <v>0</v>
      </c>
      <c r="CG2872" s="53">
        <v>0</v>
      </c>
      <c r="CH2872" s="53">
        <v>0</v>
      </c>
      <c r="CI2872" s="53">
        <v>0</v>
      </c>
      <c r="CJ2872" s="53">
        <v>0</v>
      </c>
      <c r="CK2872" s="53">
        <v>0</v>
      </c>
      <c r="CL2872" s="53">
        <v>0</v>
      </c>
      <c r="CM2872" s="53">
        <v>0</v>
      </c>
      <c r="CN2872" s="53">
        <v>0</v>
      </c>
    </row>
    <row r="2873" spans="1:92" outlineLevel="1">
      <c r="A2873" s="59" t="s">
        <v>1719</v>
      </c>
      <c r="B2873" s="53"/>
      <c r="C2873" s="53"/>
      <c r="D2873" s="53"/>
      <c r="E2873" s="53"/>
      <c r="F2873" s="53"/>
      <c r="G2873" s="53"/>
      <c r="H2873" s="53"/>
      <c r="I2873" s="53"/>
      <c r="J2873" s="53"/>
      <c r="K2873" s="53"/>
      <c r="L2873" s="53"/>
      <c r="M2873" s="53"/>
      <c r="N2873" s="53"/>
      <c r="O2873" s="53"/>
      <c r="P2873" s="53"/>
      <c r="Q2873" s="53"/>
      <c r="R2873" s="53"/>
      <c r="S2873" s="53"/>
      <c r="T2873" s="53"/>
      <c r="U2873" s="53"/>
      <c r="V2873" s="53"/>
      <c r="W2873" s="53"/>
      <c r="X2873" s="53"/>
      <c r="Y2873" s="53"/>
      <c r="Z2873" s="53"/>
      <c r="AA2873" s="53"/>
      <c r="AB2873" s="53"/>
      <c r="AC2873" s="53"/>
      <c r="AD2873" s="53"/>
      <c r="AE2873" s="53"/>
      <c r="AF2873" s="53"/>
      <c r="AG2873" s="53"/>
      <c r="AH2873" s="53"/>
      <c r="AI2873" s="53"/>
      <c r="AJ2873" s="53"/>
      <c r="AK2873" s="53"/>
      <c r="AL2873" s="53"/>
      <c r="AM2873" s="53"/>
      <c r="AN2873" s="53"/>
      <c r="AO2873" s="53"/>
      <c r="AP2873" s="53"/>
      <c r="AQ2873" s="53"/>
      <c r="AR2873" s="53"/>
      <c r="AS2873" s="53"/>
      <c r="AT2873" s="53"/>
      <c r="AU2873" s="53"/>
      <c r="AV2873" s="53"/>
      <c r="AW2873" s="53"/>
      <c r="AX2873" s="53"/>
      <c r="AY2873" s="53"/>
      <c r="AZ2873" s="53"/>
      <c r="BA2873" s="53"/>
      <c r="BB2873" s="53"/>
      <c r="BC2873" s="53"/>
      <c r="BD2873" s="53"/>
      <c r="BE2873" s="53"/>
      <c r="BF2873" s="53"/>
      <c r="BG2873" s="53"/>
      <c r="BH2873" s="53"/>
      <c r="BI2873" s="53"/>
      <c r="BJ2873" s="53"/>
      <c r="BK2873" s="53"/>
      <c r="BL2873" s="53"/>
      <c r="BM2873" s="53"/>
      <c r="BN2873" s="53"/>
      <c r="BO2873" s="53"/>
      <c r="BP2873" s="53"/>
      <c r="BQ2873" s="53"/>
      <c r="BR2873" s="53"/>
      <c r="BS2873" s="53"/>
      <c r="BT2873" s="53"/>
      <c r="BU2873" s="53"/>
      <c r="BV2873" s="53"/>
      <c r="BW2873" s="53"/>
      <c r="BX2873" s="53"/>
      <c r="BY2873" s="53"/>
      <c r="BZ2873" s="53"/>
      <c r="CA2873" s="53"/>
      <c r="CB2873" s="53">
        <v>0</v>
      </c>
      <c r="CC2873" s="53">
        <v>0</v>
      </c>
      <c r="CD2873" s="53">
        <v>0</v>
      </c>
      <c r="CE2873" s="53">
        <v>0</v>
      </c>
      <c r="CF2873" s="53">
        <v>0</v>
      </c>
      <c r="CG2873" s="53">
        <v>0</v>
      </c>
      <c r="CH2873" s="53">
        <v>0</v>
      </c>
      <c r="CI2873" s="53">
        <v>0</v>
      </c>
      <c r="CJ2873" s="53">
        <v>0</v>
      </c>
      <c r="CK2873" s="53">
        <v>0</v>
      </c>
      <c r="CL2873" s="53">
        <v>0</v>
      </c>
      <c r="CM2873" s="53">
        <v>0</v>
      </c>
      <c r="CN2873" s="53">
        <v>0</v>
      </c>
    </row>
    <row r="2874" spans="1:92" outlineLevel="1">
      <c r="A2874" s="137" t="s">
        <v>1720</v>
      </c>
      <c r="B2874" s="53"/>
      <c r="C2874" s="53"/>
      <c r="D2874" s="53"/>
      <c r="E2874" s="53"/>
      <c r="F2874" s="53"/>
      <c r="G2874" s="53"/>
      <c r="H2874" s="53"/>
      <c r="I2874" s="53"/>
      <c r="J2874" s="53"/>
      <c r="K2874" s="53"/>
      <c r="L2874" s="53"/>
      <c r="M2874" s="53"/>
      <c r="N2874" s="53"/>
      <c r="O2874" s="53"/>
      <c r="P2874" s="53"/>
      <c r="Q2874" s="53"/>
      <c r="R2874" s="53"/>
      <c r="S2874" s="53"/>
      <c r="T2874" s="53"/>
      <c r="U2874" s="53"/>
      <c r="V2874" s="53"/>
      <c r="W2874" s="53"/>
      <c r="X2874" s="53"/>
      <c r="Y2874" s="53"/>
      <c r="Z2874" s="53"/>
      <c r="AA2874" s="53"/>
      <c r="AB2874" s="53"/>
      <c r="AC2874" s="53"/>
      <c r="AD2874" s="53"/>
      <c r="AE2874" s="53"/>
      <c r="AF2874" s="53"/>
      <c r="AG2874" s="53"/>
      <c r="AH2874" s="53"/>
      <c r="AI2874" s="53"/>
      <c r="AJ2874" s="53"/>
      <c r="AK2874" s="53"/>
      <c r="AL2874" s="53"/>
      <c r="AM2874" s="53"/>
      <c r="AN2874" s="53"/>
      <c r="AO2874" s="53"/>
      <c r="AP2874" s="53"/>
      <c r="AQ2874" s="53"/>
      <c r="AR2874" s="53"/>
      <c r="AS2874" s="53"/>
      <c r="AT2874" s="53"/>
      <c r="AU2874" s="53"/>
      <c r="AV2874" s="53"/>
      <c r="AW2874" s="53"/>
      <c r="AX2874" s="53"/>
      <c r="AY2874" s="53"/>
      <c r="AZ2874" s="53"/>
      <c r="BA2874" s="53"/>
      <c r="BB2874" s="53"/>
      <c r="BC2874" s="53"/>
      <c r="BD2874" s="53"/>
      <c r="BE2874" s="53"/>
      <c r="BF2874" s="53"/>
      <c r="BG2874" s="53"/>
      <c r="BH2874" s="53"/>
      <c r="BI2874" s="53"/>
      <c r="BJ2874" s="53"/>
      <c r="BK2874" s="53"/>
      <c r="BL2874" s="53"/>
      <c r="BM2874" s="53"/>
      <c r="BN2874" s="53"/>
      <c r="BO2874" s="53"/>
      <c r="BP2874" s="53"/>
      <c r="BQ2874" s="53"/>
      <c r="BR2874" s="53"/>
      <c r="BS2874" s="53"/>
      <c r="BT2874" s="53"/>
      <c r="BU2874" s="53"/>
      <c r="BV2874" s="53"/>
      <c r="BW2874" s="53"/>
      <c r="BX2874" s="53"/>
      <c r="BY2874" s="53"/>
      <c r="BZ2874" s="53"/>
      <c r="CA2874" s="53"/>
      <c r="CB2874" s="53"/>
      <c r="CC2874" s="53"/>
      <c r="CD2874" s="53"/>
      <c r="CE2874" s="53"/>
      <c r="CF2874" s="53"/>
      <c r="CG2874" s="53"/>
      <c r="CH2874" s="53"/>
      <c r="CI2874" s="53"/>
      <c r="CJ2874" s="53"/>
      <c r="CK2874" s="53"/>
      <c r="CL2874" s="53"/>
      <c r="CM2874" s="53"/>
      <c r="CN2874" s="53"/>
    </row>
    <row r="2875" spans="1:92" outlineLevel="1">
      <c r="A2875" s="52" t="s">
        <v>1721</v>
      </c>
      <c r="B2875" s="53"/>
      <c r="C2875" s="53"/>
      <c r="D2875" s="53"/>
      <c r="E2875" s="53"/>
      <c r="F2875" s="53"/>
      <c r="G2875" s="53"/>
      <c r="H2875" s="53"/>
      <c r="I2875" s="53"/>
      <c r="J2875" s="53"/>
      <c r="K2875" s="53"/>
      <c r="L2875" s="53"/>
      <c r="M2875" s="53"/>
      <c r="N2875" s="53"/>
      <c r="O2875" s="53"/>
      <c r="P2875" s="53"/>
      <c r="Q2875" s="53"/>
      <c r="R2875" s="53"/>
      <c r="S2875" s="53"/>
      <c r="T2875" s="53"/>
      <c r="U2875" s="53"/>
      <c r="V2875" s="53"/>
      <c r="W2875" s="53"/>
      <c r="X2875" s="53"/>
      <c r="Y2875" s="53"/>
      <c r="Z2875" s="53"/>
      <c r="AA2875" s="53"/>
      <c r="AB2875" s="53"/>
      <c r="AC2875" s="53"/>
      <c r="AD2875" s="53"/>
      <c r="AE2875" s="53"/>
      <c r="AF2875" s="53"/>
      <c r="AG2875" s="53"/>
      <c r="AH2875" s="53"/>
      <c r="AI2875" s="53"/>
      <c r="AJ2875" s="53"/>
      <c r="AK2875" s="53"/>
      <c r="AL2875" s="53"/>
      <c r="AM2875" s="53"/>
      <c r="AN2875" s="53"/>
      <c r="AO2875" s="53"/>
      <c r="AP2875" s="53"/>
      <c r="AQ2875" s="53"/>
      <c r="AR2875" s="53"/>
      <c r="AS2875" s="53"/>
      <c r="AT2875" s="53"/>
      <c r="AU2875" s="53"/>
      <c r="AV2875" s="53"/>
      <c r="AW2875" s="53"/>
      <c r="AX2875" s="53"/>
      <c r="AY2875" s="53"/>
      <c r="AZ2875" s="53"/>
      <c r="BA2875" s="53"/>
      <c r="BB2875" s="53"/>
      <c r="BC2875" s="53"/>
      <c r="BD2875" s="53"/>
      <c r="BE2875" s="53"/>
      <c r="BF2875" s="53"/>
      <c r="BG2875" s="53"/>
      <c r="BH2875" s="53"/>
      <c r="BI2875" s="53"/>
      <c r="BJ2875" s="53"/>
      <c r="BK2875" s="53"/>
      <c r="BL2875" s="53"/>
      <c r="BM2875" s="53"/>
      <c r="BN2875" s="53"/>
      <c r="BO2875" s="53"/>
      <c r="BP2875" s="53"/>
      <c r="BQ2875" s="53"/>
      <c r="BR2875" s="53"/>
      <c r="BS2875" s="53"/>
      <c r="BT2875" s="53"/>
      <c r="BU2875" s="53"/>
      <c r="BV2875" s="53"/>
      <c r="BW2875" s="53"/>
      <c r="BX2875" s="53"/>
      <c r="BY2875" s="53"/>
      <c r="BZ2875" s="53"/>
      <c r="CA2875" s="53"/>
      <c r="CB2875" s="53">
        <v>256487062.25999999</v>
      </c>
      <c r="CC2875" s="53">
        <v>256487062.25999999</v>
      </c>
      <c r="CD2875" s="53">
        <v>256487062.25999999</v>
      </c>
      <c r="CE2875" s="53">
        <v>256487062.25999999</v>
      </c>
      <c r="CF2875" s="53">
        <v>256487062.25999999</v>
      </c>
      <c r="CG2875" s="53">
        <v>256487062.25999999</v>
      </c>
      <c r="CH2875" s="53">
        <v>256487062.25999999</v>
      </c>
      <c r="CI2875" s="53">
        <v>256487062.25999999</v>
      </c>
      <c r="CJ2875" s="53">
        <v>256487062.25999999</v>
      </c>
      <c r="CK2875" s="53">
        <v>256487062.25999999</v>
      </c>
      <c r="CL2875" s="53">
        <v>256487062.25999999</v>
      </c>
      <c r="CM2875" s="53">
        <v>256487062.25999999</v>
      </c>
      <c r="CN2875" s="53">
        <v>256487062.25999999</v>
      </c>
    </row>
    <row r="2876" spans="1:92" outlineLevel="1">
      <c r="A2876" s="52" t="s">
        <v>1218</v>
      </c>
      <c r="B2876" s="53">
        <v>631683852.69999897</v>
      </c>
      <c r="C2876" s="53">
        <v>626056486.70000005</v>
      </c>
      <c r="D2876" s="53">
        <v>617504813.19999897</v>
      </c>
      <c r="E2876" s="53">
        <v>612894198.69999897</v>
      </c>
      <c r="F2876" s="53">
        <v>608618361.94999897</v>
      </c>
      <c r="G2876" s="53">
        <v>599886303.19999897</v>
      </c>
      <c r="H2876" s="53">
        <v>608792169.69999897</v>
      </c>
      <c r="I2876" s="53">
        <v>604516332.94999897</v>
      </c>
      <c r="J2876" s="53">
        <v>587343152.20000005</v>
      </c>
      <c r="K2876" s="53">
        <v>602245937.74999905</v>
      </c>
      <c r="L2876" s="53">
        <v>597970100.99999905</v>
      </c>
      <c r="M2876" s="53">
        <v>567667690.90999997</v>
      </c>
      <c r="N2876" s="53">
        <v>631683852.69999897</v>
      </c>
      <c r="O2876" s="53">
        <v>597832183</v>
      </c>
      <c r="P2876" s="53">
        <v>595844749</v>
      </c>
      <c r="Q2876" s="53">
        <v>593857315</v>
      </c>
      <c r="R2876" s="53">
        <v>591869881</v>
      </c>
      <c r="S2876" s="53">
        <v>589882447</v>
      </c>
      <c r="T2876" s="53">
        <v>587895013</v>
      </c>
      <c r="U2876" s="53">
        <v>585907579</v>
      </c>
      <c r="V2876" s="53">
        <v>583920145</v>
      </c>
      <c r="W2876" s="53">
        <v>581932711</v>
      </c>
      <c r="X2876" s="53">
        <v>579945277</v>
      </c>
      <c r="Y2876" s="53">
        <v>577957843</v>
      </c>
      <c r="Z2876" s="53">
        <v>575970409</v>
      </c>
      <c r="AA2876" s="53">
        <v>597832183</v>
      </c>
      <c r="AB2876" s="53">
        <v>573982975</v>
      </c>
      <c r="AC2876" s="53">
        <v>571982390.66666603</v>
      </c>
      <c r="AD2876" s="53">
        <v>569981806.33333302</v>
      </c>
      <c r="AE2876" s="53">
        <v>567981222</v>
      </c>
      <c r="AF2876" s="53">
        <v>565980637.66666603</v>
      </c>
      <c r="AG2876" s="53">
        <v>563980053.33333302</v>
      </c>
      <c r="AH2876" s="53">
        <v>561979469</v>
      </c>
      <c r="AI2876" s="53">
        <v>559978884.66666698</v>
      </c>
      <c r="AJ2876" s="53">
        <v>557978300.33333302</v>
      </c>
      <c r="AK2876" s="53">
        <v>555977716</v>
      </c>
      <c r="AL2876" s="53">
        <v>553977131.66666698</v>
      </c>
      <c r="AM2876" s="53">
        <v>551976547.33333302</v>
      </c>
      <c r="AN2876" s="53">
        <v>573982975</v>
      </c>
      <c r="AO2876" s="53">
        <v>549975963</v>
      </c>
      <c r="AP2876" s="53">
        <v>519041284.41666698</v>
      </c>
      <c r="AQ2876" s="53">
        <v>517106605.83333302</v>
      </c>
      <c r="AR2876" s="53">
        <v>515171927.25</v>
      </c>
      <c r="AS2876" s="53">
        <v>513237248.66666698</v>
      </c>
      <c r="AT2876" s="53">
        <v>511302570.08333302</v>
      </c>
      <c r="AU2876" s="53">
        <v>509367891.5</v>
      </c>
      <c r="AV2876" s="53">
        <v>507433212.91666698</v>
      </c>
      <c r="AW2876" s="53">
        <v>505498534.33333302</v>
      </c>
      <c r="AX2876" s="53">
        <v>503563855.75</v>
      </c>
      <c r="AY2876" s="53">
        <v>501629177.16666698</v>
      </c>
      <c r="AZ2876" s="53">
        <v>499694498.58333302</v>
      </c>
      <c r="BA2876" s="53">
        <v>549975963</v>
      </c>
      <c r="BB2876" s="53">
        <v>497759820</v>
      </c>
      <c r="BC2876" s="53">
        <v>495812740</v>
      </c>
      <c r="BD2876" s="53">
        <v>493865660</v>
      </c>
      <c r="BE2876" s="53">
        <v>491918580</v>
      </c>
      <c r="BF2876" s="53">
        <v>489971500</v>
      </c>
      <c r="BG2876" s="53">
        <v>488024420</v>
      </c>
      <c r="BH2876" s="53">
        <v>486077340</v>
      </c>
      <c r="BI2876" s="53">
        <v>484130260</v>
      </c>
      <c r="BJ2876" s="53">
        <v>482183180</v>
      </c>
      <c r="BK2876" s="53">
        <v>480236100</v>
      </c>
      <c r="BL2876" s="53">
        <v>478289020</v>
      </c>
      <c r="BM2876" s="53">
        <v>476341940</v>
      </c>
      <c r="BN2876" s="53">
        <v>497759820</v>
      </c>
      <c r="BO2876" s="53">
        <v>474394860</v>
      </c>
      <c r="BP2876" s="53">
        <v>472415025.25</v>
      </c>
      <c r="BQ2876" s="53">
        <v>470435190.5</v>
      </c>
      <c r="BR2876" s="53">
        <v>468455355.75</v>
      </c>
      <c r="BS2876" s="53">
        <v>466475521</v>
      </c>
      <c r="BT2876" s="53">
        <v>464495686.25</v>
      </c>
      <c r="BU2876" s="53">
        <v>462515851.5</v>
      </c>
      <c r="BV2876" s="53">
        <v>460536016.75</v>
      </c>
      <c r="BW2876" s="53">
        <v>458556182</v>
      </c>
      <c r="BX2876" s="53">
        <v>456576347.25</v>
      </c>
      <c r="BY2876" s="53">
        <v>454596512.5</v>
      </c>
      <c r="BZ2876" s="53">
        <v>452616677.75</v>
      </c>
      <c r="CA2876" s="53">
        <v>474394860</v>
      </c>
      <c r="CB2876" s="53">
        <v>256487062.25999999</v>
      </c>
      <c r="CC2876" s="53">
        <v>256487062.25999999</v>
      </c>
      <c r="CD2876" s="53">
        <v>256487062.25999999</v>
      </c>
      <c r="CE2876" s="53">
        <v>256487062.25999999</v>
      </c>
      <c r="CF2876" s="53">
        <v>256487062.25999999</v>
      </c>
      <c r="CG2876" s="53">
        <v>256487062.25999999</v>
      </c>
      <c r="CH2876" s="53">
        <v>256487062.25999999</v>
      </c>
      <c r="CI2876" s="53">
        <v>256487062.25999999</v>
      </c>
      <c r="CJ2876" s="53">
        <v>256487062.25999999</v>
      </c>
      <c r="CK2876" s="53">
        <v>256487062.25999999</v>
      </c>
      <c r="CL2876" s="53">
        <v>256487062.25999999</v>
      </c>
      <c r="CM2876" s="53">
        <v>256487062.25999999</v>
      </c>
      <c r="CN2876" s="53">
        <v>256487062.25999999</v>
      </c>
    </row>
    <row r="2877" spans="1:92" outlineLevel="1">
      <c r="A2877" s="52" t="s">
        <v>699</v>
      </c>
      <c r="B2877" s="53"/>
      <c r="C2877" s="53"/>
      <c r="D2877" s="53"/>
      <c r="E2877" s="53"/>
      <c r="F2877" s="53"/>
      <c r="G2877" s="53"/>
      <c r="H2877" s="53"/>
      <c r="I2877" s="53"/>
      <c r="J2877" s="53"/>
      <c r="K2877" s="53"/>
      <c r="L2877" s="53"/>
      <c r="M2877" s="53"/>
      <c r="N2877" s="53"/>
      <c r="O2877" s="53"/>
      <c r="P2877" s="53"/>
      <c r="Q2877" s="53"/>
      <c r="R2877" s="53"/>
      <c r="S2877" s="53"/>
      <c r="T2877" s="53"/>
      <c r="U2877" s="53"/>
      <c r="V2877" s="53"/>
      <c r="W2877" s="53"/>
      <c r="X2877" s="53"/>
      <c r="Y2877" s="53"/>
      <c r="Z2877" s="53"/>
      <c r="AA2877" s="53"/>
      <c r="AB2877" s="53"/>
      <c r="AC2877" s="53"/>
      <c r="AD2877" s="53"/>
      <c r="AE2877" s="53"/>
      <c r="AF2877" s="53"/>
      <c r="AG2877" s="53"/>
      <c r="AH2877" s="53"/>
      <c r="AI2877" s="53"/>
      <c r="AJ2877" s="53"/>
      <c r="AK2877" s="53"/>
      <c r="AL2877" s="53"/>
      <c r="AM2877" s="53"/>
      <c r="AN2877" s="53"/>
      <c r="AO2877" s="53"/>
      <c r="AP2877" s="53"/>
      <c r="AQ2877" s="53"/>
      <c r="AR2877" s="53"/>
      <c r="AS2877" s="53"/>
      <c r="AT2877" s="53"/>
      <c r="AU2877" s="53"/>
      <c r="AV2877" s="53"/>
      <c r="AW2877" s="53"/>
      <c r="AX2877" s="53"/>
      <c r="AY2877" s="53"/>
      <c r="AZ2877" s="53"/>
      <c r="BA2877" s="53"/>
      <c r="BB2877" s="53"/>
      <c r="BC2877" s="53"/>
      <c r="BD2877" s="53"/>
      <c r="BE2877" s="53"/>
      <c r="BF2877" s="53"/>
      <c r="BG2877" s="53"/>
      <c r="BH2877" s="53"/>
      <c r="BI2877" s="53"/>
      <c r="BJ2877" s="53"/>
      <c r="BK2877" s="53"/>
      <c r="BL2877" s="53"/>
      <c r="BM2877" s="53"/>
      <c r="BN2877" s="53"/>
      <c r="BO2877" s="53"/>
      <c r="BP2877" s="53"/>
      <c r="BQ2877" s="53"/>
      <c r="BR2877" s="53"/>
      <c r="BS2877" s="53"/>
      <c r="BT2877" s="53"/>
      <c r="BU2877" s="53"/>
      <c r="BV2877" s="53"/>
      <c r="BW2877" s="53"/>
      <c r="BX2877" s="53"/>
      <c r="BY2877" s="53"/>
      <c r="BZ2877" s="53"/>
      <c r="CA2877" s="53"/>
      <c r="CB2877" s="53"/>
      <c r="CC2877" s="53"/>
      <c r="CD2877" s="53"/>
      <c r="CE2877" s="53"/>
      <c r="CF2877" s="53"/>
      <c r="CG2877" s="53"/>
      <c r="CH2877" s="53"/>
      <c r="CI2877" s="53"/>
      <c r="CJ2877" s="53"/>
      <c r="CK2877" s="53"/>
      <c r="CL2877" s="53"/>
      <c r="CM2877" s="53"/>
      <c r="CN2877" s="53"/>
    </row>
    <row r="2878" spans="1:92" outlineLevel="1">
      <c r="A2878" s="52" t="s">
        <v>650</v>
      </c>
      <c r="B2878" s="53"/>
      <c r="C2878" s="53"/>
      <c r="D2878" s="53"/>
      <c r="E2878" s="53"/>
      <c r="F2878" s="53"/>
      <c r="G2878" s="53"/>
      <c r="H2878" s="53"/>
      <c r="I2878" s="53"/>
      <c r="J2878" s="53"/>
      <c r="K2878" s="53"/>
      <c r="L2878" s="53"/>
      <c r="M2878" s="53"/>
      <c r="N2878" s="53"/>
      <c r="O2878" s="53"/>
      <c r="P2878" s="53"/>
      <c r="Q2878" s="53"/>
      <c r="R2878" s="53"/>
      <c r="S2878" s="53"/>
      <c r="T2878" s="53"/>
      <c r="U2878" s="53"/>
      <c r="V2878" s="53"/>
      <c r="W2878" s="53"/>
      <c r="X2878" s="53"/>
      <c r="Y2878" s="53"/>
      <c r="Z2878" s="53"/>
      <c r="AA2878" s="53"/>
      <c r="AB2878" s="53"/>
      <c r="AC2878" s="53"/>
      <c r="AD2878" s="53"/>
      <c r="AE2878" s="53"/>
      <c r="AF2878" s="53"/>
      <c r="AG2878" s="53"/>
      <c r="AH2878" s="53"/>
      <c r="AI2878" s="53"/>
      <c r="AJ2878" s="53"/>
      <c r="AK2878" s="53"/>
      <c r="AL2878" s="53"/>
      <c r="AM2878" s="53"/>
      <c r="AN2878" s="53"/>
      <c r="AO2878" s="53"/>
      <c r="AP2878" s="53"/>
      <c r="AQ2878" s="53"/>
      <c r="AR2878" s="53"/>
      <c r="AS2878" s="53"/>
      <c r="AT2878" s="53"/>
      <c r="AU2878" s="53"/>
      <c r="AV2878" s="53"/>
      <c r="AW2878" s="53"/>
      <c r="AX2878" s="53"/>
      <c r="AY2878" s="53"/>
      <c r="AZ2878" s="53"/>
      <c r="BA2878" s="53"/>
      <c r="BB2878" s="53"/>
      <c r="BC2878" s="53"/>
      <c r="BD2878" s="53"/>
      <c r="BE2878" s="53"/>
      <c r="BF2878" s="53"/>
      <c r="BG2878" s="53"/>
      <c r="BH2878" s="53"/>
      <c r="BI2878" s="53"/>
      <c r="BJ2878" s="53"/>
      <c r="BK2878" s="53"/>
      <c r="BL2878" s="53"/>
      <c r="BM2878" s="53"/>
      <c r="BN2878" s="53"/>
      <c r="BO2878" s="53"/>
      <c r="BP2878" s="53"/>
      <c r="BQ2878" s="53"/>
      <c r="BR2878" s="53"/>
      <c r="BS2878" s="53"/>
      <c r="BT2878" s="53"/>
      <c r="BU2878" s="53"/>
      <c r="BV2878" s="53"/>
      <c r="BW2878" s="53"/>
      <c r="BX2878" s="53"/>
      <c r="BY2878" s="53"/>
      <c r="BZ2878" s="53"/>
      <c r="CA2878" s="53"/>
      <c r="CB2878" s="53"/>
      <c r="CC2878" s="53"/>
      <c r="CD2878" s="53"/>
      <c r="CE2878" s="53"/>
      <c r="CF2878" s="53"/>
      <c r="CG2878" s="53"/>
      <c r="CH2878" s="53"/>
      <c r="CI2878" s="53"/>
      <c r="CJ2878" s="53"/>
      <c r="CK2878" s="53"/>
      <c r="CL2878" s="53"/>
      <c r="CM2878" s="53"/>
      <c r="CN2878" s="53"/>
    </row>
    <row r="2879" spans="1:92" outlineLevel="1">
      <c r="A2879" s="52" t="s">
        <v>1436</v>
      </c>
      <c r="B2879" s="53"/>
      <c r="C2879" s="53"/>
      <c r="D2879" s="53"/>
      <c r="E2879" s="53"/>
      <c r="F2879" s="53"/>
      <c r="G2879" s="53"/>
      <c r="H2879" s="53"/>
      <c r="I2879" s="53"/>
      <c r="J2879" s="53"/>
      <c r="K2879" s="53"/>
      <c r="L2879" s="53"/>
      <c r="M2879" s="53"/>
      <c r="N2879" s="53"/>
      <c r="O2879" s="53"/>
      <c r="P2879" s="53"/>
      <c r="Q2879" s="53"/>
      <c r="R2879" s="53"/>
      <c r="S2879" s="53"/>
      <c r="T2879" s="53"/>
      <c r="U2879" s="53"/>
      <c r="V2879" s="53"/>
      <c r="W2879" s="53"/>
      <c r="X2879" s="53"/>
      <c r="Y2879" s="53"/>
      <c r="Z2879" s="53"/>
      <c r="AA2879" s="53"/>
      <c r="AB2879" s="53"/>
      <c r="AC2879" s="53"/>
      <c r="AD2879" s="53"/>
      <c r="AE2879" s="53"/>
      <c r="AF2879" s="53"/>
      <c r="AG2879" s="53"/>
      <c r="AH2879" s="53"/>
      <c r="AI2879" s="53"/>
      <c r="AJ2879" s="53"/>
      <c r="AK2879" s="53"/>
      <c r="AL2879" s="53"/>
      <c r="AM2879" s="53"/>
      <c r="AN2879" s="53"/>
      <c r="AO2879" s="53"/>
      <c r="AP2879" s="53"/>
      <c r="AQ2879" s="53"/>
      <c r="AR2879" s="53"/>
      <c r="AS2879" s="53"/>
      <c r="AT2879" s="53"/>
      <c r="AU2879" s="53"/>
      <c r="AV2879" s="53"/>
      <c r="AW2879" s="53"/>
      <c r="AX2879" s="53"/>
      <c r="AY2879" s="53"/>
      <c r="AZ2879" s="53"/>
      <c r="BA2879" s="53"/>
      <c r="BB2879" s="53"/>
      <c r="BC2879" s="53"/>
      <c r="BD2879" s="53"/>
      <c r="BE2879" s="53"/>
      <c r="BF2879" s="53"/>
      <c r="BG2879" s="53"/>
      <c r="BH2879" s="53"/>
      <c r="BI2879" s="53"/>
      <c r="BJ2879" s="53"/>
      <c r="BK2879" s="53"/>
      <c r="BL2879" s="53"/>
      <c r="BM2879" s="53"/>
      <c r="BN2879" s="53"/>
      <c r="BO2879" s="53"/>
      <c r="BP2879" s="53"/>
      <c r="BQ2879" s="53"/>
      <c r="BR2879" s="53"/>
      <c r="BS2879" s="53"/>
      <c r="BT2879" s="53"/>
      <c r="BU2879" s="53"/>
      <c r="BV2879" s="53"/>
      <c r="BW2879" s="53"/>
      <c r="BX2879" s="53"/>
      <c r="BY2879" s="53"/>
      <c r="BZ2879" s="53"/>
      <c r="CA2879" s="53"/>
      <c r="CB2879" s="53"/>
      <c r="CC2879" s="53"/>
      <c r="CD2879" s="53"/>
      <c r="CE2879" s="53"/>
      <c r="CF2879" s="53"/>
      <c r="CG2879" s="53"/>
      <c r="CH2879" s="53"/>
      <c r="CI2879" s="53"/>
      <c r="CJ2879" s="53"/>
      <c r="CK2879" s="53"/>
      <c r="CL2879" s="53"/>
      <c r="CM2879" s="53"/>
      <c r="CN2879" s="53"/>
    </row>
    <row r="2880" spans="1:92" outlineLevel="1">
      <c r="A2880" s="52" t="s">
        <v>649</v>
      </c>
      <c r="B2880" s="53"/>
      <c r="C2880" s="53"/>
      <c r="D2880" s="53"/>
      <c r="E2880" s="53"/>
      <c r="F2880" s="53"/>
      <c r="G2880" s="53"/>
      <c r="H2880" s="53"/>
      <c r="I2880" s="53"/>
      <c r="J2880" s="53"/>
      <c r="K2880" s="53"/>
      <c r="L2880" s="53"/>
      <c r="M2880" s="53"/>
      <c r="N2880" s="53"/>
      <c r="O2880" s="53"/>
      <c r="P2880" s="53"/>
      <c r="Q2880" s="53"/>
      <c r="R2880" s="53"/>
      <c r="S2880" s="53"/>
      <c r="T2880" s="53"/>
      <c r="U2880" s="53"/>
      <c r="V2880" s="53"/>
      <c r="W2880" s="53"/>
      <c r="X2880" s="53"/>
      <c r="Y2880" s="53"/>
      <c r="Z2880" s="53"/>
      <c r="AA2880" s="53"/>
      <c r="AB2880" s="53"/>
      <c r="AC2880" s="53"/>
      <c r="AD2880" s="53"/>
      <c r="AE2880" s="53"/>
      <c r="AF2880" s="53"/>
      <c r="AG2880" s="53"/>
      <c r="AH2880" s="53"/>
      <c r="AI2880" s="53"/>
      <c r="AJ2880" s="53"/>
      <c r="AK2880" s="53"/>
      <c r="AL2880" s="53"/>
      <c r="AM2880" s="53"/>
      <c r="AN2880" s="53"/>
      <c r="AO2880" s="53">
        <v>-29000000</v>
      </c>
      <c r="AP2880" s="53"/>
      <c r="AQ2880" s="53"/>
      <c r="AR2880" s="53"/>
      <c r="AS2880" s="53"/>
      <c r="AT2880" s="53"/>
      <c r="AU2880" s="53"/>
      <c r="AV2880" s="53"/>
      <c r="AW2880" s="53"/>
      <c r="AX2880" s="53"/>
      <c r="AY2880" s="53"/>
      <c r="AZ2880" s="53"/>
      <c r="BA2880" s="53">
        <v>-29000000</v>
      </c>
      <c r="BB2880" s="53"/>
      <c r="BC2880" s="53"/>
      <c r="BD2880" s="53"/>
      <c r="BE2880" s="53"/>
      <c r="BF2880" s="53"/>
      <c r="BG2880" s="53"/>
      <c r="BH2880" s="53"/>
      <c r="BI2880" s="53"/>
      <c r="BJ2880" s="53"/>
      <c r="BK2880" s="53"/>
      <c r="BL2880" s="53"/>
      <c r="BM2880" s="53"/>
      <c r="BN2880" s="53"/>
      <c r="BO2880" s="53"/>
      <c r="BP2880" s="53"/>
      <c r="BQ2880" s="53"/>
      <c r="BR2880" s="53"/>
      <c r="BS2880" s="53"/>
      <c r="BT2880" s="53"/>
      <c r="BU2880" s="53"/>
      <c r="BV2880" s="53"/>
      <c r="BW2880" s="53"/>
      <c r="BX2880" s="53"/>
      <c r="BY2880" s="53"/>
      <c r="BZ2880" s="53"/>
      <c r="CA2880" s="53"/>
      <c r="CB2880" s="53">
        <v>2487837231.0630698</v>
      </c>
      <c r="CC2880" s="53">
        <v>2500346583.9360399</v>
      </c>
      <c r="CD2880" s="53">
        <v>2513124716.3741102</v>
      </c>
      <c r="CE2880" s="53">
        <v>2525759587.8968701</v>
      </c>
      <c r="CF2880" s="53">
        <v>2538017982.3934798</v>
      </c>
      <c r="CG2880" s="53">
        <v>2546843250.8340902</v>
      </c>
      <c r="CH2880" s="53">
        <v>2557150354.7154298</v>
      </c>
      <c r="CI2880" s="53">
        <v>2565303522.4093599</v>
      </c>
      <c r="CJ2880" s="53">
        <v>2573454737.4923501</v>
      </c>
      <c r="CK2880" s="53">
        <v>2581782647.9954</v>
      </c>
      <c r="CL2880" s="53">
        <v>2590749788.63942</v>
      </c>
      <c r="CM2880" s="53">
        <v>2601662205.4881601</v>
      </c>
      <c r="CN2880" s="53">
        <v>2487837231.0630698</v>
      </c>
    </row>
    <row r="2881" spans="1:92" outlineLevel="1">
      <c r="A2881" s="52" t="s">
        <v>672</v>
      </c>
      <c r="B2881" s="53"/>
      <c r="C2881" s="53"/>
      <c r="D2881" s="53"/>
      <c r="E2881" s="53"/>
      <c r="F2881" s="53"/>
      <c r="G2881" s="53"/>
      <c r="H2881" s="53"/>
      <c r="I2881" s="53"/>
      <c r="J2881" s="53"/>
      <c r="K2881" s="53"/>
      <c r="L2881" s="53"/>
      <c r="M2881" s="53"/>
      <c r="N2881" s="53"/>
      <c r="O2881" s="53"/>
      <c r="P2881" s="53"/>
      <c r="Q2881" s="53"/>
      <c r="R2881" s="53"/>
      <c r="S2881" s="53"/>
      <c r="T2881" s="53"/>
      <c r="U2881" s="53"/>
      <c r="V2881" s="53"/>
      <c r="W2881" s="53"/>
      <c r="X2881" s="53"/>
      <c r="Y2881" s="53"/>
      <c r="Z2881" s="53"/>
      <c r="AA2881" s="53"/>
      <c r="AB2881" s="53"/>
      <c r="AC2881" s="53"/>
      <c r="AD2881" s="53"/>
      <c r="AE2881" s="53"/>
      <c r="AF2881" s="53"/>
      <c r="AG2881" s="53"/>
      <c r="AH2881" s="53"/>
      <c r="AI2881" s="53"/>
      <c r="AJ2881" s="53"/>
      <c r="AK2881" s="53"/>
      <c r="AL2881" s="53"/>
      <c r="AM2881" s="53"/>
      <c r="AN2881" s="53"/>
      <c r="AO2881" s="53"/>
      <c r="AP2881" s="53"/>
      <c r="AQ2881" s="53"/>
      <c r="AR2881" s="53"/>
      <c r="AS2881" s="53"/>
      <c r="AT2881" s="53"/>
      <c r="AU2881" s="53"/>
      <c r="AV2881" s="53"/>
      <c r="AW2881" s="53"/>
      <c r="AX2881" s="53"/>
      <c r="AY2881" s="53"/>
      <c r="AZ2881" s="53"/>
      <c r="BA2881" s="53"/>
      <c r="BB2881" s="53"/>
      <c r="BC2881" s="53"/>
      <c r="BD2881" s="53"/>
      <c r="BE2881" s="53"/>
      <c r="BF2881" s="53"/>
      <c r="BG2881" s="53"/>
      <c r="BH2881" s="53"/>
      <c r="BI2881" s="53"/>
      <c r="BJ2881" s="53"/>
      <c r="BK2881" s="53"/>
      <c r="BL2881" s="53"/>
      <c r="BM2881" s="53"/>
      <c r="BN2881" s="53"/>
      <c r="BO2881" s="53"/>
      <c r="BP2881" s="53"/>
      <c r="BQ2881" s="53"/>
      <c r="BR2881" s="53"/>
      <c r="BS2881" s="53"/>
      <c r="BT2881" s="53"/>
      <c r="BU2881" s="53"/>
      <c r="BV2881" s="53"/>
      <c r="BW2881" s="53"/>
      <c r="BX2881" s="53"/>
      <c r="BY2881" s="53"/>
      <c r="BZ2881" s="53"/>
      <c r="CA2881" s="53"/>
      <c r="CB2881" s="53"/>
      <c r="CC2881" s="53"/>
      <c r="CD2881" s="53"/>
      <c r="CE2881" s="53"/>
      <c r="CF2881" s="53"/>
      <c r="CG2881" s="53"/>
      <c r="CH2881" s="53"/>
      <c r="CI2881" s="53"/>
      <c r="CJ2881" s="53"/>
      <c r="CK2881" s="53"/>
      <c r="CL2881" s="53"/>
      <c r="CM2881" s="53"/>
      <c r="CN2881" s="53"/>
    </row>
    <row r="2882" spans="1:92" outlineLevel="1">
      <c r="A2882" s="52" t="s">
        <v>1365</v>
      </c>
      <c r="B2882" s="53"/>
      <c r="C2882" s="53"/>
      <c r="D2882" s="53"/>
      <c r="E2882" s="53"/>
      <c r="F2882" s="53"/>
      <c r="G2882" s="53"/>
      <c r="H2882" s="53"/>
      <c r="I2882" s="53"/>
      <c r="J2882" s="53"/>
      <c r="K2882" s="53"/>
      <c r="L2882" s="53"/>
      <c r="M2882" s="53"/>
      <c r="N2882" s="53"/>
      <c r="O2882" s="53"/>
      <c r="P2882" s="53"/>
      <c r="Q2882" s="53"/>
      <c r="R2882" s="53"/>
      <c r="S2882" s="53"/>
      <c r="T2882" s="53"/>
      <c r="U2882" s="53"/>
      <c r="V2882" s="53"/>
      <c r="W2882" s="53"/>
      <c r="X2882" s="53"/>
      <c r="Y2882" s="53"/>
      <c r="Z2882" s="53"/>
      <c r="AA2882" s="53"/>
      <c r="AB2882" s="53"/>
      <c r="AC2882" s="53"/>
      <c r="AD2882" s="53"/>
      <c r="AE2882" s="53"/>
      <c r="AF2882" s="53"/>
      <c r="AG2882" s="53"/>
      <c r="AH2882" s="53"/>
      <c r="AI2882" s="53"/>
      <c r="AJ2882" s="53"/>
      <c r="AK2882" s="53"/>
      <c r="AL2882" s="53"/>
      <c r="AM2882" s="53"/>
      <c r="AN2882" s="53"/>
      <c r="AO2882" s="53"/>
      <c r="AP2882" s="53"/>
      <c r="AQ2882" s="53"/>
      <c r="AR2882" s="53"/>
      <c r="AS2882" s="53"/>
      <c r="AT2882" s="53"/>
      <c r="AU2882" s="53"/>
      <c r="AV2882" s="53"/>
      <c r="AW2882" s="53"/>
      <c r="AX2882" s="53"/>
      <c r="AY2882" s="53"/>
      <c r="AZ2882" s="53"/>
      <c r="BA2882" s="53"/>
      <c r="BB2882" s="53"/>
      <c r="BC2882" s="53"/>
      <c r="BD2882" s="53"/>
      <c r="BE2882" s="53"/>
      <c r="BF2882" s="53"/>
      <c r="BG2882" s="53"/>
      <c r="BH2882" s="53"/>
      <c r="BI2882" s="53"/>
      <c r="BJ2882" s="53"/>
      <c r="BK2882" s="53"/>
      <c r="BL2882" s="53"/>
      <c r="BM2882" s="53"/>
      <c r="BN2882" s="53"/>
      <c r="BO2882" s="53"/>
      <c r="BP2882" s="53"/>
      <c r="BQ2882" s="53"/>
      <c r="BR2882" s="53"/>
      <c r="BS2882" s="53"/>
      <c r="BT2882" s="53"/>
      <c r="BU2882" s="53"/>
      <c r="BV2882" s="53"/>
      <c r="BW2882" s="53"/>
      <c r="BX2882" s="53"/>
      <c r="BY2882" s="53"/>
      <c r="BZ2882" s="53"/>
      <c r="CA2882" s="53"/>
      <c r="CB2882" s="53"/>
      <c r="CC2882" s="53"/>
      <c r="CD2882" s="53"/>
      <c r="CE2882" s="53"/>
      <c r="CF2882" s="53"/>
      <c r="CG2882" s="53"/>
      <c r="CH2882" s="53"/>
      <c r="CI2882" s="53"/>
      <c r="CJ2882" s="53"/>
      <c r="CK2882" s="53"/>
      <c r="CL2882" s="53"/>
      <c r="CM2882" s="53"/>
      <c r="CN2882" s="53"/>
    </row>
    <row r="2883" spans="1:92" outlineLevel="1">
      <c r="A2883" s="52" t="s">
        <v>1683</v>
      </c>
      <c r="B2883" s="53"/>
      <c r="C2883" s="53"/>
      <c r="D2883" s="53"/>
      <c r="E2883" s="53"/>
      <c r="F2883" s="53"/>
      <c r="G2883" s="53"/>
      <c r="H2883" s="53"/>
      <c r="I2883" s="53"/>
      <c r="J2883" s="53"/>
      <c r="K2883" s="53"/>
      <c r="L2883" s="53"/>
      <c r="M2883" s="53"/>
      <c r="N2883" s="53"/>
      <c r="O2883" s="53"/>
      <c r="P2883" s="53"/>
      <c r="Q2883" s="53"/>
      <c r="R2883" s="53"/>
      <c r="S2883" s="53"/>
      <c r="T2883" s="53"/>
      <c r="U2883" s="53"/>
      <c r="V2883" s="53"/>
      <c r="W2883" s="53"/>
      <c r="X2883" s="53"/>
      <c r="Y2883" s="53"/>
      <c r="Z2883" s="53"/>
      <c r="AA2883" s="53"/>
      <c r="AB2883" s="53"/>
      <c r="AC2883" s="53"/>
      <c r="AD2883" s="53"/>
      <c r="AE2883" s="53"/>
      <c r="AF2883" s="53"/>
      <c r="AG2883" s="53"/>
      <c r="AH2883" s="53"/>
      <c r="AI2883" s="53"/>
      <c r="AJ2883" s="53"/>
      <c r="AK2883" s="53"/>
      <c r="AL2883" s="53"/>
      <c r="AM2883" s="53"/>
      <c r="AN2883" s="53"/>
      <c r="AO2883" s="53"/>
      <c r="AP2883" s="53"/>
      <c r="AQ2883" s="53"/>
      <c r="AR2883" s="53"/>
      <c r="AS2883" s="53"/>
      <c r="AT2883" s="53"/>
      <c r="AU2883" s="53"/>
      <c r="AV2883" s="53"/>
      <c r="AW2883" s="53"/>
      <c r="AX2883" s="53"/>
      <c r="AY2883" s="53"/>
      <c r="AZ2883" s="53"/>
      <c r="BA2883" s="53"/>
      <c r="BB2883" s="53"/>
      <c r="BC2883" s="53"/>
      <c r="BD2883" s="53"/>
      <c r="BE2883" s="53"/>
      <c r="BF2883" s="53"/>
      <c r="BG2883" s="53"/>
      <c r="BH2883" s="53"/>
      <c r="BI2883" s="53"/>
      <c r="BJ2883" s="53"/>
      <c r="BK2883" s="53"/>
      <c r="BL2883" s="53"/>
      <c r="BM2883" s="53"/>
      <c r="BN2883" s="53"/>
      <c r="BO2883" s="53"/>
      <c r="BP2883" s="53"/>
      <c r="BQ2883" s="53"/>
      <c r="BR2883" s="53"/>
      <c r="BS2883" s="53"/>
      <c r="BT2883" s="53"/>
      <c r="BU2883" s="53"/>
      <c r="BV2883" s="53"/>
      <c r="BW2883" s="53"/>
      <c r="BX2883" s="53"/>
      <c r="BY2883" s="53"/>
      <c r="BZ2883" s="53"/>
      <c r="CA2883" s="53"/>
      <c r="CB2883" s="53"/>
      <c r="CC2883" s="53"/>
      <c r="CD2883" s="53"/>
      <c r="CE2883" s="53"/>
      <c r="CF2883" s="53"/>
      <c r="CG2883" s="53"/>
      <c r="CH2883" s="53"/>
      <c r="CI2883" s="53"/>
      <c r="CJ2883" s="53"/>
      <c r="CK2883" s="53"/>
      <c r="CL2883" s="53"/>
      <c r="CM2883" s="53"/>
      <c r="CN2883" s="53"/>
    </row>
    <row r="2884" spans="1:92" outlineLevel="1">
      <c r="A2884" s="52" t="s">
        <v>649</v>
      </c>
      <c r="B2884" s="53"/>
      <c r="C2884" s="53"/>
      <c r="D2884" s="53">
        <v>-5742246</v>
      </c>
      <c r="E2884" s="53"/>
      <c r="F2884" s="53"/>
      <c r="G2884" s="53">
        <v>-5742246</v>
      </c>
      <c r="H2884" s="53"/>
      <c r="I2884" s="53"/>
      <c r="J2884" s="53">
        <v>-5742246</v>
      </c>
      <c r="K2884" s="53"/>
      <c r="L2884" s="53">
        <v>-3828164</v>
      </c>
      <c r="M2884" s="53">
        <v>-22968984</v>
      </c>
      <c r="N2884" s="53">
        <v>-44023886</v>
      </c>
      <c r="O2884" s="53">
        <v>-1722498.58333333</v>
      </c>
      <c r="P2884" s="53">
        <v>-1722498.58333333</v>
      </c>
      <c r="Q2884" s="53">
        <v>-1722498.58333333</v>
      </c>
      <c r="R2884" s="53">
        <v>-1722498.58333333</v>
      </c>
      <c r="S2884" s="53">
        <v>-1722498.58333333</v>
      </c>
      <c r="T2884" s="53">
        <v>-1722498.58333333</v>
      </c>
      <c r="U2884" s="53">
        <v>-1722498.58333333</v>
      </c>
      <c r="V2884" s="53">
        <v>-1722498.58333333</v>
      </c>
      <c r="W2884" s="53">
        <v>-1722498.58333333</v>
      </c>
      <c r="X2884" s="53">
        <v>-1722498.58333333</v>
      </c>
      <c r="Y2884" s="53">
        <v>-1722498.58333333</v>
      </c>
      <c r="Z2884" s="53">
        <v>-1722498.58333333</v>
      </c>
      <c r="AA2884" s="53">
        <v>-20669983</v>
      </c>
      <c r="AB2884" s="53">
        <v>-1758987.74999999</v>
      </c>
      <c r="AC2884" s="53">
        <v>-1758987.74999999</v>
      </c>
      <c r="AD2884" s="53">
        <v>-1758987.74999999</v>
      </c>
      <c r="AE2884" s="53">
        <v>-1758987.74999999</v>
      </c>
      <c r="AF2884" s="53">
        <v>-1758987.74999999</v>
      </c>
      <c r="AG2884" s="53">
        <v>-1758987.74999999</v>
      </c>
      <c r="AH2884" s="53">
        <v>-1758987.74999999</v>
      </c>
      <c r="AI2884" s="53">
        <v>-1758987.74999999</v>
      </c>
      <c r="AJ2884" s="53">
        <v>-1758987.74999999</v>
      </c>
      <c r="AK2884" s="53">
        <v>-1758987.74999999</v>
      </c>
      <c r="AL2884" s="53">
        <v>-1758987.74999999</v>
      </c>
      <c r="AM2884" s="53">
        <v>-1758987.74999999</v>
      </c>
      <c r="AN2884" s="53">
        <v>-21107853</v>
      </c>
      <c r="AO2884" s="53">
        <v>-1792607.99999999</v>
      </c>
      <c r="AP2884" s="53">
        <v>-1792607.99999999</v>
      </c>
      <c r="AQ2884" s="53">
        <v>-1792607.99999999</v>
      </c>
      <c r="AR2884" s="53">
        <v>-1792607.99999999</v>
      </c>
      <c r="AS2884" s="53">
        <v>-1792607.99999999</v>
      </c>
      <c r="AT2884" s="53">
        <v>-1792607.99999999</v>
      </c>
      <c r="AU2884" s="53">
        <v>-1792607.99999999</v>
      </c>
      <c r="AV2884" s="53">
        <v>-1792607.99999999</v>
      </c>
      <c r="AW2884" s="53">
        <v>-1792607.99999999</v>
      </c>
      <c r="AX2884" s="53">
        <v>-1792607.99999999</v>
      </c>
      <c r="AY2884" s="53">
        <v>-1792607.99999999</v>
      </c>
      <c r="AZ2884" s="53">
        <v>-1792607.99999999</v>
      </c>
      <c r="BA2884" s="53">
        <v>-21511296</v>
      </c>
      <c r="BB2884" s="53">
        <v>-1874453.91666666</v>
      </c>
      <c r="BC2884" s="53">
        <v>-1874453.91666666</v>
      </c>
      <c r="BD2884" s="53">
        <v>-1874453.91666666</v>
      </c>
      <c r="BE2884" s="53">
        <v>-1874453.91666666</v>
      </c>
      <c r="BF2884" s="53">
        <v>-1874453.91666666</v>
      </c>
      <c r="BG2884" s="53">
        <v>-1874453.91666666</v>
      </c>
      <c r="BH2884" s="53">
        <v>-1874453.91666666</v>
      </c>
      <c r="BI2884" s="53">
        <v>-1874453.91666666</v>
      </c>
      <c r="BJ2884" s="53">
        <v>-1874453.91666666</v>
      </c>
      <c r="BK2884" s="53">
        <v>-1874453.91666666</v>
      </c>
      <c r="BL2884" s="53">
        <v>-1874453.91666666</v>
      </c>
      <c r="BM2884" s="53">
        <v>-1874453.91666666</v>
      </c>
      <c r="BN2884" s="53">
        <v>-22493446.999999899</v>
      </c>
      <c r="BO2884" s="53">
        <v>-1905986.91666666</v>
      </c>
      <c r="BP2884" s="53">
        <v>-1905986.91666666</v>
      </c>
      <c r="BQ2884" s="53">
        <v>-1905986.91666666</v>
      </c>
      <c r="BR2884" s="53">
        <v>-1905986.91666666</v>
      </c>
      <c r="BS2884" s="53">
        <v>-1905986.91666666</v>
      </c>
      <c r="BT2884" s="53">
        <v>-1905986.91666666</v>
      </c>
      <c r="BU2884" s="53">
        <v>-1905986.91666666</v>
      </c>
      <c r="BV2884" s="53">
        <v>-1905986.91666666</v>
      </c>
      <c r="BW2884" s="53">
        <v>-1905986.91666666</v>
      </c>
      <c r="BX2884" s="53">
        <v>-1905986.91666666</v>
      </c>
      <c r="BY2884" s="53">
        <v>-1905986.91666666</v>
      </c>
      <c r="BZ2884" s="53">
        <v>-1905986.91666666</v>
      </c>
      <c r="CA2884" s="53">
        <v>-22871843</v>
      </c>
      <c r="CB2884" s="53">
        <v>-3372083.3333333302</v>
      </c>
      <c r="CC2884" s="53">
        <v>-3372083.3333333302</v>
      </c>
      <c r="CD2884" s="53">
        <v>-3372083.3333333302</v>
      </c>
      <c r="CE2884" s="53">
        <v>-3372083.3333333302</v>
      </c>
      <c r="CF2884" s="53">
        <v>-3372083.3333333302</v>
      </c>
      <c r="CG2884" s="53">
        <v>-3372083.3333333302</v>
      </c>
      <c r="CH2884" s="53">
        <v>-3372083.3333333302</v>
      </c>
      <c r="CI2884" s="53">
        <v>-3372083.3333333302</v>
      </c>
      <c r="CJ2884" s="53">
        <v>-3372083.3333333302</v>
      </c>
      <c r="CK2884" s="53">
        <v>-3372083.3333333302</v>
      </c>
      <c r="CL2884" s="53">
        <v>-3372083.3333333302</v>
      </c>
      <c r="CM2884" s="53">
        <v>-3372083.3333333302</v>
      </c>
      <c r="CN2884" s="53">
        <v>-40465000</v>
      </c>
    </row>
    <row r="2885" spans="1:92" outlineLevel="1">
      <c r="A2885" s="52" t="s">
        <v>1684</v>
      </c>
      <c r="B2885" s="53"/>
      <c r="C2885" s="53"/>
      <c r="D2885" s="53"/>
      <c r="E2885" s="53"/>
      <c r="F2885" s="53"/>
      <c r="G2885" s="53"/>
      <c r="H2885" s="53"/>
      <c r="I2885" s="53"/>
      <c r="J2885" s="53"/>
      <c r="K2885" s="53"/>
      <c r="L2885" s="53"/>
      <c r="M2885" s="53"/>
      <c r="N2885" s="53"/>
      <c r="O2885" s="53"/>
      <c r="P2885" s="53"/>
      <c r="Q2885" s="53"/>
      <c r="R2885" s="53"/>
      <c r="S2885" s="53"/>
      <c r="T2885" s="53"/>
      <c r="U2885" s="53"/>
      <c r="V2885" s="53"/>
      <c r="W2885" s="53"/>
      <c r="X2885" s="53"/>
      <c r="Y2885" s="53"/>
      <c r="Z2885" s="53"/>
      <c r="AA2885" s="53"/>
      <c r="AB2885" s="53"/>
      <c r="AC2885" s="53"/>
      <c r="AD2885" s="53"/>
      <c r="AE2885" s="53"/>
      <c r="AF2885" s="53"/>
      <c r="AG2885" s="53"/>
      <c r="AH2885" s="53"/>
      <c r="AI2885" s="53"/>
      <c r="AJ2885" s="53"/>
      <c r="AK2885" s="53"/>
      <c r="AL2885" s="53"/>
      <c r="AM2885" s="53"/>
      <c r="AN2885" s="53"/>
      <c r="AO2885" s="53"/>
      <c r="AP2885" s="53"/>
      <c r="AQ2885" s="53"/>
      <c r="AR2885" s="53"/>
      <c r="AS2885" s="53"/>
      <c r="AT2885" s="53"/>
      <c r="AU2885" s="53"/>
      <c r="AV2885" s="53"/>
      <c r="AW2885" s="53"/>
      <c r="AX2885" s="53"/>
      <c r="AY2885" s="53"/>
      <c r="AZ2885" s="53"/>
      <c r="BA2885" s="53"/>
      <c r="BB2885" s="53"/>
      <c r="BC2885" s="53"/>
      <c r="BD2885" s="53"/>
      <c r="BE2885" s="53"/>
      <c r="BF2885" s="53"/>
      <c r="BG2885" s="53"/>
      <c r="BH2885" s="53"/>
      <c r="BI2885" s="53"/>
      <c r="BJ2885" s="53"/>
      <c r="BK2885" s="53"/>
      <c r="BL2885" s="53"/>
      <c r="BM2885" s="53"/>
      <c r="BN2885" s="53"/>
      <c r="BO2885" s="53"/>
      <c r="BP2885" s="53"/>
      <c r="BQ2885" s="53"/>
      <c r="BR2885" s="53"/>
      <c r="BS2885" s="53"/>
      <c r="BT2885" s="53"/>
      <c r="BU2885" s="53"/>
      <c r="BV2885" s="53"/>
      <c r="BW2885" s="53"/>
      <c r="BX2885" s="53"/>
      <c r="BY2885" s="53"/>
      <c r="BZ2885" s="53"/>
      <c r="CA2885" s="53"/>
      <c r="CB2885" s="53"/>
      <c r="CC2885" s="53"/>
      <c r="CD2885" s="53"/>
      <c r="CE2885" s="53"/>
      <c r="CF2885" s="53"/>
      <c r="CG2885" s="53"/>
      <c r="CH2885" s="53"/>
      <c r="CI2885" s="53"/>
      <c r="CJ2885" s="53"/>
      <c r="CK2885" s="53"/>
      <c r="CL2885" s="53"/>
      <c r="CM2885" s="53"/>
      <c r="CN2885" s="53"/>
    </row>
    <row r="2886" spans="1:92" outlineLevel="1">
      <c r="A2886" s="52" t="s">
        <v>649</v>
      </c>
      <c r="B2886" s="53"/>
      <c r="C2886" s="53"/>
      <c r="D2886" s="53">
        <v>-8949540</v>
      </c>
      <c r="E2886" s="53"/>
      <c r="F2886" s="53"/>
      <c r="G2886" s="53">
        <v>-8949540</v>
      </c>
      <c r="H2886" s="53"/>
      <c r="I2886" s="53"/>
      <c r="J2886" s="53">
        <v>-8949540</v>
      </c>
      <c r="K2886" s="53"/>
      <c r="L2886" s="53">
        <v>-5966360</v>
      </c>
      <c r="M2886" s="53">
        <v>-35798160</v>
      </c>
      <c r="N2886" s="53">
        <v>-68613140</v>
      </c>
      <c r="O2886" s="53"/>
      <c r="P2886" s="53"/>
      <c r="Q2886" s="53"/>
      <c r="R2886" s="53"/>
      <c r="S2886" s="53"/>
      <c r="T2886" s="53"/>
      <c r="U2886" s="53"/>
      <c r="V2886" s="53"/>
      <c r="W2886" s="53"/>
      <c r="X2886" s="53"/>
      <c r="Y2886" s="53"/>
      <c r="Z2886" s="53"/>
      <c r="AA2886" s="53"/>
      <c r="AB2886" s="53"/>
      <c r="AC2886" s="53"/>
      <c r="AD2886" s="53"/>
      <c r="AE2886" s="53"/>
      <c r="AF2886" s="53"/>
      <c r="AG2886" s="53"/>
      <c r="AH2886" s="53"/>
      <c r="AI2886" s="53"/>
      <c r="AJ2886" s="53"/>
      <c r="AK2886" s="53"/>
      <c r="AL2886" s="53"/>
      <c r="AM2886" s="53"/>
      <c r="AN2886" s="53"/>
      <c r="AO2886" s="53"/>
      <c r="AP2886" s="53"/>
      <c r="AQ2886" s="53"/>
      <c r="AR2886" s="53"/>
      <c r="AS2886" s="53"/>
      <c r="AT2886" s="53"/>
      <c r="AU2886" s="53"/>
      <c r="AV2886" s="53"/>
      <c r="AW2886" s="53"/>
      <c r="AX2886" s="53"/>
      <c r="AY2886" s="53"/>
      <c r="AZ2886" s="53"/>
      <c r="BA2886" s="53"/>
      <c r="BB2886" s="53"/>
      <c r="BC2886" s="53"/>
      <c r="BD2886" s="53"/>
      <c r="BE2886" s="53"/>
      <c r="BF2886" s="53"/>
      <c r="BG2886" s="53"/>
      <c r="BH2886" s="53"/>
      <c r="BI2886" s="53"/>
      <c r="BJ2886" s="53"/>
      <c r="BK2886" s="53"/>
      <c r="BL2886" s="53"/>
      <c r="BM2886" s="53"/>
      <c r="BN2886" s="53"/>
      <c r="BO2886" s="53"/>
      <c r="BP2886" s="53"/>
      <c r="BQ2886" s="53"/>
      <c r="BR2886" s="53"/>
      <c r="BS2886" s="53"/>
      <c r="BT2886" s="53"/>
      <c r="BU2886" s="53"/>
      <c r="BV2886" s="53"/>
      <c r="BW2886" s="53"/>
      <c r="BX2886" s="53"/>
      <c r="BY2886" s="53"/>
      <c r="BZ2886" s="53"/>
      <c r="CA2886" s="53"/>
      <c r="CB2886" s="53">
        <v>1903376.24999999</v>
      </c>
      <c r="CC2886" s="53">
        <v>1903376.24999999</v>
      </c>
      <c r="CD2886" s="53">
        <v>1903376.24999999</v>
      </c>
      <c r="CE2886" s="53">
        <v>1903376.24999999</v>
      </c>
      <c r="CF2886" s="53">
        <v>1903376.24999999</v>
      </c>
      <c r="CG2886" s="53">
        <v>1903376.24999999</v>
      </c>
      <c r="CH2886" s="53">
        <v>1903376.24999999</v>
      </c>
      <c r="CI2886" s="53">
        <v>1903376.24999999</v>
      </c>
      <c r="CJ2886" s="53">
        <v>1903376.24999999</v>
      </c>
      <c r="CK2886" s="53">
        <v>1903376.24999999</v>
      </c>
      <c r="CL2886" s="53">
        <v>1903376.24999999</v>
      </c>
      <c r="CM2886" s="53">
        <v>1903376.24999999</v>
      </c>
      <c r="CN2886" s="53">
        <v>22840515</v>
      </c>
    </row>
    <row r="2887" spans="1:92" outlineLevel="1">
      <c r="A2887" s="52" t="s">
        <v>1685</v>
      </c>
      <c r="B2887" s="53"/>
      <c r="C2887" s="53"/>
      <c r="D2887" s="53"/>
      <c r="E2887" s="53"/>
      <c r="F2887" s="53"/>
      <c r="G2887" s="53"/>
      <c r="H2887" s="53"/>
      <c r="I2887" s="53"/>
      <c r="J2887" s="53"/>
      <c r="K2887" s="53"/>
      <c r="L2887" s="53"/>
      <c r="M2887" s="53"/>
      <c r="N2887" s="53"/>
      <c r="O2887" s="53"/>
      <c r="P2887" s="53"/>
      <c r="Q2887" s="53"/>
      <c r="R2887" s="53"/>
      <c r="S2887" s="53"/>
      <c r="T2887" s="53"/>
      <c r="U2887" s="53"/>
      <c r="V2887" s="53"/>
      <c r="W2887" s="53"/>
      <c r="X2887" s="53"/>
      <c r="Y2887" s="53"/>
      <c r="Z2887" s="53"/>
      <c r="AA2887" s="53"/>
      <c r="AB2887" s="53"/>
      <c r="AC2887" s="53"/>
      <c r="AD2887" s="53"/>
      <c r="AE2887" s="53"/>
      <c r="AF2887" s="53"/>
      <c r="AG2887" s="53"/>
      <c r="AH2887" s="53"/>
      <c r="AI2887" s="53"/>
      <c r="AJ2887" s="53"/>
      <c r="AK2887" s="53"/>
      <c r="AL2887" s="53"/>
      <c r="AM2887" s="53"/>
      <c r="AN2887" s="53"/>
      <c r="AO2887" s="53"/>
      <c r="AP2887" s="53"/>
      <c r="AQ2887" s="53"/>
      <c r="AR2887" s="53"/>
      <c r="AS2887" s="53"/>
      <c r="AT2887" s="53"/>
      <c r="AU2887" s="53"/>
      <c r="AV2887" s="53"/>
      <c r="AW2887" s="53"/>
      <c r="AX2887" s="53"/>
      <c r="AY2887" s="53"/>
      <c r="AZ2887" s="53"/>
      <c r="BA2887" s="53"/>
      <c r="BB2887" s="53"/>
      <c r="BC2887" s="53"/>
      <c r="BD2887" s="53"/>
      <c r="BE2887" s="53"/>
      <c r="BF2887" s="53"/>
      <c r="BG2887" s="53"/>
      <c r="BH2887" s="53"/>
      <c r="BI2887" s="53"/>
      <c r="BJ2887" s="53"/>
      <c r="BK2887" s="53"/>
      <c r="BL2887" s="53"/>
      <c r="BM2887" s="53"/>
      <c r="BN2887" s="53"/>
      <c r="BO2887" s="53"/>
      <c r="BP2887" s="53"/>
      <c r="BQ2887" s="53"/>
      <c r="BR2887" s="53"/>
      <c r="BS2887" s="53"/>
      <c r="BT2887" s="53"/>
      <c r="BU2887" s="53"/>
      <c r="BV2887" s="53"/>
      <c r="BW2887" s="53"/>
      <c r="BX2887" s="53"/>
      <c r="BY2887" s="53"/>
      <c r="BZ2887" s="53"/>
      <c r="CA2887" s="53"/>
      <c r="CB2887" s="53"/>
      <c r="CC2887" s="53"/>
      <c r="CD2887" s="53"/>
      <c r="CE2887" s="53"/>
      <c r="CF2887" s="53"/>
      <c r="CG2887" s="53"/>
      <c r="CH2887" s="53"/>
      <c r="CI2887" s="53"/>
      <c r="CJ2887" s="53"/>
      <c r="CK2887" s="53"/>
      <c r="CL2887" s="53"/>
      <c r="CM2887" s="53"/>
      <c r="CN2887" s="53"/>
    </row>
    <row r="2888" spans="1:92" outlineLevel="1">
      <c r="A2888" s="52" t="s">
        <v>649</v>
      </c>
      <c r="B2888" s="53"/>
      <c r="C2888" s="53"/>
      <c r="D2888" s="53"/>
      <c r="E2888" s="53"/>
      <c r="F2888" s="53"/>
      <c r="G2888" s="53"/>
      <c r="H2888" s="53"/>
      <c r="I2888" s="53"/>
      <c r="J2888" s="53"/>
      <c r="K2888" s="53"/>
      <c r="L2888" s="53"/>
      <c r="M2888" s="53"/>
      <c r="N2888" s="53"/>
      <c r="O2888" s="53">
        <v>-90657.833333333299</v>
      </c>
      <c r="P2888" s="53">
        <v>-90657.833333333299</v>
      </c>
      <c r="Q2888" s="53">
        <v>-90657.833333333299</v>
      </c>
      <c r="R2888" s="53">
        <v>-90657.833333333299</v>
      </c>
      <c r="S2888" s="53">
        <v>-90657.833333333299</v>
      </c>
      <c r="T2888" s="53">
        <v>-90657.833333333299</v>
      </c>
      <c r="U2888" s="53">
        <v>-90657.833333333299</v>
      </c>
      <c r="V2888" s="53">
        <v>-90657.833333333299</v>
      </c>
      <c r="W2888" s="53">
        <v>-90657.833333333299</v>
      </c>
      <c r="X2888" s="53">
        <v>-90657.833333333299</v>
      </c>
      <c r="Y2888" s="53">
        <v>-90657.833333333299</v>
      </c>
      <c r="Z2888" s="53">
        <v>-90657.833333333299</v>
      </c>
      <c r="AA2888" s="53">
        <v>-1087894</v>
      </c>
      <c r="AB2888" s="53">
        <v>-68152.333333333299</v>
      </c>
      <c r="AC2888" s="53">
        <v>-68152.333333333299</v>
      </c>
      <c r="AD2888" s="53">
        <v>-68152.333333333299</v>
      </c>
      <c r="AE2888" s="53">
        <v>-68152.333333333299</v>
      </c>
      <c r="AF2888" s="53">
        <v>-68152.333333333299</v>
      </c>
      <c r="AG2888" s="53">
        <v>-68152.333333333299</v>
      </c>
      <c r="AH2888" s="53">
        <v>-68152.333333333299</v>
      </c>
      <c r="AI2888" s="53">
        <v>-68152.333333333299</v>
      </c>
      <c r="AJ2888" s="53">
        <v>-68152.333333333299</v>
      </c>
      <c r="AK2888" s="53">
        <v>-68152.333333333299</v>
      </c>
      <c r="AL2888" s="53">
        <v>-68152.333333333299</v>
      </c>
      <c r="AM2888" s="53">
        <v>-68152.333333333299</v>
      </c>
      <c r="AN2888" s="53">
        <v>-817828</v>
      </c>
      <c r="AO2888" s="53">
        <v>-69454.916666666599</v>
      </c>
      <c r="AP2888" s="53">
        <v>-69454.916666666599</v>
      </c>
      <c r="AQ2888" s="53">
        <v>-69454.916666666599</v>
      </c>
      <c r="AR2888" s="53">
        <v>-69454.916666666599</v>
      </c>
      <c r="AS2888" s="53">
        <v>-69454.916666666599</v>
      </c>
      <c r="AT2888" s="53">
        <v>-69454.916666666599</v>
      </c>
      <c r="AU2888" s="53">
        <v>-69454.916666666599</v>
      </c>
      <c r="AV2888" s="53">
        <v>-69454.916666666599</v>
      </c>
      <c r="AW2888" s="53">
        <v>-69454.916666666599</v>
      </c>
      <c r="AX2888" s="53">
        <v>-69454.916666666599</v>
      </c>
      <c r="AY2888" s="53">
        <v>-69454.916666666599</v>
      </c>
      <c r="AZ2888" s="53">
        <v>-69454.916666666599</v>
      </c>
      <c r="BA2888" s="53">
        <v>-833459</v>
      </c>
      <c r="BB2888" s="53">
        <v>-72626.083333333299</v>
      </c>
      <c r="BC2888" s="53">
        <v>-72626.083333333299</v>
      </c>
      <c r="BD2888" s="53">
        <v>-72626.083333333299</v>
      </c>
      <c r="BE2888" s="53">
        <v>-72626.083333333299</v>
      </c>
      <c r="BF2888" s="53">
        <v>-72626.083333333299</v>
      </c>
      <c r="BG2888" s="53">
        <v>-72626.083333333299</v>
      </c>
      <c r="BH2888" s="53">
        <v>-72626.083333333299</v>
      </c>
      <c r="BI2888" s="53">
        <v>-72626.083333333299</v>
      </c>
      <c r="BJ2888" s="53">
        <v>-72626.083333333299</v>
      </c>
      <c r="BK2888" s="53">
        <v>-72626.083333333299</v>
      </c>
      <c r="BL2888" s="53">
        <v>-72626.083333333299</v>
      </c>
      <c r="BM2888" s="53">
        <v>-72626.083333333299</v>
      </c>
      <c r="BN2888" s="53">
        <v>-871512.99999999895</v>
      </c>
      <c r="BO2888" s="53">
        <v>-73847.833333333299</v>
      </c>
      <c r="BP2888" s="53">
        <v>-73847.833333333299</v>
      </c>
      <c r="BQ2888" s="53">
        <v>-73847.833333333299</v>
      </c>
      <c r="BR2888" s="53">
        <v>-73847.833333333299</v>
      </c>
      <c r="BS2888" s="53">
        <v>-73847.833333333299</v>
      </c>
      <c r="BT2888" s="53">
        <v>-73847.833333333299</v>
      </c>
      <c r="BU2888" s="53">
        <v>-73847.833333333299</v>
      </c>
      <c r="BV2888" s="53">
        <v>-73847.833333333299</v>
      </c>
      <c r="BW2888" s="53">
        <v>-73847.833333333299</v>
      </c>
      <c r="BX2888" s="53">
        <v>-73847.833333333299</v>
      </c>
      <c r="BY2888" s="53">
        <v>-73847.833333333299</v>
      </c>
      <c r="BZ2888" s="53">
        <v>-73847.833333333299</v>
      </c>
      <c r="CA2888" s="53">
        <v>-886174</v>
      </c>
      <c r="CB2888" s="53"/>
      <c r="CC2888" s="53"/>
      <c r="CD2888" s="53"/>
      <c r="CE2888" s="53"/>
      <c r="CF2888" s="53"/>
      <c r="CG2888" s="53"/>
      <c r="CH2888" s="53"/>
      <c r="CI2888" s="53"/>
      <c r="CJ2888" s="53"/>
      <c r="CK2888" s="53"/>
      <c r="CL2888" s="53"/>
      <c r="CM2888" s="53"/>
      <c r="CN2888" s="53"/>
    </row>
    <row r="2889" spans="1:92" outlineLevel="1">
      <c r="A2889" s="52" t="s">
        <v>1686</v>
      </c>
      <c r="B2889" s="53"/>
      <c r="C2889" s="53"/>
      <c r="D2889" s="53"/>
      <c r="E2889" s="53"/>
      <c r="F2889" s="53"/>
      <c r="G2889" s="53"/>
      <c r="H2889" s="53"/>
      <c r="I2889" s="53"/>
      <c r="J2889" s="53"/>
      <c r="K2889" s="53"/>
      <c r="L2889" s="53"/>
      <c r="M2889" s="53"/>
      <c r="N2889" s="53"/>
      <c r="O2889" s="53"/>
      <c r="P2889" s="53"/>
      <c r="Q2889" s="53"/>
      <c r="R2889" s="53"/>
      <c r="S2889" s="53"/>
      <c r="T2889" s="53"/>
      <c r="U2889" s="53"/>
      <c r="V2889" s="53"/>
      <c r="W2889" s="53"/>
      <c r="X2889" s="53"/>
      <c r="Y2889" s="53"/>
      <c r="Z2889" s="53"/>
      <c r="AA2889" s="53"/>
      <c r="AB2889" s="53"/>
      <c r="AC2889" s="53"/>
      <c r="AD2889" s="53"/>
      <c r="AE2889" s="53"/>
      <c r="AF2889" s="53"/>
      <c r="AG2889" s="53"/>
      <c r="AH2889" s="53"/>
      <c r="AI2889" s="53"/>
      <c r="AJ2889" s="53"/>
      <c r="AK2889" s="53"/>
      <c r="AL2889" s="53"/>
      <c r="AM2889" s="53"/>
      <c r="AN2889" s="53"/>
      <c r="AO2889" s="53"/>
      <c r="AP2889" s="53"/>
      <c r="AQ2889" s="53"/>
      <c r="AR2889" s="53"/>
      <c r="AS2889" s="53"/>
      <c r="AT2889" s="53"/>
      <c r="AU2889" s="53"/>
      <c r="AV2889" s="53"/>
      <c r="AW2889" s="53"/>
      <c r="AX2889" s="53"/>
      <c r="AY2889" s="53"/>
      <c r="AZ2889" s="53"/>
      <c r="BA2889" s="53"/>
      <c r="BB2889" s="53"/>
      <c r="BC2889" s="53"/>
      <c r="BD2889" s="53"/>
      <c r="BE2889" s="53"/>
      <c r="BF2889" s="53"/>
      <c r="BG2889" s="53"/>
      <c r="BH2889" s="53"/>
      <c r="BI2889" s="53"/>
      <c r="BJ2889" s="53"/>
      <c r="BK2889" s="53"/>
      <c r="BL2889" s="53"/>
      <c r="BM2889" s="53"/>
      <c r="BN2889" s="53"/>
      <c r="BO2889" s="53"/>
      <c r="BP2889" s="53"/>
      <c r="BQ2889" s="53"/>
      <c r="BR2889" s="53"/>
      <c r="BS2889" s="53"/>
      <c r="BT2889" s="53"/>
      <c r="BU2889" s="53"/>
      <c r="BV2889" s="53"/>
      <c r="BW2889" s="53"/>
      <c r="BX2889" s="53"/>
      <c r="BY2889" s="53"/>
      <c r="BZ2889" s="53"/>
      <c r="CA2889" s="53"/>
      <c r="CB2889" s="53"/>
      <c r="CC2889" s="53"/>
      <c r="CD2889" s="53"/>
      <c r="CE2889" s="53"/>
      <c r="CF2889" s="53"/>
      <c r="CG2889" s="53"/>
      <c r="CH2889" s="53"/>
      <c r="CI2889" s="53"/>
      <c r="CJ2889" s="53"/>
      <c r="CK2889" s="53"/>
      <c r="CL2889" s="53"/>
      <c r="CM2889" s="53"/>
      <c r="CN2889" s="53"/>
    </row>
    <row r="2890" spans="1:92" outlineLevel="1">
      <c r="A2890" s="52" t="s">
        <v>649</v>
      </c>
      <c r="B2890" s="53"/>
      <c r="C2890" s="53"/>
      <c r="D2890" s="53"/>
      <c r="E2890" s="53"/>
      <c r="F2890" s="53"/>
      <c r="G2890" s="53"/>
      <c r="H2890" s="53"/>
      <c r="I2890" s="53"/>
      <c r="J2890" s="53"/>
      <c r="K2890" s="53"/>
      <c r="L2890" s="53"/>
      <c r="M2890" s="53"/>
      <c r="N2890" s="53"/>
      <c r="O2890" s="53">
        <v>-174277.58333333299</v>
      </c>
      <c r="P2890" s="53">
        <v>-174277.58333333299</v>
      </c>
      <c r="Q2890" s="53">
        <v>-174277.58333333299</v>
      </c>
      <c r="R2890" s="53">
        <v>-174277.58333333299</v>
      </c>
      <c r="S2890" s="53">
        <v>-174277.58333333299</v>
      </c>
      <c r="T2890" s="53">
        <v>-174277.58333333299</v>
      </c>
      <c r="U2890" s="53">
        <v>-174277.58333333299</v>
      </c>
      <c r="V2890" s="53">
        <v>-174277.58333333299</v>
      </c>
      <c r="W2890" s="53">
        <v>-174277.58333333299</v>
      </c>
      <c r="X2890" s="53">
        <v>-174277.58333333299</v>
      </c>
      <c r="Y2890" s="53">
        <v>-174277.58333333299</v>
      </c>
      <c r="Z2890" s="53">
        <v>-174277.58333333299</v>
      </c>
      <c r="AA2890" s="53">
        <v>-2091330.99999999</v>
      </c>
      <c r="AB2890" s="53">
        <v>-173444.25</v>
      </c>
      <c r="AC2890" s="53">
        <v>-173444.25</v>
      </c>
      <c r="AD2890" s="53">
        <v>-173444.25</v>
      </c>
      <c r="AE2890" s="53">
        <v>-173444.25</v>
      </c>
      <c r="AF2890" s="53">
        <v>-173444.25</v>
      </c>
      <c r="AG2890" s="53">
        <v>-173444.25</v>
      </c>
      <c r="AH2890" s="53">
        <v>-173444.25</v>
      </c>
      <c r="AI2890" s="53">
        <v>-173444.25</v>
      </c>
      <c r="AJ2890" s="53">
        <v>-173444.25</v>
      </c>
      <c r="AK2890" s="53">
        <v>-173444.25</v>
      </c>
      <c r="AL2890" s="53">
        <v>-173444.25</v>
      </c>
      <c r="AM2890" s="53">
        <v>-173444.25</v>
      </c>
      <c r="AN2890" s="53">
        <v>-2081331</v>
      </c>
      <c r="AO2890" s="53">
        <v>-72615.666666666599</v>
      </c>
      <c r="AP2890" s="53">
        <v>-72615.666666666599</v>
      </c>
      <c r="AQ2890" s="53">
        <v>-72615.666666666599</v>
      </c>
      <c r="AR2890" s="53">
        <v>-72615.666666666599</v>
      </c>
      <c r="AS2890" s="53">
        <v>-72615.666666666599</v>
      </c>
      <c r="AT2890" s="53">
        <v>-72615.666666666599</v>
      </c>
      <c r="AU2890" s="53">
        <v>-72615.666666666599</v>
      </c>
      <c r="AV2890" s="53">
        <v>-72615.666666666599</v>
      </c>
      <c r="AW2890" s="53">
        <v>-72615.666666666599</v>
      </c>
      <c r="AX2890" s="53">
        <v>-72615.666666666599</v>
      </c>
      <c r="AY2890" s="53">
        <v>-72615.666666666599</v>
      </c>
      <c r="AZ2890" s="53">
        <v>-72615.666666666599</v>
      </c>
      <c r="BA2890" s="53">
        <v>-871388</v>
      </c>
      <c r="BB2890" s="53"/>
      <c r="BC2890" s="53"/>
      <c r="BD2890" s="53"/>
      <c r="BE2890" s="53"/>
      <c r="BF2890" s="53"/>
      <c r="BG2890" s="53"/>
      <c r="BH2890" s="53"/>
      <c r="BI2890" s="53"/>
      <c r="BJ2890" s="53"/>
      <c r="BK2890" s="53"/>
      <c r="BL2890" s="53"/>
      <c r="BM2890" s="53"/>
      <c r="BN2890" s="53"/>
      <c r="BO2890" s="53"/>
      <c r="BP2890" s="53"/>
      <c r="BQ2890" s="53"/>
      <c r="BR2890" s="53"/>
      <c r="BS2890" s="53"/>
      <c r="BT2890" s="53"/>
      <c r="BU2890" s="53"/>
      <c r="BV2890" s="53"/>
      <c r="BW2890" s="53"/>
      <c r="BX2890" s="53"/>
      <c r="BY2890" s="53"/>
      <c r="BZ2890" s="53"/>
      <c r="CA2890" s="53"/>
      <c r="CB2890" s="53">
        <v>90631.833333333299</v>
      </c>
      <c r="CC2890" s="53">
        <v>90631.833333333299</v>
      </c>
      <c r="CD2890" s="53">
        <v>90631.833333333299</v>
      </c>
      <c r="CE2890" s="53">
        <v>90631.833333333299</v>
      </c>
      <c r="CF2890" s="53">
        <v>90631.833333333299</v>
      </c>
      <c r="CG2890" s="53">
        <v>90631.833333333299</v>
      </c>
      <c r="CH2890" s="53">
        <v>90631.833333333299</v>
      </c>
      <c r="CI2890" s="53">
        <v>90631.833333333299</v>
      </c>
      <c r="CJ2890" s="53">
        <v>90631.833333333299</v>
      </c>
      <c r="CK2890" s="53">
        <v>90631.833333333299</v>
      </c>
      <c r="CL2890" s="53">
        <v>90631.833333333299</v>
      </c>
      <c r="CM2890" s="53">
        <v>90631.833333333299</v>
      </c>
      <c r="CN2890" s="53">
        <v>1087582</v>
      </c>
    </row>
    <row r="2891" spans="1:92" outlineLevel="1">
      <c r="A2891" s="52" t="s">
        <v>650</v>
      </c>
      <c r="B2891" s="53"/>
      <c r="C2891" s="53"/>
      <c r="D2891" s="53"/>
      <c r="E2891" s="53"/>
      <c r="F2891" s="53"/>
      <c r="G2891" s="53"/>
      <c r="H2891" s="53"/>
      <c r="I2891" s="53"/>
      <c r="J2891" s="53"/>
      <c r="K2891" s="53"/>
      <c r="L2891" s="53"/>
      <c r="M2891" s="53"/>
      <c r="N2891" s="53"/>
      <c r="O2891" s="53"/>
      <c r="P2891" s="53"/>
      <c r="Q2891" s="53"/>
      <c r="R2891" s="53"/>
      <c r="S2891" s="53"/>
      <c r="T2891" s="53"/>
      <c r="U2891" s="53"/>
      <c r="V2891" s="53"/>
      <c r="W2891" s="53"/>
      <c r="X2891" s="53"/>
      <c r="Y2891" s="53"/>
      <c r="Z2891" s="53"/>
      <c r="AA2891" s="53"/>
      <c r="AB2891" s="53"/>
      <c r="AC2891" s="53"/>
      <c r="AD2891" s="53"/>
      <c r="AE2891" s="53"/>
      <c r="AF2891" s="53"/>
      <c r="AG2891" s="53"/>
      <c r="AH2891" s="53"/>
      <c r="AI2891" s="53"/>
      <c r="AJ2891" s="53"/>
      <c r="AK2891" s="53"/>
      <c r="AL2891" s="53"/>
      <c r="AM2891" s="53"/>
      <c r="AN2891" s="53"/>
      <c r="AO2891" s="53"/>
      <c r="AP2891" s="53"/>
      <c r="AQ2891" s="53"/>
      <c r="AR2891" s="53"/>
      <c r="AS2891" s="53"/>
      <c r="AT2891" s="53"/>
      <c r="AU2891" s="53"/>
      <c r="AV2891" s="53"/>
      <c r="AW2891" s="53"/>
      <c r="AX2891" s="53"/>
      <c r="AY2891" s="53"/>
      <c r="AZ2891" s="53"/>
      <c r="BA2891" s="53"/>
      <c r="BB2891" s="53"/>
      <c r="BC2891" s="53"/>
      <c r="BD2891" s="53"/>
      <c r="BE2891" s="53"/>
      <c r="BF2891" s="53"/>
      <c r="BG2891" s="53"/>
      <c r="BH2891" s="53"/>
      <c r="BI2891" s="53"/>
      <c r="BJ2891" s="53"/>
      <c r="BK2891" s="53"/>
      <c r="BL2891" s="53"/>
      <c r="BM2891" s="53"/>
      <c r="BN2891" s="53"/>
      <c r="BO2891" s="53"/>
      <c r="BP2891" s="53"/>
      <c r="BQ2891" s="53"/>
      <c r="BR2891" s="53"/>
      <c r="BS2891" s="53"/>
      <c r="BT2891" s="53"/>
      <c r="BU2891" s="53"/>
      <c r="BV2891" s="53"/>
      <c r="BW2891" s="53"/>
      <c r="BX2891" s="53"/>
      <c r="BY2891" s="53"/>
      <c r="BZ2891" s="53"/>
      <c r="CA2891" s="53"/>
      <c r="CB2891" s="53"/>
      <c r="CC2891" s="53"/>
      <c r="CD2891" s="53"/>
      <c r="CE2891" s="53"/>
      <c r="CF2891" s="53"/>
      <c r="CG2891" s="53"/>
      <c r="CH2891" s="53"/>
      <c r="CI2891" s="53"/>
      <c r="CJ2891" s="53"/>
      <c r="CK2891" s="53"/>
      <c r="CL2891" s="53"/>
      <c r="CM2891" s="53"/>
      <c r="CN2891" s="53"/>
    </row>
    <row r="2892" spans="1:92" outlineLevel="1">
      <c r="A2892" s="52" t="s">
        <v>1722</v>
      </c>
      <c r="B2892" s="53"/>
      <c r="C2892" s="53"/>
      <c r="D2892" s="53"/>
      <c r="E2892" s="53"/>
      <c r="F2892" s="53"/>
      <c r="G2892" s="53"/>
      <c r="H2892" s="53"/>
      <c r="I2892" s="53"/>
      <c r="J2892" s="53"/>
      <c r="K2892" s="53"/>
      <c r="L2892" s="53"/>
      <c r="M2892" s="53"/>
      <c r="N2892" s="53"/>
      <c r="O2892" s="53"/>
      <c r="P2892" s="53"/>
      <c r="Q2892" s="53"/>
      <c r="R2892" s="53"/>
      <c r="S2892" s="53"/>
      <c r="T2892" s="53"/>
      <c r="U2892" s="53"/>
      <c r="V2892" s="53"/>
      <c r="W2892" s="53"/>
      <c r="X2892" s="53"/>
      <c r="Y2892" s="53"/>
      <c r="Z2892" s="53"/>
      <c r="AA2892" s="53"/>
      <c r="AB2892" s="53"/>
      <c r="AC2892" s="53"/>
      <c r="AD2892" s="53"/>
      <c r="AE2892" s="53"/>
      <c r="AF2892" s="53"/>
      <c r="AG2892" s="53"/>
      <c r="AH2892" s="53"/>
      <c r="AI2892" s="53"/>
      <c r="AJ2892" s="53"/>
      <c r="AK2892" s="53"/>
      <c r="AL2892" s="53"/>
      <c r="AM2892" s="53"/>
      <c r="AN2892" s="53"/>
      <c r="AO2892" s="53"/>
      <c r="AP2892" s="53"/>
      <c r="AQ2892" s="53"/>
      <c r="AR2892" s="53"/>
      <c r="AS2892" s="53"/>
      <c r="AT2892" s="53"/>
      <c r="AU2892" s="53"/>
      <c r="AV2892" s="53"/>
      <c r="AW2892" s="53"/>
      <c r="AX2892" s="53"/>
      <c r="AY2892" s="53"/>
      <c r="AZ2892" s="53"/>
      <c r="BA2892" s="53"/>
      <c r="BB2892" s="53"/>
      <c r="BC2892" s="53"/>
      <c r="BD2892" s="53"/>
      <c r="BE2892" s="53"/>
      <c r="BF2892" s="53"/>
      <c r="BG2892" s="53"/>
      <c r="BH2892" s="53"/>
      <c r="BI2892" s="53"/>
      <c r="BJ2892" s="53"/>
      <c r="BK2892" s="53"/>
      <c r="BL2892" s="53"/>
      <c r="BM2892" s="53"/>
      <c r="BN2892" s="53"/>
      <c r="BO2892" s="53"/>
      <c r="BP2892" s="53"/>
      <c r="BQ2892" s="53"/>
      <c r="BR2892" s="53"/>
      <c r="BS2892" s="53"/>
      <c r="BT2892" s="53"/>
      <c r="BU2892" s="53"/>
      <c r="BV2892" s="53"/>
      <c r="BW2892" s="53"/>
      <c r="BX2892" s="53"/>
      <c r="BY2892" s="53"/>
      <c r="BZ2892" s="53"/>
      <c r="CA2892" s="53"/>
      <c r="CB2892" s="53">
        <v>44492.666666666497</v>
      </c>
      <c r="CC2892" s="53">
        <v>44492.666666666497</v>
      </c>
      <c r="CD2892" s="53">
        <v>44492.666666666497</v>
      </c>
      <c r="CE2892" s="53">
        <v>44492.666666666497</v>
      </c>
      <c r="CF2892" s="53">
        <v>44492.666666666497</v>
      </c>
      <c r="CG2892" s="53">
        <v>44492.666666666497</v>
      </c>
      <c r="CH2892" s="53">
        <v>44492.666666666497</v>
      </c>
      <c r="CI2892" s="53">
        <v>44492.666666666497</v>
      </c>
      <c r="CJ2892" s="53">
        <v>44492.666666666497</v>
      </c>
      <c r="CK2892" s="53">
        <v>44492.666666666497</v>
      </c>
      <c r="CL2892" s="53">
        <v>44492.666666666497</v>
      </c>
      <c r="CM2892" s="53">
        <v>44492.666666666497</v>
      </c>
      <c r="CN2892" s="53">
        <v>533911.99999999895</v>
      </c>
    </row>
    <row r="2893" spans="1:92">
      <c r="A2893" s="52" t="s">
        <v>649</v>
      </c>
      <c r="B2893" s="53"/>
      <c r="C2893" s="53"/>
      <c r="D2893" s="53">
        <v>9259099.3000000007</v>
      </c>
      <c r="E2893" s="53">
        <v>12892250</v>
      </c>
      <c r="F2893" s="53">
        <v>6848650.7000000002</v>
      </c>
      <c r="G2893" s="53"/>
      <c r="H2893" s="53"/>
      <c r="I2893" s="53"/>
      <c r="J2893" s="53"/>
      <c r="K2893" s="53"/>
      <c r="L2893" s="53"/>
      <c r="M2893" s="53"/>
      <c r="N2893" s="53">
        <v>29000000</v>
      </c>
      <c r="O2893" s="53"/>
      <c r="P2893" s="53"/>
      <c r="Q2893" s="53"/>
      <c r="R2893" s="53"/>
      <c r="S2893" s="53"/>
      <c r="T2893" s="53"/>
      <c r="U2893" s="53"/>
      <c r="V2893" s="53"/>
      <c r="W2893" s="53"/>
      <c r="X2893" s="53"/>
      <c r="Y2893" s="53"/>
      <c r="Z2893" s="53"/>
      <c r="AA2893" s="53"/>
      <c r="AB2893" s="53"/>
      <c r="AC2893" s="53"/>
      <c r="AD2893" s="53"/>
      <c r="AE2893" s="53"/>
      <c r="AF2893" s="53"/>
      <c r="AG2893" s="53"/>
      <c r="AH2893" s="53"/>
      <c r="AI2893" s="53"/>
      <c r="AJ2893" s="53"/>
      <c r="AK2893" s="53"/>
      <c r="AL2893" s="53"/>
      <c r="AM2893" s="53"/>
      <c r="AN2893" s="53"/>
      <c r="AO2893" s="53"/>
      <c r="AP2893" s="53"/>
      <c r="AQ2893" s="53"/>
      <c r="AR2893" s="53"/>
      <c r="AS2893" s="53"/>
      <c r="AT2893" s="53"/>
      <c r="AU2893" s="53"/>
      <c r="AV2893" s="53"/>
      <c r="AW2893" s="53"/>
      <c r="AX2893" s="53"/>
      <c r="AY2893" s="53"/>
      <c r="AZ2893" s="53"/>
      <c r="BA2893" s="53"/>
      <c r="BB2893" s="53"/>
      <c r="BC2893" s="53"/>
      <c r="BD2893" s="53"/>
      <c r="BE2893" s="53"/>
      <c r="BF2893" s="53"/>
      <c r="BG2893" s="53"/>
      <c r="BH2893" s="53"/>
      <c r="BI2893" s="53"/>
      <c r="BJ2893" s="53"/>
      <c r="BK2893" s="53"/>
      <c r="BL2893" s="53"/>
      <c r="BM2893" s="53"/>
      <c r="BN2893" s="53"/>
      <c r="BO2893" s="53"/>
      <c r="BP2893" s="53"/>
      <c r="BQ2893" s="53"/>
      <c r="BR2893" s="53"/>
      <c r="BS2893" s="53"/>
      <c r="BT2893" s="53"/>
      <c r="BU2893" s="53"/>
      <c r="BV2893" s="53"/>
      <c r="BW2893" s="53"/>
      <c r="BX2893" s="53"/>
      <c r="BY2893" s="53"/>
      <c r="BZ2893" s="53"/>
      <c r="CA2893" s="53"/>
      <c r="CB2893" s="53"/>
      <c r="CC2893" s="53"/>
      <c r="CD2893" s="53"/>
      <c r="CE2893" s="53"/>
      <c r="CF2893" s="53"/>
      <c r="CG2893" s="53"/>
      <c r="CH2893" s="53"/>
      <c r="CI2893" s="53"/>
      <c r="CJ2893" s="53"/>
      <c r="CK2893" s="53"/>
      <c r="CL2893" s="53"/>
      <c r="CM2893" s="53"/>
      <c r="CN2893" s="53"/>
    </row>
    <row r="2894" spans="1:92">
      <c r="A2894" s="52" t="s">
        <v>1723</v>
      </c>
      <c r="B2894" s="53">
        <v>626056486.70000005</v>
      </c>
      <c r="C2894" s="53">
        <v>617504813.19999897</v>
      </c>
      <c r="D2894" s="53">
        <v>612894198.69999897</v>
      </c>
      <c r="E2894" s="53">
        <v>608618361.94999897</v>
      </c>
      <c r="F2894" s="53">
        <v>599886303.19999897</v>
      </c>
      <c r="G2894" s="53">
        <v>608792169.69999897</v>
      </c>
      <c r="H2894" s="53">
        <v>604516332.94999897</v>
      </c>
      <c r="I2894" s="53">
        <v>587343152.20000005</v>
      </c>
      <c r="J2894" s="53">
        <v>602245937.74999905</v>
      </c>
      <c r="K2894" s="53">
        <v>597970100.99999905</v>
      </c>
      <c r="L2894" s="53">
        <v>567667690.90999997</v>
      </c>
      <c r="M2894" s="53">
        <v>597832183</v>
      </c>
      <c r="N2894" s="53">
        <v>597832183</v>
      </c>
      <c r="O2894" s="53">
        <v>595844749</v>
      </c>
      <c r="P2894" s="53">
        <v>593857315</v>
      </c>
      <c r="Q2894" s="53">
        <v>591869881</v>
      </c>
      <c r="R2894" s="53">
        <v>589882447</v>
      </c>
      <c r="S2894" s="53">
        <v>587895013</v>
      </c>
      <c r="T2894" s="53">
        <v>585907579</v>
      </c>
      <c r="U2894" s="53">
        <v>583920145</v>
      </c>
      <c r="V2894" s="53">
        <v>581932711</v>
      </c>
      <c r="W2894" s="53">
        <v>579945277</v>
      </c>
      <c r="X2894" s="53">
        <v>577957843</v>
      </c>
      <c r="Y2894" s="53">
        <v>575970409</v>
      </c>
      <c r="Z2894" s="53">
        <v>573982975</v>
      </c>
      <c r="AA2894" s="53">
        <v>573982975</v>
      </c>
      <c r="AB2894" s="53">
        <v>571982390.66666603</v>
      </c>
      <c r="AC2894" s="53">
        <v>569981806.33333302</v>
      </c>
      <c r="AD2894" s="53">
        <v>567981222</v>
      </c>
      <c r="AE2894" s="53">
        <v>565980637.66666603</v>
      </c>
      <c r="AF2894" s="53">
        <v>563980053.33333302</v>
      </c>
      <c r="AG2894" s="53">
        <v>561979469</v>
      </c>
      <c r="AH2894" s="53">
        <v>559978884.66666698</v>
      </c>
      <c r="AI2894" s="53">
        <v>557978300.33333302</v>
      </c>
      <c r="AJ2894" s="53">
        <v>555977716</v>
      </c>
      <c r="AK2894" s="53">
        <v>553977131.66666698</v>
      </c>
      <c r="AL2894" s="53">
        <v>551976547.33333302</v>
      </c>
      <c r="AM2894" s="53">
        <v>549975963</v>
      </c>
      <c r="AN2894" s="53">
        <v>549975963</v>
      </c>
      <c r="AO2894" s="53">
        <v>519041284.41666698</v>
      </c>
      <c r="AP2894" s="53">
        <v>517106605.83333302</v>
      </c>
      <c r="AQ2894" s="53">
        <v>515171927.25</v>
      </c>
      <c r="AR2894" s="53">
        <v>513237248.66666698</v>
      </c>
      <c r="AS2894" s="53">
        <v>511302570.08333302</v>
      </c>
      <c r="AT2894" s="53">
        <v>509367891.5</v>
      </c>
      <c r="AU2894" s="53">
        <v>507433212.91666698</v>
      </c>
      <c r="AV2894" s="53">
        <v>505498534.33333302</v>
      </c>
      <c r="AW2894" s="53">
        <v>503563855.75</v>
      </c>
      <c r="AX2894" s="53">
        <v>501629177.16666698</v>
      </c>
      <c r="AY2894" s="53">
        <v>499694498.58333302</v>
      </c>
      <c r="AZ2894" s="53">
        <v>497759820</v>
      </c>
      <c r="BA2894" s="53">
        <v>497759820</v>
      </c>
      <c r="BB2894" s="53">
        <v>495812740</v>
      </c>
      <c r="BC2894" s="53">
        <v>493865660</v>
      </c>
      <c r="BD2894" s="53">
        <v>491918580</v>
      </c>
      <c r="BE2894" s="53">
        <v>489971500</v>
      </c>
      <c r="BF2894" s="53">
        <v>488024420</v>
      </c>
      <c r="BG2894" s="53">
        <v>486077340</v>
      </c>
      <c r="BH2894" s="53">
        <v>484130260</v>
      </c>
      <c r="BI2894" s="53">
        <v>482183180</v>
      </c>
      <c r="BJ2894" s="53">
        <v>480236100</v>
      </c>
      <c r="BK2894" s="53">
        <v>478289020</v>
      </c>
      <c r="BL2894" s="53">
        <v>476341940</v>
      </c>
      <c r="BM2894" s="53">
        <v>474394860</v>
      </c>
      <c r="BN2894" s="53">
        <v>474394860</v>
      </c>
      <c r="BO2894" s="53">
        <v>472415025.25</v>
      </c>
      <c r="BP2894" s="53">
        <v>470435190.5</v>
      </c>
      <c r="BQ2894" s="53">
        <v>468455355.75</v>
      </c>
      <c r="BR2894" s="53">
        <v>466475521</v>
      </c>
      <c r="BS2894" s="53">
        <v>464495686.25</v>
      </c>
      <c r="BT2894" s="53">
        <v>462515851.5</v>
      </c>
      <c r="BU2894" s="53">
        <v>460536016.75</v>
      </c>
      <c r="BV2894" s="53">
        <v>458556182</v>
      </c>
      <c r="BW2894" s="53">
        <v>456576347.25</v>
      </c>
      <c r="BX2894" s="53">
        <v>454596512.5</v>
      </c>
      <c r="BY2894" s="53">
        <v>452616677.75</v>
      </c>
      <c r="BZ2894" s="53">
        <v>450636843</v>
      </c>
      <c r="CA2894" s="53">
        <v>450636843</v>
      </c>
      <c r="CB2894" s="53"/>
      <c r="CC2894" s="53"/>
      <c r="CD2894" s="53"/>
      <c r="CE2894" s="53"/>
      <c r="CF2894" s="53"/>
      <c r="CG2894" s="53"/>
      <c r="CH2894" s="53"/>
      <c r="CI2894" s="53"/>
      <c r="CJ2894" s="53"/>
      <c r="CK2894" s="53"/>
      <c r="CL2894" s="53"/>
      <c r="CM2894" s="53"/>
      <c r="CN2894" s="53"/>
    </row>
    <row r="2895" spans="1:92" outlineLevel="1">
      <c r="A2895" s="52" t="s">
        <v>1724</v>
      </c>
      <c r="B2895" s="53">
        <v>0</v>
      </c>
      <c r="C2895" s="53">
        <v>0</v>
      </c>
      <c r="D2895" s="53">
        <v>0</v>
      </c>
      <c r="E2895" s="53">
        <v>0</v>
      </c>
      <c r="F2895" s="53">
        <v>0</v>
      </c>
      <c r="G2895" s="53">
        <v>0</v>
      </c>
      <c r="H2895" s="53">
        <v>0</v>
      </c>
      <c r="I2895" s="53">
        <v>0</v>
      </c>
      <c r="J2895" s="53">
        <v>0</v>
      </c>
      <c r="K2895" s="53">
        <v>0</v>
      </c>
      <c r="L2895" s="53">
        <v>0</v>
      </c>
      <c r="M2895" s="53">
        <v>0</v>
      </c>
      <c r="N2895" s="53">
        <v>0</v>
      </c>
      <c r="O2895" s="53">
        <v>0</v>
      </c>
      <c r="P2895" s="53">
        <v>0</v>
      </c>
      <c r="Q2895" s="53">
        <v>0</v>
      </c>
      <c r="R2895" s="53">
        <v>0</v>
      </c>
      <c r="S2895" s="53">
        <v>0</v>
      </c>
      <c r="T2895" s="53">
        <v>0</v>
      </c>
      <c r="U2895" s="53">
        <v>0</v>
      </c>
      <c r="V2895" s="53">
        <v>0</v>
      </c>
      <c r="W2895" s="53">
        <v>0</v>
      </c>
      <c r="X2895" s="53">
        <v>0</v>
      </c>
      <c r="Y2895" s="53">
        <v>0</v>
      </c>
      <c r="Z2895" s="53">
        <v>0</v>
      </c>
      <c r="AA2895" s="53">
        <v>0</v>
      </c>
      <c r="AB2895" s="53">
        <v>0</v>
      </c>
      <c r="AC2895" s="53">
        <v>0</v>
      </c>
      <c r="AD2895" s="53">
        <v>0</v>
      </c>
      <c r="AE2895" s="53">
        <v>0</v>
      </c>
      <c r="AF2895" s="53">
        <v>0</v>
      </c>
      <c r="AG2895" s="53">
        <v>0</v>
      </c>
      <c r="AH2895" s="53">
        <v>0</v>
      </c>
      <c r="AI2895" s="53">
        <v>0</v>
      </c>
      <c r="AJ2895" s="53">
        <v>0</v>
      </c>
      <c r="AK2895" s="53">
        <v>0</v>
      </c>
      <c r="AL2895" s="53">
        <v>0</v>
      </c>
      <c r="AM2895" s="53">
        <v>0</v>
      </c>
      <c r="AN2895" s="53">
        <v>0</v>
      </c>
      <c r="AO2895" s="53">
        <v>0</v>
      </c>
      <c r="AP2895" s="53">
        <v>0</v>
      </c>
      <c r="AQ2895" s="53">
        <v>0</v>
      </c>
      <c r="AR2895" s="53">
        <v>0</v>
      </c>
      <c r="AS2895" s="53">
        <v>0</v>
      </c>
      <c r="AT2895" s="53">
        <v>0</v>
      </c>
      <c r="AU2895" s="53">
        <v>0</v>
      </c>
      <c r="AV2895" s="53">
        <v>0</v>
      </c>
      <c r="AW2895" s="53">
        <v>0</v>
      </c>
      <c r="AX2895" s="53">
        <v>0</v>
      </c>
      <c r="AY2895" s="53">
        <v>0</v>
      </c>
      <c r="AZ2895" s="53">
        <v>0</v>
      </c>
      <c r="BA2895" s="53">
        <v>0</v>
      </c>
      <c r="BB2895" s="53">
        <v>0</v>
      </c>
      <c r="BC2895" s="53">
        <v>0</v>
      </c>
      <c r="BD2895" s="53">
        <v>0</v>
      </c>
      <c r="BE2895" s="53">
        <v>0</v>
      </c>
      <c r="BF2895" s="53">
        <v>0</v>
      </c>
      <c r="BG2895" s="53">
        <v>0</v>
      </c>
      <c r="BH2895" s="53">
        <v>0</v>
      </c>
      <c r="BI2895" s="53">
        <v>0</v>
      </c>
      <c r="BJ2895" s="53">
        <v>0</v>
      </c>
      <c r="BK2895" s="53">
        <v>0</v>
      </c>
      <c r="BL2895" s="53">
        <v>0</v>
      </c>
      <c r="BM2895" s="53">
        <v>0</v>
      </c>
      <c r="BN2895" s="53">
        <v>0</v>
      </c>
      <c r="BO2895" s="53">
        <v>0</v>
      </c>
      <c r="BP2895" s="53">
        <v>0</v>
      </c>
      <c r="BQ2895" s="53">
        <v>0</v>
      </c>
      <c r="BR2895" s="53">
        <v>0</v>
      </c>
      <c r="BS2895" s="53">
        <v>0</v>
      </c>
      <c r="BT2895" s="53">
        <v>0</v>
      </c>
      <c r="BU2895" s="53">
        <v>0</v>
      </c>
      <c r="BV2895" s="53">
        <v>0</v>
      </c>
      <c r="BW2895" s="53">
        <v>0</v>
      </c>
      <c r="BX2895" s="53">
        <v>0</v>
      </c>
      <c r="BY2895" s="53">
        <v>0</v>
      </c>
      <c r="BZ2895" s="53">
        <v>0</v>
      </c>
      <c r="CA2895" s="53">
        <v>0</v>
      </c>
      <c r="CB2895" s="53">
        <v>-355385</v>
      </c>
      <c r="CC2895" s="53">
        <v>-355385</v>
      </c>
      <c r="CD2895" s="53">
        <v>-355385</v>
      </c>
      <c r="CE2895" s="53">
        <v>-355385</v>
      </c>
      <c r="CF2895" s="53">
        <v>-355385</v>
      </c>
      <c r="CG2895" s="53">
        <v>-355385</v>
      </c>
      <c r="CH2895" s="53">
        <v>-355385</v>
      </c>
      <c r="CI2895" s="53">
        <v>-355385</v>
      </c>
      <c r="CJ2895" s="53">
        <v>-355385</v>
      </c>
      <c r="CK2895" s="53">
        <v>-355385</v>
      </c>
      <c r="CL2895" s="53">
        <v>-355385</v>
      </c>
      <c r="CM2895" s="53">
        <v>-355385</v>
      </c>
      <c r="CN2895" s="53">
        <v>-4264620</v>
      </c>
    </row>
    <row r="2896" spans="1:92" outlineLevel="1">
      <c r="A2896" s="52" t="s">
        <v>1218</v>
      </c>
      <c r="B2896" s="53"/>
      <c r="C2896" s="53"/>
      <c r="D2896" s="53"/>
      <c r="E2896" s="53"/>
      <c r="F2896" s="53"/>
      <c r="G2896" s="53"/>
      <c r="H2896" s="53"/>
      <c r="I2896" s="53"/>
      <c r="J2896" s="53"/>
      <c r="K2896" s="53"/>
      <c r="L2896" s="53"/>
      <c r="M2896" s="53"/>
      <c r="N2896" s="53"/>
      <c r="O2896" s="53"/>
      <c r="P2896" s="53">
        <v>-1.0004441719502201E-8</v>
      </c>
      <c r="Q2896" s="53">
        <v>-2.0008883439004401E-8</v>
      </c>
      <c r="R2896" s="53">
        <v>-3.0013325158506599E-8</v>
      </c>
      <c r="S2896" s="53">
        <v>-1147138.55555559</v>
      </c>
      <c r="T2896" s="53">
        <v>-2294277.1111111599</v>
      </c>
      <c r="U2896" s="53">
        <v>-3441415.6666667298</v>
      </c>
      <c r="V2896" s="53">
        <v>-4588554.2222223096</v>
      </c>
      <c r="W2896" s="53">
        <v>-5735692.7777778702</v>
      </c>
      <c r="X2896" s="53">
        <v>-6882831.3333334401</v>
      </c>
      <c r="Y2896" s="53">
        <v>-8029969.8888890101</v>
      </c>
      <c r="Z2896" s="53">
        <v>-9177108.44444458</v>
      </c>
      <c r="AA2896" s="53"/>
      <c r="AB2896" s="53">
        <v>-10324247.000000101</v>
      </c>
      <c r="AC2896" s="53">
        <v>-10324247.000000101</v>
      </c>
      <c r="AD2896" s="53">
        <v>-10324247.000000101</v>
      </c>
      <c r="AE2896" s="53">
        <v>-10324247.000000101</v>
      </c>
      <c r="AF2896" s="53">
        <v>-10324247.000000101</v>
      </c>
      <c r="AG2896" s="53">
        <v>-10324247.000000101</v>
      </c>
      <c r="AH2896" s="53">
        <v>-10324247.000000101</v>
      </c>
      <c r="AI2896" s="53">
        <v>-10324247.000000101</v>
      </c>
      <c r="AJ2896" s="53">
        <v>-10324247.000000101</v>
      </c>
      <c r="AK2896" s="53">
        <v>-10324247.000000101</v>
      </c>
      <c r="AL2896" s="53">
        <v>-10324247.000000101</v>
      </c>
      <c r="AM2896" s="53">
        <v>-10324247.000000101</v>
      </c>
      <c r="AN2896" s="53">
        <v>-10324247.000000101</v>
      </c>
      <c r="AO2896" s="53">
        <v>-10324247.000000101</v>
      </c>
      <c r="AP2896" s="53">
        <v>-10324247.000000101</v>
      </c>
      <c r="AQ2896" s="53">
        <v>-10324247.000000101</v>
      </c>
      <c r="AR2896" s="53">
        <v>-10324247.000000101</v>
      </c>
      <c r="AS2896" s="53">
        <v>-10324247.000000101</v>
      </c>
      <c r="AT2896" s="53">
        <v>-10324247.000000101</v>
      </c>
      <c r="AU2896" s="53">
        <v>-10324247.000000101</v>
      </c>
      <c r="AV2896" s="53">
        <v>-10324247.000000101</v>
      </c>
      <c r="AW2896" s="53">
        <v>-10324247.000000101</v>
      </c>
      <c r="AX2896" s="53">
        <v>-10324247.000000101</v>
      </c>
      <c r="AY2896" s="53">
        <v>-10324247.000000101</v>
      </c>
      <c r="AZ2896" s="53">
        <v>-10324247.000000101</v>
      </c>
      <c r="BA2896" s="53">
        <v>-10324247.000000101</v>
      </c>
      <c r="BB2896" s="53">
        <v>-10324247.000000101</v>
      </c>
      <c r="BC2896" s="53">
        <v>-10324247.000000101</v>
      </c>
      <c r="BD2896" s="53">
        <v>-10324247.000000101</v>
      </c>
      <c r="BE2896" s="53">
        <v>-10324247.000000101</v>
      </c>
      <c r="BF2896" s="53">
        <v>-10324247.000000199</v>
      </c>
      <c r="BG2896" s="53">
        <v>-10324247.000000199</v>
      </c>
      <c r="BH2896" s="53">
        <v>-10324247.000000199</v>
      </c>
      <c r="BI2896" s="53">
        <v>-10324247.000000199</v>
      </c>
      <c r="BJ2896" s="53">
        <v>-10324247.000000199</v>
      </c>
      <c r="BK2896" s="53">
        <v>-10324247.000000199</v>
      </c>
      <c r="BL2896" s="53">
        <v>-10324247.000000199</v>
      </c>
      <c r="BM2896" s="53">
        <v>-10324247.000000199</v>
      </c>
      <c r="BN2896" s="53">
        <v>-10324247.000000101</v>
      </c>
      <c r="BO2896" s="53">
        <v>-10324247.000000199</v>
      </c>
      <c r="BP2896" s="53">
        <v>-10324247.000000199</v>
      </c>
      <c r="BQ2896" s="53">
        <v>-10324247.000000199</v>
      </c>
      <c r="BR2896" s="53">
        <v>-10324247.000000199</v>
      </c>
      <c r="BS2896" s="53">
        <v>-10324247.000000199</v>
      </c>
      <c r="BT2896" s="53">
        <v>-10324247.000000199</v>
      </c>
      <c r="BU2896" s="53">
        <v>-10324247.000000199</v>
      </c>
      <c r="BV2896" s="53">
        <v>-10324247.000000199</v>
      </c>
      <c r="BW2896" s="53">
        <v>-10324247.000000199</v>
      </c>
      <c r="BX2896" s="53">
        <v>-10324247.000000199</v>
      </c>
      <c r="BY2896" s="53">
        <v>-10324247.000000199</v>
      </c>
      <c r="BZ2896" s="53">
        <v>-10324247.000000199</v>
      </c>
      <c r="CA2896" s="53">
        <v>-10324247.000000199</v>
      </c>
      <c r="CB2896" s="53"/>
      <c r="CC2896" s="53"/>
      <c r="CD2896" s="53"/>
      <c r="CE2896" s="53"/>
      <c r="CF2896" s="53"/>
      <c r="CG2896" s="53"/>
      <c r="CH2896" s="53"/>
      <c r="CI2896" s="53"/>
      <c r="CJ2896" s="53"/>
      <c r="CK2896" s="53"/>
      <c r="CL2896" s="53"/>
      <c r="CM2896" s="53"/>
      <c r="CN2896" s="53"/>
    </row>
    <row r="2897" spans="1:92" outlineLevel="1">
      <c r="A2897" s="52" t="s">
        <v>699</v>
      </c>
      <c r="B2897" s="53"/>
      <c r="C2897" s="53"/>
      <c r="D2897" s="53"/>
      <c r="E2897" s="53"/>
      <c r="F2897" s="53"/>
      <c r="G2897" s="53"/>
      <c r="H2897" s="53"/>
      <c r="I2897" s="53"/>
      <c r="J2897" s="53"/>
      <c r="K2897" s="53"/>
      <c r="L2897" s="53"/>
      <c r="M2897" s="53"/>
      <c r="N2897" s="53"/>
      <c r="O2897" s="53"/>
      <c r="P2897" s="53"/>
      <c r="Q2897" s="53"/>
      <c r="R2897" s="53"/>
      <c r="S2897" s="53"/>
      <c r="T2897" s="53"/>
      <c r="U2897" s="53"/>
      <c r="V2897" s="53"/>
      <c r="W2897" s="53"/>
      <c r="X2897" s="53"/>
      <c r="Y2897" s="53"/>
      <c r="Z2897" s="53"/>
      <c r="AA2897" s="53"/>
      <c r="AB2897" s="53"/>
      <c r="AC2897" s="53"/>
      <c r="AD2897" s="53"/>
      <c r="AE2897" s="53"/>
      <c r="AF2897" s="53"/>
      <c r="AG2897" s="53"/>
      <c r="AH2897" s="53"/>
      <c r="AI2897" s="53"/>
      <c r="AJ2897" s="53"/>
      <c r="AK2897" s="53"/>
      <c r="AL2897" s="53"/>
      <c r="AM2897" s="53"/>
      <c r="AN2897" s="53"/>
      <c r="AO2897" s="53"/>
      <c r="AP2897" s="53"/>
      <c r="AQ2897" s="53"/>
      <c r="AR2897" s="53"/>
      <c r="AS2897" s="53"/>
      <c r="AT2897" s="53"/>
      <c r="AU2897" s="53"/>
      <c r="AV2897" s="53"/>
      <c r="AW2897" s="53"/>
      <c r="AX2897" s="53"/>
      <c r="AY2897" s="53"/>
      <c r="AZ2897" s="53"/>
      <c r="BA2897" s="53"/>
      <c r="BB2897" s="53"/>
      <c r="BC2897" s="53"/>
      <c r="BD2897" s="53"/>
      <c r="BE2897" s="53"/>
      <c r="BF2897" s="53"/>
      <c r="BG2897" s="53"/>
      <c r="BH2897" s="53"/>
      <c r="BI2897" s="53"/>
      <c r="BJ2897" s="53"/>
      <c r="BK2897" s="53"/>
      <c r="BL2897" s="53"/>
      <c r="BM2897" s="53"/>
      <c r="BN2897" s="53"/>
      <c r="BO2897" s="53"/>
      <c r="BP2897" s="53"/>
      <c r="BQ2897" s="53"/>
      <c r="BR2897" s="53"/>
      <c r="BS2897" s="53"/>
      <c r="BT2897" s="53"/>
      <c r="BU2897" s="53"/>
      <c r="BV2897" s="53"/>
      <c r="BW2897" s="53"/>
      <c r="BX2897" s="53"/>
      <c r="BY2897" s="53"/>
      <c r="BZ2897" s="53"/>
      <c r="CA2897" s="53"/>
      <c r="CB2897" s="53"/>
      <c r="CC2897" s="53"/>
      <c r="CD2897" s="53"/>
      <c r="CE2897" s="53"/>
      <c r="CF2897" s="53"/>
      <c r="CG2897" s="53"/>
      <c r="CH2897" s="53"/>
      <c r="CI2897" s="53"/>
      <c r="CJ2897" s="53"/>
      <c r="CK2897" s="53"/>
      <c r="CL2897" s="53"/>
      <c r="CM2897" s="53"/>
      <c r="CN2897" s="53"/>
    </row>
    <row r="2898" spans="1:92" outlineLevel="1">
      <c r="A2898" s="52" t="s">
        <v>1687</v>
      </c>
      <c r="B2898" s="53"/>
      <c r="C2898" s="53"/>
      <c r="D2898" s="53"/>
      <c r="E2898" s="53"/>
      <c r="F2898" s="53"/>
      <c r="G2898" s="53"/>
      <c r="H2898" s="53"/>
      <c r="I2898" s="53"/>
      <c r="J2898" s="53"/>
      <c r="K2898" s="53"/>
      <c r="L2898" s="53"/>
      <c r="M2898" s="53"/>
      <c r="N2898" s="53"/>
      <c r="O2898" s="53"/>
      <c r="P2898" s="53"/>
      <c r="Q2898" s="53"/>
      <c r="R2898" s="53"/>
      <c r="S2898" s="53"/>
      <c r="T2898" s="53"/>
      <c r="U2898" s="53"/>
      <c r="V2898" s="53"/>
      <c r="W2898" s="53"/>
      <c r="X2898" s="53"/>
      <c r="Y2898" s="53"/>
      <c r="Z2898" s="53"/>
      <c r="AA2898" s="53"/>
      <c r="AB2898" s="53"/>
      <c r="AC2898" s="53"/>
      <c r="AD2898" s="53"/>
      <c r="AE2898" s="53"/>
      <c r="AF2898" s="53"/>
      <c r="AG2898" s="53"/>
      <c r="AH2898" s="53"/>
      <c r="AI2898" s="53"/>
      <c r="AJ2898" s="53"/>
      <c r="AK2898" s="53"/>
      <c r="AL2898" s="53"/>
      <c r="AM2898" s="53"/>
      <c r="AN2898" s="53"/>
      <c r="AO2898" s="53"/>
      <c r="AP2898" s="53"/>
      <c r="AQ2898" s="53"/>
      <c r="AR2898" s="53"/>
      <c r="AS2898" s="53"/>
      <c r="AT2898" s="53"/>
      <c r="AU2898" s="53"/>
      <c r="AV2898" s="53"/>
      <c r="AW2898" s="53"/>
      <c r="AX2898" s="53"/>
      <c r="AY2898" s="53"/>
      <c r="AZ2898" s="53"/>
      <c r="BA2898" s="53"/>
      <c r="BB2898" s="53"/>
      <c r="BC2898" s="53"/>
      <c r="BD2898" s="53"/>
      <c r="BE2898" s="53"/>
      <c r="BF2898" s="53"/>
      <c r="BG2898" s="53"/>
      <c r="BH2898" s="53"/>
      <c r="BI2898" s="53"/>
      <c r="BJ2898" s="53"/>
      <c r="BK2898" s="53"/>
      <c r="BL2898" s="53"/>
      <c r="BM2898" s="53"/>
      <c r="BN2898" s="53"/>
      <c r="BO2898" s="53"/>
      <c r="BP2898" s="53"/>
      <c r="BQ2898" s="53"/>
      <c r="BR2898" s="53"/>
      <c r="BS2898" s="53"/>
      <c r="BT2898" s="53"/>
      <c r="BU2898" s="53"/>
      <c r="BV2898" s="53"/>
      <c r="BW2898" s="53"/>
      <c r="BX2898" s="53"/>
      <c r="BY2898" s="53"/>
      <c r="BZ2898" s="53"/>
      <c r="CA2898" s="53"/>
      <c r="CB2898" s="53"/>
      <c r="CC2898" s="53"/>
      <c r="CD2898" s="53"/>
      <c r="CE2898" s="53"/>
      <c r="CF2898" s="53"/>
      <c r="CG2898" s="53"/>
      <c r="CH2898" s="53"/>
      <c r="CI2898" s="53"/>
      <c r="CJ2898" s="53"/>
      <c r="CK2898" s="53"/>
      <c r="CL2898" s="53"/>
      <c r="CM2898" s="53"/>
      <c r="CN2898" s="53"/>
    </row>
    <row r="2899" spans="1:92" outlineLevel="1">
      <c r="A2899" s="52" t="s">
        <v>1725</v>
      </c>
      <c r="B2899" s="53"/>
      <c r="C2899" s="53"/>
      <c r="D2899" s="53"/>
      <c r="E2899" s="53"/>
      <c r="F2899" s="53"/>
      <c r="G2899" s="53"/>
      <c r="H2899" s="53"/>
      <c r="I2899" s="53"/>
      <c r="J2899" s="53"/>
      <c r="K2899" s="53"/>
      <c r="L2899" s="53"/>
      <c r="M2899" s="53"/>
      <c r="N2899" s="53"/>
      <c r="O2899" s="53"/>
      <c r="P2899" s="53"/>
      <c r="Q2899" s="53"/>
      <c r="R2899" s="53"/>
      <c r="S2899" s="53"/>
      <c r="T2899" s="53"/>
      <c r="U2899" s="53"/>
      <c r="V2899" s="53"/>
      <c r="W2899" s="53"/>
      <c r="X2899" s="53"/>
      <c r="Y2899" s="53"/>
      <c r="Z2899" s="53"/>
      <c r="AA2899" s="53"/>
      <c r="AB2899" s="53"/>
      <c r="AC2899" s="53"/>
      <c r="AD2899" s="53"/>
      <c r="AE2899" s="53"/>
      <c r="AF2899" s="53"/>
      <c r="AG2899" s="53"/>
      <c r="AH2899" s="53"/>
      <c r="AI2899" s="53"/>
      <c r="AJ2899" s="53"/>
      <c r="AK2899" s="53"/>
      <c r="AL2899" s="53"/>
      <c r="AM2899" s="53"/>
      <c r="AN2899" s="53"/>
      <c r="AO2899" s="53"/>
      <c r="AP2899" s="53"/>
      <c r="AQ2899" s="53"/>
      <c r="AR2899" s="53"/>
      <c r="AS2899" s="53"/>
      <c r="AT2899" s="53"/>
      <c r="AU2899" s="53"/>
      <c r="AV2899" s="53"/>
      <c r="AW2899" s="53"/>
      <c r="AX2899" s="53"/>
      <c r="AY2899" s="53"/>
      <c r="AZ2899" s="53"/>
      <c r="BA2899" s="53"/>
      <c r="BB2899" s="53"/>
      <c r="BC2899" s="53"/>
      <c r="BD2899" s="53"/>
      <c r="BE2899" s="53"/>
      <c r="BF2899" s="53"/>
      <c r="BG2899" s="53"/>
      <c r="BH2899" s="53"/>
      <c r="BI2899" s="53"/>
      <c r="BJ2899" s="53"/>
      <c r="BK2899" s="53"/>
      <c r="BL2899" s="53"/>
      <c r="BM2899" s="53"/>
      <c r="BN2899" s="53"/>
      <c r="BO2899" s="53"/>
      <c r="BP2899" s="53"/>
      <c r="BQ2899" s="53"/>
      <c r="BR2899" s="53"/>
      <c r="BS2899" s="53"/>
      <c r="BT2899" s="53"/>
      <c r="BU2899" s="53"/>
      <c r="BV2899" s="53"/>
      <c r="BW2899" s="53"/>
      <c r="BX2899" s="53"/>
      <c r="BY2899" s="53"/>
      <c r="BZ2899" s="53"/>
      <c r="CA2899" s="53"/>
      <c r="CB2899" s="53">
        <v>10635897.274225701</v>
      </c>
      <c r="CC2899" s="53">
        <v>10846350.2420482</v>
      </c>
      <c r="CD2899" s="53">
        <v>10275474.654750301</v>
      </c>
      <c r="CE2899" s="53">
        <v>8764534.2034978997</v>
      </c>
      <c r="CF2899" s="53">
        <v>7751278.7869478604</v>
      </c>
      <c r="CG2899" s="53">
        <v>7236684.0452761399</v>
      </c>
      <c r="CH2899" s="53">
        <v>7225027.4822321301</v>
      </c>
      <c r="CI2899" s="53">
        <v>7223498.5982780801</v>
      </c>
      <c r="CJ2899" s="53">
        <v>7150318.9687357303</v>
      </c>
      <c r="CK2899" s="53">
        <v>7862363.9665323095</v>
      </c>
      <c r="CL2899" s="53">
        <v>9385504.8733291402</v>
      </c>
      <c r="CM2899" s="53">
        <v>8988787.2571279295</v>
      </c>
      <c r="CN2899" s="53">
        <v>103345720.352981</v>
      </c>
    </row>
    <row r="2900" spans="1:92">
      <c r="A2900" s="52" t="s">
        <v>649</v>
      </c>
      <c r="B2900" s="53"/>
      <c r="C2900" s="53"/>
      <c r="D2900" s="53"/>
      <c r="E2900" s="53"/>
      <c r="F2900" s="53"/>
      <c r="G2900" s="53"/>
      <c r="H2900" s="53"/>
      <c r="I2900" s="53"/>
      <c r="J2900" s="53"/>
      <c r="K2900" s="53"/>
      <c r="L2900" s="53"/>
      <c r="M2900" s="53"/>
      <c r="N2900" s="53"/>
      <c r="O2900" s="53">
        <v>-2618509.2243750002</v>
      </c>
      <c r="P2900" s="53">
        <v>-2618509.2243750002</v>
      </c>
      <c r="Q2900" s="53">
        <v>-2618509.2243750002</v>
      </c>
      <c r="R2900" s="53">
        <v>-3765647.7799305599</v>
      </c>
      <c r="S2900" s="53">
        <v>-3765647.7799305599</v>
      </c>
      <c r="T2900" s="53">
        <v>-3765647.7799305599</v>
      </c>
      <c r="U2900" s="53">
        <v>-3765647.7799305599</v>
      </c>
      <c r="V2900" s="53">
        <v>-3765647.7799305599</v>
      </c>
      <c r="W2900" s="53">
        <v>-3765647.7799305599</v>
      </c>
      <c r="X2900" s="53">
        <v>-3765647.7799305599</v>
      </c>
      <c r="Y2900" s="53">
        <v>-3765647.7799305599</v>
      </c>
      <c r="Z2900" s="53">
        <v>-3765647.7799305599</v>
      </c>
      <c r="AA2900" s="53">
        <v>-41746357.692500003</v>
      </c>
      <c r="AB2900" s="53">
        <v>-4388870.2495274898</v>
      </c>
      <c r="AC2900" s="53">
        <v>-4388870.2495274898</v>
      </c>
      <c r="AD2900" s="53">
        <v>-4388870.2495274898</v>
      </c>
      <c r="AE2900" s="53">
        <v>-4388870.2495274898</v>
      </c>
      <c r="AF2900" s="53">
        <v>-4388870.2495274898</v>
      </c>
      <c r="AG2900" s="53">
        <v>-4388870.2495274898</v>
      </c>
      <c r="AH2900" s="53">
        <v>-4388870.2495274898</v>
      </c>
      <c r="AI2900" s="53">
        <v>-4388870.2495274898</v>
      </c>
      <c r="AJ2900" s="53">
        <v>-4388870.2495274898</v>
      </c>
      <c r="AK2900" s="53">
        <v>-4388870.2495274898</v>
      </c>
      <c r="AL2900" s="53">
        <v>-4388870.2495274898</v>
      </c>
      <c r="AM2900" s="53">
        <v>-4388870.2495274898</v>
      </c>
      <c r="AN2900" s="53">
        <v>-52666442.9943299</v>
      </c>
      <c r="AO2900" s="53">
        <v>-5253169.3333333302</v>
      </c>
      <c r="AP2900" s="53">
        <v>-5253169.3333333302</v>
      </c>
      <c r="AQ2900" s="53">
        <v>-5253169.3333333302</v>
      </c>
      <c r="AR2900" s="53">
        <v>-5253169.3333333302</v>
      </c>
      <c r="AS2900" s="53">
        <v>-5253169.3333333302</v>
      </c>
      <c r="AT2900" s="53">
        <v>-5253169.3333333302</v>
      </c>
      <c r="AU2900" s="53">
        <v>-5253169.3333333302</v>
      </c>
      <c r="AV2900" s="53">
        <v>-5253169.3333333302</v>
      </c>
      <c r="AW2900" s="53">
        <v>-5253169.3333333302</v>
      </c>
      <c r="AX2900" s="53">
        <v>-5253169.3333333302</v>
      </c>
      <c r="AY2900" s="53">
        <v>-5253169.3333333302</v>
      </c>
      <c r="AZ2900" s="53">
        <v>-5253169.3333333302</v>
      </c>
      <c r="BA2900" s="53">
        <v>-63038031.999999903</v>
      </c>
      <c r="BB2900" s="53">
        <v>-7932402.2177273501</v>
      </c>
      <c r="BC2900" s="53">
        <v>-7932402.2177273501</v>
      </c>
      <c r="BD2900" s="53">
        <v>-7932402.2177273501</v>
      </c>
      <c r="BE2900" s="53">
        <v>-7932402.2177273501</v>
      </c>
      <c r="BF2900" s="53">
        <v>-7932402.2177273501</v>
      </c>
      <c r="BG2900" s="53">
        <v>-7932402.2177273501</v>
      </c>
      <c r="BH2900" s="53">
        <v>-7932402.2177273501</v>
      </c>
      <c r="BI2900" s="53">
        <v>-7932402.2177273501</v>
      </c>
      <c r="BJ2900" s="53">
        <v>-7932402.2177273501</v>
      </c>
      <c r="BK2900" s="53">
        <v>-7932402.2177273501</v>
      </c>
      <c r="BL2900" s="53">
        <v>-7932402.2177273501</v>
      </c>
      <c r="BM2900" s="53">
        <v>-7932402.2177273501</v>
      </c>
      <c r="BN2900" s="53">
        <v>-95188826.612728104</v>
      </c>
      <c r="BO2900" s="53">
        <v>-9706836.634939</v>
      </c>
      <c r="BP2900" s="53">
        <v>-9706836.634939</v>
      </c>
      <c r="BQ2900" s="53">
        <v>-9706836.634939</v>
      </c>
      <c r="BR2900" s="53">
        <v>-9706836.634939</v>
      </c>
      <c r="BS2900" s="53">
        <v>-9706836.634939</v>
      </c>
      <c r="BT2900" s="53">
        <v>-9706836.634939</v>
      </c>
      <c r="BU2900" s="53">
        <v>-9706836.634939</v>
      </c>
      <c r="BV2900" s="53">
        <v>-9706836.634939</v>
      </c>
      <c r="BW2900" s="53">
        <v>-9706836.634939</v>
      </c>
      <c r="BX2900" s="53">
        <v>-9706836.634939</v>
      </c>
      <c r="BY2900" s="53">
        <v>-9706836.634939</v>
      </c>
      <c r="BZ2900" s="53">
        <v>-9706836.634939</v>
      </c>
      <c r="CA2900" s="53">
        <v>-116482039.619267</v>
      </c>
      <c r="CB2900" s="53"/>
      <c r="CC2900" s="53"/>
      <c r="CD2900" s="53"/>
      <c r="CE2900" s="53"/>
      <c r="CF2900" s="53"/>
      <c r="CG2900" s="53"/>
      <c r="CH2900" s="53"/>
      <c r="CI2900" s="53"/>
      <c r="CJ2900" s="53"/>
      <c r="CK2900" s="53"/>
      <c r="CL2900" s="53"/>
      <c r="CM2900" s="53"/>
      <c r="CN2900" s="53"/>
    </row>
    <row r="2901" spans="1:92" outlineLevel="1">
      <c r="A2901" s="52" t="s">
        <v>672</v>
      </c>
      <c r="B2901" s="53"/>
      <c r="C2901" s="53"/>
      <c r="D2901" s="53"/>
      <c r="E2901" s="53"/>
      <c r="F2901" s="53"/>
      <c r="G2901" s="53"/>
      <c r="H2901" s="53"/>
      <c r="I2901" s="53"/>
      <c r="J2901" s="53"/>
      <c r="K2901" s="53"/>
      <c r="L2901" s="53"/>
      <c r="M2901" s="53"/>
      <c r="N2901" s="53"/>
      <c r="O2901" s="53"/>
      <c r="P2901" s="53"/>
      <c r="Q2901" s="53"/>
      <c r="R2901" s="53"/>
      <c r="S2901" s="53"/>
      <c r="T2901" s="53"/>
      <c r="U2901" s="53"/>
      <c r="V2901" s="53"/>
      <c r="W2901" s="53"/>
      <c r="X2901" s="53"/>
      <c r="Y2901" s="53"/>
      <c r="Z2901" s="53"/>
      <c r="AA2901" s="53"/>
      <c r="AB2901" s="53"/>
      <c r="AC2901" s="53"/>
      <c r="AD2901" s="53"/>
      <c r="AE2901" s="53"/>
      <c r="AF2901" s="53"/>
      <c r="AG2901" s="53"/>
      <c r="AH2901" s="53"/>
      <c r="AI2901" s="53"/>
      <c r="AJ2901" s="53"/>
      <c r="AK2901" s="53"/>
      <c r="AL2901" s="53"/>
      <c r="AM2901" s="53"/>
      <c r="AN2901" s="53"/>
      <c r="AO2901" s="53"/>
      <c r="AP2901" s="53"/>
      <c r="AQ2901" s="53"/>
      <c r="AR2901" s="53"/>
      <c r="AS2901" s="53"/>
      <c r="AT2901" s="53"/>
      <c r="AU2901" s="53"/>
      <c r="AV2901" s="53"/>
      <c r="AW2901" s="53"/>
      <c r="AX2901" s="53"/>
      <c r="AY2901" s="53"/>
      <c r="AZ2901" s="53"/>
      <c r="BA2901" s="53"/>
      <c r="BB2901" s="53"/>
      <c r="BC2901" s="53"/>
      <c r="BD2901" s="53"/>
      <c r="BE2901" s="53"/>
      <c r="BF2901" s="53"/>
      <c r="BG2901" s="53"/>
      <c r="BH2901" s="53"/>
      <c r="BI2901" s="53"/>
      <c r="BJ2901" s="53"/>
      <c r="BK2901" s="53"/>
      <c r="BL2901" s="53"/>
      <c r="BM2901" s="53"/>
      <c r="BN2901" s="53"/>
      <c r="BO2901" s="53"/>
      <c r="BP2901" s="53"/>
      <c r="BQ2901" s="53"/>
      <c r="BR2901" s="53"/>
      <c r="BS2901" s="53"/>
      <c r="BT2901" s="53"/>
      <c r="BU2901" s="53"/>
      <c r="BV2901" s="53"/>
      <c r="BW2901" s="53"/>
      <c r="BX2901" s="53"/>
      <c r="BY2901" s="53"/>
      <c r="BZ2901" s="53"/>
      <c r="CA2901" s="53"/>
      <c r="CB2901" s="53"/>
      <c r="CC2901" s="53"/>
      <c r="CD2901" s="53"/>
      <c r="CE2901" s="53"/>
      <c r="CF2901" s="53"/>
      <c r="CG2901" s="53"/>
      <c r="CH2901" s="53"/>
      <c r="CI2901" s="53"/>
      <c r="CJ2901" s="53"/>
      <c r="CK2901" s="53"/>
      <c r="CL2901" s="53"/>
      <c r="CM2901" s="53"/>
      <c r="CN2901" s="53"/>
    </row>
    <row r="2902" spans="1:92" outlineLevel="1">
      <c r="A2902" s="52" t="s">
        <v>1687</v>
      </c>
      <c r="B2902" s="53"/>
      <c r="C2902" s="53"/>
      <c r="D2902" s="53"/>
      <c r="E2902" s="53"/>
      <c r="F2902" s="53"/>
      <c r="G2902" s="53"/>
      <c r="H2902" s="53"/>
      <c r="I2902" s="53"/>
      <c r="J2902" s="53"/>
      <c r="K2902" s="53"/>
      <c r="L2902" s="53"/>
      <c r="M2902" s="53"/>
      <c r="N2902" s="53"/>
      <c r="O2902" s="53"/>
      <c r="P2902" s="53"/>
      <c r="Q2902" s="53"/>
      <c r="R2902" s="53"/>
      <c r="S2902" s="53"/>
      <c r="T2902" s="53"/>
      <c r="U2902" s="53"/>
      <c r="V2902" s="53"/>
      <c r="W2902" s="53"/>
      <c r="X2902" s="53"/>
      <c r="Y2902" s="53"/>
      <c r="Z2902" s="53"/>
      <c r="AA2902" s="53"/>
      <c r="AB2902" s="53"/>
      <c r="AC2902" s="53"/>
      <c r="AD2902" s="53"/>
      <c r="AE2902" s="53"/>
      <c r="AF2902" s="53"/>
      <c r="AG2902" s="53"/>
      <c r="AH2902" s="53"/>
      <c r="AI2902" s="53"/>
      <c r="AJ2902" s="53"/>
      <c r="AK2902" s="53"/>
      <c r="AL2902" s="53"/>
      <c r="AM2902" s="53"/>
      <c r="AN2902" s="53"/>
      <c r="AO2902" s="53"/>
      <c r="AP2902" s="53"/>
      <c r="AQ2902" s="53"/>
      <c r="AR2902" s="53"/>
      <c r="AS2902" s="53"/>
      <c r="AT2902" s="53"/>
      <c r="AU2902" s="53"/>
      <c r="AV2902" s="53"/>
      <c r="AW2902" s="53"/>
      <c r="AX2902" s="53"/>
      <c r="AY2902" s="53"/>
      <c r="AZ2902" s="53"/>
      <c r="BA2902" s="53"/>
      <c r="BB2902" s="53"/>
      <c r="BC2902" s="53"/>
      <c r="BD2902" s="53"/>
      <c r="BE2902" s="53"/>
      <c r="BF2902" s="53"/>
      <c r="BG2902" s="53"/>
      <c r="BH2902" s="53"/>
      <c r="BI2902" s="53"/>
      <c r="BJ2902" s="53"/>
      <c r="BK2902" s="53"/>
      <c r="BL2902" s="53"/>
      <c r="BM2902" s="53"/>
      <c r="BN2902" s="53"/>
      <c r="BO2902" s="53"/>
      <c r="BP2902" s="53"/>
      <c r="BQ2902" s="53"/>
      <c r="BR2902" s="53"/>
      <c r="BS2902" s="53"/>
      <c r="BT2902" s="53"/>
      <c r="BU2902" s="53"/>
      <c r="BV2902" s="53"/>
      <c r="BW2902" s="53"/>
      <c r="BX2902" s="53"/>
      <c r="BY2902" s="53"/>
      <c r="BZ2902" s="53"/>
      <c r="CA2902" s="53"/>
      <c r="CB2902" s="53">
        <v>3562423.1820731498</v>
      </c>
      <c r="CC2902" s="53">
        <v>3620749.77935324</v>
      </c>
      <c r="CD2902" s="53">
        <v>3462532.8113442701</v>
      </c>
      <c r="CE2902" s="53">
        <v>3043778.8440029402</v>
      </c>
      <c r="CF2902" s="53">
        <v>2762957.2369973902</v>
      </c>
      <c r="CG2902" s="53">
        <v>2620338.3869498</v>
      </c>
      <c r="CH2902" s="53">
        <v>2617107.7950252802</v>
      </c>
      <c r="CI2902" s="53">
        <v>2616684.06805389</v>
      </c>
      <c r="CJ2902" s="53">
        <v>2596402.4876818601</v>
      </c>
      <c r="CK2902" s="53">
        <v>2793744.2608177201</v>
      </c>
      <c r="CL2902" s="53">
        <v>3215879.5587457898</v>
      </c>
      <c r="CM2902" s="53">
        <v>3105930.1060319301</v>
      </c>
      <c r="CN2902" s="53">
        <v>36018528.517077297</v>
      </c>
    </row>
    <row r="2903" spans="1:92" outlineLevel="1">
      <c r="A2903" s="52" t="s">
        <v>1726</v>
      </c>
      <c r="B2903" s="53"/>
      <c r="C2903" s="53"/>
      <c r="D2903" s="53"/>
      <c r="E2903" s="53"/>
      <c r="F2903" s="53"/>
      <c r="G2903" s="53"/>
      <c r="H2903" s="53"/>
      <c r="I2903" s="53"/>
      <c r="J2903" s="53"/>
      <c r="K2903" s="53"/>
      <c r="L2903" s="53"/>
      <c r="M2903" s="53"/>
      <c r="N2903" s="53"/>
      <c r="O2903" s="53"/>
      <c r="P2903" s="53"/>
      <c r="Q2903" s="53"/>
      <c r="R2903" s="53"/>
      <c r="S2903" s="53"/>
      <c r="T2903" s="53"/>
      <c r="U2903" s="53"/>
      <c r="V2903" s="53"/>
      <c r="W2903" s="53"/>
      <c r="X2903" s="53"/>
      <c r="Y2903" s="53"/>
      <c r="Z2903" s="53"/>
      <c r="AA2903" s="53"/>
      <c r="AB2903" s="53"/>
      <c r="AC2903" s="53"/>
      <c r="AD2903" s="53"/>
      <c r="AE2903" s="53"/>
      <c r="AF2903" s="53"/>
      <c r="AG2903" s="53"/>
      <c r="AH2903" s="53"/>
      <c r="AI2903" s="53"/>
      <c r="AJ2903" s="53"/>
      <c r="AK2903" s="53"/>
      <c r="AL2903" s="53"/>
      <c r="AM2903" s="53"/>
      <c r="AN2903" s="53"/>
      <c r="AO2903" s="53"/>
      <c r="AP2903" s="53"/>
      <c r="AQ2903" s="53"/>
      <c r="AR2903" s="53"/>
      <c r="AS2903" s="53"/>
      <c r="AT2903" s="53"/>
      <c r="AU2903" s="53"/>
      <c r="AV2903" s="53"/>
      <c r="AW2903" s="53"/>
      <c r="AX2903" s="53"/>
      <c r="AY2903" s="53"/>
      <c r="AZ2903" s="53"/>
      <c r="BA2903" s="53"/>
      <c r="BB2903" s="53"/>
      <c r="BC2903" s="53"/>
      <c r="BD2903" s="53"/>
      <c r="BE2903" s="53"/>
      <c r="BF2903" s="53"/>
      <c r="BG2903" s="53"/>
      <c r="BH2903" s="53"/>
      <c r="BI2903" s="53"/>
      <c r="BJ2903" s="53"/>
      <c r="BK2903" s="53"/>
      <c r="BL2903" s="53"/>
      <c r="BM2903" s="53"/>
      <c r="BN2903" s="53"/>
      <c r="BO2903" s="53"/>
      <c r="BP2903" s="53"/>
      <c r="BQ2903" s="53"/>
      <c r="BR2903" s="53"/>
      <c r="BS2903" s="53"/>
      <c r="BT2903" s="53"/>
      <c r="BU2903" s="53"/>
      <c r="BV2903" s="53"/>
      <c r="BW2903" s="53"/>
      <c r="BX2903" s="53"/>
      <c r="BY2903" s="53"/>
      <c r="BZ2903" s="53"/>
      <c r="CA2903" s="53"/>
      <c r="CB2903" s="53"/>
      <c r="CC2903" s="53"/>
      <c r="CD2903" s="53"/>
      <c r="CE2903" s="53"/>
      <c r="CF2903" s="53"/>
      <c r="CG2903" s="53"/>
      <c r="CH2903" s="53"/>
      <c r="CI2903" s="53"/>
      <c r="CJ2903" s="53"/>
      <c r="CK2903" s="53"/>
      <c r="CL2903" s="53"/>
      <c r="CM2903" s="53"/>
      <c r="CN2903" s="53"/>
    </row>
    <row r="2904" spans="1:92" outlineLevel="1">
      <c r="A2904" s="52" t="s">
        <v>649</v>
      </c>
      <c r="B2904" s="53"/>
      <c r="C2904" s="53"/>
      <c r="D2904" s="53"/>
      <c r="E2904" s="53"/>
      <c r="F2904" s="53"/>
      <c r="G2904" s="53"/>
      <c r="H2904" s="53"/>
      <c r="I2904" s="53"/>
      <c r="J2904" s="53"/>
      <c r="K2904" s="53"/>
      <c r="L2904" s="53"/>
      <c r="M2904" s="53"/>
      <c r="N2904" s="53"/>
      <c r="O2904" s="53">
        <v>2618509.22437499</v>
      </c>
      <c r="P2904" s="53">
        <v>2618509.22437499</v>
      </c>
      <c r="Q2904" s="53">
        <v>2618509.22437499</v>
      </c>
      <c r="R2904" s="53">
        <v>2618509.22437499</v>
      </c>
      <c r="S2904" s="53">
        <v>2618509.22437499</v>
      </c>
      <c r="T2904" s="53">
        <v>2618509.22437499</v>
      </c>
      <c r="U2904" s="53">
        <v>2618509.22437499</v>
      </c>
      <c r="V2904" s="53">
        <v>2618509.22437499</v>
      </c>
      <c r="W2904" s="53">
        <v>2618509.22437499</v>
      </c>
      <c r="X2904" s="53">
        <v>2618509.22437499</v>
      </c>
      <c r="Y2904" s="53">
        <v>2618509.22437499</v>
      </c>
      <c r="Z2904" s="53">
        <v>2618509.22437499</v>
      </c>
      <c r="AA2904" s="53">
        <v>31422110.692499802</v>
      </c>
      <c r="AB2904" s="53">
        <v>4388870.2495274898</v>
      </c>
      <c r="AC2904" s="53">
        <v>4388870.2495274898</v>
      </c>
      <c r="AD2904" s="53">
        <v>4388870.2495274898</v>
      </c>
      <c r="AE2904" s="53">
        <v>4388870.2495274898</v>
      </c>
      <c r="AF2904" s="53">
        <v>4388870.2495274898</v>
      </c>
      <c r="AG2904" s="53">
        <v>4388870.2495274898</v>
      </c>
      <c r="AH2904" s="53">
        <v>4388870.2495274898</v>
      </c>
      <c r="AI2904" s="53">
        <v>4388870.2495274898</v>
      </c>
      <c r="AJ2904" s="53">
        <v>4388870.2495274898</v>
      </c>
      <c r="AK2904" s="53">
        <v>4388870.2495274898</v>
      </c>
      <c r="AL2904" s="53">
        <v>4388870.2495274898</v>
      </c>
      <c r="AM2904" s="53">
        <v>4388870.2495274898</v>
      </c>
      <c r="AN2904" s="53">
        <v>52666442.9943299</v>
      </c>
      <c r="AO2904" s="53">
        <v>5253169.3333333302</v>
      </c>
      <c r="AP2904" s="53">
        <v>5253169.3333333302</v>
      </c>
      <c r="AQ2904" s="53">
        <v>5253169.3333333302</v>
      </c>
      <c r="AR2904" s="53">
        <v>5253169.3333333302</v>
      </c>
      <c r="AS2904" s="53">
        <v>5253169.3333333302</v>
      </c>
      <c r="AT2904" s="53">
        <v>5253169.3333333302</v>
      </c>
      <c r="AU2904" s="53">
        <v>5253169.3333333302</v>
      </c>
      <c r="AV2904" s="53">
        <v>5253169.3333333302</v>
      </c>
      <c r="AW2904" s="53">
        <v>5253169.3333333302</v>
      </c>
      <c r="AX2904" s="53">
        <v>5253169.3333333302</v>
      </c>
      <c r="AY2904" s="53">
        <v>5253169.3333333302</v>
      </c>
      <c r="AZ2904" s="53">
        <v>5253169.3333333302</v>
      </c>
      <c r="BA2904" s="53">
        <v>63038031.999999903</v>
      </c>
      <c r="BB2904" s="53">
        <v>7932402.2177273398</v>
      </c>
      <c r="BC2904" s="53">
        <v>7932402.2177273398</v>
      </c>
      <c r="BD2904" s="53">
        <v>7932402.2177273398</v>
      </c>
      <c r="BE2904" s="53">
        <v>7932402.2177273398</v>
      </c>
      <c r="BF2904" s="53">
        <v>7932402.2177273398</v>
      </c>
      <c r="BG2904" s="53">
        <v>7932402.2177273398</v>
      </c>
      <c r="BH2904" s="53">
        <v>7932402.2177273398</v>
      </c>
      <c r="BI2904" s="53">
        <v>7932402.2177273398</v>
      </c>
      <c r="BJ2904" s="53">
        <v>7932402.2177273398</v>
      </c>
      <c r="BK2904" s="53">
        <v>7932402.2177273398</v>
      </c>
      <c r="BL2904" s="53">
        <v>7932402.2177273398</v>
      </c>
      <c r="BM2904" s="53">
        <v>7932402.2177273398</v>
      </c>
      <c r="BN2904" s="53">
        <v>95188826.612728104</v>
      </c>
      <c r="BO2904" s="53">
        <v>9706836.634939</v>
      </c>
      <c r="BP2904" s="53">
        <v>9706836.634939</v>
      </c>
      <c r="BQ2904" s="53">
        <v>9706836.634939</v>
      </c>
      <c r="BR2904" s="53">
        <v>9706836.634939</v>
      </c>
      <c r="BS2904" s="53">
        <v>9706836.634939</v>
      </c>
      <c r="BT2904" s="53">
        <v>9706836.634939</v>
      </c>
      <c r="BU2904" s="53">
        <v>9706836.634939</v>
      </c>
      <c r="BV2904" s="53">
        <v>9706836.634939</v>
      </c>
      <c r="BW2904" s="53">
        <v>9706836.634939</v>
      </c>
      <c r="BX2904" s="53">
        <v>9706836.634939</v>
      </c>
      <c r="BY2904" s="53">
        <v>9706836.634939</v>
      </c>
      <c r="BZ2904" s="53">
        <v>9706836.634939</v>
      </c>
      <c r="CA2904" s="53">
        <v>116482039.619267</v>
      </c>
      <c r="CB2904" s="53"/>
      <c r="CC2904" s="53"/>
      <c r="CD2904" s="53"/>
      <c r="CE2904" s="53"/>
      <c r="CF2904" s="53"/>
      <c r="CG2904" s="53"/>
      <c r="CH2904" s="53"/>
      <c r="CI2904" s="53"/>
      <c r="CJ2904" s="53"/>
      <c r="CK2904" s="53"/>
      <c r="CL2904" s="53"/>
      <c r="CM2904" s="53"/>
      <c r="CN2904" s="53"/>
    </row>
    <row r="2905" spans="1:92" outlineLevel="1">
      <c r="A2905" s="52" t="s">
        <v>1727</v>
      </c>
      <c r="B2905" s="53">
        <v>0</v>
      </c>
      <c r="C2905" s="53">
        <v>0</v>
      </c>
      <c r="D2905" s="53">
        <v>0</v>
      </c>
      <c r="E2905" s="53">
        <v>0</v>
      </c>
      <c r="F2905" s="53">
        <v>0</v>
      </c>
      <c r="G2905" s="53">
        <v>0</v>
      </c>
      <c r="H2905" s="53">
        <v>0</v>
      </c>
      <c r="I2905" s="53">
        <v>0</v>
      </c>
      <c r="J2905" s="53">
        <v>0</v>
      </c>
      <c r="K2905" s="53">
        <v>0</v>
      </c>
      <c r="L2905" s="53">
        <v>0</v>
      </c>
      <c r="M2905" s="53">
        <v>0</v>
      </c>
      <c r="N2905" s="53">
        <v>0</v>
      </c>
      <c r="O2905" s="53">
        <v>-1.0004441719502201E-8</v>
      </c>
      <c r="P2905" s="53">
        <v>-2.0008883439004401E-8</v>
      </c>
      <c r="Q2905" s="53">
        <v>-3.0013325158506599E-8</v>
      </c>
      <c r="R2905" s="53">
        <v>-1147138.55555559</v>
      </c>
      <c r="S2905" s="53">
        <v>-2294277.1111111599</v>
      </c>
      <c r="T2905" s="53">
        <v>-3441415.6666667298</v>
      </c>
      <c r="U2905" s="53">
        <v>-4588554.2222223096</v>
      </c>
      <c r="V2905" s="53">
        <v>-5735692.7777778702</v>
      </c>
      <c r="W2905" s="53">
        <v>-6882831.3333334401</v>
      </c>
      <c r="X2905" s="53">
        <v>-8029969.8888890101</v>
      </c>
      <c r="Y2905" s="53">
        <v>-9177108.44444458</v>
      </c>
      <c r="Z2905" s="53">
        <v>-10324247.000000101</v>
      </c>
      <c r="AA2905" s="53">
        <v>-10324247.000000101</v>
      </c>
      <c r="AB2905" s="53">
        <v>-10324247.000000101</v>
      </c>
      <c r="AC2905" s="53">
        <v>-10324247.000000101</v>
      </c>
      <c r="AD2905" s="53">
        <v>-10324247.000000101</v>
      </c>
      <c r="AE2905" s="53">
        <v>-10324247.000000101</v>
      </c>
      <c r="AF2905" s="53">
        <v>-10324247.000000101</v>
      </c>
      <c r="AG2905" s="53">
        <v>-10324247.000000101</v>
      </c>
      <c r="AH2905" s="53">
        <v>-10324247.000000101</v>
      </c>
      <c r="AI2905" s="53">
        <v>-10324247.000000101</v>
      </c>
      <c r="AJ2905" s="53">
        <v>-10324247.000000101</v>
      </c>
      <c r="AK2905" s="53">
        <v>-10324247.000000101</v>
      </c>
      <c r="AL2905" s="53">
        <v>-10324247.000000101</v>
      </c>
      <c r="AM2905" s="53">
        <v>-10324247.000000101</v>
      </c>
      <c r="AN2905" s="53">
        <v>-10324247.000000101</v>
      </c>
      <c r="AO2905" s="53">
        <v>-10324247.000000101</v>
      </c>
      <c r="AP2905" s="53">
        <v>-10324247.000000101</v>
      </c>
      <c r="AQ2905" s="53">
        <v>-10324247.000000101</v>
      </c>
      <c r="AR2905" s="53">
        <v>-10324247.000000101</v>
      </c>
      <c r="AS2905" s="53">
        <v>-10324247.000000101</v>
      </c>
      <c r="AT2905" s="53">
        <v>-10324247.000000101</v>
      </c>
      <c r="AU2905" s="53">
        <v>-10324247.000000101</v>
      </c>
      <c r="AV2905" s="53">
        <v>-10324247.000000101</v>
      </c>
      <c r="AW2905" s="53">
        <v>-10324247.000000101</v>
      </c>
      <c r="AX2905" s="53">
        <v>-10324247.000000101</v>
      </c>
      <c r="AY2905" s="53">
        <v>-10324247.000000101</v>
      </c>
      <c r="AZ2905" s="53">
        <v>-10324247.000000101</v>
      </c>
      <c r="BA2905" s="53">
        <v>-10324247.000000101</v>
      </c>
      <c r="BB2905" s="53">
        <v>-10324247.000000101</v>
      </c>
      <c r="BC2905" s="53">
        <v>-10324247.000000101</v>
      </c>
      <c r="BD2905" s="53">
        <v>-10324247.000000101</v>
      </c>
      <c r="BE2905" s="53">
        <v>-10324247.000000199</v>
      </c>
      <c r="BF2905" s="53">
        <v>-10324247.000000199</v>
      </c>
      <c r="BG2905" s="53">
        <v>-10324247.000000199</v>
      </c>
      <c r="BH2905" s="53">
        <v>-10324247.000000199</v>
      </c>
      <c r="BI2905" s="53">
        <v>-10324247.000000199</v>
      </c>
      <c r="BJ2905" s="53">
        <v>-10324247.000000199</v>
      </c>
      <c r="BK2905" s="53">
        <v>-10324247.000000199</v>
      </c>
      <c r="BL2905" s="53">
        <v>-10324247.000000199</v>
      </c>
      <c r="BM2905" s="53">
        <v>-10324247.000000199</v>
      </c>
      <c r="BN2905" s="53">
        <v>-10324247.000000199</v>
      </c>
      <c r="BO2905" s="53">
        <v>-10324247.000000199</v>
      </c>
      <c r="BP2905" s="53">
        <v>-10324247.000000199</v>
      </c>
      <c r="BQ2905" s="53">
        <v>-10324247.000000199</v>
      </c>
      <c r="BR2905" s="53">
        <v>-10324247.000000199</v>
      </c>
      <c r="BS2905" s="53">
        <v>-10324247.000000199</v>
      </c>
      <c r="BT2905" s="53">
        <v>-10324247.000000199</v>
      </c>
      <c r="BU2905" s="53">
        <v>-10324247.000000199</v>
      </c>
      <c r="BV2905" s="53">
        <v>-10324247.000000199</v>
      </c>
      <c r="BW2905" s="53">
        <v>-10324247.000000199</v>
      </c>
      <c r="BX2905" s="53">
        <v>-10324247.000000199</v>
      </c>
      <c r="BY2905" s="53">
        <v>-10324247.000000199</v>
      </c>
      <c r="BZ2905" s="53">
        <v>-10324247.000000199</v>
      </c>
      <c r="CA2905" s="53">
        <v>-10324247.000000199</v>
      </c>
      <c r="CB2905" s="53"/>
      <c r="CC2905" s="53"/>
      <c r="CD2905" s="53"/>
      <c r="CE2905" s="53">
        <v>2139049.0324459602</v>
      </c>
      <c r="CF2905" s="53"/>
      <c r="CG2905" s="53">
        <v>2139049.0324459602</v>
      </c>
      <c r="CH2905" s="53"/>
      <c r="CI2905" s="53"/>
      <c r="CJ2905" s="53">
        <v>-389417.81489192997</v>
      </c>
      <c r="CK2905" s="53"/>
      <c r="CL2905" s="53"/>
      <c r="CM2905" s="53">
        <v>6207896.75</v>
      </c>
      <c r="CN2905" s="53">
        <v>10096577</v>
      </c>
    </row>
    <row r="2906" spans="1:92">
      <c r="A2906" s="52" t="s">
        <v>1728</v>
      </c>
      <c r="B2906" s="53">
        <v>0</v>
      </c>
      <c r="C2906" s="53">
        <v>0</v>
      </c>
      <c r="D2906" s="53">
        <v>0</v>
      </c>
      <c r="E2906" s="53">
        <v>0</v>
      </c>
      <c r="F2906" s="53">
        <v>0</v>
      </c>
      <c r="G2906" s="53">
        <v>0</v>
      </c>
      <c r="H2906" s="53">
        <v>0</v>
      </c>
      <c r="I2906" s="53">
        <v>0</v>
      </c>
      <c r="J2906" s="53">
        <v>0</v>
      </c>
      <c r="K2906" s="53">
        <v>0</v>
      </c>
      <c r="L2906" s="53">
        <v>0</v>
      </c>
      <c r="M2906" s="53">
        <v>0</v>
      </c>
      <c r="N2906" s="53">
        <v>0</v>
      </c>
      <c r="O2906" s="53">
        <v>0</v>
      </c>
      <c r="P2906" s="53">
        <v>0</v>
      </c>
      <c r="Q2906" s="53">
        <v>0</v>
      </c>
      <c r="R2906" s="53">
        <v>0</v>
      </c>
      <c r="S2906" s="53">
        <v>0</v>
      </c>
      <c r="T2906" s="53">
        <v>0</v>
      </c>
      <c r="U2906" s="53">
        <v>0</v>
      </c>
      <c r="V2906" s="53">
        <v>0</v>
      </c>
      <c r="W2906" s="53">
        <v>0</v>
      </c>
      <c r="X2906" s="53">
        <v>0</v>
      </c>
      <c r="Y2906" s="53">
        <v>0</v>
      </c>
      <c r="Z2906" s="53">
        <v>0</v>
      </c>
      <c r="AA2906" s="53">
        <v>0</v>
      </c>
      <c r="AB2906" s="53">
        <v>0</v>
      </c>
      <c r="AC2906" s="53">
        <v>0</v>
      </c>
      <c r="AD2906" s="53">
        <v>0</v>
      </c>
      <c r="AE2906" s="53">
        <v>0</v>
      </c>
      <c r="AF2906" s="53">
        <v>0</v>
      </c>
      <c r="AG2906" s="53">
        <v>0</v>
      </c>
      <c r="AH2906" s="53">
        <v>0</v>
      </c>
      <c r="AI2906" s="53">
        <v>0</v>
      </c>
      <c r="AJ2906" s="53">
        <v>0</v>
      </c>
      <c r="AK2906" s="53">
        <v>0</v>
      </c>
      <c r="AL2906" s="53">
        <v>0</v>
      </c>
      <c r="AM2906" s="53">
        <v>0</v>
      </c>
      <c r="AN2906" s="53">
        <v>0</v>
      </c>
      <c r="AO2906" s="53">
        <v>0</v>
      </c>
      <c r="AP2906" s="53">
        <v>0</v>
      </c>
      <c r="AQ2906" s="53">
        <v>0</v>
      </c>
      <c r="AR2906" s="53">
        <v>0</v>
      </c>
      <c r="AS2906" s="53">
        <v>0</v>
      </c>
      <c r="AT2906" s="53">
        <v>0</v>
      </c>
      <c r="AU2906" s="53">
        <v>0</v>
      </c>
      <c r="AV2906" s="53">
        <v>0</v>
      </c>
      <c r="AW2906" s="53">
        <v>0</v>
      </c>
      <c r="AX2906" s="53">
        <v>0</v>
      </c>
      <c r="AY2906" s="53">
        <v>0</v>
      </c>
      <c r="AZ2906" s="53">
        <v>0</v>
      </c>
      <c r="BA2906" s="53">
        <v>0</v>
      </c>
      <c r="BB2906" s="53">
        <v>0</v>
      </c>
      <c r="BC2906" s="53">
        <v>0</v>
      </c>
      <c r="BD2906" s="53">
        <v>0</v>
      </c>
      <c r="BE2906" s="53">
        <v>0</v>
      </c>
      <c r="BF2906" s="53">
        <v>0</v>
      </c>
      <c r="BG2906" s="53">
        <v>0</v>
      </c>
      <c r="BH2906" s="53">
        <v>0</v>
      </c>
      <c r="BI2906" s="53">
        <v>0</v>
      </c>
      <c r="BJ2906" s="53">
        <v>0</v>
      </c>
      <c r="BK2906" s="53">
        <v>0</v>
      </c>
      <c r="BL2906" s="53">
        <v>0</v>
      </c>
      <c r="BM2906" s="53">
        <v>0</v>
      </c>
      <c r="BN2906" s="53">
        <v>0</v>
      </c>
      <c r="BO2906" s="53">
        <v>0</v>
      </c>
      <c r="BP2906" s="53">
        <v>0</v>
      </c>
      <c r="BQ2906" s="53">
        <v>0</v>
      </c>
      <c r="BR2906" s="53">
        <v>0</v>
      </c>
      <c r="BS2906" s="53">
        <v>0</v>
      </c>
      <c r="BT2906" s="53">
        <v>0</v>
      </c>
      <c r="BU2906" s="53">
        <v>0</v>
      </c>
      <c r="BV2906" s="53">
        <v>0</v>
      </c>
      <c r="BW2906" s="53">
        <v>0</v>
      </c>
      <c r="BX2906" s="53">
        <v>0</v>
      </c>
      <c r="BY2906" s="53">
        <v>0</v>
      </c>
      <c r="BZ2906" s="53">
        <v>0</v>
      </c>
      <c r="CA2906" s="53">
        <v>0</v>
      </c>
      <c r="CB2906" s="53"/>
      <c r="CC2906" s="53"/>
      <c r="CD2906" s="53">
        <v>585831.63999823504</v>
      </c>
      <c r="CE2906" s="53"/>
      <c r="CF2906" s="53"/>
      <c r="CG2906" s="53"/>
      <c r="CH2906" s="53"/>
      <c r="CI2906" s="53"/>
      <c r="CJ2906" s="53">
        <v>659574.44485419604</v>
      </c>
      <c r="CK2906" s="53"/>
      <c r="CL2906" s="53"/>
      <c r="CM2906" s="53">
        <v>1678522.3330246501</v>
      </c>
      <c r="CN2906" s="53">
        <v>2923928.4178770799</v>
      </c>
    </row>
    <row r="2907" spans="1:92">
      <c r="A2907" s="52" t="s">
        <v>1729</v>
      </c>
      <c r="B2907" s="53">
        <v>196423592.97</v>
      </c>
      <c r="C2907" s="53">
        <v>201550982.91999999</v>
      </c>
      <c r="D2907" s="53">
        <v>247953370.21000001</v>
      </c>
      <c r="E2907" s="53">
        <v>261428817.61999899</v>
      </c>
      <c r="F2907" s="53">
        <v>256116159.97</v>
      </c>
      <c r="G2907" s="53">
        <v>212216783.49000001</v>
      </c>
      <c r="H2907" s="53">
        <v>212929547.41</v>
      </c>
      <c r="I2907" s="53">
        <v>224056126.66</v>
      </c>
      <c r="J2907" s="53">
        <v>226710913.40999901</v>
      </c>
      <c r="K2907" s="53">
        <v>226464985.86000001</v>
      </c>
      <c r="L2907" s="53">
        <v>238078144.09</v>
      </c>
      <c r="M2907" s="53">
        <v>102577568.65000001</v>
      </c>
      <c r="N2907" s="53">
        <v>102577568.65000001</v>
      </c>
      <c r="O2907" s="53">
        <v>102577568.65000001</v>
      </c>
      <c r="P2907" s="53">
        <v>102577568.65000001</v>
      </c>
      <c r="Q2907" s="53">
        <v>102577568.65000001</v>
      </c>
      <c r="R2907" s="53">
        <v>102577568.65000001</v>
      </c>
      <c r="S2907" s="53">
        <v>102577568.65000001</v>
      </c>
      <c r="T2907" s="53">
        <v>102577568.65000001</v>
      </c>
      <c r="U2907" s="53">
        <v>102577568.65000001</v>
      </c>
      <c r="V2907" s="53">
        <v>102577568.65000001</v>
      </c>
      <c r="W2907" s="53">
        <v>102577568.65000001</v>
      </c>
      <c r="X2907" s="53">
        <v>102577568.65000001</v>
      </c>
      <c r="Y2907" s="53">
        <v>102577568.65000001</v>
      </c>
      <c r="Z2907" s="53">
        <v>102577568.65000001</v>
      </c>
      <c r="AA2907" s="53">
        <v>102577568.65000001</v>
      </c>
      <c r="AB2907" s="53">
        <v>102577568.65000001</v>
      </c>
      <c r="AC2907" s="53">
        <v>102577568.65000001</v>
      </c>
      <c r="AD2907" s="53">
        <v>102577568.65000001</v>
      </c>
      <c r="AE2907" s="53">
        <v>102577568.65000001</v>
      </c>
      <c r="AF2907" s="53">
        <v>102577568.65000001</v>
      </c>
      <c r="AG2907" s="53">
        <v>102577568.65000001</v>
      </c>
      <c r="AH2907" s="53">
        <v>102577568.65000001</v>
      </c>
      <c r="AI2907" s="53">
        <v>102577568.65000001</v>
      </c>
      <c r="AJ2907" s="53">
        <v>102577568.65000001</v>
      </c>
      <c r="AK2907" s="53">
        <v>102577568.65000001</v>
      </c>
      <c r="AL2907" s="53">
        <v>102577568.65000001</v>
      </c>
      <c r="AM2907" s="53">
        <v>102577568.65000001</v>
      </c>
      <c r="AN2907" s="53">
        <v>102577568.65000001</v>
      </c>
      <c r="AO2907" s="53">
        <v>102577568.65000001</v>
      </c>
      <c r="AP2907" s="53">
        <v>102577568.65000001</v>
      </c>
      <c r="AQ2907" s="53">
        <v>102577568.65000001</v>
      </c>
      <c r="AR2907" s="53">
        <v>102577568.65000001</v>
      </c>
      <c r="AS2907" s="53">
        <v>102577568.65000001</v>
      </c>
      <c r="AT2907" s="53">
        <v>102577568.65000001</v>
      </c>
      <c r="AU2907" s="53">
        <v>102577568.65000001</v>
      </c>
      <c r="AV2907" s="53">
        <v>102577568.65000001</v>
      </c>
      <c r="AW2907" s="53">
        <v>102577568.65000001</v>
      </c>
      <c r="AX2907" s="53">
        <v>102577568.65000001</v>
      </c>
      <c r="AY2907" s="53">
        <v>102577568.65000001</v>
      </c>
      <c r="AZ2907" s="53">
        <v>102577568.65000001</v>
      </c>
      <c r="BA2907" s="53">
        <v>102577568.65000001</v>
      </c>
      <c r="BB2907" s="53">
        <v>102577568.65000001</v>
      </c>
      <c r="BC2907" s="53">
        <v>102577568.65000001</v>
      </c>
      <c r="BD2907" s="53">
        <v>102577568.65000001</v>
      </c>
      <c r="BE2907" s="53">
        <v>102577568.65000001</v>
      </c>
      <c r="BF2907" s="53">
        <v>102577568.65000001</v>
      </c>
      <c r="BG2907" s="53">
        <v>102577568.65000001</v>
      </c>
      <c r="BH2907" s="53">
        <v>102577568.65000001</v>
      </c>
      <c r="BI2907" s="53">
        <v>102577568.65000001</v>
      </c>
      <c r="BJ2907" s="53">
        <v>102577568.65000001</v>
      </c>
      <c r="BK2907" s="53">
        <v>102577568.65000001</v>
      </c>
      <c r="BL2907" s="53">
        <v>102577568.65000001</v>
      </c>
      <c r="BM2907" s="53">
        <v>102577568.65000001</v>
      </c>
      <c r="BN2907" s="53">
        <v>102577568.65000001</v>
      </c>
      <c r="BO2907" s="53">
        <v>102577568.65000001</v>
      </c>
      <c r="BP2907" s="53">
        <v>102577568.65000001</v>
      </c>
      <c r="BQ2907" s="53">
        <v>102577568.65000001</v>
      </c>
      <c r="BR2907" s="53">
        <v>102577568.65000001</v>
      </c>
      <c r="BS2907" s="53">
        <v>102577568.65000001</v>
      </c>
      <c r="BT2907" s="53">
        <v>102577568.65000001</v>
      </c>
      <c r="BU2907" s="53">
        <v>102577568.65000001</v>
      </c>
      <c r="BV2907" s="53">
        <v>102577568.65000001</v>
      </c>
      <c r="BW2907" s="53">
        <v>102577568.65000001</v>
      </c>
      <c r="BX2907" s="53">
        <v>102577568.65000001</v>
      </c>
      <c r="BY2907" s="53">
        <v>102577568.65000001</v>
      </c>
      <c r="BZ2907" s="53">
        <v>102577568.65000001</v>
      </c>
      <c r="CA2907" s="53">
        <v>102577568.65000001</v>
      </c>
      <c r="CB2907" s="53">
        <v>2500346583.9360399</v>
      </c>
      <c r="CC2907" s="53">
        <v>2513124716.3741102</v>
      </c>
      <c r="CD2907" s="53">
        <v>2525759587.8968701</v>
      </c>
      <c r="CE2907" s="53">
        <v>2538017982.3934798</v>
      </c>
      <c r="CF2907" s="53">
        <v>2546843250.8340902</v>
      </c>
      <c r="CG2907" s="53">
        <v>2557150354.7154298</v>
      </c>
      <c r="CH2907" s="53">
        <v>2565303522.4093599</v>
      </c>
      <c r="CI2907" s="53">
        <v>2573454737.4923501</v>
      </c>
      <c r="CJ2907" s="53">
        <v>2581782647.9954</v>
      </c>
      <c r="CK2907" s="53">
        <v>2590749788.63942</v>
      </c>
      <c r="CL2907" s="53">
        <v>2601662205.4881601</v>
      </c>
      <c r="CM2907" s="53">
        <v>2619954374.3510098</v>
      </c>
      <c r="CN2907" s="53">
        <v>2619954374.3510098</v>
      </c>
    </row>
    <row r="2908" spans="1:92" s="116" customFormat="1" outlineLevel="1">
      <c r="A2908" s="52" t="s">
        <v>1218</v>
      </c>
      <c r="B2908" s="53">
        <v>-104242522.81999999</v>
      </c>
      <c r="C2908" s="53">
        <v>-109243572.17</v>
      </c>
      <c r="D2908" s="53">
        <v>-116532061.44</v>
      </c>
      <c r="E2908" s="53">
        <v>-88418621.509999901</v>
      </c>
      <c r="F2908" s="53">
        <v>-100258318.26000001</v>
      </c>
      <c r="G2908" s="53">
        <v>-97652921.299999893</v>
      </c>
      <c r="H2908" s="53">
        <v>-69043239.169999897</v>
      </c>
      <c r="I2908" s="53">
        <v>-92929309.340000093</v>
      </c>
      <c r="J2908" s="53">
        <v>-77668095.249999896</v>
      </c>
      <c r="K2908" s="53">
        <v>-58871518.119999804</v>
      </c>
      <c r="L2908" s="53">
        <v>-67451353.650000006</v>
      </c>
      <c r="M2908" s="53">
        <v>-71236025.319999903</v>
      </c>
      <c r="N2908" s="53">
        <v>-104242522.81999999</v>
      </c>
      <c r="O2908" s="53">
        <v>-67558303.029999897</v>
      </c>
      <c r="P2908" s="53">
        <v>-69471880.363343403</v>
      </c>
      <c r="Q2908" s="53">
        <v>-72743881.194648296</v>
      </c>
      <c r="R2908" s="53">
        <v>-77838173.1562033</v>
      </c>
      <c r="S2908" s="53">
        <v>-81580774.217792705</v>
      </c>
      <c r="T2908" s="53">
        <v>-85970928.591567501</v>
      </c>
      <c r="U2908" s="53">
        <v>-90023970.154350504</v>
      </c>
      <c r="V2908" s="53">
        <v>-92193257.647606999</v>
      </c>
      <c r="W2908" s="53">
        <v>-93731280.754629001</v>
      </c>
      <c r="X2908" s="53">
        <v>-97447181.428185195</v>
      </c>
      <c r="Y2908" s="53">
        <v>-103169459.80302501</v>
      </c>
      <c r="Z2908" s="53">
        <v>-107963650.21993899</v>
      </c>
      <c r="AA2908" s="53">
        <v>-67558303.029999897</v>
      </c>
      <c r="AB2908" s="53">
        <v>-110593522.783301</v>
      </c>
      <c r="AC2908" s="53">
        <v>-112574241.884552</v>
      </c>
      <c r="AD2908" s="53">
        <v>-116195188.109065</v>
      </c>
      <c r="AE2908" s="53">
        <v>-120524974.386631</v>
      </c>
      <c r="AF2908" s="53">
        <v>-124604087.237445</v>
      </c>
      <c r="AG2908" s="53">
        <v>-127676267.75503799</v>
      </c>
      <c r="AH2908" s="53">
        <v>-130661914.251019</v>
      </c>
      <c r="AI2908" s="53">
        <v>-133818551.811406</v>
      </c>
      <c r="AJ2908" s="53">
        <v>-137716090.597956</v>
      </c>
      <c r="AK2908" s="53">
        <v>-140040268.188272</v>
      </c>
      <c r="AL2908" s="53">
        <v>-142130889.49329799</v>
      </c>
      <c r="AM2908" s="53">
        <v>-144233992.518668</v>
      </c>
      <c r="AN2908" s="53">
        <v>-110593522.783301</v>
      </c>
      <c r="AO2908" s="53">
        <v>-146076910.28005001</v>
      </c>
      <c r="AP2908" s="53">
        <v>-147799702.202638</v>
      </c>
      <c r="AQ2908" s="53">
        <v>-150476120.86660901</v>
      </c>
      <c r="AR2908" s="53">
        <v>-153348490.915234</v>
      </c>
      <c r="AS2908" s="53">
        <v>-156027119.04708201</v>
      </c>
      <c r="AT2908" s="53">
        <v>-157612045.13878</v>
      </c>
      <c r="AU2908" s="53">
        <v>-159080171.18402001</v>
      </c>
      <c r="AV2908" s="53">
        <v>-160765907.08896101</v>
      </c>
      <c r="AW2908" s="53">
        <v>-163288861.41571501</v>
      </c>
      <c r="AX2908" s="53">
        <v>-164454729.45702401</v>
      </c>
      <c r="AY2908" s="53">
        <v>-165380338.44419199</v>
      </c>
      <c r="AZ2908" s="53">
        <v>-166639144.20152599</v>
      </c>
      <c r="BA2908" s="53">
        <v>-146076910.28005001</v>
      </c>
      <c r="BB2908" s="53">
        <v>-167095216.09615099</v>
      </c>
      <c r="BC2908" s="53">
        <v>-167520667.82606</v>
      </c>
      <c r="BD2908" s="53">
        <v>-168908910.20928299</v>
      </c>
      <c r="BE2908" s="53">
        <v>-170492482.22728699</v>
      </c>
      <c r="BF2908" s="53">
        <v>-171879301.64986101</v>
      </c>
      <c r="BG2908" s="53">
        <v>-172184584.47031</v>
      </c>
      <c r="BH2908" s="53">
        <v>-172353676.765091</v>
      </c>
      <c r="BI2908" s="53">
        <v>-172746754.75792199</v>
      </c>
      <c r="BJ2908" s="53">
        <v>-173926223.778202</v>
      </c>
      <c r="BK2908" s="53">
        <v>-173745486.07888901</v>
      </c>
      <c r="BL2908" s="53">
        <v>-173366272.12865099</v>
      </c>
      <c r="BM2908" s="53">
        <v>-173317525.65414801</v>
      </c>
      <c r="BN2908" s="53">
        <v>-167095216.09615099</v>
      </c>
      <c r="BO2908" s="53">
        <v>-172464350.28742099</v>
      </c>
      <c r="BP2908" s="53">
        <v>-172638570.84914899</v>
      </c>
      <c r="BQ2908" s="53">
        <v>-173793797.33811799</v>
      </c>
      <c r="BR2908" s="53">
        <v>-175137611.054131</v>
      </c>
      <c r="BS2908" s="53">
        <v>-176288467.363262</v>
      </c>
      <c r="BT2908" s="53">
        <v>-176357823.38720599</v>
      </c>
      <c r="BU2908" s="53">
        <v>-176307436.39321399</v>
      </c>
      <c r="BV2908" s="53">
        <v>-176483899.36941901</v>
      </c>
      <c r="BW2908" s="53">
        <v>-177444758.870114</v>
      </c>
      <c r="BX2908" s="53">
        <v>-177035244.76348299</v>
      </c>
      <c r="BY2908" s="53">
        <v>-176425140.574056</v>
      </c>
      <c r="BZ2908" s="53">
        <v>-176124786.988682</v>
      </c>
      <c r="CA2908" s="53">
        <v>-172464350.28742099</v>
      </c>
      <c r="CB2908" s="53">
        <v>0</v>
      </c>
      <c r="CC2908" s="53">
        <v>0</v>
      </c>
      <c r="CD2908" s="53">
        <v>0</v>
      </c>
      <c r="CE2908" s="53">
        <v>0</v>
      </c>
      <c r="CF2908" s="53">
        <v>0</v>
      </c>
      <c r="CG2908" s="53">
        <v>0</v>
      </c>
      <c r="CH2908" s="53">
        <v>0</v>
      </c>
      <c r="CI2908" s="53">
        <v>0</v>
      </c>
      <c r="CJ2908" s="53">
        <v>0</v>
      </c>
      <c r="CK2908" s="53">
        <v>0</v>
      </c>
      <c r="CL2908" s="53">
        <v>0</v>
      </c>
      <c r="CM2908" s="53">
        <v>0</v>
      </c>
      <c r="CN2908" s="53">
        <v>0</v>
      </c>
    </row>
    <row r="2909" spans="1:92" s="116" customFormat="1" outlineLevel="1">
      <c r="A2909" s="52" t="s">
        <v>699</v>
      </c>
      <c r="B2909" s="53"/>
      <c r="C2909" s="53"/>
      <c r="D2909" s="53"/>
      <c r="E2909" s="53"/>
      <c r="F2909" s="53"/>
      <c r="G2909" s="53"/>
      <c r="H2909" s="53"/>
      <c r="I2909" s="53"/>
      <c r="J2909" s="53"/>
      <c r="K2909" s="53"/>
      <c r="L2909" s="53"/>
      <c r="M2909" s="53"/>
      <c r="N2909" s="53"/>
      <c r="O2909" s="53"/>
      <c r="P2909" s="53"/>
      <c r="Q2909" s="53"/>
      <c r="R2909" s="53"/>
      <c r="S2909" s="53"/>
      <c r="T2909" s="53"/>
      <c r="U2909" s="53"/>
      <c r="V2909" s="53"/>
      <c r="W2909" s="53"/>
      <c r="X2909" s="53"/>
      <c r="Y2909" s="53"/>
      <c r="Z2909" s="53"/>
      <c r="AA2909" s="53"/>
      <c r="AB2909" s="53"/>
      <c r="AC2909" s="53"/>
      <c r="AD2909" s="53"/>
      <c r="AE2909" s="53"/>
      <c r="AF2909" s="53"/>
      <c r="AG2909" s="53"/>
      <c r="AH2909" s="53"/>
      <c r="AI2909" s="53"/>
      <c r="AJ2909" s="53"/>
      <c r="AK2909" s="53"/>
      <c r="AL2909" s="53"/>
      <c r="AM2909" s="53"/>
      <c r="AN2909" s="53"/>
      <c r="AO2909" s="53"/>
      <c r="AP2909" s="53"/>
      <c r="AQ2909" s="53"/>
      <c r="AR2909" s="53"/>
      <c r="AS2909" s="53"/>
      <c r="AT2909" s="53"/>
      <c r="AU2909" s="53"/>
      <c r="AV2909" s="53"/>
      <c r="AW2909" s="53"/>
      <c r="AX2909" s="53"/>
      <c r="AY2909" s="53"/>
      <c r="AZ2909" s="53"/>
      <c r="BA2909" s="53"/>
      <c r="BB2909" s="53"/>
      <c r="BC2909" s="53"/>
      <c r="BD2909" s="53"/>
      <c r="BE2909" s="53"/>
      <c r="BF2909" s="53"/>
      <c r="BG2909" s="53"/>
      <c r="BH2909" s="53"/>
      <c r="BI2909" s="53"/>
      <c r="BJ2909" s="53"/>
      <c r="BK2909" s="53"/>
      <c r="BL2909" s="53"/>
      <c r="BM2909" s="53"/>
      <c r="BN2909" s="53"/>
      <c r="BO2909" s="53"/>
      <c r="BP2909" s="53"/>
      <c r="BQ2909" s="53"/>
      <c r="BR2909" s="53"/>
      <c r="BS2909" s="53"/>
      <c r="BT2909" s="53"/>
      <c r="BU2909" s="53"/>
      <c r="BV2909" s="53"/>
      <c r="BW2909" s="53"/>
      <c r="BX2909" s="53"/>
      <c r="BY2909" s="53"/>
      <c r="BZ2909" s="53"/>
      <c r="CA2909" s="53"/>
      <c r="CB2909" s="53">
        <v>3844314.3499999898</v>
      </c>
      <c r="CC2909" s="53">
        <v>3844314.3499999898</v>
      </c>
      <c r="CD2909" s="53">
        <v>3844314.3499999898</v>
      </c>
      <c r="CE2909" s="53">
        <v>3844314.3499999898</v>
      </c>
      <c r="CF2909" s="53">
        <v>3844314.3499999898</v>
      </c>
      <c r="CG2909" s="53">
        <v>3844314.3499999898</v>
      </c>
      <c r="CH2909" s="53">
        <v>3844314.3499999898</v>
      </c>
      <c r="CI2909" s="53">
        <v>3844314.3499999898</v>
      </c>
      <c r="CJ2909" s="53">
        <v>3844314.3499999898</v>
      </c>
      <c r="CK2909" s="53">
        <v>3844314.3499999898</v>
      </c>
      <c r="CL2909" s="53">
        <v>3844314.3499999898</v>
      </c>
      <c r="CM2909" s="53">
        <v>3844314.3499999898</v>
      </c>
      <c r="CN2909" s="53">
        <v>3844314.3499999898</v>
      </c>
    </row>
    <row r="2910" spans="1:92" s="116" customFormat="1" outlineLevel="1">
      <c r="A2910" s="52" t="s">
        <v>673</v>
      </c>
      <c r="B2910" s="53"/>
      <c r="C2910" s="53"/>
      <c r="D2910" s="53"/>
      <c r="E2910" s="53"/>
      <c r="F2910" s="53"/>
      <c r="G2910" s="53"/>
      <c r="H2910" s="53"/>
      <c r="I2910" s="53"/>
      <c r="J2910" s="53"/>
      <c r="K2910" s="53"/>
      <c r="L2910" s="53"/>
      <c r="M2910" s="53"/>
      <c r="N2910" s="53"/>
      <c r="O2910" s="53"/>
      <c r="P2910" s="53"/>
      <c r="Q2910" s="53"/>
      <c r="R2910" s="53"/>
      <c r="S2910" s="53"/>
      <c r="T2910" s="53"/>
      <c r="U2910" s="53"/>
      <c r="V2910" s="53"/>
      <c r="W2910" s="53"/>
      <c r="X2910" s="53"/>
      <c r="Y2910" s="53"/>
      <c r="Z2910" s="53"/>
      <c r="AA2910" s="53"/>
      <c r="AB2910" s="53"/>
      <c r="AC2910" s="53"/>
      <c r="AD2910" s="53"/>
      <c r="AE2910" s="53"/>
      <c r="AF2910" s="53"/>
      <c r="AG2910" s="53"/>
      <c r="AH2910" s="53"/>
      <c r="AI2910" s="53"/>
      <c r="AJ2910" s="53"/>
      <c r="AK2910" s="53"/>
      <c r="AL2910" s="53"/>
      <c r="AM2910" s="53"/>
      <c r="AN2910" s="53"/>
      <c r="AO2910" s="53"/>
      <c r="AP2910" s="53"/>
      <c r="AQ2910" s="53"/>
      <c r="AR2910" s="53"/>
      <c r="AS2910" s="53"/>
      <c r="AT2910" s="53"/>
      <c r="AU2910" s="53"/>
      <c r="AV2910" s="53"/>
      <c r="AW2910" s="53"/>
      <c r="AX2910" s="53"/>
      <c r="AY2910" s="53"/>
      <c r="AZ2910" s="53"/>
      <c r="BA2910" s="53"/>
      <c r="BB2910" s="53"/>
      <c r="BC2910" s="53"/>
      <c r="BD2910" s="53"/>
      <c r="BE2910" s="53"/>
      <c r="BF2910" s="53"/>
      <c r="BG2910" s="53"/>
      <c r="BH2910" s="53"/>
      <c r="BI2910" s="53"/>
      <c r="BJ2910" s="53"/>
      <c r="BK2910" s="53"/>
      <c r="BL2910" s="53"/>
      <c r="BM2910" s="53"/>
      <c r="BN2910" s="53"/>
      <c r="BO2910" s="53"/>
      <c r="BP2910" s="53"/>
      <c r="BQ2910" s="53"/>
      <c r="BR2910" s="53"/>
      <c r="BS2910" s="53"/>
      <c r="BT2910" s="53"/>
      <c r="BU2910" s="53"/>
      <c r="BV2910" s="53"/>
      <c r="BW2910" s="53"/>
      <c r="BX2910" s="53"/>
      <c r="BY2910" s="53"/>
      <c r="BZ2910" s="53"/>
      <c r="CA2910" s="53"/>
      <c r="CB2910" s="53">
        <v>0</v>
      </c>
      <c r="CC2910" s="53">
        <v>0</v>
      </c>
      <c r="CD2910" s="53">
        <v>0</v>
      </c>
      <c r="CE2910" s="53">
        <v>0</v>
      </c>
      <c r="CF2910" s="53">
        <v>0</v>
      </c>
      <c r="CG2910" s="53">
        <v>0</v>
      </c>
      <c r="CH2910" s="53">
        <v>0</v>
      </c>
      <c r="CI2910" s="53">
        <v>0</v>
      </c>
      <c r="CJ2910" s="53">
        <v>0</v>
      </c>
      <c r="CK2910" s="53">
        <v>0</v>
      </c>
      <c r="CL2910" s="53">
        <v>0</v>
      </c>
      <c r="CM2910" s="53">
        <v>0</v>
      </c>
      <c r="CN2910" s="53">
        <v>0</v>
      </c>
    </row>
    <row r="2911" spans="1:92" s="116" customFormat="1" outlineLevel="1">
      <c r="A2911" s="52" t="s">
        <v>1520</v>
      </c>
      <c r="B2911" s="53"/>
      <c r="C2911" s="53"/>
      <c r="D2911" s="53"/>
      <c r="E2911" s="53"/>
      <c r="F2911" s="53"/>
      <c r="G2911" s="53"/>
      <c r="H2911" s="53"/>
      <c r="I2911" s="53"/>
      <c r="J2911" s="53"/>
      <c r="K2911" s="53"/>
      <c r="L2911" s="53"/>
      <c r="M2911" s="53"/>
      <c r="N2911" s="53"/>
      <c r="O2911" s="53"/>
      <c r="P2911" s="53"/>
      <c r="Q2911" s="53"/>
      <c r="R2911" s="53"/>
      <c r="S2911" s="53"/>
      <c r="T2911" s="53"/>
      <c r="U2911" s="53"/>
      <c r="V2911" s="53"/>
      <c r="W2911" s="53"/>
      <c r="X2911" s="53"/>
      <c r="Y2911" s="53"/>
      <c r="Z2911" s="53"/>
      <c r="AA2911" s="53"/>
      <c r="AB2911" s="53"/>
      <c r="AC2911" s="53"/>
      <c r="AD2911" s="53"/>
      <c r="AE2911" s="53"/>
      <c r="AF2911" s="53"/>
      <c r="AG2911" s="53"/>
      <c r="AH2911" s="53"/>
      <c r="AI2911" s="53"/>
      <c r="AJ2911" s="53"/>
      <c r="AK2911" s="53"/>
      <c r="AL2911" s="53"/>
      <c r="AM2911" s="53"/>
      <c r="AN2911" s="53"/>
      <c r="AO2911" s="53"/>
      <c r="AP2911" s="53"/>
      <c r="AQ2911" s="53"/>
      <c r="AR2911" s="53"/>
      <c r="AS2911" s="53"/>
      <c r="AT2911" s="53"/>
      <c r="AU2911" s="53"/>
      <c r="AV2911" s="53"/>
      <c r="AW2911" s="53"/>
      <c r="AX2911" s="53"/>
      <c r="AY2911" s="53"/>
      <c r="AZ2911" s="53"/>
      <c r="BA2911" s="53"/>
      <c r="BB2911" s="53"/>
      <c r="BC2911" s="53"/>
      <c r="BD2911" s="53"/>
      <c r="BE2911" s="53"/>
      <c r="BF2911" s="53"/>
      <c r="BG2911" s="53"/>
      <c r="BH2911" s="53"/>
      <c r="BI2911" s="53"/>
      <c r="BJ2911" s="53"/>
      <c r="BK2911" s="53"/>
      <c r="BL2911" s="53"/>
      <c r="BM2911" s="53"/>
      <c r="BN2911" s="53"/>
      <c r="BO2911" s="53"/>
      <c r="BP2911" s="53"/>
      <c r="BQ2911" s="53"/>
      <c r="BR2911" s="53"/>
      <c r="BS2911" s="53"/>
      <c r="BT2911" s="53"/>
      <c r="BU2911" s="53"/>
      <c r="BV2911" s="53"/>
      <c r="BW2911" s="53"/>
      <c r="BX2911" s="53"/>
      <c r="BY2911" s="53"/>
      <c r="BZ2911" s="53"/>
      <c r="CA2911" s="53"/>
      <c r="CB2911" s="53">
        <v>2491681545.4130702</v>
      </c>
      <c r="CC2911" s="53">
        <v>2504190898.2860398</v>
      </c>
      <c r="CD2911" s="53">
        <v>2516969030.7241101</v>
      </c>
      <c r="CE2911" s="53">
        <v>2529603902.24687</v>
      </c>
      <c r="CF2911" s="53">
        <v>2541862296.7434802</v>
      </c>
      <c r="CG2911" s="53">
        <v>2550687565.1840901</v>
      </c>
      <c r="CH2911" s="53">
        <v>2560994669.0654302</v>
      </c>
      <c r="CI2911" s="53">
        <v>2569147836.7593598</v>
      </c>
      <c r="CJ2911" s="53">
        <v>2577299051.84235</v>
      </c>
      <c r="CK2911" s="53">
        <v>2585626962.3453999</v>
      </c>
      <c r="CL2911" s="53">
        <v>2594594102.9894199</v>
      </c>
      <c r="CM2911" s="53">
        <v>2605506519.83816</v>
      </c>
      <c r="CN2911" s="53">
        <v>2491681545.4130702</v>
      </c>
    </row>
    <row r="2912" spans="1:92" s="116" customFormat="1" outlineLevel="1">
      <c r="A2912" s="52" t="s">
        <v>649</v>
      </c>
      <c r="B2912" s="53">
        <v>-49532600</v>
      </c>
      <c r="C2912" s="53">
        <v>-13701929.999999899</v>
      </c>
      <c r="D2912" s="53">
        <v>-21369310</v>
      </c>
      <c r="E2912" s="53">
        <v>-52134260</v>
      </c>
      <c r="F2912" s="53">
        <v>-45052590</v>
      </c>
      <c r="G2912" s="53">
        <v>-44743879.999999903</v>
      </c>
      <c r="H2912" s="53">
        <v>-19071120</v>
      </c>
      <c r="I2912" s="53">
        <v>-20102889.999999899</v>
      </c>
      <c r="J2912" s="53">
        <v>-28170880</v>
      </c>
      <c r="K2912" s="53">
        <v>-18342059.999999899</v>
      </c>
      <c r="L2912" s="53">
        <v>-11259660</v>
      </c>
      <c r="M2912" s="53">
        <v>-112475200</v>
      </c>
      <c r="N2912" s="53">
        <v>-435956380</v>
      </c>
      <c r="O2912" s="53">
        <v>-8142821.3115744004</v>
      </c>
      <c r="P2912" s="53">
        <v>-10542594.613081099</v>
      </c>
      <c r="Q2912" s="53">
        <v>-12382804.366219301</v>
      </c>
      <c r="R2912" s="53">
        <v>-11098361.701905901</v>
      </c>
      <c r="S2912" s="53">
        <v>-11762132.9542941</v>
      </c>
      <c r="T2912" s="53">
        <v>-11477400.705452699</v>
      </c>
      <c r="U2912" s="53">
        <v>-9635670.8464655001</v>
      </c>
      <c r="V2912" s="53">
        <v>-9029064.0355952401</v>
      </c>
      <c r="W2912" s="53">
        <v>-11223658.545841301</v>
      </c>
      <c r="X2912" s="53">
        <v>-13263897.4348695</v>
      </c>
      <c r="Y2912" s="53">
        <v>-12352307.531198099</v>
      </c>
      <c r="Z2912" s="53">
        <v>-10205959.087228499</v>
      </c>
      <c r="AA2912" s="53">
        <v>-131116673.133726</v>
      </c>
      <c r="AB2912" s="53">
        <v>-9804773.6157705802</v>
      </c>
      <c r="AC2912" s="53">
        <v>-11457866.700318901</v>
      </c>
      <c r="AD2912" s="53">
        <v>-12269556.206738301</v>
      </c>
      <c r="AE2912" s="53">
        <v>-12060435.753611101</v>
      </c>
      <c r="AF2912" s="53">
        <v>-11069931.3451088</v>
      </c>
      <c r="AG2912" s="53">
        <v>-11001107.4155141</v>
      </c>
      <c r="AH2912" s="53">
        <v>-11220203.889342999</v>
      </c>
      <c r="AI2912" s="53">
        <v>-11976627.673650401</v>
      </c>
      <c r="AJ2912" s="53">
        <v>-10418595.9307463</v>
      </c>
      <c r="AK2912" s="53">
        <v>-10217570.536063701</v>
      </c>
      <c r="AL2912" s="53">
        <v>-10304266.1630976</v>
      </c>
      <c r="AM2912" s="53">
        <v>-10060591.749775</v>
      </c>
      <c r="AN2912" s="53">
        <v>-131861526.979738</v>
      </c>
      <c r="AO2912" s="53">
        <v>-10271988.5360114</v>
      </c>
      <c r="AP2912" s="53">
        <v>-11260268.9555362</v>
      </c>
      <c r="AQ2912" s="53">
        <v>-11471264.2898903</v>
      </c>
      <c r="AR2912" s="53">
        <v>-11315478.882906999</v>
      </c>
      <c r="AS2912" s="53">
        <v>-10252062.4524568</v>
      </c>
      <c r="AT2912" s="53">
        <v>-10153830.120303901</v>
      </c>
      <c r="AU2912" s="53">
        <v>-10432124.804749301</v>
      </c>
      <c r="AV2912" s="53">
        <v>-11287751.379008001</v>
      </c>
      <c r="AW2912" s="53">
        <v>-9949482.9827644303</v>
      </c>
      <c r="AX2912" s="53">
        <v>-9790420.6641364004</v>
      </c>
      <c r="AY2912" s="53">
        <v>-10141600.451407099</v>
      </c>
      <c r="AZ2912" s="53">
        <v>-9355186.5776413698</v>
      </c>
      <c r="BA2912" s="53">
        <v>-125681460.09681199</v>
      </c>
      <c r="BB2912" s="53">
        <v>-9717895.3637301996</v>
      </c>
      <c r="BC2912" s="53">
        <v>-10706400.1599728</v>
      </c>
      <c r="BD2912" s="53">
        <v>-10917200.7646276</v>
      </c>
      <c r="BE2912" s="53">
        <v>-10761343.194166301</v>
      </c>
      <c r="BF2912" s="53">
        <v>-9697937.8399923593</v>
      </c>
      <c r="BG2912" s="53">
        <v>-9599833.4168414008</v>
      </c>
      <c r="BH2912" s="53">
        <v>-9878150.8865057696</v>
      </c>
      <c r="BI2912" s="53">
        <v>-10733979.9137883</v>
      </c>
      <c r="BJ2912" s="53">
        <v>-9395379.2524781693</v>
      </c>
      <c r="BK2912" s="53">
        <v>-9236278.0370073505</v>
      </c>
      <c r="BL2912" s="53">
        <v>-9587493.2421651501</v>
      </c>
      <c r="BM2912" s="53">
        <v>-8801018.5987963006</v>
      </c>
      <c r="BN2912" s="53">
        <v>-119032910.67007101</v>
      </c>
      <c r="BO2912" s="53">
        <v>-9971080.1865897309</v>
      </c>
      <c r="BP2912" s="53">
        <v>-10966796.9221568</v>
      </c>
      <c r="BQ2912" s="53">
        <v>-11171338.5049794</v>
      </c>
      <c r="BR2912" s="53">
        <v>-11013161.4486541</v>
      </c>
      <c r="BS2912" s="53">
        <v>-9950112.1092787795</v>
      </c>
      <c r="BT2912" s="53">
        <v>-9856118.9503013194</v>
      </c>
      <c r="BU2912" s="53">
        <v>-10135168.7847954</v>
      </c>
      <c r="BV2912" s="53">
        <v>-10997505.077798501</v>
      </c>
      <c r="BW2912" s="53">
        <v>-9648224.7188650705</v>
      </c>
      <c r="BX2912" s="53">
        <v>-9487873.2771101091</v>
      </c>
      <c r="BY2912" s="53">
        <v>-9840226.8876015507</v>
      </c>
      <c r="BZ2912" s="53">
        <v>-9051798.4097553305</v>
      </c>
      <c r="CA2912" s="53">
        <v>-122089405.277886</v>
      </c>
      <c r="CB2912" s="53"/>
      <c r="CC2912" s="53"/>
      <c r="CD2912" s="53"/>
      <c r="CE2912" s="53"/>
      <c r="CF2912" s="53"/>
      <c r="CG2912" s="53"/>
      <c r="CH2912" s="53"/>
      <c r="CI2912" s="53"/>
      <c r="CJ2912" s="53"/>
      <c r="CK2912" s="53"/>
      <c r="CL2912" s="53"/>
      <c r="CM2912" s="53"/>
      <c r="CN2912" s="53"/>
    </row>
    <row r="2913" spans="1:92" s="116" customFormat="1" outlineLevel="1">
      <c r="A2913" s="52" t="s">
        <v>750</v>
      </c>
      <c r="B2913" s="53"/>
      <c r="C2913" s="53"/>
      <c r="D2913" s="53"/>
      <c r="E2913" s="53"/>
      <c r="F2913" s="53"/>
      <c r="G2913" s="53"/>
      <c r="H2913" s="53"/>
      <c r="I2913" s="53"/>
      <c r="J2913" s="53"/>
      <c r="K2913" s="53"/>
      <c r="L2913" s="53"/>
      <c r="M2913" s="53"/>
      <c r="N2913" s="53"/>
      <c r="O2913" s="53"/>
      <c r="P2913" s="53"/>
      <c r="Q2913" s="53"/>
      <c r="R2913" s="53"/>
      <c r="S2913" s="53"/>
      <c r="T2913" s="53"/>
      <c r="U2913" s="53"/>
      <c r="V2913" s="53"/>
      <c r="W2913" s="53"/>
      <c r="X2913" s="53"/>
      <c r="Y2913" s="53"/>
      <c r="Z2913" s="53"/>
      <c r="AA2913" s="53"/>
      <c r="AB2913" s="53"/>
      <c r="AC2913" s="53"/>
      <c r="AD2913" s="53"/>
      <c r="AE2913" s="53"/>
      <c r="AF2913" s="53"/>
      <c r="AG2913" s="53"/>
      <c r="AH2913" s="53"/>
      <c r="AI2913" s="53"/>
      <c r="AJ2913" s="53"/>
      <c r="AK2913" s="53"/>
      <c r="AL2913" s="53"/>
      <c r="AM2913" s="53"/>
      <c r="AN2913" s="53"/>
      <c r="AO2913" s="53"/>
      <c r="AP2913" s="53"/>
      <c r="AQ2913" s="53"/>
      <c r="AR2913" s="53"/>
      <c r="AS2913" s="53"/>
      <c r="AT2913" s="53"/>
      <c r="AU2913" s="53"/>
      <c r="AV2913" s="53"/>
      <c r="AW2913" s="53"/>
      <c r="AX2913" s="53"/>
      <c r="AY2913" s="53"/>
      <c r="AZ2913" s="53"/>
      <c r="BA2913" s="53"/>
      <c r="BB2913" s="53"/>
      <c r="BC2913" s="53"/>
      <c r="BD2913" s="53"/>
      <c r="BE2913" s="53"/>
      <c r="BF2913" s="53"/>
      <c r="BG2913" s="53"/>
      <c r="BH2913" s="53"/>
      <c r="BI2913" s="53"/>
      <c r="BJ2913" s="53"/>
      <c r="BK2913" s="53"/>
      <c r="BL2913" s="53"/>
      <c r="BM2913" s="53"/>
      <c r="BN2913" s="53"/>
      <c r="BO2913" s="53"/>
      <c r="BP2913" s="53"/>
      <c r="BQ2913" s="53"/>
      <c r="BR2913" s="53"/>
      <c r="BS2913" s="53"/>
      <c r="BT2913" s="53"/>
      <c r="BU2913" s="53"/>
      <c r="BV2913" s="53"/>
      <c r="BW2913" s="53"/>
      <c r="BX2913" s="53"/>
      <c r="BY2913" s="53"/>
      <c r="BZ2913" s="53"/>
      <c r="CA2913" s="53"/>
      <c r="CB2913" s="53"/>
      <c r="CC2913" s="53"/>
      <c r="CD2913" s="53"/>
      <c r="CE2913" s="53"/>
      <c r="CF2913" s="53"/>
      <c r="CG2913" s="53"/>
      <c r="CH2913" s="53"/>
      <c r="CI2913" s="53"/>
      <c r="CJ2913" s="53"/>
      <c r="CK2913" s="53"/>
      <c r="CL2913" s="53"/>
      <c r="CM2913" s="53"/>
      <c r="CN2913" s="53"/>
    </row>
    <row r="2914" spans="1:92" s="116" customFormat="1" outlineLevel="1">
      <c r="A2914" s="52" t="s">
        <v>1385</v>
      </c>
      <c r="B2914" s="53"/>
      <c r="C2914" s="53"/>
      <c r="D2914" s="53"/>
      <c r="E2914" s="53"/>
      <c r="F2914" s="53"/>
      <c r="G2914" s="53"/>
      <c r="H2914" s="53"/>
      <c r="I2914" s="53"/>
      <c r="J2914" s="53"/>
      <c r="K2914" s="53"/>
      <c r="L2914" s="53"/>
      <c r="M2914" s="53"/>
      <c r="N2914" s="53"/>
      <c r="O2914" s="53"/>
      <c r="P2914" s="53"/>
      <c r="Q2914" s="53"/>
      <c r="R2914" s="53"/>
      <c r="S2914" s="53"/>
      <c r="T2914" s="53"/>
      <c r="U2914" s="53"/>
      <c r="V2914" s="53"/>
      <c r="W2914" s="53"/>
      <c r="X2914" s="53"/>
      <c r="Y2914" s="53"/>
      <c r="Z2914" s="53"/>
      <c r="AA2914" s="53"/>
      <c r="AB2914" s="53"/>
      <c r="AC2914" s="53"/>
      <c r="AD2914" s="53"/>
      <c r="AE2914" s="53"/>
      <c r="AF2914" s="53"/>
      <c r="AG2914" s="53"/>
      <c r="AH2914" s="53"/>
      <c r="AI2914" s="53"/>
      <c r="AJ2914" s="53"/>
      <c r="AK2914" s="53"/>
      <c r="AL2914" s="53"/>
      <c r="AM2914" s="53"/>
      <c r="AN2914" s="53"/>
      <c r="AO2914" s="53"/>
      <c r="AP2914" s="53"/>
      <c r="AQ2914" s="53"/>
      <c r="AR2914" s="53"/>
      <c r="AS2914" s="53"/>
      <c r="AT2914" s="53"/>
      <c r="AU2914" s="53"/>
      <c r="AV2914" s="53"/>
      <c r="AW2914" s="53"/>
      <c r="AX2914" s="53"/>
      <c r="AY2914" s="53"/>
      <c r="AZ2914" s="53"/>
      <c r="BA2914" s="53"/>
      <c r="BB2914" s="53"/>
      <c r="BC2914" s="53"/>
      <c r="BD2914" s="53"/>
      <c r="BE2914" s="53"/>
      <c r="BF2914" s="53"/>
      <c r="BG2914" s="53"/>
      <c r="BH2914" s="53"/>
      <c r="BI2914" s="53"/>
      <c r="BJ2914" s="53"/>
      <c r="BK2914" s="53"/>
      <c r="BL2914" s="53"/>
      <c r="BM2914" s="53"/>
      <c r="BN2914" s="53"/>
      <c r="BO2914" s="53"/>
      <c r="BP2914" s="53"/>
      <c r="BQ2914" s="53"/>
      <c r="BR2914" s="53"/>
      <c r="BS2914" s="53"/>
      <c r="BT2914" s="53"/>
      <c r="BU2914" s="53"/>
      <c r="BV2914" s="53"/>
      <c r="BW2914" s="53"/>
      <c r="BX2914" s="53"/>
      <c r="BY2914" s="53"/>
      <c r="BZ2914" s="53"/>
      <c r="CA2914" s="53"/>
      <c r="CB2914" s="53"/>
      <c r="CC2914" s="53"/>
      <c r="CD2914" s="53"/>
      <c r="CE2914" s="53"/>
      <c r="CF2914" s="53"/>
      <c r="CG2914" s="53"/>
      <c r="CH2914" s="53"/>
      <c r="CI2914" s="53"/>
      <c r="CJ2914" s="53"/>
      <c r="CK2914" s="53"/>
      <c r="CL2914" s="53"/>
      <c r="CM2914" s="53"/>
      <c r="CN2914" s="53"/>
    </row>
    <row r="2915" spans="1:92" s="116" customFormat="1" outlineLevel="1">
      <c r="A2915" s="52" t="s">
        <v>649</v>
      </c>
      <c r="B2915" s="53">
        <v>-109280</v>
      </c>
      <c r="C2915" s="53">
        <v>-109280</v>
      </c>
      <c r="D2915" s="53">
        <v>-109280</v>
      </c>
      <c r="E2915" s="53">
        <v>-109280</v>
      </c>
      <c r="F2915" s="53">
        <v>-109280</v>
      </c>
      <c r="G2915" s="53">
        <v>-109280</v>
      </c>
      <c r="H2915" s="53">
        <v>-109280</v>
      </c>
      <c r="I2915" s="53">
        <v>-109280</v>
      </c>
      <c r="J2915" s="53">
        <v>-109280</v>
      </c>
      <c r="K2915" s="53">
        <v>-89940</v>
      </c>
      <c r="L2915" s="53">
        <v>-89940</v>
      </c>
      <c r="M2915" s="53">
        <v>-89940</v>
      </c>
      <c r="N2915" s="53">
        <v>-1253340</v>
      </c>
      <c r="O2915" s="53">
        <v>-89948.085988144201</v>
      </c>
      <c r="P2915" s="53">
        <v>-89948.085988144201</v>
      </c>
      <c r="Q2915" s="53">
        <v>-89948.085988144201</v>
      </c>
      <c r="R2915" s="53">
        <v>-89948.085988144201</v>
      </c>
      <c r="S2915" s="53">
        <v>-89948.085988144201</v>
      </c>
      <c r="T2915" s="53">
        <v>-89948.085988144201</v>
      </c>
      <c r="U2915" s="53">
        <v>-89948.085988144201</v>
      </c>
      <c r="V2915" s="53">
        <v>-89948.085988144201</v>
      </c>
      <c r="W2915" s="53">
        <v>-89948.085988144201</v>
      </c>
      <c r="X2915" s="53">
        <v>-89948.085988144201</v>
      </c>
      <c r="Y2915" s="53">
        <v>-89948.085988144201</v>
      </c>
      <c r="Z2915" s="53">
        <v>-89948.085988144303</v>
      </c>
      <c r="AA2915" s="53">
        <v>-1079377.0318577299</v>
      </c>
      <c r="AB2915" s="53">
        <v>-89948.085988144201</v>
      </c>
      <c r="AC2915" s="53">
        <v>-89948.085988144201</v>
      </c>
      <c r="AD2915" s="53">
        <v>-89948.085988144201</v>
      </c>
      <c r="AE2915" s="53">
        <v>-89948.085988144303</v>
      </c>
      <c r="AF2915" s="53">
        <v>-89948.085988144303</v>
      </c>
      <c r="AG2915" s="53">
        <v>-89948.085988144303</v>
      </c>
      <c r="AH2915" s="53">
        <v>-89948.085988144303</v>
      </c>
      <c r="AI2915" s="53">
        <v>-89948.085988144303</v>
      </c>
      <c r="AJ2915" s="53">
        <v>-89948.085988144303</v>
      </c>
      <c r="AK2915" s="53">
        <v>-89948.085988144201</v>
      </c>
      <c r="AL2915" s="53">
        <v>-89948.085988144201</v>
      </c>
      <c r="AM2915" s="53">
        <v>-89948.085988144099</v>
      </c>
      <c r="AN2915" s="53">
        <v>-1079377.0318577299</v>
      </c>
      <c r="AO2915" s="53">
        <v>-79794.752654810902</v>
      </c>
      <c r="AP2915" s="53">
        <v>-79794.752654810902</v>
      </c>
      <c r="AQ2915" s="53">
        <v>-79794.752654810902</v>
      </c>
      <c r="AR2915" s="53">
        <v>-79794.752654810902</v>
      </c>
      <c r="AS2915" s="53">
        <v>-79794.752654810902</v>
      </c>
      <c r="AT2915" s="53">
        <v>-79794.752654810902</v>
      </c>
      <c r="AU2915" s="53">
        <v>-79794.752654810902</v>
      </c>
      <c r="AV2915" s="53">
        <v>-79794.752654810902</v>
      </c>
      <c r="AW2915" s="53">
        <v>-79794.752654810902</v>
      </c>
      <c r="AX2915" s="53">
        <v>-79794.752654810902</v>
      </c>
      <c r="AY2915" s="53">
        <v>-79794.752654810902</v>
      </c>
      <c r="AZ2915" s="53">
        <v>-79794.752654810902</v>
      </c>
      <c r="BA2915" s="53">
        <v>-957537.03185773105</v>
      </c>
      <c r="BB2915" s="53">
        <v>-79794.752654810902</v>
      </c>
      <c r="BC2915" s="53">
        <v>-79794.752654810902</v>
      </c>
      <c r="BD2915" s="53">
        <v>-79794.752654810902</v>
      </c>
      <c r="BE2915" s="53">
        <v>-79794.752654810902</v>
      </c>
      <c r="BF2915" s="53">
        <v>-79794.752654810902</v>
      </c>
      <c r="BG2915" s="53">
        <v>-79794.752654810902</v>
      </c>
      <c r="BH2915" s="53">
        <v>-79794.752654810902</v>
      </c>
      <c r="BI2915" s="53">
        <v>-79794.752654810902</v>
      </c>
      <c r="BJ2915" s="53">
        <v>-79794.752654810902</v>
      </c>
      <c r="BK2915" s="53">
        <v>-79794.752654810902</v>
      </c>
      <c r="BL2915" s="53">
        <v>-79794.752654810902</v>
      </c>
      <c r="BM2915" s="53">
        <v>-79794.752654810902</v>
      </c>
      <c r="BN2915" s="53">
        <v>-957537.03185773105</v>
      </c>
      <c r="BO2915" s="53">
        <v>-79794.752654810902</v>
      </c>
      <c r="BP2915" s="53">
        <v>-79794.752654810902</v>
      </c>
      <c r="BQ2915" s="53">
        <v>-79794.752654810902</v>
      </c>
      <c r="BR2915" s="53">
        <v>-79794.752654810902</v>
      </c>
      <c r="BS2915" s="53">
        <v>-79794.752654810902</v>
      </c>
      <c r="BT2915" s="53">
        <v>-79794.752654810902</v>
      </c>
      <c r="BU2915" s="53">
        <v>-79794.752654810902</v>
      </c>
      <c r="BV2915" s="53">
        <v>-79794.752654810902</v>
      </c>
      <c r="BW2915" s="53">
        <v>-79794.752654810902</v>
      </c>
      <c r="BX2915" s="53">
        <v>-79794.752654810902</v>
      </c>
      <c r="BY2915" s="53">
        <v>-79794.752654810902</v>
      </c>
      <c r="BZ2915" s="53">
        <v>-79794.752654810902</v>
      </c>
      <c r="CA2915" s="53">
        <v>-957537.03185773105</v>
      </c>
      <c r="CB2915" s="53">
        <v>-3372083.3333333302</v>
      </c>
      <c r="CC2915" s="53">
        <v>-3372083.3333333302</v>
      </c>
      <c r="CD2915" s="53">
        <v>-3372083.3333333302</v>
      </c>
      <c r="CE2915" s="53">
        <v>-3372083.3333333302</v>
      </c>
      <c r="CF2915" s="53">
        <v>-3372083.3333333302</v>
      </c>
      <c r="CG2915" s="53">
        <v>-3372083.3333333302</v>
      </c>
      <c r="CH2915" s="53">
        <v>-3372083.3333333302</v>
      </c>
      <c r="CI2915" s="53">
        <v>-3372083.3333333302</v>
      </c>
      <c r="CJ2915" s="53">
        <v>-3372083.3333333302</v>
      </c>
      <c r="CK2915" s="53">
        <v>-3372083.3333333302</v>
      </c>
      <c r="CL2915" s="53">
        <v>-3372083.3333333302</v>
      </c>
      <c r="CM2915" s="53">
        <v>-3372083.3333333302</v>
      </c>
      <c r="CN2915" s="53">
        <v>-40465000</v>
      </c>
    </row>
    <row r="2916" spans="1:92" s="117" customFormat="1" outlineLevel="1">
      <c r="A2916" s="52" t="s">
        <v>672</v>
      </c>
      <c r="B2916" s="53"/>
      <c r="C2916" s="53"/>
      <c r="D2916" s="53"/>
      <c r="E2916" s="53"/>
      <c r="F2916" s="53"/>
      <c r="G2916" s="53"/>
      <c r="H2916" s="53"/>
      <c r="I2916" s="53"/>
      <c r="J2916" s="53"/>
      <c r="K2916" s="53"/>
      <c r="L2916" s="53"/>
      <c r="M2916" s="53"/>
      <c r="N2916" s="53"/>
      <c r="O2916" s="53"/>
      <c r="P2916" s="53"/>
      <c r="Q2916" s="53"/>
      <c r="R2916" s="53"/>
      <c r="S2916" s="53"/>
      <c r="T2916" s="53"/>
      <c r="U2916" s="53"/>
      <c r="V2916" s="53"/>
      <c r="W2916" s="53"/>
      <c r="X2916" s="53"/>
      <c r="Y2916" s="53"/>
      <c r="Z2916" s="53"/>
      <c r="AA2916" s="53"/>
      <c r="AB2916" s="53"/>
      <c r="AC2916" s="53"/>
      <c r="AD2916" s="53"/>
      <c r="AE2916" s="53"/>
      <c r="AF2916" s="53"/>
      <c r="AG2916" s="53"/>
      <c r="AH2916" s="53"/>
      <c r="AI2916" s="53"/>
      <c r="AJ2916" s="53"/>
      <c r="AK2916" s="53"/>
      <c r="AL2916" s="53"/>
      <c r="AM2916" s="53"/>
      <c r="AN2916" s="53"/>
      <c r="AO2916" s="53"/>
      <c r="AP2916" s="53"/>
      <c r="AQ2916" s="53"/>
      <c r="AR2916" s="53"/>
      <c r="AS2916" s="53"/>
      <c r="AT2916" s="53"/>
      <c r="AU2916" s="53"/>
      <c r="AV2916" s="53"/>
      <c r="AW2916" s="53"/>
      <c r="AX2916" s="53"/>
      <c r="AY2916" s="53"/>
      <c r="AZ2916" s="53"/>
      <c r="BA2916" s="53"/>
      <c r="BB2916" s="53"/>
      <c r="BC2916" s="53"/>
      <c r="BD2916" s="53"/>
      <c r="BE2916" s="53"/>
      <c r="BF2916" s="53"/>
      <c r="BG2916" s="53"/>
      <c r="BH2916" s="53"/>
      <c r="BI2916" s="53"/>
      <c r="BJ2916" s="53"/>
      <c r="BK2916" s="53"/>
      <c r="BL2916" s="53"/>
      <c r="BM2916" s="53"/>
      <c r="BN2916" s="53"/>
      <c r="BO2916" s="53"/>
      <c r="BP2916" s="53"/>
      <c r="BQ2916" s="53"/>
      <c r="BR2916" s="53"/>
      <c r="BS2916" s="53"/>
      <c r="BT2916" s="53"/>
      <c r="BU2916" s="53"/>
      <c r="BV2916" s="53"/>
      <c r="BW2916" s="53"/>
      <c r="BX2916" s="53"/>
      <c r="BY2916" s="53"/>
      <c r="BZ2916" s="53"/>
      <c r="CA2916" s="53"/>
      <c r="CB2916" s="53"/>
      <c r="CC2916" s="53"/>
      <c r="CD2916" s="53"/>
      <c r="CE2916" s="53"/>
      <c r="CF2916" s="53"/>
      <c r="CG2916" s="53"/>
      <c r="CH2916" s="53"/>
      <c r="CI2916" s="53"/>
      <c r="CJ2916" s="53"/>
      <c r="CK2916" s="53"/>
      <c r="CL2916" s="53"/>
      <c r="CM2916" s="53"/>
      <c r="CN2916" s="53"/>
    </row>
    <row r="2917" spans="1:92" s="116" customFormat="1" outlineLevel="1">
      <c r="A2917" s="52" t="s">
        <v>750</v>
      </c>
      <c r="B2917" s="53"/>
      <c r="C2917" s="53"/>
      <c r="D2917" s="53"/>
      <c r="E2917" s="53"/>
      <c r="F2917" s="53"/>
      <c r="G2917" s="53"/>
      <c r="H2917" s="53"/>
      <c r="I2917" s="53"/>
      <c r="J2917" s="53"/>
      <c r="K2917" s="53"/>
      <c r="L2917" s="53"/>
      <c r="M2917" s="53"/>
      <c r="N2917" s="53"/>
      <c r="O2917" s="53"/>
      <c r="P2917" s="53"/>
      <c r="Q2917" s="53"/>
      <c r="R2917" s="53"/>
      <c r="S2917" s="53"/>
      <c r="T2917" s="53"/>
      <c r="U2917" s="53"/>
      <c r="V2917" s="53"/>
      <c r="W2917" s="53"/>
      <c r="X2917" s="53"/>
      <c r="Y2917" s="53"/>
      <c r="Z2917" s="53"/>
      <c r="AA2917" s="53"/>
      <c r="AB2917" s="53"/>
      <c r="AC2917" s="53"/>
      <c r="AD2917" s="53"/>
      <c r="AE2917" s="53"/>
      <c r="AF2917" s="53"/>
      <c r="AG2917" s="53"/>
      <c r="AH2917" s="53"/>
      <c r="AI2917" s="53"/>
      <c r="AJ2917" s="53"/>
      <c r="AK2917" s="53"/>
      <c r="AL2917" s="53"/>
      <c r="AM2917" s="53"/>
      <c r="AN2917" s="53"/>
      <c r="AO2917" s="53"/>
      <c r="AP2917" s="53"/>
      <c r="AQ2917" s="53"/>
      <c r="AR2917" s="53"/>
      <c r="AS2917" s="53"/>
      <c r="AT2917" s="53"/>
      <c r="AU2917" s="53"/>
      <c r="AV2917" s="53"/>
      <c r="AW2917" s="53"/>
      <c r="AX2917" s="53"/>
      <c r="AY2917" s="53"/>
      <c r="AZ2917" s="53"/>
      <c r="BA2917" s="53"/>
      <c r="BB2917" s="53"/>
      <c r="BC2917" s="53"/>
      <c r="BD2917" s="53"/>
      <c r="BE2917" s="53"/>
      <c r="BF2917" s="53"/>
      <c r="BG2917" s="53"/>
      <c r="BH2917" s="53"/>
      <c r="BI2917" s="53"/>
      <c r="BJ2917" s="53"/>
      <c r="BK2917" s="53"/>
      <c r="BL2917" s="53"/>
      <c r="BM2917" s="53"/>
      <c r="BN2917" s="53"/>
      <c r="BO2917" s="53"/>
      <c r="BP2917" s="53"/>
      <c r="BQ2917" s="53"/>
      <c r="BR2917" s="53"/>
      <c r="BS2917" s="53"/>
      <c r="BT2917" s="53"/>
      <c r="BU2917" s="53"/>
      <c r="BV2917" s="53"/>
      <c r="BW2917" s="53"/>
      <c r="BX2917" s="53"/>
      <c r="BY2917" s="53"/>
      <c r="BZ2917" s="53"/>
      <c r="CA2917" s="53"/>
      <c r="CB2917" s="53">
        <v>1903376.24999999</v>
      </c>
      <c r="CC2917" s="53">
        <v>1903376.24999999</v>
      </c>
      <c r="CD2917" s="53">
        <v>1903376.24999999</v>
      </c>
      <c r="CE2917" s="53">
        <v>1903376.24999999</v>
      </c>
      <c r="CF2917" s="53">
        <v>1903376.24999999</v>
      </c>
      <c r="CG2917" s="53">
        <v>1903376.24999999</v>
      </c>
      <c r="CH2917" s="53">
        <v>1903376.24999999</v>
      </c>
      <c r="CI2917" s="53">
        <v>1903376.24999999</v>
      </c>
      <c r="CJ2917" s="53">
        <v>1903376.24999999</v>
      </c>
      <c r="CK2917" s="53">
        <v>1903376.24999999</v>
      </c>
      <c r="CL2917" s="53">
        <v>1903376.24999999</v>
      </c>
      <c r="CM2917" s="53">
        <v>1903376.24999999</v>
      </c>
      <c r="CN2917" s="53">
        <v>22840515</v>
      </c>
    </row>
    <row r="2918" spans="1:92" s="116" customFormat="1">
      <c r="A2918" s="52" t="s">
        <v>753</v>
      </c>
      <c r="B2918" s="53"/>
      <c r="C2918" s="53"/>
      <c r="D2918" s="53"/>
      <c r="E2918" s="53"/>
      <c r="F2918" s="53"/>
      <c r="G2918" s="53"/>
      <c r="H2918" s="53"/>
      <c r="I2918" s="53"/>
      <c r="J2918" s="53"/>
      <c r="K2918" s="53"/>
      <c r="L2918" s="53"/>
      <c r="M2918" s="53"/>
      <c r="N2918" s="53"/>
      <c r="O2918" s="53"/>
      <c r="P2918" s="53"/>
      <c r="Q2918" s="53"/>
      <c r="R2918" s="53"/>
      <c r="S2918" s="53"/>
      <c r="T2918" s="53"/>
      <c r="U2918" s="53"/>
      <c r="V2918" s="53"/>
      <c r="W2918" s="53"/>
      <c r="X2918" s="53"/>
      <c r="Y2918" s="53"/>
      <c r="Z2918" s="53"/>
      <c r="AA2918" s="53"/>
      <c r="AB2918" s="53"/>
      <c r="AC2918" s="53"/>
      <c r="AD2918" s="53"/>
      <c r="AE2918" s="53"/>
      <c r="AF2918" s="53"/>
      <c r="AG2918" s="53"/>
      <c r="AH2918" s="53"/>
      <c r="AI2918" s="53"/>
      <c r="AJ2918" s="53"/>
      <c r="AK2918" s="53"/>
      <c r="AL2918" s="53"/>
      <c r="AM2918" s="53"/>
      <c r="AN2918" s="53"/>
      <c r="AO2918" s="53"/>
      <c r="AP2918" s="53"/>
      <c r="AQ2918" s="53"/>
      <c r="AR2918" s="53"/>
      <c r="AS2918" s="53"/>
      <c r="AT2918" s="53"/>
      <c r="AU2918" s="53"/>
      <c r="AV2918" s="53"/>
      <c r="AW2918" s="53"/>
      <c r="AX2918" s="53"/>
      <c r="AY2918" s="53"/>
      <c r="AZ2918" s="53"/>
      <c r="BA2918" s="53"/>
      <c r="BB2918" s="53"/>
      <c r="BC2918" s="53"/>
      <c r="BD2918" s="53"/>
      <c r="BE2918" s="53"/>
      <c r="BF2918" s="53"/>
      <c r="BG2918" s="53"/>
      <c r="BH2918" s="53"/>
      <c r="BI2918" s="53"/>
      <c r="BJ2918" s="53"/>
      <c r="BK2918" s="53"/>
      <c r="BL2918" s="53"/>
      <c r="BM2918" s="53"/>
      <c r="BN2918" s="53"/>
      <c r="BO2918" s="53"/>
      <c r="BP2918" s="53"/>
      <c r="BQ2918" s="53"/>
      <c r="BR2918" s="53"/>
      <c r="BS2918" s="53"/>
      <c r="BT2918" s="53"/>
      <c r="BU2918" s="53"/>
      <c r="BV2918" s="53"/>
      <c r="BW2918" s="53"/>
      <c r="BX2918" s="53"/>
      <c r="BY2918" s="53"/>
      <c r="BZ2918" s="53"/>
      <c r="CA2918" s="53"/>
      <c r="CB2918" s="53"/>
      <c r="CC2918" s="53"/>
      <c r="CD2918" s="53"/>
      <c r="CE2918" s="53"/>
      <c r="CF2918" s="53"/>
      <c r="CG2918" s="53"/>
      <c r="CH2918" s="53"/>
      <c r="CI2918" s="53"/>
      <c r="CJ2918" s="53"/>
      <c r="CK2918" s="53"/>
      <c r="CL2918" s="53"/>
      <c r="CM2918" s="53"/>
      <c r="CN2918" s="53"/>
    </row>
    <row r="2919" spans="1:92">
      <c r="A2919" s="52" t="s">
        <v>649</v>
      </c>
      <c r="B2919" s="53">
        <v>5956650</v>
      </c>
      <c r="C2919" s="53">
        <v>5991170</v>
      </c>
      <c r="D2919" s="53">
        <v>5749080</v>
      </c>
      <c r="E2919" s="53">
        <v>6015240</v>
      </c>
      <c r="F2919" s="53">
        <v>6043800</v>
      </c>
      <c r="G2919" s="53">
        <v>5798460</v>
      </c>
      <c r="H2919" s="53">
        <v>6100360</v>
      </c>
      <c r="I2919" s="53">
        <v>6120639.9999999898</v>
      </c>
      <c r="J2919" s="53">
        <v>5909549.9999999898</v>
      </c>
      <c r="K2919" s="53">
        <v>6173109.9999999898</v>
      </c>
      <c r="L2919" s="53">
        <v>6185509.9999999898</v>
      </c>
      <c r="M2919" s="53">
        <v>5952779.9999999898</v>
      </c>
      <c r="N2919" s="53">
        <v>71996350</v>
      </c>
      <c r="O2919" s="53">
        <v>6319192.0642190203</v>
      </c>
      <c r="P2919" s="53">
        <v>7360541.86776431</v>
      </c>
      <c r="Q2919" s="53">
        <v>7378460.4906525305</v>
      </c>
      <c r="R2919" s="53">
        <v>7445708.7263047099</v>
      </c>
      <c r="S2919" s="53">
        <v>7461926.6665074704</v>
      </c>
      <c r="T2919" s="53">
        <v>7514307.2286579097</v>
      </c>
      <c r="U2919" s="53">
        <v>7556331.4391971398</v>
      </c>
      <c r="V2919" s="53">
        <v>7580989.0145613998</v>
      </c>
      <c r="W2919" s="53">
        <v>7597705.95827334</v>
      </c>
      <c r="X2919" s="53">
        <v>7631567.1460170997</v>
      </c>
      <c r="Y2919" s="53">
        <v>7648065.2002727697</v>
      </c>
      <c r="Z2919" s="53">
        <v>7666034.6098542204</v>
      </c>
      <c r="AA2919" s="53">
        <v>89160830.412281901</v>
      </c>
      <c r="AB2919" s="53">
        <v>7914002.6005074596</v>
      </c>
      <c r="AC2919" s="53">
        <v>7926868.5617945204</v>
      </c>
      <c r="AD2919" s="53">
        <v>8029718.0151607897</v>
      </c>
      <c r="AE2919" s="53">
        <v>8071270.9887854299</v>
      </c>
      <c r="AF2919" s="53">
        <v>8087698.9135041302</v>
      </c>
      <c r="AG2919" s="53">
        <v>8105409.0055210898</v>
      </c>
      <c r="AH2919" s="53">
        <v>8153514.4149436001</v>
      </c>
      <c r="AI2919" s="53">
        <v>8169036.9730889201</v>
      </c>
      <c r="AJ2919" s="53">
        <v>8184366.4264179403</v>
      </c>
      <c r="AK2919" s="53">
        <v>8216897.3170261998</v>
      </c>
      <c r="AL2919" s="53">
        <v>8291111.2237156499</v>
      </c>
      <c r="AM2919" s="53">
        <v>8307622.0743817901</v>
      </c>
      <c r="AN2919" s="53">
        <v>97457516.514847502</v>
      </c>
      <c r="AO2919" s="53">
        <v>8628991.3660780899</v>
      </c>
      <c r="AP2919" s="53">
        <v>8663645.0442195907</v>
      </c>
      <c r="AQ2919" s="53">
        <v>8678688.9939204697</v>
      </c>
      <c r="AR2919" s="53">
        <v>8716645.5037144199</v>
      </c>
      <c r="AS2919" s="53">
        <v>8746931.1134135798</v>
      </c>
      <c r="AT2919" s="53">
        <v>8765498.8277180009</v>
      </c>
      <c r="AU2919" s="53">
        <v>8826183.6524635106</v>
      </c>
      <c r="AV2919" s="53">
        <v>8844591.8049089108</v>
      </c>
      <c r="AW2919" s="53">
        <v>8863409.6941099204</v>
      </c>
      <c r="AX2919" s="53">
        <v>8944606.4296237901</v>
      </c>
      <c r="AY2919" s="53">
        <v>8962589.4467277192</v>
      </c>
      <c r="AZ2919" s="53">
        <v>8978909.4356714003</v>
      </c>
      <c r="BA2919" s="53">
        <v>105620691.31256901</v>
      </c>
      <c r="BB2919" s="53">
        <v>9372238.38647536</v>
      </c>
      <c r="BC2919" s="53">
        <v>9397952.5294049606</v>
      </c>
      <c r="BD2919" s="53">
        <v>9413423.4992784709</v>
      </c>
      <c r="BE2919" s="53">
        <v>9454318.5242468901</v>
      </c>
      <c r="BF2919" s="53">
        <v>9472449.7721980494</v>
      </c>
      <c r="BG2919" s="53">
        <v>9510535.8747160006</v>
      </c>
      <c r="BH2919" s="53">
        <v>9564867.6463295408</v>
      </c>
      <c r="BI2919" s="53">
        <v>9634305.6461628005</v>
      </c>
      <c r="BJ2919" s="53">
        <v>9655911.7044461295</v>
      </c>
      <c r="BK2919" s="53">
        <v>9695286.7399003301</v>
      </c>
      <c r="BL2919" s="53">
        <v>9716034.4693227895</v>
      </c>
      <c r="BM2919" s="53">
        <v>9733988.7181780208</v>
      </c>
      <c r="BN2919" s="53">
        <v>114621313.51065899</v>
      </c>
      <c r="BO2919" s="53">
        <v>9876654.3775159996</v>
      </c>
      <c r="BP2919" s="53">
        <v>9891365.1858431809</v>
      </c>
      <c r="BQ2919" s="53">
        <v>9907319.5416215193</v>
      </c>
      <c r="BR2919" s="53">
        <v>9942099.8921780307</v>
      </c>
      <c r="BS2919" s="53">
        <v>9960550.8379892893</v>
      </c>
      <c r="BT2919" s="53">
        <v>9986300.6969475895</v>
      </c>
      <c r="BU2919" s="53">
        <v>10038500.5612454</v>
      </c>
      <c r="BV2919" s="53">
        <v>10116440.3297581</v>
      </c>
      <c r="BW2919" s="53">
        <v>10137533.5781515</v>
      </c>
      <c r="BX2919" s="53">
        <v>10177772.219191199</v>
      </c>
      <c r="BY2919" s="53">
        <v>10220375.2256312</v>
      </c>
      <c r="BZ2919" s="53">
        <v>10240178.7756714</v>
      </c>
      <c r="CA2919" s="53">
        <v>120495091.221744</v>
      </c>
      <c r="CB2919" s="53"/>
      <c r="CC2919" s="53"/>
      <c r="CD2919" s="53"/>
      <c r="CE2919" s="53"/>
      <c r="CF2919" s="53"/>
      <c r="CG2919" s="53"/>
      <c r="CH2919" s="53"/>
      <c r="CI2919" s="53"/>
      <c r="CJ2919" s="53"/>
      <c r="CK2919" s="53"/>
      <c r="CL2919" s="53"/>
      <c r="CM2919" s="53"/>
      <c r="CN2919" s="53"/>
    </row>
    <row r="2920" spans="1:92" outlineLevel="1">
      <c r="A2920" s="52" t="s">
        <v>1730</v>
      </c>
      <c r="B2920" s="53">
        <v>-109243572.17</v>
      </c>
      <c r="C2920" s="53">
        <v>-116532061.44</v>
      </c>
      <c r="D2920" s="53">
        <v>-88418621.509999901</v>
      </c>
      <c r="E2920" s="53">
        <v>-100258318.26000001</v>
      </c>
      <c r="F2920" s="53">
        <v>-97652921.299999893</v>
      </c>
      <c r="G2920" s="53">
        <v>-69043239.169999897</v>
      </c>
      <c r="H2920" s="53">
        <v>-92929309.340000093</v>
      </c>
      <c r="I2920" s="53">
        <v>-77668095.249999896</v>
      </c>
      <c r="J2920" s="53">
        <v>-58871518.119999804</v>
      </c>
      <c r="K2920" s="53">
        <v>-67451353.650000006</v>
      </c>
      <c r="L2920" s="53">
        <v>-71236025.319999903</v>
      </c>
      <c r="M2920" s="53">
        <v>-67558303.029999897</v>
      </c>
      <c r="N2920" s="53">
        <v>-67558303.029999897</v>
      </c>
      <c r="O2920" s="53">
        <v>-69471880.363343403</v>
      </c>
      <c r="P2920" s="53">
        <v>-72743881.194648296</v>
      </c>
      <c r="Q2920" s="53">
        <v>-77838173.1562033</v>
      </c>
      <c r="R2920" s="53">
        <v>-81580774.217792705</v>
      </c>
      <c r="S2920" s="53">
        <v>-85970928.591567501</v>
      </c>
      <c r="T2920" s="53">
        <v>-90023970.154350504</v>
      </c>
      <c r="U2920" s="53">
        <v>-92193257.647606999</v>
      </c>
      <c r="V2920" s="53">
        <v>-93731280.754629001</v>
      </c>
      <c r="W2920" s="53">
        <v>-97447181.428185195</v>
      </c>
      <c r="X2920" s="53">
        <v>-103169459.80302501</v>
      </c>
      <c r="Y2920" s="53">
        <v>-107963650.21993899</v>
      </c>
      <c r="Z2920" s="53">
        <v>-110593522.783301</v>
      </c>
      <c r="AA2920" s="53">
        <v>-110593522.783301</v>
      </c>
      <c r="AB2920" s="53">
        <v>-112574241.884552</v>
      </c>
      <c r="AC2920" s="53">
        <v>-116195188.109065</v>
      </c>
      <c r="AD2920" s="53">
        <v>-120524974.386631</v>
      </c>
      <c r="AE2920" s="53">
        <v>-124604087.237445</v>
      </c>
      <c r="AF2920" s="53">
        <v>-127676267.75503799</v>
      </c>
      <c r="AG2920" s="53">
        <v>-130661914.251019</v>
      </c>
      <c r="AH2920" s="53">
        <v>-133818551.811406</v>
      </c>
      <c r="AI2920" s="53">
        <v>-137716090.597956</v>
      </c>
      <c r="AJ2920" s="53">
        <v>-140040268.188272</v>
      </c>
      <c r="AK2920" s="53">
        <v>-142130889.49329799</v>
      </c>
      <c r="AL2920" s="53">
        <v>-144233992.518668</v>
      </c>
      <c r="AM2920" s="53">
        <v>-146076910.28005001</v>
      </c>
      <c r="AN2920" s="53">
        <v>-146076910.28005001</v>
      </c>
      <c r="AO2920" s="53">
        <v>-147799702.202638</v>
      </c>
      <c r="AP2920" s="53">
        <v>-150476120.86660901</v>
      </c>
      <c r="AQ2920" s="53">
        <v>-153348490.915234</v>
      </c>
      <c r="AR2920" s="53">
        <v>-156027119.04708201</v>
      </c>
      <c r="AS2920" s="53">
        <v>-157612045.13878</v>
      </c>
      <c r="AT2920" s="53">
        <v>-159080171.18402001</v>
      </c>
      <c r="AU2920" s="53">
        <v>-160765907.08896101</v>
      </c>
      <c r="AV2920" s="53">
        <v>-163288861.41571501</v>
      </c>
      <c r="AW2920" s="53">
        <v>-164454729.45702401</v>
      </c>
      <c r="AX2920" s="53">
        <v>-165380338.44419199</v>
      </c>
      <c r="AY2920" s="53">
        <v>-166639144.20152599</v>
      </c>
      <c r="AZ2920" s="53">
        <v>-167095216.09615099</v>
      </c>
      <c r="BA2920" s="53">
        <v>-167095216.09615099</v>
      </c>
      <c r="BB2920" s="53">
        <v>-167520667.82606</v>
      </c>
      <c r="BC2920" s="53">
        <v>-168908910.20928299</v>
      </c>
      <c r="BD2920" s="53">
        <v>-170492482.22728699</v>
      </c>
      <c r="BE2920" s="53">
        <v>-171879301.64986101</v>
      </c>
      <c r="BF2920" s="53">
        <v>-172184584.47031</v>
      </c>
      <c r="BG2920" s="53">
        <v>-172353676.765091</v>
      </c>
      <c r="BH2920" s="53">
        <v>-172746754.75792199</v>
      </c>
      <c r="BI2920" s="53">
        <v>-173926223.778202</v>
      </c>
      <c r="BJ2920" s="53">
        <v>-173745486.07888901</v>
      </c>
      <c r="BK2920" s="53">
        <v>-173366272.12865099</v>
      </c>
      <c r="BL2920" s="53">
        <v>-173317525.65414801</v>
      </c>
      <c r="BM2920" s="53">
        <v>-172464350.28742099</v>
      </c>
      <c r="BN2920" s="53">
        <v>-172464350.28742099</v>
      </c>
      <c r="BO2920" s="53">
        <v>-172638570.84914899</v>
      </c>
      <c r="BP2920" s="53">
        <v>-173793797.33811799</v>
      </c>
      <c r="BQ2920" s="53">
        <v>-175137611.054131</v>
      </c>
      <c r="BR2920" s="53">
        <v>-176288467.363262</v>
      </c>
      <c r="BS2920" s="53">
        <v>-176357823.38720599</v>
      </c>
      <c r="BT2920" s="53">
        <v>-176307436.39321399</v>
      </c>
      <c r="BU2920" s="53">
        <v>-176483899.36941901</v>
      </c>
      <c r="BV2920" s="53">
        <v>-177444758.870114</v>
      </c>
      <c r="BW2920" s="53">
        <v>-177035244.76348299</v>
      </c>
      <c r="BX2920" s="53">
        <v>-176425140.574056</v>
      </c>
      <c r="BY2920" s="53">
        <v>-176124786.988682</v>
      </c>
      <c r="BZ2920" s="53">
        <v>-175016201.37542</v>
      </c>
      <c r="CA2920" s="53">
        <v>-175016201.37542</v>
      </c>
      <c r="CB2920" s="53"/>
      <c r="CC2920" s="53"/>
      <c r="CD2920" s="53"/>
      <c r="CE2920" s="53"/>
      <c r="CF2920" s="53"/>
      <c r="CG2920" s="53"/>
      <c r="CH2920" s="53"/>
      <c r="CI2920" s="53"/>
      <c r="CJ2920" s="53"/>
      <c r="CK2920" s="53"/>
      <c r="CL2920" s="53"/>
      <c r="CM2920" s="53"/>
      <c r="CN2920" s="53"/>
    </row>
    <row r="2921" spans="1:92" outlineLevel="1">
      <c r="A2921" s="52" t="s">
        <v>1731</v>
      </c>
      <c r="B2921" s="53">
        <v>0</v>
      </c>
      <c r="C2921" s="53">
        <v>0</v>
      </c>
      <c r="D2921" s="53">
        <v>0</v>
      </c>
      <c r="E2921" s="53">
        <v>0</v>
      </c>
      <c r="F2921" s="53">
        <v>0</v>
      </c>
      <c r="G2921" s="53">
        <v>0</v>
      </c>
      <c r="H2921" s="53">
        <v>0</v>
      </c>
      <c r="I2921" s="53">
        <v>0</v>
      </c>
      <c r="J2921" s="53">
        <v>0</v>
      </c>
      <c r="K2921" s="53">
        <v>0</v>
      </c>
      <c r="L2921" s="53">
        <v>0</v>
      </c>
      <c r="M2921" s="53">
        <v>0</v>
      </c>
      <c r="N2921" s="53">
        <v>0</v>
      </c>
      <c r="O2921" s="53">
        <v>0</v>
      </c>
      <c r="P2921" s="53">
        <v>0</v>
      </c>
      <c r="Q2921" s="53">
        <v>0</v>
      </c>
      <c r="R2921" s="53">
        <v>0</v>
      </c>
      <c r="S2921" s="53">
        <v>0</v>
      </c>
      <c r="T2921" s="53">
        <v>0</v>
      </c>
      <c r="U2921" s="53">
        <v>0</v>
      </c>
      <c r="V2921" s="53">
        <v>0</v>
      </c>
      <c r="W2921" s="53">
        <v>0</v>
      </c>
      <c r="X2921" s="53">
        <v>0</v>
      </c>
      <c r="Y2921" s="53">
        <v>0</v>
      </c>
      <c r="Z2921" s="53">
        <v>0</v>
      </c>
      <c r="AA2921" s="53">
        <v>0</v>
      </c>
      <c r="AB2921" s="53">
        <v>0</v>
      </c>
      <c r="AC2921" s="53">
        <v>0</v>
      </c>
      <c r="AD2921" s="53">
        <v>0</v>
      </c>
      <c r="AE2921" s="53">
        <v>0</v>
      </c>
      <c r="AF2921" s="53">
        <v>0</v>
      </c>
      <c r="AG2921" s="53">
        <v>0</v>
      </c>
      <c r="AH2921" s="53">
        <v>0</v>
      </c>
      <c r="AI2921" s="53">
        <v>0</v>
      </c>
      <c r="AJ2921" s="53">
        <v>0</v>
      </c>
      <c r="AK2921" s="53">
        <v>0</v>
      </c>
      <c r="AL2921" s="53">
        <v>0</v>
      </c>
      <c r="AM2921" s="53">
        <v>0</v>
      </c>
      <c r="AN2921" s="53">
        <v>0</v>
      </c>
      <c r="AO2921" s="53">
        <v>0</v>
      </c>
      <c r="AP2921" s="53">
        <v>0</v>
      </c>
      <c r="AQ2921" s="53">
        <v>0</v>
      </c>
      <c r="AR2921" s="53">
        <v>0</v>
      </c>
      <c r="AS2921" s="53">
        <v>0</v>
      </c>
      <c r="AT2921" s="53">
        <v>0</v>
      </c>
      <c r="AU2921" s="53">
        <v>0</v>
      </c>
      <c r="AV2921" s="53">
        <v>0</v>
      </c>
      <c r="AW2921" s="53">
        <v>0</v>
      </c>
      <c r="AX2921" s="53">
        <v>0</v>
      </c>
      <c r="AY2921" s="53">
        <v>0</v>
      </c>
      <c r="AZ2921" s="53">
        <v>0</v>
      </c>
      <c r="BA2921" s="53">
        <v>0</v>
      </c>
      <c r="BB2921" s="53">
        <v>0</v>
      </c>
      <c r="BC2921" s="53">
        <v>0</v>
      </c>
      <c r="BD2921" s="53">
        <v>0</v>
      </c>
      <c r="BE2921" s="53">
        <v>0</v>
      </c>
      <c r="BF2921" s="53">
        <v>0</v>
      </c>
      <c r="BG2921" s="53">
        <v>0</v>
      </c>
      <c r="BH2921" s="53">
        <v>0</v>
      </c>
      <c r="BI2921" s="53">
        <v>0</v>
      </c>
      <c r="BJ2921" s="53">
        <v>0</v>
      </c>
      <c r="BK2921" s="53">
        <v>0</v>
      </c>
      <c r="BL2921" s="53">
        <v>0</v>
      </c>
      <c r="BM2921" s="53">
        <v>0</v>
      </c>
      <c r="BN2921" s="53">
        <v>0</v>
      </c>
      <c r="BO2921" s="53">
        <v>0</v>
      </c>
      <c r="BP2921" s="53">
        <v>0</v>
      </c>
      <c r="BQ2921" s="53">
        <v>0</v>
      </c>
      <c r="BR2921" s="53">
        <v>0</v>
      </c>
      <c r="BS2921" s="53">
        <v>0</v>
      </c>
      <c r="BT2921" s="53">
        <v>0</v>
      </c>
      <c r="BU2921" s="53">
        <v>0</v>
      </c>
      <c r="BV2921" s="53">
        <v>0</v>
      </c>
      <c r="BW2921" s="53">
        <v>0</v>
      </c>
      <c r="BX2921" s="53">
        <v>0</v>
      </c>
      <c r="BY2921" s="53">
        <v>0</v>
      </c>
      <c r="BZ2921" s="53">
        <v>0</v>
      </c>
      <c r="CA2921" s="53">
        <v>0</v>
      </c>
      <c r="CB2921" s="53">
        <v>90631.833333333299</v>
      </c>
      <c r="CC2921" s="53">
        <v>90631.833333333299</v>
      </c>
      <c r="CD2921" s="53">
        <v>90631.833333333299</v>
      </c>
      <c r="CE2921" s="53">
        <v>90631.833333333299</v>
      </c>
      <c r="CF2921" s="53">
        <v>90631.833333333299</v>
      </c>
      <c r="CG2921" s="53">
        <v>90631.833333333299</v>
      </c>
      <c r="CH2921" s="53">
        <v>90631.833333333299</v>
      </c>
      <c r="CI2921" s="53">
        <v>90631.833333333299</v>
      </c>
      <c r="CJ2921" s="53">
        <v>90631.833333333299</v>
      </c>
      <c r="CK2921" s="53">
        <v>90631.833333333299</v>
      </c>
      <c r="CL2921" s="53">
        <v>90631.833333333299</v>
      </c>
      <c r="CM2921" s="53">
        <v>90631.833333333299</v>
      </c>
      <c r="CN2921" s="53">
        <v>1087582</v>
      </c>
    </row>
    <row r="2922" spans="1:92" outlineLevel="1">
      <c r="A2922" s="52" t="s">
        <v>1218</v>
      </c>
      <c r="B2922" s="53">
        <v>698225832.31999898</v>
      </c>
      <c r="C2922" s="53">
        <v>713236507.5</v>
      </c>
      <c r="D2922" s="53">
        <v>702523734.67999899</v>
      </c>
      <c r="E2922" s="53">
        <v>772428947.39999998</v>
      </c>
      <c r="F2922" s="53">
        <v>769788861.30999899</v>
      </c>
      <c r="G2922" s="53">
        <v>758349541.87</v>
      </c>
      <c r="H2922" s="53">
        <v>751965714.01999903</v>
      </c>
      <c r="I2922" s="53">
        <v>724516571.01999903</v>
      </c>
      <c r="J2922" s="53">
        <v>733731183.61000001</v>
      </c>
      <c r="K2922" s="53">
        <v>770085333.03999996</v>
      </c>
      <c r="L2922" s="53">
        <v>756983733.20999897</v>
      </c>
      <c r="M2922" s="53">
        <v>734509809.67999995</v>
      </c>
      <c r="N2922" s="53">
        <v>698225832.31999898</v>
      </c>
      <c r="O2922" s="53">
        <v>632851448.62</v>
      </c>
      <c r="P2922" s="53">
        <v>628950437.28665602</v>
      </c>
      <c r="Q2922" s="53">
        <v>623691002.455351</v>
      </c>
      <c r="R2922" s="53">
        <v>616609276.49379599</v>
      </c>
      <c r="S2922" s="53">
        <v>609732102.87665105</v>
      </c>
      <c r="T2922" s="53">
        <v>602207375.94732106</v>
      </c>
      <c r="U2922" s="53">
        <v>595019761.828982</v>
      </c>
      <c r="V2922" s="53">
        <v>589715901.78016996</v>
      </c>
      <c r="W2922" s="53">
        <v>585043306.11759305</v>
      </c>
      <c r="X2922" s="53">
        <v>578192832.88848102</v>
      </c>
      <c r="Y2922" s="53">
        <v>569335981.95808494</v>
      </c>
      <c r="Z2922" s="53">
        <v>561407218.98561597</v>
      </c>
      <c r="AA2922" s="53">
        <v>632851448.62</v>
      </c>
      <c r="AB2922" s="53">
        <v>555642773.86669803</v>
      </c>
      <c r="AC2922" s="53">
        <v>551661470.43211305</v>
      </c>
      <c r="AD2922" s="53">
        <v>546039939.87426698</v>
      </c>
      <c r="AE2922" s="53">
        <v>539709569.26336801</v>
      </c>
      <c r="AF2922" s="53">
        <v>533629872.07922101</v>
      </c>
      <c r="AG2922" s="53">
        <v>528557107.22829503</v>
      </c>
      <c r="AH2922" s="53">
        <v>523570876.39898098</v>
      </c>
      <c r="AI2922" s="53">
        <v>518413654.50525999</v>
      </c>
      <c r="AJ2922" s="53">
        <v>512515531.38537699</v>
      </c>
      <c r="AK2922" s="53">
        <v>508190769.46172702</v>
      </c>
      <c r="AL2922" s="53">
        <v>504099563.82336801</v>
      </c>
      <c r="AM2922" s="53">
        <v>499995876.46466398</v>
      </c>
      <c r="AN2922" s="53">
        <v>555642773.86669803</v>
      </c>
      <c r="AO2922" s="53">
        <v>496152374.36995</v>
      </c>
      <c r="AP2922" s="53">
        <v>463494903.86402798</v>
      </c>
      <c r="AQ2922" s="53">
        <v>458883806.616723</v>
      </c>
      <c r="AR2922" s="53">
        <v>454076757.98476499</v>
      </c>
      <c r="AS2922" s="53">
        <v>449463451.26958501</v>
      </c>
      <c r="AT2922" s="53">
        <v>445943846.59455299</v>
      </c>
      <c r="AU2922" s="53">
        <v>442541041.96597898</v>
      </c>
      <c r="AV2922" s="53">
        <v>438920627.477705</v>
      </c>
      <c r="AW2922" s="53">
        <v>434462994.56761801</v>
      </c>
      <c r="AX2922" s="53">
        <v>431362447.94297498</v>
      </c>
      <c r="AY2922" s="53">
        <v>428502160.37247401</v>
      </c>
      <c r="AZ2922" s="53">
        <v>425308676.03180701</v>
      </c>
      <c r="BA2922" s="53">
        <v>496152374.36995</v>
      </c>
      <c r="BB2922" s="53">
        <v>422917925.55384898</v>
      </c>
      <c r="BC2922" s="53">
        <v>420545393.82393903</v>
      </c>
      <c r="BD2922" s="53">
        <v>417210071.44071603</v>
      </c>
      <c r="BE2922" s="53">
        <v>413679419.42271203</v>
      </c>
      <c r="BF2922" s="53">
        <v>410345520.00013798</v>
      </c>
      <c r="BG2922" s="53">
        <v>408093157.17968899</v>
      </c>
      <c r="BH2922" s="53">
        <v>405976984.88490897</v>
      </c>
      <c r="BI2922" s="53">
        <v>403636826.89207798</v>
      </c>
      <c r="BJ2922" s="53">
        <v>400510277.87179703</v>
      </c>
      <c r="BK2922" s="53">
        <v>398743935.57111001</v>
      </c>
      <c r="BL2922" s="53">
        <v>397176069.521348</v>
      </c>
      <c r="BM2922" s="53">
        <v>395277735.99585098</v>
      </c>
      <c r="BN2922" s="53">
        <v>422917925.55384898</v>
      </c>
      <c r="BO2922" s="53">
        <v>394183831.36257797</v>
      </c>
      <c r="BP2922" s="53">
        <v>392029776.05084997</v>
      </c>
      <c r="BQ2922" s="53">
        <v>388894714.81188101</v>
      </c>
      <c r="BR2922" s="53">
        <v>385571066.345869</v>
      </c>
      <c r="BS2922" s="53">
        <v>382440375.28673798</v>
      </c>
      <c r="BT2922" s="53">
        <v>380391184.512793</v>
      </c>
      <c r="BU2922" s="53">
        <v>378461736.75678498</v>
      </c>
      <c r="BV2922" s="53">
        <v>376305439.03057998</v>
      </c>
      <c r="BW2922" s="53">
        <v>373364744.77988499</v>
      </c>
      <c r="BX2922" s="53">
        <v>371794424.13651699</v>
      </c>
      <c r="BY2922" s="53">
        <v>370424693.57594299</v>
      </c>
      <c r="BZ2922" s="53">
        <v>368745212.411318</v>
      </c>
      <c r="CA2922" s="53">
        <v>394183831.36257797</v>
      </c>
      <c r="CB2922" s="53"/>
      <c r="CC2922" s="53"/>
      <c r="CD2922" s="53"/>
      <c r="CE2922" s="53"/>
      <c r="CF2922" s="53"/>
      <c r="CG2922" s="53"/>
      <c r="CH2922" s="53"/>
      <c r="CI2922" s="53"/>
      <c r="CJ2922" s="53"/>
      <c r="CK2922" s="53"/>
      <c r="CL2922" s="53"/>
      <c r="CM2922" s="53"/>
      <c r="CN2922" s="53"/>
    </row>
    <row r="2923" spans="1:92" outlineLevel="1">
      <c r="A2923" s="52" t="s">
        <v>699</v>
      </c>
      <c r="B2923" s="53"/>
      <c r="C2923" s="53"/>
      <c r="D2923" s="53"/>
      <c r="E2923" s="53"/>
      <c r="F2923" s="53"/>
      <c r="G2923" s="53"/>
      <c r="H2923" s="53"/>
      <c r="I2923" s="53"/>
      <c r="J2923" s="53"/>
      <c r="K2923" s="53"/>
      <c r="L2923" s="53"/>
      <c r="M2923" s="53"/>
      <c r="N2923" s="53"/>
      <c r="O2923" s="53"/>
      <c r="P2923" s="53"/>
      <c r="Q2923" s="53"/>
      <c r="R2923" s="53"/>
      <c r="S2923" s="53"/>
      <c r="T2923" s="53"/>
      <c r="U2923" s="53"/>
      <c r="V2923" s="53"/>
      <c r="W2923" s="53"/>
      <c r="X2923" s="53"/>
      <c r="Y2923" s="53"/>
      <c r="Z2923" s="53"/>
      <c r="AA2923" s="53"/>
      <c r="AB2923" s="53"/>
      <c r="AC2923" s="53"/>
      <c r="AD2923" s="53"/>
      <c r="AE2923" s="53"/>
      <c r="AF2923" s="53"/>
      <c r="AG2923" s="53"/>
      <c r="AH2923" s="53"/>
      <c r="AI2923" s="53"/>
      <c r="AJ2923" s="53"/>
      <c r="AK2923" s="53"/>
      <c r="AL2923" s="53"/>
      <c r="AM2923" s="53"/>
      <c r="AN2923" s="53"/>
      <c r="AO2923" s="53"/>
      <c r="AP2923" s="53"/>
      <c r="AQ2923" s="53"/>
      <c r="AR2923" s="53"/>
      <c r="AS2923" s="53"/>
      <c r="AT2923" s="53"/>
      <c r="AU2923" s="53"/>
      <c r="AV2923" s="53"/>
      <c r="AW2923" s="53"/>
      <c r="AX2923" s="53"/>
      <c r="AY2923" s="53"/>
      <c r="AZ2923" s="53"/>
      <c r="BA2923" s="53"/>
      <c r="BB2923" s="53"/>
      <c r="BC2923" s="53"/>
      <c r="BD2923" s="53"/>
      <c r="BE2923" s="53"/>
      <c r="BF2923" s="53"/>
      <c r="BG2923" s="53"/>
      <c r="BH2923" s="53"/>
      <c r="BI2923" s="53"/>
      <c r="BJ2923" s="53"/>
      <c r="BK2923" s="53"/>
      <c r="BL2923" s="53"/>
      <c r="BM2923" s="53"/>
      <c r="BN2923" s="53"/>
      <c r="BO2923" s="53"/>
      <c r="BP2923" s="53"/>
      <c r="BQ2923" s="53"/>
      <c r="BR2923" s="53"/>
      <c r="BS2923" s="53"/>
      <c r="BT2923" s="53"/>
      <c r="BU2923" s="53"/>
      <c r="BV2923" s="53"/>
      <c r="BW2923" s="53"/>
      <c r="BX2923" s="53"/>
      <c r="BY2923" s="53"/>
      <c r="BZ2923" s="53"/>
      <c r="CA2923" s="53"/>
      <c r="CB2923" s="53">
        <v>44492.666666666497</v>
      </c>
      <c r="CC2923" s="53">
        <v>44492.666666666497</v>
      </c>
      <c r="CD2923" s="53">
        <v>44492.666666666497</v>
      </c>
      <c r="CE2923" s="53">
        <v>44492.666666666497</v>
      </c>
      <c r="CF2923" s="53">
        <v>44492.666666666497</v>
      </c>
      <c r="CG2923" s="53">
        <v>44492.666666666497</v>
      </c>
      <c r="CH2923" s="53">
        <v>44492.666666666497</v>
      </c>
      <c r="CI2923" s="53">
        <v>44492.666666666497</v>
      </c>
      <c r="CJ2923" s="53">
        <v>44492.666666666497</v>
      </c>
      <c r="CK2923" s="53">
        <v>44492.666666666497</v>
      </c>
      <c r="CL2923" s="53">
        <v>44492.666666666497</v>
      </c>
      <c r="CM2923" s="53">
        <v>44492.666666666497</v>
      </c>
      <c r="CN2923" s="53">
        <v>533911.99999999895</v>
      </c>
    </row>
    <row r="2924" spans="1:92" outlineLevel="1">
      <c r="A2924" s="52" t="s">
        <v>673</v>
      </c>
      <c r="B2924" s="53"/>
      <c r="C2924" s="53"/>
      <c r="D2924" s="53"/>
      <c r="E2924" s="53"/>
      <c r="F2924" s="53"/>
      <c r="G2924" s="53"/>
      <c r="H2924" s="53"/>
      <c r="I2924" s="53"/>
      <c r="J2924" s="53"/>
      <c r="K2924" s="53"/>
      <c r="L2924" s="53"/>
      <c r="M2924" s="53"/>
      <c r="N2924" s="53"/>
      <c r="O2924" s="53"/>
      <c r="P2924" s="53"/>
      <c r="Q2924" s="53"/>
      <c r="R2924" s="53"/>
      <c r="S2924" s="53"/>
      <c r="T2924" s="53"/>
      <c r="U2924" s="53"/>
      <c r="V2924" s="53"/>
      <c r="W2924" s="53"/>
      <c r="X2924" s="53"/>
      <c r="Y2924" s="53"/>
      <c r="Z2924" s="53"/>
      <c r="AA2924" s="53"/>
      <c r="AB2924" s="53"/>
      <c r="AC2924" s="53"/>
      <c r="AD2924" s="53"/>
      <c r="AE2924" s="53"/>
      <c r="AF2924" s="53"/>
      <c r="AG2924" s="53"/>
      <c r="AH2924" s="53"/>
      <c r="AI2924" s="53"/>
      <c r="AJ2924" s="53"/>
      <c r="AK2924" s="53"/>
      <c r="AL2924" s="53"/>
      <c r="AM2924" s="53"/>
      <c r="AN2924" s="53"/>
      <c r="AO2924" s="53"/>
      <c r="AP2924" s="53"/>
      <c r="AQ2924" s="53"/>
      <c r="AR2924" s="53"/>
      <c r="AS2924" s="53"/>
      <c r="AT2924" s="53"/>
      <c r="AU2924" s="53"/>
      <c r="AV2924" s="53"/>
      <c r="AW2924" s="53"/>
      <c r="AX2924" s="53"/>
      <c r="AY2924" s="53"/>
      <c r="AZ2924" s="53"/>
      <c r="BA2924" s="53"/>
      <c r="BB2924" s="53"/>
      <c r="BC2924" s="53"/>
      <c r="BD2924" s="53"/>
      <c r="BE2924" s="53"/>
      <c r="BF2924" s="53"/>
      <c r="BG2924" s="53"/>
      <c r="BH2924" s="53"/>
      <c r="BI2924" s="53"/>
      <c r="BJ2924" s="53"/>
      <c r="BK2924" s="53"/>
      <c r="BL2924" s="53"/>
      <c r="BM2924" s="53"/>
      <c r="BN2924" s="53"/>
      <c r="BO2924" s="53"/>
      <c r="BP2924" s="53"/>
      <c r="BQ2924" s="53"/>
      <c r="BR2924" s="53"/>
      <c r="BS2924" s="53"/>
      <c r="BT2924" s="53"/>
      <c r="BU2924" s="53"/>
      <c r="BV2924" s="53"/>
      <c r="BW2924" s="53"/>
      <c r="BX2924" s="53"/>
      <c r="BY2924" s="53"/>
      <c r="BZ2924" s="53"/>
      <c r="CA2924" s="53"/>
      <c r="CB2924" s="53"/>
      <c r="CC2924" s="53"/>
      <c r="CD2924" s="53"/>
      <c r="CE2924" s="53"/>
      <c r="CF2924" s="53"/>
      <c r="CG2924" s="53"/>
      <c r="CH2924" s="53"/>
      <c r="CI2924" s="53"/>
      <c r="CJ2924" s="53"/>
      <c r="CK2924" s="53"/>
      <c r="CL2924" s="53"/>
      <c r="CM2924" s="53"/>
      <c r="CN2924" s="53"/>
    </row>
    <row r="2925" spans="1:92" outlineLevel="1">
      <c r="A2925" s="52" t="s">
        <v>1520</v>
      </c>
      <c r="B2925" s="53"/>
      <c r="C2925" s="53"/>
      <c r="D2925" s="53"/>
      <c r="E2925" s="53"/>
      <c r="F2925" s="53"/>
      <c r="G2925" s="53"/>
      <c r="H2925" s="53"/>
      <c r="I2925" s="53"/>
      <c r="J2925" s="53"/>
      <c r="K2925" s="53"/>
      <c r="L2925" s="53"/>
      <c r="M2925" s="53"/>
      <c r="N2925" s="53"/>
      <c r="O2925" s="53"/>
      <c r="P2925" s="53"/>
      <c r="Q2925" s="53"/>
      <c r="R2925" s="53"/>
      <c r="S2925" s="53"/>
      <c r="T2925" s="53"/>
      <c r="U2925" s="53"/>
      <c r="V2925" s="53"/>
      <c r="W2925" s="53"/>
      <c r="X2925" s="53"/>
      <c r="Y2925" s="53"/>
      <c r="Z2925" s="53"/>
      <c r="AA2925" s="53"/>
      <c r="AB2925" s="53"/>
      <c r="AC2925" s="53"/>
      <c r="AD2925" s="53"/>
      <c r="AE2925" s="53"/>
      <c r="AF2925" s="53"/>
      <c r="AG2925" s="53"/>
      <c r="AH2925" s="53"/>
      <c r="AI2925" s="53"/>
      <c r="AJ2925" s="53"/>
      <c r="AK2925" s="53"/>
      <c r="AL2925" s="53"/>
      <c r="AM2925" s="53"/>
      <c r="AN2925" s="53"/>
      <c r="AO2925" s="53"/>
      <c r="AP2925" s="53"/>
      <c r="AQ2925" s="53"/>
      <c r="AR2925" s="53"/>
      <c r="AS2925" s="53"/>
      <c r="AT2925" s="53"/>
      <c r="AU2925" s="53"/>
      <c r="AV2925" s="53"/>
      <c r="AW2925" s="53"/>
      <c r="AX2925" s="53"/>
      <c r="AY2925" s="53"/>
      <c r="AZ2925" s="53"/>
      <c r="BA2925" s="53"/>
      <c r="BB2925" s="53"/>
      <c r="BC2925" s="53"/>
      <c r="BD2925" s="53"/>
      <c r="BE2925" s="53"/>
      <c r="BF2925" s="53"/>
      <c r="BG2925" s="53"/>
      <c r="BH2925" s="53"/>
      <c r="BI2925" s="53"/>
      <c r="BJ2925" s="53"/>
      <c r="BK2925" s="53"/>
      <c r="BL2925" s="53"/>
      <c r="BM2925" s="53"/>
      <c r="BN2925" s="53"/>
      <c r="BO2925" s="53"/>
      <c r="BP2925" s="53"/>
      <c r="BQ2925" s="53"/>
      <c r="BR2925" s="53"/>
      <c r="BS2925" s="53"/>
      <c r="BT2925" s="53"/>
      <c r="BU2925" s="53"/>
      <c r="BV2925" s="53"/>
      <c r="BW2925" s="53"/>
      <c r="BX2925" s="53"/>
      <c r="BY2925" s="53"/>
      <c r="BZ2925" s="53"/>
      <c r="CA2925" s="53"/>
      <c r="CB2925" s="53"/>
      <c r="CC2925" s="53"/>
      <c r="CD2925" s="53"/>
      <c r="CE2925" s="53"/>
      <c r="CF2925" s="53"/>
      <c r="CG2925" s="53"/>
      <c r="CH2925" s="53"/>
      <c r="CI2925" s="53"/>
      <c r="CJ2925" s="53"/>
      <c r="CK2925" s="53"/>
      <c r="CL2925" s="53"/>
      <c r="CM2925" s="53"/>
      <c r="CN2925" s="53"/>
    </row>
    <row r="2926" spans="1:92" outlineLevel="1">
      <c r="A2926" s="52" t="s">
        <v>649</v>
      </c>
      <c r="B2926" s="53">
        <v>-49532600</v>
      </c>
      <c r="C2926" s="53">
        <v>-13701929.999999899</v>
      </c>
      <c r="D2926" s="53">
        <v>-21369310</v>
      </c>
      <c r="E2926" s="53">
        <v>-52134260</v>
      </c>
      <c r="F2926" s="53">
        <v>-45052590</v>
      </c>
      <c r="G2926" s="53">
        <v>-44743879.999999903</v>
      </c>
      <c r="H2926" s="53">
        <v>-19071120</v>
      </c>
      <c r="I2926" s="53">
        <v>-20102889.999999899</v>
      </c>
      <c r="J2926" s="53">
        <v>-28170880</v>
      </c>
      <c r="K2926" s="53">
        <v>-18342059.999999899</v>
      </c>
      <c r="L2926" s="53">
        <v>-11259660</v>
      </c>
      <c r="M2926" s="53">
        <v>-112475200</v>
      </c>
      <c r="N2926" s="53">
        <v>-435956380</v>
      </c>
      <c r="O2926" s="53">
        <v>-8142821.3115744004</v>
      </c>
      <c r="P2926" s="53">
        <v>-10542594.613081099</v>
      </c>
      <c r="Q2926" s="53">
        <v>-12382804.366219301</v>
      </c>
      <c r="R2926" s="53">
        <v>-11098361.701905901</v>
      </c>
      <c r="S2926" s="53">
        <v>-11762132.9542941</v>
      </c>
      <c r="T2926" s="53">
        <v>-11477400.705452699</v>
      </c>
      <c r="U2926" s="53">
        <v>-9635670.8464655001</v>
      </c>
      <c r="V2926" s="53">
        <v>-9029064.0355952401</v>
      </c>
      <c r="W2926" s="53">
        <v>-11223658.545841301</v>
      </c>
      <c r="X2926" s="53">
        <v>-13263897.4348695</v>
      </c>
      <c r="Y2926" s="53">
        <v>-12352307.531198099</v>
      </c>
      <c r="Z2926" s="53">
        <v>-10205959.087228499</v>
      </c>
      <c r="AA2926" s="53">
        <v>-131116673.133726</v>
      </c>
      <c r="AB2926" s="53">
        <v>-9804773.6157705802</v>
      </c>
      <c r="AC2926" s="53">
        <v>-11457866.700318901</v>
      </c>
      <c r="AD2926" s="53">
        <v>-12269556.206738301</v>
      </c>
      <c r="AE2926" s="53">
        <v>-12060435.753611101</v>
      </c>
      <c r="AF2926" s="53">
        <v>-11069931.3451088</v>
      </c>
      <c r="AG2926" s="53">
        <v>-11001107.4155141</v>
      </c>
      <c r="AH2926" s="53">
        <v>-11220203.889342999</v>
      </c>
      <c r="AI2926" s="53">
        <v>-11976627.673650401</v>
      </c>
      <c r="AJ2926" s="53">
        <v>-10418595.9307463</v>
      </c>
      <c r="AK2926" s="53">
        <v>-10217570.536063701</v>
      </c>
      <c r="AL2926" s="53">
        <v>-10304266.1630976</v>
      </c>
      <c r="AM2926" s="53">
        <v>-10060591.749775</v>
      </c>
      <c r="AN2926" s="53">
        <v>-131861526.979738</v>
      </c>
      <c r="AO2926" s="53">
        <v>-10271988.5360114</v>
      </c>
      <c r="AP2926" s="53">
        <v>-11260268.9555362</v>
      </c>
      <c r="AQ2926" s="53">
        <v>-11471264.2898903</v>
      </c>
      <c r="AR2926" s="53">
        <v>-11315478.882906999</v>
      </c>
      <c r="AS2926" s="53">
        <v>-10252062.4524568</v>
      </c>
      <c r="AT2926" s="53">
        <v>-10153830.120303901</v>
      </c>
      <c r="AU2926" s="53">
        <v>-10432124.804749301</v>
      </c>
      <c r="AV2926" s="53">
        <v>-11287751.379008001</v>
      </c>
      <c r="AW2926" s="53">
        <v>-9949482.9827644303</v>
      </c>
      <c r="AX2926" s="53">
        <v>-9790420.6641364004</v>
      </c>
      <c r="AY2926" s="53">
        <v>-10141600.451407099</v>
      </c>
      <c r="AZ2926" s="53">
        <v>-9355186.5776413698</v>
      </c>
      <c r="BA2926" s="53">
        <v>-125681460.09681199</v>
      </c>
      <c r="BB2926" s="53">
        <v>-9717895.3637301996</v>
      </c>
      <c r="BC2926" s="53">
        <v>-10706400.1599728</v>
      </c>
      <c r="BD2926" s="53">
        <v>-10917200.7646276</v>
      </c>
      <c r="BE2926" s="53">
        <v>-10761343.194166301</v>
      </c>
      <c r="BF2926" s="53">
        <v>-9697937.8399923593</v>
      </c>
      <c r="BG2926" s="53">
        <v>-9599833.4168414008</v>
      </c>
      <c r="BH2926" s="53">
        <v>-9878150.8865057696</v>
      </c>
      <c r="BI2926" s="53">
        <v>-10733979.9137883</v>
      </c>
      <c r="BJ2926" s="53">
        <v>-9395379.2524781693</v>
      </c>
      <c r="BK2926" s="53">
        <v>-9236278.0370073505</v>
      </c>
      <c r="BL2926" s="53">
        <v>-9587493.2421651501</v>
      </c>
      <c r="BM2926" s="53">
        <v>-8801018.5987963006</v>
      </c>
      <c r="BN2926" s="53">
        <v>-119032910.67007101</v>
      </c>
      <c r="BO2926" s="53">
        <v>-9971080.1865897309</v>
      </c>
      <c r="BP2926" s="53">
        <v>-10966796.9221568</v>
      </c>
      <c r="BQ2926" s="53">
        <v>-11171338.5049794</v>
      </c>
      <c r="BR2926" s="53">
        <v>-11013161.4486541</v>
      </c>
      <c r="BS2926" s="53">
        <v>-9950112.1092787795</v>
      </c>
      <c r="BT2926" s="53">
        <v>-9856118.9503013194</v>
      </c>
      <c r="BU2926" s="53">
        <v>-10135168.7847954</v>
      </c>
      <c r="BV2926" s="53">
        <v>-10997505.077798501</v>
      </c>
      <c r="BW2926" s="53">
        <v>-9648224.7188650705</v>
      </c>
      <c r="BX2926" s="53">
        <v>-9487873.2771101091</v>
      </c>
      <c r="BY2926" s="53">
        <v>-9840226.8876015507</v>
      </c>
      <c r="BZ2926" s="53">
        <v>-9051798.4097553305</v>
      </c>
      <c r="CA2926" s="53">
        <v>-122089405.277886</v>
      </c>
      <c r="CB2926" s="53">
        <v>-355385</v>
      </c>
      <c r="CC2926" s="53">
        <v>-355385</v>
      </c>
      <c r="CD2926" s="53">
        <v>-355385</v>
      </c>
      <c r="CE2926" s="53">
        <v>-355385</v>
      </c>
      <c r="CF2926" s="53">
        <v>-355385</v>
      </c>
      <c r="CG2926" s="53">
        <v>-355385</v>
      </c>
      <c r="CH2926" s="53">
        <v>-355385</v>
      </c>
      <c r="CI2926" s="53">
        <v>-355385</v>
      </c>
      <c r="CJ2926" s="53">
        <v>-355385</v>
      </c>
      <c r="CK2926" s="53">
        <v>-355385</v>
      </c>
      <c r="CL2926" s="53">
        <v>-355385</v>
      </c>
      <c r="CM2926" s="53">
        <v>-355385</v>
      </c>
      <c r="CN2926" s="53">
        <v>-4264620</v>
      </c>
    </row>
    <row r="2927" spans="1:92" outlineLevel="1">
      <c r="A2927" s="52" t="s">
        <v>750</v>
      </c>
      <c r="B2927" s="53"/>
      <c r="C2927" s="53"/>
      <c r="D2927" s="53"/>
      <c r="E2927" s="53"/>
      <c r="F2927" s="53"/>
      <c r="G2927" s="53"/>
      <c r="H2927" s="53"/>
      <c r="I2927" s="53"/>
      <c r="J2927" s="53"/>
      <c r="K2927" s="53"/>
      <c r="L2927" s="53"/>
      <c r="M2927" s="53"/>
      <c r="N2927" s="53"/>
      <c r="O2927" s="53"/>
      <c r="P2927" s="53"/>
      <c r="Q2927" s="53"/>
      <c r="R2927" s="53"/>
      <c r="S2927" s="53"/>
      <c r="T2927" s="53"/>
      <c r="U2927" s="53"/>
      <c r="V2927" s="53"/>
      <c r="W2927" s="53"/>
      <c r="X2927" s="53"/>
      <c r="Y2927" s="53"/>
      <c r="Z2927" s="53"/>
      <c r="AA2927" s="53"/>
      <c r="AB2927" s="53"/>
      <c r="AC2927" s="53"/>
      <c r="AD2927" s="53"/>
      <c r="AE2927" s="53"/>
      <c r="AF2927" s="53"/>
      <c r="AG2927" s="53"/>
      <c r="AH2927" s="53"/>
      <c r="AI2927" s="53"/>
      <c r="AJ2927" s="53"/>
      <c r="AK2927" s="53"/>
      <c r="AL2927" s="53"/>
      <c r="AM2927" s="53"/>
      <c r="AN2927" s="53"/>
      <c r="AO2927" s="53"/>
      <c r="AP2927" s="53"/>
      <c r="AQ2927" s="53"/>
      <c r="AR2927" s="53"/>
      <c r="AS2927" s="53"/>
      <c r="AT2927" s="53"/>
      <c r="AU2927" s="53"/>
      <c r="AV2927" s="53"/>
      <c r="AW2927" s="53"/>
      <c r="AX2927" s="53"/>
      <c r="AY2927" s="53"/>
      <c r="AZ2927" s="53"/>
      <c r="BA2927" s="53"/>
      <c r="BB2927" s="53"/>
      <c r="BC2927" s="53"/>
      <c r="BD2927" s="53"/>
      <c r="BE2927" s="53"/>
      <c r="BF2927" s="53"/>
      <c r="BG2927" s="53"/>
      <c r="BH2927" s="53"/>
      <c r="BI2927" s="53"/>
      <c r="BJ2927" s="53"/>
      <c r="BK2927" s="53"/>
      <c r="BL2927" s="53"/>
      <c r="BM2927" s="53"/>
      <c r="BN2927" s="53"/>
      <c r="BO2927" s="53"/>
      <c r="BP2927" s="53"/>
      <c r="BQ2927" s="53"/>
      <c r="BR2927" s="53"/>
      <c r="BS2927" s="53"/>
      <c r="BT2927" s="53"/>
      <c r="BU2927" s="53"/>
      <c r="BV2927" s="53"/>
      <c r="BW2927" s="53"/>
      <c r="BX2927" s="53"/>
      <c r="BY2927" s="53"/>
      <c r="BZ2927" s="53"/>
      <c r="CA2927" s="53"/>
      <c r="CB2927" s="53"/>
      <c r="CC2927" s="53"/>
      <c r="CD2927" s="53"/>
      <c r="CE2927" s="53"/>
      <c r="CF2927" s="53"/>
      <c r="CG2927" s="53"/>
      <c r="CH2927" s="53"/>
      <c r="CI2927" s="53"/>
      <c r="CJ2927" s="53"/>
      <c r="CK2927" s="53"/>
      <c r="CL2927" s="53"/>
      <c r="CM2927" s="53"/>
      <c r="CN2927" s="53"/>
    </row>
    <row r="2928" spans="1:92" outlineLevel="1">
      <c r="A2928" s="52" t="s">
        <v>1385</v>
      </c>
      <c r="B2928" s="53"/>
      <c r="C2928" s="53"/>
      <c r="D2928" s="53"/>
      <c r="E2928" s="53"/>
      <c r="F2928" s="53"/>
      <c r="G2928" s="53"/>
      <c r="H2928" s="53"/>
      <c r="I2928" s="53"/>
      <c r="J2928" s="53"/>
      <c r="K2928" s="53"/>
      <c r="L2928" s="53"/>
      <c r="M2928" s="53"/>
      <c r="N2928" s="53"/>
      <c r="O2928" s="53"/>
      <c r="P2928" s="53"/>
      <c r="Q2928" s="53"/>
      <c r="R2928" s="53"/>
      <c r="S2928" s="53"/>
      <c r="T2928" s="53"/>
      <c r="U2928" s="53"/>
      <c r="V2928" s="53"/>
      <c r="W2928" s="53"/>
      <c r="X2928" s="53"/>
      <c r="Y2928" s="53"/>
      <c r="Z2928" s="53"/>
      <c r="AA2928" s="53"/>
      <c r="AB2928" s="53"/>
      <c r="AC2928" s="53"/>
      <c r="AD2928" s="53"/>
      <c r="AE2928" s="53"/>
      <c r="AF2928" s="53"/>
      <c r="AG2928" s="53"/>
      <c r="AH2928" s="53"/>
      <c r="AI2928" s="53"/>
      <c r="AJ2928" s="53"/>
      <c r="AK2928" s="53"/>
      <c r="AL2928" s="53"/>
      <c r="AM2928" s="53"/>
      <c r="AN2928" s="53"/>
      <c r="AO2928" s="53"/>
      <c r="AP2928" s="53"/>
      <c r="AQ2928" s="53"/>
      <c r="AR2928" s="53"/>
      <c r="AS2928" s="53"/>
      <c r="AT2928" s="53"/>
      <c r="AU2928" s="53"/>
      <c r="AV2928" s="53"/>
      <c r="AW2928" s="53"/>
      <c r="AX2928" s="53"/>
      <c r="AY2928" s="53"/>
      <c r="AZ2928" s="53"/>
      <c r="BA2928" s="53"/>
      <c r="BB2928" s="53"/>
      <c r="BC2928" s="53"/>
      <c r="BD2928" s="53"/>
      <c r="BE2928" s="53"/>
      <c r="BF2928" s="53"/>
      <c r="BG2928" s="53"/>
      <c r="BH2928" s="53"/>
      <c r="BI2928" s="53"/>
      <c r="BJ2928" s="53"/>
      <c r="BK2928" s="53"/>
      <c r="BL2928" s="53"/>
      <c r="BM2928" s="53"/>
      <c r="BN2928" s="53"/>
      <c r="BO2928" s="53"/>
      <c r="BP2928" s="53"/>
      <c r="BQ2928" s="53"/>
      <c r="BR2928" s="53"/>
      <c r="BS2928" s="53"/>
      <c r="BT2928" s="53"/>
      <c r="BU2928" s="53"/>
      <c r="BV2928" s="53"/>
      <c r="BW2928" s="53"/>
      <c r="BX2928" s="53"/>
      <c r="BY2928" s="53"/>
      <c r="BZ2928" s="53"/>
      <c r="CA2928" s="53"/>
      <c r="CB2928" s="53"/>
      <c r="CC2928" s="53"/>
      <c r="CD2928" s="53"/>
      <c r="CE2928" s="53"/>
      <c r="CF2928" s="53"/>
      <c r="CG2928" s="53"/>
      <c r="CH2928" s="53"/>
      <c r="CI2928" s="53"/>
      <c r="CJ2928" s="53"/>
      <c r="CK2928" s="53"/>
      <c r="CL2928" s="53"/>
      <c r="CM2928" s="53"/>
      <c r="CN2928" s="53"/>
    </row>
    <row r="2929" spans="1:92" outlineLevel="1">
      <c r="A2929" s="52" t="s">
        <v>649</v>
      </c>
      <c r="B2929" s="53">
        <v>-109280</v>
      </c>
      <c r="C2929" s="53">
        <v>-109280</v>
      </c>
      <c r="D2929" s="53">
        <v>-109280</v>
      </c>
      <c r="E2929" s="53">
        <v>-109280</v>
      </c>
      <c r="F2929" s="53">
        <v>-109280</v>
      </c>
      <c r="G2929" s="53">
        <v>-109280</v>
      </c>
      <c r="H2929" s="53">
        <v>-109280</v>
      </c>
      <c r="I2929" s="53">
        <v>-109280</v>
      </c>
      <c r="J2929" s="53">
        <v>-109280</v>
      </c>
      <c r="K2929" s="53">
        <v>-89940</v>
      </c>
      <c r="L2929" s="53">
        <v>-89940</v>
      </c>
      <c r="M2929" s="53">
        <v>-89940</v>
      </c>
      <c r="N2929" s="53">
        <v>-1253340</v>
      </c>
      <c r="O2929" s="53">
        <v>-89948.085988144201</v>
      </c>
      <c r="P2929" s="53">
        <v>-89948.085988144201</v>
      </c>
      <c r="Q2929" s="53">
        <v>-89948.085988144201</v>
      </c>
      <c r="R2929" s="53">
        <v>-89948.085988144201</v>
      </c>
      <c r="S2929" s="53">
        <v>-89948.085988144201</v>
      </c>
      <c r="T2929" s="53">
        <v>-89948.085988144201</v>
      </c>
      <c r="U2929" s="53">
        <v>-89948.085988144201</v>
      </c>
      <c r="V2929" s="53">
        <v>-89948.085988144201</v>
      </c>
      <c r="W2929" s="53">
        <v>-89948.085988144201</v>
      </c>
      <c r="X2929" s="53">
        <v>-89948.085988144201</v>
      </c>
      <c r="Y2929" s="53">
        <v>-89948.085988144201</v>
      </c>
      <c r="Z2929" s="53">
        <v>-89948.085988144303</v>
      </c>
      <c r="AA2929" s="53">
        <v>-1079377.0318577299</v>
      </c>
      <c r="AB2929" s="53">
        <v>-89948.085988144201</v>
      </c>
      <c r="AC2929" s="53">
        <v>-89948.085988144201</v>
      </c>
      <c r="AD2929" s="53">
        <v>-89948.085988144201</v>
      </c>
      <c r="AE2929" s="53">
        <v>-89948.085988144303</v>
      </c>
      <c r="AF2929" s="53">
        <v>-89948.085988144303</v>
      </c>
      <c r="AG2929" s="53">
        <v>-89948.085988144303</v>
      </c>
      <c r="AH2929" s="53">
        <v>-89948.085988144303</v>
      </c>
      <c r="AI2929" s="53">
        <v>-89948.085988144303</v>
      </c>
      <c r="AJ2929" s="53">
        <v>-89948.085988144303</v>
      </c>
      <c r="AK2929" s="53">
        <v>-89948.085988144201</v>
      </c>
      <c r="AL2929" s="53">
        <v>-89948.085988144201</v>
      </c>
      <c r="AM2929" s="53">
        <v>-89948.085988144099</v>
      </c>
      <c r="AN2929" s="53">
        <v>-1079377.0318577299</v>
      </c>
      <c r="AO2929" s="53">
        <v>-79794.752654810902</v>
      </c>
      <c r="AP2929" s="53">
        <v>-79794.752654810902</v>
      </c>
      <c r="AQ2929" s="53">
        <v>-79794.752654810902</v>
      </c>
      <c r="AR2929" s="53">
        <v>-79794.752654810902</v>
      </c>
      <c r="AS2929" s="53">
        <v>-79794.752654810902</v>
      </c>
      <c r="AT2929" s="53">
        <v>-79794.752654810902</v>
      </c>
      <c r="AU2929" s="53">
        <v>-79794.752654810902</v>
      </c>
      <c r="AV2929" s="53">
        <v>-79794.752654810902</v>
      </c>
      <c r="AW2929" s="53">
        <v>-79794.752654810902</v>
      </c>
      <c r="AX2929" s="53">
        <v>-79794.752654810902</v>
      </c>
      <c r="AY2929" s="53">
        <v>-79794.752654810902</v>
      </c>
      <c r="AZ2929" s="53">
        <v>-79794.752654810902</v>
      </c>
      <c r="BA2929" s="53">
        <v>-957537.03185773105</v>
      </c>
      <c r="BB2929" s="53">
        <v>-79794.752654810902</v>
      </c>
      <c r="BC2929" s="53">
        <v>-79794.752654810902</v>
      </c>
      <c r="BD2929" s="53">
        <v>-79794.752654810902</v>
      </c>
      <c r="BE2929" s="53">
        <v>-79794.752654810902</v>
      </c>
      <c r="BF2929" s="53">
        <v>-79794.752654810902</v>
      </c>
      <c r="BG2929" s="53">
        <v>-79794.752654810902</v>
      </c>
      <c r="BH2929" s="53">
        <v>-79794.752654810902</v>
      </c>
      <c r="BI2929" s="53">
        <v>-79794.752654810902</v>
      </c>
      <c r="BJ2929" s="53">
        <v>-79794.752654810902</v>
      </c>
      <c r="BK2929" s="53">
        <v>-79794.752654810902</v>
      </c>
      <c r="BL2929" s="53">
        <v>-79794.752654810902</v>
      </c>
      <c r="BM2929" s="53">
        <v>-79794.752654810902</v>
      </c>
      <c r="BN2929" s="53">
        <v>-957537.03185773105</v>
      </c>
      <c r="BO2929" s="53">
        <v>-79794.752654810902</v>
      </c>
      <c r="BP2929" s="53">
        <v>-79794.752654810902</v>
      </c>
      <c r="BQ2929" s="53">
        <v>-79794.752654810902</v>
      </c>
      <c r="BR2929" s="53">
        <v>-79794.752654810902</v>
      </c>
      <c r="BS2929" s="53">
        <v>-79794.752654810902</v>
      </c>
      <c r="BT2929" s="53">
        <v>-79794.752654810902</v>
      </c>
      <c r="BU2929" s="53">
        <v>-79794.752654810902</v>
      </c>
      <c r="BV2929" s="53">
        <v>-79794.752654810902</v>
      </c>
      <c r="BW2929" s="53">
        <v>-79794.752654810902</v>
      </c>
      <c r="BX2929" s="53">
        <v>-79794.752654810902</v>
      </c>
      <c r="BY2929" s="53">
        <v>-79794.752654810902</v>
      </c>
      <c r="BZ2929" s="53">
        <v>-79794.752654810902</v>
      </c>
      <c r="CA2929" s="53">
        <v>-957537.03185773105</v>
      </c>
      <c r="CB2929" s="53"/>
      <c r="CC2929" s="53"/>
      <c r="CD2929" s="53"/>
      <c r="CE2929" s="53"/>
      <c r="CF2929" s="53"/>
      <c r="CG2929" s="53"/>
      <c r="CH2929" s="53"/>
      <c r="CI2929" s="53"/>
      <c r="CJ2929" s="53"/>
      <c r="CK2929" s="53"/>
      <c r="CL2929" s="53"/>
      <c r="CM2929" s="53"/>
      <c r="CN2929" s="53"/>
    </row>
    <row r="2930" spans="1:92">
      <c r="A2930" s="52" t="s">
        <v>650</v>
      </c>
      <c r="B2930" s="53"/>
      <c r="C2930" s="53"/>
      <c r="D2930" s="53"/>
      <c r="E2930" s="53"/>
      <c r="F2930" s="53"/>
      <c r="G2930" s="53"/>
      <c r="H2930" s="53"/>
      <c r="I2930" s="53"/>
      <c r="J2930" s="53"/>
      <c r="K2930" s="53"/>
      <c r="L2930" s="53"/>
      <c r="M2930" s="53"/>
      <c r="N2930" s="53"/>
      <c r="O2930" s="53"/>
      <c r="P2930" s="53"/>
      <c r="Q2930" s="53"/>
      <c r="R2930" s="53"/>
      <c r="S2930" s="53"/>
      <c r="T2930" s="53"/>
      <c r="U2930" s="53"/>
      <c r="V2930" s="53"/>
      <c r="W2930" s="53"/>
      <c r="X2930" s="53"/>
      <c r="Y2930" s="53"/>
      <c r="Z2930" s="53"/>
      <c r="AA2930" s="53"/>
      <c r="AB2930" s="53"/>
      <c r="AC2930" s="53"/>
      <c r="AD2930" s="53"/>
      <c r="AE2930" s="53"/>
      <c r="AF2930" s="53"/>
      <c r="AG2930" s="53"/>
      <c r="AH2930" s="53"/>
      <c r="AI2930" s="53"/>
      <c r="AJ2930" s="53"/>
      <c r="AK2930" s="53"/>
      <c r="AL2930" s="53"/>
      <c r="AM2930" s="53"/>
      <c r="AN2930" s="53"/>
      <c r="AO2930" s="53"/>
      <c r="AP2930" s="53"/>
      <c r="AQ2930" s="53"/>
      <c r="AR2930" s="53"/>
      <c r="AS2930" s="53"/>
      <c r="AT2930" s="53"/>
      <c r="AU2930" s="53"/>
      <c r="AV2930" s="53"/>
      <c r="AW2930" s="53"/>
      <c r="AX2930" s="53"/>
      <c r="AY2930" s="53"/>
      <c r="AZ2930" s="53"/>
      <c r="BA2930" s="53"/>
      <c r="BB2930" s="53"/>
      <c r="BC2930" s="53"/>
      <c r="BD2930" s="53"/>
      <c r="BE2930" s="53"/>
      <c r="BF2930" s="53"/>
      <c r="BG2930" s="53"/>
      <c r="BH2930" s="53"/>
      <c r="BI2930" s="53"/>
      <c r="BJ2930" s="53"/>
      <c r="BK2930" s="53"/>
      <c r="BL2930" s="53"/>
      <c r="BM2930" s="53"/>
      <c r="BN2930" s="53"/>
      <c r="BO2930" s="53"/>
      <c r="BP2930" s="53"/>
      <c r="BQ2930" s="53"/>
      <c r="BR2930" s="53"/>
      <c r="BS2930" s="53"/>
      <c r="BT2930" s="53"/>
      <c r="BU2930" s="53"/>
      <c r="BV2930" s="53"/>
      <c r="BW2930" s="53"/>
      <c r="BX2930" s="53"/>
      <c r="BY2930" s="53"/>
      <c r="BZ2930" s="53"/>
      <c r="CA2930" s="53"/>
      <c r="CB2930" s="53">
        <v>10635897.274225701</v>
      </c>
      <c r="CC2930" s="53">
        <v>10846350.2420482</v>
      </c>
      <c r="CD2930" s="53">
        <v>10275474.654750301</v>
      </c>
      <c r="CE2930" s="53">
        <v>8764534.2034978997</v>
      </c>
      <c r="CF2930" s="53">
        <v>7751278.7869478604</v>
      </c>
      <c r="CG2930" s="53">
        <v>7236684.0452761399</v>
      </c>
      <c r="CH2930" s="53">
        <v>7225027.4822321301</v>
      </c>
      <c r="CI2930" s="53">
        <v>7223498.5982780801</v>
      </c>
      <c r="CJ2930" s="53">
        <v>7150318.9687357303</v>
      </c>
      <c r="CK2930" s="53">
        <v>7862363.9665323095</v>
      </c>
      <c r="CL2930" s="53">
        <v>9385504.8733291402</v>
      </c>
      <c r="CM2930" s="53">
        <v>8988787.2571279295</v>
      </c>
      <c r="CN2930" s="53">
        <v>103345720.352981</v>
      </c>
    </row>
    <row r="2931" spans="1:92">
      <c r="A2931" s="52" t="s">
        <v>1436</v>
      </c>
      <c r="B2931" s="53"/>
      <c r="C2931" s="53"/>
      <c r="D2931" s="53"/>
      <c r="E2931" s="53"/>
      <c r="F2931" s="53"/>
      <c r="G2931" s="53"/>
      <c r="H2931" s="53"/>
      <c r="I2931" s="53"/>
      <c r="J2931" s="53"/>
      <c r="K2931" s="53"/>
      <c r="L2931" s="53"/>
      <c r="M2931" s="53"/>
      <c r="N2931" s="53"/>
      <c r="O2931" s="53"/>
      <c r="P2931" s="53"/>
      <c r="Q2931" s="53"/>
      <c r="R2931" s="53"/>
      <c r="S2931" s="53"/>
      <c r="T2931" s="53"/>
      <c r="U2931" s="53"/>
      <c r="V2931" s="53"/>
      <c r="W2931" s="53"/>
      <c r="X2931" s="53"/>
      <c r="Y2931" s="53"/>
      <c r="Z2931" s="53"/>
      <c r="AA2931" s="53"/>
      <c r="AB2931" s="53"/>
      <c r="AC2931" s="53"/>
      <c r="AD2931" s="53"/>
      <c r="AE2931" s="53"/>
      <c r="AF2931" s="53"/>
      <c r="AG2931" s="53"/>
      <c r="AH2931" s="53"/>
      <c r="AI2931" s="53"/>
      <c r="AJ2931" s="53"/>
      <c r="AK2931" s="53"/>
      <c r="AL2931" s="53"/>
      <c r="AM2931" s="53"/>
      <c r="AN2931" s="53"/>
      <c r="AO2931" s="53"/>
      <c r="AP2931" s="53"/>
      <c r="AQ2931" s="53"/>
      <c r="AR2931" s="53"/>
      <c r="AS2931" s="53"/>
      <c r="AT2931" s="53"/>
      <c r="AU2931" s="53"/>
      <c r="AV2931" s="53"/>
      <c r="AW2931" s="53"/>
      <c r="AX2931" s="53"/>
      <c r="AY2931" s="53"/>
      <c r="AZ2931" s="53"/>
      <c r="BA2931" s="53"/>
      <c r="BB2931" s="53"/>
      <c r="BC2931" s="53"/>
      <c r="BD2931" s="53"/>
      <c r="BE2931" s="53"/>
      <c r="BF2931" s="53"/>
      <c r="BG2931" s="53"/>
      <c r="BH2931" s="53"/>
      <c r="BI2931" s="53"/>
      <c r="BJ2931" s="53"/>
      <c r="BK2931" s="53"/>
      <c r="BL2931" s="53"/>
      <c r="BM2931" s="53"/>
      <c r="BN2931" s="53"/>
      <c r="BO2931" s="53"/>
      <c r="BP2931" s="53"/>
      <c r="BQ2931" s="53"/>
      <c r="BR2931" s="53"/>
      <c r="BS2931" s="53"/>
      <c r="BT2931" s="53"/>
      <c r="BU2931" s="53"/>
      <c r="BV2931" s="53"/>
      <c r="BW2931" s="53"/>
      <c r="BX2931" s="53"/>
      <c r="BY2931" s="53"/>
      <c r="BZ2931" s="53"/>
      <c r="CA2931" s="53"/>
      <c r="CB2931" s="53"/>
      <c r="CC2931" s="53"/>
      <c r="CD2931" s="53"/>
      <c r="CE2931" s="53"/>
      <c r="CF2931" s="53"/>
      <c r="CG2931" s="53"/>
      <c r="CH2931" s="53"/>
      <c r="CI2931" s="53"/>
      <c r="CJ2931" s="53"/>
      <c r="CK2931" s="53"/>
      <c r="CL2931" s="53"/>
      <c r="CM2931" s="53"/>
      <c r="CN2931" s="53"/>
    </row>
    <row r="2932" spans="1:92">
      <c r="A2932" s="52" t="s">
        <v>649</v>
      </c>
      <c r="B2932" s="53"/>
      <c r="C2932" s="53"/>
      <c r="D2932" s="53"/>
      <c r="E2932" s="53"/>
      <c r="F2932" s="53"/>
      <c r="G2932" s="53"/>
      <c r="H2932" s="53"/>
      <c r="I2932" s="53"/>
      <c r="J2932" s="53"/>
      <c r="K2932" s="53"/>
      <c r="L2932" s="53"/>
      <c r="M2932" s="53"/>
      <c r="N2932" s="53"/>
      <c r="O2932" s="53"/>
      <c r="P2932" s="53"/>
      <c r="Q2932" s="53"/>
      <c r="R2932" s="53"/>
      <c r="S2932" s="53"/>
      <c r="T2932" s="53"/>
      <c r="U2932" s="53"/>
      <c r="V2932" s="53"/>
      <c r="W2932" s="53"/>
      <c r="X2932" s="53"/>
      <c r="Y2932" s="53"/>
      <c r="Z2932" s="53"/>
      <c r="AA2932" s="53"/>
      <c r="AB2932" s="53"/>
      <c r="AC2932" s="53"/>
      <c r="AD2932" s="53"/>
      <c r="AE2932" s="53"/>
      <c r="AF2932" s="53"/>
      <c r="AG2932" s="53"/>
      <c r="AH2932" s="53"/>
      <c r="AI2932" s="53"/>
      <c r="AJ2932" s="53"/>
      <c r="AK2932" s="53"/>
      <c r="AL2932" s="53"/>
      <c r="AM2932" s="53"/>
      <c r="AN2932" s="53"/>
      <c r="AO2932" s="53">
        <v>-29000000</v>
      </c>
      <c r="AP2932" s="53"/>
      <c r="AQ2932" s="53"/>
      <c r="AR2932" s="53"/>
      <c r="AS2932" s="53"/>
      <c r="AT2932" s="53"/>
      <c r="AU2932" s="53"/>
      <c r="AV2932" s="53"/>
      <c r="AW2932" s="53"/>
      <c r="AX2932" s="53"/>
      <c r="AY2932" s="53"/>
      <c r="AZ2932" s="53"/>
      <c r="BA2932" s="53">
        <v>-29000000</v>
      </c>
      <c r="BB2932" s="53"/>
      <c r="BC2932" s="53"/>
      <c r="BD2932" s="53"/>
      <c r="BE2932" s="53"/>
      <c r="BF2932" s="53"/>
      <c r="BG2932" s="53"/>
      <c r="BH2932" s="53"/>
      <c r="BI2932" s="53"/>
      <c r="BJ2932" s="53"/>
      <c r="BK2932" s="53"/>
      <c r="BL2932" s="53"/>
      <c r="BM2932" s="53"/>
      <c r="BN2932" s="53"/>
      <c r="BO2932" s="53"/>
      <c r="BP2932" s="53"/>
      <c r="BQ2932" s="53"/>
      <c r="BR2932" s="53"/>
      <c r="BS2932" s="53"/>
      <c r="BT2932" s="53"/>
      <c r="BU2932" s="53"/>
      <c r="BV2932" s="53"/>
      <c r="BW2932" s="53"/>
      <c r="BX2932" s="53"/>
      <c r="BY2932" s="53"/>
      <c r="BZ2932" s="53"/>
      <c r="CA2932" s="53"/>
      <c r="CB2932" s="53"/>
      <c r="CC2932" s="53"/>
      <c r="CD2932" s="53"/>
      <c r="CE2932" s="53"/>
      <c r="CF2932" s="53"/>
      <c r="CG2932" s="53"/>
      <c r="CH2932" s="53"/>
      <c r="CI2932" s="53"/>
      <c r="CJ2932" s="53"/>
      <c r="CK2932" s="53"/>
      <c r="CL2932" s="53"/>
      <c r="CM2932" s="53"/>
      <c r="CN2932" s="53"/>
    </row>
    <row r="2933" spans="1:92">
      <c r="A2933" s="52" t="s">
        <v>1687</v>
      </c>
      <c r="B2933" s="53"/>
      <c r="C2933" s="53"/>
      <c r="D2933" s="53"/>
      <c r="E2933" s="53"/>
      <c r="F2933" s="53"/>
      <c r="G2933" s="53"/>
      <c r="H2933" s="53"/>
      <c r="I2933" s="53"/>
      <c r="J2933" s="53"/>
      <c r="K2933" s="53"/>
      <c r="L2933" s="53"/>
      <c r="M2933" s="53"/>
      <c r="N2933" s="53"/>
      <c r="O2933" s="53"/>
      <c r="P2933" s="53"/>
      <c r="Q2933" s="53"/>
      <c r="R2933" s="53"/>
      <c r="S2933" s="53"/>
      <c r="T2933" s="53"/>
      <c r="U2933" s="53"/>
      <c r="V2933" s="53"/>
      <c r="W2933" s="53"/>
      <c r="X2933" s="53"/>
      <c r="Y2933" s="53"/>
      <c r="Z2933" s="53"/>
      <c r="AA2933" s="53"/>
      <c r="AB2933" s="53"/>
      <c r="AC2933" s="53"/>
      <c r="AD2933" s="53"/>
      <c r="AE2933" s="53"/>
      <c r="AF2933" s="53"/>
      <c r="AG2933" s="53"/>
      <c r="AH2933" s="53"/>
      <c r="AI2933" s="53"/>
      <c r="AJ2933" s="53"/>
      <c r="AK2933" s="53"/>
      <c r="AL2933" s="53"/>
      <c r="AM2933" s="53"/>
      <c r="AN2933" s="53"/>
      <c r="AO2933" s="53"/>
      <c r="AP2933" s="53"/>
      <c r="AQ2933" s="53"/>
      <c r="AR2933" s="53"/>
      <c r="AS2933" s="53"/>
      <c r="AT2933" s="53"/>
      <c r="AU2933" s="53"/>
      <c r="AV2933" s="53"/>
      <c r="AW2933" s="53"/>
      <c r="AX2933" s="53"/>
      <c r="AY2933" s="53"/>
      <c r="AZ2933" s="53"/>
      <c r="BA2933" s="53"/>
      <c r="BB2933" s="53"/>
      <c r="BC2933" s="53"/>
      <c r="BD2933" s="53"/>
      <c r="BE2933" s="53"/>
      <c r="BF2933" s="53"/>
      <c r="BG2933" s="53"/>
      <c r="BH2933" s="53"/>
      <c r="BI2933" s="53"/>
      <c r="BJ2933" s="53"/>
      <c r="BK2933" s="53"/>
      <c r="BL2933" s="53"/>
      <c r="BM2933" s="53"/>
      <c r="BN2933" s="53"/>
      <c r="BO2933" s="53"/>
      <c r="BP2933" s="53"/>
      <c r="BQ2933" s="53"/>
      <c r="BR2933" s="53"/>
      <c r="BS2933" s="53"/>
      <c r="BT2933" s="53"/>
      <c r="BU2933" s="53"/>
      <c r="BV2933" s="53"/>
      <c r="BW2933" s="53"/>
      <c r="BX2933" s="53"/>
      <c r="BY2933" s="53"/>
      <c r="BZ2933" s="53"/>
      <c r="CA2933" s="53"/>
      <c r="CB2933" s="53">
        <v>3562423.1820731498</v>
      </c>
      <c r="CC2933" s="53">
        <v>3620749.77935324</v>
      </c>
      <c r="CD2933" s="53">
        <v>3462532.8113442701</v>
      </c>
      <c r="CE2933" s="53">
        <v>3043778.8440029402</v>
      </c>
      <c r="CF2933" s="53">
        <v>2762957.2369973902</v>
      </c>
      <c r="CG2933" s="53">
        <v>2620338.3869498</v>
      </c>
      <c r="CH2933" s="53">
        <v>2617107.7950252802</v>
      </c>
      <c r="CI2933" s="53">
        <v>2616684.06805389</v>
      </c>
      <c r="CJ2933" s="53">
        <v>2596402.4876818601</v>
      </c>
      <c r="CK2933" s="53">
        <v>2793744.2608177201</v>
      </c>
      <c r="CL2933" s="53">
        <v>3215879.5587457898</v>
      </c>
      <c r="CM2933" s="53">
        <v>3105930.1060319301</v>
      </c>
      <c r="CN2933" s="53">
        <v>36018528.517077297</v>
      </c>
    </row>
    <row r="2934" spans="1:92">
      <c r="A2934" s="52" t="s">
        <v>1725</v>
      </c>
      <c r="B2934" s="53"/>
      <c r="C2934" s="53"/>
      <c r="D2934" s="53"/>
      <c r="E2934" s="53"/>
      <c r="F2934" s="53"/>
      <c r="G2934" s="53"/>
      <c r="H2934" s="53"/>
      <c r="I2934" s="53"/>
      <c r="J2934" s="53"/>
      <c r="K2934" s="53"/>
      <c r="L2934" s="53"/>
      <c r="M2934" s="53"/>
      <c r="N2934" s="53"/>
      <c r="O2934" s="53"/>
      <c r="P2934" s="53"/>
      <c r="Q2934" s="53"/>
      <c r="R2934" s="53"/>
      <c r="S2934" s="53"/>
      <c r="T2934" s="53"/>
      <c r="U2934" s="53"/>
      <c r="V2934" s="53"/>
      <c r="W2934" s="53"/>
      <c r="X2934" s="53"/>
      <c r="Y2934" s="53"/>
      <c r="Z2934" s="53"/>
      <c r="AA2934" s="53"/>
      <c r="AB2934" s="53"/>
      <c r="AC2934" s="53"/>
      <c r="AD2934" s="53"/>
      <c r="AE2934" s="53"/>
      <c r="AF2934" s="53"/>
      <c r="AG2934" s="53"/>
      <c r="AH2934" s="53"/>
      <c r="AI2934" s="53"/>
      <c r="AJ2934" s="53"/>
      <c r="AK2934" s="53"/>
      <c r="AL2934" s="53"/>
      <c r="AM2934" s="53"/>
      <c r="AN2934" s="53"/>
      <c r="AO2934" s="53"/>
      <c r="AP2934" s="53"/>
      <c r="AQ2934" s="53"/>
      <c r="AR2934" s="53"/>
      <c r="AS2934" s="53"/>
      <c r="AT2934" s="53"/>
      <c r="AU2934" s="53"/>
      <c r="AV2934" s="53"/>
      <c r="AW2934" s="53"/>
      <c r="AX2934" s="53"/>
      <c r="AY2934" s="53"/>
      <c r="AZ2934" s="53"/>
      <c r="BA2934" s="53"/>
      <c r="BB2934" s="53"/>
      <c r="BC2934" s="53"/>
      <c r="BD2934" s="53"/>
      <c r="BE2934" s="53"/>
      <c r="BF2934" s="53"/>
      <c r="BG2934" s="53"/>
      <c r="BH2934" s="53"/>
      <c r="BI2934" s="53"/>
      <c r="BJ2934" s="53"/>
      <c r="BK2934" s="53"/>
      <c r="BL2934" s="53"/>
      <c r="BM2934" s="53"/>
      <c r="BN2934" s="53"/>
      <c r="BO2934" s="53"/>
      <c r="BP2934" s="53"/>
      <c r="BQ2934" s="53"/>
      <c r="BR2934" s="53"/>
      <c r="BS2934" s="53"/>
      <c r="BT2934" s="53"/>
      <c r="BU2934" s="53"/>
      <c r="BV2934" s="53"/>
      <c r="BW2934" s="53"/>
      <c r="BX2934" s="53"/>
      <c r="BY2934" s="53"/>
      <c r="BZ2934" s="53"/>
      <c r="CA2934" s="53"/>
      <c r="CB2934" s="53"/>
      <c r="CC2934" s="53"/>
      <c r="CD2934" s="53"/>
      <c r="CE2934" s="53"/>
      <c r="CF2934" s="53"/>
      <c r="CG2934" s="53"/>
      <c r="CH2934" s="53"/>
      <c r="CI2934" s="53"/>
      <c r="CJ2934" s="53"/>
      <c r="CK2934" s="53"/>
      <c r="CL2934" s="53"/>
      <c r="CM2934" s="53"/>
      <c r="CN2934" s="53"/>
    </row>
    <row r="2935" spans="1:92">
      <c r="A2935" s="52" t="s">
        <v>649</v>
      </c>
      <c r="B2935" s="53"/>
      <c r="C2935" s="53"/>
      <c r="D2935" s="53"/>
      <c r="E2935" s="53"/>
      <c r="F2935" s="53"/>
      <c r="G2935" s="53"/>
      <c r="H2935" s="53"/>
      <c r="I2935" s="53"/>
      <c r="J2935" s="53"/>
      <c r="K2935" s="53"/>
      <c r="L2935" s="53"/>
      <c r="M2935" s="53"/>
      <c r="N2935" s="53"/>
      <c r="O2935" s="53">
        <v>-2618509.2243750002</v>
      </c>
      <c r="P2935" s="53">
        <v>-2618509.2243750002</v>
      </c>
      <c r="Q2935" s="53">
        <v>-2618509.2243750002</v>
      </c>
      <c r="R2935" s="53">
        <v>-3765647.7799305599</v>
      </c>
      <c r="S2935" s="53">
        <v>-3765647.7799305599</v>
      </c>
      <c r="T2935" s="53">
        <v>-3765647.7799305599</v>
      </c>
      <c r="U2935" s="53">
        <v>-3765647.7799305599</v>
      </c>
      <c r="V2935" s="53">
        <v>-3765647.7799305599</v>
      </c>
      <c r="W2935" s="53">
        <v>-3765647.7799305599</v>
      </c>
      <c r="X2935" s="53">
        <v>-3765647.7799305599</v>
      </c>
      <c r="Y2935" s="53">
        <v>-3765647.7799305599</v>
      </c>
      <c r="Z2935" s="53">
        <v>-3765647.7799305599</v>
      </c>
      <c r="AA2935" s="53">
        <v>-41746357.692500003</v>
      </c>
      <c r="AB2935" s="53">
        <v>-4388870.2495274898</v>
      </c>
      <c r="AC2935" s="53">
        <v>-4388870.2495274898</v>
      </c>
      <c r="AD2935" s="53">
        <v>-4388870.2495274898</v>
      </c>
      <c r="AE2935" s="53">
        <v>-4388870.2495274898</v>
      </c>
      <c r="AF2935" s="53">
        <v>-4388870.2495274898</v>
      </c>
      <c r="AG2935" s="53">
        <v>-4388870.2495274898</v>
      </c>
      <c r="AH2935" s="53">
        <v>-4388870.2495274898</v>
      </c>
      <c r="AI2935" s="53">
        <v>-4388870.2495274898</v>
      </c>
      <c r="AJ2935" s="53">
        <v>-4388870.2495274898</v>
      </c>
      <c r="AK2935" s="53">
        <v>-4388870.2495274898</v>
      </c>
      <c r="AL2935" s="53">
        <v>-4388870.2495274898</v>
      </c>
      <c r="AM2935" s="53">
        <v>-4388870.2495274898</v>
      </c>
      <c r="AN2935" s="53">
        <v>-52666442.9943299</v>
      </c>
      <c r="AO2935" s="53">
        <v>-5253169.3333333302</v>
      </c>
      <c r="AP2935" s="53">
        <v>-5253169.3333333302</v>
      </c>
      <c r="AQ2935" s="53">
        <v>-5253169.3333333302</v>
      </c>
      <c r="AR2935" s="53">
        <v>-5253169.3333333302</v>
      </c>
      <c r="AS2935" s="53">
        <v>-5253169.3333333302</v>
      </c>
      <c r="AT2935" s="53">
        <v>-5253169.3333333302</v>
      </c>
      <c r="AU2935" s="53">
        <v>-5253169.3333333302</v>
      </c>
      <c r="AV2935" s="53">
        <v>-5253169.3333333302</v>
      </c>
      <c r="AW2935" s="53">
        <v>-5253169.3333333302</v>
      </c>
      <c r="AX2935" s="53">
        <v>-5253169.3333333302</v>
      </c>
      <c r="AY2935" s="53">
        <v>-5253169.3333333302</v>
      </c>
      <c r="AZ2935" s="53">
        <v>-5253169.3333333302</v>
      </c>
      <c r="BA2935" s="53">
        <v>-63038031.999999903</v>
      </c>
      <c r="BB2935" s="53">
        <v>-7932402.2177273501</v>
      </c>
      <c r="BC2935" s="53">
        <v>-7932402.2177273501</v>
      </c>
      <c r="BD2935" s="53">
        <v>-7932402.2177273501</v>
      </c>
      <c r="BE2935" s="53">
        <v>-7932402.2177273501</v>
      </c>
      <c r="BF2935" s="53">
        <v>-7932402.2177273501</v>
      </c>
      <c r="BG2935" s="53">
        <v>-7932402.2177273501</v>
      </c>
      <c r="BH2935" s="53">
        <v>-7932402.2177273501</v>
      </c>
      <c r="BI2935" s="53">
        <v>-7932402.2177273501</v>
      </c>
      <c r="BJ2935" s="53">
        <v>-7932402.2177273501</v>
      </c>
      <c r="BK2935" s="53">
        <v>-7932402.2177273501</v>
      </c>
      <c r="BL2935" s="53">
        <v>-7932402.2177273501</v>
      </c>
      <c r="BM2935" s="53">
        <v>-7932402.2177273501</v>
      </c>
      <c r="BN2935" s="53">
        <v>-95188826.612728104</v>
      </c>
      <c r="BO2935" s="53">
        <v>-9706836.634939</v>
      </c>
      <c r="BP2935" s="53">
        <v>-9706836.634939</v>
      </c>
      <c r="BQ2935" s="53">
        <v>-9706836.634939</v>
      </c>
      <c r="BR2935" s="53">
        <v>-9706836.634939</v>
      </c>
      <c r="BS2935" s="53">
        <v>-9706836.634939</v>
      </c>
      <c r="BT2935" s="53">
        <v>-9706836.634939</v>
      </c>
      <c r="BU2935" s="53">
        <v>-9706836.634939</v>
      </c>
      <c r="BV2935" s="53">
        <v>-9706836.634939</v>
      </c>
      <c r="BW2935" s="53">
        <v>-9706836.634939</v>
      </c>
      <c r="BX2935" s="53">
        <v>-9706836.634939</v>
      </c>
      <c r="BY2935" s="53">
        <v>-9706836.634939</v>
      </c>
      <c r="BZ2935" s="53">
        <v>-9706836.634939</v>
      </c>
      <c r="CA2935" s="53">
        <v>-116482039.619267</v>
      </c>
      <c r="CB2935" s="53"/>
      <c r="CC2935" s="53"/>
      <c r="CD2935" s="53"/>
      <c r="CE2935" s="53"/>
      <c r="CF2935" s="53"/>
      <c r="CG2935" s="53"/>
      <c r="CH2935" s="53"/>
      <c r="CI2935" s="53"/>
      <c r="CJ2935" s="53"/>
      <c r="CK2935" s="53"/>
      <c r="CL2935" s="53"/>
      <c r="CM2935" s="53"/>
      <c r="CN2935" s="53"/>
    </row>
    <row r="2936" spans="1:92" outlineLevel="1">
      <c r="A2936" s="52" t="s">
        <v>672</v>
      </c>
      <c r="B2936" s="53"/>
      <c r="C2936" s="53"/>
      <c r="D2936" s="53"/>
      <c r="E2936" s="53"/>
      <c r="F2936" s="53"/>
      <c r="G2936" s="53"/>
      <c r="H2936" s="53"/>
      <c r="I2936" s="53"/>
      <c r="J2936" s="53"/>
      <c r="K2936" s="53"/>
      <c r="L2936" s="53"/>
      <c r="M2936" s="53"/>
      <c r="N2936" s="53"/>
      <c r="O2936" s="53"/>
      <c r="P2936" s="53"/>
      <c r="Q2936" s="53"/>
      <c r="R2936" s="53"/>
      <c r="S2936" s="53"/>
      <c r="T2936" s="53"/>
      <c r="U2936" s="53"/>
      <c r="V2936" s="53"/>
      <c r="W2936" s="53"/>
      <c r="X2936" s="53"/>
      <c r="Y2936" s="53"/>
      <c r="Z2936" s="53"/>
      <c r="AA2936" s="53"/>
      <c r="AB2936" s="53"/>
      <c r="AC2936" s="53"/>
      <c r="AD2936" s="53"/>
      <c r="AE2936" s="53"/>
      <c r="AF2936" s="53"/>
      <c r="AG2936" s="53"/>
      <c r="AH2936" s="53"/>
      <c r="AI2936" s="53"/>
      <c r="AJ2936" s="53"/>
      <c r="AK2936" s="53"/>
      <c r="AL2936" s="53"/>
      <c r="AM2936" s="53"/>
      <c r="AN2936" s="53"/>
      <c r="AO2936" s="53"/>
      <c r="AP2936" s="53"/>
      <c r="AQ2936" s="53"/>
      <c r="AR2936" s="53"/>
      <c r="AS2936" s="53"/>
      <c r="AT2936" s="53"/>
      <c r="AU2936" s="53"/>
      <c r="AV2936" s="53"/>
      <c r="AW2936" s="53"/>
      <c r="AX2936" s="53"/>
      <c r="AY2936" s="53"/>
      <c r="AZ2936" s="53"/>
      <c r="BA2936" s="53"/>
      <c r="BB2936" s="53"/>
      <c r="BC2936" s="53"/>
      <c r="BD2936" s="53"/>
      <c r="BE2936" s="53"/>
      <c r="BF2936" s="53"/>
      <c r="BG2936" s="53"/>
      <c r="BH2936" s="53"/>
      <c r="BI2936" s="53"/>
      <c r="BJ2936" s="53"/>
      <c r="BK2936" s="53"/>
      <c r="BL2936" s="53"/>
      <c r="BM2936" s="53"/>
      <c r="BN2936" s="53"/>
      <c r="BO2936" s="53"/>
      <c r="BP2936" s="53"/>
      <c r="BQ2936" s="53"/>
      <c r="BR2936" s="53"/>
      <c r="BS2936" s="53"/>
      <c r="BT2936" s="53"/>
      <c r="BU2936" s="53"/>
      <c r="BV2936" s="53"/>
      <c r="BW2936" s="53"/>
      <c r="BX2936" s="53"/>
      <c r="BY2936" s="53"/>
      <c r="BZ2936" s="53"/>
      <c r="CA2936" s="53"/>
      <c r="CB2936" s="53"/>
      <c r="CC2936" s="53"/>
      <c r="CD2936" s="53"/>
      <c r="CE2936" s="53">
        <v>2139049.0324459602</v>
      </c>
      <c r="CF2936" s="53"/>
      <c r="CG2936" s="53">
        <v>2139049.0324459602</v>
      </c>
      <c r="CH2936" s="53"/>
      <c r="CI2936" s="53"/>
      <c r="CJ2936" s="53">
        <v>-389417.81489192997</v>
      </c>
      <c r="CK2936" s="53"/>
      <c r="CL2936" s="53"/>
      <c r="CM2936" s="53">
        <v>6207896.75</v>
      </c>
      <c r="CN2936" s="53">
        <v>10096577</v>
      </c>
    </row>
    <row r="2937" spans="1:92" outlineLevel="1">
      <c r="A2937" s="52" t="s">
        <v>750</v>
      </c>
      <c r="B2937" s="53"/>
      <c r="C2937" s="53"/>
      <c r="D2937" s="53"/>
      <c r="E2937" s="53"/>
      <c r="F2937" s="53"/>
      <c r="G2937" s="53"/>
      <c r="H2937" s="53"/>
      <c r="I2937" s="53"/>
      <c r="J2937" s="53"/>
      <c r="K2937" s="53"/>
      <c r="L2937" s="53"/>
      <c r="M2937" s="53"/>
      <c r="N2937" s="53"/>
      <c r="O2937" s="53"/>
      <c r="P2937" s="53"/>
      <c r="Q2937" s="53"/>
      <c r="R2937" s="53"/>
      <c r="S2937" s="53"/>
      <c r="T2937" s="53"/>
      <c r="U2937" s="53"/>
      <c r="V2937" s="53"/>
      <c r="W2937" s="53"/>
      <c r="X2937" s="53"/>
      <c r="Y2937" s="53"/>
      <c r="Z2937" s="53"/>
      <c r="AA2937" s="53"/>
      <c r="AB2937" s="53"/>
      <c r="AC2937" s="53"/>
      <c r="AD2937" s="53"/>
      <c r="AE2937" s="53"/>
      <c r="AF2937" s="53"/>
      <c r="AG2937" s="53"/>
      <c r="AH2937" s="53"/>
      <c r="AI2937" s="53"/>
      <c r="AJ2937" s="53"/>
      <c r="AK2937" s="53"/>
      <c r="AL2937" s="53"/>
      <c r="AM2937" s="53"/>
      <c r="AN2937" s="53"/>
      <c r="AO2937" s="53"/>
      <c r="AP2937" s="53"/>
      <c r="AQ2937" s="53"/>
      <c r="AR2937" s="53"/>
      <c r="AS2937" s="53"/>
      <c r="AT2937" s="53"/>
      <c r="AU2937" s="53"/>
      <c r="AV2937" s="53"/>
      <c r="AW2937" s="53"/>
      <c r="AX2937" s="53"/>
      <c r="AY2937" s="53"/>
      <c r="AZ2937" s="53"/>
      <c r="BA2937" s="53"/>
      <c r="BB2937" s="53"/>
      <c r="BC2937" s="53"/>
      <c r="BD2937" s="53"/>
      <c r="BE2937" s="53"/>
      <c r="BF2937" s="53"/>
      <c r="BG2937" s="53"/>
      <c r="BH2937" s="53"/>
      <c r="BI2937" s="53"/>
      <c r="BJ2937" s="53"/>
      <c r="BK2937" s="53"/>
      <c r="BL2937" s="53"/>
      <c r="BM2937" s="53"/>
      <c r="BN2937" s="53"/>
      <c r="BO2937" s="53"/>
      <c r="BP2937" s="53"/>
      <c r="BQ2937" s="53"/>
      <c r="BR2937" s="53"/>
      <c r="BS2937" s="53"/>
      <c r="BT2937" s="53"/>
      <c r="BU2937" s="53"/>
      <c r="BV2937" s="53"/>
      <c r="BW2937" s="53"/>
      <c r="BX2937" s="53"/>
      <c r="BY2937" s="53"/>
      <c r="BZ2937" s="53"/>
      <c r="CA2937" s="53"/>
      <c r="CB2937" s="53"/>
      <c r="CC2937" s="53"/>
      <c r="CD2937" s="53">
        <v>585831.63999823504</v>
      </c>
      <c r="CE2937" s="53"/>
      <c r="CF2937" s="53"/>
      <c r="CG2937" s="53"/>
      <c r="CH2937" s="53"/>
      <c r="CI2937" s="53"/>
      <c r="CJ2937" s="53">
        <v>659574.44485419604</v>
      </c>
      <c r="CK2937" s="53"/>
      <c r="CL2937" s="53"/>
      <c r="CM2937" s="53">
        <v>1678522.3330246501</v>
      </c>
      <c r="CN2937" s="53">
        <v>2923928.4178770799</v>
      </c>
    </row>
    <row r="2938" spans="1:92" outlineLevel="1">
      <c r="A2938" s="52" t="s">
        <v>753</v>
      </c>
      <c r="B2938" s="53"/>
      <c r="C2938" s="53"/>
      <c r="D2938" s="53"/>
      <c r="E2938" s="53"/>
      <c r="F2938" s="53"/>
      <c r="G2938" s="53"/>
      <c r="H2938" s="53"/>
      <c r="I2938" s="53"/>
      <c r="J2938" s="53"/>
      <c r="K2938" s="53"/>
      <c r="L2938" s="53"/>
      <c r="M2938" s="53"/>
      <c r="N2938" s="53"/>
      <c r="O2938" s="53"/>
      <c r="P2938" s="53"/>
      <c r="Q2938" s="53"/>
      <c r="R2938" s="53"/>
      <c r="S2938" s="53"/>
      <c r="T2938" s="53"/>
      <c r="U2938" s="53"/>
      <c r="V2938" s="53"/>
      <c r="W2938" s="53"/>
      <c r="X2938" s="53"/>
      <c r="Y2938" s="53"/>
      <c r="Z2938" s="53"/>
      <c r="AA2938" s="53"/>
      <c r="AB2938" s="53"/>
      <c r="AC2938" s="53"/>
      <c r="AD2938" s="53"/>
      <c r="AE2938" s="53"/>
      <c r="AF2938" s="53"/>
      <c r="AG2938" s="53"/>
      <c r="AH2938" s="53"/>
      <c r="AI2938" s="53"/>
      <c r="AJ2938" s="53"/>
      <c r="AK2938" s="53"/>
      <c r="AL2938" s="53"/>
      <c r="AM2938" s="53"/>
      <c r="AN2938" s="53"/>
      <c r="AO2938" s="53"/>
      <c r="AP2938" s="53"/>
      <c r="AQ2938" s="53"/>
      <c r="AR2938" s="53"/>
      <c r="AS2938" s="53"/>
      <c r="AT2938" s="53"/>
      <c r="AU2938" s="53"/>
      <c r="AV2938" s="53"/>
      <c r="AW2938" s="53"/>
      <c r="AX2938" s="53"/>
      <c r="AY2938" s="53"/>
      <c r="AZ2938" s="53"/>
      <c r="BA2938" s="53"/>
      <c r="BB2938" s="53"/>
      <c r="BC2938" s="53"/>
      <c r="BD2938" s="53"/>
      <c r="BE2938" s="53"/>
      <c r="BF2938" s="53"/>
      <c r="BG2938" s="53"/>
      <c r="BH2938" s="53"/>
      <c r="BI2938" s="53"/>
      <c r="BJ2938" s="53"/>
      <c r="BK2938" s="53"/>
      <c r="BL2938" s="53"/>
      <c r="BM2938" s="53"/>
      <c r="BN2938" s="53"/>
      <c r="BO2938" s="53"/>
      <c r="BP2938" s="53"/>
      <c r="BQ2938" s="53"/>
      <c r="BR2938" s="53"/>
      <c r="BS2938" s="53"/>
      <c r="BT2938" s="53"/>
      <c r="BU2938" s="53"/>
      <c r="BV2938" s="53"/>
      <c r="BW2938" s="53"/>
      <c r="BX2938" s="53"/>
      <c r="BY2938" s="53"/>
      <c r="BZ2938" s="53"/>
      <c r="CA2938" s="53"/>
      <c r="CB2938" s="53">
        <v>2504190898.2860398</v>
      </c>
      <c r="CC2938" s="53">
        <v>2516969030.7241101</v>
      </c>
      <c r="CD2938" s="53">
        <v>2529603902.24687</v>
      </c>
      <c r="CE2938" s="53">
        <v>2541862296.7434802</v>
      </c>
      <c r="CF2938" s="53">
        <v>2550687565.1840901</v>
      </c>
      <c r="CG2938" s="53">
        <v>2560994669.0654302</v>
      </c>
      <c r="CH2938" s="53">
        <v>2569147836.7593598</v>
      </c>
      <c r="CI2938" s="53">
        <v>2577299051.84235</v>
      </c>
      <c r="CJ2938" s="53">
        <v>2585626962.3453999</v>
      </c>
      <c r="CK2938" s="53">
        <v>2594594102.9894199</v>
      </c>
      <c r="CL2938" s="53">
        <v>2605506519.83816</v>
      </c>
      <c r="CM2938" s="53">
        <v>2623798688.7010102</v>
      </c>
      <c r="CN2938" s="53">
        <v>2623798688.7010102</v>
      </c>
    </row>
    <row r="2939" spans="1:92" outlineLevel="1">
      <c r="A2939" s="52" t="s">
        <v>649</v>
      </c>
      <c r="B2939" s="53">
        <v>5956650</v>
      </c>
      <c r="C2939" s="53">
        <v>5991170</v>
      </c>
      <c r="D2939" s="53">
        <v>5749080</v>
      </c>
      <c r="E2939" s="53">
        <v>6015240</v>
      </c>
      <c r="F2939" s="53">
        <v>6043800</v>
      </c>
      <c r="G2939" s="53">
        <v>5798460</v>
      </c>
      <c r="H2939" s="53">
        <v>6100360</v>
      </c>
      <c r="I2939" s="53">
        <v>6120639.9999999898</v>
      </c>
      <c r="J2939" s="53">
        <v>5909549.9999999898</v>
      </c>
      <c r="K2939" s="53">
        <v>6173109.9999999898</v>
      </c>
      <c r="L2939" s="53">
        <v>6185509.9999999898</v>
      </c>
      <c r="M2939" s="53">
        <v>5952779.9999999898</v>
      </c>
      <c r="N2939" s="53">
        <v>71996350</v>
      </c>
      <c r="O2939" s="53">
        <v>6319192.0642190203</v>
      </c>
      <c r="P2939" s="53">
        <v>7360541.86776431</v>
      </c>
      <c r="Q2939" s="53">
        <v>7378460.4906525305</v>
      </c>
      <c r="R2939" s="53">
        <v>7445708.7263047099</v>
      </c>
      <c r="S2939" s="53">
        <v>7461926.6665074704</v>
      </c>
      <c r="T2939" s="53">
        <v>7514307.2286579097</v>
      </c>
      <c r="U2939" s="53">
        <v>7556331.4391971398</v>
      </c>
      <c r="V2939" s="53">
        <v>7580989.0145613998</v>
      </c>
      <c r="W2939" s="53">
        <v>7597705.95827334</v>
      </c>
      <c r="X2939" s="53">
        <v>7631567.1460170997</v>
      </c>
      <c r="Y2939" s="53">
        <v>7648065.2002727697</v>
      </c>
      <c r="Z2939" s="53">
        <v>7666034.6098542204</v>
      </c>
      <c r="AA2939" s="53">
        <v>89160830.412281901</v>
      </c>
      <c r="AB2939" s="53">
        <v>7914002.6005074596</v>
      </c>
      <c r="AC2939" s="53">
        <v>7926868.5617945204</v>
      </c>
      <c r="AD2939" s="53">
        <v>8029718.0151607897</v>
      </c>
      <c r="AE2939" s="53">
        <v>8071270.9887854299</v>
      </c>
      <c r="AF2939" s="53">
        <v>8087698.9135041302</v>
      </c>
      <c r="AG2939" s="53">
        <v>8105409.0055210898</v>
      </c>
      <c r="AH2939" s="53">
        <v>8153514.4149436001</v>
      </c>
      <c r="AI2939" s="53">
        <v>8169036.9730889201</v>
      </c>
      <c r="AJ2939" s="53">
        <v>8184366.4264179403</v>
      </c>
      <c r="AK2939" s="53">
        <v>8216897.3170261998</v>
      </c>
      <c r="AL2939" s="53">
        <v>8291111.2237156499</v>
      </c>
      <c r="AM2939" s="53">
        <v>8307622.0743817901</v>
      </c>
      <c r="AN2939" s="53">
        <v>97457516.514847502</v>
      </c>
      <c r="AO2939" s="53">
        <v>8628991.3660780899</v>
      </c>
      <c r="AP2939" s="53">
        <v>8663645.0442195907</v>
      </c>
      <c r="AQ2939" s="53">
        <v>8678688.9939204697</v>
      </c>
      <c r="AR2939" s="53">
        <v>8716645.5037144199</v>
      </c>
      <c r="AS2939" s="53">
        <v>8746931.1134135798</v>
      </c>
      <c r="AT2939" s="53">
        <v>8765498.8277180009</v>
      </c>
      <c r="AU2939" s="53">
        <v>8826183.6524635106</v>
      </c>
      <c r="AV2939" s="53">
        <v>8844591.8049089108</v>
      </c>
      <c r="AW2939" s="53">
        <v>8863409.6941099204</v>
      </c>
      <c r="AX2939" s="53">
        <v>8944606.4296237901</v>
      </c>
      <c r="AY2939" s="53">
        <v>8962589.4467277192</v>
      </c>
      <c r="AZ2939" s="53">
        <v>8978909.4356714003</v>
      </c>
      <c r="BA2939" s="53">
        <v>105620691.31256901</v>
      </c>
      <c r="BB2939" s="53">
        <v>9372238.38647536</v>
      </c>
      <c r="BC2939" s="53">
        <v>9397952.5294049606</v>
      </c>
      <c r="BD2939" s="53">
        <v>9413423.4992784709</v>
      </c>
      <c r="BE2939" s="53">
        <v>9454318.5242468901</v>
      </c>
      <c r="BF2939" s="53">
        <v>9472449.7721980494</v>
      </c>
      <c r="BG2939" s="53">
        <v>9510535.8747160006</v>
      </c>
      <c r="BH2939" s="53">
        <v>9564867.6463295408</v>
      </c>
      <c r="BI2939" s="53">
        <v>9634305.6461628005</v>
      </c>
      <c r="BJ2939" s="53">
        <v>9655911.7044461295</v>
      </c>
      <c r="BK2939" s="53">
        <v>9695286.7399003301</v>
      </c>
      <c r="BL2939" s="53">
        <v>9716034.4693227895</v>
      </c>
      <c r="BM2939" s="53">
        <v>9733988.7181780208</v>
      </c>
      <c r="BN2939" s="53">
        <v>114621313.51065899</v>
      </c>
      <c r="BO2939" s="53">
        <v>9876654.3775159996</v>
      </c>
      <c r="BP2939" s="53">
        <v>9891365.1858431809</v>
      </c>
      <c r="BQ2939" s="53">
        <v>9907319.5416215193</v>
      </c>
      <c r="BR2939" s="53">
        <v>9942099.8921780307</v>
      </c>
      <c r="BS2939" s="53">
        <v>9960550.8379892893</v>
      </c>
      <c r="BT2939" s="53">
        <v>9986300.6969475895</v>
      </c>
      <c r="BU2939" s="53">
        <v>10038500.5612454</v>
      </c>
      <c r="BV2939" s="53">
        <v>10116440.3297581</v>
      </c>
      <c r="BW2939" s="53">
        <v>10137533.5781515</v>
      </c>
      <c r="BX2939" s="53">
        <v>10177772.219191199</v>
      </c>
      <c r="BY2939" s="53">
        <v>10220375.2256312</v>
      </c>
      <c r="BZ2939" s="53">
        <v>10240178.7756714</v>
      </c>
      <c r="CA2939" s="53">
        <v>120495091.221744</v>
      </c>
      <c r="CB2939" s="53"/>
      <c r="CC2939" s="53"/>
      <c r="CD2939" s="53"/>
      <c r="CE2939" s="53"/>
      <c r="CF2939" s="53"/>
      <c r="CG2939" s="53"/>
      <c r="CH2939" s="53"/>
      <c r="CI2939" s="53"/>
      <c r="CJ2939" s="53"/>
      <c r="CK2939" s="53"/>
      <c r="CL2939" s="53"/>
      <c r="CM2939" s="53"/>
      <c r="CN2939" s="53"/>
    </row>
    <row r="2940" spans="1:92" outlineLevel="1">
      <c r="A2940" s="52" t="s">
        <v>1365</v>
      </c>
      <c r="B2940" s="53"/>
      <c r="C2940" s="53"/>
      <c r="D2940" s="53"/>
      <c r="E2940" s="53"/>
      <c r="F2940" s="53"/>
      <c r="G2940" s="53"/>
      <c r="H2940" s="53"/>
      <c r="I2940" s="53"/>
      <c r="J2940" s="53"/>
      <c r="K2940" s="53"/>
      <c r="L2940" s="53"/>
      <c r="M2940" s="53"/>
      <c r="N2940" s="53"/>
      <c r="O2940" s="53"/>
      <c r="P2940" s="53"/>
      <c r="Q2940" s="53"/>
      <c r="R2940" s="53"/>
      <c r="S2940" s="53"/>
      <c r="T2940" s="53"/>
      <c r="U2940" s="53"/>
      <c r="V2940" s="53"/>
      <c r="W2940" s="53"/>
      <c r="X2940" s="53"/>
      <c r="Y2940" s="53"/>
      <c r="Z2940" s="53"/>
      <c r="AA2940" s="53"/>
      <c r="AB2940" s="53"/>
      <c r="AC2940" s="53"/>
      <c r="AD2940" s="53"/>
      <c r="AE2940" s="53"/>
      <c r="AF2940" s="53"/>
      <c r="AG2940" s="53"/>
      <c r="AH2940" s="53"/>
      <c r="AI2940" s="53"/>
      <c r="AJ2940" s="53"/>
      <c r="AK2940" s="53"/>
      <c r="AL2940" s="53"/>
      <c r="AM2940" s="53"/>
      <c r="AN2940" s="53"/>
      <c r="AO2940" s="53"/>
      <c r="AP2940" s="53"/>
      <c r="AQ2940" s="53"/>
      <c r="AR2940" s="53"/>
      <c r="AS2940" s="53"/>
      <c r="AT2940" s="53"/>
      <c r="AU2940" s="53"/>
      <c r="AV2940" s="53"/>
      <c r="AW2940" s="53"/>
      <c r="AX2940" s="53"/>
      <c r="AY2940" s="53"/>
      <c r="AZ2940" s="53"/>
      <c r="BA2940" s="53"/>
      <c r="BB2940" s="53"/>
      <c r="BC2940" s="53"/>
      <c r="BD2940" s="53"/>
      <c r="BE2940" s="53"/>
      <c r="BF2940" s="53"/>
      <c r="BG2940" s="53"/>
      <c r="BH2940" s="53"/>
      <c r="BI2940" s="53"/>
      <c r="BJ2940" s="53"/>
      <c r="BK2940" s="53"/>
      <c r="BL2940" s="53"/>
      <c r="BM2940" s="53"/>
      <c r="BN2940" s="53"/>
      <c r="BO2940" s="53"/>
      <c r="BP2940" s="53"/>
      <c r="BQ2940" s="53"/>
      <c r="BR2940" s="53"/>
      <c r="BS2940" s="53"/>
      <c r="BT2940" s="53"/>
      <c r="BU2940" s="53"/>
      <c r="BV2940" s="53"/>
      <c r="BW2940" s="53"/>
      <c r="BX2940" s="53"/>
      <c r="BY2940" s="53"/>
      <c r="BZ2940" s="53"/>
      <c r="CA2940" s="53"/>
      <c r="CB2940" s="53">
        <v>737788254.51999998</v>
      </c>
      <c r="CC2940" s="53">
        <v>741160337.85333395</v>
      </c>
      <c r="CD2940" s="53">
        <v>744532421.18666697</v>
      </c>
      <c r="CE2940" s="53">
        <v>747904504.51999998</v>
      </c>
      <c r="CF2940" s="53">
        <v>751276587.85333395</v>
      </c>
      <c r="CG2940" s="53">
        <v>754648671.18666697</v>
      </c>
      <c r="CH2940" s="53">
        <v>758020754.51999998</v>
      </c>
      <c r="CI2940" s="53">
        <v>761392837.85333395</v>
      </c>
      <c r="CJ2940" s="53">
        <v>764764921.18666697</v>
      </c>
      <c r="CK2940" s="53">
        <v>768137004.52000105</v>
      </c>
      <c r="CL2940" s="53">
        <v>771509087.85333395</v>
      </c>
      <c r="CM2940" s="53">
        <v>774881171.18666697</v>
      </c>
      <c r="CN2940" s="53">
        <v>737788254.51999998</v>
      </c>
    </row>
    <row r="2941" spans="1:92">
      <c r="A2941" s="52" t="s">
        <v>1683</v>
      </c>
      <c r="B2941" s="53"/>
      <c r="C2941" s="53"/>
      <c r="D2941" s="53"/>
      <c r="E2941" s="53"/>
      <c r="F2941" s="53"/>
      <c r="G2941" s="53"/>
      <c r="H2941" s="53"/>
      <c r="I2941" s="53"/>
      <c r="J2941" s="53"/>
      <c r="K2941" s="53"/>
      <c r="L2941" s="53"/>
      <c r="M2941" s="53"/>
      <c r="N2941" s="53"/>
      <c r="O2941" s="53"/>
      <c r="P2941" s="53"/>
      <c r="Q2941" s="53"/>
      <c r="R2941" s="53"/>
      <c r="S2941" s="53"/>
      <c r="T2941" s="53"/>
      <c r="U2941" s="53"/>
      <c r="V2941" s="53"/>
      <c r="W2941" s="53"/>
      <c r="X2941" s="53"/>
      <c r="Y2941" s="53"/>
      <c r="Z2941" s="53"/>
      <c r="AA2941" s="53"/>
      <c r="AB2941" s="53"/>
      <c r="AC2941" s="53"/>
      <c r="AD2941" s="53"/>
      <c r="AE2941" s="53"/>
      <c r="AF2941" s="53"/>
      <c r="AG2941" s="53"/>
      <c r="AH2941" s="53"/>
      <c r="AI2941" s="53"/>
      <c r="AJ2941" s="53"/>
      <c r="AK2941" s="53"/>
      <c r="AL2941" s="53"/>
      <c r="AM2941" s="53"/>
      <c r="AN2941" s="53"/>
      <c r="AO2941" s="53"/>
      <c r="AP2941" s="53"/>
      <c r="AQ2941" s="53"/>
      <c r="AR2941" s="53"/>
      <c r="AS2941" s="53"/>
      <c r="AT2941" s="53"/>
      <c r="AU2941" s="53"/>
      <c r="AV2941" s="53"/>
      <c r="AW2941" s="53"/>
      <c r="AX2941" s="53"/>
      <c r="AY2941" s="53"/>
      <c r="AZ2941" s="53"/>
      <c r="BA2941" s="53"/>
      <c r="BB2941" s="53"/>
      <c r="BC2941" s="53"/>
      <c r="BD2941" s="53"/>
      <c r="BE2941" s="53"/>
      <c r="BF2941" s="53"/>
      <c r="BG2941" s="53"/>
      <c r="BH2941" s="53"/>
      <c r="BI2941" s="53"/>
      <c r="BJ2941" s="53"/>
      <c r="BK2941" s="53"/>
      <c r="BL2941" s="53"/>
      <c r="BM2941" s="53"/>
      <c r="BN2941" s="53"/>
      <c r="BO2941" s="53"/>
      <c r="BP2941" s="53"/>
      <c r="BQ2941" s="53"/>
      <c r="BR2941" s="53"/>
      <c r="BS2941" s="53"/>
      <c r="BT2941" s="53"/>
      <c r="BU2941" s="53"/>
      <c r="BV2941" s="53"/>
      <c r="BW2941" s="53"/>
      <c r="BX2941" s="53"/>
      <c r="BY2941" s="53"/>
      <c r="BZ2941" s="53"/>
      <c r="CA2941" s="53"/>
      <c r="CB2941" s="53"/>
      <c r="CC2941" s="53"/>
      <c r="CD2941" s="53"/>
      <c r="CE2941" s="53"/>
      <c r="CF2941" s="53"/>
      <c r="CG2941" s="53"/>
      <c r="CH2941" s="53"/>
      <c r="CI2941" s="53"/>
      <c r="CJ2941" s="53"/>
      <c r="CK2941" s="53"/>
      <c r="CL2941" s="53"/>
      <c r="CM2941" s="53"/>
      <c r="CN2941" s="53"/>
    </row>
    <row r="2942" spans="1:92" outlineLevel="1">
      <c r="A2942" s="52" t="s">
        <v>649</v>
      </c>
      <c r="B2942" s="53"/>
      <c r="C2942" s="53"/>
      <c r="D2942" s="53">
        <v>-5742246</v>
      </c>
      <c r="E2942" s="53"/>
      <c r="F2942" s="53"/>
      <c r="G2942" s="53">
        <v>-5742246</v>
      </c>
      <c r="H2942" s="53"/>
      <c r="I2942" s="53"/>
      <c r="J2942" s="53">
        <v>-5742246</v>
      </c>
      <c r="K2942" s="53"/>
      <c r="L2942" s="53">
        <v>-3828164</v>
      </c>
      <c r="M2942" s="53">
        <v>-22968984</v>
      </c>
      <c r="N2942" s="53">
        <v>-44023886</v>
      </c>
      <c r="O2942" s="53">
        <v>-1722498.58333333</v>
      </c>
      <c r="P2942" s="53">
        <v>-1722498.58333333</v>
      </c>
      <c r="Q2942" s="53">
        <v>-1722498.58333333</v>
      </c>
      <c r="R2942" s="53">
        <v>-1722498.58333333</v>
      </c>
      <c r="S2942" s="53">
        <v>-1722498.58333333</v>
      </c>
      <c r="T2942" s="53">
        <v>-1722498.58333333</v>
      </c>
      <c r="U2942" s="53">
        <v>-1722498.58333333</v>
      </c>
      <c r="V2942" s="53">
        <v>-1722498.58333333</v>
      </c>
      <c r="W2942" s="53">
        <v>-1722498.58333333</v>
      </c>
      <c r="X2942" s="53">
        <v>-1722498.58333333</v>
      </c>
      <c r="Y2942" s="53">
        <v>-1722498.58333333</v>
      </c>
      <c r="Z2942" s="53">
        <v>-1722498.58333333</v>
      </c>
      <c r="AA2942" s="53">
        <v>-20669983</v>
      </c>
      <c r="AB2942" s="53">
        <v>-1758987.74999999</v>
      </c>
      <c r="AC2942" s="53">
        <v>-1758987.74999999</v>
      </c>
      <c r="AD2942" s="53">
        <v>-1758987.74999999</v>
      </c>
      <c r="AE2942" s="53">
        <v>-1758987.74999999</v>
      </c>
      <c r="AF2942" s="53">
        <v>-1758987.74999999</v>
      </c>
      <c r="AG2942" s="53">
        <v>-1758987.74999999</v>
      </c>
      <c r="AH2942" s="53">
        <v>-1758987.74999999</v>
      </c>
      <c r="AI2942" s="53">
        <v>-1758987.74999999</v>
      </c>
      <c r="AJ2942" s="53">
        <v>-1758987.74999999</v>
      </c>
      <c r="AK2942" s="53">
        <v>-1758987.74999999</v>
      </c>
      <c r="AL2942" s="53">
        <v>-1758987.74999999</v>
      </c>
      <c r="AM2942" s="53">
        <v>-1758987.74999999</v>
      </c>
      <c r="AN2942" s="53">
        <v>-21107853</v>
      </c>
      <c r="AO2942" s="53">
        <v>-1792607.99999999</v>
      </c>
      <c r="AP2942" s="53">
        <v>-1792607.99999999</v>
      </c>
      <c r="AQ2942" s="53">
        <v>-1792607.99999999</v>
      </c>
      <c r="AR2942" s="53">
        <v>-1792607.99999999</v>
      </c>
      <c r="AS2942" s="53">
        <v>-1792607.99999999</v>
      </c>
      <c r="AT2942" s="53">
        <v>-1792607.99999999</v>
      </c>
      <c r="AU2942" s="53">
        <v>-1792607.99999999</v>
      </c>
      <c r="AV2942" s="53">
        <v>-1792607.99999999</v>
      </c>
      <c r="AW2942" s="53">
        <v>-1792607.99999999</v>
      </c>
      <c r="AX2942" s="53">
        <v>-1792607.99999999</v>
      </c>
      <c r="AY2942" s="53">
        <v>-1792607.99999999</v>
      </c>
      <c r="AZ2942" s="53">
        <v>-1792607.99999999</v>
      </c>
      <c r="BA2942" s="53">
        <v>-21511296</v>
      </c>
      <c r="BB2942" s="53">
        <v>-1874453.91666666</v>
      </c>
      <c r="BC2942" s="53">
        <v>-1874453.91666666</v>
      </c>
      <c r="BD2942" s="53">
        <v>-1874453.91666666</v>
      </c>
      <c r="BE2942" s="53">
        <v>-1874453.91666666</v>
      </c>
      <c r="BF2942" s="53">
        <v>-1874453.91666666</v>
      </c>
      <c r="BG2942" s="53">
        <v>-1874453.91666666</v>
      </c>
      <c r="BH2942" s="53">
        <v>-1874453.91666666</v>
      </c>
      <c r="BI2942" s="53">
        <v>-1874453.91666666</v>
      </c>
      <c r="BJ2942" s="53">
        <v>-1874453.91666666</v>
      </c>
      <c r="BK2942" s="53">
        <v>-1874453.91666666</v>
      </c>
      <c r="BL2942" s="53">
        <v>-1874453.91666666</v>
      </c>
      <c r="BM2942" s="53">
        <v>-1874453.91666666</v>
      </c>
      <c r="BN2942" s="53">
        <v>-22493446.999999899</v>
      </c>
      <c r="BO2942" s="53">
        <v>-1905986.91666666</v>
      </c>
      <c r="BP2942" s="53">
        <v>-1905986.91666666</v>
      </c>
      <c r="BQ2942" s="53">
        <v>-1905986.91666666</v>
      </c>
      <c r="BR2942" s="53">
        <v>-1905986.91666666</v>
      </c>
      <c r="BS2942" s="53">
        <v>-1905986.91666666</v>
      </c>
      <c r="BT2942" s="53">
        <v>-1905986.91666666</v>
      </c>
      <c r="BU2942" s="53">
        <v>-1905986.91666666</v>
      </c>
      <c r="BV2942" s="53">
        <v>-1905986.91666666</v>
      </c>
      <c r="BW2942" s="53">
        <v>-1905986.91666666</v>
      </c>
      <c r="BX2942" s="53">
        <v>-1905986.91666666</v>
      </c>
      <c r="BY2942" s="53">
        <v>-1905986.91666666</v>
      </c>
      <c r="BZ2942" s="53">
        <v>-1905986.91666666</v>
      </c>
      <c r="CA2942" s="53">
        <v>-22871843</v>
      </c>
      <c r="CB2942" s="53"/>
      <c r="CC2942" s="53"/>
      <c r="CD2942" s="53"/>
      <c r="CE2942" s="53"/>
      <c r="CF2942" s="53"/>
      <c r="CG2942" s="53"/>
      <c r="CH2942" s="53"/>
      <c r="CI2942" s="53"/>
      <c r="CJ2942" s="53"/>
      <c r="CK2942" s="53"/>
      <c r="CL2942" s="53"/>
      <c r="CM2942" s="53"/>
      <c r="CN2942" s="53"/>
    </row>
    <row r="2943" spans="1:92" outlineLevel="1">
      <c r="A2943" s="52" t="s">
        <v>1684</v>
      </c>
      <c r="B2943" s="53"/>
      <c r="C2943" s="53"/>
      <c r="D2943" s="53"/>
      <c r="E2943" s="53"/>
      <c r="F2943" s="53"/>
      <c r="G2943" s="53"/>
      <c r="H2943" s="53"/>
      <c r="I2943" s="53"/>
      <c r="J2943" s="53"/>
      <c r="K2943" s="53"/>
      <c r="L2943" s="53"/>
      <c r="M2943" s="53"/>
      <c r="N2943" s="53"/>
      <c r="O2943" s="53"/>
      <c r="P2943" s="53"/>
      <c r="Q2943" s="53"/>
      <c r="R2943" s="53"/>
      <c r="S2943" s="53"/>
      <c r="T2943" s="53"/>
      <c r="U2943" s="53"/>
      <c r="V2943" s="53"/>
      <c r="W2943" s="53"/>
      <c r="X2943" s="53"/>
      <c r="Y2943" s="53"/>
      <c r="Z2943" s="53"/>
      <c r="AA2943" s="53"/>
      <c r="AB2943" s="53"/>
      <c r="AC2943" s="53"/>
      <c r="AD2943" s="53"/>
      <c r="AE2943" s="53"/>
      <c r="AF2943" s="53"/>
      <c r="AG2943" s="53"/>
      <c r="AH2943" s="53"/>
      <c r="AI2943" s="53"/>
      <c r="AJ2943" s="53"/>
      <c r="AK2943" s="53"/>
      <c r="AL2943" s="53"/>
      <c r="AM2943" s="53"/>
      <c r="AN2943" s="53"/>
      <c r="AO2943" s="53"/>
      <c r="AP2943" s="53"/>
      <c r="AQ2943" s="53"/>
      <c r="AR2943" s="53"/>
      <c r="AS2943" s="53"/>
      <c r="AT2943" s="53"/>
      <c r="AU2943" s="53"/>
      <c r="AV2943" s="53"/>
      <c r="AW2943" s="53"/>
      <c r="AX2943" s="53"/>
      <c r="AY2943" s="53"/>
      <c r="AZ2943" s="53"/>
      <c r="BA2943" s="53"/>
      <c r="BB2943" s="53"/>
      <c r="BC2943" s="53"/>
      <c r="BD2943" s="53"/>
      <c r="BE2943" s="53"/>
      <c r="BF2943" s="53"/>
      <c r="BG2943" s="53"/>
      <c r="BH2943" s="53"/>
      <c r="BI2943" s="53"/>
      <c r="BJ2943" s="53"/>
      <c r="BK2943" s="53"/>
      <c r="BL2943" s="53"/>
      <c r="BM2943" s="53"/>
      <c r="BN2943" s="53"/>
      <c r="BO2943" s="53"/>
      <c r="BP2943" s="53"/>
      <c r="BQ2943" s="53"/>
      <c r="BR2943" s="53"/>
      <c r="BS2943" s="53"/>
      <c r="BT2943" s="53"/>
      <c r="BU2943" s="53"/>
      <c r="BV2943" s="53"/>
      <c r="BW2943" s="53"/>
      <c r="BX2943" s="53"/>
      <c r="BY2943" s="53"/>
      <c r="BZ2943" s="53"/>
      <c r="CA2943" s="53"/>
      <c r="CB2943" s="53"/>
      <c r="CC2943" s="53"/>
      <c r="CD2943" s="53"/>
      <c r="CE2943" s="53"/>
      <c r="CF2943" s="53"/>
      <c r="CG2943" s="53"/>
      <c r="CH2943" s="53"/>
      <c r="CI2943" s="53"/>
      <c r="CJ2943" s="53"/>
      <c r="CK2943" s="53"/>
      <c r="CL2943" s="53"/>
      <c r="CM2943" s="53"/>
      <c r="CN2943" s="53"/>
    </row>
    <row r="2944" spans="1:92" outlineLevel="1">
      <c r="A2944" s="52" t="s">
        <v>649</v>
      </c>
      <c r="B2944" s="53"/>
      <c r="C2944" s="53"/>
      <c r="D2944" s="53">
        <v>-8949540</v>
      </c>
      <c r="E2944" s="53"/>
      <c r="F2944" s="53"/>
      <c r="G2944" s="53">
        <v>-8949540</v>
      </c>
      <c r="H2944" s="53"/>
      <c r="I2944" s="53"/>
      <c r="J2944" s="53">
        <v>-8949540</v>
      </c>
      <c r="K2944" s="53"/>
      <c r="L2944" s="53">
        <v>-5966360</v>
      </c>
      <c r="M2944" s="53">
        <v>-35798160</v>
      </c>
      <c r="N2944" s="53">
        <v>-68613140</v>
      </c>
      <c r="O2944" s="53"/>
      <c r="P2944" s="53"/>
      <c r="Q2944" s="53"/>
      <c r="R2944" s="53"/>
      <c r="S2944" s="53"/>
      <c r="T2944" s="53"/>
      <c r="U2944" s="53"/>
      <c r="V2944" s="53"/>
      <c r="W2944" s="53"/>
      <c r="X2944" s="53"/>
      <c r="Y2944" s="53"/>
      <c r="Z2944" s="53"/>
      <c r="AA2944" s="53"/>
      <c r="AB2944" s="53"/>
      <c r="AC2944" s="53"/>
      <c r="AD2944" s="53"/>
      <c r="AE2944" s="53"/>
      <c r="AF2944" s="53"/>
      <c r="AG2944" s="53"/>
      <c r="AH2944" s="53"/>
      <c r="AI2944" s="53"/>
      <c r="AJ2944" s="53"/>
      <c r="AK2944" s="53"/>
      <c r="AL2944" s="53"/>
      <c r="AM2944" s="53"/>
      <c r="AN2944" s="53"/>
      <c r="AO2944" s="53"/>
      <c r="AP2944" s="53"/>
      <c r="AQ2944" s="53"/>
      <c r="AR2944" s="53"/>
      <c r="AS2944" s="53"/>
      <c r="AT2944" s="53"/>
      <c r="AU2944" s="53"/>
      <c r="AV2944" s="53"/>
      <c r="AW2944" s="53"/>
      <c r="AX2944" s="53"/>
      <c r="AY2944" s="53"/>
      <c r="AZ2944" s="53"/>
      <c r="BA2944" s="53"/>
      <c r="BB2944" s="53"/>
      <c r="BC2944" s="53"/>
      <c r="BD2944" s="53"/>
      <c r="BE2944" s="53"/>
      <c r="BF2944" s="53"/>
      <c r="BG2944" s="53"/>
      <c r="BH2944" s="53"/>
      <c r="BI2944" s="53"/>
      <c r="BJ2944" s="53"/>
      <c r="BK2944" s="53"/>
      <c r="BL2944" s="53"/>
      <c r="BM2944" s="53"/>
      <c r="BN2944" s="53"/>
      <c r="BO2944" s="53"/>
      <c r="BP2944" s="53"/>
      <c r="BQ2944" s="53"/>
      <c r="BR2944" s="53"/>
      <c r="BS2944" s="53"/>
      <c r="BT2944" s="53"/>
      <c r="BU2944" s="53"/>
      <c r="BV2944" s="53"/>
      <c r="BW2944" s="53"/>
      <c r="BX2944" s="53"/>
      <c r="BY2944" s="53"/>
      <c r="BZ2944" s="53"/>
      <c r="CA2944" s="53"/>
      <c r="CB2944" s="53">
        <v>3372083.3333333302</v>
      </c>
      <c r="CC2944" s="53">
        <v>3372083.3333333302</v>
      </c>
      <c r="CD2944" s="53">
        <v>3372083.3333333302</v>
      </c>
      <c r="CE2944" s="53">
        <v>3372083.3333333302</v>
      </c>
      <c r="CF2944" s="53">
        <v>3372083.3333333302</v>
      </c>
      <c r="CG2944" s="53">
        <v>3372083.3333333302</v>
      </c>
      <c r="CH2944" s="53">
        <v>3372083.3333333302</v>
      </c>
      <c r="CI2944" s="53">
        <v>3372083.3333333302</v>
      </c>
      <c r="CJ2944" s="53">
        <v>3372083.3333333302</v>
      </c>
      <c r="CK2944" s="53">
        <v>3372083.3333333302</v>
      </c>
      <c r="CL2944" s="53">
        <v>3372083.3333333302</v>
      </c>
      <c r="CM2944" s="53">
        <v>3372083.3333333302</v>
      </c>
      <c r="CN2944" s="53">
        <v>40465000</v>
      </c>
    </row>
    <row r="2945" spans="1:92" outlineLevel="1">
      <c r="A2945" s="52" t="s">
        <v>1685</v>
      </c>
      <c r="B2945" s="53"/>
      <c r="C2945" s="53"/>
      <c r="D2945" s="53"/>
      <c r="E2945" s="53"/>
      <c r="F2945" s="53"/>
      <c r="G2945" s="53"/>
      <c r="H2945" s="53"/>
      <c r="I2945" s="53"/>
      <c r="J2945" s="53"/>
      <c r="K2945" s="53"/>
      <c r="L2945" s="53"/>
      <c r="M2945" s="53"/>
      <c r="N2945" s="53"/>
      <c r="O2945" s="53"/>
      <c r="P2945" s="53"/>
      <c r="Q2945" s="53"/>
      <c r="R2945" s="53"/>
      <c r="S2945" s="53"/>
      <c r="T2945" s="53"/>
      <c r="U2945" s="53"/>
      <c r="V2945" s="53"/>
      <c r="W2945" s="53"/>
      <c r="X2945" s="53"/>
      <c r="Y2945" s="53"/>
      <c r="Z2945" s="53"/>
      <c r="AA2945" s="53"/>
      <c r="AB2945" s="53"/>
      <c r="AC2945" s="53"/>
      <c r="AD2945" s="53"/>
      <c r="AE2945" s="53"/>
      <c r="AF2945" s="53"/>
      <c r="AG2945" s="53"/>
      <c r="AH2945" s="53"/>
      <c r="AI2945" s="53"/>
      <c r="AJ2945" s="53"/>
      <c r="AK2945" s="53"/>
      <c r="AL2945" s="53"/>
      <c r="AM2945" s="53"/>
      <c r="AN2945" s="53"/>
      <c r="AO2945" s="53"/>
      <c r="AP2945" s="53"/>
      <c r="AQ2945" s="53"/>
      <c r="AR2945" s="53"/>
      <c r="AS2945" s="53"/>
      <c r="AT2945" s="53"/>
      <c r="AU2945" s="53"/>
      <c r="AV2945" s="53"/>
      <c r="AW2945" s="53"/>
      <c r="AX2945" s="53"/>
      <c r="AY2945" s="53"/>
      <c r="AZ2945" s="53"/>
      <c r="BA2945" s="53"/>
      <c r="BB2945" s="53"/>
      <c r="BC2945" s="53"/>
      <c r="BD2945" s="53"/>
      <c r="BE2945" s="53"/>
      <c r="BF2945" s="53"/>
      <c r="BG2945" s="53"/>
      <c r="BH2945" s="53"/>
      <c r="BI2945" s="53"/>
      <c r="BJ2945" s="53"/>
      <c r="BK2945" s="53"/>
      <c r="BL2945" s="53"/>
      <c r="BM2945" s="53"/>
      <c r="BN2945" s="53"/>
      <c r="BO2945" s="53"/>
      <c r="BP2945" s="53"/>
      <c r="BQ2945" s="53"/>
      <c r="BR2945" s="53"/>
      <c r="BS2945" s="53"/>
      <c r="BT2945" s="53"/>
      <c r="BU2945" s="53"/>
      <c r="BV2945" s="53"/>
      <c r="BW2945" s="53"/>
      <c r="BX2945" s="53"/>
      <c r="BY2945" s="53"/>
      <c r="BZ2945" s="53"/>
      <c r="CA2945" s="53"/>
      <c r="CB2945" s="53">
        <v>741160337.85333395</v>
      </c>
      <c r="CC2945" s="53">
        <v>744532421.18666697</v>
      </c>
      <c r="CD2945" s="53">
        <v>747904504.51999998</v>
      </c>
      <c r="CE2945" s="53">
        <v>751276587.85333395</v>
      </c>
      <c r="CF2945" s="53">
        <v>754648671.18666697</v>
      </c>
      <c r="CG2945" s="53">
        <v>758020754.51999998</v>
      </c>
      <c r="CH2945" s="53">
        <v>761392837.85333395</v>
      </c>
      <c r="CI2945" s="53">
        <v>764764921.18666697</v>
      </c>
      <c r="CJ2945" s="53">
        <v>768137004.52000105</v>
      </c>
      <c r="CK2945" s="53">
        <v>771509087.85333395</v>
      </c>
      <c r="CL2945" s="53">
        <v>774881171.18666697</v>
      </c>
      <c r="CM2945" s="53">
        <v>778253254.52000105</v>
      </c>
      <c r="CN2945" s="53">
        <v>778253254.52000105</v>
      </c>
    </row>
    <row r="2946" spans="1:92" outlineLevel="1">
      <c r="A2946" s="52" t="s">
        <v>649</v>
      </c>
      <c r="B2946" s="53"/>
      <c r="C2946" s="53"/>
      <c r="D2946" s="53"/>
      <c r="E2946" s="53"/>
      <c r="F2946" s="53"/>
      <c r="G2946" s="53"/>
      <c r="H2946" s="53"/>
      <c r="I2946" s="53"/>
      <c r="J2946" s="53"/>
      <c r="K2946" s="53"/>
      <c r="L2946" s="53"/>
      <c r="M2946" s="53"/>
      <c r="N2946" s="53"/>
      <c r="O2946" s="53">
        <v>-90657.833333333299</v>
      </c>
      <c r="P2946" s="53">
        <v>-90657.833333333299</v>
      </c>
      <c r="Q2946" s="53">
        <v>-90657.833333333299</v>
      </c>
      <c r="R2946" s="53">
        <v>-90657.833333333299</v>
      </c>
      <c r="S2946" s="53">
        <v>-90657.833333333299</v>
      </c>
      <c r="T2946" s="53">
        <v>-90657.833333333299</v>
      </c>
      <c r="U2946" s="53">
        <v>-90657.833333333299</v>
      </c>
      <c r="V2946" s="53">
        <v>-90657.833333333299</v>
      </c>
      <c r="W2946" s="53">
        <v>-90657.833333333299</v>
      </c>
      <c r="X2946" s="53">
        <v>-90657.833333333299</v>
      </c>
      <c r="Y2946" s="53">
        <v>-90657.833333333299</v>
      </c>
      <c r="Z2946" s="53">
        <v>-90657.833333333299</v>
      </c>
      <c r="AA2946" s="53">
        <v>-1087894</v>
      </c>
      <c r="AB2946" s="53">
        <v>-68152.333333333299</v>
      </c>
      <c r="AC2946" s="53">
        <v>-68152.333333333299</v>
      </c>
      <c r="AD2946" s="53">
        <v>-68152.333333333299</v>
      </c>
      <c r="AE2946" s="53">
        <v>-68152.333333333299</v>
      </c>
      <c r="AF2946" s="53">
        <v>-68152.333333333299</v>
      </c>
      <c r="AG2946" s="53">
        <v>-68152.333333333299</v>
      </c>
      <c r="AH2946" s="53">
        <v>-68152.333333333299</v>
      </c>
      <c r="AI2946" s="53">
        <v>-68152.333333333299</v>
      </c>
      <c r="AJ2946" s="53">
        <v>-68152.333333333299</v>
      </c>
      <c r="AK2946" s="53">
        <v>-68152.333333333299</v>
      </c>
      <c r="AL2946" s="53">
        <v>-68152.333333333299</v>
      </c>
      <c r="AM2946" s="53">
        <v>-68152.333333333299</v>
      </c>
      <c r="AN2946" s="53">
        <v>-817828</v>
      </c>
      <c r="AO2946" s="53">
        <v>-69454.916666666599</v>
      </c>
      <c r="AP2946" s="53">
        <v>-69454.916666666599</v>
      </c>
      <c r="AQ2946" s="53">
        <v>-69454.916666666599</v>
      </c>
      <c r="AR2946" s="53">
        <v>-69454.916666666599</v>
      </c>
      <c r="AS2946" s="53">
        <v>-69454.916666666599</v>
      </c>
      <c r="AT2946" s="53">
        <v>-69454.916666666599</v>
      </c>
      <c r="AU2946" s="53">
        <v>-69454.916666666599</v>
      </c>
      <c r="AV2946" s="53">
        <v>-69454.916666666599</v>
      </c>
      <c r="AW2946" s="53">
        <v>-69454.916666666599</v>
      </c>
      <c r="AX2946" s="53">
        <v>-69454.916666666599</v>
      </c>
      <c r="AY2946" s="53">
        <v>-69454.916666666599</v>
      </c>
      <c r="AZ2946" s="53">
        <v>-69454.916666666599</v>
      </c>
      <c r="BA2946" s="53">
        <v>-833459</v>
      </c>
      <c r="BB2946" s="53">
        <v>-72626.083333333299</v>
      </c>
      <c r="BC2946" s="53">
        <v>-72626.083333333299</v>
      </c>
      <c r="BD2946" s="53">
        <v>-72626.083333333299</v>
      </c>
      <c r="BE2946" s="53">
        <v>-72626.083333333299</v>
      </c>
      <c r="BF2946" s="53">
        <v>-72626.083333333299</v>
      </c>
      <c r="BG2946" s="53">
        <v>-72626.083333333299</v>
      </c>
      <c r="BH2946" s="53">
        <v>-72626.083333333299</v>
      </c>
      <c r="BI2946" s="53">
        <v>-72626.083333333299</v>
      </c>
      <c r="BJ2946" s="53">
        <v>-72626.083333333299</v>
      </c>
      <c r="BK2946" s="53">
        <v>-72626.083333333299</v>
      </c>
      <c r="BL2946" s="53">
        <v>-72626.083333333299</v>
      </c>
      <c r="BM2946" s="53">
        <v>-72626.083333333299</v>
      </c>
      <c r="BN2946" s="53">
        <v>-871512.99999999895</v>
      </c>
      <c r="BO2946" s="53">
        <v>-73847.833333333299</v>
      </c>
      <c r="BP2946" s="53">
        <v>-73847.833333333299</v>
      </c>
      <c r="BQ2946" s="53">
        <v>-73847.833333333299</v>
      </c>
      <c r="BR2946" s="53">
        <v>-73847.833333333299</v>
      </c>
      <c r="BS2946" s="53">
        <v>-73847.833333333299</v>
      </c>
      <c r="BT2946" s="53">
        <v>-73847.833333333299</v>
      </c>
      <c r="BU2946" s="53">
        <v>-73847.833333333299</v>
      </c>
      <c r="BV2946" s="53">
        <v>-73847.833333333299</v>
      </c>
      <c r="BW2946" s="53">
        <v>-73847.833333333299</v>
      </c>
      <c r="BX2946" s="53">
        <v>-73847.833333333299</v>
      </c>
      <c r="BY2946" s="53">
        <v>-73847.833333333299</v>
      </c>
      <c r="BZ2946" s="53">
        <v>-73847.833333333299</v>
      </c>
      <c r="CA2946" s="53">
        <v>-886174</v>
      </c>
      <c r="CB2946" s="53">
        <v>737788254.51999998</v>
      </c>
      <c r="CC2946" s="53">
        <v>741160337.85333395</v>
      </c>
      <c r="CD2946" s="53">
        <v>744532421.18666697</v>
      </c>
      <c r="CE2946" s="53">
        <v>747904504.51999998</v>
      </c>
      <c r="CF2946" s="53">
        <v>751276587.85333395</v>
      </c>
      <c r="CG2946" s="53">
        <v>754648671.18666697</v>
      </c>
      <c r="CH2946" s="53">
        <v>758020754.51999998</v>
      </c>
      <c r="CI2946" s="53">
        <v>761392837.85333395</v>
      </c>
      <c r="CJ2946" s="53">
        <v>764764921.18666697</v>
      </c>
      <c r="CK2946" s="53">
        <v>768137004.52000105</v>
      </c>
      <c r="CL2946" s="53">
        <v>771509087.85333395</v>
      </c>
      <c r="CM2946" s="53">
        <v>774881171.18666697</v>
      </c>
      <c r="CN2946" s="53">
        <v>737788254.51999998</v>
      </c>
    </row>
    <row r="2947" spans="1:92">
      <c r="A2947" s="52" t="s">
        <v>1686</v>
      </c>
      <c r="B2947" s="53"/>
      <c r="C2947" s="53"/>
      <c r="D2947" s="53"/>
      <c r="E2947" s="53"/>
      <c r="F2947" s="53"/>
      <c r="G2947" s="53"/>
      <c r="H2947" s="53"/>
      <c r="I2947" s="53"/>
      <c r="J2947" s="53"/>
      <c r="K2947" s="53"/>
      <c r="L2947" s="53"/>
      <c r="M2947" s="53"/>
      <c r="N2947" s="53"/>
      <c r="O2947" s="53"/>
      <c r="P2947" s="53"/>
      <c r="Q2947" s="53"/>
      <c r="R2947" s="53"/>
      <c r="S2947" s="53"/>
      <c r="T2947" s="53"/>
      <c r="U2947" s="53"/>
      <c r="V2947" s="53"/>
      <c r="W2947" s="53"/>
      <c r="X2947" s="53"/>
      <c r="Y2947" s="53"/>
      <c r="Z2947" s="53"/>
      <c r="AA2947" s="53"/>
      <c r="AB2947" s="53"/>
      <c r="AC2947" s="53"/>
      <c r="AD2947" s="53"/>
      <c r="AE2947" s="53"/>
      <c r="AF2947" s="53"/>
      <c r="AG2947" s="53"/>
      <c r="AH2947" s="53"/>
      <c r="AI2947" s="53"/>
      <c r="AJ2947" s="53"/>
      <c r="AK2947" s="53"/>
      <c r="AL2947" s="53"/>
      <c r="AM2947" s="53"/>
      <c r="AN2947" s="53"/>
      <c r="AO2947" s="53"/>
      <c r="AP2947" s="53"/>
      <c r="AQ2947" s="53"/>
      <c r="AR2947" s="53"/>
      <c r="AS2947" s="53"/>
      <c r="AT2947" s="53"/>
      <c r="AU2947" s="53"/>
      <c r="AV2947" s="53"/>
      <c r="AW2947" s="53"/>
      <c r="AX2947" s="53"/>
      <c r="AY2947" s="53"/>
      <c r="AZ2947" s="53"/>
      <c r="BA2947" s="53"/>
      <c r="BB2947" s="53"/>
      <c r="BC2947" s="53"/>
      <c r="BD2947" s="53"/>
      <c r="BE2947" s="53"/>
      <c r="BF2947" s="53"/>
      <c r="BG2947" s="53"/>
      <c r="BH2947" s="53"/>
      <c r="BI2947" s="53"/>
      <c r="BJ2947" s="53"/>
      <c r="BK2947" s="53"/>
      <c r="BL2947" s="53"/>
      <c r="BM2947" s="53"/>
      <c r="BN2947" s="53"/>
      <c r="BO2947" s="53"/>
      <c r="BP2947" s="53"/>
      <c r="BQ2947" s="53"/>
      <c r="BR2947" s="53"/>
      <c r="BS2947" s="53"/>
      <c r="BT2947" s="53"/>
      <c r="BU2947" s="53"/>
      <c r="BV2947" s="53"/>
      <c r="BW2947" s="53"/>
      <c r="BX2947" s="53"/>
      <c r="BY2947" s="53"/>
      <c r="BZ2947" s="53"/>
      <c r="CA2947" s="53"/>
      <c r="CB2947" s="53"/>
      <c r="CC2947" s="53"/>
      <c r="CD2947" s="53"/>
      <c r="CE2947" s="53"/>
      <c r="CF2947" s="53"/>
      <c r="CG2947" s="53"/>
      <c r="CH2947" s="53"/>
      <c r="CI2947" s="53"/>
      <c r="CJ2947" s="53"/>
      <c r="CK2947" s="53"/>
      <c r="CL2947" s="53"/>
      <c r="CM2947" s="53"/>
      <c r="CN2947" s="53"/>
    </row>
    <row r="2948" spans="1:92">
      <c r="A2948" s="52" t="s">
        <v>649</v>
      </c>
      <c r="B2948" s="53"/>
      <c r="C2948" s="53"/>
      <c r="D2948" s="53"/>
      <c r="E2948" s="53"/>
      <c r="F2948" s="53"/>
      <c r="G2948" s="53"/>
      <c r="H2948" s="53"/>
      <c r="I2948" s="53"/>
      <c r="J2948" s="53"/>
      <c r="K2948" s="53"/>
      <c r="L2948" s="53"/>
      <c r="M2948" s="53"/>
      <c r="N2948" s="53"/>
      <c r="O2948" s="53">
        <v>-174277.58333333299</v>
      </c>
      <c r="P2948" s="53">
        <v>-174277.58333333299</v>
      </c>
      <c r="Q2948" s="53">
        <v>-174277.58333333299</v>
      </c>
      <c r="R2948" s="53">
        <v>-174277.58333333299</v>
      </c>
      <c r="S2948" s="53">
        <v>-174277.58333333299</v>
      </c>
      <c r="T2948" s="53">
        <v>-174277.58333333299</v>
      </c>
      <c r="U2948" s="53">
        <v>-174277.58333333299</v>
      </c>
      <c r="V2948" s="53">
        <v>-174277.58333333299</v>
      </c>
      <c r="W2948" s="53">
        <v>-174277.58333333299</v>
      </c>
      <c r="X2948" s="53">
        <v>-174277.58333333299</v>
      </c>
      <c r="Y2948" s="53">
        <v>-174277.58333333299</v>
      </c>
      <c r="Z2948" s="53">
        <v>-174277.58333333299</v>
      </c>
      <c r="AA2948" s="53">
        <v>-2091330.99999999</v>
      </c>
      <c r="AB2948" s="53">
        <v>-173444.25</v>
      </c>
      <c r="AC2948" s="53">
        <v>-173444.25</v>
      </c>
      <c r="AD2948" s="53">
        <v>-173444.25</v>
      </c>
      <c r="AE2948" s="53">
        <v>-173444.25</v>
      </c>
      <c r="AF2948" s="53">
        <v>-173444.25</v>
      </c>
      <c r="AG2948" s="53">
        <v>-173444.25</v>
      </c>
      <c r="AH2948" s="53">
        <v>-173444.25</v>
      </c>
      <c r="AI2948" s="53">
        <v>-173444.25</v>
      </c>
      <c r="AJ2948" s="53">
        <v>-173444.25</v>
      </c>
      <c r="AK2948" s="53">
        <v>-173444.25</v>
      </c>
      <c r="AL2948" s="53">
        <v>-173444.25</v>
      </c>
      <c r="AM2948" s="53">
        <v>-173444.25</v>
      </c>
      <c r="AN2948" s="53">
        <v>-2081331</v>
      </c>
      <c r="AO2948" s="53">
        <v>-72615.666666666599</v>
      </c>
      <c r="AP2948" s="53">
        <v>-72615.666666666599</v>
      </c>
      <c r="AQ2948" s="53">
        <v>-72615.666666666599</v>
      </c>
      <c r="AR2948" s="53">
        <v>-72615.666666666599</v>
      </c>
      <c r="AS2948" s="53">
        <v>-72615.666666666599</v>
      </c>
      <c r="AT2948" s="53">
        <v>-72615.666666666599</v>
      </c>
      <c r="AU2948" s="53">
        <v>-72615.666666666599</v>
      </c>
      <c r="AV2948" s="53">
        <v>-72615.666666666599</v>
      </c>
      <c r="AW2948" s="53">
        <v>-72615.666666666599</v>
      </c>
      <c r="AX2948" s="53">
        <v>-72615.666666666599</v>
      </c>
      <c r="AY2948" s="53">
        <v>-72615.666666666599</v>
      </c>
      <c r="AZ2948" s="53">
        <v>-72615.666666666599</v>
      </c>
      <c r="BA2948" s="53">
        <v>-871388</v>
      </c>
      <c r="BB2948" s="53"/>
      <c r="BC2948" s="53"/>
      <c r="BD2948" s="53"/>
      <c r="BE2948" s="53"/>
      <c r="BF2948" s="53"/>
      <c r="BG2948" s="53"/>
      <c r="BH2948" s="53"/>
      <c r="BI2948" s="53"/>
      <c r="BJ2948" s="53"/>
      <c r="BK2948" s="53"/>
      <c r="BL2948" s="53"/>
      <c r="BM2948" s="53"/>
      <c r="BN2948" s="53"/>
      <c r="BO2948" s="53"/>
      <c r="BP2948" s="53"/>
      <c r="BQ2948" s="53"/>
      <c r="BR2948" s="53"/>
      <c r="BS2948" s="53"/>
      <c r="BT2948" s="53"/>
      <c r="BU2948" s="53"/>
      <c r="BV2948" s="53"/>
      <c r="BW2948" s="53"/>
      <c r="BX2948" s="53"/>
      <c r="BY2948" s="53"/>
      <c r="BZ2948" s="53"/>
      <c r="CA2948" s="53"/>
      <c r="CB2948" s="53"/>
      <c r="CC2948" s="53"/>
      <c r="CD2948" s="53"/>
      <c r="CE2948" s="53"/>
      <c r="CF2948" s="53"/>
      <c r="CG2948" s="53"/>
      <c r="CH2948" s="53"/>
      <c r="CI2948" s="53"/>
      <c r="CJ2948" s="53"/>
      <c r="CK2948" s="53"/>
      <c r="CL2948" s="53"/>
      <c r="CM2948" s="53"/>
      <c r="CN2948" s="53"/>
    </row>
    <row r="2949" spans="1:92">
      <c r="A2949" s="52" t="s">
        <v>650</v>
      </c>
      <c r="B2949" s="53"/>
      <c r="C2949" s="53"/>
      <c r="D2949" s="53"/>
      <c r="E2949" s="53"/>
      <c r="F2949" s="53"/>
      <c r="G2949" s="53"/>
      <c r="H2949" s="53"/>
      <c r="I2949" s="53"/>
      <c r="J2949" s="53"/>
      <c r="K2949" s="53"/>
      <c r="L2949" s="53"/>
      <c r="M2949" s="53"/>
      <c r="N2949" s="53"/>
      <c r="O2949" s="53"/>
      <c r="P2949" s="53"/>
      <c r="Q2949" s="53"/>
      <c r="R2949" s="53"/>
      <c r="S2949" s="53"/>
      <c r="T2949" s="53"/>
      <c r="U2949" s="53"/>
      <c r="V2949" s="53"/>
      <c r="W2949" s="53"/>
      <c r="X2949" s="53"/>
      <c r="Y2949" s="53"/>
      <c r="Z2949" s="53"/>
      <c r="AA2949" s="53"/>
      <c r="AB2949" s="53"/>
      <c r="AC2949" s="53"/>
      <c r="AD2949" s="53"/>
      <c r="AE2949" s="53"/>
      <c r="AF2949" s="53"/>
      <c r="AG2949" s="53"/>
      <c r="AH2949" s="53"/>
      <c r="AI2949" s="53"/>
      <c r="AJ2949" s="53"/>
      <c r="AK2949" s="53"/>
      <c r="AL2949" s="53"/>
      <c r="AM2949" s="53"/>
      <c r="AN2949" s="53"/>
      <c r="AO2949" s="53"/>
      <c r="AP2949" s="53"/>
      <c r="AQ2949" s="53"/>
      <c r="AR2949" s="53"/>
      <c r="AS2949" s="53"/>
      <c r="AT2949" s="53"/>
      <c r="AU2949" s="53"/>
      <c r="AV2949" s="53"/>
      <c r="AW2949" s="53"/>
      <c r="AX2949" s="53"/>
      <c r="AY2949" s="53"/>
      <c r="AZ2949" s="53"/>
      <c r="BA2949" s="53"/>
      <c r="BB2949" s="53"/>
      <c r="BC2949" s="53"/>
      <c r="BD2949" s="53"/>
      <c r="BE2949" s="53"/>
      <c r="BF2949" s="53"/>
      <c r="BG2949" s="53"/>
      <c r="BH2949" s="53"/>
      <c r="BI2949" s="53"/>
      <c r="BJ2949" s="53"/>
      <c r="BK2949" s="53"/>
      <c r="BL2949" s="53"/>
      <c r="BM2949" s="53"/>
      <c r="BN2949" s="53"/>
      <c r="BO2949" s="53"/>
      <c r="BP2949" s="53"/>
      <c r="BQ2949" s="53"/>
      <c r="BR2949" s="53"/>
      <c r="BS2949" s="53"/>
      <c r="BT2949" s="53"/>
      <c r="BU2949" s="53"/>
      <c r="BV2949" s="53"/>
      <c r="BW2949" s="53"/>
      <c r="BX2949" s="53"/>
      <c r="BY2949" s="53"/>
      <c r="BZ2949" s="53"/>
      <c r="CA2949" s="53"/>
      <c r="CB2949" s="53"/>
      <c r="CC2949" s="53"/>
      <c r="CD2949" s="53"/>
      <c r="CE2949" s="53"/>
      <c r="CF2949" s="53"/>
      <c r="CG2949" s="53"/>
      <c r="CH2949" s="53"/>
      <c r="CI2949" s="53"/>
      <c r="CJ2949" s="53"/>
      <c r="CK2949" s="53"/>
      <c r="CL2949" s="53"/>
      <c r="CM2949" s="53"/>
      <c r="CN2949" s="53"/>
    </row>
    <row r="2950" spans="1:92">
      <c r="A2950" s="52" t="s">
        <v>1722</v>
      </c>
      <c r="B2950" s="53"/>
      <c r="C2950" s="53"/>
      <c r="D2950" s="53"/>
      <c r="E2950" s="53"/>
      <c r="F2950" s="53"/>
      <c r="G2950" s="53"/>
      <c r="H2950" s="53"/>
      <c r="I2950" s="53"/>
      <c r="J2950" s="53"/>
      <c r="K2950" s="53"/>
      <c r="L2950" s="53"/>
      <c r="M2950" s="53"/>
      <c r="N2950" s="53"/>
      <c r="O2950" s="53"/>
      <c r="P2950" s="53"/>
      <c r="Q2950" s="53"/>
      <c r="R2950" s="53"/>
      <c r="S2950" s="53"/>
      <c r="T2950" s="53"/>
      <c r="U2950" s="53"/>
      <c r="V2950" s="53"/>
      <c r="W2950" s="53"/>
      <c r="X2950" s="53"/>
      <c r="Y2950" s="53"/>
      <c r="Z2950" s="53"/>
      <c r="AA2950" s="53"/>
      <c r="AB2950" s="53"/>
      <c r="AC2950" s="53"/>
      <c r="AD2950" s="53"/>
      <c r="AE2950" s="53"/>
      <c r="AF2950" s="53"/>
      <c r="AG2950" s="53"/>
      <c r="AH2950" s="53"/>
      <c r="AI2950" s="53"/>
      <c r="AJ2950" s="53"/>
      <c r="AK2950" s="53"/>
      <c r="AL2950" s="53"/>
      <c r="AM2950" s="53"/>
      <c r="AN2950" s="53"/>
      <c r="AO2950" s="53"/>
      <c r="AP2950" s="53"/>
      <c r="AQ2950" s="53"/>
      <c r="AR2950" s="53"/>
      <c r="AS2950" s="53"/>
      <c r="AT2950" s="53"/>
      <c r="AU2950" s="53"/>
      <c r="AV2950" s="53"/>
      <c r="AW2950" s="53"/>
      <c r="AX2950" s="53"/>
      <c r="AY2950" s="53"/>
      <c r="AZ2950" s="53"/>
      <c r="BA2950" s="53"/>
      <c r="BB2950" s="53"/>
      <c r="BC2950" s="53"/>
      <c r="BD2950" s="53"/>
      <c r="BE2950" s="53"/>
      <c r="BF2950" s="53"/>
      <c r="BG2950" s="53"/>
      <c r="BH2950" s="53"/>
      <c r="BI2950" s="53"/>
      <c r="BJ2950" s="53"/>
      <c r="BK2950" s="53"/>
      <c r="BL2950" s="53"/>
      <c r="BM2950" s="53"/>
      <c r="BN2950" s="53"/>
      <c r="BO2950" s="53"/>
      <c r="BP2950" s="53"/>
      <c r="BQ2950" s="53"/>
      <c r="BR2950" s="53"/>
      <c r="BS2950" s="53"/>
      <c r="BT2950" s="53"/>
      <c r="BU2950" s="53"/>
      <c r="BV2950" s="53"/>
      <c r="BW2950" s="53"/>
      <c r="BX2950" s="53"/>
      <c r="BY2950" s="53"/>
      <c r="BZ2950" s="53"/>
      <c r="CA2950" s="53"/>
      <c r="CB2950" s="53">
        <v>3372083.3333333302</v>
      </c>
      <c r="CC2950" s="53">
        <v>3372083.3333333302</v>
      </c>
      <c r="CD2950" s="53">
        <v>3372083.3333333302</v>
      </c>
      <c r="CE2950" s="53">
        <v>3372083.3333333302</v>
      </c>
      <c r="CF2950" s="53">
        <v>3372083.3333333302</v>
      </c>
      <c r="CG2950" s="53">
        <v>3372083.3333333302</v>
      </c>
      <c r="CH2950" s="53">
        <v>3372083.3333333302</v>
      </c>
      <c r="CI2950" s="53">
        <v>3372083.3333333302</v>
      </c>
      <c r="CJ2950" s="53">
        <v>3372083.3333333302</v>
      </c>
      <c r="CK2950" s="53">
        <v>3372083.3333333302</v>
      </c>
      <c r="CL2950" s="53">
        <v>3372083.3333333302</v>
      </c>
      <c r="CM2950" s="53">
        <v>3372083.3333333302</v>
      </c>
      <c r="CN2950" s="53">
        <v>40465000</v>
      </c>
    </row>
    <row r="2951" spans="1:92">
      <c r="A2951" s="52" t="s">
        <v>649</v>
      </c>
      <c r="B2951" s="53"/>
      <c r="C2951" s="53"/>
      <c r="D2951" s="53">
        <v>9259099.3000000007</v>
      </c>
      <c r="E2951" s="53">
        <v>12892250</v>
      </c>
      <c r="F2951" s="53">
        <v>6848650.7000000002</v>
      </c>
      <c r="G2951" s="53"/>
      <c r="H2951" s="53"/>
      <c r="I2951" s="53"/>
      <c r="J2951" s="53"/>
      <c r="K2951" s="53"/>
      <c r="L2951" s="53"/>
      <c r="M2951" s="53"/>
      <c r="N2951" s="53">
        <v>29000000</v>
      </c>
      <c r="O2951" s="53"/>
      <c r="P2951" s="53"/>
      <c r="Q2951" s="53"/>
      <c r="R2951" s="53"/>
      <c r="S2951" s="53"/>
      <c r="T2951" s="53"/>
      <c r="U2951" s="53"/>
      <c r="V2951" s="53"/>
      <c r="W2951" s="53"/>
      <c r="X2951" s="53"/>
      <c r="Y2951" s="53"/>
      <c r="Z2951" s="53"/>
      <c r="AA2951" s="53"/>
      <c r="AB2951" s="53"/>
      <c r="AC2951" s="53"/>
      <c r="AD2951" s="53"/>
      <c r="AE2951" s="53"/>
      <c r="AF2951" s="53"/>
      <c r="AG2951" s="53"/>
      <c r="AH2951" s="53"/>
      <c r="AI2951" s="53"/>
      <c r="AJ2951" s="53"/>
      <c r="AK2951" s="53"/>
      <c r="AL2951" s="53"/>
      <c r="AM2951" s="53"/>
      <c r="AN2951" s="53"/>
      <c r="AO2951" s="53"/>
      <c r="AP2951" s="53"/>
      <c r="AQ2951" s="53"/>
      <c r="AR2951" s="53"/>
      <c r="AS2951" s="53"/>
      <c r="AT2951" s="53"/>
      <c r="AU2951" s="53"/>
      <c r="AV2951" s="53"/>
      <c r="AW2951" s="53"/>
      <c r="AX2951" s="53"/>
      <c r="AY2951" s="53"/>
      <c r="AZ2951" s="53"/>
      <c r="BA2951" s="53"/>
      <c r="BB2951" s="53"/>
      <c r="BC2951" s="53"/>
      <c r="BD2951" s="53"/>
      <c r="BE2951" s="53"/>
      <c r="BF2951" s="53"/>
      <c r="BG2951" s="53"/>
      <c r="BH2951" s="53"/>
      <c r="BI2951" s="53"/>
      <c r="BJ2951" s="53"/>
      <c r="BK2951" s="53"/>
      <c r="BL2951" s="53"/>
      <c r="BM2951" s="53"/>
      <c r="BN2951" s="53"/>
      <c r="BO2951" s="53"/>
      <c r="BP2951" s="53"/>
      <c r="BQ2951" s="53"/>
      <c r="BR2951" s="53"/>
      <c r="BS2951" s="53"/>
      <c r="BT2951" s="53"/>
      <c r="BU2951" s="53"/>
      <c r="BV2951" s="53"/>
      <c r="BW2951" s="53"/>
      <c r="BX2951" s="53"/>
      <c r="BY2951" s="53"/>
      <c r="BZ2951" s="53"/>
      <c r="CA2951" s="53"/>
      <c r="CB2951" s="53">
        <v>741160337.85333395</v>
      </c>
      <c r="CC2951" s="53">
        <v>744532421.18666697</v>
      </c>
      <c r="CD2951" s="53">
        <v>747904504.51999998</v>
      </c>
      <c r="CE2951" s="53">
        <v>751276587.85333395</v>
      </c>
      <c r="CF2951" s="53">
        <v>754648671.18666697</v>
      </c>
      <c r="CG2951" s="53">
        <v>758020754.51999998</v>
      </c>
      <c r="CH2951" s="53">
        <v>761392837.85333395</v>
      </c>
      <c r="CI2951" s="53">
        <v>764764921.18666697</v>
      </c>
      <c r="CJ2951" s="53">
        <v>768137004.52000105</v>
      </c>
      <c r="CK2951" s="53">
        <v>771509087.85333395</v>
      </c>
      <c r="CL2951" s="53">
        <v>774881171.18666697</v>
      </c>
      <c r="CM2951" s="53">
        <v>778253254.52000105</v>
      </c>
      <c r="CN2951" s="53">
        <v>778253254.52000105</v>
      </c>
    </row>
    <row r="2952" spans="1:92" outlineLevel="1">
      <c r="A2952" s="52" t="s">
        <v>1687</v>
      </c>
      <c r="B2952" s="53"/>
      <c r="C2952" s="53"/>
      <c r="D2952" s="53"/>
      <c r="E2952" s="53"/>
      <c r="F2952" s="53"/>
      <c r="G2952" s="53"/>
      <c r="H2952" s="53"/>
      <c r="I2952" s="53"/>
      <c r="J2952" s="53"/>
      <c r="K2952" s="53"/>
      <c r="L2952" s="53"/>
      <c r="M2952" s="53"/>
      <c r="N2952" s="53"/>
      <c r="O2952" s="53"/>
      <c r="P2952" s="53"/>
      <c r="Q2952" s="53"/>
      <c r="R2952" s="53"/>
      <c r="S2952" s="53"/>
      <c r="T2952" s="53"/>
      <c r="U2952" s="53"/>
      <c r="V2952" s="53"/>
      <c r="W2952" s="53"/>
      <c r="X2952" s="53"/>
      <c r="Y2952" s="53"/>
      <c r="Z2952" s="53"/>
      <c r="AA2952" s="53"/>
      <c r="AB2952" s="53"/>
      <c r="AC2952" s="53"/>
      <c r="AD2952" s="53"/>
      <c r="AE2952" s="53"/>
      <c r="AF2952" s="53"/>
      <c r="AG2952" s="53"/>
      <c r="AH2952" s="53"/>
      <c r="AI2952" s="53"/>
      <c r="AJ2952" s="53"/>
      <c r="AK2952" s="53"/>
      <c r="AL2952" s="53"/>
      <c r="AM2952" s="53"/>
      <c r="AN2952" s="53"/>
      <c r="AO2952" s="53"/>
      <c r="AP2952" s="53"/>
      <c r="AQ2952" s="53"/>
      <c r="AR2952" s="53"/>
      <c r="AS2952" s="53"/>
      <c r="AT2952" s="53"/>
      <c r="AU2952" s="53"/>
      <c r="AV2952" s="53"/>
      <c r="AW2952" s="53"/>
      <c r="AX2952" s="53"/>
      <c r="AY2952" s="53"/>
      <c r="AZ2952" s="53"/>
      <c r="BA2952" s="53"/>
      <c r="BB2952" s="53"/>
      <c r="BC2952" s="53"/>
      <c r="BD2952" s="53"/>
      <c r="BE2952" s="53"/>
      <c r="BF2952" s="53"/>
      <c r="BG2952" s="53"/>
      <c r="BH2952" s="53"/>
      <c r="BI2952" s="53"/>
      <c r="BJ2952" s="53"/>
      <c r="BK2952" s="53"/>
      <c r="BL2952" s="53"/>
      <c r="BM2952" s="53"/>
      <c r="BN2952" s="53"/>
      <c r="BO2952" s="53"/>
      <c r="BP2952" s="53"/>
      <c r="BQ2952" s="53"/>
      <c r="BR2952" s="53"/>
      <c r="BS2952" s="53"/>
      <c r="BT2952" s="53"/>
      <c r="BU2952" s="53"/>
      <c r="BV2952" s="53"/>
      <c r="BW2952" s="53"/>
      <c r="BX2952" s="53"/>
      <c r="BY2952" s="53"/>
      <c r="BZ2952" s="53"/>
      <c r="CA2952" s="53"/>
      <c r="CB2952" s="53"/>
      <c r="CC2952" s="53"/>
      <c r="CD2952" s="53"/>
      <c r="CE2952" s="53"/>
      <c r="CF2952" s="53"/>
      <c r="CG2952" s="53"/>
      <c r="CH2952" s="53"/>
      <c r="CI2952" s="53"/>
      <c r="CJ2952" s="53"/>
      <c r="CK2952" s="53"/>
      <c r="CL2952" s="53"/>
      <c r="CM2952" s="53"/>
      <c r="CN2952" s="53"/>
    </row>
    <row r="2953" spans="1:92" outlineLevel="1">
      <c r="A2953" s="52" t="s">
        <v>1726</v>
      </c>
      <c r="B2953" s="53"/>
      <c r="C2953" s="53"/>
      <c r="D2953" s="53"/>
      <c r="E2953" s="53"/>
      <c r="F2953" s="53"/>
      <c r="G2953" s="53"/>
      <c r="H2953" s="53"/>
      <c r="I2953" s="53"/>
      <c r="J2953" s="53"/>
      <c r="K2953" s="53"/>
      <c r="L2953" s="53"/>
      <c r="M2953" s="53"/>
      <c r="N2953" s="53"/>
      <c r="O2953" s="53"/>
      <c r="P2953" s="53"/>
      <c r="Q2953" s="53"/>
      <c r="R2953" s="53"/>
      <c r="S2953" s="53"/>
      <c r="T2953" s="53"/>
      <c r="U2953" s="53"/>
      <c r="V2953" s="53"/>
      <c r="W2953" s="53"/>
      <c r="X2953" s="53"/>
      <c r="Y2953" s="53"/>
      <c r="Z2953" s="53"/>
      <c r="AA2953" s="53"/>
      <c r="AB2953" s="53"/>
      <c r="AC2953" s="53"/>
      <c r="AD2953" s="53"/>
      <c r="AE2953" s="53"/>
      <c r="AF2953" s="53"/>
      <c r="AG2953" s="53"/>
      <c r="AH2953" s="53"/>
      <c r="AI2953" s="53"/>
      <c r="AJ2953" s="53"/>
      <c r="AK2953" s="53"/>
      <c r="AL2953" s="53"/>
      <c r="AM2953" s="53"/>
      <c r="AN2953" s="53"/>
      <c r="AO2953" s="53"/>
      <c r="AP2953" s="53"/>
      <c r="AQ2953" s="53"/>
      <c r="AR2953" s="53"/>
      <c r="AS2953" s="53"/>
      <c r="AT2953" s="53"/>
      <c r="AU2953" s="53"/>
      <c r="AV2953" s="53"/>
      <c r="AW2953" s="53"/>
      <c r="AX2953" s="53"/>
      <c r="AY2953" s="53"/>
      <c r="AZ2953" s="53"/>
      <c r="BA2953" s="53"/>
      <c r="BB2953" s="53"/>
      <c r="BC2953" s="53"/>
      <c r="BD2953" s="53"/>
      <c r="BE2953" s="53"/>
      <c r="BF2953" s="53"/>
      <c r="BG2953" s="53"/>
      <c r="BH2953" s="53"/>
      <c r="BI2953" s="53"/>
      <c r="BJ2953" s="53"/>
      <c r="BK2953" s="53"/>
      <c r="BL2953" s="53"/>
      <c r="BM2953" s="53"/>
      <c r="BN2953" s="53"/>
      <c r="BO2953" s="53"/>
      <c r="BP2953" s="53"/>
      <c r="BQ2953" s="53"/>
      <c r="BR2953" s="53"/>
      <c r="BS2953" s="53"/>
      <c r="BT2953" s="53"/>
      <c r="BU2953" s="53"/>
      <c r="BV2953" s="53"/>
      <c r="BW2953" s="53"/>
      <c r="BX2953" s="53"/>
      <c r="BY2953" s="53"/>
      <c r="BZ2953" s="53"/>
      <c r="CA2953" s="53"/>
      <c r="CB2953" s="53">
        <v>28688207.4249999</v>
      </c>
      <c r="CC2953" s="53">
        <v>25850213.841666602</v>
      </c>
      <c r="CD2953" s="53">
        <v>23012220.258333299</v>
      </c>
      <c r="CE2953" s="53">
        <v>20174226.6749999</v>
      </c>
      <c r="CF2953" s="53">
        <v>17336233.091666602</v>
      </c>
      <c r="CG2953" s="53">
        <v>14498239.508333299</v>
      </c>
      <c r="CH2953" s="53">
        <v>11660245.9249999</v>
      </c>
      <c r="CI2953" s="53">
        <v>8822252.3416666295</v>
      </c>
      <c r="CJ2953" s="53">
        <v>5984258.7583333002</v>
      </c>
      <c r="CK2953" s="53">
        <v>3146265.1749999602</v>
      </c>
      <c r="CL2953" s="53">
        <v>308271.59166663297</v>
      </c>
      <c r="CM2953" s="53">
        <v>-2529721.99166669</v>
      </c>
      <c r="CN2953" s="53">
        <v>28688207.4249999</v>
      </c>
    </row>
    <row r="2954" spans="1:92" outlineLevel="1">
      <c r="A2954" s="52" t="s">
        <v>649</v>
      </c>
      <c r="B2954" s="53"/>
      <c r="C2954" s="53"/>
      <c r="D2954" s="53"/>
      <c r="E2954" s="53"/>
      <c r="F2954" s="53"/>
      <c r="G2954" s="53"/>
      <c r="H2954" s="53"/>
      <c r="I2954" s="53"/>
      <c r="J2954" s="53"/>
      <c r="K2954" s="53"/>
      <c r="L2954" s="53"/>
      <c r="M2954" s="53"/>
      <c r="N2954" s="53"/>
      <c r="O2954" s="53">
        <v>2618509.22437499</v>
      </c>
      <c r="P2954" s="53">
        <v>2618509.22437499</v>
      </c>
      <c r="Q2954" s="53">
        <v>2618509.22437499</v>
      </c>
      <c r="R2954" s="53">
        <v>2618509.22437499</v>
      </c>
      <c r="S2954" s="53">
        <v>2618509.22437499</v>
      </c>
      <c r="T2954" s="53">
        <v>2618509.22437499</v>
      </c>
      <c r="U2954" s="53">
        <v>2618509.22437499</v>
      </c>
      <c r="V2954" s="53">
        <v>2618509.22437499</v>
      </c>
      <c r="W2954" s="53">
        <v>2618509.22437499</v>
      </c>
      <c r="X2954" s="53">
        <v>2618509.22437499</v>
      </c>
      <c r="Y2954" s="53">
        <v>2618509.22437499</v>
      </c>
      <c r="Z2954" s="53">
        <v>2618509.22437499</v>
      </c>
      <c r="AA2954" s="53">
        <v>31422110.692499802</v>
      </c>
      <c r="AB2954" s="53">
        <v>4388870.2495274898</v>
      </c>
      <c r="AC2954" s="53">
        <v>4388870.2495274898</v>
      </c>
      <c r="AD2954" s="53">
        <v>4388870.2495274898</v>
      </c>
      <c r="AE2954" s="53">
        <v>4388870.2495274898</v>
      </c>
      <c r="AF2954" s="53">
        <v>4388870.2495274898</v>
      </c>
      <c r="AG2954" s="53">
        <v>4388870.2495274898</v>
      </c>
      <c r="AH2954" s="53">
        <v>4388870.2495274898</v>
      </c>
      <c r="AI2954" s="53">
        <v>4388870.2495274898</v>
      </c>
      <c r="AJ2954" s="53">
        <v>4388870.2495274898</v>
      </c>
      <c r="AK2954" s="53">
        <v>4388870.2495274898</v>
      </c>
      <c r="AL2954" s="53">
        <v>4388870.2495274898</v>
      </c>
      <c r="AM2954" s="53">
        <v>4388870.2495274898</v>
      </c>
      <c r="AN2954" s="53">
        <v>52666442.9943299</v>
      </c>
      <c r="AO2954" s="53">
        <v>5253169.3333333302</v>
      </c>
      <c r="AP2954" s="53">
        <v>5253169.3333333302</v>
      </c>
      <c r="AQ2954" s="53">
        <v>5253169.3333333302</v>
      </c>
      <c r="AR2954" s="53">
        <v>5253169.3333333302</v>
      </c>
      <c r="AS2954" s="53">
        <v>5253169.3333333302</v>
      </c>
      <c r="AT2954" s="53">
        <v>5253169.3333333302</v>
      </c>
      <c r="AU2954" s="53">
        <v>5253169.3333333302</v>
      </c>
      <c r="AV2954" s="53">
        <v>5253169.3333333302</v>
      </c>
      <c r="AW2954" s="53">
        <v>5253169.3333333302</v>
      </c>
      <c r="AX2954" s="53">
        <v>5253169.3333333302</v>
      </c>
      <c r="AY2954" s="53">
        <v>5253169.3333333302</v>
      </c>
      <c r="AZ2954" s="53">
        <v>5253169.3333333302</v>
      </c>
      <c r="BA2954" s="53">
        <v>63038031.999999903</v>
      </c>
      <c r="BB2954" s="53">
        <v>7932402.2177273398</v>
      </c>
      <c r="BC2954" s="53">
        <v>7932402.2177273398</v>
      </c>
      <c r="BD2954" s="53">
        <v>7932402.2177273398</v>
      </c>
      <c r="BE2954" s="53">
        <v>7932402.2177273398</v>
      </c>
      <c r="BF2954" s="53">
        <v>7932402.2177273398</v>
      </c>
      <c r="BG2954" s="53">
        <v>7932402.2177273398</v>
      </c>
      <c r="BH2954" s="53">
        <v>7932402.2177273398</v>
      </c>
      <c r="BI2954" s="53">
        <v>7932402.2177273398</v>
      </c>
      <c r="BJ2954" s="53">
        <v>7932402.2177273398</v>
      </c>
      <c r="BK2954" s="53">
        <v>7932402.2177273398</v>
      </c>
      <c r="BL2954" s="53">
        <v>7932402.2177273398</v>
      </c>
      <c r="BM2954" s="53">
        <v>7932402.2177273398</v>
      </c>
      <c r="BN2954" s="53">
        <v>95188826.612728104</v>
      </c>
      <c r="BO2954" s="53">
        <v>9706836.634939</v>
      </c>
      <c r="BP2954" s="53">
        <v>9706836.634939</v>
      </c>
      <c r="BQ2954" s="53">
        <v>9706836.634939</v>
      </c>
      <c r="BR2954" s="53">
        <v>9706836.634939</v>
      </c>
      <c r="BS2954" s="53">
        <v>9706836.634939</v>
      </c>
      <c r="BT2954" s="53">
        <v>9706836.634939</v>
      </c>
      <c r="BU2954" s="53">
        <v>9706836.634939</v>
      </c>
      <c r="BV2954" s="53">
        <v>9706836.634939</v>
      </c>
      <c r="BW2954" s="53">
        <v>9706836.634939</v>
      </c>
      <c r="BX2954" s="53">
        <v>9706836.634939</v>
      </c>
      <c r="BY2954" s="53">
        <v>9706836.634939</v>
      </c>
      <c r="BZ2954" s="53">
        <v>9706836.634939</v>
      </c>
      <c r="CA2954" s="53">
        <v>116482039.619267</v>
      </c>
      <c r="CB2954" s="53"/>
      <c r="CC2954" s="53"/>
      <c r="CD2954" s="53"/>
      <c r="CE2954" s="53"/>
      <c r="CF2954" s="53"/>
      <c r="CG2954" s="53"/>
      <c r="CH2954" s="53"/>
      <c r="CI2954" s="53"/>
      <c r="CJ2954" s="53"/>
      <c r="CK2954" s="53"/>
      <c r="CL2954" s="53"/>
      <c r="CM2954" s="53"/>
      <c r="CN2954" s="53"/>
    </row>
    <row r="2955" spans="1:92" outlineLevel="1">
      <c r="A2955" s="59" t="s">
        <v>1732</v>
      </c>
      <c r="B2955" s="53">
        <v>713236507.5</v>
      </c>
      <c r="C2955" s="53">
        <v>702523734.67999899</v>
      </c>
      <c r="D2955" s="53">
        <v>772428947.39999998</v>
      </c>
      <c r="E2955" s="53">
        <v>769788861.30999899</v>
      </c>
      <c r="F2955" s="53">
        <v>758349541.87</v>
      </c>
      <c r="G2955" s="53">
        <v>751965714.01999903</v>
      </c>
      <c r="H2955" s="53">
        <v>724516571.01999903</v>
      </c>
      <c r="I2955" s="53">
        <v>733731183.61000001</v>
      </c>
      <c r="J2955" s="53">
        <v>770085333.03999996</v>
      </c>
      <c r="K2955" s="53">
        <v>756983733.20999897</v>
      </c>
      <c r="L2955" s="53">
        <v>734509809.67999995</v>
      </c>
      <c r="M2955" s="53">
        <v>632851448.62</v>
      </c>
      <c r="N2955" s="53">
        <v>632851448.62</v>
      </c>
      <c r="O2955" s="53">
        <v>628950437.28665602</v>
      </c>
      <c r="P2955" s="53">
        <v>623691002.455351</v>
      </c>
      <c r="Q2955" s="53">
        <v>616609276.49379599</v>
      </c>
      <c r="R2955" s="53">
        <v>609732102.87665105</v>
      </c>
      <c r="S2955" s="53">
        <v>602207375.94732106</v>
      </c>
      <c r="T2955" s="53">
        <v>595019761.828982</v>
      </c>
      <c r="U2955" s="53">
        <v>589715901.78016996</v>
      </c>
      <c r="V2955" s="53">
        <v>585043306.11759305</v>
      </c>
      <c r="W2955" s="53">
        <v>578192832.88848102</v>
      </c>
      <c r="X2955" s="53">
        <v>569335981.95808494</v>
      </c>
      <c r="Y2955" s="53">
        <v>561407218.98561597</v>
      </c>
      <c r="Z2955" s="53">
        <v>555642773.86669803</v>
      </c>
      <c r="AA2955" s="53">
        <v>555642773.86669803</v>
      </c>
      <c r="AB2955" s="53">
        <v>551661470.43211305</v>
      </c>
      <c r="AC2955" s="53">
        <v>546039939.87426698</v>
      </c>
      <c r="AD2955" s="53">
        <v>539709569.26336801</v>
      </c>
      <c r="AE2955" s="53">
        <v>533629872.07922101</v>
      </c>
      <c r="AF2955" s="53">
        <v>528557107.22829503</v>
      </c>
      <c r="AG2955" s="53">
        <v>523570876.39898098</v>
      </c>
      <c r="AH2955" s="53">
        <v>518413654.50525999</v>
      </c>
      <c r="AI2955" s="53">
        <v>512515531.38537699</v>
      </c>
      <c r="AJ2955" s="53">
        <v>508190769.46172702</v>
      </c>
      <c r="AK2955" s="53">
        <v>504099563.82336801</v>
      </c>
      <c r="AL2955" s="53">
        <v>499995876.46466398</v>
      </c>
      <c r="AM2955" s="53">
        <v>496152374.36995</v>
      </c>
      <c r="AN2955" s="53">
        <v>496152374.36995</v>
      </c>
      <c r="AO2955" s="53">
        <v>463494903.86402798</v>
      </c>
      <c r="AP2955" s="53">
        <v>458883806.616723</v>
      </c>
      <c r="AQ2955" s="53">
        <v>454076757.98476499</v>
      </c>
      <c r="AR2955" s="53">
        <v>449463451.26958501</v>
      </c>
      <c r="AS2955" s="53">
        <v>445943846.59455299</v>
      </c>
      <c r="AT2955" s="53">
        <v>442541041.96597898</v>
      </c>
      <c r="AU2955" s="53">
        <v>438920627.477705</v>
      </c>
      <c r="AV2955" s="53">
        <v>434462994.56761801</v>
      </c>
      <c r="AW2955" s="53">
        <v>431362447.94297498</v>
      </c>
      <c r="AX2955" s="53">
        <v>428502160.37247401</v>
      </c>
      <c r="AY2955" s="53">
        <v>425308676.03180701</v>
      </c>
      <c r="AZ2955" s="53">
        <v>422917925.55384898</v>
      </c>
      <c r="BA2955" s="53">
        <v>422917925.55384898</v>
      </c>
      <c r="BB2955" s="53">
        <v>420545393.82393903</v>
      </c>
      <c r="BC2955" s="53">
        <v>417210071.44071603</v>
      </c>
      <c r="BD2955" s="53">
        <v>413679419.42271203</v>
      </c>
      <c r="BE2955" s="53">
        <v>410345520.00013798</v>
      </c>
      <c r="BF2955" s="53">
        <v>408093157.17968899</v>
      </c>
      <c r="BG2955" s="53">
        <v>405976984.88490897</v>
      </c>
      <c r="BH2955" s="53">
        <v>403636826.89207798</v>
      </c>
      <c r="BI2955" s="53">
        <v>400510277.87179703</v>
      </c>
      <c r="BJ2955" s="53">
        <v>398743935.57111001</v>
      </c>
      <c r="BK2955" s="53">
        <v>397176069.521348</v>
      </c>
      <c r="BL2955" s="53">
        <v>395277735.99585098</v>
      </c>
      <c r="BM2955" s="53">
        <v>394183831.36257797</v>
      </c>
      <c r="BN2955" s="53">
        <v>394183831.36257797</v>
      </c>
      <c r="BO2955" s="53">
        <v>392029776.05084997</v>
      </c>
      <c r="BP2955" s="53">
        <v>388894714.81188101</v>
      </c>
      <c r="BQ2955" s="53">
        <v>385571066.345869</v>
      </c>
      <c r="BR2955" s="53">
        <v>382440375.28673798</v>
      </c>
      <c r="BS2955" s="53">
        <v>380391184.512793</v>
      </c>
      <c r="BT2955" s="53">
        <v>378461736.75678498</v>
      </c>
      <c r="BU2955" s="53">
        <v>376305439.03057998</v>
      </c>
      <c r="BV2955" s="53">
        <v>373364744.77988499</v>
      </c>
      <c r="BW2955" s="53">
        <v>371794424.13651699</v>
      </c>
      <c r="BX2955" s="53">
        <v>370424693.57594299</v>
      </c>
      <c r="BY2955" s="53">
        <v>368745212.411318</v>
      </c>
      <c r="BZ2955" s="53">
        <v>367873963.27457899</v>
      </c>
      <c r="CA2955" s="53">
        <v>367873963.27457899</v>
      </c>
      <c r="CB2955" s="53"/>
      <c r="CC2955" s="53"/>
      <c r="CD2955" s="53"/>
      <c r="CE2955" s="53"/>
      <c r="CF2955" s="53"/>
      <c r="CG2955" s="53"/>
      <c r="CH2955" s="53"/>
      <c r="CI2955" s="53"/>
      <c r="CJ2955" s="53"/>
      <c r="CK2955" s="53"/>
      <c r="CL2955" s="53"/>
      <c r="CM2955" s="53"/>
      <c r="CN2955" s="53"/>
    </row>
    <row r="2956" spans="1:92" outlineLevel="1">
      <c r="A2956" s="52" t="s">
        <v>1733</v>
      </c>
      <c r="B2956" s="53"/>
      <c r="C2956" s="53"/>
      <c r="D2956" s="53"/>
      <c r="E2956" s="53"/>
      <c r="F2956" s="53"/>
      <c r="G2956" s="53"/>
      <c r="H2956" s="53"/>
      <c r="I2956" s="53"/>
      <c r="J2956" s="53"/>
      <c r="K2956" s="53"/>
      <c r="L2956" s="53"/>
      <c r="M2956" s="53"/>
      <c r="N2956" s="53"/>
      <c r="O2956" s="53"/>
      <c r="P2956" s="53"/>
      <c r="Q2956" s="53"/>
      <c r="R2956" s="53"/>
      <c r="S2956" s="53"/>
      <c r="T2956" s="53"/>
      <c r="U2956" s="53"/>
      <c r="V2956" s="53"/>
      <c r="W2956" s="53"/>
      <c r="X2956" s="53"/>
      <c r="Y2956" s="53"/>
      <c r="Z2956" s="53"/>
      <c r="AA2956" s="53"/>
      <c r="AB2956" s="53"/>
      <c r="AC2956" s="53"/>
      <c r="AD2956" s="53"/>
      <c r="AE2956" s="53"/>
      <c r="AF2956" s="53"/>
      <c r="AG2956" s="53"/>
      <c r="AH2956" s="53"/>
      <c r="AI2956" s="53"/>
      <c r="AJ2956" s="53"/>
      <c r="AK2956" s="53"/>
      <c r="AL2956" s="53"/>
      <c r="AM2956" s="53"/>
      <c r="AN2956" s="53"/>
      <c r="AO2956" s="53"/>
      <c r="AP2956" s="53"/>
      <c r="AQ2956" s="53"/>
      <c r="AR2956" s="53"/>
      <c r="AS2956" s="53"/>
      <c r="AT2956" s="53"/>
      <c r="AU2956" s="53"/>
      <c r="AV2956" s="53"/>
      <c r="AW2956" s="53"/>
      <c r="AX2956" s="53"/>
      <c r="AY2956" s="53"/>
      <c r="AZ2956" s="53"/>
      <c r="BA2956" s="53"/>
      <c r="BB2956" s="53"/>
      <c r="BC2956" s="53"/>
      <c r="BD2956" s="53"/>
      <c r="BE2956" s="53"/>
      <c r="BF2956" s="53"/>
      <c r="BG2956" s="53"/>
      <c r="BH2956" s="53"/>
      <c r="BI2956" s="53"/>
      <c r="BJ2956" s="53"/>
      <c r="BK2956" s="53"/>
      <c r="BL2956" s="53"/>
      <c r="BM2956" s="53"/>
      <c r="BN2956" s="53"/>
      <c r="BO2956" s="53"/>
      <c r="BP2956" s="53"/>
      <c r="BQ2956" s="53"/>
      <c r="BR2956" s="53"/>
      <c r="BS2956" s="53"/>
      <c r="BT2956" s="53"/>
      <c r="BU2956" s="53"/>
      <c r="BV2956" s="53"/>
      <c r="BW2956" s="53"/>
      <c r="BX2956" s="53"/>
      <c r="BY2956" s="53"/>
      <c r="BZ2956" s="53"/>
      <c r="CA2956" s="53"/>
      <c r="CB2956" s="53"/>
      <c r="CC2956" s="53"/>
      <c r="CD2956" s="53"/>
      <c r="CE2956" s="53"/>
      <c r="CF2956" s="53"/>
      <c r="CG2956" s="53"/>
      <c r="CH2956" s="53"/>
      <c r="CI2956" s="53"/>
      <c r="CJ2956" s="53"/>
      <c r="CK2956" s="53"/>
      <c r="CL2956" s="53"/>
      <c r="CM2956" s="53"/>
      <c r="CN2956" s="53"/>
    </row>
    <row r="2957" spans="1:92" outlineLevel="1">
      <c r="A2957" s="52" t="s">
        <v>1734</v>
      </c>
      <c r="B2957" s="53">
        <v>19370528.640000001</v>
      </c>
      <c r="C2957" s="53">
        <v>19370528.640000001</v>
      </c>
      <c r="D2957" s="53">
        <v>21794814.66</v>
      </c>
      <c r="E2957" s="53">
        <v>21794814.66</v>
      </c>
      <c r="F2957" s="53">
        <v>21794814.66</v>
      </c>
      <c r="G2957" s="53">
        <v>21794814.66</v>
      </c>
      <c r="H2957" s="53">
        <v>21794814.66</v>
      </c>
      <c r="I2957" s="53">
        <v>21794814.66</v>
      </c>
      <c r="J2957" s="53">
        <v>21794814.66</v>
      </c>
      <c r="K2957" s="53">
        <v>21794814.66</v>
      </c>
      <c r="L2957" s="53">
        <v>21794814.66</v>
      </c>
      <c r="M2957" s="53">
        <v>14607905.66</v>
      </c>
      <c r="N2957" s="53">
        <v>14607905.66</v>
      </c>
      <c r="O2957" s="53">
        <v>14607905.66</v>
      </c>
      <c r="P2957" s="53">
        <v>14607905.66</v>
      </c>
      <c r="Q2957" s="53">
        <v>14607905.66</v>
      </c>
      <c r="R2957" s="53">
        <v>14607905.66</v>
      </c>
      <c r="S2957" s="53">
        <v>14607905.66</v>
      </c>
      <c r="T2957" s="53">
        <v>14607905.66</v>
      </c>
      <c r="U2957" s="53">
        <v>14607905.66</v>
      </c>
      <c r="V2957" s="53">
        <v>14607905.66</v>
      </c>
      <c r="W2957" s="53">
        <v>14607905.66</v>
      </c>
      <c r="X2957" s="53">
        <v>14607905.66</v>
      </c>
      <c r="Y2957" s="53">
        <v>14607905.66</v>
      </c>
      <c r="Z2957" s="53">
        <v>14607905.66</v>
      </c>
      <c r="AA2957" s="53">
        <v>14607905.66</v>
      </c>
      <c r="AB2957" s="53">
        <v>14607905.66</v>
      </c>
      <c r="AC2957" s="53">
        <v>14607905.66</v>
      </c>
      <c r="AD2957" s="53">
        <v>14607905.66</v>
      </c>
      <c r="AE2957" s="53">
        <v>14607905.66</v>
      </c>
      <c r="AF2957" s="53">
        <v>14607905.66</v>
      </c>
      <c r="AG2957" s="53">
        <v>14607905.66</v>
      </c>
      <c r="AH2957" s="53">
        <v>14607905.66</v>
      </c>
      <c r="AI2957" s="53">
        <v>14607905.66</v>
      </c>
      <c r="AJ2957" s="53">
        <v>14607905.66</v>
      </c>
      <c r="AK2957" s="53">
        <v>14607905.66</v>
      </c>
      <c r="AL2957" s="53">
        <v>14607905.66</v>
      </c>
      <c r="AM2957" s="53">
        <v>14607905.66</v>
      </c>
      <c r="AN2957" s="53">
        <v>14607905.66</v>
      </c>
      <c r="AO2957" s="53">
        <v>14607905.66</v>
      </c>
      <c r="AP2957" s="53">
        <v>14607905.66</v>
      </c>
      <c r="AQ2957" s="53">
        <v>14607905.66</v>
      </c>
      <c r="AR2957" s="53">
        <v>14607905.66</v>
      </c>
      <c r="AS2957" s="53">
        <v>14607905.66</v>
      </c>
      <c r="AT2957" s="53">
        <v>14607905.66</v>
      </c>
      <c r="AU2957" s="53">
        <v>14607905.66</v>
      </c>
      <c r="AV2957" s="53">
        <v>14607905.66</v>
      </c>
      <c r="AW2957" s="53">
        <v>14607905.66</v>
      </c>
      <c r="AX2957" s="53">
        <v>14607905.66</v>
      </c>
      <c r="AY2957" s="53">
        <v>14607905.66</v>
      </c>
      <c r="AZ2957" s="53">
        <v>14607905.66</v>
      </c>
      <c r="BA2957" s="53">
        <v>14607905.66</v>
      </c>
      <c r="BB2957" s="53">
        <v>14607905.66</v>
      </c>
      <c r="BC2957" s="53">
        <v>14607905.66</v>
      </c>
      <c r="BD2957" s="53">
        <v>14607905.66</v>
      </c>
      <c r="BE2957" s="53">
        <v>14607905.66</v>
      </c>
      <c r="BF2957" s="53">
        <v>14607905.66</v>
      </c>
      <c r="BG2957" s="53">
        <v>14607905.66</v>
      </c>
      <c r="BH2957" s="53">
        <v>14607905.66</v>
      </c>
      <c r="BI2957" s="53">
        <v>14607905.66</v>
      </c>
      <c r="BJ2957" s="53">
        <v>14607905.66</v>
      </c>
      <c r="BK2957" s="53">
        <v>14607905.66</v>
      </c>
      <c r="BL2957" s="53">
        <v>14607905.66</v>
      </c>
      <c r="BM2957" s="53">
        <v>14607905.66</v>
      </c>
      <c r="BN2957" s="53">
        <v>14607905.66</v>
      </c>
      <c r="BO2957" s="53">
        <v>14607905.66</v>
      </c>
      <c r="BP2957" s="53">
        <v>14607905.66</v>
      </c>
      <c r="BQ2957" s="53">
        <v>14607905.66</v>
      </c>
      <c r="BR2957" s="53">
        <v>14607905.66</v>
      </c>
      <c r="BS2957" s="53">
        <v>14607905.66</v>
      </c>
      <c r="BT2957" s="53">
        <v>14607905.66</v>
      </c>
      <c r="BU2957" s="53">
        <v>14607905.66</v>
      </c>
      <c r="BV2957" s="53">
        <v>14607905.66</v>
      </c>
      <c r="BW2957" s="53">
        <v>14607905.66</v>
      </c>
      <c r="BX2957" s="53">
        <v>14607905.66</v>
      </c>
      <c r="BY2957" s="53">
        <v>14607905.66</v>
      </c>
      <c r="BZ2957" s="53">
        <v>14607905.66</v>
      </c>
      <c r="CA2957" s="53">
        <v>14607905.66</v>
      </c>
      <c r="CB2957" s="53"/>
      <c r="CC2957" s="53"/>
      <c r="CD2957" s="53"/>
      <c r="CE2957" s="53"/>
      <c r="CF2957" s="53"/>
      <c r="CG2957" s="53"/>
      <c r="CH2957" s="53"/>
      <c r="CI2957" s="53"/>
      <c r="CJ2957" s="53"/>
      <c r="CK2957" s="53"/>
      <c r="CL2957" s="53"/>
      <c r="CM2957" s="53"/>
      <c r="CN2957" s="53"/>
    </row>
    <row r="2958" spans="1:92" outlineLevel="1">
      <c r="A2958" s="52" t="s">
        <v>1218</v>
      </c>
      <c r="B2958" s="53">
        <v>52336098.184</v>
      </c>
      <c r="C2958" s="53">
        <v>43946439.090000004</v>
      </c>
      <c r="D2958" s="53">
        <v>63536376.439999998</v>
      </c>
      <c r="E2958" s="53">
        <v>49085719.989999898</v>
      </c>
      <c r="F2958" s="53">
        <v>45868760.579999998</v>
      </c>
      <c r="G2958" s="53">
        <v>49263233.75</v>
      </c>
      <c r="H2958" s="53">
        <v>49562586.529999897</v>
      </c>
      <c r="I2958" s="53">
        <v>49564456.919999897</v>
      </c>
      <c r="J2958" s="53">
        <v>77411196.060000002</v>
      </c>
      <c r="K2958" s="53">
        <v>99668462.310000002</v>
      </c>
      <c r="L2958" s="53">
        <v>80828233.840000004</v>
      </c>
      <c r="M2958" s="53">
        <v>68263355.890000001</v>
      </c>
      <c r="N2958" s="53">
        <v>52336098.184</v>
      </c>
      <c r="O2958" s="53">
        <v>70614173.870000005</v>
      </c>
      <c r="P2958" s="53">
        <v>86132261.030620798</v>
      </c>
      <c r="Q2958" s="53">
        <v>75872186.955830395</v>
      </c>
      <c r="R2958" s="53">
        <v>37920349.918906003</v>
      </c>
      <c r="S2958" s="53">
        <v>36909328.475619897</v>
      </c>
      <c r="T2958" s="53">
        <v>43409098.874202497</v>
      </c>
      <c r="U2958" s="53">
        <v>17689455.733647201</v>
      </c>
      <c r="V2958" s="53">
        <v>26009477.583540902</v>
      </c>
      <c r="W2958" s="53">
        <v>49950970.883099899</v>
      </c>
      <c r="X2958" s="53">
        <v>26263422.388302099</v>
      </c>
      <c r="Y2958" s="53">
        <v>26700273.7253103</v>
      </c>
      <c r="Z2958" s="53">
        <v>14480337.6654929</v>
      </c>
      <c r="AA2958" s="53">
        <v>70614173.870000005</v>
      </c>
      <c r="AB2958" s="53">
        <v>-25331189.627562601</v>
      </c>
      <c r="AC2958" s="53">
        <v>-21989050.3297645</v>
      </c>
      <c r="AD2958" s="53">
        <v>-39401763.519700699</v>
      </c>
      <c r="AE2958" s="53">
        <v>-65842188.452733599</v>
      </c>
      <c r="AF2958" s="53">
        <v>-76612545.38899</v>
      </c>
      <c r="AG2958" s="53">
        <v>-79263403.940058693</v>
      </c>
      <c r="AH2958" s="53">
        <v>-93171375.752462298</v>
      </c>
      <c r="AI2958" s="53">
        <v>-93707408.606079206</v>
      </c>
      <c r="AJ2958" s="53">
        <v>-79395254.320657998</v>
      </c>
      <c r="AK2958" s="53">
        <v>-83606810.858101502</v>
      </c>
      <c r="AL2958" s="53">
        <v>-83427246.683134302</v>
      </c>
      <c r="AM2958" s="53">
        <v>-93084802.544969603</v>
      </c>
      <c r="AN2958" s="53">
        <v>-25331189.627562601</v>
      </c>
      <c r="AO2958" s="53">
        <v>-111767549.44497301</v>
      </c>
      <c r="AP2958" s="53">
        <v>-101633569.63474301</v>
      </c>
      <c r="AQ2958" s="53">
        <v>-111411815.39382</v>
      </c>
      <c r="AR2958" s="53">
        <v>-117839658.37775099</v>
      </c>
      <c r="AS2958" s="53">
        <v>-121286931.530515</v>
      </c>
      <c r="AT2958" s="53">
        <v>-117751801.05727801</v>
      </c>
      <c r="AU2958" s="53">
        <v>-114270625.819985</v>
      </c>
      <c r="AV2958" s="53">
        <v>-108512112.36087599</v>
      </c>
      <c r="AW2958" s="53">
        <v>-90597396.404177293</v>
      </c>
      <c r="AX2958" s="53">
        <v>-86422213.6858401</v>
      </c>
      <c r="AY2958" s="53">
        <v>-89229045.837522</v>
      </c>
      <c r="AZ2958" s="53">
        <v>-100993205.696633</v>
      </c>
      <c r="BA2958" s="53">
        <v>-111767549.44497301</v>
      </c>
      <c r="BB2958" s="53">
        <v>-111767549.44497401</v>
      </c>
      <c r="BC2958" s="53">
        <v>-101982492.841508</v>
      </c>
      <c r="BD2958" s="53">
        <v>-111899237.16093101</v>
      </c>
      <c r="BE2958" s="53">
        <v>-118652890.411534</v>
      </c>
      <c r="BF2958" s="53">
        <v>-122397613.402495</v>
      </c>
      <c r="BG2958" s="53">
        <v>-119119061.151739</v>
      </c>
      <c r="BH2958" s="53">
        <v>-115603146.96321</v>
      </c>
      <c r="BI2958" s="53">
        <v>-109798422.971365</v>
      </c>
      <c r="BJ2958" s="53">
        <v>-91872871.425323904</v>
      </c>
      <c r="BK2958" s="53">
        <v>-87590075.647577703</v>
      </c>
      <c r="BL2958" s="53">
        <v>-89908240.414777502</v>
      </c>
      <c r="BM2958" s="53">
        <v>-101389158.00230201</v>
      </c>
      <c r="BN2958" s="53">
        <v>-111767549.44497401</v>
      </c>
      <c r="BO2958" s="53">
        <v>-111767618.889872</v>
      </c>
      <c r="BP2958" s="53">
        <v>-103811783.52533901</v>
      </c>
      <c r="BQ2958" s="53">
        <v>-117127516.574251</v>
      </c>
      <c r="BR2958" s="53">
        <v>-127123035.890632</v>
      </c>
      <c r="BS2958" s="53">
        <v>-133808914.788093</v>
      </c>
      <c r="BT2958" s="53">
        <v>-132606902.27747101</v>
      </c>
      <c r="BU2958" s="53">
        <v>-125225062.999198</v>
      </c>
      <c r="BV2958" s="53">
        <v>-115280270.247365</v>
      </c>
      <c r="BW2958" s="53">
        <v>-92193721.826470107</v>
      </c>
      <c r="BX2958" s="53">
        <v>-86823703.731758103</v>
      </c>
      <c r="BY2958" s="53">
        <v>-89317118.692465007</v>
      </c>
      <c r="BZ2958" s="53">
        <v>-101628577.72702</v>
      </c>
      <c r="CA2958" s="53">
        <v>-111767618.889872</v>
      </c>
      <c r="CB2958" s="53"/>
      <c r="CC2958" s="53"/>
      <c r="CD2958" s="53"/>
      <c r="CE2958" s="53"/>
      <c r="CF2958" s="53"/>
      <c r="CG2958" s="53"/>
      <c r="CH2958" s="53"/>
      <c r="CI2958" s="53"/>
      <c r="CJ2958" s="53"/>
      <c r="CK2958" s="53"/>
      <c r="CL2958" s="53"/>
      <c r="CM2958" s="53"/>
      <c r="CN2958" s="53"/>
    </row>
    <row r="2959" spans="1:92" outlineLevel="1">
      <c r="A2959" s="52" t="s">
        <v>699</v>
      </c>
      <c r="B2959" s="53"/>
      <c r="C2959" s="53"/>
      <c r="D2959" s="53"/>
      <c r="E2959" s="53"/>
      <c r="F2959" s="53"/>
      <c r="G2959" s="53"/>
      <c r="H2959" s="53"/>
      <c r="I2959" s="53"/>
      <c r="J2959" s="53"/>
      <c r="K2959" s="53"/>
      <c r="L2959" s="53"/>
      <c r="M2959" s="53"/>
      <c r="N2959" s="53"/>
      <c r="O2959" s="53"/>
      <c r="P2959" s="53"/>
      <c r="Q2959" s="53"/>
      <c r="R2959" s="53"/>
      <c r="S2959" s="53"/>
      <c r="T2959" s="53"/>
      <c r="U2959" s="53"/>
      <c r="V2959" s="53"/>
      <c r="W2959" s="53"/>
      <c r="X2959" s="53"/>
      <c r="Y2959" s="53"/>
      <c r="Z2959" s="53"/>
      <c r="AA2959" s="53"/>
      <c r="AB2959" s="53"/>
      <c r="AC2959" s="53"/>
      <c r="AD2959" s="53"/>
      <c r="AE2959" s="53"/>
      <c r="AF2959" s="53"/>
      <c r="AG2959" s="53"/>
      <c r="AH2959" s="53"/>
      <c r="AI2959" s="53"/>
      <c r="AJ2959" s="53"/>
      <c r="AK2959" s="53"/>
      <c r="AL2959" s="53"/>
      <c r="AM2959" s="53"/>
      <c r="AN2959" s="53"/>
      <c r="AO2959" s="53"/>
      <c r="AP2959" s="53"/>
      <c r="AQ2959" s="53"/>
      <c r="AR2959" s="53"/>
      <c r="AS2959" s="53"/>
      <c r="AT2959" s="53"/>
      <c r="AU2959" s="53"/>
      <c r="AV2959" s="53"/>
      <c r="AW2959" s="53"/>
      <c r="AX2959" s="53"/>
      <c r="AY2959" s="53"/>
      <c r="AZ2959" s="53"/>
      <c r="BA2959" s="53"/>
      <c r="BB2959" s="53"/>
      <c r="BC2959" s="53"/>
      <c r="BD2959" s="53"/>
      <c r="BE2959" s="53"/>
      <c r="BF2959" s="53"/>
      <c r="BG2959" s="53"/>
      <c r="BH2959" s="53"/>
      <c r="BI2959" s="53"/>
      <c r="BJ2959" s="53"/>
      <c r="BK2959" s="53"/>
      <c r="BL2959" s="53"/>
      <c r="BM2959" s="53"/>
      <c r="BN2959" s="53"/>
      <c r="BO2959" s="53"/>
      <c r="BP2959" s="53"/>
      <c r="BQ2959" s="53"/>
      <c r="BR2959" s="53"/>
      <c r="BS2959" s="53"/>
      <c r="BT2959" s="53"/>
      <c r="BU2959" s="53"/>
      <c r="BV2959" s="53"/>
      <c r="BW2959" s="53"/>
      <c r="BX2959" s="53"/>
      <c r="BY2959" s="53"/>
      <c r="BZ2959" s="53"/>
      <c r="CA2959" s="53"/>
      <c r="CB2959" s="53"/>
      <c r="CC2959" s="53"/>
      <c r="CD2959" s="53"/>
      <c r="CE2959" s="53"/>
      <c r="CF2959" s="53"/>
      <c r="CG2959" s="53"/>
      <c r="CH2959" s="53"/>
      <c r="CI2959" s="53"/>
      <c r="CJ2959" s="53"/>
      <c r="CK2959" s="53"/>
      <c r="CL2959" s="53"/>
      <c r="CM2959" s="53"/>
      <c r="CN2959" s="53"/>
    </row>
    <row r="2960" spans="1:92" outlineLevel="1">
      <c r="A2960" s="52" t="s">
        <v>650</v>
      </c>
      <c r="B2960" s="53"/>
      <c r="C2960" s="53"/>
      <c r="D2960" s="53"/>
      <c r="E2960" s="53"/>
      <c r="F2960" s="53"/>
      <c r="G2960" s="53"/>
      <c r="H2960" s="53"/>
      <c r="I2960" s="53"/>
      <c r="J2960" s="53"/>
      <c r="K2960" s="53"/>
      <c r="L2960" s="53"/>
      <c r="M2960" s="53"/>
      <c r="N2960" s="53"/>
      <c r="O2960" s="53"/>
      <c r="P2960" s="53"/>
      <c r="Q2960" s="53"/>
      <c r="R2960" s="53"/>
      <c r="S2960" s="53"/>
      <c r="T2960" s="53"/>
      <c r="U2960" s="53"/>
      <c r="V2960" s="53"/>
      <c r="W2960" s="53"/>
      <c r="X2960" s="53"/>
      <c r="Y2960" s="53"/>
      <c r="Z2960" s="53"/>
      <c r="AA2960" s="53"/>
      <c r="AB2960" s="53"/>
      <c r="AC2960" s="53"/>
      <c r="AD2960" s="53"/>
      <c r="AE2960" s="53"/>
      <c r="AF2960" s="53"/>
      <c r="AG2960" s="53"/>
      <c r="AH2960" s="53"/>
      <c r="AI2960" s="53"/>
      <c r="AJ2960" s="53"/>
      <c r="AK2960" s="53"/>
      <c r="AL2960" s="53"/>
      <c r="AM2960" s="53"/>
      <c r="AN2960" s="53"/>
      <c r="AO2960" s="53"/>
      <c r="AP2960" s="53"/>
      <c r="AQ2960" s="53"/>
      <c r="AR2960" s="53"/>
      <c r="AS2960" s="53"/>
      <c r="AT2960" s="53"/>
      <c r="AU2960" s="53"/>
      <c r="AV2960" s="53"/>
      <c r="AW2960" s="53"/>
      <c r="AX2960" s="53"/>
      <c r="AY2960" s="53"/>
      <c r="AZ2960" s="53"/>
      <c r="BA2960" s="53"/>
      <c r="BB2960" s="53"/>
      <c r="BC2960" s="53"/>
      <c r="BD2960" s="53"/>
      <c r="BE2960" s="53"/>
      <c r="BF2960" s="53"/>
      <c r="BG2960" s="53"/>
      <c r="BH2960" s="53"/>
      <c r="BI2960" s="53"/>
      <c r="BJ2960" s="53"/>
      <c r="BK2960" s="53"/>
      <c r="BL2960" s="53"/>
      <c r="BM2960" s="53"/>
      <c r="BN2960" s="53"/>
      <c r="BO2960" s="53"/>
      <c r="BP2960" s="53"/>
      <c r="BQ2960" s="53"/>
      <c r="BR2960" s="53"/>
      <c r="BS2960" s="53"/>
      <c r="BT2960" s="53"/>
      <c r="BU2960" s="53"/>
      <c r="BV2960" s="53"/>
      <c r="BW2960" s="53"/>
      <c r="BX2960" s="53"/>
      <c r="BY2960" s="53"/>
      <c r="BZ2960" s="53"/>
      <c r="CA2960" s="53"/>
      <c r="CB2960" s="53"/>
      <c r="CC2960" s="53"/>
      <c r="CD2960" s="53"/>
      <c r="CE2960" s="53"/>
      <c r="CF2960" s="53"/>
      <c r="CG2960" s="53"/>
      <c r="CH2960" s="53"/>
      <c r="CI2960" s="53"/>
      <c r="CJ2960" s="53"/>
      <c r="CK2960" s="53"/>
      <c r="CL2960" s="53"/>
      <c r="CM2960" s="53"/>
      <c r="CN2960" s="53"/>
    </row>
    <row r="2961" spans="1:92" outlineLevel="1">
      <c r="A2961" s="52" t="s">
        <v>1735</v>
      </c>
      <c r="B2961" s="53"/>
      <c r="C2961" s="53"/>
      <c r="D2961" s="53"/>
      <c r="E2961" s="53"/>
      <c r="F2961" s="53"/>
      <c r="G2961" s="53"/>
      <c r="H2961" s="53"/>
      <c r="I2961" s="53"/>
      <c r="J2961" s="53"/>
      <c r="K2961" s="53"/>
      <c r="L2961" s="53"/>
      <c r="M2961" s="53"/>
      <c r="N2961" s="53"/>
      <c r="O2961" s="53"/>
      <c r="P2961" s="53"/>
      <c r="Q2961" s="53"/>
      <c r="R2961" s="53"/>
      <c r="S2961" s="53"/>
      <c r="T2961" s="53"/>
      <c r="U2961" s="53"/>
      <c r="V2961" s="53"/>
      <c r="W2961" s="53"/>
      <c r="X2961" s="53"/>
      <c r="Y2961" s="53"/>
      <c r="Z2961" s="53"/>
      <c r="AA2961" s="53"/>
      <c r="AB2961" s="53"/>
      <c r="AC2961" s="53"/>
      <c r="AD2961" s="53"/>
      <c r="AE2961" s="53"/>
      <c r="AF2961" s="53"/>
      <c r="AG2961" s="53"/>
      <c r="AH2961" s="53"/>
      <c r="AI2961" s="53"/>
      <c r="AJ2961" s="53"/>
      <c r="AK2961" s="53"/>
      <c r="AL2961" s="53"/>
      <c r="AM2961" s="53"/>
      <c r="AN2961" s="53"/>
      <c r="AO2961" s="53"/>
      <c r="AP2961" s="53"/>
      <c r="AQ2961" s="53"/>
      <c r="AR2961" s="53"/>
      <c r="AS2961" s="53"/>
      <c r="AT2961" s="53"/>
      <c r="AU2961" s="53"/>
      <c r="AV2961" s="53"/>
      <c r="AW2961" s="53"/>
      <c r="AX2961" s="53"/>
      <c r="AY2961" s="53"/>
      <c r="AZ2961" s="53"/>
      <c r="BA2961" s="53"/>
      <c r="BB2961" s="53"/>
      <c r="BC2961" s="53"/>
      <c r="BD2961" s="53"/>
      <c r="BE2961" s="53"/>
      <c r="BF2961" s="53"/>
      <c r="BG2961" s="53"/>
      <c r="BH2961" s="53"/>
      <c r="BI2961" s="53"/>
      <c r="BJ2961" s="53"/>
      <c r="BK2961" s="53"/>
      <c r="BL2961" s="53"/>
      <c r="BM2961" s="53"/>
      <c r="BN2961" s="53"/>
      <c r="BO2961" s="53"/>
      <c r="BP2961" s="53"/>
      <c r="BQ2961" s="53"/>
      <c r="BR2961" s="53"/>
      <c r="BS2961" s="53"/>
      <c r="BT2961" s="53"/>
      <c r="BU2961" s="53"/>
      <c r="BV2961" s="53"/>
      <c r="BW2961" s="53"/>
      <c r="BX2961" s="53"/>
      <c r="BY2961" s="53"/>
      <c r="BZ2961" s="53"/>
      <c r="CA2961" s="53"/>
      <c r="CB2961" s="53">
        <v>853487</v>
      </c>
      <c r="CC2961" s="53">
        <v>853487</v>
      </c>
      <c r="CD2961" s="53">
        <v>853487</v>
      </c>
      <c r="CE2961" s="53">
        <v>853487</v>
      </c>
      <c r="CF2961" s="53">
        <v>853487</v>
      </c>
      <c r="CG2961" s="53">
        <v>853487</v>
      </c>
      <c r="CH2961" s="53">
        <v>853487</v>
      </c>
      <c r="CI2961" s="53">
        <v>853487</v>
      </c>
      <c r="CJ2961" s="53">
        <v>853487</v>
      </c>
      <c r="CK2961" s="53">
        <v>853487</v>
      </c>
      <c r="CL2961" s="53">
        <v>853487</v>
      </c>
      <c r="CM2961" s="53">
        <v>853487</v>
      </c>
      <c r="CN2961" s="53">
        <v>10241843.999999899</v>
      </c>
    </row>
    <row r="2962" spans="1:92" outlineLevel="1">
      <c r="A2962" s="52" t="s">
        <v>649</v>
      </c>
      <c r="B2962" s="53"/>
      <c r="C2962" s="53"/>
      <c r="D2962" s="53"/>
      <c r="E2962" s="53"/>
      <c r="F2962" s="53"/>
      <c r="G2962" s="53"/>
      <c r="H2962" s="53"/>
      <c r="I2962" s="53"/>
      <c r="J2962" s="53"/>
      <c r="K2962" s="53"/>
      <c r="L2962" s="53"/>
      <c r="M2962" s="53"/>
      <c r="N2962" s="53"/>
      <c r="O2962" s="53"/>
      <c r="P2962" s="53"/>
      <c r="Q2962" s="53">
        <v>-18433204.1047558</v>
      </c>
      <c r="R2962" s="53"/>
      <c r="S2962" s="53"/>
      <c r="T2962" s="53">
        <v>-18433204.1047558</v>
      </c>
      <c r="U2962" s="53"/>
      <c r="V2962" s="53"/>
      <c r="W2962" s="53">
        <v>-18433204.1047558</v>
      </c>
      <c r="X2962" s="53"/>
      <c r="Y2962" s="53"/>
      <c r="Z2962" s="53">
        <v>-18433204.1047558</v>
      </c>
      <c r="AA2962" s="53">
        <v>-73732816.419023201</v>
      </c>
      <c r="AB2962" s="53"/>
      <c r="AC2962" s="53"/>
      <c r="AD2962" s="53">
        <v>-7066796.7144867899</v>
      </c>
      <c r="AE2962" s="53"/>
      <c r="AF2962" s="53"/>
      <c r="AG2962" s="53">
        <v>-7066796.7144867899</v>
      </c>
      <c r="AH2962" s="53"/>
      <c r="AI2962" s="53"/>
      <c r="AJ2962" s="53">
        <v>-7066796.7144867899</v>
      </c>
      <c r="AK2962" s="53"/>
      <c r="AL2962" s="53"/>
      <c r="AM2962" s="53">
        <v>-7066796.7144867899</v>
      </c>
      <c r="AN2962" s="53">
        <v>-28267186.8579471</v>
      </c>
      <c r="AO2962" s="53"/>
      <c r="AP2962" s="53"/>
      <c r="AQ2962" s="53"/>
      <c r="AR2962" s="53"/>
      <c r="AS2962" s="53"/>
      <c r="AT2962" s="53"/>
      <c r="AU2962" s="53"/>
      <c r="AV2962" s="53"/>
      <c r="AW2962" s="53"/>
      <c r="AX2962" s="53"/>
      <c r="AY2962" s="53"/>
      <c r="AZ2962" s="53"/>
      <c r="BA2962" s="53"/>
      <c r="BB2962" s="53"/>
      <c r="BC2962" s="53"/>
      <c r="BD2962" s="53"/>
      <c r="BE2962" s="53"/>
      <c r="BF2962" s="53"/>
      <c r="BG2962" s="53"/>
      <c r="BH2962" s="53"/>
      <c r="BI2962" s="53"/>
      <c r="BJ2962" s="53"/>
      <c r="BK2962" s="53"/>
      <c r="BL2962" s="53"/>
      <c r="BM2962" s="53"/>
      <c r="BN2962" s="53"/>
      <c r="BO2962" s="53"/>
      <c r="BP2962" s="53"/>
      <c r="BQ2962" s="53"/>
      <c r="BR2962" s="53"/>
      <c r="BS2962" s="53"/>
      <c r="BT2962" s="53"/>
      <c r="BU2962" s="53"/>
      <c r="BV2962" s="53"/>
      <c r="BW2962" s="53"/>
      <c r="BX2962" s="53"/>
      <c r="BY2962" s="53"/>
      <c r="BZ2962" s="53"/>
      <c r="CA2962" s="53"/>
      <c r="CB2962" s="53"/>
      <c r="CC2962" s="53"/>
      <c r="CD2962" s="53"/>
      <c r="CE2962" s="53"/>
      <c r="CF2962" s="53"/>
      <c r="CG2962" s="53"/>
      <c r="CH2962" s="53"/>
      <c r="CI2962" s="53"/>
      <c r="CJ2962" s="53"/>
      <c r="CK2962" s="53"/>
      <c r="CL2962" s="53"/>
      <c r="CM2962" s="53"/>
      <c r="CN2962" s="53"/>
    </row>
    <row r="2963" spans="1:92" outlineLevel="1">
      <c r="A2963" s="52" t="s">
        <v>1736</v>
      </c>
      <c r="B2963" s="53"/>
      <c r="C2963" s="53"/>
      <c r="D2963" s="53"/>
      <c r="E2963" s="53"/>
      <c r="F2963" s="53"/>
      <c r="G2963" s="53"/>
      <c r="H2963" s="53"/>
      <c r="I2963" s="53"/>
      <c r="J2963" s="53"/>
      <c r="K2963" s="53"/>
      <c r="L2963" s="53"/>
      <c r="M2963" s="53"/>
      <c r="N2963" s="53"/>
      <c r="O2963" s="53"/>
      <c r="P2963" s="53"/>
      <c r="Q2963" s="53"/>
      <c r="R2963" s="53"/>
      <c r="S2963" s="53"/>
      <c r="T2963" s="53"/>
      <c r="U2963" s="53"/>
      <c r="V2963" s="53"/>
      <c r="W2963" s="53"/>
      <c r="X2963" s="53"/>
      <c r="Y2963" s="53"/>
      <c r="Z2963" s="53"/>
      <c r="AA2963" s="53"/>
      <c r="AB2963" s="53"/>
      <c r="AC2963" s="53"/>
      <c r="AD2963" s="53"/>
      <c r="AE2963" s="53"/>
      <c r="AF2963" s="53"/>
      <c r="AG2963" s="53"/>
      <c r="AH2963" s="53"/>
      <c r="AI2963" s="53"/>
      <c r="AJ2963" s="53"/>
      <c r="AK2963" s="53"/>
      <c r="AL2963" s="53"/>
      <c r="AM2963" s="53"/>
      <c r="AN2963" s="53"/>
      <c r="AO2963" s="53"/>
      <c r="AP2963" s="53"/>
      <c r="AQ2963" s="53"/>
      <c r="AR2963" s="53"/>
      <c r="AS2963" s="53"/>
      <c r="AT2963" s="53"/>
      <c r="AU2963" s="53"/>
      <c r="AV2963" s="53"/>
      <c r="AW2963" s="53"/>
      <c r="AX2963" s="53"/>
      <c r="AY2963" s="53"/>
      <c r="AZ2963" s="53"/>
      <c r="BA2963" s="53"/>
      <c r="BB2963" s="53"/>
      <c r="BC2963" s="53"/>
      <c r="BD2963" s="53"/>
      <c r="BE2963" s="53"/>
      <c r="BF2963" s="53"/>
      <c r="BG2963" s="53"/>
      <c r="BH2963" s="53"/>
      <c r="BI2963" s="53"/>
      <c r="BJ2963" s="53"/>
      <c r="BK2963" s="53"/>
      <c r="BL2963" s="53"/>
      <c r="BM2963" s="53"/>
      <c r="BN2963" s="53"/>
      <c r="BO2963" s="53"/>
      <c r="BP2963" s="53"/>
      <c r="BQ2963" s="53"/>
      <c r="BR2963" s="53"/>
      <c r="BS2963" s="53"/>
      <c r="BT2963" s="53"/>
      <c r="BU2963" s="53"/>
      <c r="BV2963" s="53"/>
      <c r="BW2963" s="53"/>
      <c r="BX2963" s="53"/>
      <c r="BY2963" s="53"/>
      <c r="BZ2963" s="53"/>
      <c r="CA2963" s="53"/>
      <c r="CB2963" s="53">
        <v>256214</v>
      </c>
      <c r="CC2963" s="53">
        <v>256214</v>
      </c>
      <c r="CD2963" s="53">
        <v>256214</v>
      </c>
      <c r="CE2963" s="53">
        <v>256214</v>
      </c>
      <c r="CF2963" s="53">
        <v>256214</v>
      </c>
      <c r="CG2963" s="53">
        <v>256214</v>
      </c>
      <c r="CH2963" s="53">
        <v>256214</v>
      </c>
      <c r="CI2963" s="53">
        <v>256214</v>
      </c>
      <c r="CJ2963" s="53">
        <v>256214</v>
      </c>
      <c r="CK2963" s="53">
        <v>256214</v>
      </c>
      <c r="CL2963" s="53">
        <v>256214</v>
      </c>
      <c r="CM2963" s="53">
        <v>256214</v>
      </c>
      <c r="CN2963" s="53">
        <v>3074567.9999999902</v>
      </c>
    </row>
    <row r="2964" spans="1:92" outlineLevel="1">
      <c r="A2964" s="52" t="s">
        <v>649</v>
      </c>
      <c r="B2964" s="53"/>
      <c r="C2964" s="53"/>
      <c r="D2964" s="53"/>
      <c r="E2964" s="53"/>
      <c r="F2964" s="53"/>
      <c r="G2964" s="53"/>
      <c r="H2964" s="53"/>
      <c r="I2964" s="53"/>
      <c r="J2964" s="53"/>
      <c r="K2964" s="53"/>
      <c r="L2964" s="53"/>
      <c r="M2964" s="53"/>
      <c r="N2964" s="53"/>
      <c r="O2964" s="53"/>
      <c r="P2964" s="53"/>
      <c r="Q2964" s="53">
        <v>-12830954.793979799</v>
      </c>
      <c r="R2964" s="53"/>
      <c r="S2964" s="53"/>
      <c r="T2964" s="53">
        <v>-12830954.793979799</v>
      </c>
      <c r="U2964" s="53"/>
      <c r="V2964" s="53"/>
      <c r="W2964" s="53">
        <v>-12830954.793979799</v>
      </c>
      <c r="X2964" s="53"/>
      <c r="Y2964" s="53"/>
      <c r="Z2964" s="53">
        <v>-12830954.793979799</v>
      </c>
      <c r="AA2964" s="53">
        <v>-51323819.175919197</v>
      </c>
      <c r="AB2964" s="53"/>
      <c r="AC2964" s="53"/>
      <c r="AD2964" s="53">
        <v>-4919044.3867776096</v>
      </c>
      <c r="AE2964" s="53"/>
      <c r="AF2964" s="53"/>
      <c r="AG2964" s="53">
        <v>-4919044.3867776096</v>
      </c>
      <c r="AH2964" s="53"/>
      <c r="AI2964" s="53"/>
      <c r="AJ2964" s="53">
        <v>-4919044.3867776096</v>
      </c>
      <c r="AK2964" s="53"/>
      <c r="AL2964" s="53"/>
      <c r="AM2964" s="53">
        <v>-4919044.3867776096</v>
      </c>
      <c r="AN2964" s="53">
        <v>-19676177.547110401</v>
      </c>
      <c r="AO2964" s="53"/>
      <c r="AP2964" s="53"/>
      <c r="AQ2964" s="53"/>
      <c r="AR2964" s="53"/>
      <c r="AS2964" s="53"/>
      <c r="AT2964" s="53"/>
      <c r="AU2964" s="53"/>
      <c r="AV2964" s="53"/>
      <c r="AW2964" s="53"/>
      <c r="AX2964" s="53"/>
      <c r="AY2964" s="53"/>
      <c r="AZ2964" s="53"/>
      <c r="BA2964" s="53"/>
      <c r="BB2964" s="53"/>
      <c r="BC2964" s="53"/>
      <c r="BD2964" s="53"/>
      <c r="BE2964" s="53"/>
      <c r="BF2964" s="53"/>
      <c r="BG2964" s="53"/>
      <c r="BH2964" s="53"/>
      <c r="BI2964" s="53"/>
      <c r="BJ2964" s="53"/>
      <c r="BK2964" s="53"/>
      <c r="BL2964" s="53"/>
      <c r="BM2964" s="53"/>
      <c r="BN2964" s="53"/>
      <c r="BO2964" s="53"/>
      <c r="BP2964" s="53"/>
      <c r="BQ2964" s="53"/>
      <c r="BR2964" s="53"/>
      <c r="BS2964" s="53"/>
      <c r="BT2964" s="53"/>
      <c r="BU2964" s="53"/>
      <c r="BV2964" s="53"/>
      <c r="BW2964" s="53"/>
      <c r="BX2964" s="53"/>
      <c r="BY2964" s="53"/>
      <c r="BZ2964" s="53"/>
      <c r="CA2964" s="53"/>
      <c r="CB2964" s="53"/>
      <c r="CC2964" s="53"/>
      <c r="CD2964" s="53"/>
      <c r="CE2964" s="53"/>
      <c r="CF2964" s="53"/>
      <c r="CG2964" s="53"/>
      <c r="CH2964" s="53"/>
      <c r="CI2964" s="53"/>
      <c r="CJ2964" s="53"/>
      <c r="CK2964" s="53"/>
      <c r="CL2964" s="53"/>
      <c r="CM2964" s="53"/>
      <c r="CN2964" s="53"/>
    </row>
    <row r="2965" spans="1:92" outlineLevel="1">
      <c r="A2965" s="52" t="s">
        <v>1722</v>
      </c>
      <c r="B2965" s="53"/>
      <c r="C2965" s="53"/>
      <c r="D2965" s="53"/>
      <c r="E2965" s="53"/>
      <c r="F2965" s="53"/>
      <c r="G2965" s="53"/>
      <c r="H2965" s="53"/>
      <c r="I2965" s="53"/>
      <c r="J2965" s="53"/>
      <c r="K2965" s="53"/>
      <c r="L2965" s="53"/>
      <c r="M2965" s="53"/>
      <c r="N2965" s="53"/>
      <c r="O2965" s="53"/>
      <c r="P2965" s="53"/>
      <c r="Q2965" s="53"/>
      <c r="R2965" s="53"/>
      <c r="S2965" s="53"/>
      <c r="T2965" s="53"/>
      <c r="U2965" s="53"/>
      <c r="V2965" s="53"/>
      <c r="W2965" s="53"/>
      <c r="X2965" s="53"/>
      <c r="Y2965" s="53"/>
      <c r="Z2965" s="53"/>
      <c r="AA2965" s="53"/>
      <c r="AB2965" s="53"/>
      <c r="AC2965" s="53"/>
      <c r="AD2965" s="53"/>
      <c r="AE2965" s="53"/>
      <c r="AF2965" s="53"/>
      <c r="AG2965" s="53"/>
      <c r="AH2965" s="53"/>
      <c r="AI2965" s="53"/>
      <c r="AJ2965" s="53"/>
      <c r="AK2965" s="53"/>
      <c r="AL2965" s="53"/>
      <c r="AM2965" s="53"/>
      <c r="AN2965" s="53"/>
      <c r="AO2965" s="53"/>
      <c r="AP2965" s="53"/>
      <c r="AQ2965" s="53"/>
      <c r="AR2965" s="53"/>
      <c r="AS2965" s="53"/>
      <c r="AT2965" s="53"/>
      <c r="AU2965" s="53"/>
      <c r="AV2965" s="53"/>
      <c r="AW2965" s="53"/>
      <c r="AX2965" s="53"/>
      <c r="AY2965" s="53"/>
      <c r="AZ2965" s="53"/>
      <c r="BA2965" s="53"/>
      <c r="BB2965" s="53"/>
      <c r="BC2965" s="53"/>
      <c r="BD2965" s="53"/>
      <c r="BE2965" s="53"/>
      <c r="BF2965" s="53"/>
      <c r="BG2965" s="53"/>
      <c r="BH2965" s="53"/>
      <c r="BI2965" s="53"/>
      <c r="BJ2965" s="53"/>
      <c r="BK2965" s="53"/>
      <c r="BL2965" s="53"/>
      <c r="BM2965" s="53"/>
      <c r="BN2965" s="53"/>
      <c r="BO2965" s="53"/>
      <c r="BP2965" s="53"/>
      <c r="BQ2965" s="53"/>
      <c r="BR2965" s="53"/>
      <c r="BS2965" s="53"/>
      <c r="BT2965" s="53"/>
      <c r="BU2965" s="53"/>
      <c r="BV2965" s="53"/>
      <c r="BW2965" s="53"/>
      <c r="BX2965" s="53"/>
      <c r="BY2965" s="53"/>
      <c r="BZ2965" s="53"/>
      <c r="CA2965" s="53"/>
      <c r="CB2965" s="53"/>
      <c r="CC2965" s="53"/>
      <c r="CD2965" s="53"/>
      <c r="CE2965" s="53"/>
      <c r="CF2965" s="53"/>
      <c r="CG2965" s="53"/>
      <c r="CH2965" s="53"/>
      <c r="CI2965" s="53"/>
      <c r="CJ2965" s="53"/>
      <c r="CK2965" s="53"/>
      <c r="CL2965" s="53"/>
      <c r="CM2965" s="53"/>
      <c r="CN2965" s="53"/>
    </row>
    <row r="2966" spans="1:92" outlineLevel="1">
      <c r="A2966" s="52" t="s">
        <v>649</v>
      </c>
      <c r="B2966" s="53"/>
      <c r="C2966" s="53"/>
      <c r="D2966" s="53">
        <v>-9259099.3000000007</v>
      </c>
      <c r="E2966" s="53">
        <v>-12892250</v>
      </c>
      <c r="F2966" s="53">
        <v>-6848650.7000000002</v>
      </c>
      <c r="G2966" s="53"/>
      <c r="H2966" s="53"/>
      <c r="I2966" s="53"/>
      <c r="J2966" s="53"/>
      <c r="K2966" s="53"/>
      <c r="L2966" s="53"/>
      <c r="M2966" s="53"/>
      <c r="N2966" s="53">
        <v>-29000000</v>
      </c>
      <c r="O2966" s="53"/>
      <c r="P2966" s="53"/>
      <c r="Q2966" s="53"/>
      <c r="R2966" s="53"/>
      <c r="S2966" s="53"/>
      <c r="T2966" s="53"/>
      <c r="U2966" s="53"/>
      <c r="V2966" s="53"/>
      <c r="W2966" s="53"/>
      <c r="X2966" s="53"/>
      <c r="Y2966" s="53"/>
      <c r="Z2966" s="53"/>
      <c r="AA2966" s="53"/>
      <c r="AB2966" s="53"/>
      <c r="AC2966" s="53"/>
      <c r="AD2966" s="53"/>
      <c r="AE2966" s="53"/>
      <c r="AF2966" s="53"/>
      <c r="AG2966" s="53"/>
      <c r="AH2966" s="53"/>
      <c r="AI2966" s="53"/>
      <c r="AJ2966" s="53"/>
      <c r="AK2966" s="53"/>
      <c r="AL2966" s="53"/>
      <c r="AM2966" s="53"/>
      <c r="AN2966" s="53"/>
      <c r="AO2966" s="53"/>
      <c r="AP2966" s="53"/>
      <c r="AQ2966" s="53"/>
      <c r="AR2966" s="53"/>
      <c r="AS2966" s="53"/>
      <c r="AT2966" s="53"/>
      <c r="AU2966" s="53"/>
      <c r="AV2966" s="53"/>
      <c r="AW2966" s="53"/>
      <c r="AX2966" s="53"/>
      <c r="AY2966" s="53"/>
      <c r="AZ2966" s="53"/>
      <c r="BA2966" s="53"/>
      <c r="BB2966" s="53"/>
      <c r="BC2966" s="53"/>
      <c r="BD2966" s="53"/>
      <c r="BE2966" s="53"/>
      <c r="BF2966" s="53"/>
      <c r="BG2966" s="53"/>
      <c r="BH2966" s="53"/>
      <c r="BI2966" s="53"/>
      <c r="BJ2966" s="53"/>
      <c r="BK2966" s="53"/>
      <c r="BL2966" s="53"/>
      <c r="BM2966" s="53"/>
      <c r="BN2966" s="53"/>
      <c r="BO2966" s="53"/>
      <c r="BP2966" s="53"/>
      <c r="BQ2966" s="53"/>
      <c r="BR2966" s="53"/>
      <c r="BS2966" s="53"/>
      <c r="BT2966" s="53"/>
      <c r="BU2966" s="53"/>
      <c r="BV2966" s="53"/>
      <c r="BW2966" s="53"/>
      <c r="BX2966" s="53"/>
      <c r="BY2966" s="53"/>
      <c r="BZ2966" s="53"/>
      <c r="CA2966" s="53"/>
      <c r="CB2966" s="53">
        <v>-3947694.5833333302</v>
      </c>
      <c r="CC2966" s="53">
        <v>-3947694.5833333302</v>
      </c>
      <c r="CD2966" s="53">
        <v>-3947694.5833333302</v>
      </c>
      <c r="CE2966" s="53">
        <v>-3947694.5833333302</v>
      </c>
      <c r="CF2966" s="53">
        <v>-3947694.5833333302</v>
      </c>
      <c r="CG2966" s="53">
        <v>-3947694.5833333302</v>
      </c>
      <c r="CH2966" s="53">
        <v>-3947694.5833333302</v>
      </c>
      <c r="CI2966" s="53">
        <v>-3947694.5833333302</v>
      </c>
      <c r="CJ2966" s="53">
        <v>-3947694.5833333302</v>
      </c>
      <c r="CK2966" s="53">
        <v>-3947694.5833333302</v>
      </c>
      <c r="CL2966" s="53">
        <v>-3947694.5833333302</v>
      </c>
      <c r="CM2966" s="53">
        <v>-3947694.5833333302</v>
      </c>
      <c r="CN2966" s="53">
        <v>-47372334.999999903</v>
      </c>
    </row>
    <row r="2967" spans="1:92" outlineLevel="1">
      <c r="A2967" s="52" t="s">
        <v>1737</v>
      </c>
      <c r="B2967" s="53"/>
      <c r="C2967" s="53"/>
      <c r="D2967" s="53"/>
      <c r="E2967" s="53"/>
      <c r="F2967" s="53"/>
      <c r="G2967" s="53"/>
      <c r="H2967" s="53"/>
      <c r="I2967" s="53"/>
      <c r="J2967" s="53"/>
      <c r="K2967" s="53"/>
      <c r="L2967" s="53"/>
      <c r="M2967" s="53"/>
      <c r="N2967" s="53"/>
      <c r="O2967" s="53"/>
      <c r="P2967" s="53"/>
      <c r="Q2967" s="53"/>
      <c r="R2967" s="53"/>
      <c r="S2967" s="53"/>
      <c r="T2967" s="53"/>
      <c r="U2967" s="53"/>
      <c r="V2967" s="53"/>
      <c r="W2967" s="53"/>
      <c r="X2967" s="53"/>
      <c r="Y2967" s="53"/>
      <c r="Z2967" s="53"/>
      <c r="AA2967" s="53"/>
      <c r="AB2967" s="53"/>
      <c r="AC2967" s="53"/>
      <c r="AD2967" s="53"/>
      <c r="AE2967" s="53"/>
      <c r="AF2967" s="53"/>
      <c r="AG2967" s="53"/>
      <c r="AH2967" s="53"/>
      <c r="AI2967" s="53"/>
      <c r="AJ2967" s="53"/>
      <c r="AK2967" s="53"/>
      <c r="AL2967" s="53"/>
      <c r="AM2967" s="53"/>
      <c r="AN2967" s="53"/>
      <c r="AO2967" s="53"/>
      <c r="AP2967" s="53"/>
      <c r="AQ2967" s="53"/>
      <c r="AR2967" s="53"/>
      <c r="AS2967" s="53"/>
      <c r="AT2967" s="53"/>
      <c r="AU2967" s="53"/>
      <c r="AV2967" s="53"/>
      <c r="AW2967" s="53"/>
      <c r="AX2967" s="53"/>
      <c r="AY2967" s="53"/>
      <c r="AZ2967" s="53"/>
      <c r="BA2967" s="53"/>
      <c r="BB2967" s="53"/>
      <c r="BC2967" s="53"/>
      <c r="BD2967" s="53"/>
      <c r="BE2967" s="53"/>
      <c r="BF2967" s="53"/>
      <c r="BG2967" s="53"/>
      <c r="BH2967" s="53"/>
      <c r="BI2967" s="53"/>
      <c r="BJ2967" s="53"/>
      <c r="BK2967" s="53"/>
      <c r="BL2967" s="53"/>
      <c r="BM2967" s="53"/>
      <c r="BN2967" s="53"/>
      <c r="BO2967" s="53"/>
      <c r="BP2967" s="53"/>
      <c r="BQ2967" s="53"/>
      <c r="BR2967" s="53"/>
      <c r="BS2967" s="53"/>
      <c r="BT2967" s="53"/>
      <c r="BU2967" s="53"/>
      <c r="BV2967" s="53"/>
      <c r="BW2967" s="53"/>
      <c r="BX2967" s="53"/>
      <c r="BY2967" s="53"/>
      <c r="BZ2967" s="53"/>
      <c r="CA2967" s="53"/>
      <c r="CB2967" s="53">
        <v>25850213.841666602</v>
      </c>
      <c r="CC2967" s="53">
        <v>23012220.258333299</v>
      </c>
      <c r="CD2967" s="53">
        <v>20174226.6749999</v>
      </c>
      <c r="CE2967" s="53">
        <v>17336233.091666602</v>
      </c>
      <c r="CF2967" s="53">
        <v>14498239.508333299</v>
      </c>
      <c r="CG2967" s="53">
        <v>11660245.9249999</v>
      </c>
      <c r="CH2967" s="53">
        <v>8822252.3416666295</v>
      </c>
      <c r="CI2967" s="53">
        <v>5984258.7583333002</v>
      </c>
      <c r="CJ2967" s="53">
        <v>3146265.1749999602</v>
      </c>
      <c r="CK2967" s="53">
        <v>308271.59166663297</v>
      </c>
      <c r="CL2967" s="53">
        <v>-2529721.99166669</v>
      </c>
      <c r="CM2967" s="53">
        <v>-5367715.57500003</v>
      </c>
      <c r="CN2967" s="53">
        <v>-5367715.57500003</v>
      </c>
    </row>
    <row r="2968" spans="1:92" outlineLevel="1">
      <c r="A2968" s="52" t="s">
        <v>649</v>
      </c>
      <c r="B2968" s="53"/>
      <c r="C2968" s="53"/>
      <c r="D2968" s="53"/>
      <c r="E2968" s="53"/>
      <c r="F2968" s="53"/>
      <c r="G2968" s="53"/>
      <c r="H2968" s="53"/>
      <c r="I2968" s="53"/>
      <c r="J2968" s="53"/>
      <c r="K2968" s="53"/>
      <c r="L2968" s="53"/>
      <c r="M2968" s="53">
        <v>71000000</v>
      </c>
      <c r="N2968" s="53">
        <v>71000000</v>
      </c>
      <c r="O2968" s="53"/>
      <c r="P2968" s="53"/>
      <c r="Q2968" s="53"/>
      <c r="R2968" s="53"/>
      <c r="S2968" s="53"/>
      <c r="T2968" s="53"/>
      <c r="U2968" s="53"/>
      <c r="V2968" s="53"/>
      <c r="W2968" s="53"/>
      <c r="X2968" s="53"/>
      <c r="Y2968" s="53"/>
      <c r="Z2968" s="53"/>
      <c r="AA2968" s="53"/>
      <c r="AB2968" s="53"/>
      <c r="AC2968" s="53"/>
      <c r="AD2968" s="53"/>
      <c r="AE2968" s="53"/>
      <c r="AF2968" s="53"/>
      <c r="AG2968" s="53"/>
      <c r="AH2968" s="53"/>
      <c r="AI2968" s="53"/>
      <c r="AJ2968" s="53"/>
      <c r="AK2968" s="53"/>
      <c r="AL2968" s="53"/>
      <c r="AM2968" s="53"/>
      <c r="AN2968" s="53"/>
      <c r="AO2968" s="53"/>
      <c r="AP2968" s="53"/>
      <c r="AQ2968" s="53"/>
      <c r="AR2968" s="53"/>
      <c r="AS2968" s="53"/>
      <c r="AT2968" s="53"/>
      <c r="AU2968" s="53"/>
      <c r="AV2968" s="53"/>
      <c r="AW2968" s="53"/>
      <c r="AX2968" s="53"/>
      <c r="AY2968" s="53"/>
      <c r="AZ2968" s="53"/>
      <c r="BA2968" s="53"/>
      <c r="BB2968" s="53"/>
      <c r="BC2968" s="53"/>
      <c r="BD2968" s="53"/>
      <c r="BE2968" s="53"/>
      <c r="BF2968" s="53"/>
      <c r="BG2968" s="53"/>
      <c r="BH2968" s="53"/>
      <c r="BI2968" s="53"/>
      <c r="BJ2968" s="53"/>
      <c r="BK2968" s="53"/>
      <c r="BL2968" s="53"/>
      <c r="BM2968" s="53"/>
      <c r="BN2968" s="53"/>
      <c r="BO2968" s="53"/>
      <c r="BP2968" s="53"/>
      <c r="BQ2968" s="53"/>
      <c r="BR2968" s="53"/>
      <c r="BS2968" s="53"/>
      <c r="BT2968" s="53"/>
      <c r="BU2968" s="53"/>
      <c r="BV2968" s="53"/>
      <c r="BW2968" s="53"/>
      <c r="BX2968" s="53"/>
      <c r="BY2968" s="53"/>
      <c r="BZ2968" s="53"/>
      <c r="CA2968" s="53"/>
      <c r="CB2968" s="53">
        <v>0</v>
      </c>
      <c r="CC2968" s="53">
        <v>0</v>
      </c>
      <c r="CD2968" s="53">
        <v>0</v>
      </c>
      <c r="CE2968" s="53">
        <v>0</v>
      </c>
      <c r="CF2968" s="53">
        <v>0</v>
      </c>
      <c r="CG2968" s="53">
        <v>0</v>
      </c>
      <c r="CH2968" s="53">
        <v>0</v>
      </c>
      <c r="CI2968" s="53">
        <v>0</v>
      </c>
      <c r="CJ2968" s="53">
        <v>0</v>
      </c>
      <c r="CK2968" s="53">
        <v>0</v>
      </c>
      <c r="CL2968" s="53">
        <v>0</v>
      </c>
      <c r="CM2968" s="53">
        <v>0</v>
      </c>
      <c r="CN2968" s="53">
        <v>0</v>
      </c>
    </row>
    <row r="2969" spans="1:92" outlineLevel="1">
      <c r="A2969" s="52" t="s">
        <v>672</v>
      </c>
      <c r="B2969" s="53"/>
      <c r="C2969" s="53"/>
      <c r="D2969" s="53"/>
      <c r="E2969" s="53"/>
      <c r="F2969" s="53"/>
      <c r="G2969" s="53"/>
      <c r="H2969" s="53"/>
      <c r="I2969" s="53"/>
      <c r="J2969" s="53"/>
      <c r="K2969" s="53"/>
      <c r="L2969" s="53"/>
      <c r="M2969" s="53"/>
      <c r="N2969" s="53"/>
      <c r="O2969" s="53"/>
      <c r="P2969" s="53"/>
      <c r="Q2969" s="53"/>
      <c r="R2969" s="53"/>
      <c r="S2969" s="53"/>
      <c r="T2969" s="53"/>
      <c r="U2969" s="53"/>
      <c r="V2969" s="53"/>
      <c r="W2969" s="53"/>
      <c r="X2969" s="53"/>
      <c r="Y2969" s="53"/>
      <c r="Z2969" s="53"/>
      <c r="AA2969" s="53"/>
      <c r="AB2969" s="53"/>
      <c r="AC2969" s="53"/>
      <c r="AD2969" s="53"/>
      <c r="AE2969" s="53"/>
      <c r="AF2969" s="53"/>
      <c r="AG2969" s="53"/>
      <c r="AH2969" s="53"/>
      <c r="AI2969" s="53"/>
      <c r="AJ2969" s="53"/>
      <c r="AK2969" s="53"/>
      <c r="AL2969" s="53"/>
      <c r="AM2969" s="53"/>
      <c r="AN2969" s="53"/>
      <c r="AO2969" s="53"/>
      <c r="AP2969" s="53"/>
      <c r="AQ2969" s="53"/>
      <c r="AR2969" s="53"/>
      <c r="AS2969" s="53"/>
      <c r="AT2969" s="53"/>
      <c r="AU2969" s="53"/>
      <c r="AV2969" s="53"/>
      <c r="AW2969" s="53"/>
      <c r="AX2969" s="53"/>
      <c r="AY2969" s="53"/>
      <c r="AZ2969" s="53"/>
      <c r="BA2969" s="53"/>
      <c r="BB2969" s="53"/>
      <c r="BC2969" s="53"/>
      <c r="BD2969" s="53"/>
      <c r="BE2969" s="53"/>
      <c r="BF2969" s="53"/>
      <c r="BG2969" s="53"/>
      <c r="BH2969" s="53"/>
      <c r="BI2969" s="53"/>
      <c r="BJ2969" s="53"/>
      <c r="BK2969" s="53"/>
      <c r="BL2969" s="53"/>
      <c r="BM2969" s="53"/>
      <c r="BN2969" s="53"/>
      <c r="BO2969" s="53"/>
      <c r="BP2969" s="53"/>
      <c r="BQ2969" s="53"/>
      <c r="BR2969" s="53"/>
      <c r="BS2969" s="53"/>
      <c r="BT2969" s="53"/>
      <c r="BU2969" s="53"/>
      <c r="BV2969" s="53"/>
      <c r="BW2969" s="53"/>
      <c r="BX2969" s="53"/>
      <c r="BY2969" s="53"/>
      <c r="BZ2969" s="53"/>
      <c r="CA2969" s="53"/>
      <c r="CB2969" s="53">
        <v>28688207.4249999</v>
      </c>
      <c r="CC2969" s="53">
        <v>25850213.841666602</v>
      </c>
      <c r="CD2969" s="53">
        <v>23012220.258333299</v>
      </c>
      <c r="CE2969" s="53">
        <v>20174226.6749999</v>
      </c>
      <c r="CF2969" s="53">
        <v>17336233.091666602</v>
      </c>
      <c r="CG2969" s="53">
        <v>14498239.508333299</v>
      </c>
      <c r="CH2969" s="53">
        <v>11660245.9249999</v>
      </c>
      <c r="CI2969" s="53">
        <v>8822252.3416666295</v>
      </c>
      <c r="CJ2969" s="53">
        <v>5984258.7583333002</v>
      </c>
      <c r="CK2969" s="53">
        <v>3146265.1749999602</v>
      </c>
      <c r="CL2969" s="53">
        <v>308271.59166663297</v>
      </c>
      <c r="CM2969" s="53">
        <v>-2529721.99166669</v>
      </c>
      <c r="CN2969" s="53">
        <v>28688207.4249999</v>
      </c>
    </row>
    <row r="2970" spans="1:92">
      <c r="A2970" s="52" t="s">
        <v>758</v>
      </c>
      <c r="B2970" s="53"/>
      <c r="C2970" s="53"/>
      <c r="D2970" s="53"/>
      <c r="E2970" s="53"/>
      <c r="F2970" s="53"/>
      <c r="G2970" s="53"/>
      <c r="H2970" s="53"/>
      <c r="I2970" s="53"/>
      <c r="J2970" s="53"/>
      <c r="K2970" s="53"/>
      <c r="L2970" s="53"/>
      <c r="M2970" s="53"/>
      <c r="N2970" s="53"/>
      <c r="O2970" s="53"/>
      <c r="P2970" s="53"/>
      <c r="Q2970" s="53"/>
      <c r="R2970" s="53"/>
      <c r="S2970" s="53"/>
      <c r="T2970" s="53"/>
      <c r="U2970" s="53"/>
      <c r="V2970" s="53"/>
      <c r="W2970" s="53"/>
      <c r="X2970" s="53"/>
      <c r="Y2970" s="53"/>
      <c r="Z2970" s="53"/>
      <c r="AA2970" s="53"/>
      <c r="AB2970" s="53"/>
      <c r="AC2970" s="53"/>
      <c r="AD2970" s="53"/>
      <c r="AE2970" s="53"/>
      <c r="AF2970" s="53"/>
      <c r="AG2970" s="53"/>
      <c r="AH2970" s="53"/>
      <c r="AI2970" s="53"/>
      <c r="AJ2970" s="53"/>
      <c r="AK2970" s="53"/>
      <c r="AL2970" s="53"/>
      <c r="AM2970" s="53"/>
      <c r="AN2970" s="53"/>
      <c r="AO2970" s="53"/>
      <c r="AP2970" s="53"/>
      <c r="AQ2970" s="53"/>
      <c r="AR2970" s="53"/>
      <c r="AS2970" s="53"/>
      <c r="AT2970" s="53"/>
      <c r="AU2970" s="53"/>
      <c r="AV2970" s="53"/>
      <c r="AW2970" s="53"/>
      <c r="AX2970" s="53"/>
      <c r="AY2970" s="53"/>
      <c r="AZ2970" s="53"/>
      <c r="BA2970" s="53"/>
      <c r="BB2970" s="53"/>
      <c r="BC2970" s="53"/>
      <c r="BD2970" s="53"/>
      <c r="BE2970" s="53"/>
      <c r="BF2970" s="53"/>
      <c r="BG2970" s="53"/>
      <c r="BH2970" s="53"/>
      <c r="BI2970" s="53"/>
      <c r="BJ2970" s="53"/>
      <c r="BK2970" s="53"/>
      <c r="BL2970" s="53"/>
      <c r="BM2970" s="53"/>
      <c r="BN2970" s="53"/>
      <c r="BO2970" s="53"/>
      <c r="BP2970" s="53"/>
      <c r="BQ2970" s="53"/>
      <c r="BR2970" s="53"/>
      <c r="BS2970" s="53"/>
      <c r="BT2970" s="53"/>
      <c r="BU2970" s="53"/>
      <c r="BV2970" s="53"/>
      <c r="BW2970" s="53"/>
      <c r="BX2970" s="53"/>
      <c r="BY2970" s="53"/>
      <c r="BZ2970" s="53"/>
      <c r="CA2970" s="53"/>
      <c r="CB2970" s="53"/>
      <c r="CC2970" s="53"/>
      <c r="CD2970" s="53"/>
      <c r="CE2970" s="53"/>
      <c r="CF2970" s="53"/>
      <c r="CG2970" s="53"/>
      <c r="CH2970" s="53"/>
      <c r="CI2970" s="53"/>
      <c r="CJ2970" s="53"/>
      <c r="CK2970" s="53"/>
      <c r="CL2970" s="53"/>
      <c r="CM2970" s="53"/>
      <c r="CN2970" s="53"/>
    </row>
    <row r="2971" spans="1:92">
      <c r="A2971" s="52" t="s">
        <v>1738</v>
      </c>
      <c r="B2971" s="53"/>
      <c r="C2971" s="53"/>
      <c r="D2971" s="53"/>
      <c r="E2971" s="53"/>
      <c r="F2971" s="53"/>
      <c r="G2971" s="53"/>
      <c r="H2971" s="53"/>
      <c r="I2971" s="53"/>
      <c r="J2971" s="53"/>
      <c r="K2971" s="53"/>
      <c r="L2971" s="53"/>
      <c r="M2971" s="53"/>
      <c r="N2971" s="53"/>
      <c r="O2971" s="53"/>
      <c r="P2971" s="53"/>
      <c r="Q2971" s="53"/>
      <c r="R2971" s="53"/>
      <c r="S2971" s="53"/>
      <c r="T2971" s="53"/>
      <c r="U2971" s="53"/>
      <c r="V2971" s="53"/>
      <c r="W2971" s="53"/>
      <c r="X2971" s="53"/>
      <c r="Y2971" s="53"/>
      <c r="Z2971" s="53"/>
      <c r="AA2971" s="53"/>
      <c r="AB2971" s="53"/>
      <c r="AC2971" s="53"/>
      <c r="AD2971" s="53"/>
      <c r="AE2971" s="53"/>
      <c r="AF2971" s="53"/>
      <c r="AG2971" s="53"/>
      <c r="AH2971" s="53"/>
      <c r="AI2971" s="53"/>
      <c r="AJ2971" s="53"/>
      <c r="AK2971" s="53"/>
      <c r="AL2971" s="53"/>
      <c r="AM2971" s="53"/>
      <c r="AN2971" s="53"/>
      <c r="AO2971" s="53"/>
      <c r="AP2971" s="53"/>
      <c r="AQ2971" s="53"/>
      <c r="AR2971" s="53"/>
      <c r="AS2971" s="53"/>
      <c r="AT2971" s="53"/>
      <c r="AU2971" s="53"/>
      <c r="AV2971" s="53"/>
      <c r="AW2971" s="53"/>
      <c r="AX2971" s="53"/>
      <c r="AY2971" s="53"/>
      <c r="AZ2971" s="53"/>
      <c r="BA2971" s="53"/>
      <c r="BB2971" s="53"/>
      <c r="BC2971" s="53"/>
      <c r="BD2971" s="53"/>
      <c r="BE2971" s="53"/>
      <c r="BF2971" s="53"/>
      <c r="BG2971" s="53"/>
      <c r="BH2971" s="53"/>
      <c r="BI2971" s="53"/>
      <c r="BJ2971" s="53"/>
      <c r="BK2971" s="53"/>
      <c r="BL2971" s="53"/>
      <c r="BM2971" s="53"/>
      <c r="BN2971" s="53"/>
      <c r="BO2971" s="53"/>
      <c r="BP2971" s="53"/>
      <c r="BQ2971" s="53"/>
      <c r="BR2971" s="53"/>
      <c r="BS2971" s="53"/>
      <c r="BT2971" s="53"/>
      <c r="BU2971" s="53"/>
      <c r="BV2971" s="53"/>
      <c r="BW2971" s="53"/>
      <c r="BX2971" s="53"/>
      <c r="BY2971" s="53"/>
      <c r="BZ2971" s="53"/>
      <c r="CA2971" s="53"/>
      <c r="CB2971" s="53"/>
      <c r="CC2971" s="53"/>
      <c r="CD2971" s="53"/>
      <c r="CE2971" s="53"/>
      <c r="CF2971" s="53"/>
      <c r="CG2971" s="53"/>
      <c r="CH2971" s="53"/>
      <c r="CI2971" s="53"/>
      <c r="CJ2971" s="53"/>
      <c r="CK2971" s="53"/>
      <c r="CL2971" s="53"/>
      <c r="CM2971" s="53"/>
      <c r="CN2971" s="53"/>
    </row>
    <row r="2972" spans="1:92">
      <c r="A2972" s="52" t="s">
        <v>649</v>
      </c>
      <c r="B2972" s="53">
        <v>-3257912.89</v>
      </c>
      <c r="C2972" s="53">
        <v>-2751410.57</v>
      </c>
      <c r="D2972" s="53">
        <v>-1092236.83</v>
      </c>
      <c r="E2972" s="53">
        <v>-2374489.9500000002</v>
      </c>
      <c r="F2972" s="53">
        <v>1954174.25</v>
      </c>
      <c r="G2972" s="53">
        <v>2892089.96</v>
      </c>
      <c r="H2972" s="53">
        <v>4422757.0699999901</v>
      </c>
      <c r="I2972" s="53">
        <v>6440578.4900000002</v>
      </c>
      <c r="J2972" s="53">
        <v>7487003.6600000001</v>
      </c>
      <c r="K2972" s="53">
        <v>1349785.52</v>
      </c>
      <c r="L2972" s="53">
        <v>-3132992.77</v>
      </c>
      <c r="M2972" s="53">
        <v>-2691606.6799999899</v>
      </c>
      <c r="N2972" s="53">
        <v>9245739.2599999905</v>
      </c>
      <c r="O2972" s="53">
        <v>7060735.6276335102</v>
      </c>
      <c r="P2972" s="53">
        <v>-8869988.2712789699</v>
      </c>
      <c r="Q2972" s="53">
        <v>-5254543.6426555999</v>
      </c>
      <c r="R2972" s="53">
        <v>-2368516.2172534899</v>
      </c>
      <c r="S2972" s="53">
        <v>2686811.4328566501</v>
      </c>
      <c r="T2972" s="53">
        <v>317256.337506885</v>
      </c>
      <c r="U2972" s="53">
        <v>2368473.1048851102</v>
      </c>
      <c r="V2972" s="53">
        <v>12971952.615078099</v>
      </c>
      <c r="W2972" s="53">
        <v>4241417.3931915397</v>
      </c>
      <c r="X2972" s="53">
        <v>111226.13232753699</v>
      </c>
      <c r="Y2972" s="53">
        <v>-6861264.6479175696</v>
      </c>
      <c r="Z2972" s="53">
        <v>-6403559.8643736802</v>
      </c>
      <c r="AA2972" s="53">
        <v>8.3673512563109398E-8</v>
      </c>
      <c r="AB2972" s="53">
        <v>403458.84609849198</v>
      </c>
      <c r="AC2972" s="53">
        <v>-10876798.9060208</v>
      </c>
      <c r="AD2972" s="53">
        <v>-8347428.9156879196</v>
      </c>
      <c r="AE2972" s="53">
        <v>-6209091.6548966998</v>
      </c>
      <c r="AF2972" s="53">
        <v>-789711.02042523399</v>
      </c>
      <c r="AG2972" s="53">
        <v>-1739932.07583537</v>
      </c>
      <c r="AH2972" s="53">
        <v>-220927.21410128</v>
      </c>
      <c r="AI2972" s="53">
        <v>7487906.6481142603</v>
      </c>
      <c r="AJ2972" s="53">
        <v>10072477.8446155</v>
      </c>
      <c r="AK2972" s="53">
        <v>6745536.3198598996</v>
      </c>
      <c r="AL2972" s="53">
        <v>1481072.6712208099</v>
      </c>
      <c r="AM2972" s="53">
        <v>1993437.45705848</v>
      </c>
      <c r="AN2972" s="53">
        <v>6.1845639720559094E-8</v>
      </c>
      <c r="AO2972" s="53">
        <v>2366385.9213756602</v>
      </c>
      <c r="AP2972" s="53">
        <v>-2750831.9010022799</v>
      </c>
      <c r="AQ2972" s="53">
        <v>-1198407.37585127</v>
      </c>
      <c r="AR2972" s="53">
        <v>-318600.92175601103</v>
      </c>
      <c r="AS2972" s="53">
        <v>1083367.9565687899</v>
      </c>
      <c r="AT2972" s="53">
        <v>-907199.33942682797</v>
      </c>
      <c r="AU2972" s="53">
        <v>-196950.25364793901</v>
      </c>
      <c r="AV2972" s="53">
        <v>3117499.6880433802</v>
      </c>
      <c r="AW2972" s="53">
        <v>1740781.3358247101</v>
      </c>
      <c r="AX2972" s="53">
        <v>602937.72149391205</v>
      </c>
      <c r="AY2972" s="53">
        <v>-1658484.0054058901</v>
      </c>
      <c r="AZ2972" s="53">
        <v>-1880498.8262162399</v>
      </c>
      <c r="BA2972" s="53">
        <v>-7.2759576141834201E-9</v>
      </c>
      <c r="BB2972" s="53">
        <v>1116572.1868135501</v>
      </c>
      <c r="BC2972" s="53">
        <v>-704927.91495505394</v>
      </c>
      <c r="BD2972" s="53">
        <v>327726.787325827</v>
      </c>
      <c r="BE2972" s="53">
        <v>628841.21547723596</v>
      </c>
      <c r="BF2972" s="53">
        <v>669155.07786061405</v>
      </c>
      <c r="BG2972" s="53">
        <v>-1832201.25956421</v>
      </c>
      <c r="BH2972" s="53">
        <v>-1574860.59962296</v>
      </c>
      <c r="BI2972" s="53">
        <v>-369610.502006475</v>
      </c>
      <c r="BJ2972" s="53">
        <v>972059.38808851503</v>
      </c>
      <c r="BK2972" s="53">
        <v>1017495.84821511</v>
      </c>
      <c r="BL2972" s="53">
        <v>163097.511211531</v>
      </c>
      <c r="BM2972" s="53">
        <v>-413347.73884367099</v>
      </c>
      <c r="BN2972" s="53">
        <v>9.0949470177292803E-10</v>
      </c>
      <c r="BO2972" s="53">
        <v>-1366014.64176414</v>
      </c>
      <c r="BP2972" s="53">
        <v>-2244766.3620118299</v>
      </c>
      <c r="BQ2972" s="53">
        <v>-1334631.6077107301</v>
      </c>
      <c r="BR2972" s="53">
        <v>-1200796.9349573101</v>
      </c>
      <c r="BS2972" s="53">
        <v>-1565238.8220239901</v>
      </c>
      <c r="BT2972" s="53">
        <v>1229040.4109309099</v>
      </c>
      <c r="BU2972" s="53">
        <v>1341480.1174660199</v>
      </c>
      <c r="BV2972" s="53">
        <v>1894303.67677914</v>
      </c>
      <c r="BW2972" s="53">
        <v>1202564.1737740501</v>
      </c>
      <c r="BX2972" s="53">
        <v>901203.53692559805</v>
      </c>
      <c r="BY2972" s="53">
        <v>516755.73659794498</v>
      </c>
      <c r="BZ2972" s="53">
        <v>626100.71599433594</v>
      </c>
      <c r="CA2972" s="53">
        <v>-2.2737367544323202E-9</v>
      </c>
      <c r="CB2972" s="53"/>
      <c r="CC2972" s="53"/>
      <c r="CD2972" s="53"/>
      <c r="CE2972" s="53"/>
      <c r="CF2972" s="53"/>
      <c r="CG2972" s="53"/>
      <c r="CH2972" s="53"/>
      <c r="CI2972" s="53"/>
      <c r="CJ2972" s="53"/>
      <c r="CK2972" s="53"/>
      <c r="CL2972" s="53"/>
      <c r="CM2972" s="53"/>
      <c r="CN2972" s="53"/>
    </row>
    <row r="2973" spans="1:92">
      <c r="A2973" s="52" t="s">
        <v>762</v>
      </c>
      <c r="B2973" s="53"/>
      <c r="C2973" s="53"/>
      <c r="D2973" s="53"/>
      <c r="E2973" s="53"/>
      <c r="F2973" s="53"/>
      <c r="G2973" s="53"/>
      <c r="H2973" s="53"/>
      <c r="I2973" s="53"/>
      <c r="J2973" s="53"/>
      <c r="K2973" s="53"/>
      <c r="L2973" s="53"/>
      <c r="M2973" s="53"/>
      <c r="N2973" s="53"/>
      <c r="O2973" s="53"/>
      <c r="P2973" s="53"/>
      <c r="Q2973" s="53"/>
      <c r="R2973" s="53"/>
      <c r="S2973" s="53"/>
      <c r="T2973" s="53"/>
      <c r="U2973" s="53"/>
      <c r="V2973" s="53"/>
      <c r="W2973" s="53"/>
      <c r="X2973" s="53"/>
      <c r="Y2973" s="53"/>
      <c r="Z2973" s="53"/>
      <c r="AA2973" s="53"/>
      <c r="AB2973" s="53"/>
      <c r="AC2973" s="53"/>
      <c r="AD2973" s="53"/>
      <c r="AE2973" s="53"/>
      <c r="AF2973" s="53"/>
      <c r="AG2973" s="53"/>
      <c r="AH2973" s="53"/>
      <c r="AI2973" s="53"/>
      <c r="AJ2973" s="53"/>
      <c r="AK2973" s="53"/>
      <c r="AL2973" s="53"/>
      <c r="AM2973" s="53"/>
      <c r="AN2973" s="53"/>
      <c r="AO2973" s="53"/>
      <c r="AP2973" s="53"/>
      <c r="AQ2973" s="53"/>
      <c r="AR2973" s="53"/>
      <c r="AS2973" s="53"/>
      <c r="AT2973" s="53"/>
      <c r="AU2973" s="53"/>
      <c r="AV2973" s="53"/>
      <c r="AW2973" s="53"/>
      <c r="AX2973" s="53"/>
      <c r="AY2973" s="53"/>
      <c r="AZ2973" s="53"/>
      <c r="BA2973" s="53"/>
      <c r="BB2973" s="53"/>
      <c r="BC2973" s="53"/>
      <c r="BD2973" s="53"/>
      <c r="BE2973" s="53"/>
      <c r="BF2973" s="53"/>
      <c r="BG2973" s="53"/>
      <c r="BH2973" s="53"/>
      <c r="BI2973" s="53"/>
      <c r="BJ2973" s="53"/>
      <c r="BK2973" s="53"/>
      <c r="BL2973" s="53"/>
      <c r="BM2973" s="53"/>
      <c r="BN2973" s="53"/>
      <c r="BO2973" s="53"/>
      <c r="BP2973" s="53"/>
      <c r="BQ2973" s="53"/>
      <c r="BR2973" s="53"/>
      <c r="BS2973" s="53"/>
      <c r="BT2973" s="53"/>
      <c r="BU2973" s="53"/>
      <c r="BV2973" s="53"/>
      <c r="BW2973" s="53"/>
      <c r="BX2973" s="53"/>
      <c r="BY2973" s="53"/>
      <c r="BZ2973" s="53"/>
      <c r="CA2973" s="53"/>
      <c r="CB2973" s="53"/>
      <c r="CC2973" s="53"/>
      <c r="CD2973" s="53"/>
      <c r="CE2973" s="53"/>
      <c r="CF2973" s="53"/>
      <c r="CG2973" s="53"/>
      <c r="CH2973" s="53"/>
      <c r="CI2973" s="53"/>
      <c r="CJ2973" s="53"/>
      <c r="CK2973" s="53"/>
      <c r="CL2973" s="53"/>
      <c r="CM2973" s="53"/>
      <c r="CN2973" s="53"/>
    </row>
    <row r="2974" spans="1:92" outlineLevel="1">
      <c r="A2974" s="52" t="s">
        <v>1739</v>
      </c>
      <c r="B2974" s="53"/>
      <c r="C2974" s="53"/>
      <c r="D2974" s="53"/>
      <c r="E2974" s="53"/>
      <c r="F2974" s="53"/>
      <c r="G2974" s="53"/>
      <c r="H2974" s="53"/>
      <c r="I2974" s="53"/>
      <c r="J2974" s="53"/>
      <c r="K2974" s="53"/>
      <c r="L2974" s="53"/>
      <c r="M2974" s="53"/>
      <c r="N2974" s="53"/>
      <c r="O2974" s="53"/>
      <c r="P2974" s="53"/>
      <c r="Q2974" s="53"/>
      <c r="R2974" s="53"/>
      <c r="S2974" s="53"/>
      <c r="T2974" s="53"/>
      <c r="U2974" s="53"/>
      <c r="V2974" s="53"/>
      <c r="W2974" s="53"/>
      <c r="X2974" s="53"/>
      <c r="Y2974" s="53"/>
      <c r="Z2974" s="53"/>
      <c r="AA2974" s="53"/>
      <c r="AB2974" s="53"/>
      <c r="AC2974" s="53"/>
      <c r="AD2974" s="53"/>
      <c r="AE2974" s="53"/>
      <c r="AF2974" s="53"/>
      <c r="AG2974" s="53"/>
      <c r="AH2974" s="53"/>
      <c r="AI2974" s="53"/>
      <c r="AJ2974" s="53"/>
      <c r="AK2974" s="53"/>
      <c r="AL2974" s="53"/>
      <c r="AM2974" s="53"/>
      <c r="AN2974" s="53"/>
      <c r="AO2974" s="53"/>
      <c r="AP2974" s="53"/>
      <c r="AQ2974" s="53"/>
      <c r="AR2974" s="53"/>
      <c r="AS2974" s="53"/>
      <c r="AT2974" s="53"/>
      <c r="AU2974" s="53"/>
      <c r="AV2974" s="53"/>
      <c r="AW2974" s="53"/>
      <c r="AX2974" s="53"/>
      <c r="AY2974" s="53"/>
      <c r="AZ2974" s="53"/>
      <c r="BA2974" s="53"/>
      <c r="BB2974" s="53"/>
      <c r="BC2974" s="53"/>
      <c r="BD2974" s="53"/>
      <c r="BE2974" s="53"/>
      <c r="BF2974" s="53"/>
      <c r="BG2974" s="53"/>
      <c r="BH2974" s="53"/>
      <c r="BI2974" s="53"/>
      <c r="BJ2974" s="53"/>
      <c r="BK2974" s="53"/>
      <c r="BL2974" s="53"/>
      <c r="BM2974" s="53"/>
      <c r="BN2974" s="53"/>
      <c r="BO2974" s="53"/>
      <c r="BP2974" s="53"/>
      <c r="BQ2974" s="53"/>
      <c r="BR2974" s="53"/>
      <c r="BS2974" s="53"/>
      <c r="BT2974" s="53"/>
      <c r="BU2974" s="53"/>
      <c r="BV2974" s="53"/>
      <c r="BW2974" s="53"/>
      <c r="BX2974" s="53"/>
      <c r="BY2974" s="53"/>
      <c r="BZ2974" s="53"/>
      <c r="CA2974" s="53"/>
      <c r="CB2974" s="53"/>
      <c r="CC2974" s="53"/>
      <c r="CD2974" s="53"/>
      <c r="CE2974" s="53"/>
      <c r="CF2974" s="53"/>
      <c r="CG2974" s="53"/>
      <c r="CH2974" s="53"/>
      <c r="CI2974" s="53"/>
      <c r="CJ2974" s="53"/>
      <c r="CK2974" s="53"/>
      <c r="CL2974" s="53"/>
      <c r="CM2974" s="53"/>
      <c r="CN2974" s="53"/>
    </row>
    <row r="2975" spans="1:92" outlineLevel="1">
      <c r="A2975" s="52" t="s">
        <v>649</v>
      </c>
      <c r="B2975" s="53">
        <v>482114.77749999898</v>
      </c>
      <c r="C2975" s="53">
        <v>109144.477500002</v>
      </c>
      <c r="D2975" s="53">
        <v>-2173785.8824999998</v>
      </c>
      <c r="E2975" s="53">
        <v>-791417.862499999</v>
      </c>
      <c r="F2975" s="53">
        <v>872425.20750000002</v>
      </c>
      <c r="G2975" s="53">
        <v>3951874.3975</v>
      </c>
      <c r="H2975" s="53">
        <v>1398174.6675</v>
      </c>
      <c r="I2975" s="53">
        <v>2609681.4474999998</v>
      </c>
      <c r="J2975" s="53">
        <v>1992738.1174999999</v>
      </c>
      <c r="K2975" s="53">
        <v>-183861.10249999899</v>
      </c>
      <c r="L2975" s="53">
        <v>-9866886.9824999999</v>
      </c>
      <c r="M2975" s="53">
        <v>-1539579.1325000001</v>
      </c>
      <c r="N2975" s="53">
        <v>-3139377.8699999899</v>
      </c>
      <c r="O2975" s="53">
        <v>1626473.26975044</v>
      </c>
      <c r="P2975" s="53">
        <v>-2735171.2314026402</v>
      </c>
      <c r="Q2975" s="53">
        <v>-2412977.9806600902</v>
      </c>
      <c r="R2975" s="53">
        <v>-708487.43992707203</v>
      </c>
      <c r="S2975" s="53">
        <v>1008678.8777152899</v>
      </c>
      <c r="T2975" s="53">
        <v>1184538.2901788901</v>
      </c>
      <c r="U2975" s="53">
        <v>1529716.85261843</v>
      </c>
      <c r="V2975" s="53">
        <v>4226251.4932887601</v>
      </c>
      <c r="W2975" s="53">
        <v>651760.37052115297</v>
      </c>
      <c r="X2975" s="53">
        <v>-394809.208793931</v>
      </c>
      <c r="Y2975" s="53">
        <v>-2825746.3995930799</v>
      </c>
      <c r="Z2975" s="53">
        <v>-1788646.3647881099</v>
      </c>
      <c r="AA2975" s="53">
        <v>-638419.47109195299</v>
      </c>
      <c r="AB2975" s="53">
        <v>2169627.3688805201</v>
      </c>
      <c r="AC2975" s="53">
        <v>-2344624.1579509298</v>
      </c>
      <c r="AD2975" s="53">
        <v>-2137106.0878325999</v>
      </c>
      <c r="AE2975" s="53">
        <v>-921831.81734483701</v>
      </c>
      <c r="AF2975" s="53">
        <v>983190.26359797094</v>
      </c>
      <c r="AG2975" s="53">
        <v>1344715.3767250199</v>
      </c>
      <c r="AH2975" s="53">
        <v>1704820.4322617799</v>
      </c>
      <c r="AI2975" s="53">
        <v>4622894.11413847</v>
      </c>
      <c r="AJ2975" s="53">
        <v>611244.72146528901</v>
      </c>
      <c r="AK2975" s="53">
        <v>-636664.72350265703</v>
      </c>
      <c r="AL2975" s="53">
        <v>-3286675.1658111401</v>
      </c>
      <c r="AM2975" s="53">
        <v>-2109590.32462689</v>
      </c>
      <c r="AN2975" s="53">
        <v>-1.72803993336856E-8</v>
      </c>
      <c r="AO2975" s="53">
        <v>1707358.8043714501</v>
      </c>
      <c r="AP2975" s="53">
        <v>-2762510.0311361598</v>
      </c>
      <c r="AQ2975" s="53">
        <v>-2083941.3466707401</v>
      </c>
      <c r="AR2975" s="53">
        <v>-1302610.8232311599</v>
      </c>
      <c r="AS2975" s="53">
        <v>548580.72066021804</v>
      </c>
      <c r="AT2975" s="53">
        <v>1269534.87504155</v>
      </c>
      <c r="AU2975" s="53">
        <v>1879779.5548303099</v>
      </c>
      <c r="AV2975" s="53">
        <v>4749087.4061170202</v>
      </c>
      <c r="AW2975" s="53">
        <v>1050406.39045687</v>
      </c>
      <c r="AX2975" s="53">
        <v>-551311.20030368899</v>
      </c>
      <c r="AY2975" s="53">
        <v>-2499218.1013153601</v>
      </c>
      <c r="AZ2975" s="53">
        <v>-2005156.24882031</v>
      </c>
      <c r="BA2975" s="53">
        <v>-1.4551915228366801E-8</v>
      </c>
      <c r="BB2975" s="53">
        <v>1713945.8976274701</v>
      </c>
      <c r="BC2975" s="53">
        <v>-2813781.0794013301</v>
      </c>
      <c r="BD2975" s="53">
        <v>-2172728.41173768</v>
      </c>
      <c r="BE2975" s="53">
        <v>-1373328.6217298801</v>
      </c>
      <c r="BF2975" s="53">
        <v>521328.19762799202</v>
      </c>
      <c r="BG2975" s="53">
        <v>1320642.06188658</v>
      </c>
      <c r="BH2975" s="53">
        <v>1941239.2435903901</v>
      </c>
      <c r="BI2975" s="53">
        <v>4857829.0514438897</v>
      </c>
      <c r="BJ2975" s="53">
        <v>1098166.70816209</v>
      </c>
      <c r="BK2975" s="53">
        <v>-513640.711660325</v>
      </c>
      <c r="BL2975" s="53">
        <v>-2554851.3854476898</v>
      </c>
      <c r="BM2975" s="53">
        <v>-2024890.3952604099</v>
      </c>
      <c r="BN2975" s="53">
        <v>-69.444898883375501</v>
      </c>
      <c r="BO2975" s="53">
        <v>1773464.1562186901</v>
      </c>
      <c r="BP2975" s="53">
        <v>-3016737.8891863301</v>
      </c>
      <c r="BQ2975" s="53">
        <v>-2362248.43365457</v>
      </c>
      <c r="BR2975" s="53">
        <v>-1517635.94777559</v>
      </c>
      <c r="BS2975" s="53">
        <v>534234.87555027998</v>
      </c>
      <c r="BT2975" s="53">
        <v>1422269.75204538</v>
      </c>
      <c r="BU2975" s="53">
        <v>2087902.4734950999</v>
      </c>
      <c r="BV2975" s="53">
        <v>5184293.5942264805</v>
      </c>
      <c r="BW2975" s="53">
        <v>1203275.23549584</v>
      </c>
      <c r="BX2975" s="53">
        <v>-516919.98620855302</v>
      </c>
      <c r="BY2975" s="53">
        <v>-2684878.5650899601</v>
      </c>
      <c r="BZ2975" s="53">
        <v>-2106881.9730591602</v>
      </c>
      <c r="CA2975" s="53">
        <v>137.29205761774199</v>
      </c>
      <c r="CB2975" s="53"/>
      <c r="CC2975" s="53"/>
      <c r="CD2975" s="53"/>
      <c r="CE2975" s="53"/>
      <c r="CF2975" s="53"/>
      <c r="CG2975" s="53"/>
      <c r="CH2975" s="53"/>
      <c r="CI2975" s="53"/>
      <c r="CJ2975" s="53"/>
      <c r="CK2975" s="53"/>
      <c r="CL2975" s="53"/>
      <c r="CM2975" s="53"/>
      <c r="CN2975" s="53"/>
    </row>
    <row r="2976" spans="1:92" outlineLevel="1">
      <c r="A2976" s="52" t="s">
        <v>1740</v>
      </c>
      <c r="B2976" s="53"/>
      <c r="C2976" s="53"/>
      <c r="D2976" s="53"/>
      <c r="E2976" s="53"/>
      <c r="F2976" s="53"/>
      <c r="G2976" s="53"/>
      <c r="H2976" s="53"/>
      <c r="I2976" s="53"/>
      <c r="J2976" s="53"/>
      <c r="K2976" s="53"/>
      <c r="L2976" s="53"/>
      <c r="M2976" s="53"/>
      <c r="N2976" s="53"/>
      <c r="O2976" s="53"/>
      <c r="P2976" s="53"/>
      <c r="Q2976" s="53"/>
      <c r="R2976" s="53"/>
      <c r="S2976" s="53"/>
      <c r="T2976" s="53"/>
      <c r="U2976" s="53"/>
      <c r="V2976" s="53"/>
      <c r="W2976" s="53"/>
      <c r="X2976" s="53"/>
      <c r="Y2976" s="53"/>
      <c r="Z2976" s="53"/>
      <c r="AA2976" s="53"/>
      <c r="AB2976" s="53"/>
      <c r="AC2976" s="53"/>
      <c r="AD2976" s="53"/>
      <c r="AE2976" s="53"/>
      <c r="AF2976" s="53"/>
      <c r="AG2976" s="53"/>
      <c r="AH2976" s="53"/>
      <c r="AI2976" s="53"/>
      <c r="AJ2976" s="53"/>
      <c r="AK2976" s="53"/>
      <c r="AL2976" s="53"/>
      <c r="AM2976" s="53"/>
      <c r="AN2976" s="53"/>
      <c r="AO2976" s="53"/>
      <c r="AP2976" s="53"/>
      <c r="AQ2976" s="53"/>
      <c r="AR2976" s="53"/>
      <c r="AS2976" s="53"/>
      <c r="AT2976" s="53"/>
      <c r="AU2976" s="53"/>
      <c r="AV2976" s="53"/>
      <c r="AW2976" s="53"/>
      <c r="AX2976" s="53"/>
      <c r="AY2976" s="53"/>
      <c r="AZ2976" s="53"/>
      <c r="BA2976" s="53"/>
      <c r="BB2976" s="53"/>
      <c r="BC2976" s="53"/>
      <c r="BD2976" s="53"/>
      <c r="BE2976" s="53"/>
      <c r="BF2976" s="53"/>
      <c r="BG2976" s="53"/>
      <c r="BH2976" s="53"/>
      <c r="BI2976" s="53"/>
      <c r="BJ2976" s="53"/>
      <c r="BK2976" s="53"/>
      <c r="BL2976" s="53"/>
      <c r="BM2976" s="53"/>
      <c r="BN2976" s="53"/>
      <c r="BO2976" s="53"/>
      <c r="BP2976" s="53"/>
      <c r="BQ2976" s="53"/>
      <c r="BR2976" s="53"/>
      <c r="BS2976" s="53"/>
      <c r="BT2976" s="53"/>
      <c r="BU2976" s="53"/>
      <c r="BV2976" s="53"/>
      <c r="BW2976" s="53"/>
      <c r="BX2976" s="53"/>
      <c r="BY2976" s="53"/>
      <c r="BZ2976" s="53"/>
      <c r="CA2976" s="53"/>
      <c r="CB2976" s="53"/>
      <c r="CC2976" s="53"/>
      <c r="CD2976" s="53"/>
      <c r="CE2976" s="53"/>
      <c r="CF2976" s="53"/>
      <c r="CG2976" s="53"/>
      <c r="CH2976" s="53"/>
      <c r="CI2976" s="53"/>
      <c r="CJ2976" s="53"/>
      <c r="CK2976" s="53"/>
      <c r="CL2976" s="53"/>
      <c r="CM2976" s="53"/>
      <c r="CN2976" s="53"/>
    </row>
    <row r="2977" spans="1:92" outlineLevel="1">
      <c r="A2977" s="52" t="s">
        <v>649</v>
      </c>
      <c r="B2977" s="53">
        <v>-1599798.7375</v>
      </c>
      <c r="C2977" s="53">
        <v>-1599798.7375</v>
      </c>
      <c r="D2977" s="53">
        <v>-1599798.7375</v>
      </c>
      <c r="E2977" s="53">
        <v>-1599798.7375</v>
      </c>
      <c r="F2977" s="53">
        <v>-1599798.7375</v>
      </c>
      <c r="G2977" s="53">
        <v>-1599798.7375</v>
      </c>
      <c r="H2977" s="53">
        <v>-1599798.7375</v>
      </c>
      <c r="I2977" s="53">
        <v>-1599798.7375</v>
      </c>
      <c r="J2977" s="53">
        <v>-1599798.7375</v>
      </c>
      <c r="K2977" s="53">
        <v>-1599798.7375</v>
      </c>
      <c r="L2977" s="53">
        <v>-1599798.7375</v>
      </c>
      <c r="M2977" s="53">
        <v>-1599798.7375</v>
      </c>
      <c r="N2977" s="53">
        <v>-19197584.849999901</v>
      </c>
      <c r="O2977" s="53">
        <v>-643791.48916666606</v>
      </c>
      <c r="P2977" s="53">
        <v>-643791.48916666606</v>
      </c>
      <c r="Q2977" s="53">
        <v>-643791.48916666606</v>
      </c>
      <c r="R2977" s="53">
        <v>-643791.48916666606</v>
      </c>
      <c r="S2977" s="53">
        <v>-643791.48916666606</v>
      </c>
      <c r="T2977" s="53">
        <v>-643791.48916666606</v>
      </c>
      <c r="U2977" s="53">
        <v>-643791.48916666606</v>
      </c>
      <c r="V2977" s="53">
        <v>-643791.48916666606</v>
      </c>
      <c r="W2977" s="53">
        <v>-643791.48916666606</v>
      </c>
      <c r="X2977" s="53">
        <v>-643791.48916666606</v>
      </c>
      <c r="Y2977" s="53">
        <v>-643791.48916666606</v>
      </c>
      <c r="Z2977" s="53">
        <v>-643791.48916666606</v>
      </c>
      <c r="AA2977" s="53">
        <v>-7725497.8700000001</v>
      </c>
      <c r="AB2977" s="53">
        <v>53201.622590996099</v>
      </c>
      <c r="AC2977" s="53">
        <v>53201.622590996099</v>
      </c>
      <c r="AD2977" s="53">
        <v>53201.622590996099</v>
      </c>
      <c r="AE2977" s="53">
        <v>53201.622590996099</v>
      </c>
      <c r="AF2977" s="53">
        <v>53201.622590996099</v>
      </c>
      <c r="AG2977" s="53">
        <v>53201.622590996099</v>
      </c>
      <c r="AH2977" s="53">
        <v>53201.622590996099</v>
      </c>
      <c r="AI2977" s="53">
        <v>53201.622590996099</v>
      </c>
      <c r="AJ2977" s="53">
        <v>53201.622590996099</v>
      </c>
      <c r="AK2977" s="53">
        <v>53201.622590996099</v>
      </c>
      <c r="AL2977" s="53">
        <v>53201.622590996099</v>
      </c>
      <c r="AM2977" s="53">
        <v>53201.622590996099</v>
      </c>
      <c r="AN2977" s="53">
        <v>638419.47109195299</v>
      </c>
      <c r="AO2977" s="53">
        <v>1.36128145792705E-9</v>
      </c>
      <c r="AP2977" s="53">
        <v>1.36128145792705E-9</v>
      </c>
      <c r="AQ2977" s="53">
        <v>1.36128145792705E-9</v>
      </c>
      <c r="AR2977" s="53">
        <v>1.36128145792705E-9</v>
      </c>
      <c r="AS2977" s="53">
        <v>1.36128145792705E-9</v>
      </c>
      <c r="AT2977" s="53">
        <v>1.36128145792705E-9</v>
      </c>
      <c r="AU2977" s="53">
        <v>1.36128145792705E-9</v>
      </c>
      <c r="AV2977" s="53">
        <v>1.36128145792705E-9</v>
      </c>
      <c r="AW2977" s="53">
        <v>1.36128145792705E-9</v>
      </c>
      <c r="AX2977" s="53">
        <v>1.36128145792705E-9</v>
      </c>
      <c r="AY2977" s="53">
        <v>1.36128145792705E-9</v>
      </c>
      <c r="AZ2977" s="53">
        <v>1.36128145792705E-9</v>
      </c>
      <c r="BA2977" s="53">
        <v>1.63353774951247E-8</v>
      </c>
      <c r="BB2977" s="53">
        <v>1.36448876888708E-9</v>
      </c>
      <c r="BC2977" s="53">
        <v>1.36448876888708E-9</v>
      </c>
      <c r="BD2977" s="53">
        <v>1.36448876888708E-9</v>
      </c>
      <c r="BE2977" s="53">
        <v>1.36448876888708E-9</v>
      </c>
      <c r="BF2977" s="53">
        <v>1.36448876888708E-9</v>
      </c>
      <c r="BG2977" s="53">
        <v>1.36448876888708E-9</v>
      </c>
      <c r="BH2977" s="53">
        <v>1.36448876888708E-9</v>
      </c>
      <c r="BI2977" s="53">
        <v>1.36448876888708E-9</v>
      </c>
      <c r="BJ2977" s="53">
        <v>1.36448876888708E-9</v>
      </c>
      <c r="BK2977" s="53">
        <v>1.36448876888708E-9</v>
      </c>
      <c r="BL2977" s="53">
        <v>1.36448876888708E-9</v>
      </c>
      <c r="BM2977" s="53">
        <v>1.36448876888708E-9</v>
      </c>
      <c r="BN2977" s="53">
        <v>1.6373865226645001E-8</v>
      </c>
      <c r="BO2977" s="53">
        <v>5.7870749068721503</v>
      </c>
      <c r="BP2977" s="53">
        <v>5.7870749068721503</v>
      </c>
      <c r="BQ2977" s="53">
        <v>5.7870749068721503</v>
      </c>
      <c r="BR2977" s="53">
        <v>5.7870749068721503</v>
      </c>
      <c r="BS2977" s="53">
        <v>5.7870749068721503</v>
      </c>
      <c r="BT2977" s="53">
        <v>5.7870749068721503</v>
      </c>
      <c r="BU2977" s="53">
        <v>5.7870749068721503</v>
      </c>
      <c r="BV2977" s="53">
        <v>5.7870749068721503</v>
      </c>
      <c r="BW2977" s="53">
        <v>5.7870749068721503</v>
      </c>
      <c r="BX2977" s="53">
        <v>5.7870749068721503</v>
      </c>
      <c r="BY2977" s="53">
        <v>5.7870749068721503</v>
      </c>
      <c r="BZ2977" s="53">
        <v>5.7870749068721503</v>
      </c>
      <c r="CA2977" s="53">
        <v>69.444898882465793</v>
      </c>
      <c r="CB2977" s="53">
        <v>853487</v>
      </c>
      <c r="CC2977" s="53">
        <v>853487</v>
      </c>
      <c r="CD2977" s="53">
        <v>853487</v>
      </c>
      <c r="CE2977" s="53">
        <v>853487</v>
      </c>
      <c r="CF2977" s="53">
        <v>853487</v>
      </c>
      <c r="CG2977" s="53">
        <v>853487</v>
      </c>
      <c r="CH2977" s="53">
        <v>853487</v>
      </c>
      <c r="CI2977" s="53">
        <v>853487</v>
      </c>
      <c r="CJ2977" s="53">
        <v>853487</v>
      </c>
      <c r="CK2977" s="53">
        <v>853487</v>
      </c>
      <c r="CL2977" s="53">
        <v>853487</v>
      </c>
      <c r="CM2977" s="53">
        <v>853487</v>
      </c>
      <c r="CN2977" s="53">
        <v>10241843.999999899</v>
      </c>
    </row>
    <row r="2978" spans="1:92" outlineLevel="1">
      <c r="A2978" s="52" t="s">
        <v>765</v>
      </c>
      <c r="B2978" s="53"/>
      <c r="C2978" s="53"/>
      <c r="D2978" s="53"/>
      <c r="E2978" s="53"/>
      <c r="F2978" s="53"/>
      <c r="G2978" s="53"/>
      <c r="H2978" s="53"/>
      <c r="I2978" s="53"/>
      <c r="J2978" s="53"/>
      <c r="K2978" s="53"/>
      <c r="L2978" s="53"/>
      <c r="M2978" s="53"/>
      <c r="N2978" s="53"/>
      <c r="O2978" s="53"/>
      <c r="P2978" s="53"/>
      <c r="Q2978" s="53"/>
      <c r="R2978" s="53"/>
      <c r="S2978" s="53"/>
      <c r="T2978" s="53"/>
      <c r="U2978" s="53"/>
      <c r="V2978" s="53"/>
      <c r="W2978" s="53"/>
      <c r="X2978" s="53"/>
      <c r="Y2978" s="53"/>
      <c r="Z2978" s="53"/>
      <c r="AA2978" s="53"/>
      <c r="AB2978" s="53"/>
      <c r="AC2978" s="53"/>
      <c r="AD2978" s="53"/>
      <c r="AE2978" s="53"/>
      <c r="AF2978" s="53"/>
      <c r="AG2978" s="53"/>
      <c r="AH2978" s="53"/>
      <c r="AI2978" s="53"/>
      <c r="AJ2978" s="53"/>
      <c r="AK2978" s="53"/>
      <c r="AL2978" s="53"/>
      <c r="AM2978" s="53"/>
      <c r="AN2978" s="53"/>
      <c r="AO2978" s="53"/>
      <c r="AP2978" s="53"/>
      <c r="AQ2978" s="53"/>
      <c r="AR2978" s="53"/>
      <c r="AS2978" s="53"/>
      <c r="AT2978" s="53"/>
      <c r="AU2978" s="53"/>
      <c r="AV2978" s="53"/>
      <c r="AW2978" s="53"/>
      <c r="AX2978" s="53"/>
      <c r="AY2978" s="53"/>
      <c r="AZ2978" s="53"/>
      <c r="BA2978" s="53"/>
      <c r="BB2978" s="53"/>
      <c r="BC2978" s="53"/>
      <c r="BD2978" s="53"/>
      <c r="BE2978" s="53"/>
      <c r="BF2978" s="53"/>
      <c r="BG2978" s="53"/>
      <c r="BH2978" s="53"/>
      <c r="BI2978" s="53"/>
      <c r="BJ2978" s="53"/>
      <c r="BK2978" s="53"/>
      <c r="BL2978" s="53"/>
      <c r="BM2978" s="53"/>
      <c r="BN2978" s="53"/>
      <c r="BO2978" s="53"/>
      <c r="BP2978" s="53"/>
      <c r="BQ2978" s="53"/>
      <c r="BR2978" s="53"/>
      <c r="BS2978" s="53"/>
      <c r="BT2978" s="53"/>
      <c r="BU2978" s="53"/>
      <c r="BV2978" s="53"/>
      <c r="BW2978" s="53"/>
      <c r="BX2978" s="53"/>
      <c r="BY2978" s="53"/>
      <c r="BZ2978" s="53"/>
      <c r="CA2978" s="53"/>
      <c r="CB2978" s="53"/>
      <c r="CC2978" s="53"/>
      <c r="CD2978" s="53"/>
      <c r="CE2978" s="53"/>
      <c r="CF2978" s="53"/>
      <c r="CG2978" s="53"/>
      <c r="CH2978" s="53"/>
      <c r="CI2978" s="53"/>
      <c r="CJ2978" s="53"/>
      <c r="CK2978" s="53"/>
      <c r="CL2978" s="53"/>
      <c r="CM2978" s="53"/>
      <c r="CN2978" s="53"/>
    </row>
    <row r="2979" spans="1:92" outlineLevel="1">
      <c r="A2979" s="52" t="s">
        <v>1741</v>
      </c>
      <c r="B2979" s="53"/>
      <c r="C2979" s="53"/>
      <c r="D2979" s="53"/>
      <c r="E2979" s="53"/>
      <c r="F2979" s="53"/>
      <c r="G2979" s="53"/>
      <c r="H2979" s="53"/>
      <c r="I2979" s="53"/>
      <c r="J2979" s="53"/>
      <c r="K2979" s="53"/>
      <c r="L2979" s="53"/>
      <c r="M2979" s="53"/>
      <c r="N2979" s="53"/>
      <c r="O2979" s="53"/>
      <c r="P2979" s="53"/>
      <c r="Q2979" s="53"/>
      <c r="R2979" s="53"/>
      <c r="S2979" s="53"/>
      <c r="T2979" s="53"/>
      <c r="U2979" s="53"/>
      <c r="V2979" s="53"/>
      <c r="W2979" s="53"/>
      <c r="X2979" s="53"/>
      <c r="Y2979" s="53"/>
      <c r="Z2979" s="53"/>
      <c r="AA2979" s="53"/>
      <c r="AB2979" s="53"/>
      <c r="AC2979" s="53"/>
      <c r="AD2979" s="53"/>
      <c r="AE2979" s="53"/>
      <c r="AF2979" s="53"/>
      <c r="AG2979" s="53"/>
      <c r="AH2979" s="53"/>
      <c r="AI2979" s="53"/>
      <c r="AJ2979" s="53"/>
      <c r="AK2979" s="53"/>
      <c r="AL2979" s="53"/>
      <c r="AM2979" s="53"/>
      <c r="AN2979" s="53"/>
      <c r="AO2979" s="53"/>
      <c r="AP2979" s="53"/>
      <c r="AQ2979" s="53"/>
      <c r="AR2979" s="53"/>
      <c r="AS2979" s="53"/>
      <c r="AT2979" s="53"/>
      <c r="AU2979" s="53"/>
      <c r="AV2979" s="53"/>
      <c r="AW2979" s="53"/>
      <c r="AX2979" s="53"/>
      <c r="AY2979" s="53"/>
      <c r="AZ2979" s="53"/>
      <c r="BA2979" s="53"/>
      <c r="BB2979" s="53"/>
      <c r="BC2979" s="53"/>
      <c r="BD2979" s="53"/>
      <c r="BE2979" s="53"/>
      <c r="BF2979" s="53"/>
      <c r="BG2979" s="53"/>
      <c r="BH2979" s="53"/>
      <c r="BI2979" s="53"/>
      <c r="BJ2979" s="53"/>
      <c r="BK2979" s="53"/>
      <c r="BL2979" s="53"/>
      <c r="BM2979" s="53"/>
      <c r="BN2979" s="53"/>
      <c r="BO2979" s="53"/>
      <c r="BP2979" s="53"/>
      <c r="BQ2979" s="53"/>
      <c r="BR2979" s="53"/>
      <c r="BS2979" s="53"/>
      <c r="BT2979" s="53"/>
      <c r="BU2979" s="53"/>
      <c r="BV2979" s="53"/>
      <c r="BW2979" s="53"/>
      <c r="BX2979" s="53"/>
      <c r="BY2979" s="53"/>
      <c r="BZ2979" s="53"/>
      <c r="CA2979" s="53"/>
      <c r="CB2979" s="53">
        <v>256214</v>
      </c>
      <c r="CC2979" s="53">
        <v>256214</v>
      </c>
      <c r="CD2979" s="53">
        <v>256214</v>
      </c>
      <c r="CE2979" s="53">
        <v>256214</v>
      </c>
      <c r="CF2979" s="53">
        <v>256214</v>
      </c>
      <c r="CG2979" s="53">
        <v>256214</v>
      </c>
      <c r="CH2979" s="53">
        <v>256214</v>
      </c>
      <c r="CI2979" s="53">
        <v>256214</v>
      </c>
      <c r="CJ2979" s="53">
        <v>256214</v>
      </c>
      <c r="CK2979" s="53">
        <v>256214</v>
      </c>
      <c r="CL2979" s="53">
        <v>256214</v>
      </c>
      <c r="CM2979" s="53">
        <v>256214</v>
      </c>
      <c r="CN2979" s="53">
        <v>3074567.9999999902</v>
      </c>
    </row>
    <row r="2980" spans="1:92" outlineLevel="1">
      <c r="A2980" s="52" t="s">
        <v>649</v>
      </c>
      <c r="B2980" s="53">
        <v>397609.16666666698</v>
      </c>
      <c r="C2980" s="53">
        <v>-5403.8333333333003</v>
      </c>
      <c r="D2980" s="53">
        <v>502468.16666666599</v>
      </c>
      <c r="E2980" s="53">
        <v>-331246.83333333198</v>
      </c>
      <c r="F2980" s="53">
        <v>99581.166666666599</v>
      </c>
      <c r="G2980" s="53">
        <v>572137.16666666698</v>
      </c>
      <c r="H2980" s="53">
        <v>200481.16666666599</v>
      </c>
      <c r="I2980" s="53">
        <v>528416.166666665</v>
      </c>
      <c r="J2980" s="53">
        <v>326465.16666666599</v>
      </c>
      <c r="K2980" s="53">
        <v>211325.16666666701</v>
      </c>
      <c r="L2980" s="53">
        <v>-538747.83333333395</v>
      </c>
      <c r="M2980" s="53">
        <v>186087.16666666701</v>
      </c>
      <c r="N2980" s="53">
        <v>2149171.9999999902</v>
      </c>
      <c r="O2980" s="53">
        <v>239206.23633114199</v>
      </c>
      <c r="P2980" s="53">
        <v>-82418.654230739499</v>
      </c>
      <c r="Q2980" s="53">
        <v>-15829.005680685301</v>
      </c>
      <c r="R2980" s="53">
        <v>-76171.115026564599</v>
      </c>
      <c r="S2980" s="53">
        <v>44484.3224890454</v>
      </c>
      <c r="T2980" s="53">
        <v>5449.1947453900502</v>
      </c>
      <c r="U2980" s="53">
        <v>65619.388039130907</v>
      </c>
      <c r="V2980" s="53">
        <v>260133.35009509799</v>
      </c>
      <c r="W2980" s="53">
        <v>42261.9114859033</v>
      </c>
      <c r="X2980" s="53">
        <v>9180.5345127801193</v>
      </c>
      <c r="Y2980" s="53">
        <v>-25022.752279663899</v>
      </c>
      <c r="Z2980" s="53">
        <v>-96674.866910065903</v>
      </c>
      <c r="AA2980" s="53">
        <v>370218.543570771</v>
      </c>
      <c r="AB2980" s="53">
        <v>177141.23564169701</v>
      </c>
      <c r="AC2980" s="53">
        <v>-120233.260024042</v>
      </c>
      <c r="AD2980" s="53">
        <v>-51957.761190505902</v>
      </c>
      <c r="AE2980" s="53">
        <v>-29316.740529094401</v>
      </c>
      <c r="AF2980" s="53">
        <v>76845.161949838206</v>
      </c>
      <c r="AG2980" s="53">
        <v>-13059.818789160199</v>
      </c>
      <c r="AH2980" s="53">
        <v>49361.316240217202</v>
      </c>
      <c r="AI2980" s="53">
        <v>250456.65353355301</v>
      </c>
      <c r="AJ2980" s="53">
        <v>15335.8983279964</v>
      </c>
      <c r="AK2980" s="53">
        <v>-24039.2443432158</v>
      </c>
      <c r="AL2980" s="53">
        <v>-140790.624191788</v>
      </c>
      <c r="AM2980" s="53">
        <v>-189742.816625495</v>
      </c>
      <c r="AN2980" s="53">
        <v>-3.4106051316484799E-10</v>
      </c>
      <c r="AO2980" s="53">
        <v>147125.720324797</v>
      </c>
      <c r="AP2980" s="53">
        <v>-253710.70540185901</v>
      </c>
      <c r="AQ2980" s="53">
        <v>-192174.89290034401</v>
      </c>
      <c r="AR2980" s="53">
        <v>-120143.16900738901</v>
      </c>
      <c r="AS2980" s="53">
        <v>47583.717166806899</v>
      </c>
      <c r="AT2980" s="53">
        <v>113977.088166999</v>
      </c>
      <c r="AU2980" s="53">
        <v>169984.731879889</v>
      </c>
      <c r="AV2980" s="53">
        <v>428760.60016197601</v>
      </c>
      <c r="AW2980" s="53">
        <v>97381.657362074504</v>
      </c>
      <c r="AX2980" s="53">
        <v>-45696.672588984999</v>
      </c>
      <c r="AY2980" s="53">
        <v>-219164.028060563</v>
      </c>
      <c r="AZ2980" s="53">
        <v>-173924.04710340299</v>
      </c>
      <c r="BA2980" s="53">
        <v>-6.8212102632969597E-10</v>
      </c>
      <c r="BB2980" s="53">
        <v>145039.07254220801</v>
      </c>
      <c r="BC2980" s="53">
        <v>-253587.55066168701</v>
      </c>
      <c r="BD2980" s="53">
        <v>-196253.70751827501</v>
      </c>
      <c r="BE2980" s="53">
        <v>-124119.71688159399</v>
      </c>
      <c r="BF2980" s="53">
        <v>44536.775654979603</v>
      </c>
      <c r="BG2980" s="53">
        <v>116611.291089391</v>
      </c>
      <c r="BH2980" s="53">
        <v>172475.96090962901</v>
      </c>
      <c r="BI2980" s="53">
        <v>431204.917778156</v>
      </c>
      <c r="BJ2980" s="53">
        <v>99843.120314680506</v>
      </c>
      <c r="BK2980" s="53">
        <v>-41812.7814737757</v>
      </c>
      <c r="BL2980" s="53">
        <v>-220725.21091428501</v>
      </c>
      <c r="BM2980" s="53">
        <v>-173212.170839425</v>
      </c>
      <c r="BN2980" s="53">
        <v>1.70530256582424E-9</v>
      </c>
      <c r="BO2980" s="53">
        <v>141762.361973127</v>
      </c>
      <c r="BP2980" s="53">
        <v>-256308.64963853901</v>
      </c>
      <c r="BQ2980" s="53">
        <v>-200674.68809399201</v>
      </c>
      <c r="BR2980" s="53">
        <v>-129189.67633088</v>
      </c>
      <c r="BS2980" s="53">
        <v>42615.738404112599</v>
      </c>
      <c r="BT2980" s="53">
        <v>117793.280674116</v>
      </c>
      <c r="BU2980" s="53">
        <v>174538.08424482701</v>
      </c>
      <c r="BV2980" s="53">
        <v>432759.65694205102</v>
      </c>
      <c r="BW2980" s="53">
        <v>103051.139377049</v>
      </c>
      <c r="BX2980" s="53">
        <v>-38942.700383311203</v>
      </c>
      <c r="BY2980" s="53">
        <v>-218114.041093951</v>
      </c>
      <c r="BZ2980" s="53">
        <v>-169290.506074606</v>
      </c>
      <c r="CA2980" s="53">
        <v>3.1832314562052401E-9</v>
      </c>
      <c r="CB2980" s="53"/>
      <c r="CC2980" s="53"/>
      <c r="CD2980" s="53"/>
      <c r="CE2980" s="53"/>
      <c r="CF2980" s="53"/>
      <c r="CG2980" s="53"/>
      <c r="CH2980" s="53"/>
      <c r="CI2980" s="53"/>
      <c r="CJ2980" s="53"/>
      <c r="CK2980" s="53"/>
      <c r="CL2980" s="53"/>
      <c r="CM2980" s="53"/>
      <c r="CN2980" s="53"/>
    </row>
    <row r="2981" spans="1:92" outlineLevel="1">
      <c r="A2981" s="52" t="s">
        <v>1742</v>
      </c>
      <c r="B2981" s="53"/>
      <c r="C2981" s="53"/>
      <c r="D2981" s="53"/>
      <c r="E2981" s="53"/>
      <c r="F2981" s="53"/>
      <c r="G2981" s="53"/>
      <c r="H2981" s="53"/>
      <c r="I2981" s="53"/>
      <c r="J2981" s="53"/>
      <c r="K2981" s="53"/>
      <c r="L2981" s="53"/>
      <c r="M2981" s="53"/>
      <c r="N2981" s="53"/>
      <c r="O2981" s="53"/>
      <c r="P2981" s="53"/>
      <c r="Q2981" s="53"/>
      <c r="R2981" s="53"/>
      <c r="S2981" s="53"/>
      <c r="T2981" s="53"/>
      <c r="U2981" s="53"/>
      <c r="V2981" s="53"/>
      <c r="W2981" s="53"/>
      <c r="X2981" s="53"/>
      <c r="Y2981" s="53"/>
      <c r="Z2981" s="53"/>
      <c r="AA2981" s="53"/>
      <c r="AB2981" s="53"/>
      <c r="AC2981" s="53"/>
      <c r="AD2981" s="53"/>
      <c r="AE2981" s="53"/>
      <c r="AF2981" s="53"/>
      <c r="AG2981" s="53"/>
      <c r="AH2981" s="53"/>
      <c r="AI2981" s="53"/>
      <c r="AJ2981" s="53"/>
      <c r="AK2981" s="53"/>
      <c r="AL2981" s="53"/>
      <c r="AM2981" s="53"/>
      <c r="AN2981" s="53"/>
      <c r="AO2981" s="53"/>
      <c r="AP2981" s="53"/>
      <c r="AQ2981" s="53"/>
      <c r="AR2981" s="53"/>
      <c r="AS2981" s="53"/>
      <c r="AT2981" s="53"/>
      <c r="AU2981" s="53"/>
      <c r="AV2981" s="53"/>
      <c r="AW2981" s="53"/>
      <c r="AX2981" s="53"/>
      <c r="AY2981" s="53"/>
      <c r="AZ2981" s="53"/>
      <c r="BA2981" s="53"/>
      <c r="BB2981" s="53"/>
      <c r="BC2981" s="53"/>
      <c r="BD2981" s="53"/>
      <c r="BE2981" s="53"/>
      <c r="BF2981" s="53"/>
      <c r="BG2981" s="53"/>
      <c r="BH2981" s="53"/>
      <c r="BI2981" s="53"/>
      <c r="BJ2981" s="53"/>
      <c r="BK2981" s="53"/>
      <c r="BL2981" s="53"/>
      <c r="BM2981" s="53"/>
      <c r="BN2981" s="53"/>
      <c r="BO2981" s="53"/>
      <c r="BP2981" s="53"/>
      <c r="BQ2981" s="53"/>
      <c r="BR2981" s="53"/>
      <c r="BS2981" s="53"/>
      <c r="BT2981" s="53"/>
      <c r="BU2981" s="53"/>
      <c r="BV2981" s="53"/>
      <c r="BW2981" s="53"/>
      <c r="BX2981" s="53"/>
      <c r="BY2981" s="53"/>
      <c r="BZ2981" s="53"/>
      <c r="CA2981" s="53"/>
      <c r="CB2981" s="53"/>
      <c r="CC2981" s="53"/>
      <c r="CD2981" s="53"/>
      <c r="CE2981" s="53"/>
      <c r="CF2981" s="53"/>
      <c r="CG2981" s="53"/>
      <c r="CH2981" s="53"/>
      <c r="CI2981" s="53"/>
      <c r="CJ2981" s="53"/>
      <c r="CK2981" s="53"/>
      <c r="CL2981" s="53"/>
      <c r="CM2981" s="53"/>
      <c r="CN2981" s="53"/>
    </row>
    <row r="2982" spans="1:92" outlineLevel="1">
      <c r="A2982" s="52" t="s">
        <v>649</v>
      </c>
      <c r="B2982" s="53">
        <v>-184414.16666666701</v>
      </c>
      <c r="C2982" s="53">
        <v>-184414.16666666701</v>
      </c>
      <c r="D2982" s="53">
        <v>-184414.16666666701</v>
      </c>
      <c r="E2982" s="53">
        <v>-184414.16666666701</v>
      </c>
      <c r="F2982" s="53">
        <v>-184414.16666666701</v>
      </c>
      <c r="G2982" s="53">
        <v>-184414.16666666701</v>
      </c>
      <c r="H2982" s="53">
        <v>-184414.16666666701</v>
      </c>
      <c r="I2982" s="53">
        <v>-184414.16666666701</v>
      </c>
      <c r="J2982" s="53">
        <v>-184414.16666666701</v>
      </c>
      <c r="K2982" s="53">
        <v>-184414.16666666701</v>
      </c>
      <c r="L2982" s="53">
        <v>-184414.16666666701</v>
      </c>
      <c r="M2982" s="53">
        <v>-184414.16666666701</v>
      </c>
      <c r="N2982" s="53">
        <v>-2212970</v>
      </c>
      <c r="O2982" s="53">
        <v>-179097.66666666599</v>
      </c>
      <c r="P2982" s="53">
        <v>-179097.66666666599</v>
      </c>
      <c r="Q2982" s="53">
        <v>-179097.66666666599</v>
      </c>
      <c r="R2982" s="53">
        <v>-179097.66666666599</v>
      </c>
      <c r="S2982" s="53">
        <v>-179097.66666666599</v>
      </c>
      <c r="T2982" s="53">
        <v>-179097.66666666599</v>
      </c>
      <c r="U2982" s="53">
        <v>-179097.66666666599</v>
      </c>
      <c r="V2982" s="53">
        <v>-179097.66666666599</v>
      </c>
      <c r="W2982" s="53">
        <v>-179097.66666666599</v>
      </c>
      <c r="X2982" s="53">
        <v>-179097.66666666599</v>
      </c>
      <c r="Y2982" s="53">
        <v>-179097.66666666599</v>
      </c>
      <c r="Z2982" s="53">
        <v>-179097.66666666599</v>
      </c>
      <c r="AA2982" s="53">
        <v>-2149171.9999999902</v>
      </c>
      <c r="AB2982" s="53">
        <v>-30851.5452975644</v>
      </c>
      <c r="AC2982" s="53">
        <v>-30851.5452975644</v>
      </c>
      <c r="AD2982" s="53">
        <v>-30851.5452975644</v>
      </c>
      <c r="AE2982" s="53">
        <v>-30851.5452975644</v>
      </c>
      <c r="AF2982" s="53">
        <v>-30851.5452975644</v>
      </c>
      <c r="AG2982" s="53">
        <v>-30851.5452975644</v>
      </c>
      <c r="AH2982" s="53">
        <v>-30851.5452975644</v>
      </c>
      <c r="AI2982" s="53">
        <v>-30851.5452975644</v>
      </c>
      <c r="AJ2982" s="53">
        <v>-30851.5452975644</v>
      </c>
      <c r="AK2982" s="53">
        <v>-30851.5452975644</v>
      </c>
      <c r="AL2982" s="53">
        <v>-30851.5452975644</v>
      </c>
      <c r="AM2982" s="53">
        <v>-30851.5452975644</v>
      </c>
      <c r="AN2982" s="53">
        <v>-370218.54357077298</v>
      </c>
      <c r="AO2982" s="53">
        <v>2.93098878501041E-11</v>
      </c>
      <c r="AP2982" s="53">
        <v>2.93098878501041E-11</v>
      </c>
      <c r="AQ2982" s="53">
        <v>2.93098878501041E-11</v>
      </c>
      <c r="AR2982" s="53">
        <v>2.93098878501041E-11</v>
      </c>
      <c r="AS2982" s="53">
        <v>2.93098878501041E-11</v>
      </c>
      <c r="AT2982" s="53">
        <v>2.93098878501041E-11</v>
      </c>
      <c r="AU2982" s="53">
        <v>2.93098878501041E-11</v>
      </c>
      <c r="AV2982" s="53">
        <v>2.93098878501041E-11</v>
      </c>
      <c r="AW2982" s="53">
        <v>2.93098878501041E-11</v>
      </c>
      <c r="AX2982" s="53">
        <v>2.93098878501041E-11</v>
      </c>
      <c r="AY2982" s="53">
        <v>2.93098878501041E-11</v>
      </c>
      <c r="AZ2982" s="53">
        <v>2.93098878501041E-11</v>
      </c>
      <c r="BA2982" s="53">
        <v>3.5171865420124902E-10</v>
      </c>
      <c r="BB2982" s="53">
        <v>3.7821597705563597E-11</v>
      </c>
      <c r="BC2982" s="53">
        <v>3.7821597705563597E-11</v>
      </c>
      <c r="BD2982" s="53">
        <v>3.7821597705563597E-11</v>
      </c>
      <c r="BE2982" s="53">
        <v>3.7821597705563597E-11</v>
      </c>
      <c r="BF2982" s="53">
        <v>3.7821597705563597E-11</v>
      </c>
      <c r="BG2982" s="53">
        <v>3.7821597705563597E-11</v>
      </c>
      <c r="BH2982" s="53">
        <v>3.7821597705563597E-11</v>
      </c>
      <c r="BI2982" s="53">
        <v>3.7821597705563597E-11</v>
      </c>
      <c r="BJ2982" s="53">
        <v>3.7821597705563597E-11</v>
      </c>
      <c r="BK2982" s="53">
        <v>3.7821597705563597E-11</v>
      </c>
      <c r="BL2982" s="53">
        <v>3.7821597705563597E-11</v>
      </c>
      <c r="BM2982" s="53">
        <v>3.7821597705563597E-11</v>
      </c>
      <c r="BN2982" s="53">
        <v>4.5385917246676301E-10</v>
      </c>
      <c r="BO2982" s="53">
        <v>-1.52365774318418E-10</v>
      </c>
      <c r="BP2982" s="53">
        <v>-1.52365774318418E-10</v>
      </c>
      <c r="BQ2982" s="53">
        <v>-1.52365774318418E-10</v>
      </c>
      <c r="BR2982" s="53">
        <v>-1.52365774318418E-10</v>
      </c>
      <c r="BS2982" s="53">
        <v>-1.52365774318418E-10</v>
      </c>
      <c r="BT2982" s="53">
        <v>-1.52365774318418E-10</v>
      </c>
      <c r="BU2982" s="53">
        <v>-1.52365774318418E-10</v>
      </c>
      <c r="BV2982" s="53">
        <v>-1.52365774318418E-10</v>
      </c>
      <c r="BW2982" s="53">
        <v>-1.52365774318418E-10</v>
      </c>
      <c r="BX2982" s="53">
        <v>-1.52365774318418E-10</v>
      </c>
      <c r="BY2982" s="53">
        <v>-1.52365774318418E-10</v>
      </c>
      <c r="BZ2982" s="53">
        <v>-1.52365774318418E-10</v>
      </c>
      <c r="CA2982" s="53">
        <v>-1.8283892918210101E-9</v>
      </c>
      <c r="CB2982" s="53">
        <v>-3947694.5833333302</v>
      </c>
      <c r="CC2982" s="53">
        <v>-3947694.5833333302</v>
      </c>
      <c r="CD2982" s="53">
        <v>-3947694.5833333302</v>
      </c>
      <c r="CE2982" s="53">
        <v>-3947694.5833333302</v>
      </c>
      <c r="CF2982" s="53">
        <v>-3947694.5833333302</v>
      </c>
      <c r="CG2982" s="53">
        <v>-3947694.5833333302</v>
      </c>
      <c r="CH2982" s="53">
        <v>-3947694.5833333302</v>
      </c>
      <c r="CI2982" s="53">
        <v>-3947694.5833333302</v>
      </c>
      <c r="CJ2982" s="53">
        <v>-3947694.5833333302</v>
      </c>
      <c r="CK2982" s="53">
        <v>-3947694.5833333302</v>
      </c>
      <c r="CL2982" s="53">
        <v>-3947694.5833333302</v>
      </c>
      <c r="CM2982" s="53">
        <v>-3947694.5833333302</v>
      </c>
      <c r="CN2982" s="53">
        <v>-47372334.999999903</v>
      </c>
    </row>
    <row r="2983" spans="1:92" outlineLevel="1">
      <c r="A2983" s="52" t="s">
        <v>650</v>
      </c>
      <c r="B2983" s="53"/>
      <c r="C2983" s="53"/>
      <c r="D2983" s="53"/>
      <c r="E2983" s="53"/>
      <c r="F2983" s="53"/>
      <c r="G2983" s="53"/>
      <c r="H2983" s="53"/>
      <c r="I2983" s="53"/>
      <c r="J2983" s="53"/>
      <c r="K2983" s="53"/>
      <c r="L2983" s="53"/>
      <c r="M2983" s="53"/>
      <c r="N2983" s="53"/>
      <c r="O2983" s="53"/>
      <c r="P2983" s="53"/>
      <c r="Q2983" s="53"/>
      <c r="R2983" s="53"/>
      <c r="S2983" s="53"/>
      <c r="T2983" s="53"/>
      <c r="U2983" s="53"/>
      <c r="V2983" s="53"/>
      <c r="W2983" s="53"/>
      <c r="X2983" s="53"/>
      <c r="Y2983" s="53"/>
      <c r="Z2983" s="53"/>
      <c r="AA2983" s="53"/>
      <c r="AB2983" s="53"/>
      <c r="AC2983" s="53"/>
      <c r="AD2983" s="53"/>
      <c r="AE2983" s="53"/>
      <c r="AF2983" s="53"/>
      <c r="AG2983" s="53"/>
      <c r="AH2983" s="53"/>
      <c r="AI2983" s="53"/>
      <c r="AJ2983" s="53"/>
      <c r="AK2983" s="53"/>
      <c r="AL2983" s="53"/>
      <c r="AM2983" s="53"/>
      <c r="AN2983" s="53"/>
      <c r="AO2983" s="53"/>
      <c r="AP2983" s="53"/>
      <c r="AQ2983" s="53"/>
      <c r="AR2983" s="53"/>
      <c r="AS2983" s="53"/>
      <c r="AT2983" s="53"/>
      <c r="AU2983" s="53"/>
      <c r="AV2983" s="53"/>
      <c r="AW2983" s="53"/>
      <c r="AX2983" s="53"/>
      <c r="AY2983" s="53"/>
      <c r="AZ2983" s="53"/>
      <c r="BA2983" s="53"/>
      <c r="BB2983" s="53"/>
      <c r="BC2983" s="53"/>
      <c r="BD2983" s="53"/>
      <c r="BE2983" s="53"/>
      <c r="BF2983" s="53"/>
      <c r="BG2983" s="53"/>
      <c r="BH2983" s="53"/>
      <c r="BI2983" s="53"/>
      <c r="BJ2983" s="53"/>
      <c r="BK2983" s="53"/>
      <c r="BL2983" s="53"/>
      <c r="BM2983" s="53"/>
      <c r="BN2983" s="53"/>
      <c r="BO2983" s="53"/>
      <c r="BP2983" s="53"/>
      <c r="BQ2983" s="53"/>
      <c r="BR2983" s="53"/>
      <c r="BS2983" s="53"/>
      <c r="BT2983" s="53"/>
      <c r="BU2983" s="53"/>
      <c r="BV2983" s="53"/>
      <c r="BW2983" s="53"/>
      <c r="BX2983" s="53"/>
      <c r="BY2983" s="53"/>
      <c r="BZ2983" s="53"/>
      <c r="CA2983" s="53"/>
      <c r="CB2983" s="53">
        <v>25850213.841666602</v>
      </c>
      <c r="CC2983" s="53">
        <v>23012220.258333299</v>
      </c>
      <c r="CD2983" s="53">
        <v>20174226.6749999</v>
      </c>
      <c r="CE2983" s="53">
        <v>17336233.091666602</v>
      </c>
      <c r="CF2983" s="53">
        <v>14498239.508333299</v>
      </c>
      <c r="CG2983" s="53">
        <v>11660245.9249999</v>
      </c>
      <c r="CH2983" s="53">
        <v>8822252.3416666295</v>
      </c>
      <c r="CI2983" s="53">
        <v>5984258.7583333002</v>
      </c>
      <c r="CJ2983" s="53">
        <v>3146265.1749999602</v>
      </c>
      <c r="CK2983" s="53">
        <v>308271.59166663297</v>
      </c>
      <c r="CL2983" s="53">
        <v>-2529721.99166669</v>
      </c>
      <c r="CM2983" s="53">
        <v>-5367715.57500003</v>
      </c>
      <c r="CN2983" s="53">
        <v>-5367715.57500003</v>
      </c>
    </row>
    <row r="2984" spans="1:92" outlineLevel="1">
      <c r="A2984" s="52" t="s">
        <v>1743</v>
      </c>
      <c r="B2984" s="53"/>
      <c r="C2984" s="53"/>
      <c r="D2984" s="53"/>
      <c r="E2984" s="53"/>
      <c r="F2984" s="53"/>
      <c r="G2984" s="53"/>
      <c r="H2984" s="53"/>
      <c r="I2984" s="53"/>
      <c r="J2984" s="53"/>
      <c r="K2984" s="53"/>
      <c r="L2984" s="53"/>
      <c r="M2984" s="53"/>
      <c r="N2984" s="53"/>
      <c r="O2984" s="53"/>
      <c r="P2984" s="53"/>
      <c r="Q2984" s="53"/>
      <c r="R2984" s="53"/>
      <c r="S2984" s="53"/>
      <c r="T2984" s="53"/>
      <c r="U2984" s="53"/>
      <c r="V2984" s="53"/>
      <c r="W2984" s="53"/>
      <c r="X2984" s="53"/>
      <c r="Y2984" s="53"/>
      <c r="Z2984" s="53"/>
      <c r="AA2984" s="53"/>
      <c r="AB2984" s="53"/>
      <c r="AC2984" s="53"/>
      <c r="AD2984" s="53"/>
      <c r="AE2984" s="53"/>
      <c r="AF2984" s="53"/>
      <c r="AG2984" s="53"/>
      <c r="AH2984" s="53"/>
      <c r="AI2984" s="53"/>
      <c r="AJ2984" s="53"/>
      <c r="AK2984" s="53"/>
      <c r="AL2984" s="53"/>
      <c r="AM2984" s="53"/>
      <c r="AN2984" s="53"/>
      <c r="AO2984" s="53"/>
      <c r="AP2984" s="53"/>
      <c r="AQ2984" s="53"/>
      <c r="AR2984" s="53"/>
      <c r="AS2984" s="53"/>
      <c r="AT2984" s="53"/>
      <c r="AU2984" s="53"/>
      <c r="AV2984" s="53"/>
      <c r="AW2984" s="53"/>
      <c r="AX2984" s="53"/>
      <c r="AY2984" s="53"/>
      <c r="AZ2984" s="53"/>
      <c r="BA2984" s="53"/>
      <c r="BB2984" s="53"/>
      <c r="BC2984" s="53"/>
      <c r="BD2984" s="53"/>
      <c r="BE2984" s="53"/>
      <c r="BF2984" s="53"/>
      <c r="BG2984" s="53"/>
      <c r="BH2984" s="53"/>
      <c r="BI2984" s="53"/>
      <c r="BJ2984" s="53"/>
      <c r="BK2984" s="53"/>
      <c r="BL2984" s="53"/>
      <c r="BM2984" s="53"/>
      <c r="BN2984" s="53"/>
      <c r="BO2984" s="53"/>
      <c r="BP2984" s="53"/>
      <c r="BQ2984" s="53"/>
      <c r="BR2984" s="53"/>
      <c r="BS2984" s="53"/>
      <c r="BT2984" s="53"/>
      <c r="BU2984" s="53"/>
      <c r="BV2984" s="53"/>
      <c r="BW2984" s="53"/>
      <c r="BX2984" s="53"/>
      <c r="BY2984" s="53"/>
      <c r="BZ2984" s="53"/>
      <c r="CA2984" s="53"/>
      <c r="CB2984" s="53"/>
      <c r="CC2984" s="53"/>
      <c r="CD2984" s="53"/>
      <c r="CE2984" s="53"/>
      <c r="CF2984" s="53"/>
      <c r="CG2984" s="53"/>
      <c r="CH2984" s="53"/>
      <c r="CI2984" s="53"/>
      <c r="CJ2984" s="53"/>
      <c r="CK2984" s="53"/>
      <c r="CL2984" s="53"/>
      <c r="CM2984" s="53"/>
      <c r="CN2984" s="53"/>
    </row>
    <row r="2985" spans="1:92" outlineLevel="1">
      <c r="A2985" s="52" t="s">
        <v>649</v>
      </c>
      <c r="B2985" s="53"/>
      <c r="C2985" s="53"/>
      <c r="D2985" s="53"/>
      <c r="E2985" s="53"/>
      <c r="F2985" s="53"/>
      <c r="G2985" s="53"/>
      <c r="H2985" s="53"/>
      <c r="I2985" s="53"/>
      <c r="J2985" s="53"/>
      <c r="K2985" s="53"/>
      <c r="L2985" s="53"/>
      <c r="M2985" s="53"/>
      <c r="N2985" s="53"/>
      <c r="O2985" s="53">
        <v>1601563.91666667</v>
      </c>
      <c r="P2985" s="53">
        <v>1601563.91666667</v>
      </c>
      <c r="Q2985" s="53">
        <v>1601563.91666667</v>
      </c>
      <c r="R2985" s="53">
        <v>1601563.91666667</v>
      </c>
      <c r="S2985" s="53">
        <v>1601563.91666667</v>
      </c>
      <c r="T2985" s="53">
        <v>1601563.91666667</v>
      </c>
      <c r="U2985" s="53">
        <v>1601563.91666667</v>
      </c>
      <c r="V2985" s="53">
        <v>1601563.91666667</v>
      </c>
      <c r="W2985" s="53">
        <v>1601563.91666667</v>
      </c>
      <c r="X2985" s="53">
        <v>1601563.91666667</v>
      </c>
      <c r="Y2985" s="53">
        <v>1601563.91666667</v>
      </c>
      <c r="Z2985" s="53">
        <v>1601563.91666667</v>
      </c>
      <c r="AA2985" s="53">
        <v>19218767</v>
      </c>
      <c r="AB2985" s="53"/>
      <c r="AC2985" s="53"/>
      <c r="AD2985" s="53"/>
      <c r="AE2985" s="53"/>
      <c r="AF2985" s="53"/>
      <c r="AG2985" s="53"/>
      <c r="AH2985" s="53"/>
      <c r="AI2985" s="53"/>
      <c r="AJ2985" s="53"/>
      <c r="AK2985" s="53"/>
      <c r="AL2985" s="53"/>
      <c r="AM2985" s="53"/>
      <c r="AN2985" s="53"/>
      <c r="AO2985" s="53"/>
      <c r="AP2985" s="53"/>
      <c r="AQ2985" s="53"/>
      <c r="AR2985" s="53"/>
      <c r="AS2985" s="53"/>
      <c r="AT2985" s="53"/>
      <c r="AU2985" s="53"/>
      <c r="AV2985" s="53"/>
      <c r="AW2985" s="53"/>
      <c r="AX2985" s="53"/>
      <c r="AY2985" s="53"/>
      <c r="AZ2985" s="53"/>
      <c r="BA2985" s="53"/>
      <c r="BB2985" s="53"/>
      <c r="BC2985" s="53"/>
      <c r="BD2985" s="53"/>
      <c r="BE2985" s="53"/>
      <c r="BF2985" s="53"/>
      <c r="BG2985" s="53"/>
      <c r="BH2985" s="53"/>
      <c r="BI2985" s="53"/>
      <c r="BJ2985" s="53"/>
      <c r="BK2985" s="53"/>
      <c r="BL2985" s="53"/>
      <c r="BM2985" s="53"/>
      <c r="BN2985" s="53"/>
      <c r="BO2985" s="53"/>
      <c r="BP2985" s="53"/>
      <c r="BQ2985" s="53"/>
      <c r="BR2985" s="53"/>
      <c r="BS2985" s="53"/>
      <c r="BT2985" s="53"/>
      <c r="BU2985" s="53"/>
      <c r="BV2985" s="53"/>
      <c r="BW2985" s="53"/>
      <c r="BX2985" s="53"/>
      <c r="BY2985" s="53"/>
      <c r="BZ2985" s="53"/>
      <c r="CA2985" s="53"/>
      <c r="CB2985" s="53">
        <v>0</v>
      </c>
      <c r="CC2985" s="53">
        <v>0</v>
      </c>
      <c r="CD2985" s="53">
        <v>0</v>
      </c>
      <c r="CE2985" s="53">
        <v>0</v>
      </c>
      <c r="CF2985" s="53">
        <v>0</v>
      </c>
      <c r="CG2985" s="53">
        <v>0</v>
      </c>
      <c r="CH2985" s="53">
        <v>0</v>
      </c>
      <c r="CI2985" s="53">
        <v>0</v>
      </c>
      <c r="CJ2985" s="53">
        <v>0</v>
      </c>
      <c r="CK2985" s="53">
        <v>0</v>
      </c>
      <c r="CL2985" s="53">
        <v>0</v>
      </c>
      <c r="CM2985" s="53">
        <v>0</v>
      </c>
      <c r="CN2985" s="53">
        <v>0</v>
      </c>
    </row>
    <row r="2986" spans="1:92" outlineLevel="1">
      <c r="A2986" s="52" t="s">
        <v>1431</v>
      </c>
      <c r="B2986" s="53"/>
      <c r="C2986" s="53"/>
      <c r="D2986" s="53"/>
      <c r="E2986" s="53"/>
      <c r="F2986" s="53"/>
      <c r="G2986" s="53"/>
      <c r="H2986" s="53"/>
      <c r="I2986" s="53"/>
      <c r="J2986" s="53"/>
      <c r="K2986" s="53"/>
      <c r="L2986" s="53"/>
      <c r="M2986" s="53"/>
      <c r="N2986" s="53"/>
      <c r="O2986" s="53"/>
      <c r="P2986" s="53"/>
      <c r="Q2986" s="53"/>
      <c r="R2986" s="53"/>
      <c r="S2986" s="53"/>
      <c r="T2986" s="53"/>
      <c r="U2986" s="53"/>
      <c r="V2986" s="53"/>
      <c r="W2986" s="53"/>
      <c r="X2986" s="53"/>
      <c r="Y2986" s="53"/>
      <c r="Z2986" s="53"/>
      <c r="AA2986" s="53"/>
      <c r="AB2986" s="53"/>
      <c r="AC2986" s="53"/>
      <c r="AD2986" s="53"/>
      <c r="AE2986" s="53"/>
      <c r="AF2986" s="53"/>
      <c r="AG2986" s="53"/>
      <c r="AH2986" s="53"/>
      <c r="AI2986" s="53"/>
      <c r="AJ2986" s="53"/>
      <c r="AK2986" s="53"/>
      <c r="AL2986" s="53"/>
      <c r="AM2986" s="53"/>
      <c r="AN2986" s="53"/>
      <c r="AO2986" s="53"/>
      <c r="AP2986" s="53"/>
      <c r="AQ2986" s="53"/>
      <c r="AR2986" s="53"/>
      <c r="AS2986" s="53"/>
      <c r="AT2986" s="53"/>
      <c r="AU2986" s="53"/>
      <c r="AV2986" s="53"/>
      <c r="AW2986" s="53"/>
      <c r="AX2986" s="53"/>
      <c r="AY2986" s="53"/>
      <c r="AZ2986" s="53"/>
      <c r="BA2986" s="53"/>
      <c r="BB2986" s="53"/>
      <c r="BC2986" s="53"/>
      <c r="BD2986" s="53"/>
      <c r="BE2986" s="53"/>
      <c r="BF2986" s="53"/>
      <c r="BG2986" s="53"/>
      <c r="BH2986" s="53"/>
      <c r="BI2986" s="53"/>
      <c r="BJ2986" s="53"/>
      <c r="BK2986" s="53"/>
      <c r="BL2986" s="53"/>
      <c r="BM2986" s="53"/>
      <c r="BN2986" s="53"/>
      <c r="BO2986" s="53"/>
      <c r="BP2986" s="53"/>
      <c r="BQ2986" s="53"/>
      <c r="BR2986" s="53"/>
      <c r="BS2986" s="53"/>
      <c r="BT2986" s="53"/>
      <c r="BU2986" s="53"/>
      <c r="BV2986" s="53"/>
      <c r="BW2986" s="53"/>
      <c r="BX2986" s="53"/>
      <c r="BY2986" s="53"/>
      <c r="BZ2986" s="53"/>
      <c r="CA2986" s="53"/>
      <c r="CB2986" s="53">
        <v>0</v>
      </c>
      <c r="CC2986" s="53">
        <v>0</v>
      </c>
      <c r="CD2986" s="53">
        <v>0</v>
      </c>
      <c r="CE2986" s="53">
        <v>0</v>
      </c>
      <c r="CF2986" s="53">
        <v>0</v>
      </c>
      <c r="CG2986" s="53">
        <v>0</v>
      </c>
      <c r="CH2986" s="53">
        <v>0</v>
      </c>
      <c r="CI2986" s="53">
        <v>0</v>
      </c>
      <c r="CJ2986" s="53">
        <v>0</v>
      </c>
      <c r="CK2986" s="53">
        <v>0</v>
      </c>
      <c r="CL2986" s="53">
        <v>0</v>
      </c>
      <c r="CM2986" s="53">
        <v>0</v>
      </c>
      <c r="CN2986" s="53">
        <v>0</v>
      </c>
    </row>
    <row r="2987" spans="1:92" outlineLevel="1">
      <c r="A2987" s="52" t="s">
        <v>649</v>
      </c>
      <c r="B2987" s="53">
        <v>29000000</v>
      </c>
      <c r="C2987" s="53"/>
      <c r="D2987" s="53"/>
      <c r="E2987" s="53"/>
      <c r="F2987" s="53"/>
      <c r="G2987" s="53"/>
      <c r="H2987" s="53"/>
      <c r="I2987" s="53"/>
      <c r="J2987" s="53"/>
      <c r="K2987" s="53"/>
      <c r="L2987" s="53"/>
      <c r="M2987" s="53"/>
      <c r="N2987" s="53">
        <v>29000000</v>
      </c>
      <c r="O2987" s="53"/>
      <c r="P2987" s="53"/>
      <c r="Q2987" s="53"/>
      <c r="R2987" s="53"/>
      <c r="S2987" s="53"/>
      <c r="T2987" s="53"/>
      <c r="U2987" s="53"/>
      <c r="V2987" s="53"/>
      <c r="W2987" s="53"/>
      <c r="X2987" s="53"/>
      <c r="Y2987" s="53"/>
      <c r="Z2987" s="53"/>
      <c r="AA2987" s="53"/>
      <c r="AB2987" s="53"/>
      <c r="AC2987" s="53"/>
      <c r="AD2987" s="53"/>
      <c r="AE2987" s="53"/>
      <c r="AF2987" s="53"/>
      <c r="AG2987" s="53"/>
      <c r="AH2987" s="53"/>
      <c r="AI2987" s="53"/>
      <c r="AJ2987" s="53"/>
      <c r="AK2987" s="53"/>
      <c r="AL2987" s="53"/>
      <c r="AM2987" s="53"/>
      <c r="AN2987" s="53"/>
      <c r="AO2987" s="53"/>
      <c r="AP2987" s="53"/>
      <c r="AQ2987" s="53"/>
      <c r="AR2987" s="53"/>
      <c r="AS2987" s="53"/>
      <c r="AT2987" s="53"/>
      <c r="AU2987" s="53"/>
      <c r="AV2987" s="53"/>
      <c r="AW2987" s="53"/>
      <c r="AX2987" s="53"/>
      <c r="AY2987" s="53"/>
      <c r="AZ2987" s="53"/>
      <c r="BA2987" s="53"/>
      <c r="BB2987" s="53"/>
      <c r="BC2987" s="53"/>
      <c r="BD2987" s="53"/>
      <c r="BE2987" s="53"/>
      <c r="BF2987" s="53"/>
      <c r="BG2987" s="53"/>
      <c r="BH2987" s="53"/>
      <c r="BI2987" s="53"/>
      <c r="BJ2987" s="53"/>
      <c r="BK2987" s="53"/>
      <c r="BL2987" s="53"/>
      <c r="BM2987" s="53"/>
      <c r="BN2987" s="53"/>
      <c r="BO2987" s="53"/>
      <c r="BP2987" s="53"/>
      <c r="BQ2987" s="53"/>
      <c r="BR2987" s="53"/>
      <c r="BS2987" s="53"/>
      <c r="BT2987" s="53"/>
      <c r="BU2987" s="53"/>
      <c r="BV2987" s="53"/>
      <c r="BW2987" s="53"/>
      <c r="BX2987" s="53"/>
      <c r="BY2987" s="53"/>
      <c r="BZ2987" s="53"/>
      <c r="CA2987" s="53"/>
      <c r="CB2987" s="53">
        <v>0</v>
      </c>
      <c r="CC2987" s="53">
        <v>0</v>
      </c>
      <c r="CD2987" s="53">
        <v>0</v>
      </c>
      <c r="CE2987" s="53">
        <v>0</v>
      </c>
      <c r="CF2987" s="53">
        <v>0</v>
      </c>
      <c r="CG2987" s="53">
        <v>0</v>
      </c>
      <c r="CH2987" s="53">
        <v>0</v>
      </c>
      <c r="CI2987" s="53">
        <v>0</v>
      </c>
      <c r="CJ2987" s="53">
        <v>0</v>
      </c>
      <c r="CK2987" s="53">
        <v>0</v>
      </c>
      <c r="CL2987" s="53">
        <v>0</v>
      </c>
      <c r="CM2987" s="53">
        <v>0</v>
      </c>
      <c r="CN2987" s="53">
        <v>0</v>
      </c>
    </row>
    <row r="2988" spans="1:92" outlineLevel="1">
      <c r="A2988" s="52" t="s">
        <v>1744</v>
      </c>
      <c r="B2988" s="53"/>
      <c r="C2988" s="53"/>
      <c r="D2988" s="53"/>
      <c r="E2988" s="53"/>
      <c r="F2988" s="53"/>
      <c r="G2988" s="53"/>
      <c r="H2988" s="53"/>
      <c r="I2988" s="53"/>
      <c r="J2988" s="53"/>
      <c r="K2988" s="53"/>
      <c r="L2988" s="53"/>
      <c r="M2988" s="53"/>
      <c r="N2988" s="53"/>
      <c r="O2988" s="53"/>
      <c r="P2988" s="53"/>
      <c r="Q2988" s="53"/>
      <c r="R2988" s="53"/>
      <c r="S2988" s="53"/>
      <c r="T2988" s="53"/>
      <c r="U2988" s="53"/>
      <c r="V2988" s="53"/>
      <c r="W2988" s="53"/>
      <c r="X2988" s="53"/>
      <c r="Y2988" s="53"/>
      <c r="Z2988" s="53"/>
      <c r="AA2988" s="53"/>
      <c r="AB2988" s="53"/>
      <c r="AC2988" s="53"/>
      <c r="AD2988" s="53"/>
      <c r="AE2988" s="53"/>
      <c r="AF2988" s="53"/>
      <c r="AG2988" s="53"/>
      <c r="AH2988" s="53"/>
      <c r="AI2988" s="53"/>
      <c r="AJ2988" s="53"/>
      <c r="AK2988" s="53"/>
      <c r="AL2988" s="53"/>
      <c r="AM2988" s="53"/>
      <c r="AN2988" s="53"/>
      <c r="AO2988" s="53"/>
      <c r="AP2988" s="53"/>
      <c r="AQ2988" s="53"/>
      <c r="AR2988" s="53"/>
      <c r="AS2988" s="53"/>
      <c r="AT2988" s="53"/>
      <c r="AU2988" s="53"/>
      <c r="AV2988" s="53"/>
      <c r="AW2988" s="53"/>
      <c r="AX2988" s="53"/>
      <c r="AY2988" s="53"/>
      <c r="AZ2988" s="53"/>
      <c r="BA2988" s="53"/>
      <c r="BB2988" s="53"/>
      <c r="BC2988" s="53"/>
      <c r="BD2988" s="53"/>
      <c r="BE2988" s="53"/>
      <c r="BF2988" s="53"/>
      <c r="BG2988" s="53"/>
      <c r="BH2988" s="53"/>
      <c r="BI2988" s="53"/>
      <c r="BJ2988" s="53"/>
      <c r="BK2988" s="53"/>
      <c r="BL2988" s="53"/>
      <c r="BM2988" s="53"/>
      <c r="BN2988" s="53"/>
      <c r="BO2988" s="53"/>
      <c r="BP2988" s="53"/>
      <c r="BQ2988" s="53"/>
      <c r="BR2988" s="53"/>
      <c r="BS2988" s="53"/>
      <c r="BT2988" s="53"/>
      <c r="BU2988" s="53"/>
      <c r="BV2988" s="53"/>
      <c r="BW2988" s="53"/>
      <c r="BX2988" s="53"/>
      <c r="BY2988" s="53"/>
      <c r="BZ2988" s="53"/>
      <c r="CA2988" s="53"/>
      <c r="CB2988" s="53"/>
      <c r="CC2988" s="53"/>
      <c r="CD2988" s="53"/>
      <c r="CE2988" s="53"/>
      <c r="CF2988" s="53"/>
      <c r="CG2988" s="53"/>
      <c r="CH2988" s="53"/>
      <c r="CI2988" s="53"/>
      <c r="CJ2988" s="53"/>
      <c r="CK2988" s="53"/>
      <c r="CL2988" s="53"/>
      <c r="CM2988" s="53"/>
      <c r="CN2988" s="53"/>
    </row>
    <row r="2989" spans="1:92">
      <c r="A2989" s="52" t="s">
        <v>1745</v>
      </c>
      <c r="B2989" s="53"/>
      <c r="C2989" s="53"/>
      <c r="D2989" s="53"/>
      <c r="E2989" s="53"/>
      <c r="F2989" s="53"/>
      <c r="G2989" s="53"/>
      <c r="H2989" s="53"/>
      <c r="I2989" s="53"/>
      <c r="J2989" s="53"/>
      <c r="K2989" s="53"/>
      <c r="L2989" s="53"/>
      <c r="M2989" s="53"/>
      <c r="N2989" s="53"/>
      <c r="O2989" s="53"/>
      <c r="P2989" s="53"/>
      <c r="Q2989" s="53"/>
      <c r="R2989" s="53"/>
      <c r="S2989" s="53"/>
      <c r="T2989" s="53"/>
      <c r="U2989" s="53"/>
      <c r="V2989" s="53"/>
      <c r="W2989" s="53"/>
      <c r="X2989" s="53"/>
      <c r="Y2989" s="53"/>
      <c r="Z2989" s="53"/>
      <c r="AA2989" s="53"/>
      <c r="AB2989" s="53"/>
      <c r="AC2989" s="53"/>
      <c r="AD2989" s="53"/>
      <c r="AE2989" s="53"/>
      <c r="AF2989" s="53"/>
      <c r="AG2989" s="53"/>
      <c r="AH2989" s="53"/>
      <c r="AI2989" s="53"/>
      <c r="AJ2989" s="53"/>
      <c r="AK2989" s="53"/>
      <c r="AL2989" s="53"/>
      <c r="AM2989" s="53"/>
      <c r="AN2989" s="53"/>
      <c r="AO2989" s="53"/>
      <c r="AP2989" s="53"/>
      <c r="AQ2989" s="53"/>
      <c r="AR2989" s="53"/>
      <c r="AS2989" s="53"/>
      <c r="AT2989" s="53"/>
      <c r="AU2989" s="53"/>
      <c r="AV2989" s="53"/>
      <c r="AW2989" s="53"/>
      <c r="AX2989" s="53"/>
      <c r="AY2989" s="53"/>
      <c r="AZ2989" s="53"/>
      <c r="BA2989" s="53"/>
      <c r="BB2989" s="53"/>
      <c r="BC2989" s="53"/>
      <c r="BD2989" s="53"/>
      <c r="BE2989" s="53"/>
      <c r="BF2989" s="53"/>
      <c r="BG2989" s="53"/>
      <c r="BH2989" s="53"/>
      <c r="BI2989" s="53"/>
      <c r="BJ2989" s="53"/>
      <c r="BK2989" s="53"/>
      <c r="BL2989" s="53"/>
      <c r="BM2989" s="53"/>
      <c r="BN2989" s="53"/>
      <c r="BO2989" s="53"/>
      <c r="BP2989" s="53"/>
      <c r="BQ2989" s="53"/>
      <c r="BR2989" s="53"/>
      <c r="BS2989" s="53"/>
      <c r="BT2989" s="53"/>
      <c r="BU2989" s="53"/>
      <c r="BV2989" s="53"/>
      <c r="BW2989" s="53"/>
      <c r="BX2989" s="53"/>
      <c r="BY2989" s="53"/>
      <c r="BZ2989" s="53"/>
      <c r="CA2989" s="53"/>
      <c r="CB2989" s="53">
        <v>3130034.8199999402</v>
      </c>
      <c r="CC2989" s="53">
        <v>-6262631.8800000502</v>
      </c>
      <c r="CD2989" s="53">
        <v>-15655298.58</v>
      </c>
      <c r="CE2989" s="53">
        <v>-25047965.280000001</v>
      </c>
      <c r="CF2989" s="53">
        <v>-34440631.979999997</v>
      </c>
      <c r="CG2989" s="53">
        <v>-43833298.68</v>
      </c>
      <c r="CH2989" s="53">
        <v>-53225965.380000003</v>
      </c>
      <c r="CI2989" s="53">
        <v>-62618632.079999998</v>
      </c>
      <c r="CJ2989" s="53">
        <v>-72011298.780000001</v>
      </c>
      <c r="CK2989" s="53">
        <v>-81403965.480000004</v>
      </c>
      <c r="CL2989" s="53">
        <v>-90796632.180000007</v>
      </c>
      <c r="CM2989" s="53">
        <v>-100189298.88</v>
      </c>
      <c r="CN2989" s="53">
        <v>3130034.8199999402</v>
      </c>
    </row>
    <row r="2990" spans="1:92">
      <c r="A2990" s="52" t="s">
        <v>649</v>
      </c>
      <c r="B2990" s="53">
        <v>1607279.9022625501</v>
      </c>
      <c r="C2990" s="53">
        <v>947367.46471703204</v>
      </c>
      <c r="D2990" s="53">
        <v>62244.674444013297</v>
      </c>
      <c r="E2990" s="53">
        <v>1367862.8849338701</v>
      </c>
      <c r="F2990" s="53">
        <v>1814936.9358478901</v>
      </c>
      <c r="G2990" s="53">
        <v>2315209.5416284399</v>
      </c>
      <c r="H2990" s="53">
        <v>3939069.8250238299</v>
      </c>
      <c r="I2990" s="53">
        <v>2525453.9673200501</v>
      </c>
      <c r="J2990" s="53">
        <v>1681101</v>
      </c>
      <c r="K2990" s="53">
        <v>-1442663</v>
      </c>
      <c r="L2990" s="53">
        <v>-4685727</v>
      </c>
      <c r="M2990" s="53">
        <v>5132363</v>
      </c>
      <c r="N2990" s="53">
        <v>15264499.1961776</v>
      </c>
      <c r="O2990" s="53">
        <v>6447709.2958372198</v>
      </c>
      <c r="P2990" s="53">
        <v>1283541.35105342</v>
      </c>
      <c r="Q2990" s="53">
        <v>851709.75973909802</v>
      </c>
      <c r="R2990" s="53">
        <v>1998190.59785255</v>
      </c>
      <c r="S2990" s="53">
        <v>2615833.03445302</v>
      </c>
      <c r="T2990" s="53">
        <v>3893309.2046806598</v>
      </c>
      <c r="U2990" s="53">
        <v>4212249.7732825298</v>
      </c>
      <c r="V2990" s="53">
        <v>6339193.1100284001</v>
      </c>
      <c r="W2990" s="53">
        <v>2497207.9976707599</v>
      </c>
      <c r="X2990" s="53">
        <v>567291.14789328002</v>
      </c>
      <c r="Y2990" s="53">
        <v>-2651864.99109563</v>
      </c>
      <c r="Z2990" s="53">
        <v>-402450.02931660699</v>
      </c>
      <c r="AA2990" s="53">
        <v>27651920.252078701</v>
      </c>
      <c r="AB2990" s="53">
        <v>3799663.9101633001</v>
      </c>
      <c r="AC2990" s="53">
        <v>-863304.80295442406</v>
      </c>
      <c r="AD2990" s="53">
        <v>-710339.00407149305</v>
      </c>
      <c r="AE2990" s="53">
        <v>-402364.66049979499</v>
      </c>
      <c r="AF2990" s="53">
        <v>286569.10679464397</v>
      </c>
      <c r="AG2990" s="53">
        <v>1693897.8697462201</v>
      </c>
      <c r="AH2990" s="53">
        <v>1138464.67496833</v>
      </c>
      <c r="AI2990" s="53">
        <v>5158648.9326208802</v>
      </c>
      <c r="AJ2990" s="53">
        <v>282978.16239803197</v>
      </c>
      <c r="AK2990" s="53">
        <v>-2697516.11406093</v>
      </c>
      <c r="AL2990" s="53">
        <v>-4503410.6800672002</v>
      </c>
      <c r="AM2990" s="53">
        <v>-3183258.0515600899</v>
      </c>
      <c r="AN2990" s="53">
        <v>29.343477466682</v>
      </c>
      <c r="AO2990" s="53">
        <v>5913109.3641590197</v>
      </c>
      <c r="AP2990" s="53">
        <v>-4011193.1215371401</v>
      </c>
      <c r="AQ2990" s="53">
        <v>-2953319.3685087599</v>
      </c>
      <c r="AR2990" s="53">
        <v>-1705918.23876927</v>
      </c>
      <c r="AS2990" s="53">
        <v>1855598.0788416399</v>
      </c>
      <c r="AT2990" s="53">
        <v>3004862.61351076</v>
      </c>
      <c r="AU2990" s="53">
        <v>3905699.4260472101</v>
      </c>
      <c r="AV2990" s="53">
        <v>9619368.2623763308</v>
      </c>
      <c r="AW2990" s="53">
        <v>1286613.3346935101</v>
      </c>
      <c r="AX2990" s="53">
        <v>-2812762.0002831202</v>
      </c>
      <c r="AY2990" s="53">
        <v>-7387293.7243298199</v>
      </c>
      <c r="AZ2990" s="53">
        <v>-6714764.6262003798</v>
      </c>
      <c r="BA2990" s="53">
        <v>-3.6379788070917103E-8</v>
      </c>
      <c r="BB2990" s="53">
        <v>6809499.4464822598</v>
      </c>
      <c r="BC2990" s="53">
        <v>-6144447.7744046804</v>
      </c>
      <c r="BD2990" s="53">
        <v>-4712397.9186732601</v>
      </c>
      <c r="BE2990" s="53">
        <v>-2876115.8678267198</v>
      </c>
      <c r="BF2990" s="53">
        <v>2043532.1996126899</v>
      </c>
      <c r="BG2990" s="53">
        <v>3910862.0951166302</v>
      </c>
      <c r="BH2990" s="53">
        <v>5265869.38696816</v>
      </c>
      <c r="BI2990" s="53">
        <v>13006128.0788262</v>
      </c>
      <c r="BJ2990" s="53">
        <v>2112726.5611808202</v>
      </c>
      <c r="BK2990" s="53">
        <v>-2780207.12228075</v>
      </c>
      <c r="BL2990" s="53">
        <v>-8868438.5023748707</v>
      </c>
      <c r="BM2990" s="53">
        <v>-7767010.5826264899</v>
      </c>
      <c r="BN2990" s="53">
        <v>3.6379788070917103E-8</v>
      </c>
      <c r="BO2990" s="53">
        <v>7406617.7010302301</v>
      </c>
      <c r="BP2990" s="53">
        <v>-7797925.9351495299</v>
      </c>
      <c r="BQ2990" s="53">
        <v>-6097970.3739963397</v>
      </c>
      <c r="BR2990" s="53">
        <v>-3838262.1254724101</v>
      </c>
      <c r="BS2990" s="53">
        <v>2190394.9316162802</v>
      </c>
      <c r="BT2990" s="53">
        <v>4612730.0475481302</v>
      </c>
      <c r="BU2990" s="53">
        <v>6340866.2895516902</v>
      </c>
      <c r="BV2990" s="53">
        <v>15575185.705872901</v>
      </c>
      <c r="BW2990" s="53">
        <v>2861121.7589901998</v>
      </c>
      <c r="BX2990" s="53">
        <v>-2838761.5981155802</v>
      </c>
      <c r="BY2990" s="53">
        <v>-9925227.9520444497</v>
      </c>
      <c r="BZ2990" s="53">
        <v>-8488768.4498310406</v>
      </c>
      <c r="CA2990" s="53">
        <v>1.4551915228366799E-7</v>
      </c>
      <c r="CB2990" s="53"/>
      <c r="CC2990" s="53"/>
      <c r="CD2990" s="53"/>
      <c r="CE2990" s="53"/>
      <c r="CF2990" s="53"/>
      <c r="CG2990" s="53"/>
      <c r="CH2990" s="53"/>
      <c r="CI2990" s="53"/>
      <c r="CJ2990" s="53"/>
      <c r="CK2990" s="53"/>
      <c r="CL2990" s="53"/>
      <c r="CM2990" s="53"/>
      <c r="CN2990" s="53"/>
    </row>
    <row r="2991" spans="1:92" outlineLevel="1">
      <c r="A2991" s="52" t="s">
        <v>1746</v>
      </c>
      <c r="B2991" s="53"/>
      <c r="C2991" s="53"/>
      <c r="D2991" s="53"/>
      <c r="E2991" s="53"/>
      <c r="F2991" s="53"/>
      <c r="G2991" s="53"/>
      <c r="H2991" s="53"/>
      <c r="I2991" s="53"/>
      <c r="J2991" s="53"/>
      <c r="K2991" s="53"/>
      <c r="L2991" s="53"/>
      <c r="M2991" s="53"/>
      <c r="N2991" s="53"/>
      <c r="O2991" s="53"/>
      <c r="P2991" s="53"/>
      <c r="Q2991" s="53"/>
      <c r="R2991" s="53"/>
      <c r="S2991" s="53"/>
      <c r="T2991" s="53"/>
      <c r="U2991" s="53"/>
      <c r="V2991" s="53"/>
      <c r="W2991" s="53"/>
      <c r="X2991" s="53"/>
      <c r="Y2991" s="53"/>
      <c r="Z2991" s="53"/>
      <c r="AA2991" s="53"/>
      <c r="AB2991" s="53"/>
      <c r="AC2991" s="53"/>
      <c r="AD2991" s="53"/>
      <c r="AE2991" s="53"/>
      <c r="AF2991" s="53"/>
      <c r="AG2991" s="53"/>
      <c r="AH2991" s="53"/>
      <c r="AI2991" s="53"/>
      <c r="AJ2991" s="53"/>
      <c r="AK2991" s="53"/>
      <c r="AL2991" s="53"/>
      <c r="AM2991" s="53"/>
      <c r="AN2991" s="53"/>
      <c r="AO2991" s="53"/>
      <c r="AP2991" s="53"/>
      <c r="AQ2991" s="53"/>
      <c r="AR2991" s="53"/>
      <c r="AS2991" s="53"/>
      <c r="AT2991" s="53"/>
      <c r="AU2991" s="53"/>
      <c r="AV2991" s="53"/>
      <c r="AW2991" s="53"/>
      <c r="AX2991" s="53"/>
      <c r="AY2991" s="53"/>
      <c r="AZ2991" s="53"/>
      <c r="BA2991" s="53"/>
      <c r="BB2991" s="53"/>
      <c r="BC2991" s="53"/>
      <c r="BD2991" s="53"/>
      <c r="BE2991" s="53"/>
      <c r="BF2991" s="53"/>
      <c r="BG2991" s="53"/>
      <c r="BH2991" s="53"/>
      <c r="BI2991" s="53"/>
      <c r="BJ2991" s="53"/>
      <c r="BK2991" s="53"/>
      <c r="BL2991" s="53"/>
      <c r="BM2991" s="53"/>
      <c r="BN2991" s="53"/>
      <c r="BO2991" s="53"/>
      <c r="BP2991" s="53"/>
      <c r="BQ2991" s="53"/>
      <c r="BR2991" s="53"/>
      <c r="BS2991" s="53"/>
      <c r="BT2991" s="53"/>
      <c r="BU2991" s="53"/>
      <c r="BV2991" s="53"/>
      <c r="BW2991" s="53"/>
      <c r="BX2991" s="53"/>
      <c r="BY2991" s="53"/>
      <c r="BZ2991" s="53"/>
      <c r="CA2991" s="53"/>
      <c r="CB2991" s="53"/>
      <c r="CC2991" s="53"/>
      <c r="CD2991" s="53"/>
      <c r="CE2991" s="53"/>
      <c r="CF2991" s="53"/>
      <c r="CG2991" s="53"/>
      <c r="CH2991" s="53"/>
      <c r="CI2991" s="53"/>
      <c r="CJ2991" s="53"/>
      <c r="CK2991" s="53"/>
      <c r="CL2991" s="53"/>
      <c r="CM2991" s="53"/>
      <c r="CN2991" s="53"/>
    </row>
    <row r="2992" spans="1:92" outlineLevel="1">
      <c r="A2992" s="52" t="s">
        <v>649</v>
      </c>
      <c r="B2992" s="53"/>
      <c r="C2992" s="53"/>
      <c r="D2992" s="53"/>
      <c r="E2992" s="53"/>
      <c r="F2992" s="53"/>
      <c r="G2992" s="53"/>
      <c r="H2992" s="53"/>
      <c r="I2992" s="53"/>
      <c r="J2992" s="53"/>
      <c r="K2992" s="53"/>
      <c r="L2992" s="53"/>
      <c r="M2992" s="53"/>
      <c r="N2992" s="53"/>
      <c r="O2992" s="53">
        <v>-634712.02976482699</v>
      </c>
      <c r="P2992" s="53">
        <v>-634712.02976482699</v>
      </c>
      <c r="Q2992" s="53">
        <v>-634712.02976482699</v>
      </c>
      <c r="R2992" s="53">
        <v>-634712.02976482699</v>
      </c>
      <c r="S2992" s="53">
        <v>-634712.02976482699</v>
      </c>
      <c r="T2992" s="53">
        <v>-634712.02976482699</v>
      </c>
      <c r="U2992" s="53">
        <v>-634712.02976482699</v>
      </c>
      <c r="V2992" s="53">
        <v>-634712.02976482699</v>
      </c>
      <c r="W2992" s="53">
        <v>-634712.02976482699</v>
      </c>
      <c r="X2992" s="53">
        <v>-634712.02976482699</v>
      </c>
      <c r="Y2992" s="53">
        <v>-634712.02976482699</v>
      </c>
      <c r="Z2992" s="53">
        <v>-634712.02976482699</v>
      </c>
      <c r="AA2992" s="53">
        <v>-7616544.3571779197</v>
      </c>
      <c r="AB2992" s="53">
        <v>-3230102.1402793699</v>
      </c>
      <c r="AC2992" s="53">
        <v>-3230102.1402793699</v>
      </c>
      <c r="AD2992" s="53">
        <v>-3230102.1402793699</v>
      </c>
      <c r="AE2992" s="53">
        <v>-3230102.1402793699</v>
      </c>
      <c r="AF2992" s="53">
        <v>-3230102.1402793699</v>
      </c>
      <c r="AG2992" s="53">
        <v>-3230102.1402793699</v>
      </c>
      <c r="AH2992" s="53">
        <v>-3230102.1402793699</v>
      </c>
      <c r="AI2992" s="53">
        <v>-3230102.1402793699</v>
      </c>
      <c r="AJ2992" s="53">
        <v>-3230102.1402793699</v>
      </c>
      <c r="AK2992" s="53">
        <v>-3230102.1402793699</v>
      </c>
      <c r="AL2992" s="53">
        <v>-3230102.1402793699</v>
      </c>
      <c r="AM2992" s="53">
        <v>-3230102.1402793699</v>
      </c>
      <c r="AN2992" s="53">
        <v>-38761225.683352403</v>
      </c>
      <c r="AO2992" s="53"/>
      <c r="AP2992" s="53"/>
      <c r="AQ2992" s="53"/>
      <c r="AR2992" s="53"/>
      <c r="AS2992" s="53"/>
      <c r="AT2992" s="53"/>
      <c r="AU2992" s="53"/>
      <c r="AV2992" s="53"/>
      <c r="AW2992" s="53"/>
      <c r="AX2992" s="53"/>
      <c r="AY2992" s="53"/>
      <c r="AZ2992" s="53"/>
      <c r="BA2992" s="53"/>
      <c r="BB2992" s="53"/>
      <c r="BC2992" s="53"/>
      <c r="BD2992" s="53"/>
      <c r="BE2992" s="53"/>
      <c r="BF2992" s="53"/>
      <c r="BG2992" s="53"/>
      <c r="BH2992" s="53"/>
      <c r="BI2992" s="53"/>
      <c r="BJ2992" s="53"/>
      <c r="BK2992" s="53"/>
      <c r="BL2992" s="53"/>
      <c r="BM2992" s="53"/>
      <c r="BN2992" s="53"/>
      <c r="BO2992" s="53"/>
      <c r="BP2992" s="53"/>
      <c r="BQ2992" s="53"/>
      <c r="BR2992" s="53"/>
      <c r="BS2992" s="53"/>
      <c r="BT2992" s="53"/>
      <c r="BU2992" s="53"/>
      <c r="BV2992" s="53"/>
      <c r="BW2992" s="53"/>
      <c r="BX2992" s="53"/>
      <c r="BY2992" s="53"/>
      <c r="BZ2992" s="53"/>
      <c r="CA2992" s="53"/>
      <c r="CB2992" s="53"/>
      <c r="CC2992" s="53"/>
      <c r="CD2992" s="53"/>
      <c r="CE2992" s="53"/>
      <c r="CF2992" s="53"/>
      <c r="CG2992" s="53"/>
      <c r="CH2992" s="53"/>
      <c r="CI2992" s="53"/>
      <c r="CJ2992" s="53"/>
      <c r="CK2992" s="53"/>
      <c r="CL2992" s="53"/>
      <c r="CM2992" s="53"/>
      <c r="CN2992" s="53"/>
    </row>
    <row r="2993" spans="1:92" outlineLevel="1">
      <c r="A2993" s="52" t="s">
        <v>1747</v>
      </c>
      <c r="B2993" s="53">
        <v>43946439.090000004</v>
      </c>
      <c r="C2993" s="53">
        <v>63536376.439999998</v>
      </c>
      <c r="D2993" s="53">
        <v>49085719.989999898</v>
      </c>
      <c r="E2993" s="53">
        <v>45868760.579999998</v>
      </c>
      <c r="F2993" s="53">
        <v>49263233.75</v>
      </c>
      <c r="G2993" s="53">
        <v>49562586.529999897</v>
      </c>
      <c r="H2993" s="53">
        <v>49564456.919999897</v>
      </c>
      <c r="I2993" s="53">
        <v>77411196.060000002</v>
      </c>
      <c r="J2993" s="53">
        <v>99668462.310000002</v>
      </c>
      <c r="K2993" s="53">
        <v>80828233.840000004</v>
      </c>
      <c r="L2993" s="53">
        <v>68263355.890000001</v>
      </c>
      <c r="M2993" s="53">
        <v>70614173.870000005</v>
      </c>
      <c r="N2993" s="53">
        <v>70614173.870000005</v>
      </c>
      <c r="O2993" s="53">
        <v>86132261.030620798</v>
      </c>
      <c r="P2993" s="53">
        <v>75872186.955830395</v>
      </c>
      <c r="Q2993" s="53">
        <v>37920349.918906003</v>
      </c>
      <c r="R2993" s="53">
        <v>36909328.475619897</v>
      </c>
      <c r="S2993" s="53">
        <v>43409098.874202497</v>
      </c>
      <c r="T2993" s="53">
        <v>17689455.733647201</v>
      </c>
      <c r="U2993" s="53">
        <v>26009477.583540902</v>
      </c>
      <c r="V2993" s="53">
        <v>49950970.883099899</v>
      </c>
      <c r="W2993" s="53">
        <v>26263422.388302099</v>
      </c>
      <c r="X2993" s="53">
        <v>26700273.7253103</v>
      </c>
      <c r="Y2993" s="53">
        <v>14480337.6654929</v>
      </c>
      <c r="Z2993" s="53">
        <v>-25331189.627562601</v>
      </c>
      <c r="AA2993" s="53">
        <v>-25331189.627562601</v>
      </c>
      <c r="AB2993" s="53">
        <v>-21989050.3297645</v>
      </c>
      <c r="AC2993" s="53">
        <v>-39401763.519700699</v>
      </c>
      <c r="AD2993" s="53">
        <v>-65842188.452733599</v>
      </c>
      <c r="AE2993" s="53">
        <v>-76612545.38899</v>
      </c>
      <c r="AF2993" s="53">
        <v>-79263403.940058693</v>
      </c>
      <c r="AG2993" s="53">
        <v>-93171375.752462298</v>
      </c>
      <c r="AH2993" s="53">
        <v>-93707408.606079206</v>
      </c>
      <c r="AI2993" s="53">
        <v>-79395254.320657998</v>
      </c>
      <c r="AJ2993" s="53">
        <v>-83606810.858101502</v>
      </c>
      <c r="AK2993" s="53">
        <v>-83427246.683134302</v>
      </c>
      <c r="AL2993" s="53">
        <v>-93084802.544969603</v>
      </c>
      <c r="AM2993" s="53">
        <v>-111767549.44497301</v>
      </c>
      <c r="AN2993" s="53">
        <v>-111767549.44497301</v>
      </c>
      <c r="AO2993" s="53">
        <v>-101633569.63474301</v>
      </c>
      <c r="AP2993" s="53">
        <v>-111411815.39382</v>
      </c>
      <c r="AQ2993" s="53">
        <v>-117839658.37775099</v>
      </c>
      <c r="AR2993" s="53">
        <v>-121286931.530515</v>
      </c>
      <c r="AS2993" s="53">
        <v>-117751801.05727801</v>
      </c>
      <c r="AT2993" s="53">
        <v>-114270625.819985</v>
      </c>
      <c r="AU2993" s="53">
        <v>-108512112.36087599</v>
      </c>
      <c r="AV2993" s="53">
        <v>-90597396.404177293</v>
      </c>
      <c r="AW2993" s="53">
        <v>-86422213.6858401</v>
      </c>
      <c r="AX2993" s="53">
        <v>-89229045.837522</v>
      </c>
      <c r="AY2993" s="53">
        <v>-100993205.696633</v>
      </c>
      <c r="AZ2993" s="53">
        <v>-111767549.44497401</v>
      </c>
      <c r="BA2993" s="53">
        <v>-111767549.44497401</v>
      </c>
      <c r="BB2993" s="53">
        <v>-101982492.841508</v>
      </c>
      <c r="BC2993" s="53">
        <v>-111899237.16093101</v>
      </c>
      <c r="BD2993" s="53">
        <v>-118652890.411534</v>
      </c>
      <c r="BE2993" s="53">
        <v>-122397613.402495</v>
      </c>
      <c r="BF2993" s="53">
        <v>-119119061.151739</v>
      </c>
      <c r="BG2993" s="53">
        <v>-115603146.96321</v>
      </c>
      <c r="BH2993" s="53">
        <v>-109798422.971365</v>
      </c>
      <c r="BI2993" s="53">
        <v>-91872871.425323904</v>
      </c>
      <c r="BJ2993" s="53">
        <v>-87590075.647577703</v>
      </c>
      <c r="BK2993" s="53">
        <v>-89908240.414777502</v>
      </c>
      <c r="BL2993" s="53">
        <v>-101389158.00230201</v>
      </c>
      <c r="BM2993" s="53">
        <v>-111767618.889872</v>
      </c>
      <c r="BN2993" s="53">
        <v>-111767618.889872</v>
      </c>
      <c r="BO2993" s="53">
        <v>-103811783.52533901</v>
      </c>
      <c r="BP2993" s="53">
        <v>-117127516.574251</v>
      </c>
      <c r="BQ2993" s="53">
        <v>-127123035.890632</v>
      </c>
      <c r="BR2993" s="53">
        <v>-133808914.788093</v>
      </c>
      <c r="BS2993" s="53">
        <v>-132606902.27747101</v>
      </c>
      <c r="BT2993" s="53">
        <v>-125225062.999198</v>
      </c>
      <c r="BU2993" s="53">
        <v>-115280270.247365</v>
      </c>
      <c r="BV2993" s="53">
        <v>-92193721.826470107</v>
      </c>
      <c r="BW2993" s="53">
        <v>-86823703.731758103</v>
      </c>
      <c r="BX2993" s="53">
        <v>-89317118.692465007</v>
      </c>
      <c r="BY2993" s="53">
        <v>-101628577.72702</v>
      </c>
      <c r="BZ2993" s="53">
        <v>-111767412.152916</v>
      </c>
      <c r="CA2993" s="53">
        <v>-111767412.152916</v>
      </c>
      <c r="CB2993" s="53">
        <v>-9392666.6999999993</v>
      </c>
      <c r="CC2993" s="53">
        <v>-9392666.6999999993</v>
      </c>
      <c r="CD2993" s="53">
        <v>-9392666.6999999993</v>
      </c>
      <c r="CE2993" s="53">
        <v>-9392666.6999999993</v>
      </c>
      <c r="CF2993" s="53">
        <v>-9392666.6999999993</v>
      </c>
      <c r="CG2993" s="53">
        <v>-9392666.6999999993</v>
      </c>
      <c r="CH2993" s="53">
        <v>-9392666.6999999993</v>
      </c>
      <c r="CI2993" s="53">
        <v>-9392666.6999999993</v>
      </c>
      <c r="CJ2993" s="53">
        <v>-9392666.6999999993</v>
      </c>
      <c r="CK2993" s="53">
        <v>-9392666.6999999993</v>
      </c>
      <c r="CL2993" s="53">
        <v>-9392666.6999999993</v>
      </c>
      <c r="CM2993" s="53">
        <v>-9392666.6999999993</v>
      </c>
      <c r="CN2993" s="53">
        <v>-112712000.40000001</v>
      </c>
    </row>
    <row r="2994" spans="1:92" outlineLevel="1">
      <c r="A2994" s="52" t="s">
        <v>1748</v>
      </c>
      <c r="B2994" s="53">
        <v>0</v>
      </c>
      <c r="C2994" s="53">
        <v>0</v>
      </c>
      <c r="D2994" s="53">
        <v>0</v>
      </c>
      <c r="E2994" s="53">
        <v>0</v>
      </c>
      <c r="F2994" s="53">
        <v>0</v>
      </c>
      <c r="G2994" s="53">
        <v>0</v>
      </c>
      <c r="H2994" s="53">
        <v>0</v>
      </c>
      <c r="I2994" s="53">
        <v>0</v>
      </c>
      <c r="J2994" s="53">
        <v>0</v>
      </c>
      <c r="K2994" s="53">
        <v>0</v>
      </c>
      <c r="L2994" s="53">
        <v>0</v>
      </c>
      <c r="M2994" s="53">
        <v>0</v>
      </c>
      <c r="N2994" s="53">
        <v>0</v>
      </c>
      <c r="O2994" s="53">
        <v>0</v>
      </c>
      <c r="P2994" s="53">
        <v>0</v>
      </c>
      <c r="Q2994" s="53">
        <v>0</v>
      </c>
      <c r="R2994" s="53">
        <v>0</v>
      </c>
      <c r="S2994" s="53">
        <v>0</v>
      </c>
      <c r="T2994" s="53">
        <v>0</v>
      </c>
      <c r="U2994" s="53">
        <v>0</v>
      </c>
      <c r="V2994" s="53">
        <v>0</v>
      </c>
      <c r="W2994" s="53">
        <v>0</v>
      </c>
      <c r="X2994" s="53">
        <v>0</v>
      </c>
      <c r="Y2994" s="53">
        <v>0</v>
      </c>
      <c r="Z2994" s="53">
        <v>0</v>
      </c>
      <c r="AA2994" s="53">
        <v>0</v>
      </c>
      <c r="AB2994" s="53">
        <v>0</v>
      </c>
      <c r="AC2994" s="53">
        <v>0</v>
      </c>
      <c r="AD2994" s="53">
        <v>0</v>
      </c>
      <c r="AE2994" s="53">
        <v>0</v>
      </c>
      <c r="AF2994" s="53">
        <v>0</v>
      </c>
      <c r="AG2994" s="53">
        <v>0</v>
      </c>
      <c r="AH2994" s="53">
        <v>0</v>
      </c>
      <c r="AI2994" s="53">
        <v>0</v>
      </c>
      <c r="AJ2994" s="53">
        <v>0</v>
      </c>
      <c r="AK2994" s="53">
        <v>0</v>
      </c>
      <c r="AL2994" s="53">
        <v>0</v>
      </c>
      <c r="AM2994" s="53">
        <v>0</v>
      </c>
      <c r="AN2994" s="53">
        <v>0</v>
      </c>
      <c r="AO2994" s="53">
        <v>0</v>
      </c>
      <c r="AP2994" s="53">
        <v>0</v>
      </c>
      <c r="AQ2994" s="53">
        <v>0</v>
      </c>
      <c r="AR2994" s="53">
        <v>0</v>
      </c>
      <c r="AS2994" s="53">
        <v>0</v>
      </c>
      <c r="AT2994" s="53">
        <v>0</v>
      </c>
      <c r="AU2994" s="53">
        <v>0</v>
      </c>
      <c r="AV2994" s="53">
        <v>0</v>
      </c>
      <c r="AW2994" s="53">
        <v>0</v>
      </c>
      <c r="AX2994" s="53">
        <v>0</v>
      </c>
      <c r="AY2994" s="53">
        <v>0</v>
      </c>
      <c r="AZ2994" s="53">
        <v>0</v>
      </c>
      <c r="BA2994" s="53">
        <v>0</v>
      </c>
      <c r="BB2994" s="53">
        <v>0</v>
      </c>
      <c r="BC2994" s="53">
        <v>0</v>
      </c>
      <c r="BD2994" s="53">
        <v>0</v>
      </c>
      <c r="BE2994" s="53">
        <v>0</v>
      </c>
      <c r="BF2994" s="53">
        <v>0</v>
      </c>
      <c r="BG2994" s="53">
        <v>0</v>
      </c>
      <c r="BH2994" s="53">
        <v>0</v>
      </c>
      <c r="BI2994" s="53">
        <v>0</v>
      </c>
      <c r="BJ2994" s="53">
        <v>0</v>
      </c>
      <c r="BK2994" s="53">
        <v>0</v>
      </c>
      <c r="BL2994" s="53">
        <v>0</v>
      </c>
      <c r="BM2994" s="53">
        <v>0</v>
      </c>
      <c r="BN2994" s="53">
        <v>0</v>
      </c>
      <c r="BO2994" s="53">
        <v>0</v>
      </c>
      <c r="BP2994" s="53">
        <v>0</v>
      </c>
      <c r="BQ2994" s="53">
        <v>0</v>
      </c>
      <c r="BR2994" s="53">
        <v>0</v>
      </c>
      <c r="BS2994" s="53">
        <v>0</v>
      </c>
      <c r="BT2994" s="53">
        <v>0</v>
      </c>
      <c r="BU2994" s="53">
        <v>0</v>
      </c>
      <c r="BV2994" s="53">
        <v>0</v>
      </c>
      <c r="BW2994" s="53">
        <v>0</v>
      </c>
      <c r="BX2994" s="53">
        <v>0</v>
      </c>
      <c r="BY2994" s="53">
        <v>0</v>
      </c>
      <c r="BZ2994" s="53">
        <v>0</v>
      </c>
      <c r="CA2994" s="53">
        <v>0</v>
      </c>
      <c r="CB2994" s="53">
        <v>-6262631.8800000502</v>
      </c>
      <c r="CC2994" s="53">
        <v>-15655298.58</v>
      </c>
      <c r="CD2994" s="53">
        <v>-25047965.280000001</v>
      </c>
      <c r="CE2994" s="53">
        <v>-34440631.979999997</v>
      </c>
      <c r="CF2994" s="53">
        <v>-43833298.68</v>
      </c>
      <c r="CG2994" s="53">
        <v>-53225965.380000003</v>
      </c>
      <c r="CH2994" s="53">
        <v>-62618632.079999998</v>
      </c>
      <c r="CI2994" s="53">
        <v>-72011298.780000001</v>
      </c>
      <c r="CJ2994" s="53">
        <v>-81403965.480000004</v>
      </c>
      <c r="CK2994" s="53">
        <v>-90796632.180000007</v>
      </c>
      <c r="CL2994" s="53">
        <v>-100189298.88</v>
      </c>
      <c r="CM2994" s="53">
        <v>-109581965.58</v>
      </c>
      <c r="CN2994" s="53">
        <v>-109581965.58</v>
      </c>
    </row>
    <row r="2995" spans="1:92" outlineLevel="1">
      <c r="A2995" s="52" t="s">
        <v>1749</v>
      </c>
      <c r="B2995" s="53">
        <v>0</v>
      </c>
      <c r="C2995" s="53">
        <v>0</v>
      </c>
      <c r="D2995" s="53">
        <v>0</v>
      </c>
      <c r="E2995" s="53">
        <v>0</v>
      </c>
      <c r="F2995" s="53">
        <v>0</v>
      </c>
      <c r="G2995" s="53">
        <v>0</v>
      </c>
      <c r="H2995" s="53">
        <v>0</v>
      </c>
      <c r="I2995" s="53">
        <v>0</v>
      </c>
      <c r="J2995" s="53">
        <v>0</v>
      </c>
      <c r="K2995" s="53">
        <v>0</v>
      </c>
      <c r="L2995" s="53">
        <v>0</v>
      </c>
      <c r="M2995" s="53">
        <v>0</v>
      </c>
      <c r="N2995" s="53">
        <v>0</v>
      </c>
      <c r="O2995" s="53">
        <v>0</v>
      </c>
      <c r="P2995" s="53">
        <v>0</v>
      </c>
      <c r="Q2995" s="53">
        <v>0</v>
      </c>
      <c r="R2995" s="53">
        <v>0</v>
      </c>
      <c r="S2995" s="53">
        <v>0</v>
      </c>
      <c r="T2995" s="53">
        <v>0</v>
      </c>
      <c r="U2995" s="53">
        <v>0</v>
      </c>
      <c r="V2995" s="53">
        <v>0</v>
      </c>
      <c r="W2995" s="53">
        <v>0</v>
      </c>
      <c r="X2995" s="53">
        <v>0</v>
      </c>
      <c r="Y2995" s="53">
        <v>0</v>
      </c>
      <c r="Z2995" s="53">
        <v>0</v>
      </c>
      <c r="AA2995" s="53">
        <v>0</v>
      </c>
      <c r="AB2995" s="53">
        <v>0</v>
      </c>
      <c r="AC2995" s="53">
        <v>0</v>
      </c>
      <c r="AD2995" s="53">
        <v>0</v>
      </c>
      <c r="AE2995" s="53">
        <v>0</v>
      </c>
      <c r="AF2995" s="53">
        <v>0</v>
      </c>
      <c r="AG2995" s="53">
        <v>0</v>
      </c>
      <c r="AH2995" s="53">
        <v>0</v>
      </c>
      <c r="AI2995" s="53">
        <v>0</v>
      </c>
      <c r="AJ2995" s="53">
        <v>0</v>
      </c>
      <c r="AK2995" s="53">
        <v>0</v>
      </c>
      <c r="AL2995" s="53">
        <v>0</v>
      </c>
      <c r="AM2995" s="53">
        <v>0</v>
      </c>
      <c r="AN2995" s="53">
        <v>0</v>
      </c>
      <c r="AO2995" s="53">
        <v>0</v>
      </c>
      <c r="AP2995" s="53">
        <v>0</v>
      </c>
      <c r="AQ2995" s="53">
        <v>0</v>
      </c>
      <c r="AR2995" s="53">
        <v>0</v>
      </c>
      <c r="AS2995" s="53">
        <v>0</v>
      </c>
      <c r="AT2995" s="53">
        <v>0</v>
      </c>
      <c r="AU2995" s="53">
        <v>0</v>
      </c>
      <c r="AV2995" s="53">
        <v>0</v>
      </c>
      <c r="AW2995" s="53">
        <v>0</v>
      </c>
      <c r="AX2995" s="53">
        <v>0</v>
      </c>
      <c r="AY2995" s="53">
        <v>0</v>
      </c>
      <c r="AZ2995" s="53">
        <v>0</v>
      </c>
      <c r="BA2995" s="53">
        <v>0</v>
      </c>
      <c r="BB2995" s="53">
        <v>0</v>
      </c>
      <c r="BC2995" s="53">
        <v>0</v>
      </c>
      <c r="BD2995" s="53">
        <v>0</v>
      </c>
      <c r="BE2995" s="53">
        <v>0</v>
      </c>
      <c r="BF2995" s="53">
        <v>0</v>
      </c>
      <c r="BG2995" s="53">
        <v>0</v>
      </c>
      <c r="BH2995" s="53">
        <v>0</v>
      </c>
      <c r="BI2995" s="53">
        <v>0</v>
      </c>
      <c r="BJ2995" s="53">
        <v>0</v>
      </c>
      <c r="BK2995" s="53">
        <v>0</v>
      </c>
      <c r="BL2995" s="53">
        <v>0</v>
      </c>
      <c r="BM2995" s="53">
        <v>0</v>
      </c>
      <c r="BN2995" s="53">
        <v>0</v>
      </c>
      <c r="BO2995" s="53">
        <v>0</v>
      </c>
      <c r="BP2995" s="53">
        <v>0</v>
      </c>
      <c r="BQ2995" s="53">
        <v>0</v>
      </c>
      <c r="BR2995" s="53">
        <v>0</v>
      </c>
      <c r="BS2995" s="53">
        <v>0</v>
      </c>
      <c r="BT2995" s="53">
        <v>0</v>
      </c>
      <c r="BU2995" s="53">
        <v>0</v>
      </c>
      <c r="BV2995" s="53">
        <v>0</v>
      </c>
      <c r="BW2995" s="53">
        <v>0</v>
      </c>
      <c r="BX2995" s="53">
        <v>0</v>
      </c>
      <c r="BY2995" s="53">
        <v>0</v>
      </c>
      <c r="BZ2995" s="53">
        <v>0</v>
      </c>
      <c r="CA2995" s="53">
        <v>0</v>
      </c>
      <c r="CB2995" s="53">
        <v>3130034.8199999402</v>
      </c>
      <c r="CC2995" s="53">
        <v>-6262631.8800000502</v>
      </c>
      <c r="CD2995" s="53">
        <v>-15655298.58</v>
      </c>
      <c r="CE2995" s="53">
        <v>-25047965.280000001</v>
      </c>
      <c r="CF2995" s="53">
        <v>-34440631.979999997</v>
      </c>
      <c r="CG2995" s="53">
        <v>-43833298.68</v>
      </c>
      <c r="CH2995" s="53">
        <v>-53225965.380000003</v>
      </c>
      <c r="CI2995" s="53">
        <v>-62618632.079999998</v>
      </c>
      <c r="CJ2995" s="53">
        <v>-72011298.780000001</v>
      </c>
      <c r="CK2995" s="53">
        <v>-81403965.480000004</v>
      </c>
      <c r="CL2995" s="53">
        <v>-90796632.180000007</v>
      </c>
      <c r="CM2995" s="53">
        <v>-100189298.88</v>
      </c>
      <c r="CN2995" s="53">
        <v>3130034.8199999402</v>
      </c>
    </row>
    <row r="2996" spans="1:92" outlineLevel="1">
      <c r="A2996" s="52" t="s">
        <v>1750</v>
      </c>
      <c r="B2996" s="53">
        <v>0</v>
      </c>
      <c r="C2996" s="53">
        <v>0</v>
      </c>
      <c r="D2996" s="53">
        <v>0</v>
      </c>
      <c r="E2996" s="53">
        <v>0</v>
      </c>
      <c r="F2996" s="53">
        <v>0</v>
      </c>
      <c r="G2996" s="53">
        <v>0</v>
      </c>
      <c r="H2996" s="53">
        <v>0</v>
      </c>
      <c r="I2996" s="53">
        <v>0</v>
      </c>
      <c r="J2996" s="53">
        <v>0</v>
      </c>
      <c r="K2996" s="53">
        <v>0</v>
      </c>
      <c r="L2996" s="53">
        <v>0</v>
      </c>
      <c r="M2996" s="53">
        <v>0</v>
      </c>
      <c r="N2996" s="53">
        <v>0</v>
      </c>
      <c r="O2996" s="53">
        <v>0</v>
      </c>
      <c r="P2996" s="53">
        <v>0</v>
      </c>
      <c r="Q2996" s="53">
        <v>0</v>
      </c>
      <c r="R2996" s="53">
        <v>0</v>
      </c>
      <c r="S2996" s="53">
        <v>0</v>
      </c>
      <c r="T2996" s="53">
        <v>0</v>
      </c>
      <c r="U2996" s="53">
        <v>0</v>
      </c>
      <c r="V2996" s="53">
        <v>0</v>
      </c>
      <c r="W2996" s="53">
        <v>0</v>
      </c>
      <c r="X2996" s="53">
        <v>0</v>
      </c>
      <c r="Y2996" s="53">
        <v>0</v>
      </c>
      <c r="Z2996" s="53">
        <v>0</v>
      </c>
      <c r="AA2996" s="53">
        <v>0</v>
      </c>
      <c r="AB2996" s="53">
        <v>0</v>
      </c>
      <c r="AC2996" s="53">
        <v>0</v>
      </c>
      <c r="AD2996" s="53">
        <v>0</v>
      </c>
      <c r="AE2996" s="53">
        <v>0</v>
      </c>
      <c r="AF2996" s="53">
        <v>0</v>
      </c>
      <c r="AG2996" s="53">
        <v>0</v>
      </c>
      <c r="AH2996" s="53">
        <v>0</v>
      </c>
      <c r="AI2996" s="53">
        <v>0</v>
      </c>
      <c r="AJ2996" s="53">
        <v>0</v>
      </c>
      <c r="AK2996" s="53">
        <v>0</v>
      </c>
      <c r="AL2996" s="53">
        <v>0</v>
      </c>
      <c r="AM2996" s="53">
        <v>0</v>
      </c>
      <c r="AN2996" s="53">
        <v>0</v>
      </c>
      <c r="AO2996" s="53">
        <v>0</v>
      </c>
      <c r="AP2996" s="53">
        <v>0</v>
      </c>
      <c r="AQ2996" s="53">
        <v>0</v>
      </c>
      <c r="AR2996" s="53">
        <v>0</v>
      </c>
      <c r="AS2996" s="53">
        <v>0</v>
      </c>
      <c r="AT2996" s="53">
        <v>0</v>
      </c>
      <c r="AU2996" s="53">
        <v>0</v>
      </c>
      <c r="AV2996" s="53">
        <v>0</v>
      </c>
      <c r="AW2996" s="53">
        <v>0</v>
      </c>
      <c r="AX2996" s="53">
        <v>0</v>
      </c>
      <c r="AY2996" s="53">
        <v>0</v>
      </c>
      <c r="AZ2996" s="53">
        <v>0</v>
      </c>
      <c r="BA2996" s="53">
        <v>0</v>
      </c>
      <c r="BB2996" s="53">
        <v>0</v>
      </c>
      <c r="BC2996" s="53">
        <v>0</v>
      </c>
      <c r="BD2996" s="53">
        <v>0</v>
      </c>
      <c r="BE2996" s="53">
        <v>0</v>
      </c>
      <c r="BF2996" s="53">
        <v>0</v>
      </c>
      <c r="BG2996" s="53">
        <v>0</v>
      </c>
      <c r="BH2996" s="53">
        <v>0</v>
      </c>
      <c r="BI2996" s="53">
        <v>0</v>
      </c>
      <c r="BJ2996" s="53">
        <v>0</v>
      </c>
      <c r="BK2996" s="53">
        <v>0</v>
      </c>
      <c r="BL2996" s="53">
        <v>0</v>
      </c>
      <c r="BM2996" s="53">
        <v>0</v>
      </c>
      <c r="BN2996" s="53">
        <v>0</v>
      </c>
      <c r="BO2996" s="53">
        <v>0</v>
      </c>
      <c r="BP2996" s="53">
        <v>0</v>
      </c>
      <c r="BQ2996" s="53">
        <v>0</v>
      </c>
      <c r="BR2996" s="53">
        <v>0</v>
      </c>
      <c r="BS2996" s="53">
        <v>0</v>
      </c>
      <c r="BT2996" s="53">
        <v>0</v>
      </c>
      <c r="BU2996" s="53">
        <v>0</v>
      </c>
      <c r="BV2996" s="53">
        <v>0</v>
      </c>
      <c r="BW2996" s="53">
        <v>0</v>
      </c>
      <c r="BX2996" s="53">
        <v>0</v>
      </c>
      <c r="BY2996" s="53">
        <v>0</v>
      </c>
      <c r="BZ2996" s="53">
        <v>0</v>
      </c>
      <c r="CA2996" s="53">
        <v>0</v>
      </c>
      <c r="CB2996" s="53"/>
      <c r="CC2996" s="53"/>
      <c r="CD2996" s="53"/>
      <c r="CE2996" s="53"/>
      <c r="CF2996" s="53"/>
      <c r="CG2996" s="53"/>
      <c r="CH2996" s="53"/>
      <c r="CI2996" s="53"/>
      <c r="CJ2996" s="53"/>
      <c r="CK2996" s="53"/>
      <c r="CL2996" s="53"/>
      <c r="CM2996" s="53"/>
      <c r="CN2996" s="53"/>
    </row>
    <row r="2997" spans="1:92" outlineLevel="1">
      <c r="A2997" s="52" t="s">
        <v>1751</v>
      </c>
      <c r="B2997" s="53">
        <v>0</v>
      </c>
      <c r="C2997" s="53">
        <v>0</v>
      </c>
      <c r="D2997" s="53">
        <v>0</v>
      </c>
      <c r="E2997" s="53">
        <v>0</v>
      </c>
      <c r="F2997" s="53">
        <v>0</v>
      </c>
      <c r="G2997" s="53">
        <v>0</v>
      </c>
      <c r="H2997" s="53">
        <v>0</v>
      </c>
      <c r="I2997" s="53">
        <v>0</v>
      </c>
      <c r="J2997" s="53">
        <v>0</v>
      </c>
      <c r="K2997" s="53">
        <v>0</v>
      </c>
      <c r="L2997" s="53">
        <v>0</v>
      </c>
      <c r="M2997" s="53">
        <v>0</v>
      </c>
      <c r="N2997" s="53">
        <v>0</v>
      </c>
      <c r="O2997" s="53">
        <v>0</v>
      </c>
      <c r="P2997" s="53">
        <v>0</v>
      </c>
      <c r="Q2997" s="53">
        <v>0</v>
      </c>
      <c r="R2997" s="53">
        <v>0</v>
      </c>
      <c r="S2997" s="53">
        <v>0</v>
      </c>
      <c r="T2997" s="53">
        <v>0</v>
      </c>
      <c r="U2997" s="53">
        <v>0</v>
      </c>
      <c r="V2997" s="53">
        <v>0</v>
      </c>
      <c r="W2997" s="53">
        <v>0</v>
      </c>
      <c r="X2997" s="53">
        <v>0</v>
      </c>
      <c r="Y2997" s="53">
        <v>0</v>
      </c>
      <c r="Z2997" s="53">
        <v>0</v>
      </c>
      <c r="AA2997" s="53">
        <v>0</v>
      </c>
      <c r="AB2997" s="53">
        <v>0</v>
      </c>
      <c r="AC2997" s="53">
        <v>0</v>
      </c>
      <c r="AD2997" s="53">
        <v>0</v>
      </c>
      <c r="AE2997" s="53">
        <v>0</v>
      </c>
      <c r="AF2997" s="53">
        <v>0</v>
      </c>
      <c r="AG2997" s="53">
        <v>0</v>
      </c>
      <c r="AH2997" s="53">
        <v>0</v>
      </c>
      <c r="AI2997" s="53">
        <v>0</v>
      </c>
      <c r="AJ2997" s="53">
        <v>0</v>
      </c>
      <c r="AK2997" s="53">
        <v>0</v>
      </c>
      <c r="AL2997" s="53">
        <v>0</v>
      </c>
      <c r="AM2997" s="53">
        <v>0</v>
      </c>
      <c r="AN2997" s="53">
        <v>0</v>
      </c>
      <c r="AO2997" s="53">
        <v>0</v>
      </c>
      <c r="AP2997" s="53">
        <v>0</v>
      </c>
      <c r="AQ2997" s="53">
        <v>0</v>
      </c>
      <c r="AR2997" s="53">
        <v>0</v>
      </c>
      <c r="AS2997" s="53">
        <v>0</v>
      </c>
      <c r="AT2997" s="53">
        <v>0</v>
      </c>
      <c r="AU2997" s="53">
        <v>0</v>
      </c>
      <c r="AV2997" s="53">
        <v>0</v>
      </c>
      <c r="AW2997" s="53">
        <v>0</v>
      </c>
      <c r="AX2997" s="53">
        <v>0</v>
      </c>
      <c r="AY2997" s="53">
        <v>0</v>
      </c>
      <c r="AZ2997" s="53">
        <v>0</v>
      </c>
      <c r="BA2997" s="53">
        <v>0</v>
      </c>
      <c r="BB2997" s="53">
        <v>0</v>
      </c>
      <c r="BC2997" s="53">
        <v>0</v>
      </c>
      <c r="BD2997" s="53">
        <v>0</v>
      </c>
      <c r="BE2997" s="53">
        <v>0</v>
      </c>
      <c r="BF2997" s="53">
        <v>0</v>
      </c>
      <c r="BG2997" s="53">
        <v>0</v>
      </c>
      <c r="BH2997" s="53">
        <v>0</v>
      </c>
      <c r="BI2997" s="53">
        <v>0</v>
      </c>
      <c r="BJ2997" s="53">
        <v>0</v>
      </c>
      <c r="BK2997" s="53">
        <v>0</v>
      </c>
      <c r="BL2997" s="53">
        <v>0</v>
      </c>
      <c r="BM2997" s="53">
        <v>0</v>
      </c>
      <c r="BN2997" s="53">
        <v>0</v>
      </c>
      <c r="BO2997" s="53">
        <v>0</v>
      </c>
      <c r="BP2997" s="53">
        <v>0</v>
      </c>
      <c r="BQ2997" s="53">
        <v>0</v>
      </c>
      <c r="BR2997" s="53">
        <v>0</v>
      </c>
      <c r="BS2997" s="53">
        <v>0</v>
      </c>
      <c r="BT2997" s="53">
        <v>0</v>
      </c>
      <c r="BU2997" s="53">
        <v>0</v>
      </c>
      <c r="BV2997" s="53">
        <v>0</v>
      </c>
      <c r="BW2997" s="53">
        <v>0</v>
      </c>
      <c r="BX2997" s="53">
        <v>0</v>
      </c>
      <c r="BY2997" s="53">
        <v>0</v>
      </c>
      <c r="BZ2997" s="53">
        <v>0</v>
      </c>
      <c r="CA2997" s="53">
        <v>0</v>
      </c>
      <c r="CB2997" s="53"/>
      <c r="CC2997" s="53"/>
      <c r="CD2997" s="53"/>
      <c r="CE2997" s="53"/>
      <c r="CF2997" s="53"/>
      <c r="CG2997" s="53"/>
      <c r="CH2997" s="53"/>
      <c r="CI2997" s="53"/>
      <c r="CJ2997" s="53"/>
      <c r="CK2997" s="53"/>
      <c r="CL2997" s="53"/>
      <c r="CM2997" s="53"/>
      <c r="CN2997" s="53"/>
    </row>
    <row r="2998" spans="1:92" outlineLevel="1">
      <c r="A2998" s="52" t="s">
        <v>1752</v>
      </c>
      <c r="B2998" s="53">
        <v>0</v>
      </c>
      <c r="C2998" s="53">
        <v>0</v>
      </c>
      <c r="D2998" s="53">
        <v>0</v>
      </c>
      <c r="E2998" s="53">
        <v>0</v>
      </c>
      <c r="F2998" s="53">
        <v>0</v>
      </c>
      <c r="G2998" s="53">
        <v>0</v>
      </c>
      <c r="H2998" s="53">
        <v>0</v>
      </c>
      <c r="I2998" s="53">
        <v>0</v>
      </c>
      <c r="J2998" s="53">
        <v>0</v>
      </c>
      <c r="K2998" s="53">
        <v>0</v>
      </c>
      <c r="L2998" s="53">
        <v>0</v>
      </c>
      <c r="M2998" s="53">
        <v>0</v>
      </c>
      <c r="N2998" s="53">
        <v>0</v>
      </c>
      <c r="O2998" s="53">
        <v>0</v>
      </c>
      <c r="P2998" s="53">
        <v>0</v>
      </c>
      <c r="Q2998" s="53">
        <v>0</v>
      </c>
      <c r="R2998" s="53">
        <v>0</v>
      </c>
      <c r="S2998" s="53">
        <v>0</v>
      </c>
      <c r="T2998" s="53">
        <v>0</v>
      </c>
      <c r="U2998" s="53">
        <v>0</v>
      </c>
      <c r="V2998" s="53">
        <v>0</v>
      </c>
      <c r="W2998" s="53">
        <v>0</v>
      </c>
      <c r="X2998" s="53">
        <v>0</v>
      </c>
      <c r="Y2998" s="53">
        <v>0</v>
      </c>
      <c r="Z2998" s="53">
        <v>0</v>
      </c>
      <c r="AA2998" s="53">
        <v>0</v>
      </c>
      <c r="AB2998" s="53">
        <v>0</v>
      </c>
      <c r="AC2998" s="53">
        <v>0</v>
      </c>
      <c r="AD2998" s="53">
        <v>0</v>
      </c>
      <c r="AE2998" s="53">
        <v>0</v>
      </c>
      <c r="AF2998" s="53">
        <v>0</v>
      </c>
      <c r="AG2998" s="53">
        <v>0</v>
      </c>
      <c r="AH2998" s="53">
        <v>0</v>
      </c>
      <c r="AI2998" s="53">
        <v>0</v>
      </c>
      <c r="AJ2998" s="53">
        <v>0</v>
      </c>
      <c r="AK2998" s="53">
        <v>0</v>
      </c>
      <c r="AL2998" s="53">
        <v>0</v>
      </c>
      <c r="AM2998" s="53">
        <v>0</v>
      </c>
      <c r="AN2998" s="53">
        <v>0</v>
      </c>
      <c r="AO2998" s="53">
        <v>0</v>
      </c>
      <c r="AP2998" s="53">
        <v>0</v>
      </c>
      <c r="AQ2998" s="53">
        <v>0</v>
      </c>
      <c r="AR2998" s="53">
        <v>0</v>
      </c>
      <c r="AS2998" s="53">
        <v>0</v>
      </c>
      <c r="AT2998" s="53">
        <v>0</v>
      </c>
      <c r="AU2998" s="53">
        <v>0</v>
      </c>
      <c r="AV2998" s="53">
        <v>0</v>
      </c>
      <c r="AW2998" s="53">
        <v>0</v>
      </c>
      <c r="AX2998" s="53">
        <v>0</v>
      </c>
      <c r="AY2998" s="53">
        <v>0</v>
      </c>
      <c r="AZ2998" s="53">
        <v>0</v>
      </c>
      <c r="BA2998" s="53">
        <v>0</v>
      </c>
      <c r="BB2998" s="53">
        <v>0</v>
      </c>
      <c r="BC2998" s="53">
        <v>0</v>
      </c>
      <c r="BD2998" s="53">
        <v>0</v>
      </c>
      <c r="BE2998" s="53">
        <v>0</v>
      </c>
      <c r="BF2998" s="53">
        <v>0</v>
      </c>
      <c r="BG2998" s="53">
        <v>0</v>
      </c>
      <c r="BH2998" s="53">
        <v>0</v>
      </c>
      <c r="BI2998" s="53">
        <v>0</v>
      </c>
      <c r="BJ2998" s="53">
        <v>0</v>
      </c>
      <c r="BK2998" s="53">
        <v>0</v>
      </c>
      <c r="BL2998" s="53">
        <v>0</v>
      </c>
      <c r="BM2998" s="53">
        <v>0</v>
      </c>
      <c r="BN2998" s="53">
        <v>0</v>
      </c>
      <c r="BO2998" s="53">
        <v>0</v>
      </c>
      <c r="BP2998" s="53">
        <v>0</v>
      </c>
      <c r="BQ2998" s="53">
        <v>0</v>
      </c>
      <c r="BR2998" s="53">
        <v>0</v>
      </c>
      <c r="BS2998" s="53">
        <v>0</v>
      </c>
      <c r="BT2998" s="53">
        <v>0</v>
      </c>
      <c r="BU2998" s="53">
        <v>0</v>
      </c>
      <c r="BV2998" s="53">
        <v>0</v>
      </c>
      <c r="BW2998" s="53">
        <v>0</v>
      </c>
      <c r="BX2998" s="53">
        <v>0</v>
      </c>
      <c r="BY2998" s="53">
        <v>0</v>
      </c>
      <c r="BZ2998" s="53">
        <v>0</v>
      </c>
      <c r="CA2998" s="53">
        <v>0</v>
      </c>
      <c r="CB2998" s="53"/>
      <c r="CC2998" s="53"/>
      <c r="CD2998" s="53"/>
      <c r="CE2998" s="53"/>
      <c r="CF2998" s="53"/>
      <c r="CG2998" s="53"/>
      <c r="CH2998" s="53"/>
      <c r="CI2998" s="53"/>
      <c r="CJ2998" s="53"/>
      <c r="CK2998" s="53"/>
      <c r="CL2998" s="53"/>
      <c r="CM2998" s="53"/>
      <c r="CN2998" s="53"/>
    </row>
    <row r="2999" spans="1:92" outlineLevel="1">
      <c r="A2999" s="52" t="s">
        <v>1753</v>
      </c>
      <c r="B2999" s="53">
        <v>-0.81999998656101503</v>
      </c>
      <c r="C2999" s="53">
        <v>-0.82000007387250595</v>
      </c>
      <c r="D2999" s="53">
        <v>-0.82000001566484504</v>
      </c>
      <c r="E2999" s="53">
        <v>-0.81999998656101503</v>
      </c>
      <c r="F2999" s="53">
        <v>-0.81999998656101503</v>
      </c>
      <c r="G2999" s="53">
        <v>-0.80000003799796104</v>
      </c>
      <c r="H2999" s="53">
        <v>-0.81999989924952299</v>
      </c>
      <c r="I2999" s="53">
        <v>-0.82000007387250595</v>
      </c>
      <c r="J2999" s="53">
        <v>-0.81999995745718401</v>
      </c>
      <c r="K2999" s="53">
        <v>-0.81999995745718401</v>
      </c>
      <c r="L2999" s="53">
        <v>-0.82000001566484504</v>
      </c>
      <c r="M2999" s="53">
        <v>-0.82000004476867605</v>
      </c>
      <c r="N2999" s="53">
        <v>-0.82000004476867605</v>
      </c>
      <c r="O2999" s="53">
        <v>-0.82000004476867605</v>
      </c>
      <c r="P2999" s="53">
        <v>-0.82000004476867605</v>
      </c>
      <c r="Q2999" s="53">
        <v>-0.82000004476867605</v>
      </c>
      <c r="R2999" s="53">
        <v>-0.82000004476867605</v>
      </c>
      <c r="S2999" s="53">
        <v>-0.82000004476867605</v>
      </c>
      <c r="T2999" s="53">
        <v>-0.82000004476867605</v>
      </c>
      <c r="U2999" s="53">
        <v>-0.82000004476867605</v>
      </c>
      <c r="V2999" s="53">
        <v>-0.82000004476867605</v>
      </c>
      <c r="W2999" s="53">
        <v>-0.82000004476867605</v>
      </c>
      <c r="X2999" s="53">
        <v>-0.82000004476867605</v>
      </c>
      <c r="Y2999" s="53">
        <v>-0.82000004476867605</v>
      </c>
      <c r="Z2999" s="53">
        <v>-0.82000004476867605</v>
      </c>
      <c r="AA2999" s="53">
        <v>-0.82000004476867605</v>
      </c>
      <c r="AB2999" s="53">
        <v>-0.82000004476867605</v>
      </c>
      <c r="AC2999" s="53">
        <v>-0.82000004476867605</v>
      </c>
      <c r="AD2999" s="53">
        <v>-0.82000004476867605</v>
      </c>
      <c r="AE2999" s="53">
        <v>-0.82000004476867605</v>
      </c>
      <c r="AF2999" s="53">
        <v>-0.82000004476867605</v>
      </c>
      <c r="AG2999" s="53">
        <v>-0.82000004476867605</v>
      </c>
      <c r="AH2999" s="53">
        <v>-0.82000004476867605</v>
      </c>
      <c r="AI2999" s="53">
        <v>-0.82000004476867605</v>
      </c>
      <c r="AJ2999" s="53">
        <v>-0.82000004476867605</v>
      </c>
      <c r="AK2999" s="53">
        <v>-0.82000004476867605</v>
      </c>
      <c r="AL2999" s="53">
        <v>-0.82000004476867605</v>
      </c>
      <c r="AM2999" s="53">
        <v>-0.82000004476867605</v>
      </c>
      <c r="AN2999" s="53">
        <v>-0.82000004476867605</v>
      </c>
      <c r="AO2999" s="53">
        <v>-0.82000004476867605</v>
      </c>
      <c r="AP2999" s="53">
        <v>-0.82000004476867605</v>
      </c>
      <c r="AQ2999" s="53">
        <v>-0.82000004476867605</v>
      </c>
      <c r="AR2999" s="53">
        <v>-0.82000004476867605</v>
      </c>
      <c r="AS2999" s="53">
        <v>-0.82000004476867605</v>
      </c>
      <c r="AT2999" s="53">
        <v>-0.82000004476867605</v>
      </c>
      <c r="AU2999" s="53">
        <v>-0.82000004476867605</v>
      </c>
      <c r="AV2999" s="53">
        <v>-0.82000004476867605</v>
      </c>
      <c r="AW2999" s="53">
        <v>-0.82000004476867605</v>
      </c>
      <c r="AX2999" s="53">
        <v>-0.82000004476867605</v>
      </c>
      <c r="AY2999" s="53">
        <v>-0.82000004476867605</v>
      </c>
      <c r="AZ2999" s="53">
        <v>-0.82000004476867605</v>
      </c>
      <c r="BA2999" s="53">
        <v>-0.82000004476867605</v>
      </c>
      <c r="BB2999" s="53">
        <v>-0.82000004476867605</v>
      </c>
      <c r="BC2999" s="53">
        <v>-0.82000004476867605</v>
      </c>
      <c r="BD2999" s="53">
        <v>-0.82000004476867605</v>
      </c>
      <c r="BE2999" s="53">
        <v>-0.82000004476867605</v>
      </c>
      <c r="BF2999" s="53">
        <v>-0.82000004476867605</v>
      </c>
      <c r="BG2999" s="53">
        <v>-0.82000004476867605</v>
      </c>
      <c r="BH2999" s="53">
        <v>-0.82000004476867605</v>
      </c>
      <c r="BI2999" s="53">
        <v>-0.82000004476867605</v>
      </c>
      <c r="BJ2999" s="53">
        <v>-0.82000004476867605</v>
      </c>
      <c r="BK2999" s="53">
        <v>-0.82000004476867605</v>
      </c>
      <c r="BL2999" s="53">
        <v>-0.82000004476867605</v>
      </c>
      <c r="BM2999" s="53">
        <v>-0.82000004476867605</v>
      </c>
      <c r="BN2999" s="53">
        <v>-0.82000004476867605</v>
      </c>
      <c r="BO2999" s="53">
        <v>-0.82000004476867605</v>
      </c>
      <c r="BP2999" s="53">
        <v>-0.82000004476867605</v>
      </c>
      <c r="BQ2999" s="53">
        <v>-0.82000004476867605</v>
      </c>
      <c r="BR2999" s="53">
        <v>-0.82000004476867605</v>
      </c>
      <c r="BS2999" s="53">
        <v>-0.82000004476867605</v>
      </c>
      <c r="BT2999" s="53">
        <v>-0.82000004476867605</v>
      </c>
      <c r="BU2999" s="53">
        <v>-0.82000004476867605</v>
      </c>
      <c r="BV2999" s="53">
        <v>-0.82000004476867605</v>
      </c>
      <c r="BW2999" s="53">
        <v>-0.82000004476867605</v>
      </c>
      <c r="BX2999" s="53">
        <v>-0.82000004476867605</v>
      </c>
      <c r="BY2999" s="53">
        <v>-0.82000004476867605</v>
      </c>
      <c r="BZ2999" s="53">
        <v>-0.82000004476867605</v>
      </c>
      <c r="CA2999" s="53">
        <v>-0.82000004476867605</v>
      </c>
      <c r="CB2999" s="53">
        <v>-9392666.6999999993</v>
      </c>
      <c r="CC2999" s="53">
        <v>-9392666.6999999993</v>
      </c>
      <c r="CD2999" s="53">
        <v>-9392666.6999999993</v>
      </c>
      <c r="CE2999" s="53">
        <v>-9392666.6999999993</v>
      </c>
      <c r="CF2999" s="53">
        <v>-9392666.6999999993</v>
      </c>
      <c r="CG2999" s="53">
        <v>-9392666.6999999993</v>
      </c>
      <c r="CH2999" s="53">
        <v>-9392666.6999999993</v>
      </c>
      <c r="CI2999" s="53">
        <v>-9392666.6999999993</v>
      </c>
      <c r="CJ2999" s="53">
        <v>-9392666.6999999993</v>
      </c>
      <c r="CK2999" s="53">
        <v>-9392666.6999999993</v>
      </c>
      <c r="CL2999" s="53">
        <v>-9392666.6999999993</v>
      </c>
      <c r="CM2999" s="53">
        <v>-9392666.6999999993</v>
      </c>
      <c r="CN2999" s="53">
        <v>-112712000.40000001</v>
      </c>
    </row>
    <row r="3000" spans="1:92" outlineLevel="1">
      <c r="A3000" s="52" t="s">
        <v>1754</v>
      </c>
      <c r="B3000" s="53">
        <v>0</v>
      </c>
      <c r="C3000" s="53">
        <v>0</v>
      </c>
      <c r="D3000" s="53">
        <v>0</v>
      </c>
      <c r="E3000" s="53">
        <v>0</v>
      </c>
      <c r="F3000" s="53">
        <v>0</v>
      </c>
      <c r="G3000" s="53">
        <v>0</v>
      </c>
      <c r="H3000" s="53">
        <v>0</v>
      </c>
      <c r="I3000" s="53">
        <v>0</v>
      </c>
      <c r="J3000" s="53">
        <v>0</v>
      </c>
      <c r="K3000" s="53">
        <v>0</v>
      </c>
      <c r="L3000" s="53">
        <v>0</v>
      </c>
      <c r="M3000" s="53">
        <v>0</v>
      </c>
      <c r="N3000" s="53">
        <v>0</v>
      </c>
      <c r="O3000" s="53">
        <v>0</v>
      </c>
      <c r="P3000" s="53">
        <v>0</v>
      </c>
      <c r="Q3000" s="53">
        <v>0</v>
      </c>
      <c r="R3000" s="53">
        <v>0</v>
      </c>
      <c r="S3000" s="53">
        <v>0</v>
      </c>
      <c r="T3000" s="53">
        <v>0</v>
      </c>
      <c r="U3000" s="53">
        <v>0</v>
      </c>
      <c r="V3000" s="53">
        <v>0</v>
      </c>
      <c r="W3000" s="53">
        <v>0</v>
      </c>
      <c r="X3000" s="53">
        <v>0</v>
      </c>
      <c r="Y3000" s="53">
        <v>0</v>
      </c>
      <c r="Z3000" s="53">
        <v>0</v>
      </c>
      <c r="AA3000" s="53">
        <v>0</v>
      </c>
      <c r="AB3000" s="53">
        <v>0</v>
      </c>
      <c r="AC3000" s="53">
        <v>0</v>
      </c>
      <c r="AD3000" s="53">
        <v>0</v>
      </c>
      <c r="AE3000" s="53">
        <v>0</v>
      </c>
      <c r="AF3000" s="53">
        <v>0</v>
      </c>
      <c r="AG3000" s="53">
        <v>0</v>
      </c>
      <c r="AH3000" s="53">
        <v>0</v>
      </c>
      <c r="AI3000" s="53">
        <v>0</v>
      </c>
      <c r="AJ3000" s="53">
        <v>0</v>
      </c>
      <c r="AK3000" s="53">
        <v>0</v>
      </c>
      <c r="AL3000" s="53">
        <v>0</v>
      </c>
      <c r="AM3000" s="53">
        <v>0</v>
      </c>
      <c r="AN3000" s="53">
        <v>0</v>
      </c>
      <c r="AO3000" s="53">
        <v>0</v>
      </c>
      <c r="AP3000" s="53">
        <v>0</v>
      </c>
      <c r="AQ3000" s="53">
        <v>0</v>
      </c>
      <c r="AR3000" s="53">
        <v>0</v>
      </c>
      <c r="AS3000" s="53">
        <v>0</v>
      </c>
      <c r="AT3000" s="53">
        <v>0</v>
      </c>
      <c r="AU3000" s="53">
        <v>0</v>
      </c>
      <c r="AV3000" s="53">
        <v>0</v>
      </c>
      <c r="AW3000" s="53">
        <v>0</v>
      </c>
      <c r="AX3000" s="53">
        <v>0</v>
      </c>
      <c r="AY3000" s="53">
        <v>0</v>
      </c>
      <c r="AZ3000" s="53">
        <v>0</v>
      </c>
      <c r="BA3000" s="53">
        <v>0</v>
      </c>
      <c r="BB3000" s="53">
        <v>0</v>
      </c>
      <c r="BC3000" s="53">
        <v>0</v>
      </c>
      <c r="BD3000" s="53">
        <v>0</v>
      </c>
      <c r="BE3000" s="53">
        <v>0</v>
      </c>
      <c r="BF3000" s="53">
        <v>0</v>
      </c>
      <c r="BG3000" s="53">
        <v>0</v>
      </c>
      <c r="BH3000" s="53">
        <v>0</v>
      </c>
      <c r="BI3000" s="53">
        <v>0</v>
      </c>
      <c r="BJ3000" s="53">
        <v>0</v>
      </c>
      <c r="BK3000" s="53">
        <v>0</v>
      </c>
      <c r="BL3000" s="53">
        <v>0</v>
      </c>
      <c r="BM3000" s="53">
        <v>0</v>
      </c>
      <c r="BN3000" s="53">
        <v>0</v>
      </c>
      <c r="BO3000" s="53">
        <v>0</v>
      </c>
      <c r="BP3000" s="53">
        <v>0</v>
      </c>
      <c r="BQ3000" s="53">
        <v>0</v>
      </c>
      <c r="BR3000" s="53">
        <v>0</v>
      </c>
      <c r="BS3000" s="53">
        <v>0</v>
      </c>
      <c r="BT3000" s="53">
        <v>0</v>
      </c>
      <c r="BU3000" s="53">
        <v>0</v>
      </c>
      <c r="BV3000" s="53">
        <v>0</v>
      </c>
      <c r="BW3000" s="53">
        <v>0</v>
      </c>
      <c r="BX3000" s="53">
        <v>0</v>
      </c>
      <c r="BY3000" s="53">
        <v>0</v>
      </c>
      <c r="BZ3000" s="53">
        <v>0</v>
      </c>
      <c r="CA3000" s="53">
        <v>0</v>
      </c>
      <c r="CB3000" s="53">
        <v>-6262631.8800000502</v>
      </c>
      <c r="CC3000" s="53">
        <v>-15655298.58</v>
      </c>
      <c r="CD3000" s="53">
        <v>-25047965.280000001</v>
      </c>
      <c r="CE3000" s="53">
        <v>-34440631.979999997</v>
      </c>
      <c r="CF3000" s="53">
        <v>-43833298.68</v>
      </c>
      <c r="CG3000" s="53">
        <v>-53225965.380000003</v>
      </c>
      <c r="CH3000" s="53">
        <v>-62618632.079999998</v>
      </c>
      <c r="CI3000" s="53">
        <v>-72011298.780000001</v>
      </c>
      <c r="CJ3000" s="53">
        <v>-81403965.480000004</v>
      </c>
      <c r="CK3000" s="53">
        <v>-90796632.180000007</v>
      </c>
      <c r="CL3000" s="53">
        <v>-100189298.88</v>
      </c>
      <c r="CM3000" s="53">
        <v>-109581965.58</v>
      </c>
      <c r="CN3000" s="53">
        <v>-109581965.58</v>
      </c>
    </row>
    <row r="3001" spans="1:92" outlineLevel="1">
      <c r="A3001" s="52" t="s">
        <v>1755</v>
      </c>
      <c r="B3001" s="53">
        <v>0</v>
      </c>
      <c r="C3001" s="53">
        <v>0</v>
      </c>
      <c r="D3001" s="53">
        <v>0</v>
      </c>
      <c r="E3001" s="53">
        <v>0</v>
      </c>
      <c r="F3001" s="53">
        <v>0</v>
      </c>
      <c r="G3001" s="53">
        <v>0</v>
      </c>
      <c r="H3001" s="53">
        <v>0</v>
      </c>
      <c r="I3001" s="53">
        <v>0</v>
      </c>
      <c r="J3001" s="53">
        <v>0</v>
      </c>
      <c r="K3001" s="53">
        <v>0</v>
      </c>
      <c r="L3001" s="53">
        <v>0</v>
      </c>
      <c r="M3001" s="53">
        <v>0</v>
      </c>
      <c r="N3001" s="53">
        <v>0</v>
      </c>
      <c r="O3001" s="53">
        <v>0</v>
      </c>
      <c r="P3001" s="53">
        <v>0</v>
      </c>
      <c r="Q3001" s="53">
        <v>0</v>
      </c>
      <c r="R3001" s="53">
        <v>0</v>
      </c>
      <c r="S3001" s="53">
        <v>0</v>
      </c>
      <c r="T3001" s="53">
        <v>0</v>
      </c>
      <c r="U3001" s="53">
        <v>0</v>
      </c>
      <c r="V3001" s="53">
        <v>0</v>
      </c>
      <c r="W3001" s="53">
        <v>0</v>
      </c>
      <c r="X3001" s="53">
        <v>0</v>
      </c>
      <c r="Y3001" s="53">
        <v>0</v>
      </c>
      <c r="Z3001" s="53">
        <v>0</v>
      </c>
      <c r="AA3001" s="53">
        <v>0</v>
      </c>
      <c r="AB3001" s="53">
        <v>0</v>
      </c>
      <c r="AC3001" s="53">
        <v>0</v>
      </c>
      <c r="AD3001" s="53">
        <v>0</v>
      </c>
      <c r="AE3001" s="53">
        <v>0</v>
      </c>
      <c r="AF3001" s="53">
        <v>0</v>
      </c>
      <c r="AG3001" s="53">
        <v>0</v>
      </c>
      <c r="AH3001" s="53">
        <v>0</v>
      </c>
      <c r="AI3001" s="53">
        <v>0</v>
      </c>
      <c r="AJ3001" s="53">
        <v>0</v>
      </c>
      <c r="AK3001" s="53">
        <v>0</v>
      </c>
      <c r="AL3001" s="53">
        <v>0</v>
      </c>
      <c r="AM3001" s="53">
        <v>0</v>
      </c>
      <c r="AN3001" s="53">
        <v>0</v>
      </c>
      <c r="AO3001" s="53">
        <v>0</v>
      </c>
      <c r="AP3001" s="53">
        <v>0</v>
      </c>
      <c r="AQ3001" s="53">
        <v>0</v>
      </c>
      <c r="AR3001" s="53">
        <v>0</v>
      </c>
      <c r="AS3001" s="53">
        <v>0</v>
      </c>
      <c r="AT3001" s="53">
        <v>0</v>
      </c>
      <c r="AU3001" s="53">
        <v>0</v>
      </c>
      <c r="AV3001" s="53">
        <v>0</v>
      </c>
      <c r="AW3001" s="53">
        <v>0</v>
      </c>
      <c r="AX3001" s="53">
        <v>0</v>
      </c>
      <c r="AY3001" s="53">
        <v>0</v>
      </c>
      <c r="AZ3001" s="53">
        <v>0</v>
      </c>
      <c r="BA3001" s="53">
        <v>0</v>
      </c>
      <c r="BB3001" s="53">
        <v>0</v>
      </c>
      <c r="BC3001" s="53">
        <v>0</v>
      </c>
      <c r="BD3001" s="53">
        <v>0</v>
      </c>
      <c r="BE3001" s="53">
        <v>0</v>
      </c>
      <c r="BF3001" s="53">
        <v>0</v>
      </c>
      <c r="BG3001" s="53">
        <v>0</v>
      </c>
      <c r="BH3001" s="53">
        <v>0</v>
      </c>
      <c r="BI3001" s="53">
        <v>0</v>
      </c>
      <c r="BJ3001" s="53">
        <v>0</v>
      </c>
      <c r="BK3001" s="53">
        <v>0</v>
      </c>
      <c r="BL3001" s="53">
        <v>0</v>
      </c>
      <c r="BM3001" s="53">
        <v>0</v>
      </c>
      <c r="BN3001" s="53">
        <v>0</v>
      </c>
      <c r="BO3001" s="53">
        <v>0</v>
      </c>
      <c r="BP3001" s="53">
        <v>0</v>
      </c>
      <c r="BQ3001" s="53">
        <v>0</v>
      </c>
      <c r="BR3001" s="53">
        <v>0</v>
      </c>
      <c r="BS3001" s="53">
        <v>0</v>
      </c>
      <c r="BT3001" s="53">
        <v>0</v>
      </c>
      <c r="BU3001" s="53">
        <v>0</v>
      </c>
      <c r="BV3001" s="53">
        <v>0</v>
      </c>
      <c r="BW3001" s="53">
        <v>0</v>
      </c>
      <c r="BX3001" s="53">
        <v>0</v>
      </c>
      <c r="BY3001" s="53">
        <v>0</v>
      </c>
      <c r="BZ3001" s="53">
        <v>0</v>
      </c>
      <c r="CA3001" s="53">
        <v>0</v>
      </c>
      <c r="CB3001" s="53"/>
      <c r="CC3001" s="53"/>
      <c r="CD3001" s="53"/>
      <c r="CE3001" s="53"/>
      <c r="CF3001" s="53"/>
      <c r="CG3001" s="53"/>
      <c r="CH3001" s="53"/>
      <c r="CI3001" s="53"/>
      <c r="CJ3001" s="53"/>
      <c r="CK3001" s="53"/>
      <c r="CL3001" s="53"/>
      <c r="CM3001" s="53"/>
      <c r="CN3001" s="53"/>
    </row>
    <row r="3002" spans="1:92" outlineLevel="1">
      <c r="A3002" s="52" t="s">
        <v>1756</v>
      </c>
      <c r="B3002" s="53">
        <v>0</v>
      </c>
      <c r="C3002" s="53">
        <v>0</v>
      </c>
      <c r="D3002" s="53">
        <v>0</v>
      </c>
      <c r="E3002" s="53">
        <v>0</v>
      </c>
      <c r="F3002" s="53">
        <v>0</v>
      </c>
      <c r="G3002" s="53">
        <v>0</v>
      </c>
      <c r="H3002" s="53">
        <v>0</v>
      </c>
      <c r="I3002" s="53">
        <v>0</v>
      </c>
      <c r="J3002" s="53">
        <v>0</v>
      </c>
      <c r="K3002" s="53">
        <v>0</v>
      </c>
      <c r="L3002" s="53">
        <v>0</v>
      </c>
      <c r="M3002" s="53">
        <v>0</v>
      </c>
      <c r="N3002" s="53">
        <v>0</v>
      </c>
      <c r="O3002" s="53">
        <v>0</v>
      </c>
      <c r="P3002" s="53">
        <v>0</v>
      </c>
      <c r="Q3002" s="53">
        <v>0</v>
      </c>
      <c r="R3002" s="53">
        <v>0</v>
      </c>
      <c r="S3002" s="53">
        <v>0</v>
      </c>
      <c r="T3002" s="53">
        <v>0</v>
      </c>
      <c r="U3002" s="53">
        <v>0</v>
      </c>
      <c r="V3002" s="53">
        <v>0</v>
      </c>
      <c r="W3002" s="53">
        <v>0</v>
      </c>
      <c r="X3002" s="53">
        <v>0</v>
      </c>
      <c r="Y3002" s="53">
        <v>0</v>
      </c>
      <c r="Z3002" s="53">
        <v>0</v>
      </c>
      <c r="AA3002" s="53">
        <v>0</v>
      </c>
      <c r="AB3002" s="53">
        <v>0</v>
      </c>
      <c r="AC3002" s="53">
        <v>0</v>
      </c>
      <c r="AD3002" s="53">
        <v>0</v>
      </c>
      <c r="AE3002" s="53">
        <v>0</v>
      </c>
      <c r="AF3002" s="53">
        <v>0</v>
      </c>
      <c r="AG3002" s="53">
        <v>0</v>
      </c>
      <c r="AH3002" s="53">
        <v>0</v>
      </c>
      <c r="AI3002" s="53">
        <v>0</v>
      </c>
      <c r="AJ3002" s="53">
        <v>0</v>
      </c>
      <c r="AK3002" s="53">
        <v>0</v>
      </c>
      <c r="AL3002" s="53">
        <v>0</v>
      </c>
      <c r="AM3002" s="53">
        <v>0</v>
      </c>
      <c r="AN3002" s="53">
        <v>0</v>
      </c>
      <c r="AO3002" s="53">
        <v>0</v>
      </c>
      <c r="AP3002" s="53">
        <v>0</v>
      </c>
      <c r="AQ3002" s="53">
        <v>0</v>
      </c>
      <c r="AR3002" s="53">
        <v>0</v>
      </c>
      <c r="AS3002" s="53">
        <v>0</v>
      </c>
      <c r="AT3002" s="53">
        <v>0</v>
      </c>
      <c r="AU3002" s="53">
        <v>0</v>
      </c>
      <c r="AV3002" s="53">
        <v>0</v>
      </c>
      <c r="AW3002" s="53">
        <v>0</v>
      </c>
      <c r="AX3002" s="53">
        <v>0</v>
      </c>
      <c r="AY3002" s="53">
        <v>0</v>
      </c>
      <c r="AZ3002" s="53">
        <v>0</v>
      </c>
      <c r="BA3002" s="53">
        <v>0</v>
      </c>
      <c r="BB3002" s="53">
        <v>0</v>
      </c>
      <c r="BC3002" s="53">
        <v>0</v>
      </c>
      <c r="BD3002" s="53">
        <v>0</v>
      </c>
      <c r="BE3002" s="53">
        <v>0</v>
      </c>
      <c r="BF3002" s="53">
        <v>0</v>
      </c>
      <c r="BG3002" s="53">
        <v>0</v>
      </c>
      <c r="BH3002" s="53">
        <v>0</v>
      </c>
      <c r="BI3002" s="53">
        <v>0</v>
      </c>
      <c r="BJ3002" s="53">
        <v>0</v>
      </c>
      <c r="BK3002" s="53">
        <v>0</v>
      </c>
      <c r="BL3002" s="53">
        <v>0</v>
      </c>
      <c r="BM3002" s="53">
        <v>0</v>
      </c>
      <c r="BN3002" s="53">
        <v>0</v>
      </c>
      <c r="BO3002" s="53">
        <v>0</v>
      </c>
      <c r="BP3002" s="53">
        <v>0</v>
      </c>
      <c r="BQ3002" s="53">
        <v>0</v>
      </c>
      <c r="BR3002" s="53">
        <v>0</v>
      </c>
      <c r="BS3002" s="53">
        <v>0</v>
      </c>
      <c r="BT3002" s="53">
        <v>0</v>
      </c>
      <c r="BU3002" s="53">
        <v>0</v>
      </c>
      <c r="BV3002" s="53">
        <v>0</v>
      </c>
      <c r="BW3002" s="53">
        <v>0</v>
      </c>
      <c r="BX3002" s="53">
        <v>0</v>
      </c>
      <c r="BY3002" s="53">
        <v>0</v>
      </c>
      <c r="BZ3002" s="53">
        <v>0</v>
      </c>
      <c r="CA3002" s="53">
        <v>0</v>
      </c>
      <c r="CB3002" s="53"/>
      <c r="CC3002" s="53"/>
      <c r="CD3002" s="53"/>
      <c r="CE3002" s="53"/>
      <c r="CF3002" s="53"/>
      <c r="CG3002" s="53"/>
      <c r="CH3002" s="53"/>
      <c r="CI3002" s="53"/>
      <c r="CJ3002" s="53"/>
      <c r="CK3002" s="53"/>
      <c r="CL3002" s="53"/>
      <c r="CM3002" s="53"/>
      <c r="CN3002" s="53"/>
    </row>
    <row r="3003" spans="1:92" outlineLevel="1">
      <c r="A3003" s="52" t="s">
        <v>1757</v>
      </c>
      <c r="B3003" s="53">
        <v>3844317.13</v>
      </c>
      <c r="C3003" s="53">
        <v>3844317.13</v>
      </c>
      <c r="D3003" s="53">
        <v>3844314.43</v>
      </c>
      <c r="E3003" s="53">
        <v>3844314.43</v>
      </c>
      <c r="F3003" s="53">
        <v>3844314.43</v>
      </c>
      <c r="G3003" s="53">
        <v>3844314.43</v>
      </c>
      <c r="H3003" s="53">
        <v>3844314.43</v>
      </c>
      <c r="I3003" s="53">
        <v>3844314.43</v>
      </c>
      <c r="J3003" s="53">
        <v>5348296.2</v>
      </c>
      <c r="K3003" s="53">
        <v>5348296.2</v>
      </c>
      <c r="L3003" s="53">
        <v>5348296.2</v>
      </c>
      <c r="M3003" s="53">
        <v>5348296.2</v>
      </c>
      <c r="N3003" s="53">
        <v>5348296.2</v>
      </c>
      <c r="O3003" s="53">
        <v>5348296.2</v>
      </c>
      <c r="P3003" s="53">
        <v>5348296.2</v>
      </c>
      <c r="Q3003" s="53">
        <v>5348296.2</v>
      </c>
      <c r="R3003" s="53">
        <v>5348296.2</v>
      </c>
      <c r="S3003" s="53">
        <v>5348296.2</v>
      </c>
      <c r="T3003" s="53">
        <v>5348296.2</v>
      </c>
      <c r="U3003" s="53">
        <v>5348296.2</v>
      </c>
      <c r="V3003" s="53">
        <v>5348296.2</v>
      </c>
      <c r="W3003" s="53">
        <v>5348296.2</v>
      </c>
      <c r="X3003" s="53">
        <v>5348296.2</v>
      </c>
      <c r="Y3003" s="53">
        <v>5348296.2</v>
      </c>
      <c r="Z3003" s="53">
        <v>5348296.2</v>
      </c>
      <c r="AA3003" s="53">
        <v>5348296.2</v>
      </c>
      <c r="AB3003" s="53">
        <v>5348296.2</v>
      </c>
      <c r="AC3003" s="53">
        <v>5348296.2</v>
      </c>
      <c r="AD3003" s="53">
        <v>5348296.2</v>
      </c>
      <c r="AE3003" s="53">
        <v>5348296.2</v>
      </c>
      <c r="AF3003" s="53">
        <v>5348296.2</v>
      </c>
      <c r="AG3003" s="53">
        <v>5348296.2</v>
      </c>
      <c r="AH3003" s="53">
        <v>5348296.2</v>
      </c>
      <c r="AI3003" s="53">
        <v>5348296.2</v>
      </c>
      <c r="AJ3003" s="53">
        <v>5348296.2</v>
      </c>
      <c r="AK3003" s="53">
        <v>5348296.2</v>
      </c>
      <c r="AL3003" s="53">
        <v>5348296.2</v>
      </c>
      <c r="AM3003" s="53">
        <v>5348296.2</v>
      </c>
      <c r="AN3003" s="53">
        <v>5348296.2</v>
      </c>
      <c r="AO3003" s="53">
        <v>5348296.2</v>
      </c>
      <c r="AP3003" s="53">
        <v>5348296.2</v>
      </c>
      <c r="AQ3003" s="53">
        <v>5348296.2</v>
      </c>
      <c r="AR3003" s="53">
        <v>5348296.2</v>
      </c>
      <c r="AS3003" s="53">
        <v>5348296.2</v>
      </c>
      <c r="AT3003" s="53">
        <v>5348296.2</v>
      </c>
      <c r="AU3003" s="53">
        <v>5348296.2</v>
      </c>
      <c r="AV3003" s="53">
        <v>5348296.2</v>
      </c>
      <c r="AW3003" s="53">
        <v>5348296.2</v>
      </c>
      <c r="AX3003" s="53">
        <v>5348296.2</v>
      </c>
      <c r="AY3003" s="53">
        <v>5348296.2</v>
      </c>
      <c r="AZ3003" s="53">
        <v>5348296.2</v>
      </c>
      <c r="BA3003" s="53">
        <v>5348296.2</v>
      </c>
      <c r="BB3003" s="53">
        <v>5348296.2</v>
      </c>
      <c r="BC3003" s="53">
        <v>5348296.2</v>
      </c>
      <c r="BD3003" s="53">
        <v>5348296.2</v>
      </c>
      <c r="BE3003" s="53">
        <v>5348296.2</v>
      </c>
      <c r="BF3003" s="53">
        <v>5348296.2</v>
      </c>
      <c r="BG3003" s="53">
        <v>5348296.2</v>
      </c>
      <c r="BH3003" s="53">
        <v>5348296.2</v>
      </c>
      <c r="BI3003" s="53">
        <v>5348296.2</v>
      </c>
      <c r="BJ3003" s="53">
        <v>5348296.2</v>
      </c>
      <c r="BK3003" s="53">
        <v>5348296.2</v>
      </c>
      <c r="BL3003" s="53">
        <v>5348296.2</v>
      </c>
      <c r="BM3003" s="53">
        <v>5348296.2</v>
      </c>
      <c r="BN3003" s="53">
        <v>5348296.2</v>
      </c>
      <c r="BO3003" s="53">
        <v>5348296.2</v>
      </c>
      <c r="BP3003" s="53">
        <v>5348296.2</v>
      </c>
      <c r="BQ3003" s="53">
        <v>5348296.2</v>
      </c>
      <c r="BR3003" s="53">
        <v>5348296.2</v>
      </c>
      <c r="BS3003" s="53">
        <v>5348296.2</v>
      </c>
      <c r="BT3003" s="53">
        <v>5348296.2</v>
      </c>
      <c r="BU3003" s="53">
        <v>5348296.2</v>
      </c>
      <c r="BV3003" s="53">
        <v>5348296.2</v>
      </c>
      <c r="BW3003" s="53">
        <v>5348296.2</v>
      </c>
      <c r="BX3003" s="53">
        <v>5348296.2</v>
      </c>
      <c r="BY3003" s="53">
        <v>5348296.2</v>
      </c>
      <c r="BZ3003" s="53">
        <v>5348296.2</v>
      </c>
      <c r="CA3003" s="53">
        <v>5348296.2</v>
      </c>
      <c r="CB3003" s="53"/>
      <c r="CC3003" s="53"/>
      <c r="CD3003" s="53"/>
      <c r="CE3003" s="53"/>
      <c r="CF3003" s="53"/>
      <c r="CG3003" s="53"/>
      <c r="CH3003" s="53"/>
      <c r="CI3003" s="53"/>
      <c r="CJ3003" s="53"/>
      <c r="CK3003" s="53"/>
      <c r="CL3003" s="53"/>
      <c r="CM3003" s="53"/>
      <c r="CN3003" s="53"/>
    </row>
    <row r="3004" spans="1:92" outlineLevel="1">
      <c r="A3004" s="52" t="s">
        <v>1758</v>
      </c>
      <c r="B3004" s="53">
        <v>0</v>
      </c>
      <c r="C3004" s="53">
        <v>0</v>
      </c>
      <c r="D3004" s="53">
        <v>0</v>
      </c>
      <c r="E3004" s="53">
        <v>0</v>
      </c>
      <c r="F3004" s="53">
        <v>0</v>
      </c>
      <c r="G3004" s="53">
        <v>0</v>
      </c>
      <c r="H3004" s="53">
        <v>0</v>
      </c>
      <c r="I3004" s="53">
        <v>0</v>
      </c>
      <c r="J3004" s="53">
        <v>0</v>
      </c>
      <c r="K3004" s="53">
        <v>0</v>
      </c>
      <c r="L3004" s="53">
        <v>0</v>
      </c>
      <c r="M3004" s="53">
        <v>0</v>
      </c>
      <c r="N3004" s="53">
        <v>0</v>
      </c>
      <c r="O3004" s="53">
        <v>0</v>
      </c>
      <c r="P3004" s="53">
        <v>0</v>
      </c>
      <c r="Q3004" s="53">
        <v>0</v>
      </c>
      <c r="R3004" s="53">
        <v>0</v>
      </c>
      <c r="S3004" s="53">
        <v>0</v>
      </c>
      <c r="T3004" s="53">
        <v>0</v>
      </c>
      <c r="U3004" s="53">
        <v>0</v>
      </c>
      <c r="V3004" s="53">
        <v>0</v>
      </c>
      <c r="W3004" s="53">
        <v>0</v>
      </c>
      <c r="X3004" s="53">
        <v>0</v>
      </c>
      <c r="Y3004" s="53">
        <v>0</v>
      </c>
      <c r="Z3004" s="53">
        <v>0</v>
      </c>
      <c r="AA3004" s="53">
        <v>0</v>
      </c>
      <c r="AB3004" s="53">
        <v>0</v>
      </c>
      <c r="AC3004" s="53">
        <v>0</v>
      </c>
      <c r="AD3004" s="53">
        <v>0</v>
      </c>
      <c r="AE3004" s="53">
        <v>0</v>
      </c>
      <c r="AF3004" s="53">
        <v>0</v>
      </c>
      <c r="AG3004" s="53">
        <v>0</v>
      </c>
      <c r="AH3004" s="53">
        <v>0</v>
      </c>
      <c r="AI3004" s="53">
        <v>0</v>
      </c>
      <c r="AJ3004" s="53">
        <v>0</v>
      </c>
      <c r="AK3004" s="53">
        <v>0</v>
      </c>
      <c r="AL3004" s="53">
        <v>0</v>
      </c>
      <c r="AM3004" s="53">
        <v>0</v>
      </c>
      <c r="AN3004" s="53">
        <v>0</v>
      </c>
      <c r="AO3004" s="53">
        <v>0</v>
      </c>
      <c r="AP3004" s="53">
        <v>0</v>
      </c>
      <c r="AQ3004" s="53">
        <v>0</v>
      </c>
      <c r="AR3004" s="53">
        <v>0</v>
      </c>
      <c r="AS3004" s="53">
        <v>0</v>
      </c>
      <c r="AT3004" s="53">
        <v>0</v>
      </c>
      <c r="AU3004" s="53">
        <v>0</v>
      </c>
      <c r="AV3004" s="53">
        <v>0</v>
      </c>
      <c r="AW3004" s="53">
        <v>0</v>
      </c>
      <c r="AX3004" s="53">
        <v>0</v>
      </c>
      <c r="AY3004" s="53">
        <v>0</v>
      </c>
      <c r="AZ3004" s="53">
        <v>0</v>
      </c>
      <c r="BA3004" s="53">
        <v>0</v>
      </c>
      <c r="BB3004" s="53">
        <v>0</v>
      </c>
      <c r="BC3004" s="53">
        <v>0</v>
      </c>
      <c r="BD3004" s="53">
        <v>0</v>
      </c>
      <c r="BE3004" s="53">
        <v>0</v>
      </c>
      <c r="BF3004" s="53">
        <v>0</v>
      </c>
      <c r="BG3004" s="53">
        <v>0</v>
      </c>
      <c r="BH3004" s="53">
        <v>0</v>
      </c>
      <c r="BI3004" s="53">
        <v>0</v>
      </c>
      <c r="BJ3004" s="53">
        <v>0</v>
      </c>
      <c r="BK3004" s="53">
        <v>0</v>
      </c>
      <c r="BL3004" s="53">
        <v>0</v>
      </c>
      <c r="BM3004" s="53">
        <v>0</v>
      </c>
      <c r="BN3004" s="53">
        <v>0</v>
      </c>
      <c r="BO3004" s="53">
        <v>0</v>
      </c>
      <c r="BP3004" s="53">
        <v>0</v>
      </c>
      <c r="BQ3004" s="53">
        <v>0</v>
      </c>
      <c r="BR3004" s="53">
        <v>0</v>
      </c>
      <c r="BS3004" s="53">
        <v>0</v>
      </c>
      <c r="BT3004" s="53">
        <v>0</v>
      </c>
      <c r="BU3004" s="53">
        <v>0</v>
      </c>
      <c r="BV3004" s="53">
        <v>0</v>
      </c>
      <c r="BW3004" s="53">
        <v>0</v>
      </c>
      <c r="BX3004" s="53">
        <v>0</v>
      </c>
      <c r="BY3004" s="53">
        <v>0</v>
      </c>
      <c r="BZ3004" s="53">
        <v>0</v>
      </c>
      <c r="CA3004" s="53">
        <v>0</v>
      </c>
      <c r="CB3004" s="53"/>
      <c r="CC3004" s="53"/>
      <c r="CD3004" s="53"/>
      <c r="CE3004" s="53"/>
      <c r="CF3004" s="53"/>
      <c r="CG3004" s="53"/>
      <c r="CH3004" s="53"/>
      <c r="CI3004" s="53"/>
      <c r="CJ3004" s="53"/>
      <c r="CK3004" s="53"/>
      <c r="CL3004" s="53"/>
      <c r="CM3004" s="53"/>
      <c r="CN3004" s="53"/>
    </row>
    <row r="3005" spans="1:92" outlineLevel="1">
      <c r="A3005" s="52" t="s">
        <v>1759</v>
      </c>
      <c r="B3005" s="53">
        <v>-3844313.55</v>
      </c>
      <c r="C3005" s="53">
        <v>-3844313.55</v>
      </c>
      <c r="D3005" s="53">
        <v>-3844313.55</v>
      </c>
      <c r="E3005" s="53">
        <v>-3844313.55</v>
      </c>
      <c r="F3005" s="53">
        <v>-3844313.55</v>
      </c>
      <c r="G3005" s="53">
        <v>-3844313.55</v>
      </c>
      <c r="H3005" s="53">
        <v>-3844313.55</v>
      </c>
      <c r="I3005" s="53">
        <v>-3844313.55</v>
      </c>
      <c r="J3005" s="53">
        <v>-5348295.32</v>
      </c>
      <c r="K3005" s="53">
        <v>-5348295.32</v>
      </c>
      <c r="L3005" s="53">
        <v>-5348295.32</v>
      </c>
      <c r="M3005" s="53">
        <v>-5348295.32</v>
      </c>
      <c r="N3005" s="53">
        <v>-5348295.32</v>
      </c>
      <c r="O3005" s="53">
        <v>-5348295.32</v>
      </c>
      <c r="P3005" s="53">
        <v>-5348295.32</v>
      </c>
      <c r="Q3005" s="53">
        <v>-5348295.32</v>
      </c>
      <c r="R3005" s="53">
        <v>-5348295.32</v>
      </c>
      <c r="S3005" s="53">
        <v>-5348295.32</v>
      </c>
      <c r="T3005" s="53">
        <v>-5348295.32</v>
      </c>
      <c r="U3005" s="53">
        <v>-5348295.32</v>
      </c>
      <c r="V3005" s="53">
        <v>-5348295.32</v>
      </c>
      <c r="W3005" s="53">
        <v>-5348295.32</v>
      </c>
      <c r="X3005" s="53">
        <v>-5348295.32</v>
      </c>
      <c r="Y3005" s="53">
        <v>-5348295.32</v>
      </c>
      <c r="Z3005" s="53">
        <v>-5348295.32</v>
      </c>
      <c r="AA3005" s="53">
        <v>-5348295.32</v>
      </c>
      <c r="AB3005" s="53">
        <v>-5348295.32</v>
      </c>
      <c r="AC3005" s="53">
        <v>-5348295.32</v>
      </c>
      <c r="AD3005" s="53">
        <v>-5348295.32</v>
      </c>
      <c r="AE3005" s="53">
        <v>-5348295.32</v>
      </c>
      <c r="AF3005" s="53">
        <v>-5348295.32</v>
      </c>
      <c r="AG3005" s="53">
        <v>-5348295.32</v>
      </c>
      <c r="AH3005" s="53">
        <v>-5348295.32</v>
      </c>
      <c r="AI3005" s="53">
        <v>-5348295.32</v>
      </c>
      <c r="AJ3005" s="53">
        <v>-5348295.32</v>
      </c>
      <c r="AK3005" s="53">
        <v>-5348295.32</v>
      </c>
      <c r="AL3005" s="53">
        <v>-5348295.32</v>
      </c>
      <c r="AM3005" s="53">
        <v>-5348295.32</v>
      </c>
      <c r="AN3005" s="53">
        <v>-5348295.32</v>
      </c>
      <c r="AO3005" s="53">
        <v>-5348295.32</v>
      </c>
      <c r="AP3005" s="53">
        <v>-5348295.32</v>
      </c>
      <c r="AQ3005" s="53">
        <v>-5348295.32</v>
      </c>
      <c r="AR3005" s="53">
        <v>-5348295.32</v>
      </c>
      <c r="AS3005" s="53">
        <v>-5348295.32</v>
      </c>
      <c r="AT3005" s="53">
        <v>-5348295.32</v>
      </c>
      <c r="AU3005" s="53">
        <v>-5348295.32</v>
      </c>
      <c r="AV3005" s="53">
        <v>-5348295.32</v>
      </c>
      <c r="AW3005" s="53">
        <v>-5348295.32</v>
      </c>
      <c r="AX3005" s="53">
        <v>-5348295.32</v>
      </c>
      <c r="AY3005" s="53">
        <v>-5348295.32</v>
      </c>
      <c r="AZ3005" s="53">
        <v>-5348295.32</v>
      </c>
      <c r="BA3005" s="53">
        <v>-5348295.32</v>
      </c>
      <c r="BB3005" s="53">
        <v>-5348295.32</v>
      </c>
      <c r="BC3005" s="53">
        <v>-5348295.32</v>
      </c>
      <c r="BD3005" s="53">
        <v>-5348295.32</v>
      </c>
      <c r="BE3005" s="53">
        <v>-5348295.32</v>
      </c>
      <c r="BF3005" s="53">
        <v>-5348295.32</v>
      </c>
      <c r="BG3005" s="53">
        <v>-5348295.32</v>
      </c>
      <c r="BH3005" s="53">
        <v>-5348295.32</v>
      </c>
      <c r="BI3005" s="53">
        <v>-5348295.32</v>
      </c>
      <c r="BJ3005" s="53">
        <v>-5348295.32</v>
      </c>
      <c r="BK3005" s="53">
        <v>-5348295.32</v>
      </c>
      <c r="BL3005" s="53">
        <v>-5348295.32</v>
      </c>
      <c r="BM3005" s="53">
        <v>-5348295.32</v>
      </c>
      <c r="BN3005" s="53">
        <v>-5348295.32</v>
      </c>
      <c r="BO3005" s="53">
        <v>-5348295.32</v>
      </c>
      <c r="BP3005" s="53">
        <v>-5348295.32</v>
      </c>
      <c r="BQ3005" s="53">
        <v>-5348295.32</v>
      </c>
      <c r="BR3005" s="53">
        <v>-5348295.32</v>
      </c>
      <c r="BS3005" s="53">
        <v>-5348295.32</v>
      </c>
      <c r="BT3005" s="53">
        <v>-5348295.32</v>
      </c>
      <c r="BU3005" s="53">
        <v>-5348295.32</v>
      </c>
      <c r="BV3005" s="53">
        <v>-5348295.32</v>
      </c>
      <c r="BW3005" s="53">
        <v>-5348295.32</v>
      </c>
      <c r="BX3005" s="53">
        <v>-5348295.32</v>
      </c>
      <c r="BY3005" s="53">
        <v>-5348295.32</v>
      </c>
      <c r="BZ3005" s="53">
        <v>-5348295.32</v>
      </c>
      <c r="CA3005" s="53">
        <v>-5348295.32</v>
      </c>
      <c r="CB3005" s="53">
        <v>505492830.69999897</v>
      </c>
      <c r="CC3005" s="53">
        <v>503454329.94999897</v>
      </c>
      <c r="CD3005" s="53">
        <v>501415829.19999897</v>
      </c>
      <c r="CE3005" s="53">
        <v>499377328.44999897</v>
      </c>
      <c r="CF3005" s="53">
        <v>497338827.69999897</v>
      </c>
      <c r="CG3005" s="53">
        <v>495300326.94999897</v>
      </c>
      <c r="CH3005" s="53">
        <v>493261826.19999897</v>
      </c>
      <c r="CI3005" s="53">
        <v>491223325.44999897</v>
      </c>
      <c r="CJ3005" s="53">
        <v>489184824.69999897</v>
      </c>
      <c r="CK3005" s="53">
        <v>487146323.94999897</v>
      </c>
      <c r="CL3005" s="53">
        <v>485107823.19999897</v>
      </c>
      <c r="CM3005" s="53">
        <v>483069322.44999897</v>
      </c>
      <c r="CN3005" s="53">
        <v>505492830.69999897</v>
      </c>
    </row>
    <row r="3006" spans="1:92" outlineLevel="1">
      <c r="A3006" s="52" t="s">
        <v>1760</v>
      </c>
      <c r="B3006" s="53">
        <v>0</v>
      </c>
      <c r="C3006" s="53">
        <v>0</v>
      </c>
      <c r="D3006" s="53">
        <v>0</v>
      </c>
      <c r="E3006" s="53">
        <v>0</v>
      </c>
      <c r="F3006" s="53">
        <v>0</v>
      </c>
      <c r="G3006" s="53">
        <v>0</v>
      </c>
      <c r="H3006" s="53">
        <v>0</v>
      </c>
      <c r="I3006" s="53">
        <v>0</v>
      </c>
      <c r="J3006" s="53">
        <v>0</v>
      </c>
      <c r="K3006" s="53">
        <v>0</v>
      </c>
      <c r="L3006" s="53">
        <v>0</v>
      </c>
      <c r="M3006" s="53">
        <v>0</v>
      </c>
      <c r="N3006" s="53">
        <v>0</v>
      </c>
      <c r="O3006" s="53">
        <v>0</v>
      </c>
      <c r="P3006" s="53">
        <v>0</v>
      </c>
      <c r="Q3006" s="53">
        <v>0</v>
      </c>
      <c r="R3006" s="53">
        <v>0</v>
      </c>
      <c r="S3006" s="53">
        <v>0</v>
      </c>
      <c r="T3006" s="53">
        <v>0</v>
      </c>
      <c r="U3006" s="53">
        <v>0</v>
      </c>
      <c r="V3006" s="53">
        <v>0</v>
      </c>
      <c r="W3006" s="53">
        <v>0</v>
      </c>
      <c r="X3006" s="53">
        <v>0</v>
      </c>
      <c r="Y3006" s="53">
        <v>0</v>
      </c>
      <c r="Z3006" s="53">
        <v>0</v>
      </c>
      <c r="AA3006" s="53">
        <v>0</v>
      </c>
      <c r="AB3006" s="53">
        <v>0</v>
      </c>
      <c r="AC3006" s="53">
        <v>0</v>
      </c>
      <c r="AD3006" s="53">
        <v>0</v>
      </c>
      <c r="AE3006" s="53">
        <v>0</v>
      </c>
      <c r="AF3006" s="53">
        <v>0</v>
      </c>
      <c r="AG3006" s="53">
        <v>0</v>
      </c>
      <c r="AH3006" s="53">
        <v>0</v>
      </c>
      <c r="AI3006" s="53">
        <v>0</v>
      </c>
      <c r="AJ3006" s="53">
        <v>0</v>
      </c>
      <c r="AK3006" s="53">
        <v>0</v>
      </c>
      <c r="AL3006" s="53">
        <v>0</v>
      </c>
      <c r="AM3006" s="53">
        <v>0</v>
      </c>
      <c r="AN3006" s="53">
        <v>0</v>
      </c>
      <c r="AO3006" s="53">
        <v>0</v>
      </c>
      <c r="AP3006" s="53">
        <v>0</v>
      </c>
      <c r="AQ3006" s="53">
        <v>0</v>
      </c>
      <c r="AR3006" s="53">
        <v>0</v>
      </c>
      <c r="AS3006" s="53">
        <v>0</v>
      </c>
      <c r="AT3006" s="53">
        <v>0</v>
      </c>
      <c r="AU3006" s="53">
        <v>0</v>
      </c>
      <c r="AV3006" s="53">
        <v>0</v>
      </c>
      <c r="AW3006" s="53">
        <v>0</v>
      </c>
      <c r="AX3006" s="53">
        <v>0</v>
      </c>
      <c r="AY3006" s="53">
        <v>0</v>
      </c>
      <c r="AZ3006" s="53">
        <v>0</v>
      </c>
      <c r="BA3006" s="53">
        <v>0</v>
      </c>
      <c r="BB3006" s="53">
        <v>0</v>
      </c>
      <c r="BC3006" s="53">
        <v>0</v>
      </c>
      <c r="BD3006" s="53">
        <v>0</v>
      </c>
      <c r="BE3006" s="53">
        <v>0</v>
      </c>
      <c r="BF3006" s="53">
        <v>0</v>
      </c>
      <c r="BG3006" s="53">
        <v>0</v>
      </c>
      <c r="BH3006" s="53">
        <v>0</v>
      </c>
      <c r="BI3006" s="53">
        <v>0</v>
      </c>
      <c r="BJ3006" s="53">
        <v>0</v>
      </c>
      <c r="BK3006" s="53">
        <v>0</v>
      </c>
      <c r="BL3006" s="53">
        <v>0</v>
      </c>
      <c r="BM3006" s="53">
        <v>0</v>
      </c>
      <c r="BN3006" s="53">
        <v>0</v>
      </c>
      <c r="BO3006" s="53">
        <v>0</v>
      </c>
      <c r="BP3006" s="53">
        <v>0</v>
      </c>
      <c r="BQ3006" s="53">
        <v>0</v>
      </c>
      <c r="BR3006" s="53">
        <v>0</v>
      </c>
      <c r="BS3006" s="53">
        <v>0</v>
      </c>
      <c r="BT3006" s="53">
        <v>0</v>
      </c>
      <c r="BU3006" s="53">
        <v>0</v>
      </c>
      <c r="BV3006" s="53">
        <v>0</v>
      </c>
      <c r="BW3006" s="53">
        <v>0</v>
      </c>
      <c r="BX3006" s="53">
        <v>0</v>
      </c>
      <c r="BY3006" s="53">
        <v>0</v>
      </c>
      <c r="BZ3006" s="53">
        <v>0</v>
      </c>
      <c r="CA3006" s="53">
        <v>0</v>
      </c>
      <c r="CB3006" s="53"/>
      <c r="CC3006" s="53"/>
      <c r="CD3006" s="53"/>
      <c r="CE3006" s="53"/>
      <c r="CF3006" s="53"/>
      <c r="CG3006" s="53"/>
      <c r="CH3006" s="53"/>
      <c r="CI3006" s="53"/>
      <c r="CJ3006" s="53"/>
      <c r="CK3006" s="53"/>
      <c r="CL3006" s="53"/>
      <c r="CM3006" s="53"/>
      <c r="CN3006" s="53"/>
    </row>
    <row r="3007" spans="1:92" outlineLevel="1">
      <c r="A3007" s="52" t="s">
        <v>1761</v>
      </c>
      <c r="B3007" s="53">
        <v>0</v>
      </c>
      <c r="C3007" s="53">
        <v>0</v>
      </c>
      <c r="D3007" s="53">
        <v>0</v>
      </c>
      <c r="E3007" s="53">
        <v>0</v>
      </c>
      <c r="F3007" s="53">
        <v>0</v>
      </c>
      <c r="G3007" s="53">
        <v>0</v>
      </c>
      <c r="H3007" s="53">
        <v>0</v>
      </c>
      <c r="I3007" s="53">
        <v>0</v>
      </c>
      <c r="J3007" s="53">
        <v>0</v>
      </c>
      <c r="K3007" s="53">
        <v>0</v>
      </c>
      <c r="L3007" s="53">
        <v>0</v>
      </c>
      <c r="M3007" s="53">
        <v>0</v>
      </c>
      <c r="N3007" s="53">
        <v>0</v>
      </c>
      <c r="O3007" s="53">
        <v>0</v>
      </c>
      <c r="P3007" s="53">
        <v>0</v>
      </c>
      <c r="Q3007" s="53">
        <v>0</v>
      </c>
      <c r="R3007" s="53">
        <v>0</v>
      </c>
      <c r="S3007" s="53">
        <v>0</v>
      </c>
      <c r="T3007" s="53">
        <v>0</v>
      </c>
      <c r="U3007" s="53">
        <v>0</v>
      </c>
      <c r="V3007" s="53">
        <v>0</v>
      </c>
      <c r="W3007" s="53">
        <v>0</v>
      </c>
      <c r="X3007" s="53">
        <v>0</v>
      </c>
      <c r="Y3007" s="53">
        <v>0</v>
      </c>
      <c r="Z3007" s="53">
        <v>0</v>
      </c>
      <c r="AA3007" s="53">
        <v>0</v>
      </c>
      <c r="AB3007" s="53">
        <v>0</v>
      </c>
      <c r="AC3007" s="53">
        <v>0</v>
      </c>
      <c r="AD3007" s="53">
        <v>0</v>
      </c>
      <c r="AE3007" s="53">
        <v>0</v>
      </c>
      <c r="AF3007" s="53">
        <v>0</v>
      </c>
      <c r="AG3007" s="53">
        <v>0</v>
      </c>
      <c r="AH3007" s="53">
        <v>0</v>
      </c>
      <c r="AI3007" s="53">
        <v>0</v>
      </c>
      <c r="AJ3007" s="53">
        <v>0</v>
      </c>
      <c r="AK3007" s="53">
        <v>0</v>
      </c>
      <c r="AL3007" s="53">
        <v>0</v>
      </c>
      <c r="AM3007" s="53">
        <v>0</v>
      </c>
      <c r="AN3007" s="53">
        <v>0</v>
      </c>
      <c r="AO3007" s="53">
        <v>0</v>
      </c>
      <c r="AP3007" s="53">
        <v>0</v>
      </c>
      <c r="AQ3007" s="53">
        <v>0</v>
      </c>
      <c r="AR3007" s="53">
        <v>0</v>
      </c>
      <c r="AS3007" s="53">
        <v>0</v>
      </c>
      <c r="AT3007" s="53">
        <v>0</v>
      </c>
      <c r="AU3007" s="53">
        <v>0</v>
      </c>
      <c r="AV3007" s="53">
        <v>0</v>
      </c>
      <c r="AW3007" s="53">
        <v>0</v>
      </c>
      <c r="AX3007" s="53">
        <v>0</v>
      </c>
      <c r="AY3007" s="53">
        <v>0</v>
      </c>
      <c r="AZ3007" s="53">
        <v>0</v>
      </c>
      <c r="BA3007" s="53">
        <v>0</v>
      </c>
      <c r="BB3007" s="53">
        <v>0</v>
      </c>
      <c r="BC3007" s="53">
        <v>0</v>
      </c>
      <c r="BD3007" s="53">
        <v>0</v>
      </c>
      <c r="BE3007" s="53">
        <v>0</v>
      </c>
      <c r="BF3007" s="53">
        <v>0</v>
      </c>
      <c r="BG3007" s="53">
        <v>0</v>
      </c>
      <c r="BH3007" s="53">
        <v>0</v>
      </c>
      <c r="BI3007" s="53">
        <v>0</v>
      </c>
      <c r="BJ3007" s="53">
        <v>0</v>
      </c>
      <c r="BK3007" s="53">
        <v>0</v>
      </c>
      <c r="BL3007" s="53">
        <v>0</v>
      </c>
      <c r="BM3007" s="53">
        <v>0</v>
      </c>
      <c r="BN3007" s="53">
        <v>0</v>
      </c>
      <c r="BO3007" s="53">
        <v>0</v>
      </c>
      <c r="BP3007" s="53">
        <v>0</v>
      </c>
      <c r="BQ3007" s="53">
        <v>0</v>
      </c>
      <c r="BR3007" s="53">
        <v>0</v>
      </c>
      <c r="BS3007" s="53">
        <v>0</v>
      </c>
      <c r="BT3007" s="53">
        <v>0</v>
      </c>
      <c r="BU3007" s="53">
        <v>0</v>
      </c>
      <c r="BV3007" s="53">
        <v>0</v>
      </c>
      <c r="BW3007" s="53">
        <v>0</v>
      </c>
      <c r="BX3007" s="53">
        <v>0</v>
      </c>
      <c r="BY3007" s="53">
        <v>0</v>
      </c>
      <c r="BZ3007" s="53">
        <v>0</v>
      </c>
      <c r="CA3007" s="53">
        <v>0</v>
      </c>
      <c r="CB3007" s="53"/>
      <c r="CC3007" s="53"/>
      <c r="CD3007" s="53"/>
      <c r="CE3007" s="53"/>
      <c r="CF3007" s="53"/>
      <c r="CG3007" s="53"/>
      <c r="CH3007" s="53"/>
      <c r="CI3007" s="53"/>
      <c r="CJ3007" s="53"/>
      <c r="CK3007" s="53"/>
      <c r="CL3007" s="53"/>
      <c r="CM3007" s="53"/>
      <c r="CN3007" s="53"/>
    </row>
    <row r="3008" spans="1:92" outlineLevel="1">
      <c r="A3008" s="52" t="s">
        <v>1762</v>
      </c>
      <c r="B3008" s="53">
        <v>0</v>
      </c>
      <c r="C3008" s="53">
        <v>0</v>
      </c>
      <c r="D3008" s="53">
        <v>0</v>
      </c>
      <c r="E3008" s="53">
        <v>0</v>
      </c>
      <c r="F3008" s="53">
        <v>0</v>
      </c>
      <c r="G3008" s="53">
        <v>0</v>
      </c>
      <c r="H3008" s="53">
        <v>0</v>
      </c>
      <c r="I3008" s="53">
        <v>0</v>
      </c>
      <c r="J3008" s="53">
        <v>0</v>
      </c>
      <c r="K3008" s="53">
        <v>0</v>
      </c>
      <c r="L3008" s="53">
        <v>0</v>
      </c>
      <c r="M3008" s="53">
        <v>0</v>
      </c>
      <c r="N3008" s="53">
        <v>0</v>
      </c>
      <c r="O3008" s="53">
        <v>0</v>
      </c>
      <c r="P3008" s="53">
        <v>0</v>
      </c>
      <c r="Q3008" s="53">
        <v>0</v>
      </c>
      <c r="R3008" s="53">
        <v>0</v>
      </c>
      <c r="S3008" s="53">
        <v>0</v>
      </c>
      <c r="T3008" s="53">
        <v>0</v>
      </c>
      <c r="U3008" s="53">
        <v>0</v>
      </c>
      <c r="V3008" s="53">
        <v>0</v>
      </c>
      <c r="W3008" s="53">
        <v>0</v>
      </c>
      <c r="X3008" s="53">
        <v>0</v>
      </c>
      <c r="Y3008" s="53">
        <v>0</v>
      </c>
      <c r="Z3008" s="53">
        <v>0</v>
      </c>
      <c r="AA3008" s="53">
        <v>0</v>
      </c>
      <c r="AB3008" s="53">
        <v>0</v>
      </c>
      <c r="AC3008" s="53">
        <v>0</v>
      </c>
      <c r="AD3008" s="53">
        <v>0</v>
      </c>
      <c r="AE3008" s="53">
        <v>0</v>
      </c>
      <c r="AF3008" s="53">
        <v>0</v>
      </c>
      <c r="AG3008" s="53">
        <v>0</v>
      </c>
      <c r="AH3008" s="53">
        <v>0</v>
      </c>
      <c r="AI3008" s="53">
        <v>0</v>
      </c>
      <c r="AJ3008" s="53">
        <v>0</v>
      </c>
      <c r="AK3008" s="53">
        <v>0</v>
      </c>
      <c r="AL3008" s="53">
        <v>0</v>
      </c>
      <c r="AM3008" s="53">
        <v>0</v>
      </c>
      <c r="AN3008" s="53">
        <v>0</v>
      </c>
      <c r="AO3008" s="53">
        <v>0</v>
      </c>
      <c r="AP3008" s="53">
        <v>0</v>
      </c>
      <c r="AQ3008" s="53">
        <v>0</v>
      </c>
      <c r="AR3008" s="53">
        <v>0</v>
      </c>
      <c r="AS3008" s="53">
        <v>0</v>
      </c>
      <c r="AT3008" s="53">
        <v>0</v>
      </c>
      <c r="AU3008" s="53">
        <v>0</v>
      </c>
      <c r="AV3008" s="53">
        <v>0</v>
      </c>
      <c r="AW3008" s="53">
        <v>0</v>
      </c>
      <c r="AX3008" s="53">
        <v>0</v>
      </c>
      <c r="AY3008" s="53">
        <v>0</v>
      </c>
      <c r="AZ3008" s="53">
        <v>0</v>
      </c>
      <c r="BA3008" s="53">
        <v>0</v>
      </c>
      <c r="BB3008" s="53">
        <v>0</v>
      </c>
      <c r="BC3008" s="53">
        <v>0</v>
      </c>
      <c r="BD3008" s="53">
        <v>0</v>
      </c>
      <c r="BE3008" s="53">
        <v>0</v>
      </c>
      <c r="BF3008" s="53">
        <v>0</v>
      </c>
      <c r="BG3008" s="53">
        <v>0</v>
      </c>
      <c r="BH3008" s="53">
        <v>0</v>
      </c>
      <c r="BI3008" s="53">
        <v>0</v>
      </c>
      <c r="BJ3008" s="53">
        <v>0</v>
      </c>
      <c r="BK3008" s="53">
        <v>0</v>
      </c>
      <c r="BL3008" s="53">
        <v>0</v>
      </c>
      <c r="BM3008" s="53">
        <v>0</v>
      </c>
      <c r="BN3008" s="53">
        <v>0</v>
      </c>
      <c r="BO3008" s="53">
        <v>0</v>
      </c>
      <c r="BP3008" s="53">
        <v>0</v>
      </c>
      <c r="BQ3008" s="53">
        <v>0</v>
      </c>
      <c r="BR3008" s="53">
        <v>0</v>
      </c>
      <c r="BS3008" s="53">
        <v>0</v>
      </c>
      <c r="BT3008" s="53">
        <v>0</v>
      </c>
      <c r="BU3008" s="53">
        <v>0</v>
      </c>
      <c r="BV3008" s="53">
        <v>0</v>
      </c>
      <c r="BW3008" s="53">
        <v>0</v>
      </c>
      <c r="BX3008" s="53">
        <v>0</v>
      </c>
      <c r="BY3008" s="53">
        <v>0</v>
      </c>
      <c r="BZ3008" s="53">
        <v>0</v>
      </c>
      <c r="CA3008" s="53">
        <v>0</v>
      </c>
      <c r="CB3008" s="53"/>
      <c r="CC3008" s="53"/>
      <c r="CD3008" s="53"/>
      <c r="CE3008" s="53"/>
      <c r="CF3008" s="53"/>
      <c r="CG3008" s="53"/>
      <c r="CH3008" s="53"/>
      <c r="CI3008" s="53"/>
      <c r="CJ3008" s="53"/>
      <c r="CK3008" s="53"/>
      <c r="CL3008" s="53"/>
      <c r="CM3008" s="53"/>
      <c r="CN3008" s="53"/>
    </row>
    <row r="3009" spans="1:92" outlineLevel="1">
      <c r="A3009" s="52" t="s">
        <v>1763</v>
      </c>
      <c r="B3009" s="53">
        <v>0</v>
      </c>
      <c r="C3009" s="53">
        <v>0</v>
      </c>
      <c r="D3009" s="53">
        <v>0</v>
      </c>
      <c r="E3009" s="53">
        <v>0</v>
      </c>
      <c r="F3009" s="53">
        <v>0</v>
      </c>
      <c r="G3009" s="53">
        <v>0</v>
      </c>
      <c r="H3009" s="53">
        <v>0</v>
      </c>
      <c r="I3009" s="53">
        <v>0</v>
      </c>
      <c r="J3009" s="53">
        <v>0</v>
      </c>
      <c r="K3009" s="53">
        <v>0</v>
      </c>
      <c r="L3009" s="53">
        <v>0</v>
      </c>
      <c r="M3009" s="53">
        <v>0</v>
      </c>
      <c r="N3009" s="53">
        <v>0</v>
      </c>
      <c r="O3009" s="53">
        <v>0</v>
      </c>
      <c r="P3009" s="53">
        <v>0</v>
      </c>
      <c r="Q3009" s="53">
        <v>0</v>
      </c>
      <c r="R3009" s="53">
        <v>0</v>
      </c>
      <c r="S3009" s="53">
        <v>0</v>
      </c>
      <c r="T3009" s="53">
        <v>0</v>
      </c>
      <c r="U3009" s="53">
        <v>0</v>
      </c>
      <c r="V3009" s="53">
        <v>0</v>
      </c>
      <c r="W3009" s="53">
        <v>0</v>
      </c>
      <c r="X3009" s="53">
        <v>0</v>
      </c>
      <c r="Y3009" s="53">
        <v>0</v>
      </c>
      <c r="Z3009" s="53">
        <v>0</v>
      </c>
      <c r="AA3009" s="53">
        <v>0</v>
      </c>
      <c r="AB3009" s="53">
        <v>0</v>
      </c>
      <c r="AC3009" s="53">
        <v>0</v>
      </c>
      <c r="AD3009" s="53">
        <v>0</v>
      </c>
      <c r="AE3009" s="53">
        <v>0</v>
      </c>
      <c r="AF3009" s="53">
        <v>0</v>
      </c>
      <c r="AG3009" s="53">
        <v>0</v>
      </c>
      <c r="AH3009" s="53">
        <v>0</v>
      </c>
      <c r="AI3009" s="53">
        <v>0</v>
      </c>
      <c r="AJ3009" s="53">
        <v>0</v>
      </c>
      <c r="AK3009" s="53">
        <v>0</v>
      </c>
      <c r="AL3009" s="53">
        <v>0</v>
      </c>
      <c r="AM3009" s="53">
        <v>0</v>
      </c>
      <c r="AN3009" s="53">
        <v>0</v>
      </c>
      <c r="AO3009" s="53">
        <v>0</v>
      </c>
      <c r="AP3009" s="53">
        <v>0</v>
      </c>
      <c r="AQ3009" s="53">
        <v>0</v>
      </c>
      <c r="AR3009" s="53">
        <v>0</v>
      </c>
      <c r="AS3009" s="53">
        <v>0</v>
      </c>
      <c r="AT3009" s="53">
        <v>0</v>
      </c>
      <c r="AU3009" s="53">
        <v>0</v>
      </c>
      <c r="AV3009" s="53">
        <v>0</v>
      </c>
      <c r="AW3009" s="53">
        <v>0</v>
      </c>
      <c r="AX3009" s="53">
        <v>0</v>
      </c>
      <c r="AY3009" s="53">
        <v>0</v>
      </c>
      <c r="AZ3009" s="53">
        <v>0</v>
      </c>
      <c r="BA3009" s="53">
        <v>0</v>
      </c>
      <c r="BB3009" s="53">
        <v>0</v>
      </c>
      <c r="BC3009" s="53">
        <v>0</v>
      </c>
      <c r="BD3009" s="53">
        <v>0</v>
      </c>
      <c r="BE3009" s="53">
        <v>0</v>
      </c>
      <c r="BF3009" s="53">
        <v>0</v>
      </c>
      <c r="BG3009" s="53">
        <v>0</v>
      </c>
      <c r="BH3009" s="53">
        <v>0</v>
      </c>
      <c r="BI3009" s="53">
        <v>0</v>
      </c>
      <c r="BJ3009" s="53">
        <v>0</v>
      </c>
      <c r="BK3009" s="53">
        <v>0</v>
      </c>
      <c r="BL3009" s="53">
        <v>0</v>
      </c>
      <c r="BM3009" s="53">
        <v>0</v>
      </c>
      <c r="BN3009" s="53">
        <v>0</v>
      </c>
      <c r="BO3009" s="53">
        <v>0</v>
      </c>
      <c r="BP3009" s="53">
        <v>0</v>
      </c>
      <c r="BQ3009" s="53">
        <v>0</v>
      </c>
      <c r="BR3009" s="53">
        <v>0</v>
      </c>
      <c r="BS3009" s="53">
        <v>0</v>
      </c>
      <c r="BT3009" s="53">
        <v>0</v>
      </c>
      <c r="BU3009" s="53">
        <v>0</v>
      </c>
      <c r="BV3009" s="53">
        <v>0</v>
      </c>
      <c r="BW3009" s="53">
        <v>0</v>
      </c>
      <c r="BX3009" s="53">
        <v>0</v>
      </c>
      <c r="BY3009" s="53">
        <v>0</v>
      </c>
      <c r="BZ3009" s="53">
        <v>0</v>
      </c>
      <c r="CA3009" s="53">
        <v>0</v>
      </c>
      <c r="CB3009" s="53"/>
      <c r="CC3009" s="53"/>
      <c r="CD3009" s="53"/>
      <c r="CE3009" s="53"/>
      <c r="CF3009" s="53"/>
      <c r="CG3009" s="53"/>
      <c r="CH3009" s="53"/>
      <c r="CI3009" s="53"/>
      <c r="CJ3009" s="53"/>
      <c r="CK3009" s="53"/>
      <c r="CL3009" s="53"/>
      <c r="CM3009" s="53"/>
      <c r="CN3009" s="53"/>
    </row>
    <row r="3010" spans="1:92" outlineLevel="1">
      <c r="A3010" s="52" t="s">
        <v>1764</v>
      </c>
      <c r="B3010" s="53">
        <v>0</v>
      </c>
      <c r="C3010" s="53">
        <v>0</v>
      </c>
      <c r="D3010" s="53">
        <v>0</v>
      </c>
      <c r="E3010" s="53">
        <v>0</v>
      </c>
      <c r="F3010" s="53">
        <v>0</v>
      </c>
      <c r="G3010" s="53">
        <v>0</v>
      </c>
      <c r="H3010" s="53">
        <v>0</v>
      </c>
      <c r="I3010" s="53">
        <v>0</v>
      </c>
      <c r="J3010" s="53">
        <v>0</v>
      </c>
      <c r="K3010" s="53">
        <v>0</v>
      </c>
      <c r="L3010" s="53">
        <v>0</v>
      </c>
      <c r="M3010" s="53">
        <v>0</v>
      </c>
      <c r="N3010" s="53">
        <v>0</v>
      </c>
      <c r="O3010" s="53">
        <v>0</v>
      </c>
      <c r="P3010" s="53">
        <v>0</v>
      </c>
      <c r="Q3010" s="53">
        <v>0</v>
      </c>
      <c r="R3010" s="53">
        <v>0</v>
      </c>
      <c r="S3010" s="53">
        <v>0</v>
      </c>
      <c r="T3010" s="53">
        <v>0</v>
      </c>
      <c r="U3010" s="53">
        <v>0</v>
      </c>
      <c r="V3010" s="53">
        <v>0</v>
      </c>
      <c r="W3010" s="53">
        <v>0</v>
      </c>
      <c r="X3010" s="53">
        <v>0</v>
      </c>
      <c r="Y3010" s="53">
        <v>0</v>
      </c>
      <c r="Z3010" s="53">
        <v>0</v>
      </c>
      <c r="AA3010" s="53">
        <v>0</v>
      </c>
      <c r="AB3010" s="53">
        <v>0</v>
      </c>
      <c r="AC3010" s="53">
        <v>0</v>
      </c>
      <c r="AD3010" s="53">
        <v>0</v>
      </c>
      <c r="AE3010" s="53">
        <v>0</v>
      </c>
      <c r="AF3010" s="53">
        <v>0</v>
      </c>
      <c r="AG3010" s="53">
        <v>0</v>
      </c>
      <c r="AH3010" s="53">
        <v>0</v>
      </c>
      <c r="AI3010" s="53">
        <v>0</v>
      </c>
      <c r="AJ3010" s="53">
        <v>0</v>
      </c>
      <c r="AK3010" s="53">
        <v>0</v>
      </c>
      <c r="AL3010" s="53">
        <v>0</v>
      </c>
      <c r="AM3010" s="53">
        <v>0</v>
      </c>
      <c r="AN3010" s="53">
        <v>0</v>
      </c>
      <c r="AO3010" s="53">
        <v>0</v>
      </c>
      <c r="AP3010" s="53">
        <v>0</v>
      </c>
      <c r="AQ3010" s="53">
        <v>0</v>
      </c>
      <c r="AR3010" s="53">
        <v>0</v>
      </c>
      <c r="AS3010" s="53">
        <v>0</v>
      </c>
      <c r="AT3010" s="53">
        <v>0</v>
      </c>
      <c r="AU3010" s="53">
        <v>0</v>
      </c>
      <c r="AV3010" s="53">
        <v>0</v>
      </c>
      <c r="AW3010" s="53">
        <v>0</v>
      </c>
      <c r="AX3010" s="53">
        <v>0</v>
      </c>
      <c r="AY3010" s="53">
        <v>0</v>
      </c>
      <c r="AZ3010" s="53">
        <v>0</v>
      </c>
      <c r="BA3010" s="53">
        <v>0</v>
      </c>
      <c r="BB3010" s="53">
        <v>0</v>
      </c>
      <c r="BC3010" s="53">
        <v>0</v>
      </c>
      <c r="BD3010" s="53">
        <v>0</v>
      </c>
      <c r="BE3010" s="53">
        <v>0</v>
      </c>
      <c r="BF3010" s="53">
        <v>0</v>
      </c>
      <c r="BG3010" s="53">
        <v>0</v>
      </c>
      <c r="BH3010" s="53">
        <v>0</v>
      </c>
      <c r="BI3010" s="53">
        <v>0</v>
      </c>
      <c r="BJ3010" s="53">
        <v>0</v>
      </c>
      <c r="BK3010" s="53">
        <v>0</v>
      </c>
      <c r="BL3010" s="53">
        <v>0</v>
      </c>
      <c r="BM3010" s="53">
        <v>0</v>
      </c>
      <c r="BN3010" s="53">
        <v>0</v>
      </c>
      <c r="BO3010" s="53">
        <v>0</v>
      </c>
      <c r="BP3010" s="53">
        <v>0</v>
      </c>
      <c r="BQ3010" s="53">
        <v>0</v>
      </c>
      <c r="BR3010" s="53">
        <v>0</v>
      </c>
      <c r="BS3010" s="53">
        <v>0</v>
      </c>
      <c r="BT3010" s="53">
        <v>0</v>
      </c>
      <c r="BU3010" s="53">
        <v>0</v>
      </c>
      <c r="BV3010" s="53">
        <v>0</v>
      </c>
      <c r="BW3010" s="53">
        <v>0</v>
      </c>
      <c r="BX3010" s="53">
        <v>0</v>
      </c>
      <c r="BY3010" s="53">
        <v>0</v>
      </c>
      <c r="BZ3010" s="53">
        <v>0</v>
      </c>
      <c r="CA3010" s="53">
        <v>0</v>
      </c>
      <c r="CB3010" s="53"/>
      <c r="CC3010" s="53"/>
      <c r="CD3010" s="53"/>
      <c r="CE3010" s="53"/>
      <c r="CF3010" s="53"/>
      <c r="CG3010" s="53"/>
      <c r="CH3010" s="53"/>
      <c r="CI3010" s="53"/>
      <c r="CJ3010" s="53"/>
      <c r="CK3010" s="53"/>
      <c r="CL3010" s="53"/>
      <c r="CM3010" s="53"/>
      <c r="CN3010" s="53"/>
    </row>
    <row r="3011" spans="1:92" outlineLevel="1">
      <c r="A3011" s="52" t="s">
        <v>1765</v>
      </c>
      <c r="B3011" s="53">
        <v>0</v>
      </c>
      <c r="C3011" s="53">
        <v>0</v>
      </c>
      <c r="D3011" s="53">
        <v>0</v>
      </c>
      <c r="E3011" s="53">
        <v>0</v>
      </c>
      <c r="F3011" s="53">
        <v>0</v>
      </c>
      <c r="G3011" s="53">
        <v>0</v>
      </c>
      <c r="H3011" s="53">
        <v>0</v>
      </c>
      <c r="I3011" s="53">
        <v>0</v>
      </c>
      <c r="J3011" s="53">
        <v>0</v>
      </c>
      <c r="K3011" s="53">
        <v>0</v>
      </c>
      <c r="L3011" s="53">
        <v>0</v>
      </c>
      <c r="M3011" s="53">
        <v>0</v>
      </c>
      <c r="N3011" s="53">
        <v>0</v>
      </c>
      <c r="O3011" s="53">
        <v>0</v>
      </c>
      <c r="P3011" s="53">
        <v>0</v>
      </c>
      <c r="Q3011" s="53">
        <v>0</v>
      </c>
      <c r="R3011" s="53">
        <v>0</v>
      </c>
      <c r="S3011" s="53">
        <v>0</v>
      </c>
      <c r="T3011" s="53">
        <v>0</v>
      </c>
      <c r="U3011" s="53">
        <v>0</v>
      </c>
      <c r="V3011" s="53">
        <v>0</v>
      </c>
      <c r="W3011" s="53">
        <v>0</v>
      </c>
      <c r="X3011" s="53">
        <v>0</v>
      </c>
      <c r="Y3011" s="53">
        <v>0</v>
      </c>
      <c r="Z3011" s="53">
        <v>0</v>
      </c>
      <c r="AA3011" s="53">
        <v>0</v>
      </c>
      <c r="AB3011" s="53">
        <v>0</v>
      </c>
      <c r="AC3011" s="53">
        <v>0</v>
      </c>
      <c r="AD3011" s="53">
        <v>0</v>
      </c>
      <c r="AE3011" s="53">
        <v>0</v>
      </c>
      <c r="AF3011" s="53">
        <v>0</v>
      </c>
      <c r="AG3011" s="53">
        <v>0</v>
      </c>
      <c r="AH3011" s="53">
        <v>0</v>
      </c>
      <c r="AI3011" s="53">
        <v>0</v>
      </c>
      <c r="AJ3011" s="53">
        <v>0</v>
      </c>
      <c r="AK3011" s="53">
        <v>0</v>
      </c>
      <c r="AL3011" s="53">
        <v>0</v>
      </c>
      <c r="AM3011" s="53">
        <v>0</v>
      </c>
      <c r="AN3011" s="53">
        <v>0</v>
      </c>
      <c r="AO3011" s="53">
        <v>0</v>
      </c>
      <c r="AP3011" s="53">
        <v>0</v>
      </c>
      <c r="AQ3011" s="53">
        <v>0</v>
      </c>
      <c r="AR3011" s="53">
        <v>0</v>
      </c>
      <c r="AS3011" s="53">
        <v>0</v>
      </c>
      <c r="AT3011" s="53">
        <v>0</v>
      </c>
      <c r="AU3011" s="53">
        <v>0</v>
      </c>
      <c r="AV3011" s="53">
        <v>0</v>
      </c>
      <c r="AW3011" s="53">
        <v>0</v>
      </c>
      <c r="AX3011" s="53">
        <v>0</v>
      </c>
      <c r="AY3011" s="53">
        <v>0</v>
      </c>
      <c r="AZ3011" s="53">
        <v>0</v>
      </c>
      <c r="BA3011" s="53">
        <v>0</v>
      </c>
      <c r="BB3011" s="53">
        <v>0</v>
      </c>
      <c r="BC3011" s="53">
        <v>0</v>
      </c>
      <c r="BD3011" s="53">
        <v>0</v>
      </c>
      <c r="BE3011" s="53">
        <v>0</v>
      </c>
      <c r="BF3011" s="53">
        <v>0</v>
      </c>
      <c r="BG3011" s="53">
        <v>0</v>
      </c>
      <c r="BH3011" s="53">
        <v>0</v>
      </c>
      <c r="BI3011" s="53">
        <v>0</v>
      </c>
      <c r="BJ3011" s="53">
        <v>0</v>
      </c>
      <c r="BK3011" s="53">
        <v>0</v>
      </c>
      <c r="BL3011" s="53">
        <v>0</v>
      </c>
      <c r="BM3011" s="53">
        <v>0</v>
      </c>
      <c r="BN3011" s="53">
        <v>0</v>
      </c>
      <c r="BO3011" s="53">
        <v>0</v>
      </c>
      <c r="BP3011" s="53">
        <v>0</v>
      </c>
      <c r="BQ3011" s="53">
        <v>0</v>
      </c>
      <c r="BR3011" s="53">
        <v>0</v>
      </c>
      <c r="BS3011" s="53">
        <v>0</v>
      </c>
      <c r="BT3011" s="53">
        <v>0</v>
      </c>
      <c r="BU3011" s="53">
        <v>0</v>
      </c>
      <c r="BV3011" s="53">
        <v>0</v>
      </c>
      <c r="BW3011" s="53">
        <v>0</v>
      </c>
      <c r="BX3011" s="53">
        <v>0</v>
      </c>
      <c r="BY3011" s="53">
        <v>0</v>
      </c>
      <c r="BZ3011" s="53">
        <v>0</v>
      </c>
      <c r="CA3011" s="53">
        <v>0</v>
      </c>
      <c r="CB3011" s="53"/>
      <c r="CC3011" s="53"/>
      <c r="CD3011" s="53"/>
      <c r="CE3011" s="53"/>
      <c r="CF3011" s="53"/>
      <c r="CG3011" s="53"/>
      <c r="CH3011" s="53"/>
      <c r="CI3011" s="53"/>
      <c r="CJ3011" s="53"/>
      <c r="CK3011" s="53"/>
      <c r="CL3011" s="53"/>
      <c r="CM3011" s="53"/>
      <c r="CN3011" s="53"/>
    </row>
    <row r="3012" spans="1:92" outlineLevel="1">
      <c r="A3012" s="52" t="s">
        <v>1766</v>
      </c>
      <c r="B3012" s="53">
        <v>0</v>
      </c>
      <c r="C3012" s="53">
        <v>0</v>
      </c>
      <c r="D3012" s="53">
        <v>0</v>
      </c>
      <c r="E3012" s="53">
        <v>0</v>
      </c>
      <c r="F3012" s="53">
        <v>0</v>
      </c>
      <c r="G3012" s="53">
        <v>0</v>
      </c>
      <c r="H3012" s="53">
        <v>0</v>
      </c>
      <c r="I3012" s="53">
        <v>0</v>
      </c>
      <c r="J3012" s="53">
        <v>0</v>
      </c>
      <c r="K3012" s="53">
        <v>0</v>
      </c>
      <c r="L3012" s="53">
        <v>0</v>
      </c>
      <c r="M3012" s="53">
        <v>0</v>
      </c>
      <c r="N3012" s="53">
        <v>0</v>
      </c>
      <c r="O3012" s="53">
        <v>0</v>
      </c>
      <c r="P3012" s="53">
        <v>0</v>
      </c>
      <c r="Q3012" s="53">
        <v>0</v>
      </c>
      <c r="R3012" s="53">
        <v>0</v>
      </c>
      <c r="S3012" s="53">
        <v>0</v>
      </c>
      <c r="T3012" s="53">
        <v>0</v>
      </c>
      <c r="U3012" s="53">
        <v>0</v>
      </c>
      <c r="V3012" s="53">
        <v>0</v>
      </c>
      <c r="W3012" s="53">
        <v>0</v>
      </c>
      <c r="X3012" s="53">
        <v>0</v>
      </c>
      <c r="Y3012" s="53">
        <v>0</v>
      </c>
      <c r="Z3012" s="53">
        <v>0</v>
      </c>
      <c r="AA3012" s="53">
        <v>0</v>
      </c>
      <c r="AB3012" s="53">
        <v>0</v>
      </c>
      <c r="AC3012" s="53">
        <v>0</v>
      </c>
      <c r="AD3012" s="53">
        <v>0</v>
      </c>
      <c r="AE3012" s="53">
        <v>0</v>
      </c>
      <c r="AF3012" s="53">
        <v>0</v>
      </c>
      <c r="AG3012" s="53">
        <v>0</v>
      </c>
      <c r="AH3012" s="53">
        <v>0</v>
      </c>
      <c r="AI3012" s="53">
        <v>0</v>
      </c>
      <c r="AJ3012" s="53">
        <v>0</v>
      </c>
      <c r="AK3012" s="53">
        <v>0</v>
      </c>
      <c r="AL3012" s="53">
        <v>0</v>
      </c>
      <c r="AM3012" s="53">
        <v>0</v>
      </c>
      <c r="AN3012" s="53">
        <v>0</v>
      </c>
      <c r="AO3012" s="53">
        <v>0</v>
      </c>
      <c r="AP3012" s="53">
        <v>0</v>
      </c>
      <c r="AQ3012" s="53">
        <v>0</v>
      </c>
      <c r="AR3012" s="53">
        <v>0</v>
      </c>
      <c r="AS3012" s="53">
        <v>0</v>
      </c>
      <c r="AT3012" s="53">
        <v>0</v>
      </c>
      <c r="AU3012" s="53">
        <v>0</v>
      </c>
      <c r="AV3012" s="53">
        <v>0</v>
      </c>
      <c r="AW3012" s="53">
        <v>0</v>
      </c>
      <c r="AX3012" s="53">
        <v>0</v>
      </c>
      <c r="AY3012" s="53">
        <v>0</v>
      </c>
      <c r="AZ3012" s="53">
        <v>0</v>
      </c>
      <c r="BA3012" s="53">
        <v>0</v>
      </c>
      <c r="BB3012" s="53">
        <v>0</v>
      </c>
      <c r="BC3012" s="53">
        <v>0</v>
      </c>
      <c r="BD3012" s="53">
        <v>0</v>
      </c>
      <c r="BE3012" s="53">
        <v>0</v>
      </c>
      <c r="BF3012" s="53">
        <v>0</v>
      </c>
      <c r="BG3012" s="53">
        <v>0</v>
      </c>
      <c r="BH3012" s="53">
        <v>0</v>
      </c>
      <c r="BI3012" s="53">
        <v>0</v>
      </c>
      <c r="BJ3012" s="53">
        <v>0</v>
      </c>
      <c r="BK3012" s="53">
        <v>0</v>
      </c>
      <c r="BL3012" s="53">
        <v>0</v>
      </c>
      <c r="BM3012" s="53">
        <v>0</v>
      </c>
      <c r="BN3012" s="53">
        <v>0</v>
      </c>
      <c r="BO3012" s="53">
        <v>0</v>
      </c>
      <c r="BP3012" s="53">
        <v>0</v>
      </c>
      <c r="BQ3012" s="53">
        <v>0</v>
      </c>
      <c r="BR3012" s="53">
        <v>0</v>
      </c>
      <c r="BS3012" s="53">
        <v>0</v>
      </c>
      <c r="BT3012" s="53">
        <v>0</v>
      </c>
      <c r="BU3012" s="53">
        <v>0</v>
      </c>
      <c r="BV3012" s="53">
        <v>0</v>
      </c>
      <c r="BW3012" s="53">
        <v>0</v>
      </c>
      <c r="BX3012" s="53">
        <v>0</v>
      </c>
      <c r="BY3012" s="53">
        <v>0</v>
      </c>
      <c r="BZ3012" s="53">
        <v>0</v>
      </c>
      <c r="CA3012" s="53">
        <v>0</v>
      </c>
      <c r="CB3012" s="53"/>
      <c r="CC3012" s="53"/>
      <c r="CD3012" s="53"/>
      <c r="CE3012" s="53"/>
      <c r="CF3012" s="53"/>
      <c r="CG3012" s="53"/>
      <c r="CH3012" s="53"/>
      <c r="CI3012" s="53"/>
      <c r="CJ3012" s="53"/>
      <c r="CK3012" s="53"/>
      <c r="CL3012" s="53"/>
      <c r="CM3012" s="53"/>
      <c r="CN3012" s="53"/>
    </row>
    <row r="3013" spans="1:92" outlineLevel="1">
      <c r="A3013" s="52" t="s">
        <v>1767</v>
      </c>
      <c r="B3013" s="53">
        <v>0</v>
      </c>
      <c r="C3013" s="53">
        <v>0</v>
      </c>
      <c r="D3013" s="53">
        <v>0</v>
      </c>
      <c r="E3013" s="53">
        <v>0</v>
      </c>
      <c r="F3013" s="53">
        <v>0</v>
      </c>
      <c r="G3013" s="53">
        <v>0</v>
      </c>
      <c r="H3013" s="53">
        <v>0</v>
      </c>
      <c r="I3013" s="53">
        <v>0</v>
      </c>
      <c r="J3013" s="53">
        <v>0</v>
      </c>
      <c r="K3013" s="53">
        <v>0</v>
      </c>
      <c r="L3013" s="53">
        <v>0</v>
      </c>
      <c r="M3013" s="53">
        <v>0</v>
      </c>
      <c r="N3013" s="53">
        <v>0</v>
      </c>
      <c r="O3013" s="53">
        <v>0</v>
      </c>
      <c r="P3013" s="53">
        <v>0</v>
      </c>
      <c r="Q3013" s="53">
        <v>0</v>
      </c>
      <c r="R3013" s="53">
        <v>0</v>
      </c>
      <c r="S3013" s="53">
        <v>0</v>
      </c>
      <c r="T3013" s="53">
        <v>0</v>
      </c>
      <c r="U3013" s="53">
        <v>0</v>
      </c>
      <c r="V3013" s="53">
        <v>0</v>
      </c>
      <c r="W3013" s="53">
        <v>0</v>
      </c>
      <c r="X3013" s="53">
        <v>0</v>
      </c>
      <c r="Y3013" s="53">
        <v>0</v>
      </c>
      <c r="Z3013" s="53">
        <v>0</v>
      </c>
      <c r="AA3013" s="53">
        <v>0</v>
      </c>
      <c r="AB3013" s="53">
        <v>0</v>
      </c>
      <c r="AC3013" s="53">
        <v>0</v>
      </c>
      <c r="AD3013" s="53">
        <v>0</v>
      </c>
      <c r="AE3013" s="53">
        <v>0</v>
      </c>
      <c r="AF3013" s="53">
        <v>0</v>
      </c>
      <c r="AG3013" s="53">
        <v>0</v>
      </c>
      <c r="AH3013" s="53">
        <v>0</v>
      </c>
      <c r="AI3013" s="53">
        <v>0</v>
      </c>
      <c r="AJ3013" s="53">
        <v>0</v>
      </c>
      <c r="AK3013" s="53">
        <v>0</v>
      </c>
      <c r="AL3013" s="53">
        <v>0</v>
      </c>
      <c r="AM3013" s="53">
        <v>0</v>
      </c>
      <c r="AN3013" s="53">
        <v>0</v>
      </c>
      <c r="AO3013" s="53">
        <v>0</v>
      </c>
      <c r="AP3013" s="53">
        <v>0</v>
      </c>
      <c r="AQ3013" s="53">
        <v>0</v>
      </c>
      <c r="AR3013" s="53">
        <v>0</v>
      </c>
      <c r="AS3013" s="53">
        <v>0</v>
      </c>
      <c r="AT3013" s="53">
        <v>0</v>
      </c>
      <c r="AU3013" s="53">
        <v>0</v>
      </c>
      <c r="AV3013" s="53">
        <v>0</v>
      </c>
      <c r="AW3013" s="53">
        <v>0</v>
      </c>
      <c r="AX3013" s="53">
        <v>0</v>
      </c>
      <c r="AY3013" s="53">
        <v>0</v>
      </c>
      <c r="AZ3013" s="53">
        <v>0</v>
      </c>
      <c r="BA3013" s="53">
        <v>0</v>
      </c>
      <c r="BB3013" s="53">
        <v>0</v>
      </c>
      <c r="BC3013" s="53">
        <v>0</v>
      </c>
      <c r="BD3013" s="53">
        <v>0</v>
      </c>
      <c r="BE3013" s="53">
        <v>0</v>
      </c>
      <c r="BF3013" s="53">
        <v>0</v>
      </c>
      <c r="BG3013" s="53">
        <v>0</v>
      </c>
      <c r="BH3013" s="53">
        <v>0</v>
      </c>
      <c r="BI3013" s="53">
        <v>0</v>
      </c>
      <c r="BJ3013" s="53">
        <v>0</v>
      </c>
      <c r="BK3013" s="53">
        <v>0</v>
      </c>
      <c r="BL3013" s="53">
        <v>0</v>
      </c>
      <c r="BM3013" s="53">
        <v>0</v>
      </c>
      <c r="BN3013" s="53">
        <v>0</v>
      </c>
      <c r="BO3013" s="53">
        <v>0</v>
      </c>
      <c r="BP3013" s="53">
        <v>0</v>
      </c>
      <c r="BQ3013" s="53">
        <v>0</v>
      </c>
      <c r="BR3013" s="53">
        <v>0</v>
      </c>
      <c r="BS3013" s="53">
        <v>0</v>
      </c>
      <c r="BT3013" s="53">
        <v>0</v>
      </c>
      <c r="BU3013" s="53">
        <v>0</v>
      </c>
      <c r="BV3013" s="53">
        <v>0</v>
      </c>
      <c r="BW3013" s="53">
        <v>0</v>
      </c>
      <c r="BX3013" s="53">
        <v>0</v>
      </c>
      <c r="BY3013" s="53">
        <v>0</v>
      </c>
      <c r="BZ3013" s="53">
        <v>0</v>
      </c>
      <c r="CA3013" s="53">
        <v>0</v>
      </c>
      <c r="CB3013" s="53">
        <v>-1903376.24999999</v>
      </c>
      <c r="CC3013" s="53">
        <v>-1903376.24999999</v>
      </c>
      <c r="CD3013" s="53">
        <v>-1903376.24999999</v>
      </c>
      <c r="CE3013" s="53">
        <v>-1903376.24999999</v>
      </c>
      <c r="CF3013" s="53">
        <v>-1903376.24999999</v>
      </c>
      <c r="CG3013" s="53">
        <v>-1903376.24999999</v>
      </c>
      <c r="CH3013" s="53">
        <v>-1903376.24999999</v>
      </c>
      <c r="CI3013" s="53">
        <v>-1903376.24999999</v>
      </c>
      <c r="CJ3013" s="53">
        <v>-1903376.24999999</v>
      </c>
      <c r="CK3013" s="53">
        <v>-1903376.24999999</v>
      </c>
      <c r="CL3013" s="53">
        <v>-1903376.24999999</v>
      </c>
      <c r="CM3013" s="53">
        <v>-1903376.24999999</v>
      </c>
      <c r="CN3013" s="53">
        <v>-22840515</v>
      </c>
    </row>
    <row r="3014" spans="1:92" outlineLevel="1">
      <c r="A3014" s="52" t="s">
        <v>1768</v>
      </c>
      <c r="B3014" s="53">
        <v>0</v>
      </c>
      <c r="C3014" s="53">
        <v>0</v>
      </c>
      <c r="D3014" s="53">
        <v>0</v>
      </c>
      <c r="E3014" s="53">
        <v>0</v>
      </c>
      <c r="F3014" s="53">
        <v>0</v>
      </c>
      <c r="G3014" s="53">
        <v>0</v>
      </c>
      <c r="H3014" s="53">
        <v>0</v>
      </c>
      <c r="I3014" s="53">
        <v>0</v>
      </c>
      <c r="J3014" s="53">
        <v>0</v>
      </c>
      <c r="K3014" s="53">
        <v>0</v>
      </c>
      <c r="L3014" s="53">
        <v>0</v>
      </c>
      <c r="M3014" s="53">
        <v>0</v>
      </c>
      <c r="N3014" s="53">
        <v>0</v>
      </c>
      <c r="O3014" s="53">
        <v>0</v>
      </c>
      <c r="P3014" s="53">
        <v>0</v>
      </c>
      <c r="Q3014" s="53">
        <v>0</v>
      </c>
      <c r="R3014" s="53">
        <v>0</v>
      </c>
      <c r="S3014" s="53">
        <v>0</v>
      </c>
      <c r="T3014" s="53">
        <v>0</v>
      </c>
      <c r="U3014" s="53">
        <v>0</v>
      </c>
      <c r="V3014" s="53">
        <v>0</v>
      </c>
      <c r="W3014" s="53">
        <v>0</v>
      </c>
      <c r="X3014" s="53">
        <v>0</v>
      </c>
      <c r="Y3014" s="53">
        <v>0</v>
      </c>
      <c r="Z3014" s="53">
        <v>0</v>
      </c>
      <c r="AA3014" s="53">
        <v>0</v>
      </c>
      <c r="AB3014" s="53">
        <v>0</v>
      </c>
      <c r="AC3014" s="53">
        <v>0</v>
      </c>
      <c r="AD3014" s="53">
        <v>0</v>
      </c>
      <c r="AE3014" s="53">
        <v>0</v>
      </c>
      <c r="AF3014" s="53">
        <v>0</v>
      </c>
      <c r="AG3014" s="53">
        <v>0</v>
      </c>
      <c r="AH3014" s="53">
        <v>0</v>
      </c>
      <c r="AI3014" s="53">
        <v>0</v>
      </c>
      <c r="AJ3014" s="53">
        <v>0</v>
      </c>
      <c r="AK3014" s="53">
        <v>0</v>
      </c>
      <c r="AL3014" s="53">
        <v>0</v>
      </c>
      <c r="AM3014" s="53">
        <v>0</v>
      </c>
      <c r="AN3014" s="53">
        <v>0</v>
      </c>
      <c r="AO3014" s="53">
        <v>0</v>
      </c>
      <c r="AP3014" s="53">
        <v>0</v>
      </c>
      <c r="AQ3014" s="53">
        <v>0</v>
      </c>
      <c r="AR3014" s="53">
        <v>0</v>
      </c>
      <c r="AS3014" s="53">
        <v>0</v>
      </c>
      <c r="AT3014" s="53">
        <v>0</v>
      </c>
      <c r="AU3014" s="53">
        <v>0</v>
      </c>
      <c r="AV3014" s="53">
        <v>0</v>
      </c>
      <c r="AW3014" s="53">
        <v>0</v>
      </c>
      <c r="AX3014" s="53">
        <v>0</v>
      </c>
      <c r="AY3014" s="53">
        <v>0</v>
      </c>
      <c r="AZ3014" s="53">
        <v>0</v>
      </c>
      <c r="BA3014" s="53">
        <v>0</v>
      </c>
      <c r="BB3014" s="53">
        <v>0</v>
      </c>
      <c r="BC3014" s="53">
        <v>0</v>
      </c>
      <c r="BD3014" s="53">
        <v>0</v>
      </c>
      <c r="BE3014" s="53">
        <v>0</v>
      </c>
      <c r="BF3014" s="53">
        <v>0</v>
      </c>
      <c r="BG3014" s="53">
        <v>0</v>
      </c>
      <c r="BH3014" s="53">
        <v>0</v>
      </c>
      <c r="BI3014" s="53">
        <v>0</v>
      </c>
      <c r="BJ3014" s="53">
        <v>0</v>
      </c>
      <c r="BK3014" s="53">
        <v>0</v>
      </c>
      <c r="BL3014" s="53">
        <v>0</v>
      </c>
      <c r="BM3014" s="53">
        <v>0</v>
      </c>
      <c r="BN3014" s="53">
        <v>0</v>
      </c>
      <c r="BO3014" s="53">
        <v>0</v>
      </c>
      <c r="BP3014" s="53">
        <v>0</v>
      </c>
      <c r="BQ3014" s="53">
        <v>0</v>
      </c>
      <c r="BR3014" s="53">
        <v>0</v>
      </c>
      <c r="BS3014" s="53">
        <v>0</v>
      </c>
      <c r="BT3014" s="53">
        <v>0</v>
      </c>
      <c r="BU3014" s="53">
        <v>0</v>
      </c>
      <c r="BV3014" s="53">
        <v>0</v>
      </c>
      <c r="BW3014" s="53">
        <v>0</v>
      </c>
      <c r="BX3014" s="53">
        <v>0</v>
      </c>
      <c r="BY3014" s="53">
        <v>0</v>
      </c>
      <c r="BZ3014" s="53">
        <v>0</v>
      </c>
      <c r="CA3014" s="53">
        <v>0</v>
      </c>
      <c r="CB3014" s="53"/>
      <c r="CC3014" s="53"/>
      <c r="CD3014" s="53"/>
      <c r="CE3014" s="53"/>
      <c r="CF3014" s="53"/>
      <c r="CG3014" s="53"/>
      <c r="CH3014" s="53"/>
      <c r="CI3014" s="53"/>
      <c r="CJ3014" s="53"/>
      <c r="CK3014" s="53"/>
      <c r="CL3014" s="53"/>
      <c r="CM3014" s="53"/>
      <c r="CN3014" s="53"/>
    </row>
    <row r="3015" spans="1:92" outlineLevel="1">
      <c r="A3015" s="52" t="s">
        <v>1218</v>
      </c>
      <c r="B3015" s="53">
        <v>71706629.580999896</v>
      </c>
      <c r="C3015" s="53">
        <v>63316970.490000002</v>
      </c>
      <c r="D3015" s="53">
        <v>82906907.839999899</v>
      </c>
      <c r="E3015" s="53">
        <v>70880534.709999904</v>
      </c>
      <c r="F3015" s="53">
        <v>67663575.299999997</v>
      </c>
      <c r="G3015" s="53">
        <v>71058048.469999999</v>
      </c>
      <c r="H3015" s="53">
        <v>71357401.269999906</v>
      </c>
      <c r="I3015" s="53">
        <v>71359271.640000001</v>
      </c>
      <c r="J3015" s="53">
        <v>99206010.779999897</v>
      </c>
      <c r="K3015" s="53">
        <v>121463277.03</v>
      </c>
      <c r="L3015" s="53">
        <v>102623048.56</v>
      </c>
      <c r="M3015" s="53">
        <v>90058170.609999895</v>
      </c>
      <c r="N3015" s="53">
        <v>71706629.580999896</v>
      </c>
      <c r="O3015" s="53">
        <v>85222079.589999899</v>
      </c>
      <c r="P3015" s="53">
        <v>100740166.75061999</v>
      </c>
      <c r="Q3015" s="53">
        <v>90480092.675830305</v>
      </c>
      <c r="R3015" s="53">
        <v>52528255.638906002</v>
      </c>
      <c r="S3015" s="53">
        <v>51517234.195619904</v>
      </c>
      <c r="T3015" s="53">
        <v>58017004.594202399</v>
      </c>
      <c r="U3015" s="53">
        <v>32297361.453647099</v>
      </c>
      <c r="V3015" s="53">
        <v>40617383.3035409</v>
      </c>
      <c r="W3015" s="53">
        <v>64558876.603099801</v>
      </c>
      <c r="X3015" s="53">
        <v>40871328.108302101</v>
      </c>
      <c r="Y3015" s="53">
        <v>41308179.445310302</v>
      </c>
      <c r="Z3015" s="53">
        <v>29088243.385492802</v>
      </c>
      <c r="AA3015" s="53">
        <v>85222079.589999899</v>
      </c>
      <c r="AB3015" s="53">
        <v>-10723283.9075626</v>
      </c>
      <c r="AC3015" s="53">
        <v>-7381144.6097646104</v>
      </c>
      <c r="AD3015" s="53">
        <v>-24793857.7997008</v>
      </c>
      <c r="AE3015" s="53">
        <v>-51234282.7327336</v>
      </c>
      <c r="AF3015" s="53">
        <v>-62004639.668990001</v>
      </c>
      <c r="AG3015" s="53">
        <v>-64655498.220058702</v>
      </c>
      <c r="AH3015" s="53">
        <v>-78563470.032462403</v>
      </c>
      <c r="AI3015" s="53">
        <v>-79099502.886079296</v>
      </c>
      <c r="AJ3015" s="53">
        <v>-64787348.600658</v>
      </c>
      <c r="AK3015" s="53">
        <v>-68998905.138101593</v>
      </c>
      <c r="AL3015" s="53">
        <v>-68819340.963134393</v>
      </c>
      <c r="AM3015" s="53">
        <v>-78476896.824969694</v>
      </c>
      <c r="AN3015" s="53">
        <v>-10723283.9075626</v>
      </c>
      <c r="AO3015" s="53">
        <v>-97159643.724974006</v>
      </c>
      <c r="AP3015" s="53">
        <v>-87025663.914743096</v>
      </c>
      <c r="AQ3015" s="53">
        <v>-96803909.673820496</v>
      </c>
      <c r="AR3015" s="53">
        <v>-103231752.65775099</v>
      </c>
      <c r="AS3015" s="53">
        <v>-106679025.810515</v>
      </c>
      <c r="AT3015" s="53">
        <v>-103143895.33727799</v>
      </c>
      <c r="AU3015" s="53">
        <v>-99662720.099985495</v>
      </c>
      <c r="AV3015" s="53">
        <v>-93904206.640875995</v>
      </c>
      <c r="AW3015" s="53">
        <v>-75989490.684177294</v>
      </c>
      <c r="AX3015" s="53">
        <v>-71814307.965840206</v>
      </c>
      <c r="AY3015" s="53">
        <v>-74621140.117522001</v>
      </c>
      <c r="AZ3015" s="53">
        <v>-86385299.976633698</v>
      </c>
      <c r="BA3015" s="53">
        <v>-97159643.724974006</v>
      </c>
      <c r="BB3015" s="53">
        <v>-97159643.724974006</v>
      </c>
      <c r="BC3015" s="53">
        <v>-87374587.121508494</v>
      </c>
      <c r="BD3015" s="53">
        <v>-97291331.440931305</v>
      </c>
      <c r="BE3015" s="53">
        <v>-104044984.691534</v>
      </c>
      <c r="BF3015" s="53">
        <v>-107789707.682495</v>
      </c>
      <c r="BG3015" s="53">
        <v>-104511155.431739</v>
      </c>
      <c r="BH3015" s="53">
        <v>-100995241.243211</v>
      </c>
      <c r="BI3015" s="53">
        <v>-95190517.251365706</v>
      </c>
      <c r="BJ3015" s="53">
        <v>-77264965.705323905</v>
      </c>
      <c r="BK3015" s="53">
        <v>-72982169.927577794</v>
      </c>
      <c r="BL3015" s="53">
        <v>-75300334.694777504</v>
      </c>
      <c r="BM3015" s="53">
        <v>-86781252.282302797</v>
      </c>
      <c r="BN3015" s="53">
        <v>-97159643.724974006</v>
      </c>
      <c r="BO3015" s="53">
        <v>-97159713.169872805</v>
      </c>
      <c r="BP3015" s="53">
        <v>-89203877.805340007</v>
      </c>
      <c r="BQ3015" s="53">
        <v>-102519610.854251</v>
      </c>
      <c r="BR3015" s="53">
        <v>-112515130.170632</v>
      </c>
      <c r="BS3015" s="53">
        <v>-119201009.068093</v>
      </c>
      <c r="BT3015" s="53">
        <v>-117998996.55747101</v>
      </c>
      <c r="BU3015" s="53">
        <v>-110617157.27919801</v>
      </c>
      <c r="BV3015" s="53">
        <v>-100672364.527365</v>
      </c>
      <c r="BW3015" s="53">
        <v>-77585816.106470197</v>
      </c>
      <c r="BX3015" s="53">
        <v>-72215798.011758104</v>
      </c>
      <c r="BY3015" s="53">
        <v>-74709212.972465098</v>
      </c>
      <c r="BZ3015" s="53">
        <v>-87020672.007020593</v>
      </c>
      <c r="CA3015" s="53">
        <v>-97159713.169872805</v>
      </c>
      <c r="CB3015" s="53"/>
      <c r="CC3015" s="53"/>
      <c r="CD3015" s="53"/>
      <c r="CE3015" s="53"/>
      <c r="CF3015" s="53"/>
      <c r="CG3015" s="53"/>
      <c r="CH3015" s="53"/>
      <c r="CI3015" s="53"/>
      <c r="CJ3015" s="53"/>
      <c r="CK3015" s="53"/>
      <c r="CL3015" s="53"/>
      <c r="CM3015" s="53"/>
      <c r="CN3015" s="53"/>
    </row>
    <row r="3016" spans="1:92" outlineLevel="1">
      <c r="A3016" s="52" t="s">
        <v>699</v>
      </c>
      <c r="B3016" s="53"/>
      <c r="C3016" s="53"/>
      <c r="D3016" s="53"/>
      <c r="E3016" s="53"/>
      <c r="F3016" s="53"/>
      <c r="G3016" s="53"/>
      <c r="H3016" s="53"/>
      <c r="I3016" s="53"/>
      <c r="J3016" s="53"/>
      <c r="K3016" s="53"/>
      <c r="L3016" s="53"/>
      <c r="M3016" s="53"/>
      <c r="N3016" s="53"/>
      <c r="O3016" s="53"/>
      <c r="P3016" s="53"/>
      <c r="Q3016" s="53"/>
      <c r="R3016" s="53"/>
      <c r="S3016" s="53"/>
      <c r="T3016" s="53"/>
      <c r="U3016" s="53"/>
      <c r="V3016" s="53"/>
      <c r="W3016" s="53"/>
      <c r="X3016" s="53"/>
      <c r="Y3016" s="53"/>
      <c r="Z3016" s="53"/>
      <c r="AA3016" s="53"/>
      <c r="AB3016" s="53"/>
      <c r="AC3016" s="53"/>
      <c r="AD3016" s="53"/>
      <c r="AE3016" s="53"/>
      <c r="AF3016" s="53"/>
      <c r="AG3016" s="53"/>
      <c r="AH3016" s="53"/>
      <c r="AI3016" s="53"/>
      <c r="AJ3016" s="53"/>
      <c r="AK3016" s="53"/>
      <c r="AL3016" s="53"/>
      <c r="AM3016" s="53"/>
      <c r="AN3016" s="53"/>
      <c r="AO3016" s="53"/>
      <c r="AP3016" s="53"/>
      <c r="AQ3016" s="53"/>
      <c r="AR3016" s="53"/>
      <c r="AS3016" s="53"/>
      <c r="AT3016" s="53"/>
      <c r="AU3016" s="53"/>
      <c r="AV3016" s="53"/>
      <c r="AW3016" s="53"/>
      <c r="AX3016" s="53"/>
      <c r="AY3016" s="53"/>
      <c r="AZ3016" s="53"/>
      <c r="BA3016" s="53"/>
      <c r="BB3016" s="53"/>
      <c r="BC3016" s="53"/>
      <c r="BD3016" s="53"/>
      <c r="BE3016" s="53"/>
      <c r="BF3016" s="53"/>
      <c r="BG3016" s="53"/>
      <c r="BH3016" s="53"/>
      <c r="BI3016" s="53"/>
      <c r="BJ3016" s="53"/>
      <c r="BK3016" s="53"/>
      <c r="BL3016" s="53"/>
      <c r="BM3016" s="53"/>
      <c r="BN3016" s="53"/>
      <c r="BO3016" s="53"/>
      <c r="BP3016" s="53"/>
      <c r="BQ3016" s="53"/>
      <c r="BR3016" s="53"/>
      <c r="BS3016" s="53"/>
      <c r="BT3016" s="53"/>
      <c r="BU3016" s="53"/>
      <c r="BV3016" s="53"/>
      <c r="BW3016" s="53"/>
      <c r="BX3016" s="53"/>
      <c r="BY3016" s="53"/>
      <c r="BZ3016" s="53"/>
      <c r="CA3016" s="53"/>
      <c r="CB3016" s="53"/>
      <c r="CC3016" s="53"/>
      <c r="CD3016" s="53"/>
      <c r="CE3016" s="53"/>
      <c r="CF3016" s="53"/>
      <c r="CG3016" s="53"/>
      <c r="CH3016" s="53"/>
      <c r="CI3016" s="53"/>
      <c r="CJ3016" s="53"/>
      <c r="CK3016" s="53"/>
      <c r="CL3016" s="53"/>
      <c r="CM3016" s="53"/>
      <c r="CN3016" s="53"/>
    </row>
    <row r="3017" spans="1:92" outlineLevel="1">
      <c r="A3017" s="52" t="s">
        <v>650</v>
      </c>
      <c r="B3017" s="53"/>
      <c r="C3017" s="53"/>
      <c r="D3017" s="53"/>
      <c r="E3017" s="53"/>
      <c r="F3017" s="53"/>
      <c r="G3017" s="53"/>
      <c r="H3017" s="53"/>
      <c r="I3017" s="53"/>
      <c r="J3017" s="53"/>
      <c r="K3017" s="53"/>
      <c r="L3017" s="53"/>
      <c r="M3017" s="53"/>
      <c r="N3017" s="53"/>
      <c r="O3017" s="53"/>
      <c r="P3017" s="53"/>
      <c r="Q3017" s="53"/>
      <c r="R3017" s="53"/>
      <c r="S3017" s="53"/>
      <c r="T3017" s="53"/>
      <c r="U3017" s="53"/>
      <c r="V3017" s="53"/>
      <c r="W3017" s="53"/>
      <c r="X3017" s="53"/>
      <c r="Y3017" s="53"/>
      <c r="Z3017" s="53"/>
      <c r="AA3017" s="53"/>
      <c r="AB3017" s="53"/>
      <c r="AC3017" s="53"/>
      <c r="AD3017" s="53"/>
      <c r="AE3017" s="53"/>
      <c r="AF3017" s="53"/>
      <c r="AG3017" s="53"/>
      <c r="AH3017" s="53"/>
      <c r="AI3017" s="53"/>
      <c r="AJ3017" s="53"/>
      <c r="AK3017" s="53"/>
      <c r="AL3017" s="53"/>
      <c r="AM3017" s="53"/>
      <c r="AN3017" s="53"/>
      <c r="AO3017" s="53"/>
      <c r="AP3017" s="53"/>
      <c r="AQ3017" s="53"/>
      <c r="AR3017" s="53"/>
      <c r="AS3017" s="53"/>
      <c r="AT3017" s="53"/>
      <c r="AU3017" s="53"/>
      <c r="AV3017" s="53"/>
      <c r="AW3017" s="53"/>
      <c r="AX3017" s="53"/>
      <c r="AY3017" s="53"/>
      <c r="AZ3017" s="53"/>
      <c r="BA3017" s="53"/>
      <c r="BB3017" s="53"/>
      <c r="BC3017" s="53"/>
      <c r="BD3017" s="53"/>
      <c r="BE3017" s="53"/>
      <c r="BF3017" s="53"/>
      <c r="BG3017" s="53"/>
      <c r="BH3017" s="53"/>
      <c r="BI3017" s="53"/>
      <c r="BJ3017" s="53"/>
      <c r="BK3017" s="53"/>
      <c r="BL3017" s="53"/>
      <c r="BM3017" s="53"/>
      <c r="BN3017" s="53"/>
      <c r="BO3017" s="53"/>
      <c r="BP3017" s="53"/>
      <c r="BQ3017" s="53"/>
      <c r="BR3017" s="53"/>
      <c r="BS3017" s="53"/>
      <c r="BT3017" s="53"/>
      <c r="BU3017" s="53"/>
      <c r="BV3017" s="53"/>
      <c r="BW3017" s="53"/>
      <c r="BX3017" s="53"/>
      <c r="BY3017" s="53"/>
      <c r="BZ3017" s="53"/>
      <c r="CA3017" s="53"/>
      <c r="CB3017" s="53">
        <v>-90631.833333333299</v>
      </c>
      <c r="CC3017" s="53">
        <v>-90631.833333333299</v>
      </c>
      <c r="CD3017" s="53">
        <v>-90631.833333333299</v>
      </c>
      <c r="CE3017" s="53">
        <v>-90631.833333333299</v>
      </c>
      <c r="CF3017" s="53">
        <v>-90631.833333333299</v>
      </c>
      <c r="CG3017" s="53">
        <v>-90631.833333333299</v>
      </c>
      <c r="CH3017" s="53">
        <v>-90631.833333333299</v>
      </c>
      <c r="CI3017" s="53">
        <v>-90631.833333333299</v>
      </c>
      <c r="CJ3017" s="53">
        <v>-90631.833333333299</v>
      </c>
      <c r="CK3017" s="53">
        <v>-90631.833333333299</v>
      </c>
      <c r="CL3017" s="53">
        <v>-90631.833333333299</v>
      </c>
      <c r="CM3017" s="53">
        <v>-90631.833333333299</v>
      </c>
      <c r="CN3017" s="53">
        <v>-1087582</v>
      </c>
    </row>
    <row r="3018" spans="1:92" outlineLevel="1">
      <c r="A3018" s="52" t="s">
        <v>1735</v>
      </c>
      <c r="B3018" s="53"/>
      <c r="C3018" s="53"/>
      <c r="D3018" s="53"/>
      <c r="E3018" s="53"/>
      <c r="F3018" s="53"/>
      <c r="G3018" s="53"/>
      <c r="H3018" s="53"/>
      <c r="I3018" s="53"/>
      <c r="J3018" s="53"/>
      <c r="K3018" s="53"/>
      <c r="L3018" s="53"/>
      <c r="M3018" s="53"/>
      <c r="N3018" s="53"/>
      <c r="O3018" s="53"/>
      <c r="P3018" s="53"/>
      <c r="Q3018" s="53"/>
      <c r="R3018" s="53"/>
      <c r="S3018" s="53"/>
      <c r="T3018" s="53"/>
      <c r="U3018" s="53"/>
      <c r="V3018" s="53"/>
      <c r="W3018" s="53"/>
      <c r="X3018" s="53"/>
      <c r="Y3018" s="53"/>
      <c r="Z3018" s="53"/>
      <c r="AA3018" s="53"/>
      <c r="AB3018" s="53"/>
      <c r="AC3018" s="53"/>
      <c r="AD3018" s="53"/>
      <c r="AE3018" s="53"/>
      <c r="AF3018" s="53"/>
      <c r="AG3018" s="53"/>
      <c r="AH3018" s="53"/>
      <c r="AI3018" s="53"/>
      <c r="AJ3018" s="53"/>
      <c r="AK3018" s="53"/>
      <c r="AL3018" s="53"/>
      <c r="AM3018" s="53"/>
      <c r="AN3018" s="53"/>
      <c r="AO3018" s="53"/>
      <c r="AP3018" s="53"/>
      <c r="AQ3018" s="53"/>
      <c r="AR3018" s="53"/>
      <c r="AS3018" s="53"/>
      <c r="AT3018" s="53"/>
      <c r="AU3018" s="53"/>
      <c r="AV3018" s="53"/>
      <c r="AW3018" s="53"/>
      <c r="AX3018" s="53"/>
      <c r="AY3018" s="53"/>
      <c r="AZ3018" s="53"/>
      <c r="BA3018" s="53"/>
      <c r="BB3018" s="53"/>
      <c r="BC3018" s="53"/>
      <c r="BD3018" s="53"/>
      <c r="BE3018" s="53"/>
      <c r="BF3018" s="53"/>
      <c r="BG3018" s="53"/>
      <c r="BH3018" s="53"/>
      <c r="BI3018" s="53"/>
      <c r="BJ3018" s="53"/>
      <c r="BK3018" s="53"/>
      <c r="BL3018" s="53"/>
      <c r="BM3018" s="53"/>
      <c r="BN3018" s="53"/>
      <c r="BO3018" s="53"/>
      <c r="BP3018" s="53"/>
      <c r="BQ3018" s="53"/>
      <c r="BR3018" s="53"/>
      <c r="BS3018" s="53"/>
      <c r="BT3018" s="53"/>
      <c r="BU3018" s="53"/>
      <c r="BV3018" s="53"/>
      <c r="BW3018" s="53"/>
      <c r="BX3018" s="53"/>
      <c r="BY3018" s="53"/>
      <c r="BZ3018" s="53"/>
      <c r="CA3018" s="53"/>
      <c r="CB3018" s="53"/>
      <c r="CC3018" s="53"/>
      <c r="CD3018" s="53"/>
      <c r="CE3018" s="53"/>
      <c r="CF3018" s="53"/>
      <c r="CG3018" s="53"/>
      <c r="CH3018" s="53"/>
      <c r="CI3018" s="53"/>
      <c r="CJ3018" s="53"/>
      <c r="CK3018" s="53"/>
      <c r="CL3018" s="53"/>
      <c r="CM3018" s="53"/>
      <c r="CN3018" s="53"/>
    </row>
    <row r="3019" spans="1:92" outlineLevel="1">
      <c r="A3019" s="52" t="s">
        <v>649</v>
      </c>
      <c r="B3019" s="53"/>
      <c r="C3019" s="53"/>
      <c r="D3019" s="53"/>
      <c r="E3019" s="53"/>
      <c r="F3019" s="53"/>
      <c r="G3019" s="53"/>
      <c r="H3019" s="53"/>
      <c r="I3019" s="53"/>
      <c r="J3019" s="53"/>
      <c r="K3019" s="53"/>
      <c r="L3019" s="53"/>
      <c r="M3019" s="53"/>
      <c r="N3019" s="53"/>
      <c r="O3019" s="53"/>
      <c r="P3019" s="53"/>
      <c r="Q3019" s="53">
        <v>-18433204.1047558</v>
      </c>
      <c r="R3019" s="53"/>
      <c r="S3019" s="53"/>
      <c r="T3019" s="53">
        <v>-18433204.1047558</v>
      </c>
      <c r="U3019" s="53"/>
      <c r="V3019" s="53"/>
      <c r="W3019" s="53">
        <v>-18433204.1047558</v>
      </c>
      <c r="X3019" s="53"/>
      <c r="Y3019" s="53"/>
      <c r="Z3019" s="53">
        <v>-18433204.1047558</v>
      </c>
      <c r="AA3019" s="53">
        <v>-73732816.419023201</v>
      </c>
      <c r="AB3019" s="53"/>
      <c r="AC3019" s="53"/>
      <c r="AD3019" s="53">
        <v>-7066796.7144867899</v>
      </c>
      <c r="AE3019" s="53"/>
      <c r="AF3019" s="53"/>
      <c r="AG3019" s="53">
        <v>-7066796.7144867899</v>
      </c>
      <c r="AH3019" s="53"/>
      <c r="AI3019" s="53"/>
      <c r="AJ3019" s="53">
        <v>-7066796.7144867899</v>
      </c>
      <c r="AK3019" s="53"/>
      <c r="AL3019" s="53"/>
      <c r="AM3019" s="53">
        <v>-7066796.7144867899</v>
      </c>
      <c r="AN3019" s="53">
        <v>-28267186.8579471</v>
      </c>
      <c r="AO3019" s="53"/>
      <c r="AP3019" s="53"/>
      <c r="AQ3019" s="53"/>
      <c r="AR3019" s="53"/>
      <c r="AS3019" s="53"/>
      <c r="AT3019" s="53"/>
      <c r="AU3019" s="53"/>
      <c r="AV3019" s="53"/>
      <c r="AW3019" s="53"/>
      <c r="AX3019" s="53"/>
      <c r="AY3019" s="53"/>
      <c r="AZ3019" s="53"/>
      <c r="BA3019" s="53"/>
      <c r="BB3019" s="53"/>
      <c r="BC3019" s="53"/>
      <c r="BD3019" s="53"/>
      <c r="BE3019" s="53"/>
      <c r="BF3019" s="53"/>
      <c r="BG3019" s="53"/>
      <c r="BH3019" s="53"/>
      <c r="BI3019" s="53"/>
      <c r="BJ3019" s="53"/>
      <c r="BK3019" s="53"/>
      <c r="BL3019" s="53"/>
      <c r="BM3019" s="53"/>
      <c r="BN3019" s="53"/>
      <c r="BO3019" s="53"/>
      <c r="BP3019" s="53"/>
      <c r="BQ3019" s="53"/>
      <c r="BR3019" s="53"/>
      <c r="BS3019" s="53"/>
      <c r="BT3019" s="53"/>
      <c r="BU3019" s="53"/>
      <c r="BV3019" s="53"/>
      <c r="BW3019" s="53"/>
      <c r="BX3019" s="53"/>
      <c r="BY3019" s="53"/>
      <c r="BZ3019" s="53"/>
      <c r="CA3019" s="53"/>
      <c r="CB3019" s="53">
        <v>-44492.666666666497</v>
      </c>
      <c r="CC3019" s="53">
        <v>-44492.666666666497</v>
      </c>
      <c r="CD3019" s="53">
        <v>-44492.666666666497</v>
      </c>
      <c r="CE3019" s="53">
        <v>-44492.666666666497</v>
      </c>
      <c r="CF3019" s="53">
        <v>-44492.666666666497</v>
      </c>
      <c r="CG3019" s="53">
        <v>-44492.666666666497</v>
      </c>
      <c r="CH3019" s="53">
        <v>-44492.666666666497</v>
      </c>
      <c r="CI3019" s="53">
        <v>-44492.666666666497</v>
      </c>
      <c r="CJ3019" s="53">
        <v>-44492.666666666497</v>
      </c>
      <c r="CK3019" s="53">
        <v>-44492.666666666497</v>
      </c>
      <c r="CL3019" s="53">
        <v>-44492.666666666497</v>
      </c>
      <c r="CM3019" s="53">
        <v>-44492.666666666497</v>
      </c>
      <c r="CN3019" s="53">
        <v>-533911.99999999895</v>
      </c>
    </row>
    <row r="3020" spans="1:92" outlineLevel="1">
      <c r="A3020" s="52" t="s">
        <v>1736</v>
      </c>
      <c r="B3020" s="53"/>
      <c r="C3020" s="53"/>
      <c r="D3020" s="53"/>
      <c r="E3020" s="53"/>
      <c r="F3020" s="53"/>
      <c r="G3020" s="53"/>
      <c r="H3020" s="53"/>
      <c r="I3020" s="53"/>
      <c r="J3020" s="53"/>
      <c r="K3020" s="53"/>
      <c r="L3020" s="53"/>
      <c r="M3020" s="53"/>
      <c r="N3020" s="53"/>
      <c r="O3020" s="53"/>
      <c r="P3020" s="53"/>
      <c r="Q3020" s="53"/>
      <c r="R3020" s="53"/>
      <c r="S3020" s="53"/>
      <c r="T3020" s="53"/>
      <c r="U3020" s="53"/>
      <c r="V3020" s="53"/>
      <c r="W3020" s="53"/>
      <c r="X3020" s="53"/>
      <c r="Y3020" s="53"/>
      <c r="Z3020" s="53"/>
      <c r="AA3020" s="53"/>
      <c r="AB3020" s="53"/>
      <c r="AC3020" s="53"/>
      <c r="AD3020" s="53"/>
      <c r="AE3020" s="53"/>
      <c r="AF3020" s="53"/>
      <c r="AG3020" s="53"/>
      <c r="AH3020" s="53"/>
      <c r="AI3020" s="53"/>
      <c r="AJ3020" s="53"/>
      <c r="AK3020" s="53"/>
      <c r="AL3020" s="53"/>
      <c r="AM3020" s="53"/>
      <c r="AN3020" s="53"/>
      <c r="AO3020" s="53"/>
      <c r="AP3020" s="53"/>
      <c r="AQ3020" s="53"/>
      <c r="AR3020" s="53"/>
      <c r="AS3020" s="53"/>
      <c r="AT3020" s="53"/>
      <c r="AU3020" s="53"/>
      <c r="AV3020" s="53"/>
      <c r="AW3020" s="53"/>
      <c r="AX3020" s="53"/>
      <c r="AY3020" s="53"/>
      <c r="AZ3020" s="53"/>
      <c r="BA3020" s="53"/>
      <c r="BB3020" s="53"/>
      <c r="BC3020" s="53"/>
      <c r="BD3020" s="53"/>
      <c r="BE3020" s="53"/>
      <c r="BF3020" s="53"/>
      <c r="BG3020" s="53"/>
      <c r="BH3020" s="53"/>
      <c r="BI3020" s="53"/>
      <c r="BJ3020" s="53"/>
      <c r="BK3020" s="53"/>
      <c r="BL3020" s="53"/>
      <c r="BM3020" s="53"/>
      <c r="BN3020" s="53"/>
      <c r="BO3020" s="53"/>
      <c r="BP3020" s="53"/>
      <c r="BQ3020" s="53"/>
      <c r="BR3020" s="53"/>
      <c r="BS3020" s="53"/>
      <c r="BT3020" s="53"/>
      <c r="BU3020" s="53"/>
      <c r="BV3020" s="53"/>
      <c r="BW3020" s="53"/>
      <c r="BX3020" s="53"/>
      <c r="BY3020" s="53"/>
      <c r="BZ3020" s="53"/>
      <c r="CA3020" s="53"/>
      <c r="CB3020" s="53"/>
      <c r="CC3020" s="53"/>
      <c r="CD3020" s="53"/>
      <c r="CE3020" s="53"/>
      <c r="CF3020" s="53"/>
      <c r="CG3020" s="53"/>
      <c r="CH3020" s="53"/>
      <c r="CI3020" s="53"/>
      <c r="CJ3020" s="53"/>
      <c r="CK3020" s="53"/>
      <c r="CL3020" s="53"/>
      <c r="CM3020" s="53"/>
      <c r="CN3020" s="53"/>
    </row>
    <row r="3021" spans="1:92">
      <c r="A3021" s="52" t="s">
        <v>649</v>
      </c>
      <c r="B3021" s="53"/>
      <c r="C3021" s="53"/>
      <c r="D3021" s="53"/>
      <c r="E3021" s="53"/>
      <c r="F3021" s="53"/>
      <c r="G3021" s="53"/>
      <c r="H3021" s="53"/>
      <c r="I3021" s="53"/>
      <c r="J3021" s="53"/>
      <c r="K3021" s="53"/>
      <c r="L3021" s="53"/>
      <c r="M3021" s="53"/>
      <c r="N3021" s="53"/>
      <c r="O3021" s="53"/>
      <c r="P3021" s="53"/>
      <c r="Q3021" s="53">
        <v>-12830954.793979799</v>
      </c>
      <c r="R3021" s="53"/>
      <c r="S3021" s="53"/>
      <c r="T3021" s="53">
        <v>-12830954.793979799</v>
      </c>
      <c r="U3021" s="53"/>
      <c r="V3021" s="53"/>
      <c r="W3021" s="53">
        <v>-12830954.793979799</v>
      </c>
      <c r="X3021" s="53"/>
      <c r="Y3021" s="53"/>
      <c r="Z3021" s="53">
        <v>-12830954.793979799</v>
      </c>
      <c r="AA3021" s="53">
        <v>-51323819.175919197</v>
      </c>
      <c r="AB3021" s="53"/>
      <c r="AC3021" s="53"/>
      <c r="AD3021" s="53">
        <v>-4919044.3867776096</v>
      </c>
      <c r="AE3021" s="53"/>
      <c r="AF3021" s="53"/>
      <c r="AG3021" s="53">
        <v>-4919044.3867776096</v>
      </c>
      <c r="AH3021" s="53"/>
      <c r="AI3021" s="53"/>
      <c r="AJ3021" s="53">
        <v>-4919044.3867776096</v>
      </c>
      <c r="AK3021" s="53"/>
      <c r="AL3021" s="53"/>
      <c r="AM3021" s="53">
        <v>-4919044.3867776096</v>
      </c>
      <c r="AN3021" s="53">
        <v>-19676177.547110401</v>
      </c>
      <c r="AO3021" s="53"/>
      <c r="AP3021" s="53"/>
      <c r="AQ3021" s="53"/>
      <c r="AR3021" s="53"/>
      <c r="AS3021" s="53"/>
      <c r="AT3021" s="53"/>
      <c r="AU3021" s="53"/>
      <c r="AV3021" s="53"/>
      <c r="AW3021" s="53"/>
      <c r="AX3021" s="53"/>
      <c r="AY3021" s="53"/>
      <c r="AZ3021" s="53"/>
      <c r="BA3021" s="53"/>
      <c r="BB3021" s="53"/>
      <c r="BC3021" s="53"/>
      <c r="BD3021" s="53"/>
      <c r="BE3021" s="53"/>
      <c r="BF3021" s="53"/>
      <c r="BG3021" s="53"/>
      <c r="BH3021" s="53"/>
      <c r="BI3021" s="53"/>
      <c r="BJ3021" s="53"/>
      <c r="BK3021" s="53"/>
      <c r="BL3021" s="53"/>
      <c r="BM3021" s="53"/>
      <c r="BN3021" s="53"/>
      <c r="BO3021" s="53"/>
      <c r="BP3021" s="53"/>
      <c r="BQ3021" s="53"/>
      <c r="BR3021" s="53"/>
      <c r="BS3021" s="53"/>
      <c r="BT3021" s="53"/>
      <c r="BU3021" s="53"/>
      <c r="BV3021" s="53"/>
      <c r="BW3021" s="53"/>
      <c r="BX3021" s="53"/>
      <c r="BY3021" s="53"/>
      <c r="BZ3021" s="53"/>
      <c r="CA3021" s="53"/>
      <c r="CB3021" s="53"/>
      <c r="CC3021" s="53"/>
      <c r="CD3021" s="53"/>
      <c r="CE3021" s="53"/>
      <c r="CF3021" s="53"/>
      <c r="CG3021" s="53"/>
      <c r="CH3021" s="53"/>
      <c r="CI3021" s="53"/>
      <c r="CJ3021" s="53"/>
      <c r="CK3021" s="53"/>
      <c r="CL3021" s="53"/>
      <c r="CM3021" s="53"/>
      <c r="CN3021" s="53"/>
    </row>
    <row r="3022" spans="1:92">
      <c r="A3022" s="52" t="s">
        <v>1722</v>
      </c>
      <c r="B3022" s="53"/>
      <c r="C3022" s="53"/>
      <c r="D3022" s="53"/>
      <c r="E3022" s="53"/>
      <c r="F3022" s="53"/>
      <c r="G3022" s="53"/>
      <c r="H3022" s="53"/>
      <c r="I3022" s="53"/>
      <c r="J3022" s="53"/>
      <c r="K3022" s="53"/>
      <c r="L3022" s="53"/>
      <c r="M3022" s="53"/>
      <c r="N3022" s="53"/>
      <c r="O3022" s="53"/>
      <c r="P3022" s="53"/>
      <c r="Q3022" s="53"/>
      <c r="R3022" s="53"/>
      <c r="S3022" s="53"/>
      <c r="T3022" s="53"/>
      <c r="U3022" s="53"/>
      <c r="V3022" s="53"/>
      <c r="W3022" s="53"/>
      <c r="X3022" s="53"/>
      <c r="Y3022" s="53"/>
      <c r="Z3022" s="53"/>
      <c r="AA3022" s="53"/>
      <c r="AB3022" s="53"/>
      <c r="AC3022" s="53"/>
      <c r="AD3022" s="53"/>
      <c r="AE3022" s="53"/>
      <c r="AF3022" s="53"/>
      <c r="AG3022" s="53"/>
      <c r="AH3022" s="53"/>
      <c r="AI3022" s="53"/>
      <c r="AJ3022" s="53"/>
      <c r="AK3022" s="53"/>
      <c r="AL3022" s="53"/>
      <c r="AM3022" s="53"/>
      <c r="AN3022" s="53"/>
      <c r="AO3022" s="53"/>
      <c r="AP3022" s="53"/>
      <c r="AQ3022" s="53"/>
      <c r="AR3022" s="53"/>
      <c r="AS3022" s="53"/>
      <c r="AT3022" s="53"/>
      <c r="AU3022" s="53"/>
      <c r="AV3022" s="53"/>
      <c r="AW3022" s="53"/>
      <c r="AX3022" s="53"/>
      <c r="AY3022" s="53"/>
      <c r="AZ3022" s="53"/>
      <c r="BA3022" s="53"/>
      <c r="BB3022" s="53"/>
      <c r="BC3022" s="53"/>
      <c r="BD3022" s="53"/>
      <c r="BE3022" s="53"/>
      <c r="BF3022" s="53"/>
      <c r="BG3022" s="53"/>
      <c r="BH3022" s="53"/>
      <c r="BI3022" s="53"/>
      <c r="BJ3022" s="53"/>
      <c r="BK3022" s="53"/>
      <c r="BL3022" s="53"/>
      <c r="BM3022" s="53"/>
      <c r="BN3022" s="53"/>
      <c r="BO3022" s="53"/>
      <c r="BP3022" s="53"/>
      <c r="BQ3022" s="53"/>
      <c r="BR3022" s="53"/>
      <c r="BS3022" s="53"/>
      <c r="BT3022" s="53"/>
      <c r="BU3022" s="53"/>
      <c r="BV3022" s="53"/>
      <c r="BW3022" s="53"/>
      <c r="BX3022" s="53"/>
      <c r="BY3022" s="53"/>
      <c r="BZ3022" s="53"/>
      <c r="CA3022" s="53"/>
      <c r="CB3022" s="53"/>
      <c r="CC3022" s="53"/>
      <c r="CD3022" s="53"/>
      <c r="CE3022" s="53"/>
      <c r="CF3022" s="53"/>
      <c r="CG3022" s="53"/>
      <c r="CH3022" s="53"/>
      <c r="CI3022" s="53"/>
      <c r="CJ3022" s="53"/>
      <c r="CK3022" s="53"/>
      <c r="CL3022" s="53"/>
      <c r="CM3022" s="53"/>
      <c r="CN3022" s="53"/>
    </row>
    <row r="3023" spans="1:92">
      <c r="A3023" s="52" t="s">
        <v>649</v>
      </c>
      <c r="B3023" s="53"/>
      <c r="C3023" s="53"/>
      <c r="D3023" s="53">
        <v>-9259099.3000000007</v>
      </c>
      <c r="E3023" s="53">
        <v>-12892250</v>
      </c>
      <c r="F3023" s="53">
        <v>-6848650.7000000002</v>
      </c>
      <c r="G3023" s="53"/>
      <c r="H3023" s="53"/>
      <c r="I3023" s="53"/>
      <c r="J3023" s="53"/>
      <c r="K3023" s="53"/>
      <c r="L3023" s="53"/>
      <c r="M3023" s="53"/>
      <c r="N3023" s="53">
        <v>-29000000</v>
      </c>
      <c r="O3023" s="53"/>
      <c r="P3023" s="53"/>
      <c r="Q3023" s="53"/>
      <c r="R3023" s="53"/>
      <c r="S3023" s="53"/>
      <c r="T3023" s="53"/>
      <c r="U3023" s="53"/>
      <c r="V3023" s="53"/>
      <c r="W3023" s="53"/>
      <c r="X3023" s="53"/>
      <c r="Y3023" s="53"/>
      <c r="Z3023" s="53"/>
      <c r="AA3023" s="53"/>
      <c r="AB3023" s="53"/>
      <c r="AC3023" s="53"/>
      <c r="AD3023" s="53"/>
      <c r="AE3023" s="53"/>
      <c r="AF3023" s="53"/>
      <c r="AG3023" s="53"/>
      <c r="AH3023" s="53"/>
      <c r="AI3023" s="53"/>
      <c r="AJ3023" s="53"/>
      <c r="AK3023" s="53"/>
      <c r="AL3023" s="53"/>
      <c r="AM3023" s="53"/>
      <c r="AN3023" s="53"/>
      <c r="AO3023" s="53"/>
      <c r="AP3023" s="53"/>
      <c r="AQ3023" s="53"/>
      <c r="AR3023" s="53"/>
      <c r="AS3023" s="53"/>
      <c r="AT3023" s="53"/>
      <c r="AU3023" s="53"/>
      <c r="AV3023" s="53"/>
      <c r="AW3023" s="53"/>
      <c r="AX3023" s="53"/>
      <c r="AY3023" s="53"/>
      <c r="AZ3023" s="53"/>
      <c r="BA3023" s="53"/>
      <c r="BB3023" s="53"/>
      <c r="BC3023" s="53"/>
      <c r="BD3023" s="53"/>
      <c r="BE3023" s="53"/>
      <c r="BF3023" s="53"/>
      <c r="BG3023" s="53"/>
      <c r="BH3023" s="53"/>
      <c r="BI3023" s="53"/>
      <c r="BJ3023" s="53"/>
      <c r="BK3023" s="53"/>
      <c r="BL3023" s="53"/>
      <c r="BM3023" s="53"/>
      <c r="BN3023" s="53"/>
      <c r="BO3023" s="53"/>
      <c r="BP3023" s="53"/>
      <c r="BQ3023" s="53"/>
      <c r="BR3023" s="53"/>
      <c r="BS3023" s="53"/>
      <c r="BT3023" s="53"/>
      <c r="BU3023" s="53"/>
      <c r="BV3023" s="53"/>
      <c r="BW3023" s="53"/>
      <c r="BX3023" s="53"/>
      <c r="BY3023" s="53"/>
      <c r="BZ3023" s="53"/>
      <c r="CA3023" s="53"/>
      <c r="CB3023" s="53">
        <v>503454329.94999897</v>
      </c>
      <c r="CC3023" s="53">
        <v>501415829.19999897</v>
      </c>
      <c r="CD3023" s="53">
        <v>499377328.44999897</v>
      </c>
      <c r="CE3023" s="53">
        <v>497338827.69999897</v>
      </c>
      <c r="CF3023" s="53">
        <v>495300326.94999897</v>
      </c>
      <c r="CG3023" s="53">
        <v>493261826.19999897</v>
      </c>
      <c r="CH3023" s="53">
        <v>491223325.44999897</v>
      </c>
      <c r="CI3023" s="53">
        <v>489184824.69999897</v>
      </c>
      <c r="CJ3023" s="53">
        <v>487146323.94999897</v>
      </c>
      <c r="CK3023" s="53">
        <v>485107823.19999897</v>
      </c>
      <c r="CL3023" s="53">
        <v>483069322.44999897</v>
      </c>
      <c r="CM3023" s="53">
        <v>481030821.69999897</v>
      </c>
      <c r="CN3023" s="53">
        <v>481030821.69999897</v>
      </c>
    </row>
    <row r="3024" spans="1:92" outlineLevel="1">
      <c r="A3024" s="52" t="s">
        <v>1737</v>
      </c>
      <c r="B3024" s="53"/>
      <c r="C3024" s="53"/>
      <c r="D3024" s="53"/>
      <c r="E3024" s="53"/>
      <c r="F3024" s="53"/>
      <c r="G3024" s="53"/>
      <c r="H3024" s="53"/>
      <c r="I3024" s="53"/>
      <c r="J3024" s="53"/>
      <c r="K3024" s="53"/>
      <c r="L3024" s="53"/>
      <c r="M3024" s="53"/>
      <c r="N3024" s="53"/>
      <c r="O3024" s="53"/>
      <c r="P3024" s="53"/>
      <c r="Q3024" s="53"/>
      <c r="R3024" s="53"/>
      <c r="S3024" s="53"/>
      <c r="T3024" s="53"/>
      <c r="U3024" s="53"/>
      <c r="V3024" s="53"/>
      <c r="W3024" s="53"/>
      <c r="X3024" s="53"/>
      <c r="Y3024" s="53"/>
      <c r="Z3024" s="53"/>
      <c r="AA3024" s="53"/>
      <c r="AB3024" s="53"/>
      <c r="AC3024" s="53"/>
      <c r="AD3024" s="53"/>
      <c r="AE3024" s="53"/>
      <c r="AF3024" s="53"/>
      <c r="AG3024" s="53"/>
      <c r="AH3024" s="53"/>
      <c r="AI3024" s="53"/>
      <c r="AJ3024" s="53"/>
      <c r="AK3024" s="53"/>
      <c r="AL3024" s="53"/>
      <c r="AM3024" s="53"/>
      <c r="AN3024" s="53"/>
      <c r="AO3024" s="53"/>
      <c r="AP3024" s="53"/>
      <c r="AQ3024" s="53"/>
      <c r="AR3024" s="53"/>
      <c r="AS3024" s="53"/>
      <c r="AT3024" s="53"/>
      <c r="AU3024" s="53"/>
      <c r="AV3024" s="53"/>
      <c r="AW3024" s="53"/>
      <c r="AX3024" s="53"/>
      <c r="AY3024" s="53"/>
      <c r="AZ3024" s="53"/>
      <c r="BA3024" s="53"/>
      <c r="BB3024" s="53"/>
      <c r="BC3024" s="53"/>
      <c r="BD3024" s="53"/>
      <c r="BE3024" s="53"/>
      <c r="BF3024" s="53"/>
      <c r="BG3024" s="53"/>
      <c r="BH3024" s="53"/>
      <c r="BI3024" s="53"/>
      <c r="BJ3024" s="53"/>
      <c r="BK3024" s="53"/>
      <c r="BL3024" s="53"/>
      <c r="BM3024" s="53"/>
      <c r="BN3024" s="53"/>
      <c r="BO3024" s="53"/>
      <c r="BP3024" s="53"/>
      <c r="BQ3024" s="53"/>
      <c r="BR3024" s="53"/>
      <c r="BS3024" s="53"/>
      <c r="BT3024" s="53"/>
      <c r="BU3024" s="53"/>
      <c r="BV3024" s="53"/>
      <c r="BW3024" s="53"/>
      <c r="BX3024" s="53"/>
      <c r="BY3024" s="53"/>
      <c r="BZ3024" s="53"/>
      <c r="CA3024" s="53"/>
      <c r="CB3024" s="53">
        <v>0</v>
      </c>
      <c r="CC3024" s="53">
        <v>0</v>
      </c>
      <c r="CD3024" s="53">
        <v>0</v>
      </c>
      <c r="CE3024" s="53">
        <v>0</v>
      </c>
      <c r="CF3024" s="53">
        <v>0</v>
      </c>
      <c r="CG3024" s="53">
        <v>0</v>
      </c>
      <c r="CH3024" s="53">
        <v>0</v>
      </c>
      <c r="CI3024" s="53">
        <v>0</v>
      </c>
      <c r="CJ3024" s="53">
        <v>0</v>
      </c>
      <c r="CK3024" s="53">
        <v>0</v>
      </c>
      <c r="CL3024" s="53">
        <v>0</v>
      </c>
      <c r="CM3024" s="53">
        <v>0</v>
      </c>
      <c r="CN3024" s="53">
        <v>0</v>
      </c>
    </row>
    <row r="3025" spans="1:92" outlineLevel="1">
      <c r="A3025" s="52" t="s">
        <v>649</v>
      </c>
      <c r="B3025" s="53"/>
      <c r="C3025" s="53"/>
      <c r="D3025" s="53"/>
      <c r="E3025" s="53"/>
      <c r="F3025" s="53"/>
      <c r="G3025" s="53"/>
      <c r="H3025" s="53"/>
      <c r="I3025" s="53"/>
      <c r="J3025" s="53"/>
      <c r="K3025" s="53"/>
      <c r="L3025" s="53"/>
      <c r="M3025" s="53">
        <v>71000000</v>
      </c>
      <c r="N3025" s="53">
        <v>71000000</v>
      </c>
      <c r="O3025" s="53"/>
      <c r="P3025" s="53"/>
      <c r="Q3025" s="53"/>
      <c r="R3025" s="53"/>
      <c r="S3025" s="53"/>
      <c r="T3025" s="53"/>
      <c r="U3025" s="53"/>
      <c r="V3025" s="53"/>
      <c r="W3025" s="53"/>
      <c r="X3025" s="53"/>
      <c r="Y3025" s="53"/>
      <c r="Z3025" s="53"/>
      <c r="AA3025" s="53"/>
      <c r="AB3025" s="53"/>
      <c r="AC3025" s="53"/>
      <c r="AD3025" s="53"/>
      <c r="AE3025" s="53"/>
      <c r="AF3025" s="53"/>
      <c r="AG3025" s="53"/>
      <c r="AH3025" s="53"/>
      <c r="AI3025" s="53"/>
      <c r="AJ3025" s="53"/>
      <c r="AK3025" s="53"/>
      <c r="AL3025" s="53"/>
      <c r="AM3025" s="53"/>
      <c r="AN3025" s="53"/>
      <c r="AO3025" s="53"/>
      <c r="AP3025" s="53"/>
      <c r="AQ3025" s="53"/>
      <c r="AR3025" s="53"/>
      <c r="AS3025" s="53"/>
      <c r="AT3025" s="53"/>
      <c r="AU3025" s="53"/>
      <c r="AV3025" s="53"/>
      <c r="AW3025" s="53"/>
      <c r="AX3025" s="53"/>
      <c r="AY3025" s="53"/>
      <c r="AZ3025" s="53"/>
      <c r="BA3025" s="53"/>
      <c r="BB3025" s="53"/>
      <c r="BC3025" s="53"/>
      <c r="BD3025" s="53"/>
      <c r="BE3025" s="53"/>
      <c r="BF3025" s="53"/>
      <c r="BG3025" s="53"/>
      <c r="BH3025" s="53"/>
      <c r="BI3025" s="53"/>
      <c r="BJ3025" s="53"/>
      <c r="BK3025" s="53"/>
      <c r="BL3025" s="53"/>
      <c r="BM3025" s="53"/>
      <c r="BN3025" s="53"/>
      <c r="BO3025" s="53"/>
      <c r="BP3025" s="53"/>
      <c r="BQ3025" s="53"/>
      <c r="BR3025" s="53"/>
      <c r="BS3025" s="53"/>
      <c r="BT3025" s="53"/>
      <c r="BU3025" s="53"/>
      <c r="BV3025" s="53"/>
      <c r="BW3025" s="53"/>
      <c r="BX3025" s="53"/>
      <c r="BY3025" s="53"/>
      <c r="BZ3025" s="53"/>
      <c r="CA3025" s="53"/>
      <c r="CB3025" s="53">
        <v>0</v>
      </c>
      <c r="CC3025" s="53">
        <v>0</v>
      </c>
      <c r="CD3025" s="53">
        <v>0</v>
      </c>
      <c r="CE3025" s="53">
        <v>0</v>
      </c>
      <c r="CF3025" s="53">
        <v>0</v>
      </c>
      <c r="CG3025" s="53">
        <v>0</v>
      </c>
      <c r="CH3025" s="53">
        <v>0</v>
      </c>
      <c r="CI3025" s="53">
        <v>0</v>
      </c>
      <c r="CJ3025" s="53">
        <v>0</v>
      </c>
      <c r="CK3025" s="53">
        <v>0</v>
      </c>
      <c r="CL3025" s="53">
        <v>0</v>
      </c>
      <c r="CM3025" s="53">
        <v>0</v>
      </c>
      <c r="CN3025" s="53">
        <v>0</v>
      </c>
    </row>
    <row r="3026" spans="1:92" outlineLevel="1">
      <c r="A3026" s="52" t="s">
        <v>672</v>
      </c>
      <c r="B3026" s="53"/>
      <c r="C3026" s="53"/>
      <c r="D3026" s="53"/>
      <c r="E3026" s="53"/>
      <c r="F3026" s="53"/>
      <c r="G3026" s="53"/>
      <c r="H3026" s="53"/>
      <c r="I3026" s="53"/>
      <c r="J3026" s="53"/>
      <c r="K3026" s="53"/>
      <c r="L3026" s="53"/>
      <c r="M3026" s="53"/>
      <c r="N3026" s="53"/>
      <c r="O3026" s="53"/>
      <c r="P3026" s="53"/>
      <c r="Q3026" s="53"/>
      <c r="R3026" s="53"/>
      <c r="S3026" s="53"/>
      <c r="T3026" s="53"/>
      <c r="U3026" s="53"/>
      <c r="V3026" s="53"/>
      <c r="W3026" s="53"/>
      <c r="X3026" s="53"/>
      <c r="Y3026" s="53"/>
      <c r="Z3026" s="53"/>
      <c r="AA3026" s="53"/>
      <c r="AB3026" s="53"/>
      <c r="AC3026" s="53"/>
      <c r="AD3026" s="53"/>
      <c r="AE3026" s="53"/>
      <c r="AF3026" s="53"/>
      <c r="AG3026" s="53"/>
      <c r="AH3026" s="53"/>
      <c r="AI3026" s="53"/>
      <c r="AJ3026" s="53"/>
      <c r="AK3026" s="53"/>
      <c r="AL3026" s="53"/>
      <c r="AM3026" s="53"/>
      <c r="AN3026" s="53"/>
      <c r="AO3026" s="53"/>
      <c r="AP3026" s="53"/>
      <c r="AQ3026" s="53"/>
      <c r="AR3026" s="53"/>
      <c r="AS3026" s="53"/>
      <c r="AT3026" s="53"/>
      <c r="AU3026" s="53"/>
      <c r="AV3026" s="53"/>
      <c r="AW3026" s="53"/>
      <c r="AX3026" s="53"/>
      <c r="AY3026" s="53"/>
      <c r="AZ3026" s="53"/>
      <c r="BA3026" s="53"/>
      <c r="BB3026" s="53"/>
      <c r="BC3026" s="53"/>
      <c r="BD3026" s="53"/>
      <c r="BE3026" s="53"/>
      <c r="BF3026" s="53"/>
      <c r="BG3026" s="53"/>
      <c r="BH3026" s="53"/>
      <c r="BI3026" s="53"/>
      <c r="BJ3026" s="53"/>
      <c r="BK3026" s="53"/>
      <c r="BL3026" s="53"/>
      <c r="BM3026" s="53"/>
      <c r="BN3026" s="53"/>
      <c r="BO3026" s="53"/>
      <c r="BP3026" s="53"/>
      <c r="BQ3026" s="53"/>
      <c r="BR3026" s="53"/>
      <c r="BS3026" s="53"/>
      <c r="BT3026" s="53"/>
      <c r="BU3026" s="53"/>
      <c r="BV3026" s="53"/>
      <c r="BW3026" s="53"/>
      <c r="BX3026" s="53"/>
      <c r="BY3026" s="53"/>
      <c r="BZ3026" s="53"/>
      <c r="CA3026" s="53"/>
      <c r="CB3026" s="53">
        <v>170784502.44</v>
      </c>
      <c r="CC3026" s="53">
        <v>170784502.44</v>
      </c>
      <c r="CD3026" s="53">
        <v>170784502.44</v>
      </c>
      <c r="CE3026" s="53">
        <v>170784502.44</v>
      </c>
      <c r="CF3026" s="53">
        <v>170784502.44</v>
      </c>
      <c r="CG3026" s="53">
        <v>170784502.44</v>
      </c>
      <c r="CH3026" s="53">
        <v>170784502.44</v>
      </c>
      <c r="CI3026" s="53">
        <v>170784502.44</v>
      </c>
      <c r="CJ3026" s="53">
        <v>170784502.44</v>
      </c>
      <c r="CK3026" s="53">
        <v>170784502.44</v>
      </c>
      <c r="CL3026" s="53">
        <v>170784502.44</v>
      </c>
      <c r="CM3026" s="53">
        <v>170784502.44</v>
      </c>
      <c r="CN3026" s="53">
        <v>170784502.44</v>
      </c>
    </row>
    <row r="3027" spans="1:92" outlineLevel="1">
      <c r="A3027" s="52" t="s">
        <v>758</v>
      </c>
      <c r="B3027" s="53"/>
      <c r="C3027" s="53"/>
      <c r="D3027" s="53"/>
      <c r="E3027" s="53"/>
      <c r="F3027" s="53"/>
      <c r="G3027" s="53"/>
      <c r="H3027" s="53"/>
      <c r="I3027" s="53"/>
      <c r="J3027" s="53"/>
      <c r="K3027" s="53"/>
      <c r="L3027" s="53"/>
      <c r="M3027" s="53"/>
      <c r="N3027" s="53"/>
      <c r="O3027" s="53"/>
      <c r="P3027" s="53"/>
      <c r="Q3027" s="53"/>
      <c r="R3027" s="53"/>
      <c r="S3027" s="53"/>
      <c r="T3027" s="53"/>
      <c r="U3027" s="53"/>
      <c r="V3027" s="53"/>
      <c r="W3027" s="53"/>
      <c r="X3027" s="53"/>
      <c r="Y3027" s="53"/>
      <c r="Z3027" s="53"/>
      <c r="AA3027" s="53"/>
      <c r="AB3027" s="53"/>
      <c r="AC3027" s="53"/>
      <c r="AD3027" s="53"/>
      <c r="AE3027" s="53"/>
      <c r="AF3027" s="53"/>
      <c r="AG3027" s="53"/>
      <c r="AH3027" s="53"/>
      <c r="AI3027" s="53"/>
      <c r="AJ3027" s="53"/>
      <c r="AK3027" s="53"/>
      <c r="AL3027" s="53"/>
      <c r="AM3027" s="53"/>
      <c r="AN3027" s="53"/>
      <c r="AO3027" s="53"/>
      <c r="AP3027" s="53"/>
      <c r="AQ3027" s="53"/>
      <c r="AR3027" s="53"/>
      <c r="AS3027" s="53"/>
      <c r="AT3027" s="53"/>
      <c r="AU3027" s="53"/>
      <c r="AV3027" s="53"/>
      <c r="AW3027" s="53"/>
      <c r="AX3027" s="53"/>
      <c r="AY3027" s="53"/>
      <c r="AZ3027" s="53"/>
      <c r="BA3027" s="53"/>
      <c r="BB3027" s="53"/>
      <c r="BC3027" s="53"/>
      <c r="BD3027" s="53"/>
      <c r="BE3027" s="53"/>
      <c r="BF3027" s="53"/>
      <c r="BG3027" s="53"/>
      <c r="BH3027" s="53"/>
      <c r="BI3027" s="53"/>
      <c r="BJ3027" s="53"/>
      <c r="BK3027" s="53"/>
      <c r="BL3027" s="53"/>
      <c r="BM3027" s="53"/>
      <c r="BN3027" s="53"/>
      <c r="BO3027" s="53"/>
      <c r="BP3027" s="53"/>
      <c r="BQ3027" s="53"/>
      <c r="BR3027" s="53"/>
      <c r="BS3027" s="53"/>
      <c r="BT3027" s="53"/>
      <c r="BU3027" s="53"/>
      <c r="BV3027" s="53"/>
      <c r="BW3027" s="53"/>
      <c r="BX3027" s="53"/>
      <c r="BY3027" s="53"/>
      <c r="BZ3027" s="53"/>
      <c r="CA3027" s="53"/>
      <c r="CB3027" s="53">
        <v>-194652498.43035501</v>
      </c>
      <c r="CC3027" s="53">
        <v>-193904833.40079901</v>
      </c>
      <c r="CD3027" s="53">
        <v>-193789728.64376101</v>
      </c>
      <c r="CE3027" s="53">
        <v>-194708044.19248399</v>
      </c>
      <c r="CF3027" s="53">
        <v>-195611494.656461</v>
      </c>
      <c r="CG3027" s="53">
        <v>-195789192.053047</v>
      </c>
      <c r="CH3027" s="53">
        <v>-195957420.46588701</v>
      </c>
      <c r="CI3027" s="53">
        <v>-195948509.064179</v>
      </c>
      <c r="CJ3027" s="53">
        <v>-195237325.94514701</v>
      </c>
      <c r="CK3027" s="53">
        <v>-194028119.47950801</v>
      </c>
      <c r="CL3027" s="53">
        <v>-193509143.59010899</v>
      </c>
      <c r="CM3027" s="53">
        <v>-192527114.95944801</v>
      </c>
      <c r="CN3027" s="53">
        <v>-194652498.43035501</v>
      </c>
    </row>
    <row r="3028" spans="1:92" outlineLevel="1">
      <c r="A3028" s="52" t="s">
        <v>1738</v>
      </c>
      <c r="B3028" s="53"/>
      <c r="C3028" s="53"/>
      <c r="D3028" s="53"/>
      <c r="E3028" s="53"/>
      <c r="F3028" s="53"/>
      <c r="G3028" s="53"/>
      <c r="H3028" s="53"/>
      <c r="I3028" s="53"/>
      <c r="J3028" s="53"/>
      <c r="K3028" s="53"/>
      <c r="L3028" s="53"/>
      <c r="M3028" s="53"/>
      <c r="N3028" s="53"/>
      <c r="O3028" s="53"/>
      <c r="P3028" s="53"/>
      <c r="Q3028" s="53"/>
      <c r="R3028" s="53"/>
      <c r="S3028" s="53"/>
      <c r="T3028" s="53"/>
      <c r="U3028" s="53"/>
      <c r="V3028" s="53"/>
      <c r="W3028" s="53"/>
      <c r="X3028" s="53"/>
      <c r="Y3028" s="53"/>
      <c r="Z3028" s="53"/>
      <c r="AA3028" s="53"/>
      <c r="AB3028" s="53"/>
      <c r="AC3028" s="53"/>
      <c r="AD3028" s="53"/>
      <c r="AE3028" s="53"/>
      <c r="AF3028" s="53"/>
      <c r="AG3028" s="53"/>
      <c r="AH3028" s="53"/>
      <c r="AI3028" s="53"/>
      <c r="AJ3028" s="53"/>
      <c r="AK3028" s="53"/>
      <c r="AL3028" s="53"/>
      <c r="AM3028" s="53"/>
      <c r="AN3028" s="53"/>
      <c r="AO3028" s="53"/>
      <c r="AP3028" s="53"/>
      <c r="AQ3028" s="53"/>
      <c r="AR3028" s="53"/>
      <c r="AS3028" s="53"/>
      <c r="AT3028" s="53"/>
      <c r="AU3028" s="53"/>
      <c r="AV3028" s="53"/>
      <c r="AW3028" s="53"/>
      <c r="AX3028" s="53"/>
      <c r="AY3028" s="53"/>
      <c r="AZ3028" s="53"/>
      <c r="BA3028" s="53"/>
      <c r="BB3028" s="53"/>
      <c r="BC3028" s="53"/>
      <c r="BD3028" s="53"/>
      <c r="BE3028" s="53"/>
      <c r="BF3028" s="53"/>
      <c r="BG3028" s="53"/>
      <c r="BH3028" s="53"/>
      <c r="BI3028" s="53"/>
      <c r="BJ3028" s="53"/>
      <c r="BK3028" s="53"/>
      <c r="BL3028" s="53"/>
      <c r="BM3028" s="53"/>
      <c r="BN3028" s="53"/>
      <c r="BO3028" s="53"/>
      <c r="BP3028" s="53"/>
      <c r="BQ3028" s="53"/>
      <c r="BR3028" s="53"/>
      <c r="BS3028" s="53"/>
      <c r="BT3028" s="53"/>
      <c r="BU3028" s="53"/>
      <c r="BV3028" s="53"/>
      <c r="BW3028" s="53"/>
      <c r="BX3028" s="53"/>
      <c r="BY3028" s="53"/>
      <c r="BZ3028" s="53"/>
      <c r="CA3028" s="53"/>
      <c r="CB3028" s="53"/>
      <c r="CC3028" s="53"/>
      <c r="CD3028" s="53"/>
      <c r="CE3028" s="53"/>
      <c r="CF3028" s="53"/>
      <c r="CG3028" s="53"/>
      <c r="CH3028" s="53"/>
      <c r="CI3028" s="53"/>
      <c r="CJ3028" s="53"/>
      <c r="CK3028" s="53"/>
      <c r="CL3028" s="53"/>
      <c r="CM3028" s="53"/>
      <c r="CN3028" s="53"/>
    </row>
    <row r="3029" spans="1:92" outlineLevel="1">
      <c r="A3029" s="52" t="s">
        <v>649</v>
      </c>
      <c r="B3029" s="53">
        <v>-3257912.89</v>
      </c>
      <c r="C3029" s="53">
        <v>-2751410.57</v>
      </c>
      <c r="D3029" s="53">
        <v>-1092236.83</v>
      </c>
      <c r="E3029" s="53">
        <v>-2374489.9500000002</v>
      </c>
      <c r="F3029" s="53">
        <v>1954174.25</v>
      </c>
      <c r="G3029" s="53">
        <v>2892089.96</v>
      </c>
      <c r="H3029" s="53">
        <v>4422757.0699999901</v>
      </c>
      <c r="I3029" s="53">
        <v>6440578.4900000002</v>
      </c>
      <c r="J3029" s="53">
        <v>7487003.6600000001</v>
      </c>
      <c r="K3029" s="53">
        <v>1349785.52</v>
      </c>
      <c r="L3029" s="53">
        <v>-3132992.77</v>
      </c>
      <c r="M3029" s="53">
        <v>-2691606.6799999899</v>
      </c>
      <c r="N3029" s="53">
        <v>9245739.2599999905</v>
      </c>
      <c r="O3029" s="53">
        <v>7060735.6276335102</v>
      </c>
      <c r="P3029" s="53">
        <v>-8869988.2712789699</v>
      </c>
      <c r="Q3029" s="53">
        <v>-5254543.6426555999</v>
      </c>
      <c r="R3029" s="53">
        <v>-2368516.2172534899</v>
      </c>
      <c r="S3029" s="53">
        <v>2686811.4328566501</v>
      </c>
      <c r="T3029" s="53">
        <v>317256.337506885</v>
      </c>
      <c r="U3029" s="53">
        <v>2368473.1048851102</v>
      </c>
      <c r="V3029" s="53">
        <v>12971952.615078099</v>
      </c>
      <c r="W3029" s="53">
        <v>4241417.3931915397</v>
      </c>
      <c r="X3029" s="53">
        <v>111226.13232753699</v>
      </c>
      <c r="Y3029" s="53">
        <v>-6861264.6479175696</v>
      </c>
      <c r="Z3029" s="53">
        <v>-6403559.8643736802</v>
      </c>
      <c r="AA3029" s="53">
        <v>8.3673512563109398E-8</v>
      </c>
      <c r="AB3029" s="53">
        <v>403458.84609849198</v>
      </c>
      <c r="AC3029" s="53">
        <v>-10876798.9060208</v>
      </c>
      <c r="AD3029" s="53">
        <v>-8347428.9156879196</v>
      </c>
      <c r="AE3029" s="53">
        <v>-6209091.6548966998</v>
      </c>
      <c r="AF3029" s="53">
        <v>-789711.02042523399</v>
      </c>
      <c r="AG3029" s="53">
        <v>-1739932.07583537</v>
      </c>
      <c r="AH3029" s="53">
        <v>-220927.21410128</v>
      </c>
      <c r="AI3029" s="53">
        <v>7487906.6481142603</v>
      </c>
      <c r="AJ3029" s="53">
        <v>10072477.8446155</v>
      </c>
      <c r="AK3029" s="53">
        <v>6745536.3198598996</v>
      </c>
      <c r="AL3029" s="53">
        <v>1481072.6712208099</v>
      </c>
      <c r="AM3029" s="53">
        <v>1993437.45705848</v>
      </c>
      <c r="AN3029" s="53">
        <v>6.1845639720559094E-8</v>
      </c>
      <c r="AO3029" s="53">
        <v>2366385.9213756602</v>
      </c>
      <c r="AP3029" s="53">
        <v>-2750831.9010022799</v>
      </c>
      <c r="AQ3029" s="53">
        <v>-1198407.37585127</v>
      </c>
      <c r="AR3029" s="53">
        <v>-318600.92175601103</v>
      </c>
      <c r="AS3029" s="53">
        <v>1083367.9565687899</v>
      </c>
      <c r="AT3029" s="53">
        <v>-907199.33942682797</v>
      </c>
      <c r="AU3029" s="53">
        <v>-196950.25364793901</v>
      </c>
      <c r="AV3029" s="53">
        <v>3117499.6880433802</v>
      </c>
      <c r="AW3029" s="53">
        <v>1740781.3358247101</v>
      </c>
      <c r="AX3029" s="53">
        <v>602937.72149391205</v>
      </c>
      <c r="AY3029" s="53">
        <v>-1658484.0054058901</v>
      </c>
      <c r="AZ3029" s="53">
        <v>-1880498.8262162399</v>
      </c>
      <c r="BA3029" s="53">
        <v>-7.2759576141834201E-9</v>
      </c>
      <c r="BB3029" s="53">
        <v>1116572.1868135501</v>
      </c>
      <c r="BC3029" s="53">
        <v>-704927.91495505394</v>
      </c>
      <c r="BD3029" s="53">
        <v>327726.787325827</v>
      </c>
      <c r="BE3029" s="53">
        <v>628841.21547723596</v>
      </c>
      <c r="BF3029" s="53">
        <v>669155.07786061405</v>
      </c>
      <c r="BG3029" s="53">
        <v>-1832201.25956421</v>
      </c>
      <c r="BH3029" s="53">
        <v>-1574860.59962296</v>
      </c>
      <c r="BI3029" s="53">
        <v>-369610.502006475</v>
      </c>
      <c r="BJ3029" s="53">
        <v>972059.38808851503</v>
      </c>
      <c r="BK3029" s="53">
        <v>1017495.84821511</v>
      </c>
      <c r="BL3029" s="53">
        <v>163097.511211531</v>
      </c>
      <c r="BM3029" s="53">
        <v>-413347.73884367099</v>
      </c>
      <c r="BN3029" s="53">
        <v>9.0949470177292803E-10</v>
      </c>
      <c r="BO3029" s="53">
        <v>-1366014.64176414</v>
      </c>
      <c r="BP3029" s="53">
        <v>-2244766.3620118299</v>
      </c>
      <c r="BQ3029" s="53">
        <v>-1334631.6077107301</v>
      </c>
      <c r="BR3029" s="53">
        <v>-1200796.9349573101</v>
      </c>
      <c r="BS3029" s="53">
        <v>-1565238.8220239901</v>
      </c>
      <c r="BT3029" s="53">
        <v>1229040.4109309099</v>
      </c>
      <c r="BU3029" s="53">
        <v>1341480.1174660199</v>
      </c>
      <c r="BV3029" s="53">
        <v>1894303.67677914</v>
      </c>
      <c r="BW3029" s="53">
        <v>1202564.1737740501</v>
      </c>
      <c r="BX3029" s="53">
        <v>901203.53692559805</v>
      </c>
      <c r="BY3029" s="53">
        <v>516755.73659794498</v>
      </c>
      <c r="BZ3029" s="53">
        <v>626100.71599433594</v>
      </c>
      <c r="CA3029" s="53">
        <v>-2.2737367544323202E-9</v>
      </c>
      <c r="CB3029" s="53"/>
      <c r="CC3029" s="53"/>
      <c r="CD3029" s="53"/>
      <c r="CE3029" s="53"/>
      <c r="CF3029" s="53"/>
      <c r="CG3029" s="53"/>
      <c r="CH3029" s="53"/>
      <c r="CI3029" s="53"/>
      <c r="CJ3029" s="53"/>
      <c r="CK3029" s="53"/>
      <c r="CL3029" s="53"/>
      <c r="CM3029" s="53"/>
      <c r="CN3029" s="53"/>
    </row>
    <row r="3030" spans="1:92" outlineLevel="1">
      <c r="A3030" s="52" t="s">
        <v>762</v>
      </c>
      <c r="B3030" s="53"/>
      <c r="C3030" s="53"/>
      <c r="D3030" s="53"/>
      <c r="E3030" s="53"/>
      <c r="F3030" s="53"/>
      <c r="G3030" s="53"/>
      <c r="H3030" s="53"/>
      <c r="I3030" s="53"/>
      <c r="J3030" s="53"/>
      <c r="K3030" s="53"/>
      <c r="L3030" s="53"/>
      <c r="M3030" s="53"/>
      <c r="N3030" s="53"/>
      <c r="O3030" s="53"/>
      <c r="P3030" s="53"/>
      <c r="Q3030" s="53"/>
      <c r="R3030" s="53"/>
      <c r="S3030" s="53"/>
      <c r="T3030" s="53"/>
      <c r="U3030" s="53"/>
      <c r="V3030" s="53"/>
      <c r="W3030" s="53"/>
      <c r="X3030" s="53"/>
      <c r="Y3030" s="53"/>
      <c r="Z3030" s="53"/>
      <c r="AA3030" s="53"/>
      <c r="AB3030" s="53"/>
      <c r="AC3030" s="53"/>
      <c r="AD3030" s="53"/>
      <c r="AE3030" s="53"/>
      <c r="AF3030" s="53"/>
      <c r="AG3030" s="53"/>
      <c r="AH3030" s="53"/>
      <c r="AI3030" s="53"/>
      <c r="AJ3030" s="53"/>
      <c r="AK3030" s="53"/>
      <c r="AL3030" s="53"/>
      <c r="AM3030" s="53"/>
      <c r="AN3030" s="53"/>
      <c r="AO3030" s="53"/>
      <c r="AP3030" s="53"/>
      <c r="AQ3030" s="53"/>
      <c r="AR3030" s="53"/>
      <c r="AS3030" s="53"/>
      <c r="AT3030" s="53"/>
      <c r="AU3030" s="53"/>
      <c r="AV3030" s="53"/>
      <c r="AW3030" s="53"/>
      <c r="AX3030" s="53"/>
      <c r="AY3030" s="53"/>
      <c r="AZ3030" s="53"/>
      <c r="BA3030" s="53"/>
      <c r="BB3030" s="53"/>
      <c r="BC3030" s="53"/>
      <c r="BD3030" s="53"/>
      <c r="BE3030" s="53"/>
      <c r="BF3030" s="53"/>
      <c r="BG3030" s="53"/>
      <c r="BH3030" s="53"/>
      <c r="BI3030" s="53"/>
      <c r="BJ3030" s="53"/>
      <c r="BK3030" s="53"/>
      <c r="BL3030" s="53"/>
      <c r="BM3030" s="53"/>
      <c r="BN3030" s="53"/>
      <c r="BO3030" s="53"/>
      <c r="BP3030" s="53"/>
      <c r="BQ3030" s="53"/>
      <c r="BR3030" s="53"/>
      <c r="BS3030" s="53"/>
      <c r="BT3030" s="53"/>
      <c r="BU3030" s="53"/>
      <c r="BV3030" s="53"/>
      <c r="BW3030" s="53"/>
      <c r="BX3030" s="53"/>
      <c r="BY3030" s="53"/>
      <c r="BZ3030" s="53"/>
      <c r="CA3030" s="53"/>
      <c r="CB3030" s="53"/>
      <c r="CC3030" s="53"/>
      <c r="CD3030" s="53"/>
      <c r="CE3030" s="53"/>
      <c r="CF3030" s="53"/>
      <c r="CG3030" s="53"/>
      <c r="CH3030" s="53"/>
      <c r="CI3030" s="53"/>
      <c r="CJ3030" s="53"/>
      <c r="CK3030" s="53"/>
      <c r="CL3030" s="53"/>
      <c r="CM3030" s="53"/>
      <c r="CN3030" s="53"/>
    </row>
    <row r="3031" spans="1:92" outlineLevel="1">
      <c r="A3031" s="52" t="s">
        <v>1739</v>
      </c>
      <c r="B3031" s="53"/>
      <c r="C3031" s="53"/>
      <c r="D3031" s="53"/>
      <c r="E3031" s="53"/>
      <c r="F3031" s="53"/>
      <c r="G3031" s="53"/>
      <c r="H3031" s="53"/>
      <c r="I3031" s="53"/>
      <c r="J3031" s="53"/>
      <c r="K3031" s="53"/>
      <c r="L3031" s="53"/>
      <c r="M3031" s="53"/>
      <c r="N3031" s="53"/>
      <c r="O3031" s="53"/>
      <c r="P3031" s="53"/>
      <c r="Q3031" s="53"/>
      <c r="R3031" s="53"/>
      <c r="S3031" s="53"/>
      <c r="T3031" s="53"/>
      <c r="U3031" s="53"/>
      <c r="V3031" s="53"/>
      <c r="W3031" s="53"/>
      <c r="X3031" s="53"/>
      <c r="Y3031" s="53"/>
      <c r="Z3031" s="53"/>
      <c r="AA3031" s="53"/>
      <c r="AB3031" s="53"/>
      <c r="AC3031" s="53"/>
      <c r="AD3031" s="53"/>
      <c r="AE3031" s="53"/>
      <c r="AF3031" s="53"/>
      <c r="AG3031" s="53"/>
      <c r="AH3031" s="53"/>
      <c r="AI3031" s="53"/>
      <c r="AJ3031" s="53"/>
      <c r="AK3031" s="53"/>
      <c r="AL3031" s="53"/>
      <c r="AM3031" s="53"/>
      <c r="AN3031" s="53"/>
      <c r="AO3031" s="53"/>
      <c r="AP3031" s="53"/>
      <c r="AQ3031" s="53"/>
      <c r="AR3031" s="53"/>
      <c r="AS3031" s="53"/>
      <c r="AT3031" s="53"/>
      <c r="AU3031" s="53"/>
      <c r="AV3031" s="53"/>
      <c r="AW3031" s="53"/>
      <c r="AX3031" s="53"/>
      <c r="AY3031" s="53"/>
      <c r="AZ3031" s="53"/>
      <c r="BA3031" s="53"/>
      <c r="BB3031" s="53"/>
      <c r="BC3031" s="53"/>
      <c r="BD3031" s="53"/>
      <c r="BE3031" s="53"/>
      <c r="BF3031" s="53"/>
      <c r="BG3031" s="53"/>
      <c r="BH3031" s="53"/>
      <c r="BI3031" s="53"/>
      <c r="BJ3031" s="53"/>
      <c r="BK3031" s="53"/>
      <c r="BL3031" s="53"/>
      <c r="BM3031" s="53"/>
      <c r="BN3031" s="53"/>
      <c r="BO3031" s="53"/>
      <c r="BP3031" s="53"/>
      <c r="BQ3031" s="53"/>
      <c r="BR3031" s="53"/>
      <c r="BS3031" s="53"/>
      <c r="BT3031" s="53"/>
      <c r="BU3031" s="53"/>
      <c r="BV3031" s="53"/>
      <c r="BW3031" s="53"/>
      <c r="BX3031" s="53"/>
      <c r="BY3031" s="53"/>
      <c r="BZ3031" s="53"/>
      <c r="CA3031" s="53"/>
      <c r="CB3031" s="53">
        <v>-8862311.0487578698</v>
      </c>
      <c r="CC3031" s="53">
        <v>-9517177.7608454004</v>
      </c>
      <c r="CD3031" s="53">
        <v>-10580143.5419979</v>
      </c>
      <c r="CE3031" s="53">
        <v>-10608489.2905655</v>
      </c>
      <c r="CF3031" s="53">
        <v>-9906548.2787426002</v>
      </c>
      <c r="CG3031" s="53">
        <v>-9920691.9940579999</v>
      </c>
      <c r="CH3031" s="53">
        <v>-9803136.0555846002</v>
      </c>
      <c r="CI3031" s="53">
        <v>-9125686.0586299002</v>
      </c>
      <c r="CJ3031" s="53">
        <v>-8651325.0956799705</v>
      </c>
      <c r="CK3031" s="53">
        <v>-9384248.3921816796</v>
      </c>
      <c r="CL3031" s="53">
        <v>-8944815.07152717</v>
      </c>
      <c r="CM3031" s="53">
        <v>-8382254.2809268702</v>
      </c>
      <c r="CN3031" s="53">
        <v>-113686826.869497</v>
      </c>
    </row>
    <row r="3032" spans="1:92" outlineLevel="1">
      <c r="A3032" s="52" t="s">
        <v>649</v>
      </c>
      <c r="B3032" s="53">
        <v>482114.77749999898</v>
      </c>
      <c r="C3032" s="53">
        <v>109144.477500002</v>
      </c>
      <c r="D3032" s="53">
        <v>-2173785.8824999998</v>
      </c>
      <c r="E3032" s="53">
        <v>-791417.862499999</v>
      </c>
      <c r="F3032" s="53">
        <v>872425.20750000002</v>
      </c>
      <c r="G3032" s="53">
        <v>3951874.3975</v>
      </c>
      <c r="H3032" s="53">
        <v>1398174.6675</v>
      </c>
      <c r="I3032" s="53">
        <v>2609681.4474999998</v>
      </c>
      <c r="J3032" s="53">
        <v>1992738.1174999999</v>
      </c>
      <c r="K3032" s="53">
        <v>-183861.10249999899</v>
      </c>
      <c r="L3032" s="53">
        <v>-9866886.9824999999</v>
      </c>
      <c r="M3032" s="53">
        <v>-1539579.1325000001</v>
      </c>
      <c r="N3032" s="53">
        <v>-3139377.8699999899</v>
      </c>
      <c r="O3032" s="53">
        <v>1626473.26975044</v>
      </c>
      <c r="P3032" s="53">
        <v>-2735171.2314026402</v>
      </c>
      <c r="Q3032" s="53">
        <v>-2412977.9806600902</v>
      </c>
      <c r="R3032" s="53">
        <v>-708487.43992707203</v>
      </c>
      <c r="S3032" s="53">
        <v>1008678.8777152899</v>
      </c>
      <c r="T3032" s="53">
        <v>1184538.2901788901</v>
      </c>
      <c r="U3032" s="53">
        <v>1529716.85261843</v>
      </c>
      <c r="V3032" s="53">
        <v>4226251.4932887601</v>
      </c>
      <c r="W3032" s="53">
        <v>651760.37052115297</v>
      </c>
      <c r="X3032" s="53">
        <v>-394809.208793931</v>
      </c>
      <c r="Y3032" s="53">
        <v>-2825746.3995930799</v>
      </c>
      <c r="Z3032" s="53">
        <v>-1788646.3647881099</v>
      </c>
      <c r="AA3032" s="53">
        <v>-638419.47109195299</v>
      </c>
      <c r="AB3032" s="53">
        <v>2169627.3688805201</v>
      </c>
      <c r="AC3032" s="53">
        <v>-2344624.1579509298</v>
      </c>
      <c r="AD3032" s="53">
        <v>-2137106.0878325999</v>
      </c>
      <c r="AE3032" s="53">
        <v>-921831.81734483701</v>
      </c>
      <c r="AF3032" s="53">
        <v>983190.26359797094</v>
      </c>
      <c r="AG3032" s="53">
        <v>1344715.3767250199</v>
      </c>
      <c r="AH3032" s="53">
        <v>1704820.4322617799</v>
      </c>
      <c r="AI3032" s="53">
        <v>4622894.11413847</v>
      </c>
      <c r="AJ3032" s="53">
        <v>611244.72146528901</v>
      </c>
      <c r="AK3032" s="53">
        <v>-636664.72350265703</v>
      </c>
      <c r="AL3032" s="53">
        <v>-3286675.1658111401</v>
      </c>
      <c r="AM3032" s="53">
        <v>-2109590.32462689</v>
      </c>
      <c r="AN3032" s="53">
        <v>-1.72803993336856E-8</v>
      </c>
      <c r="AO3032" s="53">
        <v>1707358.8043714501</v>
      </c>
      <c r="AP3032" s="53">
        <v>-2762510.0311361598</v>
      </c>
      <c r="AQ3032" s="53">
        <v>-2083941.3466707401</v>
      </c>
      <c r="AR3032" s="53">
        <v>-1302610.8232311599</v>
      </c>
      <c r="AS3032" s="53">
        <v>548580.72066021804</v>
      </c>
      <c r="AT3032" s="53">
        <v>1269534.87504155</v>
      </c>
      <c r="AU3032" s="53">
        <v>1879779.5548303099</v>
      </c>
      <c r="AV3032" s="53">
        <v>4749087.4061170202</v>
      </c>
      <c r="AW3032" s="53">
        <v>1050406.39045687</v>
      </c>
      <c r="AX3032" s="53">
        <v>-551311.20030368899</v>
      </c>
      <c r="AY3032" s="53">
        <v>-2499218.1013153601</v>
      </c>
      <c r="AZ3032" s="53">
        <v>-2005156.24882031</v>
      </c>
      <c r="BA3032" s="53">
        <v>-1.4551915228366801E-8</v>
      </c>
      <c r="BB3032" s="53">
        <v>1713945.8976274701</v>
      </c>
      <c r="BC3032" s="53">
        <v>-2813781.0794013301</v>
      </c>
      <c r="BD3032" s="53">
        <v>-2172728.41173768</v>
      </c>
      <c r="BE3032" s="53">
        <v>-1373328.6217298801</v>
      </c>
      <c r="BF3032" s="53">
        <v>521328.19762799202</v>
      </c>
      <c r="BG3032" s="53">
        <v>1320642.06188658</v>
      </c>
      <c r="BH3032" s="53">
        <v>1941239.2435903901</v>
      </c>
      <c r="BI3032" s="53">
        <v>4857829.0514438897</v>
      </c>
      <c r="BJ3032" s="53">
        <v>1098166.70816209</v>
      </c>
      <c r="BK3032" s="53">
        <v>-513640.711660325</v>
      </c>
      <c r="BL3032" s="53">
        <v>-2554851.3854476898</v>
      </c>
      <c r="BM3032" s="53">
        <v>-2024890.3952604099</v>
      </c>
      <c r="BN3032" s="53">
        <v>-69.444898883375501</v>
      </c>
      <c r="BO3032" s="53">
        <v>1773464.1562186901</v>
      </c>
      <c r="BP3032" s="53">
        <v>-3016737.8891863301</v>
      </c>
      <c r="BQ3032" s="53">
        <v>-2362248.43365457</v>
      </c>
      <c r="BR3032" s="53">
        <v>-1517635.94777559</v>
      </c>
      <c r="BS3032" s="53">
        <v>534234.87555027998</v>
      </c>
      <c r="BT3032" s="53">
        <v>1422269.75204538</v>
      </c>
      <c r="BU3032" s="53">
        <v>2087902.4734950999</v>
      </c>
      <c r="BV3032" s="53">
        <v>5184293.5942264805</v>
      </c>
      <c r="BW3032" s="53">
        <v>1203275.23549584</v>
      </c>
      <c r="BX3032" s="53">
        <v>-516919.98620855302</v>
      </c>
      <c r="BY3032" s="53">
        <v>-2684878.5650899601</v>
      </c>
      <c r="BZ3032" s="53">
        <v>-2106881.9730591602</v>
      </c>
      <c r="CA3032" s="53">
        <v>137.29205761774199</v>
      </c>
      <c r="CB3032" s="53"/>
      <c r="CC3032" s="53"/>
      <c r="CD3032" s="53"/>
      <c r="CE3032" s="53"/>
      <c r="CF3032" s="53"/>
      <c r="CG3032" s="53"/>
      <c r="CH3032" s="53"/>
      <c r="CI3032" s="53"/>
      <c r="CJ3032" s="53"/>
      <c r="CK3032" s="53"/>
      <c r="CL3032" s="53"/>
      <c r="CM3032" s="53"/>
      <c r="CN3032" s="53"/>
    </row>
    <row r="3033" spans="1:92" outlineLevel="1">
      <c r="A3033" s="52" t="s">
        <v>1740</v>
      </c>
      <c r="B3033" s="53"/>
      <c r="C3033" s="53"/>
      <c r="D3033" s="53"/>
      <c r="E3033" s="53"/>
      <c r="F3033" s="53"/>
      <c r="G3033" s="53"/>
      <c r="H3033" s="53"/>
      <c r="I3033" s="53"/>
      <c r="J3033" s="53"/>
      <c r="K3033" s="53"/>
      <c r="L3033" s="53"/>
      <c r="M3033" s="53"/>
      <c r="N3033" s="53"/>
      <c r="O3033" s="53"/>
      <c r="P3033" s="53"/>
      <c r="Q3033" s="53"/>
      <c r="R3033" s="53"/>
      <c r="S3033" s="53"/>
      <c r="T3033" s="53"/>
      <c r="U3033" s="53"/>
      <c r="V3033" s="53"/>
      <c r="W3033" s="53"/>
      <c r="X3033" s="53"/>
      <c r="Y3033" s="53"/>
      <c r="Z3033" s="53"/>
      <c r="AA3033" s="53"/>
      <c r="AB3033" s="53"/>
      <c r="AC3033" s="53"/>
      <c r="AD3033" s="53"/>
      <c r="AE3033" s="53"/>
      <c r="AF3033" s="53"/>
      <c r="AG3033" s="53"/>
      <c r="AH3033" s="53"/>
      <c r="AI3033" s="53"/>
      <c r="AJ3033" s="53"/>
      <c r="AK3033" s="53"/>
      <c r="AL3033" s="53"/>
      <c r="AM3033" s="53"/>
      <c r="AN3033" s="53"/>
      <c r="AO3033" s="53"/>
      <c r="AP3033" s="53"/>
      <c r="AQ3033" s="53"/>
      <c r="AR3033" s="53"/>
      <c r="AS3033" s="53"/>
      <c r="AT3033" s="53"/>
      <c r="AU3033" s="53"/>
      <c r="AV3033" s="53"/>
      <c r="AW3033" s="53"/>
      <c r="AX3033" s="53"/>
      <c r="AY3033" s="53"/>
      <c r="AZ3033" s="53"/>
      <c r="BA3033" s="53"/>
      <c r="BB3033" s="53"/>
      <c r="BC3033" s="53"/>
      <c r="BD3033" s="53"/>
      <c r="BE3033" s="53"/>
      <c r="BF3033" s="53"/>
      <c r="BG3033" s="53"/>
      <c r="BH3033" s="53"/>
      <c r="BI3033" s="53"/>
      <c r="BJ3033" s="53"/>
      <c r="BK3033" s="53"/>
      <c r="BL3033" s="53"/>
      <c r="BM3033" s="53"/>
      <c r="BN3033" s="53"/>
      <c r="BO3033" s="53"/>
      <c r="BP3033" s="53"/>
      <c r="BQ3033" s="53"/>
      <c r="BR3033" s="53"/>
      <c r="BS3033" s="53"/>
      <c r="BT3033" s="53"/>
      <c r="BU3033" s="53"/>
      <c r="BV3033" s="53"/>
      <c r="BW3033" s="53"/>
      <c r="BX3033" s="53"/>
      <c r="BY3033" s="53"/>
      <c r="BZ3033" s="53"/>
      <c r="CA3033" s="53"/>
      <c r="CB3033" s="53"/>
      <c r="CC3033" s="53"/>
      <c r="CD3033" s="53"/>
      <c r="CE3033" s="53"/>
      <c r="CF3033" s="53"/>
      <c r="CG3033" s="53"/>
      <c r="CH3033" s="53"/>
      <c r="CI3033" s="53"/>
      <c r="CJ3033" s="53"/>
      <c r="CK3033" s="53"/>
      <c r="CL3033" s="53"/>
      <c r="CM3033" s="53"/>
      <c r="CN3033" s="53"/>
    </row>
    <row r="3034" spans="1:92" outlineLevel="1">
      <c r="A3034" s="52" t="s">
        <v>649</v>
      </c>
      <c r="B3034" s="53">
        <v>-1599798.7375</v>
      </c>
      <c r="C3034" s="53">
        <v>-1599798.7375</v>
      </c>
      <c r="D3034" s="53">
        <v>-1599798.7375</v>
      </c>
      <c r="E3034" s="53">
        <v>-1599798.7375</v>
      </c>
      <c r="F3034" s="53">
        <v>-1599798.7375</v>
      </c>
      <c r="G3034" s="53">
        <v>-1599798.7375</v>
      </c>
      <c r="H3034" s="53">
        <v>-1599798.7375</v>
      </c>
      <c r="I3034" s="53">
        <v>-1599798.7375</v>
      </c>
      <c r="J3034" s="53">
        <v>-1599798.7375</v>
      </c>
      <c r="K3034" s="53">
        <v>-1599798.7375</v>
      </c>
      <c r="L3034" s="53">
        <v>-1599798.7375</v>
      </c>
      <c r="M3034" s="53">
        <v>-1599798.7375</v>
      </c>
      <c r="N3034" s="53">
        <v>-19197584.849999901</v>
      </c>
      <c r="O3034" s="53">
        <v>-643791.48916666606</v>
      </c>
      <c r="P3034" s="53">
        <v>-643791.48916666606</v>
      </c>
      <c r="Q3034" s="53">
        <v>-643791.48916666606</v>
      </c>
      <c r="R3034" s="53">
        <v>-643791.48916666606</v>
      </c>
      <c r="S3034" s="53">
        <v>-643791.48916666606</v>
      </c>
      <c r="T3034" s="53">
        <v>-643791.48916666606</v>
      </c>
      <c r="U3034" s="53">
        <v>-643791.48916666606</v>
      </c>
      <c r="V3034" s="53">
        <v>-643791.48916666606</v>
      </c>
      <c r="W3034" s="53">
        <v>-643791.48916666606</v>
      </c>
      <c r="X3034" s="53">
        <v>-643791.48916666606</v>
      </c>
      <c r="Y3034" s="53">
        <v>-643791.48916666606</v>
      </c>
      <c r="Z3034" s="53">
        <v>-643791.48916666606</v>
      </c>
      <c r="AA3034" s="53">
        <v>-7725497.8700000001</v>
      </c>
      <c r="AB3034" s="53">
        <v>53201.622590996099</v>
      </c>
      <c r="AC3034" s="53">
        <v>53201.622590996099</v>
      </c>
      <c r="AD3034" s="53">
        <v>53201.622590996099</v>
      </c>
      <c r="AE3034" s="53">
        <v>53201.622590996099</v>
      </c>
      <c r="AF3034" s="53">
        <v>53201.622590996099</v>
      </c>
      <c r="AG3034" s="53">
        <v>53201.622590996099</v>
      </c>
      <c r="AH3034" s="53">
        <v>53201.622590996099</v>
      </c>
      <c r="AI3034" s="53">
        <v>53201.622590996099</v>
      </c>
      <c r="AJ3034" s="53">
        <v>53201.622590996099</v>
      </c>
      <c r="AK3034" s="53">
        <v>53201.622590996099</v>
      </c>
      <c r="AL3034" s="53">
        <v>53201.622590996099</v>
      </c>
      <c r="AM3034" s="53">
        <v>53201.622590996099</v>
      </c>
      <c r="AN3034" s="53">
        <v>638419.47109195299</v>
      </c>
      <c r="AO3034" s="53">
        <v>1.36128145792705E-9</v>
      </c>
      <c r="AP3034" s="53">
        <v>1.36128145792705E-9</v>
      </c>
      <c r="AQ3034" s="53">
        <v>1.36128145792705E-9</v>
      </c>
      <c r="AR3034" s="53">
        <v>1.36128145792705E-9</v>
      </c>
      <c r="AS3034" s="53">
        <v>1.36128145792705E-9</v>
      </c>
      <c r="AT3034" s="53">
        <v>1.36128145792705E-9</v>
      </c>
      <c r="AU3034" s="53">
        <v>1.36128145792705E-9</v>
      </c>
      <c r="AV3034" s="53">
        <v>1.36128145792705E-9</v>
      </c>
      <c r="AW3034" s="53">
        <v>1.36128145792705E-9</v>
      </c>
      <c r="AX3034" s="53">
        <v>1.36128145792705E-9</v>
      </c>
      <c r="AY3034" s="53">
        <v>1.36128145792705E-9</v>
      </c>
      <c r="AZ3034" s="53">
        <v>1.36128145792705E-9</v>
      </c>
      <c r="BA3034" s="53">
        <v>1.63353774951247E-8</v>
      </c>
      <c r="BB3034" s="53">
        <v>1.36448876888708E-9</v>
      </c>
      <c r="BC3034" s="53">
        <v>1.36448876888708E-9</v>
      </c>
      <c r="BD3034" s="53">
        <v>1.36448876888708E-9</v>
      </c>
      <c r="BE3034" s="53">
        <v>1.36448876888708E-9</v>
      </c>
      <c r="BF3034" s="53">
        <v>1.36448876888708E-9</v>
      </c>
      <c r="BG3034" s="53">
        <v>1.36448876888708E-9</v>
      </c>
      <c r="BH3034" s="53">
        <v>1.36448876888708E-9</v>
      </c>
      <c r="BI3034" s="53">
        <v>1.36448876888708E-9</v>
      </c>
      <c r="BJ3034" s="53">
        <v>1.36448876888708E-9</v>
      </c>
      <c r="BK3034" s="53">
        <v>1.36448876888708E-9</v>
      </c>
      <c r="BL3034" s="53">
        <v>1.36448876888708E-9</v>
      </c>
      <c r="BM3034" s="53">
        <v>1.36448876888708E-9</v>
      </c>
      <c r="BN3034" s="53">
        <v>1.6373865226645001E-8</v>
      </c>
      <c r="BO3034" s="53">
        <v>5.7870749068721503</v>
      </c>
      <c r="BP3034" s="53">
        <v>5.7870749068721503</v>
      </c>
      <c r="BQ3034" s="53">
        <v>5.7870749068721503</v>
      </c>
      <c r="BR3034" s="53">
        <v>5.7870749068721503</v>
      </c>
      <c r="BS3034" s="53">
        <v>5.7870749068721503</v>
      </c>
      <c r="BT3034" s="53">
        <v>5.7870749068721503</v>
      </c>
      <c r="BU3034" s="53">
        <v>5.7870749068721503</v>
      </c>
      <c r="BV3034" s="53">
        <v>5.7870749068721503</v>
      </c>
      <c r="BW3034" s="53">
        <v>5.7870749068721503</v>
      </c>
      <c r="BX3034" s="53">
        <v>5.7870749068721503</v>
      </c>
      <c r="BY3034" s="53">
        <v>5.7870749068721503</v>
      </c>
      <c r="BZ3034" s="53">
        <v>5.7870749068721503</v>
      </c>
      <c r="CA3034" s="53">
        <v>69.444898882465793</v>
      </c>
      <c r="CB3034" s="53">
        <v>-99137.488866953703</v>
      </c>
      <c r="CC3034" s="53">
        <v>-99137.488866953703</v>
      </c>
      <c r="CD3034" s="53">
        <v>-99137.488866953703</v>
      </c>
      <c r="CE3034" s="53">
        <v>-99137.488866953703</v>
      </c>
      <c r="CF3034" s="53">
        <v>-99137.488866953703</v>
      </c>
      <c r="CG3034" s="53">
        <v>-99137.488866953703</v>
      </c>
      <c r="CH3034" s="53">
        <v>-99137.488866953703</v>
      </c>
      <c r="CI3034" s="53">
        <v>-99137.488866953703</v>
      </c>
      <c r="CJ3034" s="53">
        <v>-99137.488866953703</v>
      </c>
      <c r="CK3034" s="53">
        <v>-99137.488866953703</v>
      </c>
      <c r="CL3034" s="53">
        <v>-99137.488866953703</v>
      </c>
      <c r="CM3034" s="53">
        <v>-99137.488866953703</v>
      </c>
      <c r="CN3034" s="53">
        <v>-1189649.86640344</v>
      </c>
    </row>
    <row r="3035" spans="1:92" outlineLevel="1">
      <c r="A3035" s="52" t="s">
        <v>765</v>
      </c>
      <c r="B3035" s="53"/>
      <c r="C3035" s="53"/>
      <c r="D3035" s="53"/>
      <c r="E3035" s="53"/>
      <c r="F3035" s="53"/>
      <c r="G3035" s="53"/>
      <c r="H3035" s="53"/>
      <c r="I3035" s="53"/>
      <c r="J3035" s="53"/>
      <c r="K3035" s="53"/>
      <c r="L3035" s="53"/>
      <c r="M3035" s="53"/>
      <c r="N3035" s="53"/>
      <c r="O3035" s="53"/>
      <c r="P3035" s="53"/>
      <c r="Q3035" s="53"/>
      <c r="R3035" s="53"/>
      <c r="S3035" s="53"/>
      <c r="T3035" s="53"/>
      <c r="U3035" s="53"/>
      <c r="V3035" s="53"/>
      <c r="W3035" s="53"/>
      <c r="X3035" s="53"/>
      <c r="Y3035" s="53"/>
      <c r="Z3035" s="53"/>
      <c r="AA3035" s="53"/>
      <c r="AB3035" s="53"/>
      <c r="AC3035" s="53"/>
      <c r="AD3035" s="53"/>
      <c r="AE3035" s="53"/>
      <c r="AF3035" s="53"/>
      <c r="AG3035" s="53"/>
      <c r="AH3035" s="53"/>
      <c r="AI3035" s="53"/>
      <c r="AJ3035" s="53"/>
      <c r="AK3035" s="53"/>
      <c r="AL3035" s="53"/>
      <c r="AM3035" s="53"/>
      <c r="AN3035" s="53"/>
      <c r="AO3035" s="53"/>
      <c r="AP3035" s="53"/>
      <c r="AQ3035" s="53"/>
      <c r="AR3035" s="53"/>
      <c r="AS3035" s="53"/>
      <c r="AT3035" s="53"/>
      <c r="AU3035" s="53"/>
      <c r="AV3035" s="53"/>
      <c r="AW3035" s="53"/>
      <c r="AX3035" s="53"/>
      <c r="AY3035" s="53"/>
      <c r="AZ3035" s="53"/>
      <c r="BA3035" s="53"/>
      <c r="BB3035" s="53"/>
      <c r="BC3035" s="53"/>
      <c r="BD3035" s="53"/>
      <c r="BE3035" s="53"/>
      <c r="BF3035" s="53"/>
      <c r="BG3035" s="53"/>
      <c r="BH3035" s="53"/>
      <c r="BI3035" s="53"/>
      <c r="BJ3035" s="53"/>
      <c r="BK3035" s="53"/>
      <c r="BL3035" s="53"/>
      <c r="BM3035" s="53"/>
      <c r="BN3035" s="53"/>
      <c r="BO3035" s="53"/>
      <c r="BP3035" s="53"/>
      <c r="BQ3035" s="53"/>
      <c r="BR3035" s="53"/>
      <c r="BS3035" s="53"/>
      <c r="BT3035" s="53"/>
      <c r="BU3035" s="53"/>
      <c r="BV3035" s="53"/>
      <c r="BW3035" s="53"/>
      <c r="BX3035" s="53"/>
      <c r="BY3035" s="53"/>
      <c r="BZ3035" s="53"/>
      <c r="CA3035" s="53"/>
      <c r="CB3035" s="53"/>
      <c r="CC3035" s="53"/>
      <c r="CD3035" s="53"/>
      <c r="CE3035" s="53"/>
      <c r="CF3035" s="53"/>
      <c r="CG3035" s="53"/>
      <c r="CH3035" s="53"/>
      <c r="CI3035" s="53"/>
      <c r="CJ3035" s="53"/>
      <c r="CK3035" s="53"/>
      <c r="CL3035" s="53"/>
      <c r="CM3035" s="53"/>
      <c r="CN3035" s="53"/>
    </row>
    <row r="3036" spans="1:92" outlineLevel="1">
      <c r="A3036" s="52" t="s">
        <v>1741</v>
      </c>
      <c r="B3036" s="53"/>
      <c r="C3036" s="53"/>
      <c r="D3036" s="53"/>
      <c r="E3036" s="53"/>
      <c r="F3036" s="53"/>
      <c r="G3036" s="53"/>
      <c r="H3036" s="53"/>
      <c r="I3036" s="53"/>
      <c r="J3036" s="53"/>
      <c r="K3036" s="53"/>
      <c r="L3036" s="53"/>
      <c r="M3036" s="53"/>
      <c r="N3036" s="53"/>
      <c r="O3036" s="53"/>
      <c r="P3036" s="53"/>
      <c r="Q3036" s="53"/>
      <c r="R3036" s="53"/>
      <c r="S3036" s="53"/>
      <c r="T3036" s="53"/>
      <c r="U3036" s="53"/>
      <c r="V3036" s="53"/>
      <c r="W3036" s="53"/>
      <c r="X3036" s="53"/>
      <c r="Y3036" s="53"/>
      <c r="Z3036" s="53"/>
      <c r="AA3036" s="53"/>
      <c r="AB3036" s="53"/>
      <c r="AC3036" s="53"/>
      <c r="AD3036" s="53"/>
      <c r="AE3036" s="53"/>
      <c r="AF3036" s="53"/>
      <c r="AG3036" s="53"/>
      <c r="AH3036" s="53"/>
      <c r="AI3036" s="53"/>
      <c r="AJ3036" s="53"/>
      <c r="AK3036" s="53"/>
      <c r="AL3036" s="53"/>
      <c r="AM3036" s="53"/>
      <c r="AN3036" s="53"/>
      <c r="AO3036" s="53"/>
      <c r="AP3036" s="53"/>
      <c r="AQ3036" s="53"/>
      <c r="AR3036" s="53"/>
      <c r="AS3036" s="53"/>
      <c r="AT3036" s="53"/>
      <c r="AU3036" s="53"/>
      <c r="AV3036" s="53"/>
      <c r="AW3036" s="53"/>
      <c r="AX3036" s="53"/>
      <c r="AY3036" s="53"/>
      <c r="AZ3036" s="53"/>
      <c r="BA3036" s="53"/>
      <c r="BB3036" s="53"/>
      <c r="BC3036" s="53"/>
      <c r="BD3036" s="53"/>
      <c r="BE3036" s="53"/>
      <c r="BF3036" s="53"/>
      <c r="BG3036" s="53"/>
      <c r="BH3036" s="53"/>
      <c r="BI3036" s="53"/>
      <c r="BJ3036" s="53"/>
      <c r="BK3036" s="53"/>
      <c r="BL3036" s="53"/>
      <c r="BM3036" s="53"/>
      <c r="BN3036" s="53"/>
      <c r="BO3036" s="53"/>
      <c r="BP3036" s="53"/>
      <c r="BQ3036" s="53"/>
      <c r="BR3036" s="53"/>
      <c r="BS3036" s="53"/>
      <c r="BT3036" s="53"/>
      <c r="BU3036" s="53"/>
      <c r="BV3036" s="53"/>
      <c r="BW3036" s="53"/>
      <c r="BX3036" s="53"/>
      <c r="BY3036" s="53"/>
      <c r="BZ3036" s="53"/>
      <c r="CA3036" s="53"/>
      <c r="CB3036" s="53"/>
      <c r="CC3036" s="53"/>
      <c r="CD3036" s="53"/>
      <c r="CE3036" s="53"/>
      <c r="CF3036" s="53"/>
      <c r="CG3036" s="53"/>
      <c r="CH3036" s="53"/>
      <c r="CI3036" s="53"/>
      <c r="CJ3036" s="53"/>
      <c r="CK3036" s="53"/>
      <c r="CL3036" s="53"/>
      <c r="CM3036" s="53"/>
      <c r="CN3036" s="53"/>
    </row>
    <row r="3037" spans="1:92" outlineLevel="1">
      <c r="A3037" s="52" t="s">
        <v>649</v>
      </c>
      <c r="B3037" s="53">
        <v>397609.16666666698</v>
      </c>
      <c r="C3037" s="53">
        <v>-5403.8333333333003</v>
      </c>
      <c r="D3037" s="53">
        <v>502468.16666666599</v>
      </c>
      <c r="E3037" s="53">
        <v>-331246.83333333198</v>
      </c>
      <c r="F3037" s="53">
        <v>99581.166666666599</v>
      </c>
      <c r="G3037" s="53">
        <v>572137.16666666698</v>
      </c>
      <c r="H3037" s="53">
        <v>200481.16666666599</v>
      </c>
      <c r="I3037" s="53">
        <v>528416.166666665</v>
      </c>
      <c r="J3037" s="53">
        <v>326465.16666666599</v>
      </c>
      <c r="K3037" s="53">
        <v>211325.16666666701</v>
      </c>
      <c r="L3037" s="53">
        <v>-538747.83333333395</v>
      </c>
      <c r="M3037" s="53">
        <v>186087.16666666701</v>
      </c>
      <c r="N3037" s="53">
        <v>2149171.9999999902</v>
      </c>
      <c r="O3037" s="53">
        <v>239206.23633114199</v>
      </c>
      <c r="P3037" s="53">
        <v>-82418.654230739499</v>
      </c>
      <c r="Q3037" s="53">
        <v>-15829.005680685301</v>
      </c>
      <c r="R3037" s="53">
        <v>-76171.115026564599</v>
      </c>
      <c r="S3037" s="53">
        <v>44484.3224890454</v>
      </c>
      <c r="T3037" s="53">
        <v>5449.1947453900502</v>
      </c>
      <c r="U3037" s="53">
        <v>65619.388039130907</v>
      </c>
      <c r="V3037" s="53">
        <v>260133.35009509799</v>
      </c>
      <c r="W3037" s="53">
        <v>42261.9114859033</v>
      </c>
      <c r="X3037" s="53">
        <v>9180.5345127801193</v>
      </c>
      <c r="Y3037" s="53">
        <v>-25022.752279663899</v>
      </c>
      <c r="Z3037" s="53">
        <v>-96674.866910065903</v>
      </c>
      <c r="AA3037" s="53">
        <v>370218.543570771</v>
      </c>
      <c r="AB3037" s="53">
        <v>177141.23564169701</v>
      </c>
      <c r="AC3037" s="53">
        <v>-120233.260024042</v>
      </c>
      <c r="AD3037" s="53">
        <v>-51957.761190505902</v>
      </c>
      <c r="AE3037" s="53">
        <v>-29316.740529094401</v>
      </c>
      <c r="AF3037" s="53">
        <v>76845.161949838206</v>
      </c>
      <c r="AG3037" s="53">
        <v>-13059.818789160199</v>
      </c>
      <c r="AH3037" s="53">
        <v>49361.316240217202</v>
      </c>
      <c r="AI3037" s="53">
        <v>250456.65353355301</v>
      </c>
      <c r="AJ3037" s="53">
        <v>15335.8983279964</v>
      </c>
      <c r="AK3037" s="53">
        <v>-24039.2443432158</v>
      </c>
      <c r="AL3037" s="53">
        <v>-140790.624191788</v>
      </c>
      <c r="AM3037" s="53">
        <v>-189742.816625495</v>
      </c>
      <c r="AN3037" s="53">
        <v>-3.4106051316484799E-10</v>
      </c>
      <c r="AO3037" s="53">
        <v>147125.720324797</v>
      </c>
      <c r="AP3037" s="53">
        <v>-253710.70540185901</v>
      </c>
      <c r="AQ3037" s="53">
        <v>-192174.89290034401</v>
      </c>
      <c r="AR3037" s="53">
        <v>-120143.16900738901</v>
      </c>
      <c r="AS3037" s="53">
        <v>47583.717166806899</v>
      </c>
      <c r="AT3037" s="53">
        <v>113977.088166999</v>
      </c>
      <c r="AU3037" s="53">
        <v>169984.731879889</v>
      </c>
      <c r="AV3037" s="53">
        <v>428760.60016197601</v>
      </c>
      <c r="AW3037" s="53">
        <v>97381.657362074504</v>
      </c>
      <c r="AX3037" s="53">
        <v>-45696.672588984999</v>
      </c>
      <c r="AY3037" s="53">
        <v>-219164.028060563</v>
      </c>
      <c r="AZ3037" s="53">
        <v>-173924.04710340299</v>
      </c>
      <c r="BA3037" s="53">
        <v>-6.8212102632969597E-10</v>
      </c>
      <c r="BB3037" s="53">
        <v>145039.07254220801</v>
      </c>
      <c r="BC3037" s="53">
        <v>-253587.55066168701</v>
      </c>
      <c r="BD3037" s="53">
        <v>-196253.70751827501</v>
      </c>
      <c r="BE3037" s="53">
        <v>-124119.71688159399</v>
      </c>
      <c r="BF3037" s="53">
        <v>44536.775654979603</v>
      </c>
      <c r="BG3037" s="53">
        <v>116611.291089391</v>
      </c>
      <c r="BH3037" s="53">
        <v>172475.96090962901</v>
      </c>
      <c r="BI3037" s="53">
        <v>431204.917778156</v>
      </c>
      <c r="BJ3037" s="53">
        <v>99843.120314680506</v>
      </c>
      <c r="BK3037" s="53">
        <v>-41812.7814737757</v>
      </c>
      <c r="BL3037" s="53">
        <v>-220725.21091428501</v>
      </c>
      <c r="BM3037" s="53">
        <v>-173212.170839425</v>
      </c>
      <c r="BN3037" s="53">
        <v>1.70530256582424E-9</v>
      </c>
      <c r="BO3037" s="53">
        <v>141762.361973127</v>
      </c>
      <c r="BP3037" s="53">
        <v>-256308.64963853901</v>
      </c>
      <c r="BQ3037" s="53">
        <v>-200674.68809399201</v>
      </c>
      <c r="BR3037" s="53">
        <v>-129189.67633088</v>
      </c>
      <c r="BS3037" s="53">
        <v>42615.738404112599</v>
      </c>
      <c r="BT3037" s="53">
        <v>117793.280674116</v>
      </c>
      <c r="BU3037" s="53">
        <v>174538.08424482701</v>
      </c>
      <c r="BV3037" s="53">
        <v>432759.65694205102</v>
      </c>
      <c r="BW3037" s="53">
        <v>103051.139377049</v>
      </c>
      <c r="BX3037" s="53">
        <v>-38942.700383311203</v>
      </c>
      <c r="BY3037" s="53">
        <v>-218114.041093951</v>
      </c>
      <c r="BZ3037" s="53">
        <v>-169290.506074606</v>
      </c>
      <c r="CA3037" s="53">
        <v>3.1832314562052401E-9</v>
      </c>
      <c r="CB3037" s="53"/>
      <c r="CC3037" s="53"/>
      <c r="CD3037" s="53"/>
      <c r="CE3037" s="53"/>
      <c r="CF3037" s="53"/>
      <c r="CG3037" s="53"/>
      <c r="CH3037" s="53"/>
      <c r="CI3037" s="53"/>
      <c r="CJ3037" s="53"/>
      <c r="CK3037" s="53"/>
      <c r="CL3037" s="53"/>
      <c r="CM3037" s="53"/>
      <c r="CN3037" s="53"/>
    </row>
    <row r="3038" spans="1:92" outlineLevel="1">
      <c r="A3038" s="52" t="s">
        <v>1742</v>
      </c>
      <c r="B3038" s="53"/>
      <c r="C3038" s="53"/>
      <c r="D3038" s="53"/>
      <c r="E3038" s="53"/>
      <c r="F3038" s="53"/>
      <c r="G3038" s="53"/>
      <c r="H3038" s="53"/>
      <c r="I3038" s="53"/>
      <c r="J3038" s="53"/>
      <c r="K3038" s="53"/>
      <c r="L3038" s="53"/>
      <c r="M3038" s="53"/>
      <c r="N3038" s="53"/>
      <c r="O3038" s="53"/>
      <c r="P3038" s="53"/>
      <c r="Q3038" s="53"/>
      <c r="R3038" s="53"/>
      <c r="S3038" s="53"/>
      <c r="T3038" s="53"/>
      <c r="U3038" s="53"/>
      <c r="V3038" s="53"/>
      <c r="W3038" s="53"/>
      <c r="X3038" s="53"/>
      <c r="Y3038" s="53"/>
      <c r="Z3038" s="53"/>
      <c r="AA3038" s="53"/>
      <c r="AB3038" s="53"/>
      <c r="AC3038" s="53"/>
      <c r="AD3038" s="53"/>
      <c r="AE3038" s="53"/>
      <c r="AF3038" s="53"/>
      <c r="AG3038" s="53"/>
      <c r="AH3038" s="53"/>
      <c r="AI3038" s="53"/>
      <c r="AJ3038" s="53"/>
      <c r="AK3038" s="53"/>
      <c r="AL3038" s="53"/>
      <c r="AM3038" s="53"/>
      <c r="AN3038" s="53"/>
      <c r="AO3038" s="53"/>
      <c r="AP3038" s="53"/>
      <c r="AQ3038" s="53"/>
      <c r="AR3038" s="53"/>
      <c r="AS3038" s="53"/>
      <c r="AT3038" s="53"/>
      <c r="AU3038" s="53"/>
      <c r="AV3038" s="53"/>
      <c r="AW3038" s="53"/>
      <c r="AX3038" s="53"/>
      <c r="AY3038" s="53"/>
      <c r="AZ3038" s="53"/>
      <c r="BA3038" s="53"/>
      <c r="BB3038" s="53"/>
      <c r="BC3038" s="53"/>
      <c r="BD3038" s="53"/>
      <c r="BE3038" s="53"/>
      <c r="BF3038" s="53"/>
      <c r="BG3038" s="53"/>
      <c r="BH3038" s="53"/>
      <c r="BI3038" s="53"/>
      <c r="BJ3038" s="53"/>
      <c r="BK3038" s="53"/>
      <c r="BL3038" s="53"/>
      <c r="BM3038" s="53"/>
      <c r="BN3038" s="53"/>
      <c r="BO3038" s="53"/>
      <c r="BP3038" s="53"/>
      <c r="BQ3038" s="53"/>
      <c r="BR3038" s="53"/>
      <c r="BS3038" s="53"/>
      <c r="BT3038" s="53"/>
      <c r="BU3038" s="53"/>
      <c r="BV3038" s="53"/>
      <c r="BW3038" s="53"/>
      <c r="BX3038" s="53"/>
      <c r="BY3038" s="53"/>
      <c r="BZ3038" s="53"/>
      <c r="CA3038" s="53"/>
      <c r="CB3038" s="53">
        <v>9709113.56718079</v>
      </c>
      <c r="CC3038" s="53">
        <v>9731420.0067501795</v>
      </c>
      <c r="CD3038" s="53">
        <v>9760965.4821418393</v>
      </c>
      <c r="CE3038" s="53">
        <v>9804176.3154558502</v>
      </c>
      <c r="CF3038" s="53">
        <v>9827988.3710235301</v>
      </c>
      <c r="CG3038" s="53">
        <v>9851601.0700849108</v>
      </c>
      <c r="CH3038" s="53">
        <v>9911184.9461589996</v>
      </c>
      <c r="CI3038" s="53">
        <v>9936006.6665291209</v>
      </c>
      <c r="CJ3038" s="53">
        <v>9959669.0501857102</v>
      </c>
      <c r="CK3038" s="53">
        <v>10002361.7704484</v>
      </c>
      <c r="CL3038" s="53">
        <v>10025981.191054501</v>
      </c>
      <c r="CM3038" s="53">
        <v>10055249.996088799</v>
      </c>
      <c r="CN3038" s="53">
        <v>118575718.433102</v>
      </c>
    </row>
    <row r="3039" spans="1:92" outlineLevel="1">
      <c r="A3039" s="52" t="s">
        <v>649</v>
      </c>
      <c r="B3039" s="53">
        <v>-184414.16666666701</v>
      </c>
      <c r="C3039" s="53">
        <v>-184414.16666666701</v>
      </c>
      <c r="D3039" s="53">
        <v>-184414.16666666701</v>
      </c>
      <c r="E3039" s="53">
        <v>-184414.16666666701</v>
      </c>
      <c r="F3039" s="53">
        <v>-184414.16666666701</v>
      </c>
      <c r="G3039" s="53">
        <v>-184414.16666666701</v>
      </c>
      <c r="H3039" s="53">
        <v>-184414.16666666701</v>
      </c>
      <c r="I3039" s="53">
        <v>-184414.16666666701</v>
      </c>
      <c r="J3039" s="53">
        <v>-184414.16666666701</v>
      </c>
      <c r="K3039" s="53">
        <v>-184414.16666666701</v>
      </c>
      <c r="L3039" s="53">
        <v>-184414.16666666701</v>
      </c>
      <c r="M3039" s="53">
        <v>-184414.16666666701</v>
      </c>
      <c r="N3039" s="53">
        <v>-2212970</v>
      </c>
      <c r="O3039" s="53">
        <v>-179097.66666666599</v>
      </c>
      <c r="P3039" s="53">
        <v>-179097.66666666599</v>
      </c>
      <c r="Q3039" s="53">
        <v>-179097.66666666599</v>
      </c>
      <c r="R3039" s="53">
        <v>-179097.66666666599</v>
      </c>
      <c r="S3039" s="53">
        <v>-179097.66666666599</v>
      </c>
      <c r="T3039" s="53">
        <v>-179097.66666666599</v>
      </c>
      <c r="U3039" s="53">
        <v>-179097.66666666599</v>
      </c>
      <c r="V3039" s="53">
        <v>-179097.66666666599</v>
      </c>
      <c r="W3039" s="53">
        <v>-179097.66666666599</v>
      </c>
      <c r="X3039" s="53">
        <v>-179097.66666666599</v>
      </c>
      <c r="Y3039" s="53">
        <v>-179097.66666666599</v>
      </c>
      <c r="Z3039" s="53">
        <v>-179097.66666666599</v>
      </c>
      <c r="AA3039" s="53">
        <v>-2149171.9999999902</v>
      </c>
      <c r="AB3039" s="53">
        <v>-30851.5452975644</v>
      </c>
      <c r="AC3039" s="53">
        <v>-30851.5452975644</v>
      </c>
      <c r="AD3039" s="53">
        <v>-30851.5452975644</v>
      </c>
      <c r="AE3039" s="53">
        <v>-30851.5452975644</v>
      </c>
      <c r="AF3039" s="53">
        <v>-30851.5452975644</v>
      </c>
      <c r="AG3039" s="53">
        <v>-30851.5452975644</v>
      </c>
      <c r="AH3039" s="53">
        <v>-30851.5452975644</v>
      </c>
      <c r="AI3039" s="53">
        <v>-30851.5452975644</v>
      </c>
      <c r="AJ3039" s="53">
        <v>-30851.5452975644</v>
      </c>
      <c r="AK3039" s="53">
        <v>-30851.5452975644</v>
      </c>
      <c r="AL3039" s="53">
        <v>-30851.5452975644</v>
      </c>
      <c r="AM3039" s="53">
        <v>-30851.5452975644</v>
      </c>
      <c r="AN3039" s="53">
        <v>-370218.54357077298</v>
      </c>
      <c r="AO3039" s="53">
        <v>2.93098878501041E-11</v>
      </c>
      <c r="AP3039" s="53">
        <v>2.93098878501041E-11</v>
      </c>
      <c r="AQ3039" s="53">
        <v>2.93098878501041E-11</v>
      </c>
      <c r="AR3039" s="53">
        <v>2.93098878501041E-11</v>
      </c>
      <c r="AS3039" s="53">
        <v>2.93098878501041E-11</v>
      </c>
      <c r="AT3039" s="53">
        <v>2.93098878501041E-11</v>
      </c>
      <c r="AU3039" s="53">
        <v>2.93098878501041E-11</v>
      </c>
      <c r="AV3039" s="53">
        <v>2.93098878501041E-11</v>
      </c>
      <c r="AW3039" s="53">
        <v>2.93098878501041E-11</v>
      </c>
      <c r="AX3039" s="53">
        <v>2.93098878501041E-11</v>
      </c>
      <c r="AY3039" s="53">
        <v>2.93098878501041E-11</v>
      </c>
      <c r="AZ3039" s="53">
        <v>2.93098878501041E-11</v>
      </c>
      <c r="BA3039" s="53">
        <v>3.5171865420124902E-10</v>
      </c>
      <c r="BB3039" s="53">
        <v>3.7821597705563597E-11</v>
      </c>
      <c r="BC3039" s="53">
        <v>3.7821597705563597E-11</v>
      </c>
      <c r="BD3039" s="53">
        <v>3.7821597705563597E-11</v>
      </c>
      <c r="BE3039" s="53">
        <v>3.7821597705563597E-11</v>
      </c>
      <c r="BF3039" s="53">
        <v>3.7821597705563597E-11</v>
      </c>
      <c r="BG3039" s="53">
        <v>3.7821597705563597E-11</v>
      </c>
      <c r="BH3039" s="53">
        <v>3.7821597705563597E-11</v>
      </c>
      <c r="BI3039" s="53">
        <v>3.7821597705563597E-11</v>
      </c>
      <c r="BJ3039" s="53">
        <v>3.7821597705563597E-11</v>
      </c>
      <c r="BK3039" s="53">
        <v>3.7821597705563597E-11</v>
      </c>
      <c r="BL3039" s="53">
        <v>3.7821597705563597E-11</v>
      </c>
      <c r="BM3039" s="53">
        <v>3.7821597705563597E-11</v>
      </c>
      <c r="BN3039" s="53">
        <v>4.5385917246676301E-10</v>
      </c>
      <c r="BO3039" s="53">
        <v>-1.52365774318418E-10</v>
      </c>
      <c r="BP3039" s="53">
        <v>-1.52365774318418E-10</v>
      </c>
      <c r="BQ3039" s="53">
        <v>-1.52365774318418E-10</v>
      </c>
      <c r="BR3039" s="53">
        <v>-1.52365774318418E-10</v>
      </c>
      <c r="BS3039" s="53">
        <v>-1.52365774318418E-10</v>
      </c>
      <c r="BT3039" s="53">
        <v>-1.52365774318418E-10</v>
      </c>
      <c r="BU3039" s="53">
        <v>-1.52365774318418E-10</v>
      </c>
      <c r="BV3039" s="53">
        <v>-1.52365774318418E-10</v>
      </c>
      <c r="BW3039" s="53">
        <v>-1.52365774318418E-10</v>
      </c>
      <c r="BX3039" s="53">
        <v>-1.52365774318418E-10</v>
      </c>
      <c r="BY3039" s="53">
        <v>-1.52365774318418E-10</v>
      </c>
      <c r="BZ3039" s="53">
        <v>-1.52365774318418E-10</v>
      </c>
      <c r="CA3039" s="53">
        <v>-1.8283892918210101E-9</v>
      </c>
      <c r="CB3039" s="53">
        <v>-193904833.40079901</v>
      </c>
      <c r="CC3039" s="53">
        <v>-193789728.64376101</v>
      </c>
      <c r="CD3039" s="53">
        <v>-194708044.19248399</v>
      </c>
      <c r="CE3039" s="53">
        <v>-195611494.656461</v>
      </c>
      <c r="CF3039" s="53">
        <v>-195789192.053047</v>
      </c>
      <c r="CG3039" s="53">
        <v>-195957420.46588701</v>
      </c>
      <c r="CH3039" s="53">
        <v>-195948509.064179</v>
      </c>
      <c r="CI3039" s="53">
        <v>-195237325.94514701</v>
      </c>
      <c r="CJ3039" s="53">
        <v>-194028119.47950801</v>
      </c>
      <c r="CK3039" s="53">
        <v>-193509143.59010899</v>
      </c>
      <c r="CL3039" s="53">
        <v>-192527114.95944801</v>
      </c>
      <c r="CM3039" s="53">
        <v>-190953256.73315299</v>
      </c>
      <c r="CN3039" s="53">
        <v>-190953256.73315299</v>
      </c>
    </row>
    <row r="3040" spans="1:92" outlineLevel="1">
      <c r="A3040" s="52" t="s">
        <v>650</v>
      </c>
      <c r="B3040" s="53"/>
      <c r="C3040" s="53"/>
      <c r="D3040" s="53"/>
      <c r="E3040" s="53"/>
      <c r="F3040" s="53"/>
      <c r="G3040" s="53"/>
      <c r="H3040" s="53"/>
      <c r="I3040" s="53"/>
      <c r="J3040" s="53"/>
      <c r="K3040" s="53"/>
      <c r="L3040" s="53"/>
      <c r="M3040" s="53"/>
      <c r="N3040" s="53"/>
      <c r="O3040" s="53"/>
      <c r="P3040" s="53"/>
      <c r="Q3040" s="53"/>
      <c r="R3040" s="53"/>
      <c r="S3040" s="53"/>
      <c r="T3040" s="53"/>
      <c r="U3040" s="53"/>
      <c r="V3040" s="53"/>
      <c r="W3040" s="53"/>
      <c r="X3040" s="53"/>
      <c r="Y3040" s="53"/>
      <c r="Z3040" s="53"/>
      <c r="AA3040" s="53"/>
      <c r="AB3040" s="53"/>
      <c r="AC3040" s="53"/>
      <c r="AD3040" s="53"/>
      <c r="AE3040" s="53"/>
      <c r="AF3040" s="53"/>
      <c r="AG3040" s="53"/>
      <c r="AH3040" s="53"/>
      <c r="AI3040" s="53"/>
      <c r="AJ3040" s="53"/>
      <c r="AK3040" s="53"/>
      <c r="AL3040" s="53"/>
      <c r="AM3040" s="53"/>
      <c r="AN3040" s="53"/>
      <c r="AO3040" s="53"/>
      <c r="AP3040" s="53"/>
      <c r="AQ3040" s="53"/>
      <c r="AR3040" s="53"/>
      <c r="AS3040" s="53"/>
      <c r="AT3040" s="53"/>
      <c r="AU3040" s="53"/>
      <c r="AV3040" s="53"/>
      <c r="AW3040" s="53"/>
      <c r="AX3040" s="53"/>
      <c r="AY3040" s="53"/>
      <c r="AZ3040" s="53"/>
      <c r="BA3040" s="53"/>
      <c r="BB3040" s="53"/>
      <c r="BC3040" s="53"/>
      <c r="BD3040" s="53"/>
      <c r="BE3040" s="53"/>
      <c r="BF3040" s="53"/>
      <c r="BG3040" s="53"/>
      <c r="BH3040" s="53"/>
      <c r="BI3040" s="53"/>
      <c r="BJ3040" s="53"/>
      <c r="BK3040" s="53"/>
      <c r="BL3040" s="53"/>
      <c r="BM3040" s="53"/>
      <c r="BN3040" s="53"/>
      <c r="BO3040" s="53"/>
      <c r="BP3040" s="53"/>
      <c r="BQ3040" s="53"/>
      <c r="BR3040" s="53"/>
      <c r="BS3040" s="53"/>
      <c r="BT3040" s="53"/>
      <c r="BU3040" s="53"/>
      <c r="BV3040" s="53"/>
      <c r="BW3040" s="53"/>
      <c r="BX3040" s="53"/>
      <c r="BY3040" s="53"/>
      <c r="BZ3040" s="53"/>
      <c r="CA3040" s="53"/>
      <c r="CB3040" s="53">
        <v>0</v>
      </c>
      <c r="CC3040" s="53">
        <v>0</v>
      </c>
      <c r="CD3040" s="53">
        <v>0</v>
      </c>
      <c r="CE3040" s="53">
        <v>0</v>
      </c>
      <c r="CF3040" s="53">
        <v>0</v>
      </c>
      <c r="CG3040" s="53">
        <v>0</v>
      </c>
      <c r="CH3040" s="53">
        <v>0</v>
      </c>
      <c r="CI3040" s="53">
        <v>0</v>
      </c>
      <c r="CJ3040" s="53">
        <v>0</v>
      </c>
      <c r="CK3040" s="53">
        <v>0</v>
      </c>
      <c r="CL3040" s="53">
        <v>0</v>
      </c>
      <c r="CM3040" s="53">
        <v>0</v>
      </c>
      <c r="CN3040" s="53">
        <v>0</v>
      </c>
    </row>
    <row r="3041" spans="1:92" outlineLevel="1">
      <c r="A3041" s="52" t="s">
        <v>1743</v>
      </c>
      <c r="B3041" s="53"/>
      <c r="C3041" s="53"/>
      <c r="D3041" s="53"/>
      <c r="E3041" s="53"/>
      <c r="F3041" s="53"/>
      <c r="G3041" s="53"/>
      <c r="H3041" s="53"/>
      <c r="I3041" s="53"/>
      <c r="J3041" s="53"/>
      <c r="K3041" s="53"/>
      <c r="L3041" s="53"/>
      <c r="M3041" s="53"/>
      <c r="N3041" s="53"/>
      <c r="O3041" s="53"/>
      <c r="P3041" s="53"/>
      <c r="Q3041" s="53"/>
      <c r="R3041" s="53"/>
      <c r="S3041" s="53"/>
      <c r="T3041" s="53"/>
      <c r="U3041" s="53"/>
      <c r="V3041" s="53"/>
      <c r="W3041" s="53"/>
      <c r="X3041" s="53"/>
      <c r="Y3041" s="53"/>
      <c r="Z3041" s="53"/>
      <c r="AA3041" s="53"/>
      <c r="AB3041" s="53"/>
      <c r="AC3041" s="53"/>
      <c r="AD3041" s="53"/>
      <c r="AE3041" s="53"/>
      <c r="AF3041" s="53"/>
      <c r="AG3041" s="53"/>
      <c r="AH3041" s="53"/>
      <c r="AI3041" s="53"/>
      <c r="AJ3041" s="53"/>
      <c r="AK3041" s="53"/>
      <c r="AL3041" s="53"/>
      <c r="AM3041" s="53"/>
      <c r="AN3041" s="53"/>
      <c r="AO3041" s="53"/>
      <c r="AP3041" s="53"/>
      <c r="AQ3041" s="53"/>
      <c r="AR3041" s="53"/>
      <c r="AS3041" s="53"/>
      <c r="AT3041" s="53"/>
      <c r="AU3041" s="53"/>
      <c r="AV3041" s="53"/>
      <c r="AW3041" s="53"/>
      <c r="AX3041" s="53"/>
      <c r="AY3041" s="53"/>
      <c r="AZ3041" s="53"/>
      <c r="BA3041" s="53"/>
      <c r="BB3041" s="53"/>
      <c r="BC3041" s="53"/>
      <c r="BD3041" s="53"/>
      <c r="BE3041" s="53"/>
      <c r="BF3041" s="53"/>
      <c r="BG3041" s="53"/>
      <c r="BH3041" s="53"/>
      <c r="BI3041" s="53"/>
      <c r="BJ3041" s="53"/>
      <c r="BK3041" s="53"/>
      <c r="BL3041" s="53"/>
      <c r="BM3041" s="53"/>
      <c r="BN3041" s="53"/>
      <c r="BO3041" s="53"/>
      <c r="BP3041" s="53"/>
      <c r="BQ3041" s="53"/>
      <c r="BR3041" s="53"/>
      <c r="BS3041" s="53"/>
      <c r="BT3041" s="53"/>
      <c r="BU3041" s="53"/>
      <c r="BV3041" s="53"/>
      <c r="BW3041" s="53"/>
      <c r="BX3041" s="53"/>
      <c r="BY3041" s="53"/>
      <c r="BZ3041" s="53"/>
      <c r="CA3041" s="53"/>
      <c r="CB3041" s="53">
        <v>481624834.70964402</v>
      </c>
      <c r="CC3041" s="53">
        <v>480333998.9892</v>
      </c>
      <c r="CD3041" s="53">
        <v>478410602.99623799</v>
      </c>
      <c r="CE3041" s="53">
        <v>475453786.697514</v>
      </c>
      <c r="CF3041" s="53">
        <v>472511835.48353797</v>
      </c>
      <c r="CG3041" s="53">
        <v>470295637.33695197</v>
      </c>
      <c r="CH3041" s="53">
        <v>468088908.17411202</v>
      </c>
      <c r="CI3041" s="53">
        <v>466059318.82581902</v>
      </c>
      <c r="CJ3041" s="53">
        <v>464732001.19485098</v>
      </c>
      <c r="CK3041" s="53">
        <v>463902706.91048998</v>
      </c>
      <c r="CL3041" s="53">
        <v>462383182.04988998</v>
      </c>
      <c r="CM3041" s="53">
        <v>461326709.93054998</v>
      </c>
      <c r="CN3041" s="53">
        <v>481624834.70964402</v>
      </c>
    </row>
    <row r="3042" spans="1:92" outlineLevel="1">
      <c r="A3042" s="52" t="s">
        <v>649</v>
      </c>
      <c r="B3042" s="53"/>
      <c r="C3042" s="53"/>
      <c r="D3042" s="53"/>
      <c r="E3042" s="53"/>
      <c r="F3042" s="53"/>
      <c r="G3042" s="53"/>
      <c r="H3042" s="53"/>
      <c r="I3042" s="53"/>
      <c r="J3042" s="53"/>
      <c r="K3042" s="53"/>
      <c r="L3042" s="53"/>
      <c r="M3042" s="53"/>
      <c r="N3042" s="53"/>
      <c r="O3042" s="53">
        <v>1601563.91666667</v>
      </c>
      <c r="P3042" s="53">
        <v>1601563.91666667</v>
      </c>
      <c r="Q3042" s="53">
        <v>1601563.91666667</v>
      </c>
      <c r="R3042" s="53">
        <v>1601563.91666667</v>
      </c>
      <c r="S3042" s="53">
        <v>1601563.91666667</v>
      </c>
      <c r="T3042" s="53">
        <v>1601563.91666667</v>
      </c>
      <c r="U3042" s="53">
        <v>1601563.91666667</v>
      </c>
      <c r="V3042" s="53">
        <v>1601563.91666667</v>
      </c>
      <c r="W3042" s="53">
        <v>1601563.91666667</v>
      </c>
      <c r="X3042" s="53">
        <v>1601563.91666667</v>
      </c>
      <c r="Y3042" s="53">
        <v>1601563.91666667</v>
      </c>
      <c r="Z3042" s="53">
        <v>1601563.91666667</v>
      </c>
      <c r="AA3042" s="53">
        <v>19218767</v>
      </c>
      <c r="AB3042" s="53"/>
      <c r="AC3042" s="53"/>
      <c r="AD3042" s="53"/>
      <c r="AE3042" s="53"/>
      <c r="AF3042" s="53"/>
      <c r="AG3042" s="53"/>
      <c r="AH3042" s="53"/>
      <c r="AI3042" s="53"/>
      <c r="AJ3042" s="53"/>
      <c r="AK3042" s="53"/>
      <c r="AL3042" s="53"/>
      <c r="AM3042" s="53"/>
      <c r="AN3042" s="53"/>
      <c r="AO3042" s="53"/>
      <c r="AP3042" s="53"/>
      <c r="AQ3042" s="53"/>
      <c r="AR3042" s="53"/>
      <c r="AS3042" s="53"/>
      <c r="AT3042" s="53"/>
      <c r="AU3042" s="53"/>
      <c r="AV3042" s="53"/>
      <c r="AW3042" s="53"/>
      <c r="AX3042" s="53"/>
      <c r="AY3042" s="53"/>
      <c r="AZ3042" s="53"/>
      <c r="BA3042" s="53"/>
      <c r="BB3042" s="53"/>
      <c r="BC3042" s="53"/>
      <c r="BD3042" s="53"/>
      <c r="BE3042" s="53"/>
      <c r="BF3042" s="53"/>
      <c r="BG3042" s="53"/>
      <c r="BH3042" s="53"/>
      <c r="BI3042" s="53"/>
      <c r="BJ3042" s="53"/>
      <c r="BK3042" s="53"/>
      <c r="BL3042" s="53"/>
      <c r="BM3042" s="53"/>
      <c r="BN3042" s="53"/>
      <c r="BO3042" s="53"/>
      <c r="BP3042" s="53"/>
      <c r="BQ3042" s="53"/>
      <c r="BR3042" s="53"/>
      <c r="BS3042" s="53"/>
      <c r="BT3042" s="53"/>
      <c r="BU3042" s="53"/>
      <c r="BV3042" s="53"/>
      <c r="BW3042" s="53"/>
      <c r="BX3042" s="53"/>
      <c r="BY3042" s="53"/>
      <c r="BZ3042" s="53"/>
      <c r="CA3042" s="53"/>
      <c r="CB3042" s="53"/>
      <c r="CC3042" s="53"/>
      <c r="CD3042" s="53"/>
      <c r="CE3042" s="53"/>
      <c r="CF3042" s="53"/>
      <c r="CG3042" s="53"/>
      <c r="CH3042" s="53"/>
      <c r="CI3042" s="53"/>
      <c r="CJ3042" s="53"/>
      <c r="CK3042" s="53"/>
      <c r="CL3042" s="53"/>
      <c r="CM3042" s="53"/>
      <c r="CN3042" s="53"/>
    </row>
    <row r="3043" spans="1:92" outlineLevel="1">
      <c r="A3043" s="52" t="s">
        <v>1431</v>
      </c>
      <c r="B3043" s="53"/>
      <c r="C3043" s="53"/>
      <c r="D3043" s="53"/>
      <c r="E3043" s="53"/>
      <c r="F3043" s="53"/>
      <c r="G3043" s="53"/>
      <c r="H3043" s="53"/>
      <c r="I3043" s="53"/>
      <c r="J3043" s="53"/>
      <c r="K3043" s="53"/>
      <c r="L3043" s="53"/>
      <c r="M3043" s="53"/>
      <c r="N3043" s="53"/>
      <c r="O3043" s="53"/>
      <c r="P3043" s="53"/>
      <c r="Q3043" s="53"/>
      <c r="R3043" s="53"/>
      <c r="S3043" s="53"/>
      <c r="T3043" s="53"/>
      <c r="U3043" s="53"/>
      <c r="V3043" s="53"/>
      <c r="W3043" s="53"/>
      <c r="X3043" s="53"/>
      <c r="Y3043" s="53"/>
      <c r="Z3043" s="53"/>
      <c r="AA3043" s="53"/>
      <c r="AB3043" s="53"/>
      <c r="AC3043" s="53"/>
      <c r="AD3043" s="53"/>
      <c r="AE3043" s="53"/>
      <c r="AF3043" s="53"/>
      <c r="AG3043" s="53"/>
      <c r="AH3043" s="53"/>
      <c r="AI3043" s="53"/>
      <c r="AJ3043" s="53"/>
      <c r="AK3043" s="53"/>
      <c r="AL3043" s="53"/>
      <c r="AM3043" s="53"/>
      <c r="AN3043" s="53"/>
      <c r="AO3043" s="53"/>
      <c r="AP3043" s="53"/>
      <c r="AQ3043" s="53"/>
      <c r="AR3043" s="53"/>
      <c r="AS3043" s="53"/>
      <c r="AT3043" s="53"/>
      <c r="AU3043" s="53"/>
      <c r="AV3043" s="53"/>
      <c r="AW3043" s="53"/>
      <c r="AX3043" s="53"/>
      <c r="AY3043" s="53"/>
      <c r="AZ3043" s="53"/>
      <c r="BA3043" s="53"/>
      <c r="BB3043" s="53"/>
      <c r="BC3043" s="53"/>
      <c r="BD3043" s="53"/>
      <c r="BE3043" s="53"/>
      <c r="BF3043" s="53"/>
      <c r="BG3043" s="53"/>
      <c r="BH3043" s="53"/>
      <c r="BI3043" s="53"/>
      <c r="BJ3043" s="53"/>
      <c r="BK3043" s="53"/>
      <c r="BL3043" s="53"/>
      <c r="BM3043" s="53"/>
      <c r="BN3043" s="53"/>
      <c r="BO3043" s="53"/>
      <c r="BP3043" s="53"/>
      <c r="BQ3043" s="53"/>
      <c r="BR3043" s="53"/>
      <c r="BS3043" s="53"/>
      <c r="BT3043" s="53"/>
      <c r="BU3043" s="53"/>
      <c r="BV3043" s="53"/>
      <c r="BW3043" s="53"/>
      <c r="BX3043" s="53"/>
      <c r="BY3043" s="53"/>
      <c r="BZ3043" s="53"/>
      <c r="CA3043" s="53"/>
      <c r="CB3043" s="53"/>
      <c r="CC3043" s="53"/>
      <c r="CD3043" s="53"/>
      <c r="CE3043" s="53"/>
      <c r="CF3043" s="53"/>
      <c r="CG3043" s="53"/>
      <c r="CH3043" s="53"/>
      <c r="CI3043" s="53"/>
      <c r="CJ3043" s="53"/>
      <c r="CK3043" s="53"/>
      <c r="CL3043" s="53"/>
      <c r="CM3043" s="53"/>
      <c r="CN3043" s="53"/>
    </row>
    <row r="3044" spans="1:92" outlineLevel="1">
      <c r="A3044" s="52" t="s">
        <v>649</v>
      </c>
      <c r="B3044" s="53">
        <v>29000000</v>
      </c>
      <c r="C3044" s="53"/>
      <c r="D3044" s="53"/>
      <c r="E3044" s="53"/>
      <c r="F3044" s="53"/>
      <c r="G3044" s="53"/>
      <c r="H3044" s="53"/>
      <c r="I3044" s="53"/>
      <c r="J3044" s="53"/>
      <c r="K3044" s="53"/>
      <c r="L3044" s="53"/>
      <c r="M3044" s="53"/>
      <c r="N3044" s="53">
        <v>29000000</v>
      </c>
      <c r="O3044" s="53"/>
      <c r="P3044" s="53"/>
      <c r="Q3044" s="53"/>
      <c r="R3044" s="53"/>
      <c r="S3044" s="53"/>
      <c r="T3044" s="53"/>
      <c r="U3044" s="53"/>
      <c r="V3044" s="53"/>
      <c r="W3044" s="53"/>
      <c r="X3044" s="53"/>
      <c r="Y3044" s="53"/>
      <c r="Z3044" s="53"/>
      <c r="AA3044" s="53"/>
      <c r="AB3044" s="53"/>
      <c r="AC3044" s="53"/>
      <c r="AD3044" s="53"/>
      <c r="AE3044" s="53"/>
      <c r="AF3044" s="53"/>
      <c r="AG3044" s="53"/>
      <c r="AH3044" s="53"/>
      <c r="AI3044" s="53"/>
      <c r="AJ3044" s="53"/>
      <c r="AK3044" s="53"/>
      <c r="AL3044" s="53"/>
      <c r="AM3044" s="53"/>
      <c r="AN3044" s="53"/>
      <c r="AO3044" s="53"/>
      <c r="AP3044" s="53"/>
      <c r="AQ3044" s="53"/>
      <c r="AR3044" s="53"/>
      <c r="AS3044" s="53"/>
      <c r="AT3044" s="53"/>
      <c r="AU3044" s="53"/>
      <c r="AV3044" s="53"/>
      <c r="AW3044" s="53"/>
      <c r="AX3044" s="53"/>
      <c r="AY3044" s="53"/>
      <c r="AZ3044" s="53"/>
      <c r="BA3044" s="53"/>
      <c r="BB3044" s="53"/>
      <c r="BC3044" s="53"/>
      <c r="BD3044" s="53"/>
      <c r="BE3044" s="53"/>
      <c r="BF3044" s="53"/>
      <c r="BG3044" s="53"/>
      <c r="BH3044" s="53"/>
      <c r="BI3044" s="53"/>
      <c r="BJ3044" s="53"/>
      <c r="BK3044" s="53"/>
      <c r="BL3044" s="53"/>
      <c r="BM3044" s="53"/>
      <c r="BN3044" s="53"/>
      <c r="BO3044" s="53"/>
      <c r="BP3044" s="53"/>
      <c r="BQ3044" s="53"/>
      <c r="BR3044" s="53"/>
      <c r="BS3044" s="53"/>
      <c r="BT3044" s="53"/>
      <c r="BU3044" s="53"/>
      <c r="BV3044" s="53"/>
      <c r="BW3044" s="53"/>
      <c r="BX3044" s="53"/>
      <c r="BY3044" s="53"/>
      <c r="BZ3044" s="53"/>
      <c r="CA3044" s="53"/>
      <c r="CB3044" s="53"/>
      <c r="CC3044" s="53"/>
      <c r="CD3044" s="53"/>
      <c r="CE3044" s="53"/>
      <c r="CF3044" s="53"/>
      <c r="CG3044" s="53"/>
      <c r="CH3044" s="53"/>
      <c r="CI3044" s="53"/>
      <c r="CJ3044" s="53"/>
      <c r="CK3044" s="53"/>
      <c r="CL3044" s="53"/>
      <c r="CM3044" s="53"/>
      <c r="CN3044" s="53"/>
    </row>
    <row r="3045" spans="1:92" outlineLevel="1">
      <c r="A3045" s="52" t="s">
        <v>1744</v>
      </c>
      <c r="B3045" s="53"/>
      <c r="C3045" s="53"/>
      <c r="D3045" s="53"/>
      <c r="E3045" s="53"/>
      <c r="F3045" s="53"/>
      <c r="G3045" s="53"/>
      <c r="H3045" s="53"/>
      <c r="I3045" s="53"/>
      <c r="J3045" s="53"/>
      <c r="K3045" s="53"/>
      <c r="L3045" s="53"/>
      <c r="M3045" s="53"/>
      <c r="N3045" s="53"/>
      <c r="O3045" s="53"/>
      <c r="P3045" s="53"/>
      <c r="Q3045" s="53"/>
      <c r="R3045" s="53"/>
      <c r="S3045" s="53"/>
      <c r="T3045" s="53"/>
      <c r="U3045" s="53"/>
      <c r="V3045" s="53"/>
      <c r="W3045" s="53"/>
      <c r="X3045" s="53"/>
      <c r="Y3045" s="53"/>
      <c r="Z3045" s="53"/>
      <c r="AA3045" s="53"/>
      <c r="AB3045" s="53"/>
      <c r="AC3045" s="53"/>
      <c r="AD3045" s="53"/>
      <c r="AE3045" s="53"/>
      <c r="AF3045" s="53"/>
      <c r="AG3045" s="53"/>
      <c r="AH3045" s="53"/>
      <c r="AI3045" s="53"/>
      <c r="AJ3045" s="53"/>
      <c r="AK3045" s="53"/>
      <c r="AL3045" s="53"/>
      <c r="AM3045" s="53"/>
      <c r="AN3045" s="53"/>
      <c r="AO3045" s="53"/>
      <c r="AP3045" s="53"/>
      <c r="AQ3045" s="53"/>
      <c r="AR3045" s="53"/>
      <c r="AS3045" s="53"/>
      <c r="AT3045" s="53"/>
      <c r="AU3045" s="53"/>
      <c r="AV3045" s="53"/>
      <c r="AW3045" s="53"/>
      <c r="AX3045" s="53"/>
      <c r="AY3045" s="53"/>
      <c r="AZ3045" s="53"/>
      <c r="BA3045" s="53"/>
      <c r="BB3045" s="53"/>
      <c r="BC3045" s="53"/>
      <c r="BD3045" s="53"/>
      <c r="BE3045" s="53"/>
      <c r="BF3045" s="53"/>
      <c r="BG3045" s="53"/>
      <c r="BH3045" s="53"/>
      <c r="BI3045" s="53"/>
      <c r="BJ3045" s="53"/>
      <c r="BK3045" s="53"/>
      <c r="BL3045" s="53"/>
      <c r="BM3045" s="53"/>
      <c r="BN3045" s="53"/>
      <c r="BO3045" s="53"/>
      <c r="BP3045" s="53"/>
      <c r="BQ3045" s="53"/>
      <c r="BR3045" s="53"/>
      <c r="BS3045" s="53"/>
      <c r="BT3045" s="53"/>
      <c r="BU3045" s="53"/>
      <c r="BV3045" s="53"/>
      <c r="BW3045" s="53"/>
      <c r="BX3045" s="53"/>
      <c r="BY3045" s="53"/>
      <c r="BZ3045" s="53"/>
      <c r="CA3045" s="53"/>
      <c r="CB3045" s="53">
        <v>-8862311.0487578698</v>
      </c>
      <c r="CC3045" s="53">
        <v>-9517177.7608454004</v>
      </c>
      <c r="CD3045" s="53">
        <v>-10580143.5419979</v>
      </c>
      <c r="CE3045" s="53">
        <v>-10608489.2905655</v>
      </c>
      <c r="CF3045" s="53">
        <v>-9906548.2787426002</v>
      </c>
      <c r="CG3045" s="53">
        <v>-9920691.9940579999</v>
      </c>
      <c r="CH3045" s="53">
        <v>-9803136.0555846002</v>
      </c>
      <c r="CI3045" s="53">
        <v>-9125686.0586299002</v>
      </c>
      <c r="CJ3045" s="53">
        <v>-8651325.0956799705</v>
      </c>
      <c r="CK3045" s="53">
        <v>-9384248.3921816796</v>
      </c>
      <c r="CL3045" s="53">
        <v>-8944815.07152717</v>
      </c>
      <c r="CM3045" s="53">
        <v>-8382254.2809268702</v>
      </c>
      <c r="CN3045" s="53">
        <v>-113686826.869497</v>
      </c>
    </row>
    <row r="3046" spans="1:92" outlineLevel="1">
      <c r="A3046" s="52" t="s">
        <v>1745</v>
      </c>
      <c r="B3046" s="53"/>
      <c r="C3046" s="53"/>
      <c r="D3046" s="53"/>
      <c r="E3046" s="53"/>
      <c r="F3046" s="53"/>
      <c r="G3046" s="53"/>
      <c r="H3046" s="53"/>
      <c r="I3046" s="53"/>
      <c r="J3046" s="53"/>
      <c r="K3046" s="53"/>
      <c r="L3046" s="53"/>
      <c r="M3046" s="53"/>
      <c r="N3046" s="53"/>
      <c r="O3046" s="53"/>
      <c r="P3046" s="53"/>
      <c r="Q3046" s="53"/>
      <c r="R3046" s="53"/>
      <c r="S3046" s="53"/>
      <c r="T3046" s="53"/>
      <c r="U3046" s="53"/>
      <c r="V3046" s="53"/>
      <c r="W3046" s="53"/>
      <c r="X3046" s="53"/>
      <c r="Y3046" s="53"/>
      <c r="Z3046" s="53"/>
      <c r="AA3046" s="53"/>
      <c r="AB3046" s="53"/>
      <c r="AC3046" s="53"/>
      <c r="AD3046" s="53"/>
      <c r="AE3046" s="53"/>
      <c r="AF3046" s="53"/>
      <c r="AG3046" s="53"/>
      <c r="AH3046" s="53"/>
      <c r="AI3046" s="53"/>
      <c r="AJ3046" s="53"/>
      <c r="AK3046" s="53"/>
      <c r="AL3046" s="53"/>
      <c r="AM3046" s="53"/>
      <c r="AN3046" s="53"/>
      <c r="AO3046" s="53"/>
      <c r="AP3046" s="53"/>
      <c r="AQ3046" s="53"/>
      <c r="AR3046" s="53"/>
      <c r="AS3046" s="53"/>
      <c r="AT3046" s="53"/>
      <c r="AU3046" s="53"/>
      <c r="AV3046" s="53"/>
      <c r="AW3046" s="53"/>
      <c r="AX3046" s="53"/>
      <c r="AY3046" s="53"/>
      <c r="AZ3046" s="53"/>
      <c r="BA3046" s="53"/>
      <c r="BB3046" s="53"/>
      <c r="BC3046" s="53"/>
      <c r="BD3046" s="53"/>
      <c r="BE3046" s="53"/>
      <c r="BF3046" s="53"/>
      <c r="BG3046" s="53"/>
      <c r="BH3046" s="53"/>
      <c r="BI3046" s="53"/>
      <c r="BJ3046" s="53"/>
      <c r="BK3046" s="53"/>
      <c r="BL3046" s="53"/>
      <c r="BM3046" s="53"/>
      <c r="BN3046" s="53"/>
      <c r="BO3046" s="53"/>
      <c r="BP3046" s="53"/>
      <c r="BQ3046" s="53"/>
      <c r="BR3046" s="53"/>
      <c r="BS3046" s="53"/>
      <c r="BT3046" s="53"/>
      <c r="BU3046" s="53"/>
      <c r="BV3046" s="53"/>
      <c r="BW3046" s="53"/>
      <c r="BX3046" s="53"/>
      <c r="BY3046" s="53"/>
      <c r="BZ3046" s="53"/>
      <c r="CA3046" s="53"/>
      <c r="CB3046" s="53"/>
      <c r="CC3046" s="53"/>
      <c r="CD3046" s="53"/>
      <c r="CE3046" s="53"/>
      <c r="CF3046" s="53"/>
      <c r="CG3046" s="53"/>
      <c r="CH3046" s="53"/>
      <c r="CI3046" s="53"/>
      <c r="CJ3046" s="53"/>
      <c r="CK3046" s="53"/>
      <c r="CL3046" s="53"/>
      <c r="CM3046" s="53"/>
      <c r="CN3046" s="53"/>
    </row>
    <row r="3047" spans="1:92" outlineLevel="1">
      <c r="A3047" s="52" t="s">
        <v>649</v>
      </c>
      <c r="B3047" s="53">
        <v>1607279.9022625501</v>
      </c>
      <c r="C3047" s="53">
        <v>947367.46471703204</v>
      </c>
      <c r="D3047" s="53">
        <v>62244.674444013297</v>
      </c>
      <c r="E3047" s="53">
        <v>1367862.8849338701</v>
      </c>
      <c r="F3047" s="53">
        <v>1814936.9358478901</v>
      </c>
      <c r="G3047" s="53">
        <v>2315209.5416284399</v>
      </c>
      <c r="H3047" s="53">
        <v>3939069.8250238299</v>
      </c>
      <c r="I3047" s="53">
        <v>2525453.9673200501</v>
      </c>
      <c r="J3047" s="53">
        <v>1681101</v>
      </c>
      <c r="K3047" s="53">
        <v>-1442663</v>
      </c>
      <c r="L3047" s="53">
        <v>-4685727</v>
      </c>
      <c r="M3047" s="53">
        <v>5132363</v>
      </c>
      <c r="N3047" s="53">
        <v>15264499.1961776</v>
      </c>
      <c r="O3047" s="53">
        <v>6447709.2958372198</v>
      </c>
      <c r="P3047" s="53">
        <v>1283541.35105342</v>
      </c>
      <c r="Q3047" s="53">
        <v>851709.75973909802</v>
      </c>
      <c r="R3047" s="53">
        <v>1998190.59785255</v>
      </c>
      <c r="S3047" s="53">
        <v>2615833.03445302</v>
      </c>
      <c r="T3047" s="53">
        <v>3893309.2046806598</v>
      </c>
      <c r="U3047" s="53">
        <v>4212249.7732825298</v>
      </c>
      <c r="V3047" s="53">
        <v>6339193.1100284001</v>
      </c>
      <c r="W3047" s="53">
        <v>2497207.9976707599</v>
      </c>
      <c r="X3047" s="53">
        <v>567291.14789328002</v>
      </c>
      <c r="Y3047" s="53">
        <v>-2651864.99109563</v>
      </c>
      <c r="Z3047" s="53">
        <v>-402450.02931660699</v>
      </c>
      <c r="AA3047" s="53">
        <v>27651920.252078701</v>
      </c>
      <c r="AB3047" s="53">
        <v>3799663.9101633001</v>
      </c>
      <c r="AC3047" s="53">
        <v>-863304.80295442406</v>
      </c>
      <c r="AD3047" s="53">
        <v>-710339.00407149305</v>
      </c>
      <c r="AE3047" s="53">
        <v>-402364.66049979499</v>
      </c>
      <c r="AF3047" s="53">
        <v>286569.10679464397</v>
      </c>
      <c r="AG3047" s="53">
        <v>1693897.8697462201</v>
      </c>
      <c r="AH3047" s="53">
        <v>1138464.67496833</v>
      </c>
      <c r="AI3047" s="53">
        <v>5158648.9326208802</v>
      </c>
      <c r="AJ3047" s="53">
        <v>282978.16239803197</v>
      </c>
      <c r="AK3047" s="53">
        <v>-2697516.11406093</v>
      </c>
      <c r="AL3047" s="53">
        <v>-4503410.6800672002</v>
      </c>
      <c r="AM3047" s="53">
        <v>-3183258.0515600899</v>
      </c>
      <c r="AN3047" s="53">
        <v>29.343477466682</v>
      </c>
      <c r="AO3047" s="53">
        <v>5913109.3641590197</v>
      </c>
      <c r="AP3047" s="53">
        <v>-4011193.1215371401</v>
      </c>
      <c r="AQ3047" s="53">
        <v>-2953319.3685087599</v>
      </c>
      <c r="AR3047" s="53">
        <v>-1705918.23876927</v>
      </c>
      <c r="AS3047" s="53">
        <v>1855598.0788416399</v>
      </c>
      <c r="AT3047" s="53">
        <v>3004862.61351076</v>
      </c>
      <c r="AU3047" s="53">
        <v>3905699.4260472101</v>
      </c>
      <c r="AV3047" s="53">
        <v>9619368.2623763308</v>
      </c>
      <c r="AW3047" s="53">
        <v>1286613.3346935101</v>
      </c>
      <c r="AX3047" s="53">
        <v>-2812762.0002831202</v>
      </c>
      <c r="AY3047" s="53">
        <v>-7387293.7243298199</v>
      </c>
      <c r="AZ3047" s="53">
        <v>-6714764.6262003798</v>
      </c>
      <c r="BA3047" s="53">
        <v>-3.6379788070917103E-8</v>
      </c>
      <c r="BB3047" s="53">
        <v>6809499.4464822598</v>
      </c>
      <c r="BC3047" s="53">
        <v>-6144447.7744046804</v>
      </c>
      <c r="BD3047" s="53">
        <v>-4712397.9186732601</v>
      </c>
      <c r="BE3047" s="53">
        <v>-2876115.8678267198</v>
      </c>
      <c r="BF3047" s="53">
        <v>2043532.1996126899</v>
      </c>
      <c r="BG3047" s="53">
        <v>3910862.0951166302</v>
      </c>
      <c r="BH3047" s="53">
        <v>5265869.38696816</v>
      </c>
      <c r="BI3047" s="53">
        <v>13006128.0788262</v>
      </c>
      <c r="BJ3047" s="53">
        <v>2112726.5611808202</v>
      </c>
      <c r="BK3047" s="53">
        <v>-2780207.12228075</v>
      </c>
      <c r="BL3047" s="53">
        <v>-8868438.5023748707</v>
      </c>
      <c r="BM3047" s="53">
        <v>-7767010.5826264899</v>
      </c>
      <c r="BN3047" s="53">
        <v>3.6379788070917103E-8</v>
      </c>
      <c r="BO3047" s="53">
        <v>7406617.7010302301</v>
      </c>
      <c r="BP3047" s="53">
        <v>-7797925.9351495299</v>
      </c>
      <c r="BQ3047" s="53">
        <v>-6097970.3739963397</v>
      </c>
      <c r="BR3047" s="53">
        <v>-3838262.1254724101</v>
      </c>
      <c r="BS3047" s="53">
        <v>2190394.9316162802</v>
      </c>
      <c r="BT3047" s="53">
        <v>4612730.0475481302</v>
      </c>
      <c r="BU3047" s="53">
        <v>6340866.2895516902</v>
      </c>
      <c r="BV3047" s="53">
        <v>15575185.705872901</v>
      </c>
      <c r="BW3047" s="53">
        <v>2861121.7589901998</v>
      </c>
      <c r="BX3047" s="53">
        <v>-2838761.5981155802</v>
      </c>
      <c r="BY3047" s="53">
        <v>-9925227.9520444497</v>
      </c>
      <c r="BZ3047" s="53">
        <v>-8488768.4498310406</v>
      </c>
      <c r="CA3047" s="53">
        <v>1.4551915228366799E-7</v>
      </c>
      <c r="CB3047" s="53"/>
      <c r="CC3047" s="53"/>
      <c r="CD3047" s="53"/>
      <c r="CE3047" s="53"/>
      <c r="CF3047" s="53"/>
      <c r="CG3047" s="53"/>
      <c r="CH3047" s="53"/>
      <c r="CI3047" s="53"/>
      <c r="CJ3047" s="53"/>
      <c r="CK3047" s="53"/>
      <c r="CL3047" s="53"/>
      <c r="CM3047" s="53"/>
      <c r="CN3047" s="53"/>
    </row>
    <row r="3048" spans="1:92" outlineLevel="1">
      <c r="A3048" s="52" t="s">
        <v>1746</v>
      </c>
      <c r="B3048" s="53"/>
      <c r="C3048" s="53"/>
      <c r="D3048" s="53"/>
      <c r="E3048" s="53"/>
      <c r="F3048" s="53"/>
      <c r="G3048" s="53"/>
      <c r="H3048" s="53"/>
      <c r="I3048" s="53"/>
      <c r="J3048" s="53"/>
      <c r="K3048" s="53"/>
      <c r="L3048" s="53"/>
      <c r="M3048" s="53"/>
      <c r="N3048" s="53"/>
      <c r="O3048" s="53"/>
      <c r="P3048" s="53"/>
      <c r="Q3048" s="53"/>
      <c r="R3048" s="53"/>
      <c r="S3048" s="53"/>
      <c r="T3048" s="53"/>
      <c r="U3048" s="53"/>
      <c r="V3048" s="53"/>
      <c r="W3048" s="53"/>
      <c r="X3048" s="53"/>
      <c r="Y3048" s="53"/>
      <c r="Z3048" s="53"/>
      <c r="AA3048" s="53"/>
      <c r="AB3048" s="53"/>
      <c r="AC3048" s="53"/>
      <c r="AD3048" s="53"/>
      <c r="AE3048" s="53"/>
      <c r="AF3048" s="53"/>
      <c r="AG3048" s="53"/>
      <c r="AH3048" s="53"/>
      <c r="AI3048" s="53"/>
      <c r="AJ3048" s="53"/>
      <c r="AK3048" s="53"/>
      <c r="AL3048" s="53"/>
      <c r="AM3048" s="53"/>
      <c r="AN3048" s="53"/>
      <c r="AO3048" s="53"/>
      <c r="AP3048" s="53"/>
      <c r="AQ3048" s="53"/>
      <c r="AR3048" s="53"/>
      <c r="AS3048" s="53"/>
      <c r="AT3048" s="53"/>
      <c r="AU3048" s="53"/>
      <c r="AV3048" s="53"/>
      <c r="AW3048" s="53"/>
      <c r="AX3048" s="53"/>
      <c r="AY3048" s="53"/>
      <c r="AZ3048" s="53"/>
      <c r="BA3048" s="53"/>
      <c r="BB3048" s="53"/>
      <c r="BC3048" s="53"/>
      <c r="BD3048" s="53"/>
      <c r="BE3048" s="53"/>
      <c r="BF3048" s="53"/>
      <c r="BG3048" s="53"/>
      <c r="BH3048" s="53"/>
      <c r="BI3048" s="53"/>
      <c r="BJ3048" s="53"/>
      <c r="BK3048" s="53"/>
      <c r="BL3048" s="53"/>
      <c r="BM3048" s="53"/>
      <c r="BN3048" s="53"/>
      <c r="BO3048" s="53"/>
      <c r="BP3048" s="53"/>
      <c r="BQ3048" s="53"/>
      <c r="BR3048" s="53"/>
      <c r="BS3048" s="53"/>
      <c r="BT3048" s="53"/>
      <c r="BU3048" s="53"/>
      <c r="BV3048" s="53"/>
      <c r="BW3048" s="53"/>
      <c r="BX3048" s="53"/>
      <c r="BY3048" s="53"/>
      <c r="BZ3048" s="53"/>
      <c r="CA3048" s="53"/>
      <c r="CB3048" s="53">
        <v>-99137.488866953703</v>
      </c>
      <c r="CC3048" s="53">
        <v>-99137.488866953703</v>
      </c>
      <c r="CD3048" s="53">
        <v>-99137.488866953703</v>
      </c>
      <c r="CE3048" s="53">
        <v>-99137.488866953703</v>
      </c>
      <c r="CF3048" s="53">
        <v>-99137.488866953703</v>
      </c>
      <c r="CG3048" s="53">
        <v>-99137.488866953703</v>
      </c>
      <c r="CH3048" s="53">
        <v>-99137.488866953703</v>
      </c>
      <c r="CI3048" s="53">
        <v>-99137.488866953703</v>
      </c>
      <c r="CJ3048" s="53">
        <v>-99137.488866953703</v>
      </c>
      <c r="CK3048" s="53">
        <v>-99137.488866953703</v>
      </c>
      <c r="CL3048" s="53">
        <v>-99137.488866953703</v>
      </c>
      <c r="CM3048" s="53">
        <v>-99137.488866953703</v>
      </c>
      <c r="CN3048" s="53">
        <v>-1189649.86640344</v>
      </c>
    </row>
    <row r="3049" spans="1:92" outlineLevel="1">
      <c r="A3049" s="52" t="s">
        <v>649</v>
      </c>
      <c r="B3049" s="53"/>
      <c r="C3049" s="53"/>
      <c r="D3049" s="53"/>
      <c r="E3049" s="53"/>
      <c r="F3049" s="53"/>
      <c r="G3049" s="53"/>
      <c r="H3049" s="53"/>
      <c r="I3049" s="53"/>
      <c r="J3049" s="53"/>
      <c r="K3049" s="53"/>
      <c r="L3049" s="53"/>
      <c r="M3049" s="53"/>
      <c r="N3049" s="53"/>
      <c r="O3049" s="53">
        <v>-634712.02976482699</v>
      </c>
      <c r="P3049" s="53">
        <v>-634712.02976482699</v>
      </c>
      <c r="Q3049" s="53">
        <v>-634712.02976482699</v>
      </c>
      <c r="R3049" s="53">
        <v>-634712.02976482699</v>
      </c>
      <c r="S3049" s="53">
        <v>-634712.02976482699</v>
      </c>
      <c r="T3049" s="53">
        <v>-634712.02976482699</v>
      </c>
      <c r="U3049" s="53">
        <v>-634712.02976482699</v>
      </c>
      <c r="V3049" s="53">
        <v>-634712.02976482699</v>
      </c>
      <c r="W3049" s="53">
        <v>-634712.02976482699</v>
      </c>
      <c r="X3049" s="53">
        <v>-634712.02976482699</v>
      </c>
      <c r="Y3049" s="53">
        <v>-634712.02976482699</v>
      </c>
      <c r="Z3049" s="53">
        <v>-634712.02976482699</v>
      </c>
      <c r="AA3049" s="53">
        <v>-7616544.3571779197</v>
      </c>
      <c r="AB3049" s="53">
        <v>-3230102.1402793699</v>
      </c>
      <c r="AC3049" s="53">
        <v>-3230102.1402793699</v>
      </c>
      <c r="AD3049" s="53">
        <v>-3230102.1402793699</v>
      </c>
      <c r="AE3049" s="53">
        <v>-3230102.1402793699</v>
      </c>
      <c r="AF3049" s="53">
        <v>-3230102.1402793699</v>
      </c>
      <c r="AG3049" s="53">
        <v>-3230102.1402793699</v>
      </c>
      <c r="AH3049" s="53">
        <v>-3230102.1402793699</v>
      </c>
      <c r="AI3049" s="53">
        <v>-3230102.1402793699</v>
      </c>
      <c r="AJ3049" s="53">
        <v>-3230102.1402793699</v>
      </c>
      <c r="AK3049" s="53">
        <v>-3230102.1402793699</v>
      </c>
      <c r="AL3049" s="53">
        <v>-3230102.1402793699</v>
      </c>
      <c r="AM3049" s="53">
        <v>-3230102.1402793699</v>
      </c>
      <c r="AN3049" s="53">
        <v>-38761225.683352403</v>
      </c>
      <c r="AO3049" s="53"/>
      <c r="AP3049" s="53"/>
      <c r="AQ3049" s="53"/>
      <c r="AR3049" s="53"/>
      <c r="AS3049" s="53"/>
      <c r="AT3049" s="53"/>
      <c r="AU3049" s="53"/>
      <c r="AV3049" s="53"/>
      <c r="AW3049" s="53"/>
      <c r="AX3049" s="53"/>
      <c r="AY3049" s="53"/>
      <c r="AZ3049" s="53"/>
      <c r="BA3049" s="53"/>
      <c r="BB3049" s="53"/>
      <c r="BC3049" s="53"/>
      <c r="BD3049" s="53"/>
      <c r="BE3049" s="53"/>
      <c r="BF3049" s="53"/>
      <c r="BG3049" s="53"/>
      <c r="BH3049" s="53"/>
      <c r="BI3049" s="53"/>
      <c r="BJ3049" s="53"/>
      <c r="BK3049" s="53"/>
      <c r="BL3049" s="53"/>
      <c r="BM3049" s="53"/>
      <c r="BN3049" s="53"/>
      <c r="BO3049" s="53"/>
      <c r="BP3049" s="53"/>
      <c r="BQ3049" s="53"/>
      <c r="BR3049" s="53"/>
      <c r="BS3049" s="53"/>
      <c r="BT3049" s="53"/>
      <c r="BU3049" s="53"/>
      <c r="BV3049" s="53"/>
      <c r="BW3049" s="53"/>
      <c r="BX3049" s="53"/>
      <c r="BY3049" s="53"/>
      <c r="BZ3049" s="53"/>
      <c r="CA3049" s="53"/>
      <c r="CB3049" s="53"/>
      <c r="CC3049" s="53"/>
      <c r="CD3049" s="53"/>
      <c r="CE3049" s="53"/>
      <c r="CF3049" s="53"/>
      <c r="CG3049" s="53"/>
      <c r="CH3049" s="53"/>
      <c r="CI3049" s="53"/>
      <c r="CJ3049" s="53"/>
      <c r="CK3049" s="53"/>
      <c r="CL3049" s="53"/>
      <c r="CM3049" s="53"/>
      <c r="CN3049" s="53"/>
    </row>
    <row r="3050" spans="1:92" outlineLevel="1">
      <c r="A3050" s="59" t="s">
        <v>1769</v>
      </c>
      <c r="B3050" s="53">
        <v>63316970.490000002</v>
      </c>
      <c r="C3050" s="53">
        <v>82906907.839999899</v>
      </c>
      <c r="D3050" s="53">
        <v>70880534.709999904</v>
      </c>
      <c r="E3050" s="53">
        <v>67663575.299999997</v>
      </c>
      <c r="F3050" s="53">
        <v>71058048.469999999</v>
      </c>
      <c r="G3050" s="53">
        <v>71357401.269999906</v>
      </c>
      <c r="H3050" s="53">
        <v>71359271.640000001</v>
      </c>
      <c r="I3050" s="53">
        <v>99206010.779999897</v>
      </c>
      <c r="J3050" s="53">
        <v>121463277.03</v>
      </c>
      <c r="K3050" s="53">
        <v>102623048.56</v>
      </c>
      <c r="L3050" s="53">
        <v>90058170.609999895</v>
      </c>
      <c r="M3050" s="53">
        <v>85222079.589999899</v>
      </c>
      <c r="N3050" s="53">
        <v>85222079.589999899</v>
      </c>
      <c r="O3050" s="53">
        <v>100740166.75061999</v>
      </c>
      <c r="P3050" s="53">
        <v>90480092.675830305</v>
      </c>
      <c r="Q3050" s="53">
        <v>52528255.638906002</v>
      </c>
      <c r="R3050" s="53">
        <v>51517234.195619904</v>
      </c>
      <c r="S3050" s="53">
        <v>58017004.594202399</v>
      </c>
      <c r="T3050" s="53">
        <v>32297361.453647099</v>
      </c>
      <c r="U3050" s="53">
        <v>40617383.3035409</v>
      </c>
      <c r="V3050" s="53">
        <v>64558876.603099801</v>
      </c>
      <c r="W3050" s="53">
        <v>40871328.108302101</v>
      </c>
      <c r="X3050" s="53">
        <v>41308179.445310302</v>
      </c>
      <c r="Y3050" s="53">
        <v>29088243.385492802</v>
      </c>
      <c r="Z3050" s="53">
        <v>-10723283.9075626</v>
      </c>
      <c r="AA3050" s="53">
        <v>-10723283.9075626</v>
      </c>
      <c r="AB3050" s="53">
        <v>-7381144.6097646104</v>
      </c>
      <c r="AC3050" s="53">
        <v>-24793857.7997008</v>
      </c>
      <c r="AD3050" s="53">
        <v>-51234282.7327336</v>
      </c>
      <c r="AE3050" s="53">
        <v>-62004639.668990001</v>
      </c>
      <c r="AF3050" s="53">
        <v>-64655498.220058702</v>
      </c>
      <c r="AG3050" s="53">
        <v>-78563470.032462403</v>
      </c>
      <c r="AH3050" s="53">
        <v>-79099502.886079296</v>
      </c>
      <c r="AI3050" s="53">
        <v>-64787348.600658</v>
      </c>
      <c r="AJ3050" s="53">
        <v>-68998905.138101593</v>
      </c>
      <c r="AK3050" s="53">
        <v>-68819340.963134393</v>
      </c>
      <c r="AL3050" s="53">
        <v>-78476896.824969694</v>
      </c>
      <c r="AM3050" s="53">
        <v>-97159643.724974006</v>
      </c>
      <c r="AN3050" s="53">
        <v>-97159643.724974006</v>
      </c>
      <c r="AO3050" s="53">
        <v>-87025663.914743096</v>
      </c>
      <c r="AP3050" s="53">
        <v>-96803909.673820496</v>
      </c>
      <c r="AQ3050" s="53">
        <v>-103231752.65775099</v>
      </c>
      <c r="AR3050" s="53">
        <v>-106679025.810515</v>
      </c>
      <c r="AS3050" s="53">
        <v>-103143895.33727799</v>
      </c>
      <c r="AT3050" s="53">
        <v>-99662720.099985495</v>
      </c>
      <c r="AU3050" s="53">
        <v>-93904206.640875995</v>
      </c>
      <c r="AV3050" s="53">
        <v>-75989490.684177294</v>
      </c>
      <c r="AW3050" s="53">
        <v>-71814307.965840206</v>
      </c>
      <c r="AX3050" s="53">
        <v>-74621140.117522001</v>
      </c>
      <c r="AY3050" s="53">
        <v>-86385299.976633698</v>
      </c>
      <c r="AZ3050" s="53">
        <v>-97159643.724974006</v>
      </c>
      <c r="BA3050" s="53">
        <v>-97159643.724974006</v>
      </c>
      <c r="BB3050" s="53">
        <v>-87374587.121508494</v>
      </c>
      <c r="BC3050" s="53">
        <v>-97291331.440931305</v>
      </c>
      <c r="BD3050" s="53">
        <v>-104044984.691534</v>
      </c>
      <c r="BE3050" s="53">
        <v>-107789707.682495</v>
      </c>
      <c r="BF3050" s="53">
        <v>-104511155.431739</v>
      </c>
      <c r="BG3050" s="53">
        <v>-100995241.243211</v>
      </c>
      <c r="BH3050" s="53">
        <v>-95190517.251365706</v>
      </c>
      <c r="BI3050" s="53">
        <v>-77264965.705323905</v>
      </c>
      <c r="BJ3050" s="53">
        <v>-72982169.927577794</v>
      </c>
      <c r="BK3050" s="53">
        <v>-75300334.694777504</v>
      </c>
      <c r="BL3050" s="53">
        <v>-86781252.282302797</v>
      </c>
      <c r="BM3050" s="53">
        <v>-97159713.169872805</v>
      </c>
      <c r="BN3050" s="53">
        <v>-97159713.169872805</v>
      </c>
      <c r="BO3050" s="53">
        <v>-89203877.805340007</v>
      </c>
      <c r="BP3050" s="53">
        <v>-102519610.854251</v>
      </c>
      <c r="BQ3050" s="53">
        <v>-112515130.170632</v>
      </c>
      <c r="BR3050" s="53">
        <v>-119201009.068093</v>
      </c>
      <c r="BS3050" s="53">
        <v>-117998996.55747101</v>
      </c>
      <c r="BT3050" s="53">
        <v>-110617157.27919801</v>
      </c>
      <c r="BU3050" s="53">
        <v>-100672364.527365</v>
      </c>
      <c r="BV3050" s="53">
        <v>-77585816.106470197</v>
      </c>
      <c r="BW3050" s="53">
        <v>-72215798.011758104</v>
      </c>
      <c r="BX3050" s="53">
        <v>-74709212.972465098</v>
      </c>
      <c r="BY3050" s="53">
        <v>-87020672.007020593</v>
      </c>
      <c r="BZ3050" s="53">
        <v>-97159506.432916105</v>
      </c>
      <c r="CA3050" s="53">
        <v>-97159506.432916105</v>
      </c>
      <c r="CB3050" s="53"/>
      <c r="CC3050" s="53"/>
      <c r="CD3050" s="53"/>
      <c r="CE3050" s="53"/>
      <c r="CF3050" s="53"/>
      <c r="CG3050" s="53"/>
      <c r="CH3050" s="53"/>
      <c r="CI3050" s="53"/>
      <c r="CJ3050" s="53"/>
      <c r="CK3050" s="53"/>
      <c r="CL3050" s="53"/>
      <c r="CM3050" s="53"/>
      <c r="CN3050" s="53"/>
    </row>
    <row r="3051" spans="1:92" outlineLevel="1">
      <c r="A3051" s="52" t="s">
        <v>1218</v>
      </c>
      <c r="B3051" s="53">
        <v>4044295455.506</v>
      </c>
      <c r="C3051" s="53">
        <v>4041769981.5900002</v>
      </c>
      <c r="D3051" s="53">
        <v>4045252880.9000001</v>
      </c>
      <c r="E3051" s="53">
        <v>4155994197.8599901</v>
      </c>
      <c r="F3051" s="53">
        <v>4142499698.1599998</v>
      </c>
      <c r="G3051" s="53">
        <v>4124254422.79</v>
      </c>
      <c r="H3051" s="53">
        <v>4140150418.6199999</v>
      </c>
      <c r="I3051" s="53">
        <v>4103679486.02</v>
      </c>
      <c r="J3051" s="53">
        <v>4133027599.3800001</v>
      </c>
      <c r="K3051" s="53">
        <v>4369567899.8900003</v>
      </c>
      <c r="L3051" s="53">
        <v>4331899555.0899897</v>
      </c>
      <c r="M3051" s="53">
        <v>4412820951.0799999</v>
      </c>
      <c r="N3051" s="53">
        <v>4044295455.506</v>
      </c>
      <c r="O3051" s="53">
        <v>4210553373.1799998</v>
      </c>
      <c r="P3051" s="53">
        <v>4200043165.98913</v>
      </c>
      <c r="Q3051" s="53">
        <v>4186408976.3113599</v>
      </c>
      <c r="R3051" s="53">
        <v>4128318284.03093</v>
      </c>
      <c r="S3051" s="53">
        <v>4097886291.5703502</v>
      </c>
      <c r="T3051" s="53">
        <v>4069688309.1231899</v>
      </c>
      <c r="U3051" s="53">
        <v>4002169916.39926</v>
      </c>
      <c r="V3051" s="53">
        <v>3977172043.7909198</v>
      </c>
      <c r="W3051" s="53">
        <v>3948204406.5718098</v>
      </c>
      <c r="X3051" s="53">
        <v>3856539283.5399899</v>
      </c>
      <c r="Y3051" s="53">
        <v>3824830170.9629798</v>
      </c>
      <c r="Z3051" s="53">
        <v>3791726699.1368399</v>
      </c>
      <c r="AA3051" s="53">
        <v>4210553373.1799998</v>
      </c>
      <c r="AB3051" s="53">
        <v>3711634240.45048</v>
      </c>
      <c r="AC3051" s="53">
        <v>3683384070.3228898</v>
      </c>
      <c r="AD3051" s="53">
        <v>3654244447.7553802</v>
      </c>
      <c r="AE3051" s="53">
        <v>3607512450.6333699</v>
      </c>
      <c r="AF3051" s="53">
        <v>3584361202.7125702</v>
      </c>
      <c r="AG3051" s="53">
        <v>3564527643.5580401</v>
      </c>
      <c r="AH3051" s="53">
        <v>3529371758.9702601</v>
      </c>
      <c r="AI3051" s="53">
        <v>3508463605.6070399</v>
      </c>
      <c r="AJ3051" s="53">
        <v>3483978487.5345101</v>
      </c>
      <c r="AK3051" s="53">
        <v>3464959383.4716201</v>
      </c>
      <c r="AL3051" s="53">
        <v>3453146878.1809602</v>
      </c>
      <c r="AM3051" s="53">
        <v>3439264609.3624601</v>
      </c>
      <c r="AN3051" s="53">
        <v>3711634240.45048</v>
      </c>
      <c r="AO3051" s="53">
        <v>3404324755.3148198</v>
      </c>
      <c r="AP3051" s="53">
        <v>3383169858.5294499</v>
      </c>
      <c r="AQ3051" s="53">
        <v>3386241602.1234298</v>
      </c>
      <c r="AR3051" s="53">
        <v>3390031656.9749599</v>
      </c>
      <c r="AS3051" s="53">
        <v>3395307914.6313601</v>
      </c>
      <c r="AT3051" s="53">
        <v>3402541778.45788</v>
      </c>
      <c r="AU3051" s="53">
        <v>3412085128.4444599</v>
      </c>
      <c r="AV3051" s="53">
        <v>3420631298.5608401</v>
      </c>
      <c r="AW3051" s="53">
        <v>3427062221.5651398</v>
      </c>
      <c r="AX3051" s="53">
        <v>3438087968.0090098</v>
      </c>
      <c r="AY3051" s="53">
        <v>3442486868.9853201</v>
      </c>
      <c r="AZ3051" s="53">
        <v>3443196151.7263699</v>
      </c>
      <c r="BA3051" s="53">
        <v>3404324755.3148198</v>
      </c>
      <c r="BB3051" s="53">
        <v>3429121676.4244399</v>
      </c>
      <c r="BC3051" s="53">
        <v>3437367900.1614499</v>
      </c>
      <c r="BD3051" s="53">
        <v>3441617532.38134</v>
      </c>
      <c r="BE3051" s="53">
        <v>3445751246.29989</v>
      </c>
      <c r="BF3051" s="53">
        <v>3508112670.2597198</v>
      </c>
      <c r="BG3051" s="53">
        <v>3515829217.4633698</v>
      </c>
      <c r="BH3051" s="53">
        <v>3582738625.6655598</v>
      </c>
      <c r="BI3051" s="53">
        <v>3592194351.1939502</v>
      </c>
      <c r="BJ3051" s="53">
        <v>3599723630.9154201</v>
      </c>
      <c r="BK3051" s="53">
        <v>3520919588.31777</v>
      </c>
      <c r="BL3051" s="53">
        <v>3527707189.2117801</v>
      </c>
      <c r="BM3051" s="53">
        <v>3531001172.0988002</v>
      </c>
      <c r="BN3051" s="53">
        <v>3429121676.4244399</v>
      </c>
      <c r="BO3051" s="53">
        <v>3489482093.5967302</v>
      </c>
      <c r="BP3051" s="53">
        <v>3501073153.27215</v>
      </c>
      <c r="BQ3051" s="53">
        <v>3507198515.8248601</v>
      </c>
      <c r="BR3051" s="53">
        <v>3508852544.4516602</v>
      </c>
      <c r="BS3051" s="53">
        <v>3573708028.4839902</v>
      </c>
      <c r="BT3051" s="53">
        <v>3583674218.22047</v>
      </c>
      <c r="BU3051" s="53">
        <v>3658537444.99893</v>
      </c>
      <c r="BV3051" s="53">
        <v>3675900450.1245298</v>
      </c>
      <c r="BW3051" s="53">
        <v>3692252088.43362</v>
      </c>
      <c r="BX3051" s="53">
        <v>3766730598.3168602</v>
      </c>
      <c r="BY3051" s="53">
        <v>3777278353.7685099</v>
      </c>
      <c r="BZ3051" s="53">
        <v>3782404033.2881398</v>
      </c>
      <c r="CA3051" s="53">
        <v>3489482093.5967302</v>
      </c>
      <c r="CB3051" s="53"/>
      <c r="CC3051" s="53"/>
      <c r="CD3051" s="53"/>
      <c r="CE3051" s="53"/>
      <c r="CF3051" s="53"/>
      <c r="CG3051" s="53"/>
      <c r="CH3051" s="53"/>
      <c r="CI3051" s="53"/>
      <c r="CJ3051" s="53"/>
      <c r="CK3051" s="53"/>
      <c r="CL3051" s="53"/>
      <c r="CM3051" s="53"/>
      <c r="CN3051" s="53"/>
    </row>
    <row r="3052" spans="1:92" outlineLevel="1">
      <c r="A3052" s="52" t="s">
        <v>699</v>
      </c>
      <c r="B3052" s="53"/>
      <c r="C3052" s="53"/>
      <c r="D3052" s="53"/>
      <c r="E3052" s="53"/>
      <c r="F3052" s="53"/>
      <c r="G3052" s="53"/>
      <c r="H3052" s="53"/>
      <c r="I3052" s="53"/>
      <c r="J3052" s="53"/>
      <c r="K3052" s="53"/>
      <c r="L3052" s="53"/>
      <c r="M3052" s="53"/>
      <c r="N3052" s="53"/>
      <c r="O3052" s="53"/>
      <c r="P3052" s="53"/>
      <c r="Q3052" s="53"/>
      <c r="R3052" s="53"/>
      <c r="S3052" s="53"/>
      <c r="T3052" s="53"/>
      <c r="U3052" s="53"/>
      <c r="V3052" s="53"/>
      <c r="W3052" s="53"/>
      <c r="X3052" s="53"/>
      <c r="Y3052" s="53"/>
      <c r="Z3052" s="53"/>
      <c r="AA3052" s="53"/>
      <c r="AB3052" s="53"/>
      <c r="AC3052" s="53"/>
      <c r="AD3052" s="53"/>
      <c r="AE3052" s="53"/>
      <c r="AF3052" s="53"/>
      <c r="AG3052" s="53"/>
      <c r="AH3052" s="53"/>
      <c r="AI3052" s="53"/>
      <c r="AJ3052" s="53"/>
      <c r="AK3052" s="53"/>
      <c r="AL3052" s="53"/>
      <c r="AM3052" s="53"/>
      <c r="AN3052" s="53"/>
      <c r="AO3052" s="53"/>
      <c r="AP3052" s="53"/>
      <c r="AQ3052" s="53"/>
      <c r="AR3052" s="53"/>
      <c r="AS3052" s="53"/>
      <c r="AT3052" s="53"/>
      <c r="AU3052" s="53"/>
      <c r="AV3052" s="53"/>
      <c r="AW3052" s="53"/>
      <c r="AX3052" s="53"/>
      <c r="AY3052" s="53"/>
      <c r="AZ3052" s="53"/>
      <c r="BA3052" s="53"/>
      <c r="BB3052" s="53"/>
      <c r="BC3052" s="53"/>
      <c r="BD3052" s="53"/>
      <c r="BE3052" s="53"/>
      <c r="BF3052" s="53"/>
      <c r="BG3052" s="53"/>
      <c r="BH3052" s="53"/>
      <c r="BI3052" s="53"/>
      <c r="BJ3052" s="53"/>
      <c r="BK3052" s="53"/>
      <c r="BL3052" s="53"/>
      <c r="BM3052" s="53"/>
      <c r="BN3052" s="53"/>
      <c r="BO3052" s="53"/>
      <c r="BP3052" s="53"/>
      <c r="BQ3052" s="53"/>
      <c r="BR3052" s="53"/>
      <c r="BS3052" s="53"/>
      <c r="BT3052" s="53"/>
      <c r="BU3052" s="53"/>
      <c r="BV3052" s="53"/>
      <c r="BW3052" s="53"/>
      <c r="BX3052" s="53"/>
      <c r="BY3052" s="53"/>
      <c r="BZ3052" s="53"/>
      <c r="CA3052" s="53"/>
      <c r="CB3052" s="53"/>
      <c r="CC3052" s="53"/>
      <c r="CD3052" s="53"/>
      <c r="CE3052" s="53"/>
      <c r="CF3052" s="53"/>
      <c r="CG3052" s="53"/>
      <c r="CH3052" s="53"/>
      <c r="CI3052" s="53"/>
      <c r="CJ3052" s="53"/>
      <c r="CK3052" s="53"/>
      <c r="CL3052" s="53"/>
      <c r="CM3052" s="53"/>
      <c r="CN3052" s="53"/>
    </row>
    <row r="3053" spans="1:92" outlineLevel="1">
      <c r="A3053" s="52" t="s">
        <v>673</v>
      </c>
      <c r="B3053" s="53"/>
      <c r="C3053" s="53"/>
      <c r="D3053" s="53"/>
      <c r="E3053" s="53"/>
      <c r="F3053" s="53"/>
      <c r="G3053" s="53"/>
      <c r="H3053" s="53"/>
      <c r="I3053" s="53"/>
      <c r="J3053" s="53"/>
      <c r="K3053" s="53"/>
      <c r="L3053" s="53"/>
      <c r="M3053" s="53"/>
      <c r="N3053" s="53"/>
      <c r="O3053" s="53"/>
      <c r="P3053" s="53"/>
      <c r="Q3053" s="53"/>
      <c r="R3053" s="53"/>
      <c r="S3053" s="53"/>
      <c r="T3053" s="53"/>
      <c r="U3053" s="53"/>
      <c r="V3053" s="53"/>
      <c r="W3053" s="53"/>
      <c r="X3053" s="53"/>
      <c r="Y3053" s="53"/>
      <c r="Z3053" s="53"/>
      <c r="AA3053" s="53"/>
      <c r="AB3053" s="53"/>
      <c r="AC3053" s="53"/>
      <c r="AD3053" s="53"/>
      <c r="AE3053" s="53"/>
      <c r="AF3053" s="53"/>
      <c r="AG3053" s="53"/>
      <c r="AH3053" s="53"/>
      <c r="AI3053" s="53"/>
      <c r="AJ3053" s="53"/>
      <c r="AK3053" s="53"/>
      <c r="AL3053" s="53"/>
      <c r="AM3053" s="53"/>
      <c r="AN3053" s="53"/>
      <c r="AO3053" s="53"/>
      <c r="AP3053" s="53"/>
      <c r="AQ3053" s="53"/>
      <c r="AR3053" s="53"/>
      <c r="AS3053" s="53"/>
      <c r="AT3053" s="53"/>
      <c r="AU3053" s="53"/>
      <c r="AV3053" s="53"/>
      <c r="AW3053" s="53"/>
      <c r="AX3053" s="53"/>
      <c r="AY3053" s="53"/>
      <c r="AZ3053" s="53"/>
      <c r="BA3053" s="53"/>
      <c r="BB3053" s="53"/>
      <c r="BC3053" s="53"/>
      <c r="BD3053" s="53"/>
      <c r="BE3053" s="53"/>
      <c r="BF3053" s="53"/>
      <c r="BG3053" s="53"/>
      <c r="BH3053" s="53"/>
      <c r="BI3053" s="53"/>
      <c r="BJ3053" s="53"/>
      <c r="BK3053" s="53"/>
      <c r="BL3053" s="53"/>
      <c r="BM3053" s="53"/>
      <c r="BN3053" s="53"/>
      <c r="BO3053" s="53"/>
      <c r="BP3053" s="53"/>
      <c r="BQ3053" s="53"/>
      <c r="BR3053" s="53"/>
      <c r="BS3053" s="53"/>
      <c r="BT3053" s="53"/>
      <c r="BU3053" s="53"/>
      <c r="BV3053" s="53"/>
      <c r="BW3053" s="53"/>
      <c r="BX3053" s="53"/>
      <c r="BY3053" s="53"/>
      <c r="BZ3053" s="53"/>
      <c r="CA3053" s="53"/>
      <c r="CB3053" s="53"/>
      <c r="CC3053" s="53"/>
      <c r="CD3053" s="53"/>
      <c r="CE3053" s="53"/>
      <c r="CF3053" s="53"/>
      <c r="CG3053" s="53"/>
      <c r="CH3053" s="53"/>
      <c r="CI3053" s="53"/>
      <c r="CJ3053" s="53"/>
      <c r="CK3053" s="53"/>
      <c r="CL3053" s="53"/>
      <c r="CM3053" s="53"/>
      <c r="CN3053" s="53"/>
    </row>
    <row r="3054" spans="1:92" outlineLevel="1">
      <c r="A3054" s="52" t="s">
        <v>1520</v>
      </c>
      <c r="B3054" s="53"/>
      <c r="C3054" s="53"/>
      <c r="D3054" s="53"/>
      <c r="E3054" s="53"/>
      <c r="F3054" s="53"/>
      <c r="G3054" s="53"/>
      <c r="H3054" s="53"/>
      <c r="I3054" s="53"/>
      <c r="J3054" s="53"/>
      <c r="K3054" s="53"/>
      <c r="L3054" s="53"/>
      <c r="M3054" s="53"/>
      <c r="N3054" s="53"/>
      <c r="O3054" s="53"/>
      <c r="P3054" s="53"/>
      <c r="Q3054" s="53"/>
      <c r="R3054" s="53"/>
      <c r="S3054" s="53"/>
      <c r="T3054" s="53"/>
      <c r="U3054" s="53"/>
      <c r="V3054" s="53"/>
      <c r="W3054" s="53"/>
      <c r="X3054" s="53"/>
      <c r="Y3054" s="53"/>
      <c r="Z3054" s="53"/>
      <c r="AA3054" s="53"/>
      <c r="AB3054" s="53"/>
      <c r="AC3054" s="53"/>
      <c r="AD3054" s="53"/>
      <c r="AE3054" s="53"/>
      <c r="AF3054" s="53"/>
      <c r="AG3054" s="53"/>
      <c r="AH3054" s="53"/>
      <c r="AI3054" s="53"/>
      <c r="AJ3054" s="53"/>
      <c r="AK3054" s="53"/>
      <c r="AL3054" s="53"/>
      <c r="AM3054" s="53"/>
      <c r="AN3054" s="53"/>
      <c r="AO3054" s="53"/>
      <c r="AP3054" s="53"/>
      <c r="AQ3054" s="53"/>
      <c r="AR3054" s="53"/>
      <c r="AS3054" s="53"/>
      <c r="AT3054" s="53"/>
      <c r="AU3054" s="53"/>
      <c r="AV3054" s="53"/>
      <c r="AW3054" s="53"/>
      <c r="AX3054" s="53"/>
      <c r="AY3054" s="53"/>
      <c r="AZ3054" s="53"/>
      <c r="BA3054" s="53"/>
      <c r="BB3054" s="53"/>
      <c r="BC3054" s="53"/>
      <c r="BD3054" s="53"/>
      <c r="BE3054" s="53"/>
      <c r="BF3054" s="53"/>
      <c r="BG3054" s="53"/>
      <c r="BH3054" s="53"/>
      <c r="BI3054" s="53"/>
      <c r="BJ3054" s="53"/>
      <c r="BK3054" s="53"/>
      <c r="BL3054" s="53"/>
      <c r="BM3054" s="53"/>
      <c r="BN3054" s="53"/>
      <c r="BO3054" s="53"/>
      <c r="BP3054" s="53"/>
      <c r="BQ3054" s="53"/>
      <c r="BR3054" s="53"/>
      <c r="BS3054" s="53"/>
      <c r="BT3054" s="53"/>
      <c r="BU3054" s="53"/>
      <c r="BV3054" s="53"/>
      <c r="BW3054" s="53"/>
      <c r="BX3054" s="53"/>
      <c r="BY3054" s="53"/>
      <c r="BZ3054" s="53"/>
      <c r="CA3054" s="53"/>
      <c r="CB3054" s="53"/>
      <c r="CC3054" s="53"/>
      <c r="CD3054" s="53"/>
      <c r="CE3054" s="53"/>
      <c r="CF3054" s="53"/>
      <c r="CG3054" s="53"/>
      <c r="CH3054" s="53"/>
      <c r="CI3054" s="53"/>
      <c r="CJ3054" s="53"/>
      <c r="CK3054" s="53"/>
      <c r="CL3054" s="53"/>
      <c r="CM3054" s="53"/>
      <c r="CN3054" s="53"/>
    </row>
    <row r="3055" spans="1:92">
      <c r="A3055" s="52" t="s">
        <v>649</v>
      </c>
      <c r="B3055" s="53">
        <v>-49532600</v>
      </c>
      <c r="C3055" s="53">
        <v>-13701929.999999899</v>
      </c>
      <c r="D3055" s="53">
        <v>-21369310</v>
      </c>
      <c r="E3055" s="53">
        <v>-52134260</v>
      </c>
      <c r="F3055" s="53">
        <v>-45052590</v>
      </c>
      <c r="G3055" s="53">
        <v>-44743879.999999903</v>
      </c>
      <c r="H3055" s="53">
        <v>-19071120</v>
      </c>
      <c r="I3055" s="53">
        <v>-20102889.999999899</v>
      </c>
      <c r="J3055" s="53">
        <v>-28170880</v>
      </c>
      <c r="K3055" s="53">
        <v>-18342059.999999899</v>
      </c>
      <c r="L3055" s="53">
        <v>-11259660</v>
      </c>
      <c r="M3055" s="53">
        <v>-112475200</v>
      </c>
      <c r="N3055" s="53">
        <v>-435956380</v>
      </c>
      <c r="O3055" s="53">
        <v>-8142821.3115744004</v>
      </c>
      <c r="P3055" s="53">
        <v>-10542594.613081099</v>
      </c>
      <c r="Q3055" s="53">
        <v>-12382804.366219301</v>
      </c>
      <c r="R3055" s="53">
        <v>-11098361.701905901</v>
      </c>
      <c r="S3055" s="53">
        <v>-11762132.9542941</v>
      </c>
      <c r="T3055" s="53">
        <v>-11477400.705452699</v>
      </c>
      <c r="U3055" s="53">
        <v>-9635670.8464655001</v>
      </c>
      <c r="V3055" s="53">
        <v>-9029064.0355952401</v>
      </c>
      <c r="W3055" s="53">
        <v>-11223658.545841301</v>
      </c>
      <c r="X3055" s="53">
        <v>-13263897.4348695</v>
      </c>
      <c r="Y3055" s="53">
        <v>-12352307.531198099</v>
      </c>
      <c r="Z3055" s="53">
        <v>-10205959.087228499</v>
      </c>
      <c r="AA3055" s="53">
        <v>-131116673.133726</v>
      </c>
      <c r="AB3055" s="53">
        <v>-9804773.6157705802</v>
      </c>
      <c r="AC3055" s="53">
        <v>-11457866.700318901</v>
      </c>
      <c r="AD3055" s="53">
        <v>-12269556.206738301</v>
      </c>
      <c r="AE3055" s="53">
        <v>-12060435.753611101</v>
      </c>
      <c r="AF3055" s="53">
        <v>-11069931.3451088</v>
      </c>
      <c r="AG3055" s="53">
        <v>-11001107.4155141</v>
      </c>
      <c r="AH3055" s="53">
        <v>-11220203.889342999</v>
      </c>
      <c r="AI3055" s="53">
        <v>-11976627.673650401</v>
      </c>
      <c r="AJ3055" s="53">
        <v>-10418595.9307463</v>
      </c>
      <c r="AK3055" s="53">
        <v>-10217570.536063701</v>
      </c>
      <c r="AL3055" s="53">
        <v>-10304266.1630976</v>
      </c>
      <c r="AM3055" s="53">
        <v>-10060591.749775</v>
      </c>
      <c r="AN3055" s="53">
        <v>-131861526.979738</v>
      </c>
      <c r="AO3055" s="53">
        <v>-10271988.5360114</v>
      </c>
      <c r="AP3055" s="53">
        <v>-11260268.9555362</v>
      </c>
      <c r="AQ3055" s="53">
        <v>-11471264.2898903</v>
      </c>
      <c r="AR3055" s="53">
        <v>-11315478.882906999</v>
      </c>
      <c r="AS3055" s="53">
        <v>-10252062.4524568</v>
      </c>
      <c r="AT3055" s="53">
        <v>-10153830.120303901</v>
      </c>
      <c r="AU3055" s="53">
        <v>-10432124.804749301</v>
      </c>
      <c r="AV3055" s="53">
        <v>-11287751.379008001</v>
      </c>
      <c r="AW3055" s="53">
        <v>-9949482.9827644303</v>
      </c>
      <c r="AX3055" s="53">
        <v>-9790420.6641364004</v>
      </c>
      <c r="AY3055" s="53">
        <v>-10141600.451407099</v>
      </c>
      <c r="AZ3055" s="53">
        <v>-9355186.5776413698</v>
      </c>
      <c r="BA3055" s="53">
        <v>-125681460.09681199</v>
      </c>
      <c r="BB3055" s="53">
        <v>-9717895.3637301996</v>
      </c>
      <c r="BC3055" s="53">
        <v>-10706400.1599728</v>
      </c>
      <c r="BD3055" s="53">
        <v>-10917200.7646276</v>
      </c>
      <c r="BE3055" s="53">
        <v>-10761343.194166301</v>
      </c>
      <c r="BF3055" s="53">
        <v>-9697937.8399923593</v>
      </c>
      <c r="BG3055" s="53">
        <v>-9599833.4168414008</v>
      </c>
      <c r="BH3055" s="53">
        <v>-9878150.8865057696</v>
      </c>
      <c r="BI3055" s="53">
        <v>-10733979.9137883</v>
      </c>
      <c r="BJ3055" s="53">
        <v>-9395379.2524781693</v>
      </c>
      <c r="BK3055" s="53">
        <v>-9236278.0370073505</v>
      </c>
      <c r="BL3055" s="53">
        <v>-9587493.2421651501</v>
      </c>
      <c r="BM3055" s="53">
        <v>-8801018.5987963006</v>
      </c>
      <c r="BN3055" s="53">
        <v>-119032910.67007101</v>
      </c>
      <c r="BO3055" s="53">
        <v>-9971080.1865897309</v>
      </c>
      <c r="BP3055" s="53">
        <v>-10966796.9221568</v>
      </c>
      <c r="BQ3055" s="53">
        <v>-11171338.5049794</v>
      </c>
      <c r="BR3055" s="53">
        <v>-11013161.4486541</v>
      </c>
      <c r="BS3055" s="53">
        <v>-9950112.1092787795</v>
      </c>
      <c r="BT3055" s="53">
        <v>-9856118.9503013194</v>
      </c>
      <c r="BU3055" s="53">
        <v>-10135168.7847954</v>
      </c>
      <c r="BV3055" s="53">
        <v>-10997505.077798501</v>
      </c>
      <c r="BW3055" s="53">
        <v>-9648224.7188650705</v>
      </c>
      <c r="BX3055" s="53">
        <v>-9487873.2771101091</v>
      </c>
      <c r="BY3055" s="53">
        <v>-9840226.8876015507</v>
      </c>
      <c r="BZ3055" s="53">
        <v>-9051798.4097553305</v>
      </c>
      <c r="CA3055" s="53">
        <v>-122089405.277886</v>
      </c>
      <c r="CB3055" s="53">
        <v>9709113.56718079</v>
      </c>
      <c r="CC3055" s="53">
        <v>9731420.0067501795</v>
      </c>
      <c r="CD3055" s="53">
        <v>9760965.4821418393</v>
      </c>
      <c r="CE3055" s="53">
        <v>9804176.3154558502</v>
      </c>
      <c r="CF3055" s="53">
        <v>9827988.3710235301</v>
      </c>
      <c r="CG3055" s="53">
        <v>9851601.0700849108</v>
      </c>
      <c r="CH3055" s="53">
        <v>9911184.9461589996</v>
      </c>
      <c r="CI3055" s="53">
        <v>9936006.6665291209</v>
      </c>
      <c r="CJ3055" s="53">
        <v>9959669.0501857102</v>
      </c>
      <c r="CK3055" s="53">
        <v>10002361.7704484</v>
      </c>
      <c r="CL3055" s="53">
        <v>10025981.191054501</v>
      </c>
      <c r="CM3055" s="53">
        <v>10055249.996088799</v>
      </c>
      <c r="CN3055" s="53">
        <v>118575718.433102</v>
      </c>
    </row>
    <row r="3056" spans="1:92">
      <c r="A3056" s="52" t="s">
        <v>750</v>
      </c>
      <c r="B3056" s="53"/>
      <c r="C3056" s="53"/>
      <c r="D3056" s="53"/>
      <c r="E3056" s="53"/>
      <c r="F3056" s="53"/>
      <c r="G3056" s="53"/>
      <c r="H3056" s="53"/>
      <c r="I3056" s="53"/>
      <c r="J3056" s="53"/>
      <c r="K3056" s="53"/>
      <c r="L3056" s="53"/>
      <c r="M3056" s="53"/>
      <c r="N3056" s="53"/>
      <c r="O3056" s="53"/>
      <c r="P3056" s="53"/>
      <c r="Q3056" s="53"/>
      <c r="R3056" s="53"/>
      <c r="S3056" s="53"/>
      <c r="T3056" s="53"/>
      <c r="U3056" s="53"/>
      <c r="V3056" s="53"/>
      <c r="W3056" s="53"/>
      <c r="X3056" s="53"/>
      <c r="Y3056" s="53"/>
      <c r="Z3056" s="53"/>
      <c r="AA3056" s="53"/>
      <c r="AB3056" s="53"/>
      <c r="AC3056" s="53"/>
      <c r="AD3056" s="53"/>
      <c r="AE3056" s="53"/>
      <c r="AF3056" s="53"/>
      <c r="AG3056" s="53"/>
      <c r="AH3056" s="53"/>
      <c r="AI3056" s="53"/>
      <c r="AJ3056" s="53"/>
      <c r="AK3056" s="53"/>
      <c r="AL3056" s="53"/>
      <c r="AM3056" s="53"/>
      <c r="AN3056" s="53"/>
      <c r="AO3056" s="53"/>
      <c r="AP3056" s="53"/>
      <c r="AQ3056" s="53"/>
      <c r="AR3056" s="53"/>
      <c r="AS3056" s="53"/>
      <c r="AT3056" s="53"/>
      <c r="AU3056" s="53"/>
      <c r="AV3056" s="53"/>
      <c r="AW3056" s="53"/>
      <c r="AX3056" s="53"/>
      <c r="AY3056" s="53"/>
      <c r="AZ3056" s="53"/>
      <c r="BA3056" s="53"/>
      <c r="BB3056" s="53"/>
      <c r="BC3056" s="53"/>
      <c r="BD3056" s="53"/>
      <c r="BE3056" s="53"/>
      <c r="BF3056" s="53"/>
      <c r="BG3056" s="53"/>
      <c r="BH3056" s="53"/>
      <c r="BI3056" s="53"/>
      <c r="BJ3056" s="53"/>
      <c r="BK3056" s="53"/>
      <c r="BL3056" s="53"/>
      <c r="BM3056" s="53"/>
      <c r="BN3056" s="53"/>
      <c r="BO3056" s="53"/>
      <c r="BP3056" s="53"/>
      <c r="BQ3056" s="53"/>
      <c r="BR3056" s="53"/>
      <c r="BS3056" s="53"/>
      <c r="BT3056" s="53"/>
      <c r="BU3056" s="53"/>
      <c r="BV3056" s="53"/>
      <c r="BW3056" s="53"/>
      <c r="BX3056" s="53"/>
      <c r="BY3056" s="53"/>
      <c r="BZ3056" s="53"/>
      <c r="CA3056" s="53"/>
      <c r="CB3056" s="53"/>
      <c r="CC3056" s="53"/>
      <c r="CD3056" s="53"/>
      <c r="CE3056" s="53"/>
      <c r="CF3056" s="53"/>
      <c r="CG3056" s="53"/>
      <c r="CH3056" s="53"/>
      <c r="CI3056" s="53"/>
      <c r="CJ3056" s="53"/>
      <c r="CK3056" s="53"/>
      <c r="CL3056" s="53"/>
      <c r="CM3056" s="53"/>
      <c r="CN3056" s="53"/>
    </row>
    <row r="3057" spans="1:92">
      <c r="A3057" s="52" t="s">
        <v>1385</v>
      </c>
      <c r="B3057" s="53"/>
      <c r="C3057" s="53"/>
      <c r="D3057" s="53"/>
      <c r="E3057" s="53"/>
      <c r="F3057" s="53"/>
      <c r="G3057" s="53"/>
      <c r="H3057" s="53"/>
      <c r="I3057" s="53"/>
      <c r="J3057" s="53"/>
      <c r="K3057" s="53"/>
      <c r="L3057" s="53"/>
      <c r="M3057" s="53"/>
      <c r="N3057" s="53"/>
      <c r="O3057" s="53"/>
      <c r="P3057" s="53"/>
      <c r="Q3057" s="53"/>
      <c r="R3057" s="53"/>
      <c r="S3057" s="53"/>
      <c r="T3057" s="53"/>
      <c r="U3057" s="53"/>
      <c r="V3057" s="53"/>
      <c r="W3057" s="53"/>
      <c r="X3057" s="53"/>
      <c r="Y3057" s="53"/>
      <c r="Z3057" s="53"/>
      <c r="AA3057" s="53"/>
      <c r="AB3057" s="53"/>
      <c r="AC3057" s="53"/>
      <c r="AD3057" s="53"/>
      <c r="AE3057" s="53"/>
      <c r="AF3057" s="53"/>
      <c r="AG3057" s="53"/>
      <c r="AH3057" s="53"/>
      <c r="AI3057" s="53"/>
      <c r="AJ3057" s="53"/>
      <c r="AK3057" s="53"/>
      <c r="AL3057" s="53"/>
      <c r="AM3057" s="53"/>
      <c r="AN3057" s="53"/>
      <c r="AO3057" s="53"/>
      <c r="AP3057" s="53"/>
      <c r="AQ3057" s="53"/>
      <c r="AR3057" s="53"/>
      <c r="AS3057" s="53"/>
      <c r="AT3057" s="53"/>
      <c r="AU3057" s="53"/>
      <c r="AV3057" s="53"/>
      <c r="AW3057" s="53"/>
      <c r="AX3057" s="53"/>
      <c r="AY3057" s="53"/>
      <c r="AZ3057" s="53"/>
      <c r="BA3057" s="53"/>
      <c r="BB3057" s="53"/>
      <c r="BC3057" s="53"/>
      <c r="BD3057" s="53"/>
      <c r="BE3057" s="53"/>
      <c r="BF3057" s="53"/>
      <c r="BG3057" s="53"/>
      <c r="BH3057" s="53"/>
      <c r="BI3057" s="53"/>
      <c r="BJ3057" s="53"/>
      <c r="BK3057" s="53"/>
      <c r="BL3057" s="53"/>
      <c r="BM3057" s="53"/>
      <c r="BN3057" s="53"/>
      <c r="BO3057" s="53"/>
      <c r="BP3057" s="53"/>
      <c r="BQ3057" s="53"/>
      <c r="BR3057" s="53"/>
      <c r="BS3057" s="53"/>
      <c r="BT3057" s="53"/>
      <c r="BU3057" s="53"/>
      <c r="BV3057" s="53"/>
      <c r="BW3057" s="53"/>
      <c r="BX3057" s="53"/>
      <c r="BY3057" s="53"/>
      <c r="BZ3057" s="53"/>
      <c r="CA3057" s="53"/>
      <c r="CB3057" s="53"/>
      <c r="CC3057" s="53"/>
      <c r="CD3057" s="53"/>
      <c r="CE3057" s="53"/>
      <c r="CF3057" s="53"/>
      <c r="CG3057" s="53"/>
      <c r="CH3057" s="53"/>
      <c r="CI3057" s="53"/>
      <c r="CJ3057" s="53"/>
      <c r="CK3057" s="53"/>
      <c r="CL3057" s="53"/>
      <c r="CM3057" s="53"/>
      <c r="CN3057" s="53"/>
    </row>
    <row r="3058" spans="1:92">
      <c r="A3058" s="52" t="s">
        <v>649</v>
      </c>
      <c r="B3058" s="53">
        <v>-109280</v>
      </c>
      <c r="C3058" s="53">
        <v>-109280</v>
      </c>
      <c r="D3058" s="53">
        <v>-109280</v>
      </c>
      <c r="E3058" s="53">
        <v>-109280</v>
      </c>
      <c r="F3058" s="53">
        <v>-109280</v>
      </c>
      <c r="G3058" s="53">
        <v>-109280</v>
      </c>
      <c r="H3058" s="53">
        <v>-109280</v>
      </c>
      <c r="I3058" s="53">
        <v>-109280</v>
      </c>
      <c r="J3058" s="53">
        <v>-109280</v>
      </c>
      <c r="K3058" s="53">
        <v>-89940</v>
      </c>
      <c r="L3058" s="53">
        <v>-89940</v>
      </c>
      <c r="M3058" s="53">
        <v>-89940</v>
      </c>
      <c r="N3058" s="53">
        <v>-1253340</v>
      </c>
      <c r="O3058" s="53">
        <v>-89948.085988144201</v>
      </c>
      <c r="P3058" s="53">
        <v>-89948.085988144201</v>
      </c>
      <c r="Q3058" s="53">
        <v>-89948.085988144201</v>
      </c>
      <c r="R3058" s="53">
        <v>-89948.085988144201</v>
      </c>
      <c r="S3058" s="53">
        <v>-89948.085988144201</v>
      </c>
      <c r="T3058" s="53">
        <v>-89948.085988144201</v>
      </c>
      <c r="U3058" s="53">
        <v>-89948.085988144201</v>
      </c>
      <c r="V3058" s="53">
        <v>-89948.085988144201</v>
      </c>
      <c r="W3058" s="53">
        <v>-89948.085988144201</v>
      </c>
      <c r="X3058" s="53">
        <v>-89948.085988144201</v>
      </c>
      <c r="Y3058" s="53">
        <v>-89948.085988144201</v>
      </c>
      <c r="Z3058" s="53">
        <v>-89948.085988144303</v>
      </c>
      <c r="AA3058" s="53">
        <v>-1079377.0318577299</v>
      </c>
      <c r="AB3058" s="53">
        <v>-89948.085988144201</v>
      </c>
      <c r="AC3058" s="53">
        <v>-89948.085988144201</v>
      </c>
      <c r="AD3058" s="53">
        <v>-89948.085988144201</v>
      </c>
      <c r="AE3058" s="53">
        <v>-89948.085988144303</v>
      </c>
      <c r="AF3058" s="53">
        <v>-89948.085988144303</v>
      </c>
      <c r="AG3058" s="53">
        <v>-89948.085988144303</v>
      </c>
      <c r="AH3058" s="53">
        <v>-89948.085988144303</v>
      </c>
      <c r="AI3058" s="53">
        <v>-89948.085988144303</v>
      </c>
      <c r="AJ3058" s="53">
        <v>-89948.085988144303</v>
      </c>
      <c r="AK3058" s="53">
        <v>-89948.085988144201</v>
      </c>
      <c r="AL3058" s="53">
        <v>-89948.085988144201</v>
      </c>
      <c r="AM3058" s="53">
        <v>-89948.085988144099</v>
      </c>
      <c r="AN3058" s="53">
        <v>-1079377.0318577299</v>
      </c>
      <c r="AO3058" s="53">
        <v>-79794.752654810902</v>
      </c>
      <c r="AP3058" s="53">
        <v>-79794.752654810902</v>
      </c>
      <c r="AQ3058" s="53">
        <v>-79794.752654810902</v>
      </c>
      <c r="AR3058" s="53">
        <v>-79794.752654810902</v>
      </c>
      <c r="AS3058" s="53">
        <v>-79794.752654810902</v>
      </c>
      <c r="AT3058" s="53">
        <v>-79794.752654810902</v>
      </c>
      <c r="AU3058" s="53">
        <v>-79794.752654810902</v>
      </c>
      <c r="AV3058" s="53">
        <v>-79794.752654810902</v>
      </c>
      <c r="AW3058" s="53">
        <v>-79794.752654810902</v>
      </c>
      <c r="AX3058" s="53">
        <v>-79794.752654810902</v>
      </c>
      <c r="AY3058" s="53">
        <v>-79794.752654810902</v>
      </c>
      <c r="AZ3058" s="53">
        <v>-79794.752654810902</v>
      </c>
      <c r="BA3058" s="53">
        <v>-957537.03185773105</v>
      </c>
      <c r="BB3058" s="53">
        <v>-79794.752654810902</v>
      </c>
      <c r="BC3058" s="53">
        <v>-79794.752654810902</v>
      </c>
      <c r="BD3058" s="53">
        <v>-79794.752654810902</v>
      </c>
      <c r="BE3058" s="53">
        <v>-79794.752654810902</v>
      </c>
      <c r="BF3058" s="53">
        <v>-79794.752654810902</v>
      </c>
      <c r="BG3058" s="53">
        <v>-79794.752654810902</v>
      </c>
      <c r="BH3058" s="53">
        <v>-79794.752654810902</v>
      </c>
      <c r="BI3058" s="53">
        <v>-79794.752654810902</v>
      </c>
      <c r="BJ3058" s="53">
        <v>-79794.752654810902</v>
      </c>
      <c r="BK3058" s="53">
        <v>-79794.752654810902</v>
      </c>
      <c r="BL3058" s="53">
        <v>-79794.752654810902</v>
      </c>
      <c r="BM3058" s="53">
        <v>-79794.752654810902</v>
      </c>
      <c r="BN3058" s="53">
        <v>-957537.03185773105</v>
      </c>
      <c r="BO3058" s="53">
        <v>-79794.752654810902</v>
      </c>
      <c r="BP3058" s="53">
        <v>-79794.752654810902</v>
      </c>
      <c r="BQ3058" s="53">
        <v>-79794.752654810902</v>
      </c>
      <c r="BR3058" s="53">
        <v>-79794.752654810902</v>
      </c>
      <c r="BS3058" s="53">
        <v>-79794.752654810902</v>
      </c>
      <c r="BT3058" s="53">
        <v>-79794.752654810902</v>
      </c>
      <c r="BU3058" s="53">
        <v>-79794.752654810902</v>
      </c>
      <c r="BV3058" s="53">
        <v>-79794.752654810902</v>
      </c>
      <c r="BW3058" s="53">
        <v>-79794.752654810902</v>
      </c>
      <c r="BX3058" s="53">
        <v>-79794.752654810902</v>
      </c>
      <c r="BY3058" s="53">
        <v>-79794.752654810902</v>
      </c>
      <c r="BZ3058" s="53">
        <v>-79794.752654810902</v>
      </c>
      <c r="CA3058" s="53">
        <v>-957537.03185773105</v>
      </c>
      <c r="CB3058" s="53">
        <v>-1903376.24999999</v>
      </c>
      <c r="CC3058" s="53">
        <v>-1903376.24999999</v>
      </c>
      <c r="CD3058" s="53">
        <v>-1903376.24999999</v>
      </c>
      <c r="CE3058" s="53">
        <v>-1903376.24999999</v>
      </c>
      <c r="CF3058" s="53">
        <v>-1903376.24999999</v>
      </c>
      <c r="CG3058" s="53">
        <v>-1903376.24999999</v>
      </c>
      <c r="CH3058" s="53">
        <v>-1903376.24999999</v>
      </c>
      <c r="CI3058" s="53">
        <v>-1903376.24999999</v>
      </c>
      <c r="CJ3058" s="53">
        <v>-1903376.24999999</v>
      </c>
      <c r="CK3058" s="53">
        <v>-1903376.24999999</v>
      </c>
      <c r="CL3058" s="53">
        <v>-1903376.24999999</v>
      </c>
      <c r="CM3058" s="53">
        <v>-1903376.24999999</v>
      </c>
      <c r="CN3058" s="53">
        <v>-22840515</v>
      </c>
    </row>
    <row r="3059" spans="1:92">
      <c r="A3059" s="52" t="s">
        <v>700</v>
      </c>
      <c r="B3059" s="53"/>
      <c r="C3059" s="53"/>
      <c r="D3059" s="53"/>
      <c r="E3059" s="53"/>
      <c r="F3059" s="53"/>
      <c r="G3059" s="53"/>
      <c r="H3059" s="53"/>
      <c r="I3059" s="53"/>
      <c r="J3059" s="53"/>
      <c r="K3059" s="53"/>
      <c r="L3059" s="53"/>
      <c r="M3059" s="53"/>
      <c r="N3059" s="53"/>
      <c r="O3059" s="53"/>
      <c r="P3059" s="53"/>
      <c r="Q3059" s="53"/>
      <c r="R3059" s="53"/>
      <c r="S3059" s="53"/>
      <c r="T3059" s="53"/>
      <c r="U3059" s="53"/>
      <c r="V3059" s="53"/>
      <c r="W3059" s="53"/>
      <c r="X3059" s="53"/>
      <c r="Y3059" s="53"/>
      <c r="Z3059" s="53"/>
      <c r="AA3059" s="53"/>
      <c r="AB3059" s="53"/>
      <c r="AC3059" s="53"/>
      <c r="AD3059" s="53"/>
      <c r="AE3059" s="53"/>
      <c r="AF3059" s="53"/>
      <c r="AG3059" s="53"/>
      <c r="AH3059" s="53"/>
      <c r="AI3059" s="53"/>
      <c r="AJ3059" s="53"/>
      <c r="AK3059" s="53"/>
      <c r="AL3059" s="53"/>
      <c r="AM3059" s="53"/>
      <c r="AN3059" s="53"/>
      <c r="AO3059" s="53"/>
      <c r="AP3059" s="53"/>
      <c r="AQ3059" s="53"/>
      <c r="AR3059" s="53"/>
      <c r="AS3059" s="53"/>
      <c r="AT3059" s="53"/>
      <c r="AU3059" s="53"/>
      <c r="AV3059" s="53"/>
      <c r="AW3059" s="53"/>
      <c r="AX3059" s="53"/>
      <c r="AY3059" s="53"/>
      <c r="AZ3059" s="53"/>
      <c r="BA3059" s="53"/>
      <c r="BB3059" s="53"/>
      <c r="BC3059" s="53"/>
      <c r="BD3059" s="53"/>
      <c r="BE3059" s="53"/>
      <c r="BF3059" s="53"/>
      <c r="BG3059" s="53"/>
      <c r="BH3059" s="53"/>
      <c r="BI3059" s="53"/>
      <c r="BJ3059" s="53"/>
      <c r="BK3059" s="53"/>
      <c r="BL3059" s="53"/>
      <c r="BM3059" s="53"/>
      <c r="BN3059" s="53"/>
      <c r="BO3059" s="53"/>
      <c r="BP3059" s="53"/>
      <c r="BQ3059" s="53"/>
      <c r="BR3059" s="53"/>
      <c r="BS3059" s="53"/>
      <c r="BT3059" s="53"/>
      <c r="BU3059" s="53"/>
      <c r="BV3059" s="53"/>
      <c r="BW3059" s="53"/>
      <c r="BX3059" s="53"/>
      <c r="BY3059" s="53"/>
      <c r="BZ3059" s="53"/>
      <c r="CA3059" s="53"/>
      <c r="CB3059" s="53"/>
      <c r="CC3059" s="53"/>
      <c r="CD3059" s="53"/>
      <c r="CE3059" s="53"/>
      <c r="CF3059" s="53"/>
      <c r="CG3059" s="53"/>
      <c r="CH3059" s="53"/>
      <c r="CI3059" s="53"/>
      <c r="CJ3059" s="53"/>
      <c r="CK3059" s="53"/>
      <c r="CL3059" s="53"/>
      <c r="CM3059" s="53"/>
      <c r="CN3059" s="53"/>
    </row>
    <row r="3060" spans="1:92">
      <c r="A3060" s="52" t="s">
        <v>1682</v>
      </c>
      <c r="B3060" s="53"/>
      <c r="C3060" s="53"/>
      <c r="D3060" s="53"/>
      <c r="E3060" s="53"/>
      <c r="F3060" s="53"/>
      <c r="G3060" s="53"/>
      <c r="H3060" s="53"/>
      <c r="I3060" s="53"/>
      <c r="J3060" s="53"/>
      <c r="K3060" s="53"/>
      <c r="L3060" s="53"/>
      <c r="M3060" s="53"/>
      <c r="N3060" s="53"/>
      <c r="O3060" s="53"/>
      <c r="P3060" s="53"/>
      <c r="Q3060" s="53"/>
      <c r="R3060" s="53"/>
      <c r="S3060" s="53"/>
      <c r="T3060" s="53"/>
      <c r="U3060" s="53"/>
      <c r="V3060" s="53"/>
      <c r="W3060" s="53"/>
      <c r="X3060" s="53"/>
      <c r="Y3060" s="53"/>
      <c r="Z3060" s="53"/>
      <c r="AA3060" s="53"/>
      <c r="AB3060" s="53"/>
      <c r="AC3060" s="53"/>
      <c r="AD3060" s="53"/>
      <c r="AE3060" s="53"/>
      <c r="AF3060" s="53"/>
      <c r="AG3060" s="53"/>
      <c r="AH3060" s="53"/>
      <c r="AI3060" s="53"/>
      <c r="AJ3060" s="53"/>
      <c r="AK3060" s="53"/>
      <c r="AL3060" s="53"/>
      <c r="AM3060" s="53"/>
      <c r="AN3060" s="53"/>
      <c r="AO3060" s="53"/>
      <c r="AP3060" s="53"/>
      <c r="AQ3060" s="53"/>
      <c r="AR3060" s="53"/>
      <c r="AS3060" s="53"/>
      <c r="AT3060" s="53"/>
      <c r="AU3060" s="53"/>
      <c r="AV3060" s="53"/>
      <c r="AW3060" s="53"/>
      <c r="AX3060" s="53"/>
      <c r="AY3060" s="53"/>
      <c r="AZ3060" s="53"/>
      <c r="BA3060" s="53"/>
      <c r="BB3060" s="53"/>
      <c r="BC3060" s="53"/>
      <c r="BD3060" s="53"/>
      <c r="BE3060" s="53"/>
      <c r="BF3060" s="53"/>
      <c r="BG3060" s="53"/>
      <c r="BH3060" s="53"/>
      <c r="BI3060" s="53"/>
      <c r="BJ3060" s="53"/>
      <c r="BK3060" s="53"/>
      <c r="BL3060" s="53"/>
      <c r="BM3060" s="53"/>
      <c r="BN3060" s="53"/>
      <c r="BO3060" s="53"/>
      <c r="BP3060" s="53"/>
      <c r="BQ3060" s="53"/>
      <c r="BR3060" s="53"/>
      <c r="BS3060" s="53"/>
      <c r="BT3060" s="53"/>
      <c r="BU3060" s="53"/>
      <c r="BV3060" s="53"/>
      <c r="BW3060" s="53"/>
      <c r="BX3060" s="53"/>
      <c r="BY3060" s="53"/>
      <c r="BZ3060" s="53"/>
      <c r="CA3060" s="53"/>
      <c r="CB3060" s="53"/>
      <c r="CC3060" s="53"/>
      <c r="CD3060" s="53"/>
      <c r="CE3060" s="53"/>
      <c r="CF3060" s="53"/>
      <c r="CG3060" s="53"/>
      <c r="CH3060" s="53"/>
      <c r="CI3060" s="53"/>
      <c r="CJ3060" s="53"/>
      <c r="CK3060" s="53"/>
      <c r="CL3060" s="53"/>
      <c r="CM3060" s="53"/>
      <c r="CN3060" s="53"/>
    </row>
    <row r="3061" spans="1:92">
      <c r="A3061" s="52" t="s">
        <v>649</v>
      </c>
      <c r="B3061" s="53"/>
      <c r="C3061" s="53"/>
      <c r="D3061" s="53"/>
      <c r="E3061" s="53"/>
      <c r="F3061" s="53"/>
      <c r="G3061" s="53"/>
      <c r="H3061" s="53"/>
      <c r="I3061" s="53"/>
      <c r="J3061" s="53"/>
      <c r="K3061" s="53"/>
      <c r="L3061" s="53"/>
      <c r="M3061" s="53"/>
      <c r="N3061" s="53"/>
      <c r="O3061" s="53"/>
      <c r="P3061" s="53"/>
      <c r="Q3061" s="53"/>
      <c r="R3061" s="53"/>
      <c r="S3061" s="53"/>
      <c r="T3061" s="53"/>
      <c r="U3061" s="53"/>
      <c r="V3061" s="53"/>
      <c r="W3061" s="53"/>
      <c r="X3061" s="53"/>
      <c r="Y3061" s="53"/>
      <c r="Z3061" s="53"/>
      <c r="AA3061" s="53"/>
      <c r="AB3061" s="53"/>
      <c r="AC3061" s="53"/>
      <c r="AD3061" s="53"/>
      <c r="AE3061" s="53"/>
      <c r="AF3061" s="53"/>
      <c r="AG3061" s="53"/>
      <c r="AH3061" s="53"/>
      <c r="AI3061" s="53"/>
      <c r="AJ3061" s="53"/>
      <c r="AK3061" s="53"/>
      <c r="AL3061" s="53"/>
      <c r="AM3061" s="53"/>
      <c r="AN3061" s="53"/>
      <c r="AO3061" s="53"/>
      <c r="AP3061" s="53"/>
      <c r="AQ3061" s="53"/>
      <c r="AR3061" s="53"/>
      <c r="AS3061" s="53"/>
      <c r="AT3061" s="53"/>
      <c r="AU3061" s="53"/>
      <c r="AV3061" s="53"/>
      <c r="AW3061" s="53"/>
      <c r="AX3061" s="53"/>
      <c r="AY3061" s="53"/>
      <c r="AZ3061" s="53"/>
      <c r="BA3061" s="53"/>
      <c r="BB3061" s="53"/>
      <c r="BC3061" s="53"/>
      <c r="BD3061" s="53"/>
      <c r="BE3061" s="53"/>
      <c r="BF3061" s="53"/>
      <c r="BG3061" s="53"/>
      <c r="BH3061" s="53"/>
      <c r="BI3061" s="53"/>
      <c r="BJ3061" s="53"/>
      <c r="BK3061" s="53"/>
      <c r="BL3061" s="53"/>
      <c r="BM3061" s="53"/>
      <c r="BN3061" s="53"/>
      <c r="BO3061" s="53"/>
      <c r="BP3061" s="53"/>
      <c r="BQ3061" s="53"/>
      <c r="BR3061" s="53"/>
      <c r="BS3061" s="53"/>
      <c r="BT3061" s="53"/>
      <c r="BU3061" s="53"/>
      <c r="BV3061" s="53"/>
      <c r="BW3061" s="53"/>
      <c r="BX3061" s="53"/>
      <c r="BY3061" s="53"/>
      <c r="BZ3061" s="53">
        <v>-15115948.009687001</v>
      </c>
      <c r="CA3061" s="53">
        <v>-15115948.009687001</v>
      </c>
      <c r="CB3061" s="53"/>
      <c r="CC3061" s="53"/>
      <c r="CD3061" s="53"/>
      <c r="CE3061" s="53"/>
      <c r="CF3061" s="53"/>
      <c r="CG3061" s="53"/>
      <c r="CH3061" s="53"/>
      <c r="CI3061" s="53"/>
      <c r="CJ3061" s="53"/>
      <c r="CK3061" s="53"/>
      <c r="CL3061" s="53"/>
      <c r="CM3061" s="53"/>
      <c r="CN3061" s="53"/>
    </row>
    <row r="3062" spans="1:92">
      <c r="A3062" s="52" t="s">
        <v>1365</v>
      </c>
      <c r="B3062" s="53"/>
      <c r="C3062" s="53"/>
      <c r="D3062" s="53"/>
      <c r="E3062" s="53"/>
      <c r="F3062" s="53"/>
      <c r="G3062" s="53"/>
      <c r="H3062" s="53"/>
      <c r="I3062" s="53"/>
      <c r="J3062" s="53"/>
      <c r="K3062" s="53"/>
      <c r="L3062" s="53"/>
      <c r="M3062" s="53"/>
      <c r="N3062" s="53"/>
      <c r="O3062" s="53"/>
      <c r="P3062" s="53"/>
      <c r="Q3062" s="53"/>
      <c r="R3062" s="53"/>
      <c r="S3062" s="53"/>
      <c r="T3062" s="53"/>
      <c r="U3062" s="53"/>
      <c r="V3062" s="53"/>
      <c r="W3062" s="53"/>
      <c r="X3062" s="53"/>
      <c r="Y3062" s="53"/>
      <c r="Z3062" s="53"/>
      <c r="AA3062" s="53"/>
      <c r="AB3062" s="53"/>
      <c r="AC3062" s="53"/>
      <c r="AD3062" s="53"/>
      <c r="AE3062" s="53"/>
      <c r="AF3062" s="53"/>
      <c r="AG3062" s="53"/>
      <c r="AH3062" s="53"/>
      <c r="AI3062" s="53"/>
      <c r="AJ3062" s="53"/>
      <c r="AK3062" s="53"/>
      <c r="AL3062" s="53"/>
      <c r="AM3062" s="53"/>
      <c r="AN3062" s="53"/>
      <c r="AO3062" s="53"/>
      <c r="AP3062" s="53"/>
      <c r="AQ3062" s="53"/>
      <c r="AR3062" s="53"/>
      <c r="AS3062" s="53"/>
      <c r="AT3062" s="53"/>
      <c r="AU3062" s="53"/>
      <c r="AV3062" s="53"/>
      <c r="AW3062" s="53"/>
      <c r="AX3062" s="53"/>
      <c r="AY3062" s="53"/>
      <c r="AZ3062" s="53"/>
      <c r="BA3062" s="53"/>
      <c r="BB3062" s="53"/>
      <c r="BC3062" s="53"/>
      <c r="BD3062" s="53"/>
      <c r="BE3062" s="53"/>
      <c r="BF3062" s="53"/>
      <c r="BG3062" s="53"/>
      <c r="BH3062" s="53"/>
      <c r="BI3062" s="53"/>
      <c r="BJ3062" s="53"/>
      <c r="BK3062" s="53"/>
      <c r="BL3062" s="53"/>
      <c r="BM3062" s="53"/>
      <c r="BN3062" s="53"/>
      <c r="BO3062" s="53"/>
      <c r="BP3062" s="53"/>
      <c r="BQ3062" s="53"/>
      <c r="BR3062" s="53"/>
      <c r="BS3062" s="53"/>
      <c r="BT3062" s="53"/>
      <c r="BU3062" s="53"/>
      <c r="BV3062" s="53"/>
      <c r="BW3062" s="53"/>
      <c r="BX3062" s="53"/>
      <c r="BY3062" s="53"/>
      <c r="BZ3062" s="53"/>
      <c r="CA3062" s="53"/>
      <c r="CB3062" s="53">
        <v>-90631.833333333299</v>
      </c>
      <c r="CC3062" s="53">
        <v>-90631.833333333299</v>
      </c>
      <c r="CD3062" s="53">
        <v>-90631.833333333299</v>
      </c>
      <c r="CE3062" s="53">
        <v>-90631.833333333299</v>
      </c>
      <c r="CF3062" s="53">
        <v>-90631.833333333299</v>
      </c>
      <c r="CG3062" s="53">
        <v>-90631.833333333299</v>
      </c>
      <c r="CH3062" s="53">
        <v>-90631.833333333299</v>
      </c>
      <c r="CI3062" s="53">
        <v>-90631.833333333299</v>
      </c>
      <c r="CJ3062" s="53">
        <v>-90631.833333333299</v>
      </c>
      <c r="CK3062" s="53">
        <v>-90631.833333333299</v>
      </c>
      <c r="CL3062" s="53">
        <v>-90631.833333333299</v>
      </c>
      <c r="CM3062" s="53">
        <v>-90631.833333333299</v>
      </c>
      <c r="CN3062" s="53">
        <v>-1087582</v>
      </c>
    </row>
    <row r="3063" spans="1:92">
      <c r="A3063" s="52" t="s">
        <v>1367</v>
      </c>
      <c r="B3063" s="53"/>
      <c r="C3063" s="53"/>
      <c r="D3063" s="53"/>
      <c r="E3063" s="53"/>
      <c r="F3063" s="53"/>
      <c r="G3063" s="53"/>
      <c r="H3063" s="53"/>
      <c r="I3063" s="53"/>
      <c r="J3063" s="53"/>
      <c r="K3063" s="53"/>
      <c r="L3063" s="53"/>
      <c r="M3063" s="53"/>
      <c r="N3063" s="53"/>
      <c r="O3063" s="53"/>
      <c r="P3063" s="53"/>
      <c r="Q3063" s="53"/>
      <c r="R3063" s="53"/>
      <c r="S3063" s="53"/>
      <c r="T3063" s="53"/>
      <c r="U3063" s="53"/>
      <c r="V3063" s="53"/>
      <c r="W3063" s="53"/>
      <c r="X3063" s="53"/>
      <c r="Y3063" s="53"/>
      <c r="Z3063" s="53"/>
      <c r="AA3063" s="53"/>
      <c r="AB3063" s="53"/>
      <c r="AC3063" s="53"/>
      <c r="AD3063" s="53"/>
      <c r="AE3063" s="53"/>
      <c r="AF3063" s="53"/>
      <c r="AG3063" s="53"/>
      <c r="AH3063" s="53"/>
      <c r="AI3063" s="53"/>
      <c r="AJ3063" s="53"/>
      <c r="AK3063" s="53"/>
      <c r="AL3063" s="53"/>
      <c r="AM3063" s="53"/>
      <c r="AN3063" s="53"/>
      <c r="AO3063" s="53"/>
      <c r="AP3063" s="53"/>
      <c r="AQ3063" s="53"/>
      <c r="AR3063" s="53"/>
      <c r="AS3063" s="53"/>
      <c r="AT3063" s="53"/>
      <c r="AU3063" s="53"/>
      <c r="AV3063" s="53"/>
      <c r="AW3063" s="53"/>
      <c r="AX3063" s="53"/>
      <c r="AY3063" s="53"/>
      <c r="AZ3063" s="53"/>
      <c r="BA3063" s="53"/>
      <c r="BB3063" s="53"/>
      <c r="BC3063" s="53"/>
      <c r="BD3063" s="53"/>
      <c r="BE3063" s="53"/>
      <c r="BF3063" s="53"/>
      <c r="BG3063" s="53"/>
      <c r="BH3063" s="53"/>
      <c r="BI3063" s="53"/>
      <c r="BJ3063" s="53"/>
      <c r="BK3063" s="53"/>
      <c r="BL3063" s="53"/>
      <c r="BM3063" s="53"/>
      <c r="BN3063" s="53"/>
      <c r="BO3063" s="53"/>
      <c r="BP3063" s="53"/>
      <c r="BQ3063" s="53"/>
      <c r="BR3063" s="53"/>
      <c r="BS3063" s="53"/>
      <c r="BT3063" s="53"/>
      <c r="BU3063" s="53"/>
      <c r="BV3063" s="53"/>
      <c r="BW3063" s="53"/>
      <c r="BX3063" s="53"/>
      <c r="BY3063" s="53"/>
      <c r="BZ3063" s="53"/>
      <c r="CA3063" s="53"/>
      <c r="CB3063" s="53"/>
      <c r="CC3063" s="53"/>
      <c r="CD3063" s="53"/>
      <c r="CE3063" s="53"/>
      <c r="CF3063" s="53"/>
      <c r="CG3063" s="53"/>
      <c r="CH3063" s="53"/>
      <c r="CI3063" s="53"/>
      <c r="CJ3063" s="53"/>
      <c r="CK3063" s="53"/>
      <c r="CL3063" s="53"/>
      <c r="CM3063" s="53"/>
      <c r="CN3063" s="53"/>
    </row>
    <row r="3064" spans="1:92">
      <c r="A3064" s="52" t="s">
        <v>649</v>
      </c>
      <c r="B3064" s="53"/>
      <c r="C3064" s="53"/>
      <c r="D3064" s="53"/>
      <c r="E3064" s="53"/>
      <c r="F3064" s="53"/>
      <c r="G3064" s="53"/>
      <c r="H3064" s="53"/>
      <c r="I3064" s="53"/>
      <c r="J3064" s="53"/>
      <c r="K3064" s="53"/>
      <c r="L3064" s="53"/>
      <c r="M3064" s="53"/>
      <c r="N3064" s="53"/>
      <c r="O3064" s="53"/>
      <c r="P3064" s="53"/>
      <c r="Q3064" s="53"/>
      <c r="R3064" s="53"/>
      <c r="S3064" s="53"/>
      <c r="T3064" s="53"/>
      <c r="U3064" s="53"/>
      <c r="V3064" s="53"/>
      <c r="W3064" s="53"/>
      <c r="X3064" s="53"/>
      <c r="Y3064" s="53"/>
      <c r="Z3064" s="53">
        <v>-2452678.4923239001</v>
      </c>
      <c r="AA3064" s="53">
        <v>-2452678.4923239001</v>
      </c>
      <c r="AB3064" s="53"/>
      <c r="AC3064" s="53"/>
      <c r="AD3064" s="53"/>
      <c r="AE3064" s="53"/>
      <c r="AF3064" s="53"/>
      <c r="AG3064" s="53"/>
      <c r="AH3064" s="53"/>
      <c r="AI3064" s="53"/>
      <c r="AJ3064" s="53"/>
      <c r="AK3064" s="53"/>
      <c r="AL3064" s="53"/>
      <c r="AM3064" s="53">
        <v>-12211613.409646699</v>
      </c>
      <c r="AN3064" s="53">
        <v>-12211613.409646699</v>
      </c>
      <c r="AO3064" s="53"/>
      <c r="AP3064" s="53"/>
      <c r="AQ3064" s="53"/>
      <c r="AR3064" s="53"/>
      <c r="AS3064" s="53"/>
      <c r="AT3064" s="53"/>
      <c r="AU3064" s="53"/>
      <c r="AV3064" s="53"/>
      <c r="AW3064" s="53"/>
      <c r="AX3064" s="53"/>
      <c r="AY3064" s="53"/>
      <c r="AZ3064" s="53">
        <v>-1032080.95795413</v>
      </c>
      <c r="BA3064" s="53">
        <v>-1032080.95795413</v>
      </c>
      <c r="BB3064" s="53"/>
      <c r="BC3064" s="53"/>
      <c r="BD3064" s="53"/>
      <c r="BE3064" s="53"/>
      <c r="BF3064" s="53"/>
      <c r="BG3064" s="53"/>
      <c r="BH3064" s="53"/>
      <c r="BI3064" s="53"/>
      <c r="BJ3064" s="53"/>
      <c r="BK3064" s="53"/>
      <c r="BL3064" s="53"/>
      <c r="BM3064" s="53"/>
      <c r="BN3064" s="53"/>
      <c r="BO3064" s="53"/>
      <c r="BP3064" s="53"/>
      <c r="BQ3064" s="53"/>
      <c r="BR3064" s="53"/>
      <c r="BS3064" s="53"/>
      <c r="BT3064" s="53"/>
      <c r="BU3064" s="53"/>
      <c r="BV3064" s="53"/>
      <c r="BW3064" s="53"/>
      <c r="BX3064" s="53"/>
      <c r="BY3064" s="53"/>
      <c r="BZ3064" s="53">
        <v>-55635372.030196197</v>
      </c>
      <c r="CA3064" s="53">
        <v>-55635372.030196197</v>
      </c>
      <c r="CB3064" s="53">
        <v>-44492.666666666497</v>
      </c>
      <c r="CC3064" s="53">
        <v>-44492.666666666497</v>
      </c>
      <c r="CD3064" s="53">
        <v>-44492.666666666497</v>
      </c>
      <c r="CE3064" s="53">
        <v>-44492.666666666497</v>
      </c>
      <c r="CF3064" s="53">
        <v>-44492.666666666497</v>
      </c>
      <c r="CG3064" s="53">
        <v>-44492.666666666497</v>
      </c>
      <c r="CH3064" s="53">
        <v>-44492.666666666497</v>
      </c>
      <c r="CI3064" s="53">
        <v>-44492.666666666497</v>
      </c>
      <c r="CJ3064" s="53">
        <v>-44492.666666666497</v>
      </c>
      <c r="CK3064" s="53">
        <v>-44492.666666666497</v>
      </c>
      <c r="CL3064" s="53">
        <v>-44492.666666666497</v>
      </c>
      <c r="CM3064" s="53">
        <v>-44492.666666666497</v>
      </c>
      <c r="CN3064" s="53">
        <v>-533911.99999999895</v>
      </c>
    </row>
    <row r="3065" spans="1:92" outlineLevel="1">
      <c r="A3065" s="52" t="s">
        <v>1683</v>
      </c>
      <c r="B3065" s="53"/>
      <c r="C3065" s="53"/>
      <c r="D3065" s="53"/>
      <c r="E3065" s="53"/>
      <c r="F3065" s="53"/>
      <c r="G3065" s="53"/>
      <c r="H3065" s="53"/>
      <c r="I3065" s="53"/>
      <c r="J3065" s="53"/>
      <c r="K3065" s="53"/>
      <c r="L3065" s="53"/>
      <c r="M3065" s="53"/>
      <c r="N3065" s="53"/>
      <c r="O3065" s="53"/>
      <c r="P3065" s="53"/>
      <c r="Q3065" s="53"/>
      <c r="R3065" s="53"/>
      <c r="S3065" s="53"/>
      <c r="T3065" s="53"/>
      <c r="U3065" s="53"/>
      <c r="V3065" s="53"/>
      <c r="W3065" s="53"/>
      <c r="X3065" s="53"/>
      <c r="Y3065" s="53"/>
      <c r="Z3065" s="53"/>
      <c r="AA3065" s="53"/>
      <c r="AB3065" s="53"/>
      <c r="AC3065" s="53"/>
      <c r="AD3065" s="53"/>
      <c r="AE3065" s="53"/>
      <c r="AF3065" s="53"/>
      <c r="AG3065" s="53"/>
      <c r="AH3065" s="53"/>
      <c r="AI3065" s="53"/>
      <c r="AJ3065" s="53"/>
      <c r="AK3065" s="53"/>
      <c r="AL3065" s="53"/>
      <c r="AM3065" s="53"/>
      <c r="AN3065" s="53"/>
      <c r="AO3065" s="53"/>
      <c r="AP3065" s="53"/>
      <c r="AQ3065" s="53"/>
      <c r="AR3065" s="53"/>
      <c r="AS3065" s="53"/>
      <c r="AT3065" s="53"/>
      <c r="AU3065" s="53"/>
      <c r="AV3065" s="53"/>
      <c r="AW3065" s="53"/>
      <c r="AX3065" s="53"/>
      <c r="AY3065" s="53"/>
      <c r="AZ3065" s="53"/>
      <c r="BA3065" s="53"/>
      <c r="BB3065" s="53"/>
      <c r="BC3065" s="53"/>
      <c r="BD3065" s="53"/>
      <c r="BE3065" s="53"/>
      <c r="BF3065" s="53"/>
      <c r="BG3065" s="53"/>
      <c r="BH3065" s="53"/>
      <c r="BI3065" s="53"/>
      <c r="BJ3065" s="53"/>
      <c r="BK3065" s="53"/>
      <c r="BL3065" s="53"/>
      <c r="BM3065" s="53"/>
      <c r="BN3065" s="53"/>
      <c r="BO3065" s="53"/>
      <c r="BP3065" s="53"/>
      <c r="BQ3065" s="53"/>
      <c r="BR3065" s="53"/>
      <c r="BS3065" s="53"/>
      <c r="BT3065" s="53"/>
      <c r="BU3065" s="53"/>
      <c r="BV3065" s="53"/>
      <c r="BW3065" s="53"/>
      <c r="BX3065" s="53"/>
      <c r="BY3065" s="53"/>
      <c r="BZ3065" s="53"/>
      <c r="CA3065" s="53"/>
      <c r="CB3065" s="53"/>
      <c r="CC3065" s="53"/>
      <c r="CD3065" s="53"/>
      <c r="CE3065" s="53"/>
      <c r="CF3065" s="53"/>
      <c r="CG3065" s="53"/>
      <c r="CH3065" s="53"/>
      <c r="CI3065" s="53"/>
      <c r="CJ3065" s="53"/>
      <c r="CK3065" s="53"/>
      <c r="CL3065" s="53"/>
      <c r="CM3065" s="53"/>
      <c r="CN3065" s="53"/>
    </row>
    <row r="3066" spans="1:92" outlineLevel="1">
      <c r="A3066" s="52" t="s">
        <v>649</v>
      </c>
      <c r="B3066" s="53"/>
      <c r="C3066" s="53"/>
      <c r="D3066" s="53">
        <v>5742246</v>
      </c>
      <c r="E3066" s="53"/>
      <c r="F3066" s="53"/>
      <c r="G3066" s="53">
        <v>5742246</v>
      </c>
      <c r="H3066" s="53"/>
      <c r="I3066" s="53"/>
      <c r="J3066" s="53">
        <v>5742246</v>
      </c>
      <c r="K3066" s="53"/>
      <c r="L3066" s="53">
        <v>3828164</v>
      </c>
      <c r="M3066" s="53">
        <v>22968984</v>
      </c>
      <c r="N3066" s="53">
        <v>44023886</v>
      </c>
      <c r="O3066" s="53">
        <v>1722498.58333333</v>
      </c>
      <c r="P3066" s="53">
        <v>1722498.58333333</v>
      </c>
      <c r="Q3066" s="53">
        <v>1722498.58333333</v>
      </c>
      <c r="R3066" s="53">
        <v>1722498.58333333</v>
      </c>
      <c r="S3066" s="53">
        <v>1722498.58333333</v>
      </c>
      <c r="T3066" s="53">
        <v>1722498.58333333</v>
      </c>
      <c r="U3066" s="53">
        <v>1722498.58333333</v>
      </c>
      <c r="V3066" s="53">
        <v>1722498.58333333</v>
      </c>
      <c r="W3066" s="53">
        <v>1722498.58333333</v>
      </c>
      <c r="X3066" s="53">
        <v>1722498.58333333</v>
      </c>
      <c r="Y3066" s="53">
        <v>1722498.58333333</v>
      </c>
      <c r="Z3066" s="53">
        <v>1722498.58333333</v>
      </c>
      <c r="AA3066" s="53">
        <v>20669983</v>
      </c>
      <c r="AB3066" s="53">
        <v>1758987.74999999</v>
      </c>
      <c r="AC3066" s="53">
        <v>1758987.74999999</v>
      </c>
      <c r="AD3066" s="53">
        <v>1758987.74999999</v>
      </c>
      <c r="AE3066" s="53">
        <v>1758987.74999999</v>
      </c>
      <c r="AF3066" s="53">
        <v>1758987.74999999</v>
      </c>
      <c r="AG3066" s="53">
        <v>1758987.74999999</v>
      </c>
      <c r="AH3066" s="53">
        <v>1758987.74999999</v>
      </c>
      <c r="AI3066" s="53">
        <v>1758987.74999999</v>
      </c>
      <c r="AJ3066" s="53">
        <v>1758987.74999999</v>
      </c>
      <c r="AK3066" s="53">
        <v>1758987.74999999</v>
      </c>
      <c r="AL3066" s="53">
        <v>1758987.74999999</v>
      </c>
      <c r="AM3066" s="53">
        <v>1758987.74999999</v>
      </c>
      <c r="AN3066" s="53">
        <v>21107853</v>
      </c>
      <c r="AO3066" s="53">
        <v>1792607.99999999</v>
      </c>
      <c r="AP3066" s="53">
        <v>1792607.99999999</v>
      </c>
      <c r="AQ3066" s="53">
        <v>1792607.99999999</v>
      </c>
      <c r="AR3066" s="53">
        <v>1792607.99999999</v>
      </c>
      <c r="AS3066" s="53">
        <v>1792607.99999999</v>
      </c>
      <c r="AT3066" s="53">
        <v>1792607.99999999</v>
      </c>
      <c r="AU3066" s="53">
        <v>1792607.99999999</v>
      </c>
      <c r="AV3066" s="53">
        <v>1792607.99999999</v>
      </c>
      <c r="AW3066" s="53">
        <v>1792607.99999999</v>
      </c>
      <c r="AX3066" s="53">
        <v>1792607.99999999</v>
      </c>
      <c r="AY3066" s="53">
        <v>1792607.99999999</v>
      </c>
      <c r="AZ3066" s="53">
        <v>1792607.99999999</v>
      </c>
      <c r="BA3066" s="53">
        <v>21511296</v>
      </c>
      <c r="BB3066" s="53">
        <v>1874453.91666666</v>
      </c>
      <c r="BC3066" s="53">
        <v>1874453.91666666</v>
      </c>
      <c r="BD3066" s="53">
        <v>1874453.91666666</v>
      </c>
      <c r="BE3066" s="53">
        <v>1874453.91666666</v>
      </c>
      <c r="BF3066" s="53">
        <v>1874453.91666666</v>
      </c>
      <c r="BG3066" s="53">
        <v>1874453.91666666</v>
      </c>
      <c r="BH3066" s="53">
        <v>1874453.91666666</v>
      </c>
      <c r="BI3066" s="53">
        <v>1874453.91666666</v>
      </c>
      <c r="BJ3066" s="53">
        <v>1874453.91666666</v>
      </c>
      <c r="BK3066" s="53">
        <v>1874453.91666666</v>
      </c>
      <c r="BL3066" s="53">
        <v>1874453.91666666</v>
      </c>
      <c r="BM3066" s="53">
        <v>1874453.91666666</v>
      </c>
      <c r="BN3066" s="53">
        <v>22493446.999999899</v>
      </c>
      <c r="BO3066" s="53">
        <v>1905986.91666666</v>
      </c>
      <c r="BP3066" s="53">
        <v>1905986.91666666</v>
      </c>
      <c r="BQ3066" s="53">
        <v>1905986.91666666</v>
      </c>
      <c r="BR3066" s="53">
        <v>1905986.91666666</v>
      </c>
      <c r="BS3066" s="53">
        <v>1905986.91666666</v>
      </c>
      <c r="BT3066" s="53">
        <v>1905986.91666666</v>
      </c>
      <c r="BU3066" s="53">
        <v>1905986.91666666</v>
      </c>
      <c r="BV3066" s="53">
        <v>1905986.91666666</v>
      </c>
      <c r="BW3066" s="53">
        <v>1905986.91666666</v>
      </c>
      <c r="BX3066" s="53">
        <v>1905986.91666666</v>
      </c>
      <c r="BY3066" s="53">
        <v>1905986.91666666</v>
      </c>
      <c r="BZ3066" s="53">
        <v>1905986.91666666</v>
      </c>
      <c r="CA3066" s="53">
        <v>22871843</v>
      </c>
      <c r="CB3066" s="53"/>
      <c r="CC3066" s="53"/>
      <c r="CD3066" s="53"/>
      <c r="CE3066" s="53"/>
      <c r="CF3066" s="53"/>
      <c r="CG3066" s="53"/>
      <c r="CH3066" s="53"/>
      <c r="CI3066" s="53"/>
      <c r="CJ3066" s="53"/>
      <c r="CK3066" s="53"/>
      <c r="CL3066" s="53"/>
      <c r="CM3066" s="53"/>
      <c r="CN3066" s="53"/>
    </row>
    <row r="3067" spans="1:92" outlineLevel="1">
      <c r="A3067" s="52" t="s">
        <v>1684</v>
      </c>
      <c r="B3067" s="53"/>
      <c r="C3067" s="53"/>
      <c r="D3067" s="53"/>
      <c r="E3067" s="53"/>
      <c r="F3067" s="53"/>
      <c r="G3067" s="53"/>
      <c r="H3067" s="53"/>
      <c r="I3067" s="53"/>
      <c r="J3067" s="53"/>
      <c r="K3067" s="53"/>
      <c r="L3067" s="53"/>
      <c r="M3067" s="53"/>
      <c r="N3067" s="53"/>
      <c r="O3067" s="53"/>
      <c r="P3067" s="53"/>
      <c r="Q3067" s="53"/>
      <c r="R3067" s="53"/>
      <c r="S3067" s="53"/>
      <c r="T3067" s="53"/>
      <c r="U3067" s="53"/>
      <c r="V3067" s="53"/>
      <c r="W3067" s="53"/>
      <c r="X3067" s="53"/>
      <c r="Y3067" s="53"/>
      <c r="Z3067" s="53"/>
      <c r="AA3067" s="53"/>
      <c r="AB3067" s="53"/>
      <c r="AC3067" s="53"/>
      <c r="AD3067" s="53"/>
      <c r="AE3067" s="53"/>
      <c r="AF3067" s="53"/>
      <c r="AG3067" s="53"/>
      <c r="AH3067" s="53"/>
      <c r="AI3067" s="53"/>
      <c r="AJ3067" s="53"/>
      <c r="AK3067" s="53"/>
      <c r="AL3067" s="53"/>
      <c r="AM3067" s="53"/>
      <c r="AN3067" s="53"/>
      <c r="AO3067" s="53"/>
      <c r="AP3067" s="53"/>
      <c r="AQ3067" s="53"/>
      <c r="AR3067" s="53"/>
      <c r="AS3067" s="53"/>
      <c r="AT3067" s="53"/>
      <c r="AU3067" s="53"/>
      <c r="AV3067" s="53"/>
      <c r="AW3067" s="53"/>
      <c r="AX3067" s="53"/>
      <c r="AY3067" s="53"/>
      <c r="AZ3067" s="53"/>
      <c r="BA3067" s="53"/>
      <c r="BB3067" s="53"/>
      <c r="BC3067" s="53"/>
      <c r="BD3067" s="53"/>
      <c r="BE3067" s="53"/>
      <c r="BF3067" s="53"/>
      <c r="BG3067" s="53"/>
      <c r="BH3067" s="53"/>
      <c r="BI3067" s="53"/>
      <c r="BJ3067" s="53"/>
      <c r="BK3067" s="53"/>
      <c r="BL3067" s="53"/>
      <c r="BM3067" s="53"/>
      <c r="BN3067" s="53"/>
      <c r="BO3067" s="53"/>
      <c r="BP3067" s="53"/>
      <c r="BQ3067" s="53"/>
      <c r="BR3067" s="53"/>
      <c r="BS3067" s="53"/>
      <c r="BT3067" s="53"/>
      <c r="BU3067" s="53"/>
      <c r="BV3067" s="53"/>
      <c r="BW3067" s="53"/>
      <c r="BX3067" s="53"/>
      <c r="BY3067" s="53"/>
      <c r="BZ3067" s="53"/>
      <c r="CA3067" s="53"/>
      <c r="CB3067" s="53"/>
      <c r="CC3067" s="53"/>
      <c r="CD3067" s="53"/>
      <c r="CE3067" s="53"/>
      <c r="CF3067" s="53"/>
      <c r="CG3067" s="53"/>
      <c r="CH3067" s="53"/>
      <c r="CI3067" s="53"/>
      <c r="CJ3067" s="53"/>
      <c r="CK3067" s="53"/>
      <c r="CL3067" s="53"/>
      <c r="CM3067" s="53"/>
      <c r="CN3067" s="53"/>
    </row>
    <row r="3068" spans="1:92" outlineLevel="1">
      <c r="A3068" s="52" t="s">
        <v>649</v>
      </c>
      <c r="B3068" s="53"/>
      <c r="C3068" s="53"/>
      <c r="D3068" s="53">
        <v>8949540</v>
      </c>
      <c r="E3068" s="53"/>
      <c r="F3068" s="53"/>
      <c r="G3068" s="53">
        <v>8949540</v>
      </c>
      <c r="H3068" s="53"/>
      <c r="I3068" s="53"/>
      <c r="J3068" s="53">
        <v>8949540</v>
      </c>
      <c r="K3068" s="53"/>
      <c r="L3068" s="53">
        <v>5966360</v>
      </c>
      <c r="M3068" s="53">
        <v>35798160</v>
      </c>
      <c r="N3068" s="53">
        <v>68613140</v>
      </c>
      <c r="O3068" s="53"/>
      <c r="P3068" s="53"/>
      <c r="Q3068" s="53"/>
      <c r="R3068" s="53"/>
      <c r="S3068" s="53"/>
      <c r="T3068" s="53"/>
      <c r="U3068" s="53"/>
      <c r="V3068" s="53"/>
      <c r="W3068" s="53"/>
      <c r="X3068" s="53"/>
      <c r="Y3068" s="53"/>
      <c r="Z3068" s="53"/>
      <c r="AA3068" s="53"/>
      <c r="AB3068" s="53"/>
      <c r="AC3068" s="53"/>
      <c r="AD3068" s="53"/>
      <c r="AE3068" s="53"/>
      <c r="AF3068" s="53"/>
      <c r="AG3068" s="53"/>
      <c r="AH3068" s="53"/>
      <c r="AI3068" s="53"/>
      <c r="AJ3068" s="53"/>
      <c r="AK3068" s="53"/>
      <c r="AL3068" s="53"/>
      <c r="AM3068" s="53"/>
      <c r="AN3068" s="53"/>
      <c r="AO3068" s="53"/>
      <c r="AP3068" s="53"/>
      <c r="AQ3068" s="53"/>
      <c r="AR3068" s="53"/>
      <c r="AS3068" s="53"/>
      <c r="AT3068" s="53"/>
      <c r="AU3068" s="53"/>
      <c r="AV3068" s="53"/>
      <c r="AW3068" s="53"/>
      <c r="AX3068" s="53"/>
      <c r="AY3068" s="53"/>
      <c r="AZ3068" s="53"/>
      <c r="BA3068" s="53"/>
      <c r="BB3068" s="53"/>
      <c r="BC3068" s="53"/>
      <c r="BD3068" s="53"/>
      <c r="BE3068" s="53"/>
      <c r="BF3068" s="53"/>
      <c r="BG3068" s="53"/>
      <c r="BH3068" s="53"/>
      <c r="BI3068" s="53"/>
      <c r="BJ3068" s="53"/>
      <c r="BK3068" s="53"/>
      <c r="BL3068" s="53"/>
      <c r="BM3068" s="53"/>
      <c r="BN3068" s="53"/>
      <c r="BO3068" s="53"/>
      <c r="BP3068" s="53"/>
      <c r="BQ3068" s="53"/>
      <c r="BR3068" s="53"/>
      <c r="BS3068" s="53"/>
      <c r="BT3068" s="53"/>
      <c r="BU3068" s="53"/>
      <c r="BV3068" s="53"/>
      <c r="BW3068" s="53"/>
      <c r="BX3068" s="53"/>
      <c r="BY3068" s="53"/>
      <c r="BZ3068" s="53"/>
      <c r="CA3068" s="53"/>
      <c r="CB3068" s="53">
        <v>480333998.9892</v>
      </c>
      <c r="CC3068" s="53">
        <v>478410602.99623799</v>
      </c>
      <c r="CD3068" s="53">
        <v>475453786.697514</v>
      </c>
      <c r="CE3068" s="53">
        <v>472511835.48353797</v>
      </c>
      <c r="CF3068" s="53">
        <v>470295637.33695197</v>
      </c>
      <c r="CG3068" s="53">
        <v>468088908.17411202</v>
      </c>
      <c r="CH3068" s="53">
        <v>466059318.82581902</v>
      </c>
      <c r="CI3068" s="53">
        <v>464732001.19485098</v>
      </c>
      <c r="CJ3068" s="53">
        <v>463902706.91048998</v>
      </c>
      <c r="CK3068" s="53">
        <v>462383182.04988998</v>
      </c>
      <c r="CL3068" s="53">
        <v>461326709.93054998</v>
      </c>
      <c r="CM3068" s="53">
        <v>460862067.40684599</v>
      </c>
      <c r="CN3068" s="53">
        <v>460862067.40684599</v>
      </c>
    </row>
    <row r="3069" spans="1:92" outlineLevel="1">
      <c r="A3069" s="52" t="s">
        <v>1685</v>
      </c>
      <c r="B3069" s="53"/>
      <c r="C3069" s="53"/>
      <c r="D3069" s="53"/>
      <c r="E3069" s="53"/>
      <c r="F3069" s="53"/>
      <c r="G3069" s="53"/>
      <c r="H3069" s="53"/>
      <c r="I3069" s="53"/>
      <c r="J3069" s="53"/>
      <c r="K3069" s="53"/>
      <c r="L3069" s="53"/>
      <c r="M3069" s="53"/>
      <c r="N3069" s="53"/>
      <c r="O3069" s="53"/>
      <c r="P3069" s="53"/>
      <c r="Q3069" s="53"/>
      <c r="R3069" s="53"/>
      <c r="S3069" s="53"/>
      <c r="T3069" s="53"/>
      <c r="U3069" s="53"/>
      <c r="V3069" s="53"/>
      <c r="W3069" s="53"/>
      <c r="X3069" s="53"/>
      <c r="Y3069" s="53"/>
      <c r="Z3069" s="53"/>
      <c r="AA3069" s="53"/>
      <c r="AB3069" s="53"/>
      <c r="AC3069" s="53"/>
      <c r="AD3069" s="53"/>
      <c r="AE3069" s="53"/>
      <c r="AF3069" s="53"/>
      <c r="AG3069" s="53"/>
      <c r="AH3069" s="53"/>
      <c r="AI3069" s="53"/>
      <c r="AJ3069" s="53"/>
      <c r="AK3069" s="53"/>
      <c r="AL3069" s="53"/>
      <c r="AM3069" s="53"/>
      <c r="AN3069" s="53"/>
      <c r="AO3069" s="53"/>
      <c r="AP3069" s="53"/>
      <c r="AQ3069" s="53"/>
      <c r="AR3069" s="53"/>
      <c r="AS3069" s="53"/>
      <c r="AT3069" s="53"/>
      <c r="AU3069" s="53"/>
      <c r="AV3069" s="53"/>
      <c r="AW3069" s="53"/>
      <c r="AX3069" s="53"/>
      <c r="AY3069" s="53"/>
      <c r="AZ3069" s="53"/>
      <c r="BA3069" s="53"/>
      <c r="BB3069" s="53"/>
      <c r="BC3069" s="53"/>
      <c r="BD3069" s="53"/>
      <c r="BE3069" s="53"/>
      <c r="BF3069" s="53"/>
      <c r="BG3069" s="53"/>
      <c r="BH3069" s="53"/>
      <c r="BI3069" s="53"/>
      <c r="BJ3069" s="53"/>
      <c r="BK3069" s="53"/>
      <c r="BL3069" s="53"/>
      <c r="BM3069" s="53"/>
      <c r="BN3069" s="53"/>
      <c r="BO3069" s="53"/>
      <c r="BP3069" s="53"/>
      <c r="BQ3069" s="53"/>
      <c r="BR3069" s="53"/>
      <c r="BS3069" s="53"/>
      <c r="BT3069" s="53"/>
      <c r="BU3069" s="53"/>
      <c r="BV3069" s="53"/>
      <c r="BW3069" s="53"/>
      <c r="BX3069" s="53"/>
      <c r="BY3069" s="53"/>
      <c r="BZ3069" s="53"/>
      <c r="CA3069" s="53"/>
      <c r="CB3069" s="53"/>
      <c r="CC3069" s="53"/>
      <c r="CD3069" s="53"/>
      <c r="CE3069" s="53"/>
      <c r="CF3069" s="53"/>
      <c r="CG3069" s="53"/>
      <c r="CH3069" s="53"/>
      <c r="CI3069" s="53"/>
      <c r="CJ3069" s="53"/>
      <c r="CK3069" s="53"/>
      <c r="CL3069" s="53"/>
      <c r="CM3069" s="53"/>
      <c r="CN3069" s="53"/>
    </row>
    <row r="3070" spans="1:92">
      <c r="A3070" s="52" t="s">
        <v>649</v>
      </c>
      <c r="B3070" s="53"/>
      <c r="C3070" s="53"/>
      <c r="D3070" s="53"/>
      <c r="E3070" s="53"/>
      <c r="F3070" s="53"/>
      <c r="G3070" s="53"/>
      <c r="H3070" s="53"/>
      <c r="I3070" s="53"/>
      <c r="J3070" s="53"/>
      <c r="K3070" s="53"/>
      <c r="L3070" s="53"/>
      <c r="M3070" s="53"/>
      <c r="N3070" s="53"/>
      <c r="O3070" s="53">
        <v>90657.833333333299</v>
      </c>
      <c r="P3070" s="53">
        <v>90657.833333333299</v>
      </c>
      <c r="Q3070" s="53">
        <v>90657.833333333299</v>
      </c>
      <c r="R3070" s="53">
        <v>90657.833333333299</v>
      </c>
      <c r="S3070" s="53">
        <v>90657.833333333299</v>
      </c>
      <c r="T3070" s="53">
        <v>90657.833333333299</v>
      </c>
      <c r="U3070" s="53">
        <v>90657.833333333299</v>
      </c>
      <c r="V3070" s="53">
        <v>90657.833333333299</v>
      </c>
      <c r="W3070" s="53">
        <v>90657.833333333299</v>
      </c>
      <c r="X3070" s="53">
        <v>90657.833333333299</v>
      </c>
      <c r="Y3070" s="53">
        <v>90657.833333333299</v>
      </c>
      <c r="Z3070" s="53">
        <v>90657.833333333299</v>
      </c>
      <c r="AA3070" s="53">
        <v>1087894</v>
      </c>
      <c r="AB3070" s="53">
        <v>68152.333333333299</v>
      </c>
      <c r="AC3070" s="53">
        <v>68152.333333333299</v>
      </c>
      <c r="AD3070" s="53">
        <v>68152.333333333299</v>
      </c>
      <c r="AE3070" s="53">
        <v>68152.333333333299</v>
      </c>
      <c r="AF3070" s="53">
        <v>68152.333333333299</v>
      </c>
      <c r="AG3070" s="53">
        <v>68152.333333333299</v>
      </c>
      <c r="AH3070" s="53">
        <v>68152.333333333299</v>
      </c>
      <c r="AI3070" s="53">
        <v>68152.333333333299</v>
      </c>
      <c r="AJ3070" s="53">
        <v>68152.333333333299</v>
      </c>
      <c r="AK3070" s="53">
        <v>68152.333333333299</v>
      </c>
      <c r="AL3070" s="53">
        <v>68152.333333333299</v>
      </c>
      <c r="AM3070" s="53">
        <v>68152.333333333299</v>
      </c>
      <c r="AN3070" s="53">
        <v>817828</v>
      </c>
      <c r="AO3070" s="53">
        <v>69454.916666666599</v>
      </c>
      <c r="AP3070" s="53">
        <v>69454.916666666599</v>
      </c>
      <c r="AQ3070" s="53">
        <v>69454.916666666599</v>
      </c>
      <c r="AR3070" s="53">
        <v>69454.916666666599</v>
      </c>
      <c r="AS3070" s="53">
        <v>69454.916666666599</v>
      </c>
      <c r="AT3070" s="53">
        <v>69454.916666666599</v>
      </c>
      <c r="AU3070" s="53">
        <v>69454.916666666599</v>
      </c>
      <c r="AV3070" s="53">
        <v>69454.916666666599</v>
      </c>
      <c r="AW3070" s="53">
        <v>69454.916666666599</v>
      </c>
      <c r="AX3070" s="53">
        <v>69454.916666666599</v>
      </c>
      <c r="AY3070" s="53">
        <v>69454.916666666599</v>
      </c>
      <c r="AZ3070" s="53">
        <v>69454.916666666599</v>
      </c>
      <c r="BA3070" s="53">
        <v>833459</v>
      </c>
      <c r="BB3070" s="53">
        <v>72626.083333333299</v>
      </c>
      <c r="BC3070" s="53">
        <v>72626.083333333299</v>
      </c>
      <c r="BD3070" s="53">
        <v>72626.083333333299</v>
      </c>
      <c r="BE3070" s="53">
        <v>72626.083333333299</v>
      </c>
      <c r="BF3070" s="53">
        <v>72626.083333333299</v>
      </c>
      <c r="BG3070" s="53">
        <v>72626.083333333299</v>
      </c>
      <c r="BH3070" s="53">
        <v>72626.083333333299</v>
      </c>
      <c r="BI3070" s="53">
        <v>72626.083333333299</v>
      </c>
      <c r="BJ3070" s="53">
        <v>72626.083333333299</v>
      </c>
      <c r="BK3070" s="53">
        <v>72626.083333333299</v>
      </c>
      <c r="BL3070" s="53">
        <v>72626.083333333299</v>
      </c>
      <c r="BM3070" s="53">
        <v>72626.083333333299</v>
      </c>
      <c r="BN3070" s="53">
        <v>871512.99999999895</v>
      </c>
      <c r="BO3070" s="53">
        <v>73847.833333333299</v>
      </c>
      <c r="BP3070" s="53">
        <v>73847.833333333299</v>
      </c>
      <c r="BQ3070" s="53">
        <v>73847.833333333299</v>
      </c>
      <c r="BR3070" s="53">
        <v>73847.833333333299</v>
      </c>
      <c r="BS3070" s="53">
        <v>73847.833333333299</v>
      </c>
      <c r="BT3070" s="53">
        <v>73847.833333333299</v>
      </c>
      <c r="BU3070" s="53">
        <v>73847.833333333299</v>
      </c>
      <c r="BV3070" s="53">
        <v>73847.833333333299</v>
      </c>
      <c r="BW3070" s="53">
        <v>73847.833333333299</v>
      </c>
      <c r="BX3070" s="53">
        <v>73847.833333333299</v>
      </c>
      <c r="BY3070" s="53">
        <v>73847.833333333299</v>
      </c>
      <c r="BZ3070" s="53">
        <v>73847.833333333299</v>
      </c>
      <c r="CA3070" s="53">
        <v>886174</v>
      </c>
      <c r="CB3070" s="53">
        <v>19370528.640000001</v>
      </c>
      <c r="CC3070" s="53">
        <v>19370528.640000001</v>
      </c>
      <c r="CD3070" s="53">
        <v>19370528.640000001</v>
      </c>
      <c r="CE3070" s="53">
        <v>19370528.640000001</v>
      </c>
      <c r="CF3070" s="53">
        <v>19370528.640000001</v>
      </c>
      <c r="CG3070" s="53">
        <v>19370528.640000001</v>
      </c>
      <c r="CH3070" s="53">
        <v>19370528.640000001</v>
      </c>
      <c r="CI3070" s="53">
        <v>19370528.640000001</v>
      </c>
      <c r="CJ3070" s="53">
        <v>19370528.640000001</v>
      </c>
      <c r="CK3070" s="53">
        <v>19370528.640000001</v>
      </c>
      <c r="CL3070" s="53">
        <v>19370528.640000001</v>
      </c>
      <c r="CM3070" s="53">
        <v>19370528.640000001</v>
      </c>
      <c r="CN3070" s="53">
        <v>19370528.640000001</v>
      </c>
    </row>
    <row r="3071" spans="1:92">
      <c r="A3071" s="52" t="s">
        <v>1686</v>
      </c>
      <c r="B3071" s="53"/>
      <c r="C3071" s="53"/>
      <c r="D3071" s="53"/>
      <c r="E3071" s="53"/>
      <c r="F3071" s="53"/>
      <c r="G3071" s="53"/>
      <c r="H3071" s="53"/>
      <c r="I3071" s="53"/>
      <c r="J3071" s="53"/>
      <c r="K3071" s="53"/>
      <c r="L3071" s="53"/>
      <c r="M3071" s="53"/>
      <c r="N3071" s="53"/>
      <c r="O3071" s="53"/>
      <c r="P3071" s="53"/>
      <c r="Q3071" s="53"/>
      <c r="R3071" s="53"/>
      <c r="S3071" s="53"/>
      <c r="T3071" s="53"/>
      <c r="U3071" s="53"/>
      <c r="V3071" s="53"/>
      <c r="W3071" s="53"/>
      <c r="X3071" s="53"/>
      <c r="Y3071" s="53"/>
      <c r="Z3071" s="53"/>
      <c r="AA3071" s="53"/>
      <c r="AB3071" s="53"/>
      <c r="AC3071" s="53"/>
      <c r="AD3071" s="53"/>
      <c r="AE3071" s="53"/>
      <c r="AF3071" s="53"/>
      <c r="AG3071" s="53"/>
      <c r="AH3071" s="53"/>
      <c r="AI3071" s="53"/>
      <c r="AJ3071" s="53"/>
      <c r="AK3071" s="53"/>
      <c r="AL3071" s="53"/>
      <c r="AM3071" s="53"/>
      <c r="AN3071" s="53"/>
      <c r="AO3071" s="53"/>
      <c r="AP3071" s="53"/>
      <c r="AQ3071" s="53"/>
      <c r="AR3071" s="53"/>
      <c r="AS3071" s="53"/>
      <c r="AT3071" s="53"/>
      <c r="AU3071" s="53"/>
      <c r="AV3071" s="53"/>
      <c r="AW3071" s="53"/>
      <c r="AX3071" s="53"/>
      <c r="AY3071" s="53"/>
      <c r="AZ3071" s="53"/>
      <c r="BA3071" s="53"/>
      <c r="BB3071" s="53"/>
      <c r="BC3071" s="53"/>
      <c r="BD3071" s="53"/>
      <c r="BE3071" s="53"/>
      <c r="BF3071" s="53"/>
      <c r="BG3071" s="53"/>
      <c r="BH3071" s="53"/>
      <c r="BI3071" s="53"/>
      <c r="BJ3071" s="53"/>
      <c r="BK3071" s="53"/>
      <c r="BL3071" s="53"/>
      <c r="BM3071" s="53"/>
      <c r="BN3071" s="53"/>
      <c r="BO3071" s="53"/>
      <c r="BP3071" s="53"/>
      <c r="BQ3071" s="53"/>
      <c r="BR3071" s="53"/>
      <c r="BS3071" s="53"/>
      <c r="BT3071" s="53"/>
      <c r="BU3071" s="53"/>
      <c r="BV3071" s="53"/>
      <c r="BW3071" s="53"/>
      <c r="BX3071" s="53"/>
      <c r="BY3071" s="53"/>
      <c r="BZ3071" s="53"/>
      <c r="CA3071" s="53"/>
      <c r="CB3071" s="53">
        <v>62123132.583999999</v>
      </c>
      <c r="CC3071" s="53">
        <v>61413031.463886701</v>
      </c>
      <c r="CD3071" s="53">
        <v>59026901.390087701</v>
      </c>
      <c r="CE3071" s="53">
        <v>57612201.391743198</v>
      </c>
      <c r="CF3071" s="53">
        <v>57190359.322711803</v>
      </c>
      <c r="CG3071" s="53">
        <v>58786654.311402597</v>
      </c>
      <c r="CH3071" s="53">
        <v>58748828.894769199</v>
      </c>
      <c r="CI3071" s="53">
        <v>59783935.429777801</v>
      </c>
      <c r="CJ3071" s="53">
        <v>60851403.123550802</v>
      </c>
      <c r="CK3071" s="53">
        <v>63391117.024079397</v>
      </c>
      <c r="CL3071" s="53">
        <v>64779135.549488597</v>
      </c>
      <c r="CM3071" s="53">
        <v>63253820.743296102</v>
      </c>
      <c r="CN3071" s="53">
        <v>62123132.583999999</v>
      </c>
    </row>
    <row r="3072" spans="1:92">
      <c r="A3072" s="52" t="s">
        <v>649</v>
      </c>
      <c r="B3072" s="53"/>
      <c r="C3072" s="53"/>
      <c r="D3072" s="53"/>
      <c r="E3072" s="53"/>
      <c r="F3072" s="53"/>
      <c r="G3072" s="53"/>
      <c r="H3072" s="53"/>
      <c r="I3072" s="53"/>
      <c r="J3072" s="53"/>
      <c r="K3072" s="53"/>
      <c r="L3072" s="53"/>
      <c r="M3072" s="53"/>
      <c r="N3072" s="53"/>
      <c r="O3072" s="53">
        <v>174277.58333333299</v>
      </c>
      <c r="P3072" s="53">
        <v>174277.58333333299</v>
      </c>
      <c r="Q3072" s="53">
        <v>174277.58333333299</v>
      </c>
      <c r="R3072" s="53">
        <v>174277.58333333299</v>
      </c>
      <c r="S3072" s="53">
        <v>174277.58333333299</v>
      </c>
      <c r="T3072" s="53">
        <v>174277.58333333299</v>
      </c>
      <c r="U3072" s="53">
        <v>174277.58333333299</v>
      </c>
      <c r="V3072" s="53">
        <v>174277.58333333299</v>
      </c>
      <c r="W3072" s="53">
        <v>174277.58333333299</v>
      </c>
      <c r="X3072" s="53">
        <v>174277.58333333299</v>
      </c>
      <c r="Y3072" s="53">
        <v>174277.58333333299</v>
      </c>
      <c r="Z3072" s="53">
        <v>174277.58333333299</v>
      </c>
      <c r="AA3072" s="53">
        <v>2091330.99999999</v>
      </c>
      <c r="AB3072" s="53">
        <v>173444.25</v>
      </c>
      <c r="AC3072" s="53">
        <v>173444.25</v>
      </c>
      <c r="AD3072" s="53">
        <v>173444.25</v>
      </c>
      <c r="AE3072" s="53">
        <v>173444.25</v>
      </c>
      <c r="AF3072" s="53">
        <v>173444.25</v>
      </c>
      <c r="AG3072" s="53">
        <v>173444.25</v>
      </c>
      <c r="AH3072" s="53">
        <v>173444.25</v>
      </c>
      <c r="AI3072" s="53">
        <v>173444.25</v>
      </c>
      <c r="AJ3072" s="53">
        <v>173444.25</v>
      </c>
      <c r="AK3072" s="53">
        <v>173444.25</v>
      </c>
      <c r="AL3072" s="53">
        <v>173444.25</v>
      </c>
      <c r="AM3072" s="53">
        <v>173444.25</v>
      </c>
      <c r="AN3072" s="53">
        <v>2081331</v>
      </c>
      <c r="AO3072" s="53">
        <v>72615.666666666599</v>
      </c>
      <c r="AP3072" s="53">
        <v>72615.666666666599</v>
      </c>
      <c r="AQ3072" s="53">
        <v>72615.666666666599</v>
      </c>
      <c r="AR3072" s="53">
        <v>72615.666666666599</v>
      </c>
      <c r="AS3072" s="53">
        <v>72615.666666666599</v>
      </c>
      <c r="AT3072" s="53">
        <v>72615.666666666599</v>
      </c>
      <c r="AU3072" s="53">
        <v>72615.666666666599</v>
      </c>
      <c r="AV3072" s="53">
        <v>72615.666666666599</v>
      </c>
      <c r="AW3072" s="53">
        <v>72615.666666666599</v>
      </c>
      <c r="AX3072" s="53">
        <v>72615.666666666599</v>
      </c>
      <c r="AY3072" s="53">
        <v>72615.666666666599</v>
      </c>
      <c r="AZ3072" s="53">
        <v>72615.666666666599</v>
      </c>
      <c r="BA3072" s="53">
        <v>871388</v>
      </c>
      <c r="BB3072" s="53"/>
      <c r="BC3072" s="53"/>
      <c r="BD3072" s="53"/>
      <c r="BE3072" s="53"/>
      <c r="BF3072" s="53"/>
      <c r="BG3072" s="53"/>
      <c r="BH3072" s="53"/>
      <c r="BI3072" s="53"/>
      <c r="BJ3072" s="53"/>
      <c r="BK3072" s="53"/>
      <c r="BL3072" s="53"/>
      <c r="BM3072" s="53"/>
      <c r="BN3072" s="53"/>
      <c r="BO3072" s="53"/>
      <c r="BP3072" s="53"/>
      <c r="BQ3072" s="53"/>
      <c r="BR3072" s="53"/>
      <c r="BS3072" s="53"/>
      <c r="BT3072" s="53"/>
      <c r="BU3072" s="53"/>
      <c r="BV3072" s="53"/>
      <c r="BW3072" s="53"/>
      <c r="BX3072" s="53"/>
      <c r="BY3072" s="53"/>
      <c r="BZ3072" s="53"/>
      <c r="CA3072" s="53"/>
      <c r="CB3072" s="53"/>
      <c r="CC3072" s="53"/>
      <c r="CD3072" s="53"/>
      <c r="CE3072" s="53"/>
      <c r="CF3072" s="53"/>
      <c r="CG3072" s="53"/>
      <c r="CH3072" s="53"/>
      <c r="CI3072" s="53"/>
      <c r="CJ3072" s="53"/>
      <c r="CK3072" s="53"/>
      <c r="CL3072" s="53"/>
      <c r="CM3072" s="53"/>
      <c r="CN3072" s="53"/>
    </row>
    <row r="3073" spans="1:92">
      <c r="A3073" s="52" t="s">
        <v>650</v>
      </c>
      <c r="B3073" s="53"/>
      <c r="C3073" s="53"/>
      <c r="D3073" s="53"/>
      <c r="E3073" s="53"/>
      <c r="F3073" s="53"/>
      <c r="G3073" s="53"/>
      <c r="H3073" s="53"/>
      <c r="I3073" s="53"/>
      <c r="J3073" s="53"/>
      <c r="K3073" s="53"/>
      <c r="L3073" s="53"/>
      <c r="M3073" s="53"/>
      <c r="N3073" s="53"/>
      <c r="O3073" s="53"/>
      <c r="P3073" s="53"/>
      <c r="Q3073" s="53"/>
      <c r="R3073" s="53"/>
      <c r="S3073" s="53"/>
      <c r="T3073" s="53"/>
      <c r="U3073" s="53"/>
      <c r="V3073" s="53"/>
      <c r="W3073" s="53"/>
      <c r="X3073" s="53"/>
      <c r="Y3073" s="53"/>
      <c r="Z3073" s="53"/>
      <c r="AA3073" s="53"/>
      <c r="AB3073" s="53"/>
      <c r="AC3073" s="53"/>
      <c r="AD3073" s="53"/>
      <c r="AE3073" s="53"/>
      <c r="AF3073" s="53"/>
      <c r="AG3073" s="53"/>
      <c r="AH3073" s="53"/>
      <c r="AI3073" s="53"/>
      <c r="AJ3073" s="53"/>
      <c r="AK3073" s="53"/>
      <c r="AL3073" s="53"/>
      <c r="AM3073" s="53"/>
      <c r="AN3073" s="53"/>
      <c r="AO3073" s="53"/>
      <c r="AP3073" s="53"/>
      <c r="AQ3073" s="53"/>
      <c r="AR3073" s="53"/>
      <c r="AS3073" s="53"/>
      <c r="AT3073" s="53"/>
      <c r="AU3073" s="53"/>
      <c r="AV3073" s="53"/>
      <c r="AW3073" s="53"/>
      <c r="AX3073" s="53"/>
      <c r="AY3073" s="53"/>
      <c r="AZ3073" s="53"/>
      <c r="BA3073" s="53"/>
      <c r="BB3073" s="53"/>
      <c r="BC3073" s="53"/>
      <c r="BD3073" s="53"/>
      <c r="BE3073" s="53"/>
      <c r="BF3073" s="53"/>
      <c r="BG3073" s="53"/>
      <c r="BH3073" s="53"/>
      <c r="BI3073" s="53"/>
      <c r="BJ3073" s="53"/>
      <c r="BK3073" s="53"/>
      <c r="BL3073" s="53"/>
      <c r="BM3073" s="53"/>
      <c r="BN3073" s="53"/>
      <c r="BO3073" s="53"/>
      <c r="BP3073" s="53"/>
      <c r="BQ3073" s="53"/>
      <c r="BR3073" s="53"/>
      <c r="BS3073" s="53"/>
      <c r="BT3073" s="53"/>
      <c r="BU3073" s="53"/>
      <c r="BV3073" s="53"/>
      <c r="BW3073" s="53"/>
      <c r="BX3073" s="53"/>
      <c r="BY3073" s="53"/>
      <c r="BZ3073" s="53"/>
      <c r="CA3073" s="53"/>
      <c r="CB3073" s="53"/>
      <c r="CC3073" s="53"/>
      <c r="CD3073" s="53"/>
      <c r="CE3073" s="53"/>
      <c r="CF3073" s="53"/>
      <c r="CG3073" s="53"/>
      <c r="CH3073" s="53"/>
      <c r="CI3073" s="53"/>
      <c r="CJ3073" s="53"/>
      <c r="CK3073" s="53"/>
      <c r="CL3073" s="53"/>
      <c r="CM3073" s="53"/>
      <c r="CN3073" s="53"/>
    </row>
    <row r="3074" spans="1:92">
      <c r="A3074" s="52" t="s">
        <v>1735</v>
      </c>
      <c r="B3074" s="53"/>
      <c r="C3074" s="53"/>
      <c r="D3074" s="53"/>
      <c r="E3074" s="53"/>
      <c r="F3074" s="53"/>
      <c r="G3074" s="53"/>
      <c r="H3074" s="53"/>
      <c r="I3074" s="53"/>
      <c r="J3074" s="53"/>
      <c r="K3074" s="53"/>
      <c r="L3074" s="53"/>
      <c r="M3074" s="53"/>
      <c r="N3074" s="53"/>
      <c r="O3074" s="53"/>
      <c r="P3074" s="53"/>
      <c r="Q3074" s="53"/>
      <c r="R3074" s="53"/>
      <c r="S3074" s="53"/>
      <c r="T3074" s="53"/>
      <c r="U3074" s="53"/>
      <c r="V3074" s="53"/>
      <c r="W3074" s="53"/>
      <c r="X3074" s="53"/>
      <c r="Y3074" s="53"/>
      <c r="Z3074" s="53"/>
      <c r="AA3074" s="53"/>
      <c r="AB3074" s="53"/>
      <c r="AC3074" s="53"/>
      <c r="AD3074" s="53"/>
      <c r="AE3074" s="53"/>
      <c r="AF3074" s="53"/>
      <c r="AG3074" s="53"/>
      <c r="AH3074" s="53"/>
      <c r="AI3074" s="53"/>
      <c r="AJ3074" s="53"/>
      <c r="AK3074" s="53"/>
      <c r="AL3074" s="53"/>
      <c r="AM3074" s="53"/>
      <c r="AN3074" s="53"/>
      <c r="AO3074" s="53"/>
      <c r="AP3074" s="53"/>
      <c r="AQ3074" s="53"/>
      <c r="AR3074" s="53"/>
      <c r="AS3074" s="53"/>
      <c r="AT3074" s="53"/>
      <c r="AU3074" s="53"/>
      <c r="AV3074" s="53"/>
      <c r="AW3074" s="53"/>
      <c r="AX3074" s="53"/>
      <c r="AY3074" s="53"/>
      <c r="AZ3074" s="53"/>
      <c r="BA3074" s="53"/>
      <c r="BB3074" s="53"/>
      <c r="BC3074" s="53"/>
      <c r="BD3074" s="53"/>
      <c r="BE3074" s="53"/>
      <c r="BF3074" s="53"/>
      <c r="BG3074" s="53"/>
      <c r="BH3074" s="53"/>
      <c r="BI3074" s="53"/>
      <c r="BJ3074" s="53"/>
      <c r="BK3074" s="53"/>
      <c r="BL3074" s="53"/>
      <c r="BM3074" s="53"/>
      <c r="BN3074" s="53"/>
      <c r="BO3074" s="53"/>
      <c r="BP3074" s="53"/>
      <c r="BQ3074" s="53"/>
      <c r="BR3074" s="53"/>
      <c r="BS3074" s="53"/>
      <c r="BT3074" s="53"/>
      <c r="BU3074" s="53"/>
      <c r="BV3074" s="53"/>
      <c r="BW3074" s="53"/>
      <c r="BX3074" s="53"/>
      <c r="BY3074" s="53"/>
      <c r="BZ3074" s="53"/>
      <c r="CA3074" s="53"/>
      <c r="CB3074" s="53"/>
      <c r="CC3074" s="53"/>
      <c r="CD3074" s="53"/>
      <c r="CE3074" s="53"/>
      <c r="CF3074" s="53"/>
      <c r="CG3074" s="53"/>
      <c r="CH3074" s="53"/>
      <c r="CI3074" s="53"/>
      <c r="CJ3074" s="53"/>
      <c r="CK3074" s="53"/>
      <c r="CL3074" s="53"/>
      <c r="CM3074" s="53"/>
      <c r="CN3074" s="53"/>
    </row>
    <row r="3075" spans="1:92">
      <c r="A3075" s="52" t="s">
        <v>649</v>
      </c>
      <c r="B3075" s="53"/>
      <c r="C3075" s="53"/>
      <c r="D3075" s="53"/>
      <c r="E3075" s="53"/>
      <c r="F3075" s="53"/>
      <c r="G3075" s="53"/>
      <c r="H3075" s="53"/>
      <c r="I3075" s="53"/>
      <c r="J3075" s="53"/>
      <c r="K3075" s="53"/>
      <c r="L3075" s="53"/>
      <c r="M3075" s="53"/>
      <c r="N3075" s="53"/>
      <c r="O3075" s="53"/>
      <c r="P3075" s="53"/>
      <c r="Q3075" s="53">
        <v>-18433204.1047558</v>
      </c>
      <c r="R3075" s="53"/>
      <c r="S3075" s="53"/>
      <c r="T3075" s="53">
        <v>-18433204.1047558</v>
      </c>
      <c r="U3075" s="53"/>
      <c r="V3075" s="53"/>
      <c r="W3075" s="53">
        <v>-18433204.1047558</v>
      </c>
      <c r="X3075" s="53"/>
      <c r="Y3075" s="53"/>
      <c r="Z3075" s="53">
        <v>-18433204.1047558</v>
      </c>
      <c r="AA3075" s="53">
        <v>-73732816.419023201</v>
      </c>
      <c r="AB3075" s="53"/>
      <c r="AC3075" s="53"/>
      <c r="AD3075" s="53">
        <v>-7066796.7144867899</v>
      </c>
      <c r="AE3075" s="53"/>
      <c r="AF3075" s="53"/>
      <c r="AG3075" s="53">
        <v>-7066796.7144867899</v>
      </c>
      <c r="AH3075" s="53"/>
      <c r="AI3075" s="53"/>
      <c r="AJ3075" s="53">
        <v>-7066796.7144867899</v>
      </c>
      <c r="AK3075" s="53"/>
      <c r="AL3075" s="53"/>
      <c r="AM3075" s="53">
        <v>-7066796.7144867899</v>
      </c>
      <c r="AN3075" s="53">
        <v>-28267186.8579471</v>
      </c>
      <c r="AO3075" s="53"/>
      <c r="AP3075" s="53"/>
      <c r="AQ3075" s="53"/>
      <c r="AR3075" s="53"/>
      <c r="AS3075" s="53"/>
      <c r="AT3075" s="53"/>
      <c r="AU3075" s="53"/>
      <c r="AV3075" s="53"/>
      <c r="AW3075" s="53"/>
      <c r="AX3075" s="53"/>
      <c r="AY3075" s="53"/>
      <c r="AZ3075" s="53"/>
      <c r="BA3075" s="53"/>
      <c r="BB3075" s="53"/>
      <c r="BC3075" s="53"/>
      <c r="BD3075" s="53"/>
      <c r="BE3075" s="53"/>
      <c r="BF3075" s="53"/>
      <c r="BG3075" s="53"/>
      <c r="BH3075" s="53"/>
      <c r="BI3075" s="53"/>
      <c r="BJ3075" s="53"/>
      <c r="BK3075" s="53"/>
      <c r="BL3075" s="53"/>
      <c r="BM3075" s="53"/>
      <c r="BN3075" s="53"/>
      <c r="BO3075" s="53"/>
      <c r="BP3075" s="53"/>
      <c r="BQ3075" s="53"/>
      <c r="BR3075" s="53"/>
      <c r="BS3075" s="53"/>
      <c r="BT3075" s="53"/>
      <c r="BU3075" s="53"/>
      <c r="BV3075" s="53"/>
      <c r="BW3075" s="53"/>
      <c r="BX3075" s="53"/>
      <c r="BY3075" s="53"/>
      <c r="BZ3075" s="53"/>
      <c r="CA3075" s="53"/>
      <c r="CB3075" s="53"/>
      <c r="CC3075" s="53"/>
      <c r="CD3075" s="53"/>
      <c r="CE3075" s="53"/>
      <c r="CF3075" s="53"/>
      <c r="CG3075" s="53"/>
      <c r="CH3075" s="53"/>
      <c r="CI3075" s="53"/>
      <c r="CJ3075" s="53"/>
      <c r="CK3075" s="53"/>
      <c r="CL3075" s="53"/>
      <c r="CM3075" s="53"/>
      <c r="CN3075" s="53"/>
    </row>
    <row r="3076" spans="1:92">
      <c r="A3076" s="52" t="s">
        <v>1736</v>
      </c>
      <c r="B3076" s="53"/>
      <c r="C3076" s="53"/>
      <c r="D3076" s="53"/>
      <c r="E3076" s="53"/>
      <c r="F3076" s="53"/>
      <c r="G3076" s="53"/>
      <c r="H3076" s="53"/>
      <c r="I3076" s="53"/>
      <c r="J3076" s="53"/>
      <c r="K3076" s="53"/>
      <c r="L3076" s="53"/>
      <c r="M3076" s="53"/>
      <c r="N3076" s="53"/>
      <c r="O3076" s="53"/>
      <c r="P3076" s="53"/>
      <c r="Q3076" s="53"/>
      <c r="R3076" s="53"/>
      <c r="S3076" s="53"/>
      <c r="T3076" s="53"/>
      <c r="U3076" s="53"/>
      <c r="V3076" s="53"/>
      <c r="W3076" s="53"/>
      <c r="X3076" s="53"/>
      <c r="Y3076" s="53"/>
      <c r="Z3076" s="53"/>
      <c r="AA3076" s="53"/>
      <c r="AB3076" s="53"/>
      <c r="AC3076" s="53"/>
      <c r="AD3076" s="53"/>
      <c r="AE3076" s="53"/>
      <c r="AF3076" s="53"/>
      <c r="AG3076" s="53"/>
      <c r="AH3076" s="53"/>
      <c r="AI3076" s="53"/>
      <c r="AJ3076" s="53"/>
      <c r="AK3076" s="53"/>
      <c r="AL3076" s="53"/>
      <c r="AM3076" s="53"/>
      <c r="AN3076" s="53"/>
      <c r="AO3076" s="53"/>
      <c r="AP3076" s="53"/>
      <c r="AQ3076" s="53"/>
      <c r="AR3076" s="53"/>
      <c r="AS3076" s="53"/>
      <c r="AT3076" s="53"/>
      <c r="AU3076" s="53"/>
      <c r="AV3076" s="53"/>
      <c r="AW3076" s="53"/>
      <c r="AX3076" s="53"/>
      <c r="AY3076" s="53"/>
      <c r="AZ3076" s="53"/>
      <c r="BA3076" s="53"/>
      <c r="BB3076" s="53"/>
      <c r="BC3076" s="53"/>
      <c r="BD3076" s="53"/>
      <c r="BE3076" s="53"/>
      <c r="BF3076" s="53"/>
      <c r="BG3076" s="53"/>
      <c r="BH3076" s="53"/>
      <c r="BI3076" s="53"/>
      <c r="BJ3076" s="53"/>
      <c r="BK3076" s="53"/>
      <c r="BL3076" s="53"/>
      <c r="BM3076" s="53"/>
      <c r="BN3076" s="53"/>
      <c r="BO3076" s="53"/>
      <c r="BP3076" s="53"/>
      <c r="BQ3076" s="53"/>
      <c r="BR3076" s="53"/>
      <c r="BS3076" s="53"/>
      <c r="BT3076" s="53"/>
      <c r="BU3076" s="53"/>
      <c r="BV3076" s="53"/>
      <c r="BW3076" s="53"/>
      <c r="BX3076" s="53"/>
      <c r="BY3076" s="53"/>
      <c r="BZ3076" s="53"/>
      <c r="CA3076" s="53"/>
      <c r="CB3076" s="53"/>
      <c r="CC3076" s="53"/>
      <c r="CD3076" s="53"/>
      <c r="CE3076" s="53"/>
      <c r="CF3076" s="53"/>
      <c r="CG3076" s="53"/>
      <c r="CH3076" s="53"/>
      <c r="CI3076" s="53"/>
      <c r="CJ3076" s="53"/>
      <c r="CK3076" s="53"/>
      <c r="CL3076" s="53"/>
      <c r="CM3076" s="53"/>
      <c r="CN3076" s="53"/>
    </row>
    <row r="3077" spans="1:92">
      <c r="A3077" s="52" t="s">
        <v>649</v>
      </c>
      <c r="B3077" s="53"/>
      <c r="C3077" s="53"/>
      <c r="D3077" s="53"/>
      <c r="E3077" s="53"/>
      <c r="F3077" s="53"/>
      <c r="G3077" s="53"/>
      <c r="H3077" s="53"/>
      <c r="I3077" s="53"/>
      <c r="J3077" s="53"/>
      <c r="K3077" s="53"/>
      <c r="L3077" s="53"/>
      <c r="M3077" s="53"/>
      <c r="N3077" s="53"/>
      <c r="O3077" s="53"/>
      <c r="P3077" s="53"/>
      <c r="Q3077" s="53">
        <v>-12830954.793979799</v>
      </c>
      <c r="R3077" s="53"/>
      <c r="S3077" s="53"/>
      <c r="T3077" s="53">
        <v>-12830954.793979799</v>
      </c>
      <c r="U3077" s="53"/>
      <c r="V3077" s="53"/>
      <c r="W3077" s="53">
        <v>-12830954.793979799</v>
      </c>
      <c r="X3077" s="53"/>
      <c r="Y3077" s="53"/>
      <c r="Z3077" s="53">
        <v>-12830954.793979799</v>
      </c>
      <c r="AA3077" s="53">
        <v>-51323819.175919197</v>
      </c>
      <c r="AB3077" s="53"/>
      <c r="AC3077" s="53"/>
      <c r="AD3077" s="53">
        <v>-4919044.3867776096</v>
      </c>
      <c r="AE3077" s="53"/>
      <c r="AF3077" s="53"/>
      <c r="AG3077" s="53">
        <v>-4919044.3867776096</v>
      </c>
      <c r="AH3077" s="53"/>
      <c r="AI3077" s="53"/>
      <c r="AJ3077" s="53">
        <v>-4919044.3867776096</v>
      </c>
      <c r="AK3077" s="53"/>
      <c r="AL3077" s="53"/>
      <c r="AM3077" s="53">
        <v>-4919044.3867776096</v>
      </c>
      <c r="AN3077" s="53">
        <v>-19676177.547110401</v>
      </c>
      <c r="AO3077" s="53"/>
      <c r="AP3077" s="53"/>
      <c r="AQ3077" s="53"/>
      <c r="AR3077" s="53"/>
      <c r="AS3077" s="53"/>
      <c r="AT3077" s="53"/>
      <c r="AU3077" s="53"/>
      <c r="AV3077" s="53"/>
      <c r="AW3077" s="53"/>
      <c r="AX3077" s="53"/>
      <c r="AY3077" s="53"/>
      <c r="AZ3077" s="53"/>
      <c r="BA3077" s="53"/>
      <c r="BB3077" s="53"/>
      <c r="BC3077" s="53"/>
      <c r="BD3077" s="53"/>
      <c r="BE3077" s="53"/>
      <c r="BF3077" s="53"/>
      <c r="BG3077" s="53"/>
      <c r="BH3077" s="53"/>
      <c r="BI3077" s="53"/>
      <c r="BJ3077" s="53"/>
      <c r="BK3077" s="53"/>
      <c r="BL3077" s="53"/>
      <c r="BM3077" s="53"/>
      <c r="BN3077" s="53"/>
      <c r="BO3077" s="53"/>
      <c r="BP3077" s="53"/>
      <c r="BQ3077" s="53"/>
      <c r="BR3077" s="53"/>
      <c r="BS3077" s="53"/>
      <c r="BT3077" s="53"/>
      <c r="BU3077" s="53"/>
      <c r="BV3077" s="53"/>
      <c r="BW3077" s="53"/>
      <c r="BX3077" s="53"/>
      <c r="BY3077" s="53"/>
      <c r="BZ3077" s="53"/>
      <c r="CA3077" s="53"/>
      <c r="CB3077" s="53"/>
      <c r="CC3077" s="53"/>
      <c r="CD3077" s="53"/>
      <c r="CE3077" s="53"/>
      <c r="CF3077" s="53"/>
      <c r="CG3077" s="53"/>
      <c r="CH3077" s="53"/>
      <c r="CI3077" s="53"/>
      <c r="CJ3077" s="53"/>
      <c r="CK3077" s="53"/>
      <c r="CL3077" s="53"/>
      <c r="CM3077" s="53"/>
      <c r="CN3077" s="53"/>
    </row>
    <row r="3078" spans="1:92">
      <c r="A3078" s="52" t="s">
        <v>1358</v>
      </c>
      <c r="B3078" s="53"/>
      <c r="C3078" s="53"/>
      <c r="D3078" s="53"/>
      <c r="E3078" s="53"/>
      <c r="F3078" s="53"/>
      <c r="G3078" s="53"/>
      <c r="H3078" s="53"/>
      <c r="I3078" s="53"/>
      <c r="J3078" s="53"/>
      <c r="K3078" s="53"/>
      <c r="L3078" s="53"/>
      <c r="M3078" s="53"/>
      <c r="N3078" s="53"/>
      <c r="O3078" s="53"/>
      <c r="P3078" s="53"/>
      <c r="Q3078" s="53"/>
      <c r="R3078" s="53"/>
      <c r="S3078" s="53"/>
      <c r="T3078" s="53"/>
      <c r="U3078" s="53"/>
      <c r="V3078" s="53"/>
      <c r="W3078" s="53"/>
      <c r="X3078" s="53"/>
      <c r="Y3078" s="53"/>
      <c r="Z3078" s="53"/>
      <c r="AA3078" s="53"/>
      <c r="AB3078" s="53"/>
      <c r="AC3078" s="53"/>
      <c r="AD3078" s="53"/>
      <c r="AE3078" s="53"/>
      <c r="AF3078" s="53"/>
      <c r="AG3078" s="53"/>
      <c r="AH3078" s="53"/>
      <c r="AI3078" s="53"/>
      <c r="AJ3078" s="53"/>
      <c r="AK3078" s="53"/>
      <c r="AL3078" s="53"/>
      <c r="AM3078" s="53"/>
      <c r="AN3078" s="53"/>
      <c r="AO3078" s="53"/>
      <c r="AP3078" s="53"/>
      <c r="AQ3078" s="53"/>
      <c r="AR3078" s="53"/>
      <c r="AS3078" s="53"/>
      <c r="AT3078" s="53"/>
      <c r="AU3078" s="53"/>
      <c r="AV3078" s="53"/>
      <c r="AW3078" s="53"/>
      <c r="AX3078" s="53"/>
      <c r="AY3078" s="53"/>
      <c r="AZ3078" s="53"/>
      <c r="BA3078" s="53"/>
      <c r="BB3078" s="53"/>
      <c r="BC3078" s="53"/>
      <c r="BD3078" s="53"/>
      <c r="BE3078" s="53"/>
      <c r="BF3078" s="53"/>
      <c r="BG3078" s="53"/>
      <c r="BH3078" s="53"/>
      <c r="BI3078" s="53"/>
      <c r="BJ3078" s="53"/>
      <c r="BK3078" s="53"/>
      <c r="BL3078" s="53"/>
      <c r="BM3078" s="53"/>
      <c r="BN3078" s="53"/>
      <c r="BO3078" s="53"/>
      <c r="BP3078" s="53"/>
      <c r="BQ3078" s="53"/>
      <c r="BR3078" s="53"/>
      <c r="BS3078" s="53"/>
      <c r="BT3078" s="53"/>
      <c r="BU3078" s="53"/>
      <c r="BV3078" s="53"/>
      <c r="BW3078" s="53"/>
      <c r="BX3078" s="53"/>
      <c r="BY3078" s="53"/>
      <c r="BZ3078" s="53"/>
      <c r="CA3078" s="53"/>
      <c r="CB3078" s="53"/>
      <c r="CC3078" s="53"/>
      <c r="CD3078" s="53"/>
      <c r="CE3078" s="53"/>
      <c r="CF3078" s="53"/>
      <c r="CG3078" s="53"/>
      <c r="CH3078" s="53"/>
      <c r="CI3078" s="53"/>
      <c r="CJ3078" s="53"/>
      <c r="CK3078" s="53"/>
      <c r="CL3078" s="53"/>
      <c r="CM3078" s="53"/>
      <c r="CN3078" s="53"/>
    </row>
    <row r="3079" spans="1:92">
      <c r="A3079" s="52" t="s">
        <v>649</v>
      </c>
      <c r="B3079" s="53">
        <v>-355385</v>
      </c>
      <c r="C3079" s="53">
        <v>-355385</v>
      </c>
      <c r="D3079" s="53">
        <v>-355385</v>
      </c>
      <c r="E3079" s="53">
        <v>-355385</v>
      </c>
      <c r="F3079" s="53">
        <v>-355385</v>
      </c>
      <c r="G3079" s="53">
        <v>-355385</v>
      </c>
      <c r="H3079" s="53">
        <v>-355385</v>
      </c>
      <c r="I3079" s="53">
        <v>-355385</v>
      </c>
      <c r="J3079" s="53">
        <v>-355385</v>
      </c>
      <c r="K3079" s="53">
        <v>-355385</v>
      </c>
      <c r="L3079" s="53">
        <v>-355385</v>
      </c>
      <c r="M3079" s="53">
        <v>-355385</v>
      </c>
      <c r="N3079" s="53">
        <v>-4264620</v>
      </c>
      <c r="O3079" s="53">
        <v>-355385</v>
      </c>
      <c r="P3079" s="53">
        <v>-355385</v>
      </c>
      <c r="Q3079" s="53">
        <v>-355385</v>
      </c>
      <c r="R3079" s="53">
        <v>-355385</v>
      </c>
      <c r="S3079" s="53">
        <v>-355385</v>
      </c>
      <c r="T3079" s="53">
        <v>-355385</v>
      </c>
      <c r="U3079" s="53">
        <v>-355385</v>
      </c>
      <c r="V3079" s="53">
        <v>-355385</v>
      </c>
      <c r="W3079" s="53">
        <v>-355385</v>
      </c>
      <c r="X3079" s="53">
        <v>-355385</v>
      </c>
      <c r="Y3079" s="53">
        <v>-355385</v>
      </c>
      <c r="Z3079" s="53">
        <v>-355385</v>
      </c>
      <c r="AA3079" s="53">
        <v>-4264620</v>
      </c>
      <c r="AB3079" s="53">
        <v>-355385</v>
      </c>
      <c r="AC3079" s="53">
        <v>-355385</v>
      </c>
      <c r="AD3079" s="53">
        <v>-355385</v>
      </c>
      <c r="AE3079" s="53">
        <v>-355385</v>
      </c>
      <c r="AF3079" s="53">
        <v>-355385</v>
      </c>
      <c r="AG3079" s="53">
        <v>-355385</v>
      </c>
      <c r="AH3079" s="53">
        <v>-355385</v>
      </c>
      <c r="AI3079" s="53">
        <v>-355385</v>
      </c>
      <c r="AJ3079" s="53">
        <v>-355385</v>
      </c>
      <c r="AK3079" s="53">
        <v>-355385</v>
      </c>
      <c r="AL3079" s="53">
        <v>-355385</v>
      </c>
      <c r="AM3079" s="53">
        <v>-355385</v>
      </c>
      <c r="AN3079" s="53">
        <v>-4264620</v>
      </c>
      <c r="AO3079" s="53">
        <v>-355385</v>
      </c>
      <c r="AP3079" s="53">
        <v>-355385</v>
      </c>
      <c r="AQ3079" s="53">
        <v>-355385</v>
      </c>
      <c r="AR3079" s="53">
        <v>-355385</v>
      </c>
      <c r="AS3079" s="53">
        <v>-355385</v>
      </c>
      <c r="AT3079" s="53">
        <v>-355385</v>
      </c>
      <c r="AU3079" s="53">
        <v>-355385</v>
      </c>
      <c r="AV3079" s="53">
        <v>-355385</v>
      </c>
      <c r="AW3079" s="53">
        <v>-355385</v>
      </c>
      <c r="AX3079" s="53">
        <v>-355385</v>
      </c>
      <c r="AY3079" s="53">
        <v>-355385</v>
      </c>
      <c r="AZ3079" s="53">
        <v>-355385</v>
      </c>
      <c r="BA3079" s="53">
        <v>-4264620</v>
      </c>
      <c r="BB3079" s="53">
        <v>-355385</v>
      </c>
      <c r="BC3079" s="53">
        <v>-355385</v>
      </c>
      <c r="BD3079" s="53">
        <v>-355385</v>
      </c>
      <c r="BE3079" s="53">
        <v>-355385</v>
      </c>
      <c r="BF3079" s="53">
        <v>-355385</v>
      </c>
      <c r="BG3079" s="53">
        <v>-355385</v>
      </c>
      <c r="BH3079" s="53">
        <v>-355385</v>
      </c>
      <c r="BI3079" s="53">
        <v>-355385</v>
      </c>
      <c r="BJ3079" s="53">
        <v>-355385</v>
      </c>
      <c r="BK3079" s="53">
        <v>-355385</v>
      </c>
      <c r="BL3079" s="53">
        <v>-355385</v>
      </c>
      <c r="BM3079" s="53">
        <v>-355385</v>
      </c>
      <c r="BN3079" s="53">
        <v>-4264620</v>
      </c>
      <c r="BO3079" s="53">
        <v>-355385</v>
      </c>
      <c r="BP3079" s="53">
        <v>-355385</v>
      </c>
      <c r="BQ3079" s="53">
        <v>-355385</v>
      </c>
      <c r="BR3079" s="53">
        <v>-355385</v>
      </c>
      <c r="BS3079" s="53">
        <v>-355385</v>
      </c>
      <c r="BT3079" s="53">
        <v>-355385</v>
      </c>
      <c r="BU3079" s="53">
        <v>-355385</v>
      </c>
      <c r="BV3079" s="53">
        <v>-355385</v>
      </c>
      <c r="BW3079" s="53">
        <v>-355385</v>
      </c>
      <c r="BX3079" s="53">
        <v>-355385</v>
      </c>
      <c r="BY3079" s="53">
        <v>-355385</v>
      </c>
      <c r="BZ3079" s="53">
        <v>-355385</v>
      </c>
      <c r="CA3079" s="53">
        <v>-4264620</v>
      </c>
      <c r="CB3079" s="53"/>
      <c r="CC3079" s="53"/>
      <c r="CD3079" s="53"/>
      <c r="CE3079" s="53"/>
      <c r="CF3079" s="53"/>
      <c r="CG3079" s="53"/>
      <c r="CH3079" s="53"/>
      <c r="CI3079" s="53"/>
      <c r="CJ3079" s="53"/>
      <c r="CK3079" s="53"/>
      <c r="CL3079" s="53"/>
      <c r="CM3079" s="53"/>
      <c r="CN3079" s="53"/>
    </row>
    <row r="3080" spans="1:92">
      <c r="A3080" s="52" t="s">
        <v>1722</v>
      </c>
      <c r="B3080" s="53"/>
      <c r="C3080" s="53"/>
      <c r="D3080" s="53"/>
      <c r="E3080" s="53"/>
      <c r="F3080" s="53"/>
      <c r="G3080" s="53"/>
      <c r="H3080" s="53"/>
      <c r="I3080" s="53"/>
      <c r="J3080" s="53"/>
      <c r="K3080" s="53"/>
      <c r="L3080" s="53"/>
      <c r="M3080" s="53"/>
      <c r="N3080" s="53"/>
      <c r="O3080" s="53"/>
      <c r="P3080" s="53"/>
      <c r="Q3080" s="53"/>
      <c r="R3080" s="53"/>
      <c r="S3080" s="53"/>
      <c r="T3080" s="53"/>
      <c r="U3080" s="53"/>
      <c r="V3080" s="53"/>
      <c r="W3080" s="53"/>
      <c r="X3080" s="53"/>
      <c r="Y3080" s="53"/>
      <c r="Z3080" s="53"/>
      <c r="AA3080" s="53"/>
      <c r="AB3080" s="53"/>
      <c r="AC3080" s="53"/>
      <c r="AD3080" s="53"/>
      <c r="AE3080" s="53"/>
      <c r="AF3080" s="53"/>
      <c r="AG3080" s="53"/>
      <c r="AH3080" s="53"/>
      <c r="AI3080" s="53"/>
      <c r="AJ3080" s="53"/>
      <c r="AK3080" s="53"/>
      <c r="AL3080" s="53"/>
      <c r="AM3080" s="53"/>
      <c r="AN3080" s="53"/>
      <c r="AO3080" s="53"/>
      <c r="AP3080" s="53"/>
      <c r="AQ3080" s="53"/>
      <c r="AR3080" s="53"/>
      <c r="AS3080" s="53"/>
      <c r="AT3080" s="53"/>
      <c r="AU3080" s="53"/>
      <c r="AV3080" s="53"/>
      <c r="AW3080" s="53"/>
      <c r="AX3080" s="53"/>
      <c r="AY3080" s="53"/>
      <c r="AZ3080" s="53"/>
      <c r="BA3080" s="53"/>
      <c r="BB3080" s="53"/>
      <c r="BC3080" s="53"/>
      <c r="BD3080" s="53"/>
      <c r="BE3080" s="53"/>
      <c r="BF3080" s="53"/>
      <c r="BG3080" s="53"/>
      <c r="BH3080" s="53"/>
      <c r="BI3080" s="53"/>
      <c r="BJ3080" s="53"/>
      <c r="BK3080" s="53"/>
      <c r="BL3080" s="53"/>
      <c r="BM3080" s="53"/>
      <c r="BN3080" s="53"/>
      <c r="BO3080" s="53"/>
      <c r="BP3080" s="53"/>
      <c r="BQ3080" s="53"/>
      <c r="BR3080" s="53"/>
      <c r="BS3080" s="53"/>
      <c r="BT3080" s="53"/>
      <c r="BU3080" s="53"/>
      <c r="BV3080" s="53"/>
      <c r="BW3080" s="53"/>
      <c r="BX3080" s="53"/>
      <c r="BY3080" s="53"/>
      <c r="BZ3080" s="53"/>
      <c r="CA3080" s="53"/>
      <c r="CB3080" s="53"/>
      <c r="CC3080" s="53"/>
      <c r="CD3080" s="53"/>
      <c r="CE3080" s="53"/>
      <c r="CF3080" s="53"/>
      <c r="CG3080" s="53"/>
      <c r="CH3080" s="53"/>
      <c r="CI3080" s="53"/>
      <c r="CJ3080" s="53"/>
      <c r="CK3080" s="53"/>
      <c r="CL3080" s="53"/>
      <c r="CM3080" s="53"/>
      <c r="CN3080" s="53"/>
    </row>
    <row r="3081" spans="1:92">
      <c r="A3081" s="52" t="s">
        <v>649</v>
      </c>
      <c r="B3081" s="53"/>
      <c r="C3081" s="53"/>
      <c r="D3081" s="53">
        <v>-9259099.3000000007</v>
      </c>
      <c r="E3081" s="53">
        <v>-12892250</v>
      </c>
      <c r="F3081" s="53">
        <v>-6848650.7000000002</v>
      </c>
      <c r="G3081" s="53"/>
      <c r="H3081" s="53"/>
      <c r="I3081" s="53"/>
      <c r="J3081" s="53"/>
      <c r="K3081" s="53"/>
      <c r="L3081" s="53"/>
      <c r="M3081" s="53"/>
      <c r="N3081" s="53">
        <v>-29000000</v>
      </c>
      <c r="O3081" s="53"/>
      <c r="P3081" s="53"/>
      <c r="Q3081" s="53"/>
      <c r="R3081" s="53"/>
      <c r="S3081" s="53"/>
      <c r="T3081" s="53"/>
      <c r="U3081" s="53"/>
      <c r="V3081" s="53"/>
      <c r="W3081" s="53"/>
      <c r="X3081" s="53"/>
      <c r="Y3081" s="53"/>
      <c r="Z3081" s="53"/>
      <c r="AA3081" s="53"/>
      <c r="AB3081" s="53"/>
      <c r="AC3081" s="53"/>
      <c r="AD3081" s="53"/>
      <c r="AE3081" s="53"/>
      <c r="AF3081" s="53"/>
      <c r="AG3081" s="53"/>
      <c r="AH3081" s="53"/>
      <c r="AI3081" s="53"/>
      <c r="AJ3081" s="53"/>
      <c r="AK3081" s="53"/>
      <c r="AL3081" s="53"/>
      <c r="AM3081" s="53"/>
      <c r="AN3081" s="53"/>
      <c r="AO3081" s="53"/>
      <c r="AP3081" s="53"/>
      <c r="AQ3081" s="53"/>
      <c r="AR3081" s="53"/>
      <c r="AS3081" s="53"/>
      <c r="AT3081" s="53"/>
      <c r="AU3081" s="53"/>
      <c r="AV3081" s="53"/>
      <c r="AW3081" s="53"/>
      <c r="AX3081" s="53"/>
      <c r="AY3081" s="53"/>
      <c r="AZ3081" s="53"/>
      <c r="BA3081" s="53"/>
      <c r="BB3081" s="53"/>
      <c r="BC3081" s="53"/>
      <c r="BD3081" s="53"/>
      <c r="BE3081" s="53"/>
      <c r="BF3081" s="53"/>
      <c r="BG3081" s="53"/>
      <c r="BH3081" s="53"/>
      <c r="BI3081" s="53"/>
      <c r="BJ3081" s="53"/>
      <c r="BK3081" s="53"/>
      <c r="BL3081" s="53"/>
      <c r="BM3081" s="53"/>
      <c r="BN3081" s="53"/>
      <c r="BO3081" s="53"/>
      <c r="BP3081" s="53"/>
      <c r="BQ3081" s="53"/>
      <c r="BR3081" s="53"/>
      <c r="BS3081" s="53"/>
      <c r="BT3081" s="53"/>
      <c r="BU3081" s="53"/>
      <c r="BV3081" s="53"/>
      <c r="BW3081" s="53"/>
      <c r="BX3081" s="53"/>
      <c r="BY3081" s="53"/>
      <c r="BZ3081" s="53"/>
      <c r="CA3081" s="53"/>
      <c r="CB3081" s="53"/>
      <c r="CC3081" s="53"/>
      <c r="CD3081" s="53"/>
      <c r="CE3081" s="53"/>
      <c r="CF3081" s="53"/>
      <c r="CG3081" s="53"/>
      <c r="CH3081" s="53"/>
      <c r="CI3081" s="53"/>
      <c r="CJ3081" s="53"/>
      <c r="CK3081" s="53"/>
      <c r="CL3081" s="53"/>
      <c r="CM3081" s="53"/>
      <c r="CN3081" s="53"/>
    </row>
    <row r="3082" spans="1:92" outlineLevel="1">
      <c r="A3082" s="52" t="s">
        <v>1436</v>
      </c>
      <c r="B3082" s="53"/>
      <c r="C3082" s="53"/>
      <c r="D3082" s="53"/>
      <c r="E3082" s="53"/>
      <c r="F3082" s="53"/>
      <c r="G3082" s="53"/>
      <c r="H3082" s="53"/>
      <c r="I3082" s="53"/>
      <c r="J3082" s="53"/>
      <c r="K3082" s="53"/>
      <c r="L3082" s="53"/>
      <c r="M3082" s="53"/>
      <c r="N3082" s="53"/>
      <c r="O3082" s="53"/>
      <c r="P3082" s="53"/>
      <c r="Q3082" s="53"/>
      <c r="R3082" s="53"/>
      <c r="S3082" s="53"/>
      <c r="T3082" s="53"/>
      <c r="U3082" s="53"/>
      <c r="V3082" s="53"/>
      <c r="W3082" s="53"/>
      <c r="X3082" s="53"/>
      <c r="Y3082" s="53"/>
      <c r="Z3082" s="53"/>
      <c r="AA3082" s="53"/>
      <c r="AB3082" s="53"/>
      <c r="AC3082" s="53"/>
      <c r="AD3082" s="53"/>
      <c r="AE3082" s="53"/>
      <c r="AF3082" s="53"/>
      <c r="AG3082" s="53"/>
      <c r="AH3082" s="53"/>
      <c r="AI3082" s="53"/>
      <c r="AJ3082" s="53"/>
      <c r="AK3082" s="53"/>
      <c r="AL3082" s="53"/>
      <c r="AM3082" s="53"/>
      <c r="AN3082" s="53"/>
      <c r="AO3082" s="53"/>
      <c r="AP3082" s="53"/>
      <c r="AQ3082" s="53"/>
      <c r="AR3082" s="53"/>
      <c r="AS3082" s="53"/>
      <c r="AT3082" s="53"/>
      <c r="AU3082" s="53"/>
      <c r="AV3082" s="53"/>
      <c r="AW3082" s="53"/>
      <c r="AX3082" s="53"/>
      <c r="AY3082" s="53"/>
      <c r="AZ3082" s="53"/>
      <c r="BA3082" s="53"/>
      <c r="BB3082" s="53"/>
      <c r="BC3082" s="53"/>
      <c r="BD3082" s="53"/>
      <c r="BE3082" s="53"/>
      <c r="BF3082" s="53"/>
      <c r="BG3082" s="53"/>
      <c r="BH3082" s="53"/>
      <c r="BI3082" s="53"/>
      <c r="BJ3082" s="53"/>
      <c r="BK3082" s="53"/>
      <c r="BL3082" s="53"/>
      <c r="BM3082" s="53"/>
      <c r="BN3082" s="53"/>
      <c r="BO3082" s="53"/>
      <c r="BP3082" s="53"/>
      <c r="BQ3082" s="53"/>
      <c r="BR3082" s="53"/>
      <c r="BS3082" s="53"/>
      <c r="BT3082" s="53"/>
      <c r="BU3082" s="53"/>
      <c r="BV3082" s="53"/>
      <c r="BW3082" s="53"/>
      <c r="BX3082" s="53"/>
      <c r="BY3082" s="53"/>
      <c r="BZ3082" s="53"/>
      <c r="CA3082" s="53"/>
      <c r="CB3082" s="53"/>
      <c r="CC3082" s="53"/>
      <c r="CD3082" s="53"/>
      <c r="CE3082" s="53"/>
      <c r="CF3082" s="53"/>
      <c r="CG3082" s="53"/>
      <c r="CH3082" s="53"/>
      <c r="CI3082" s="53"/>
      <c r="CJ3082" s="53"/>
      <c r="CK3082" s="53"/>
      <c r="CL3082" s="53"/>
      <c r="CM3082" s="53"/>
      <c r="CN3082" s="53"/>
    </row>
    <row r="3083" spans="1:92" outlineLevel="1">
      <c r="A3083" s="52" t="s">
        <v>649</v>
      </c>
      <c r="B3083" s="53"/>
      <c r="C3083" s="53"/>
      <c r="D3083" s="53"/>
      <c r="E3083" s="53"/>
      <c r="F3083" s="53"/>
      <c r="G3083" s="53"/>
      <c r="H3083" s="53"/>
      <c r="I3083" s="53"/>
      <c r="J3083" s="53"/>
      <c r="K3083" s="53"/>
      <c r="L3083" s="53"/>
      <c r="M3083" s="53"/>
      <c r="N3083" s="53"/>
      <c r="O3083" s="53"/>
      <c r="P3083" s="53"/>
      <c r="Q3083" s="53"/>
      <c r="R3083" s="53"/>
      <c r="S3083" s="53"/>
      <c r="T3083" s="53"/>
      <c r="U3083" s="53"/>
      <c r="V3083" s="53"/>
      <c r="W3083" s="53"/>
      <c r="X3083" s="53"/>
      <c r="Y3083" s="53"/>
      <c r="Z3083" s="53"/>
      <c r="AA3083" s="53"/>
      <c r="AB3083" s="53"/>
      <c r="AC3083" s="53"/>
      <c r="AD3083" s="53"/>
      <c r="AE3083" s="53"/>
      <c r="AF3083" s="53"/>
      <c r="AG3083" s="53"/>
      <c r="AH3083" s="53"/>
      <c r="AI3083" s="53"/>
      <c r="AJ3083" s="53"/>
      <c r="AK3083" s="53"/>
      <c r="AL3083" s="53"/>
      <c r="AM3083" s="53"/>
      <c r="AN3083" s="53"/>
      <c r="AO3083" s="53">
        <v>-29000000</v>
      </c>
      <c r="AP3083" s="53"/>
      <c r="AQ3083" s="53"/>
      <c r="AR3083" s="53"/>
      <c r="AS3083" s="53"/>
      <c r="AT3083" s="53"/>
      <c r="AU3083" s="53"/>
      <c r="AV3083" s="53"/>
      <c r="AW3083" s="53"/>
      <c r="AX3083" s="53"/>
      <c r="AY3083" s="53"/>
      <c r="AZ3083" s="53"/>
      <c r="BA3083" s="53">
        <v>-29000000</v>
      </c>
      <c r="BB3083" s="53"/>
      <c r="BC3083" s="53"/>
      <c r="BD3083" s="53"/>
      <c r="BE3083" s="53"/>
      <c r="BF3083" s="53"/>
      <c r="BG3083" s="53"/>
      <c r="BH3083" s="53"/>
      <c r="BI3083" s="53"/>
      <c r="BJ3083" s="53"/>
      <c r="BK3083" s="53"/>
      <c r="BL3083" s="53"/>
      <c r="BM3083" s="53"/>
      <c r="BN3083" s="53"/>
      <c r="BO3083" s="53"/>
      <c r="BP3083" s="53"/>
      <c r="BQ3083" s="53"/>
      <c r="BR3083" s="53"/>
      <c r="BS3083" s="53"/>
      <c r="BT3083" s="53"/>
      <c r="BU3083" s="53"/>
      <c r="BV3083" s="53"/>
      <c r="BW3083" s="53"/>
      <c r="BX3083" s="53"/>
      <c r="BY3083" s="53"/>
      <c r="BZ3083" s="53"/>
      <c r="CA3083" s="53"/>
      <c r="CB3083" s="53"/>
      <c r="CC3083" s="53"/>
      <c r="CD3083" s="53"/>
      <c r="CE3083" s="53"/>
      <c r="CF3083" s="53"/>
      <c r="CG3083" s="53"/>
      <c r="CH3083" s="53"/>
      <c r="CI3083" s="53"/>
      <c r="CJ3083" s="53"/>
      <c r="CK3083" s="53"/>
      <c r="CL3083" s="53"/>
      <c r="CM3083" s="53"/>
      <c r="CN3083" s="53"/>
    </row>
    <row r="3084" spans="1:92" outlineLevel="1">
      <c r="A3084" s="52" t="s">
        <v>1715</v>
      </c>
      <c r="B3084" s="53"/>
      <c r="C3084" s="53"/>
      <c r="D3084" s="53"/>
      <c r="E3084" s="53"/>
      <c r="F3084" s="53"/>
      <c r="G3084" s="53"/>
      <c r="H3084" s="53"/>
      <c r="I3084" s="53"/>
      <c r="J3084" s="53"/>
      <c r="K3084" s="53"/>
      <c r="L3084" s="53"/>
      <c r="M3084" s="53"/>
      <c r="N3084" s="53"/>
      <c r="O3084" s="53"/>
      <c r="P3084" s="53"/>
      <c r="Q3084" s="53"/>
      <c r="R3084" s="53"/>
      <c r="S3084" s="53"/>
      <c r="T3084" s="53"/>
      <c r="U3084" s="53"/>
      <c r="V3084" s="53"/>
      <c r="W3084" s="53"/>
      <c r="X3084" s="53"/>
      <c r="Y3084" s="53"/>
      <c r="Z3084" s="53"/>
      <c r="AA3084" s="53"/>
      <c r="AB3084" s="53"/>
      <c r="AC3084" s="53"/>
      <c r="AD3084" s="53"/>
      <c r="AE3084" s="53"/>
      <c r="AF3084" s="53"/>
      <c r="AG3084" s="53"/>
      <c r="AH3084" s="53"/>
      <c r="AI3084" s="53"/>
      <c r="AJ3084" s="53"/>
      <c r="AK3084" s="53"/>
      <c r="AL3084" s="53"/>
      <c r="AM3084" s="53"/>
      <c r="AN3084" s="53"/>
      <c r="AO3084" s="53"/>
      <c r="AP3084" s="53"/>
      <c r="AQ3084" s="53"/>
      <c r="AR3084" s="53"/>
      <c r="AS3084" s="53"/>
      <c r="AT3084" s="53"/>
      <c r="AU3084" s="53"/>
      <c r="AV3084" s="53"/>
      <c r="AW3084" s="53"/>
      <c r="AX3084" s="53"/>
      <c r="AY3084" s="53"/>
      <c r="AZ3084" s="53"/>
      <c r="BA3084" s="53"/>
      <c r="BB3084" s="53"/>
      <c r="BC3084" s="53"/>
      <c r="BD3084" s="53"/>
      <c r="BE3084" s="53"/>
      <c r="BF3084" s="53"/>
      <c r="BG3084" s="53"/>
      <c r="BH3084" s="53"/>
      <c r="BI3084" s="53"/>
      <c r="BJ3084" s="53"/>
      <c r="BK3084" s="53"/>
      <c r="BL3084" s="53"/>
      <c r="BM3084" s="53"/>
      <c r="BN3084" s="53"/>
      <c r="BO3084" s="53"/>
      <c r="BP3084" s="53"/>
      <c r="BQ3084" s="53"/>
      <c r="BR3084" s="53"/>
      <c r="BS3084" s="53"/>
      <c r="BT3084" s="53"/>
      <c r="BU3084" s="53"/>
      <c r="BV3084" s="53"/>
      <c r="BW3084" s="53"/>
      <c r="BX3084" s="53"/>
      <c r="BY3084" s="53"/>
      <c r="BZ3084" s="53"/>
      <c r="CA3084" s="53"/>
      <c r="CB3084" s="53"/>
      <c r="CC3084" s="53"/>
      <c r="CD3084" s="53"/>
      <c r="CE3084" s="53"/>
      <c r="CF3084" s="53"/>
      <c r="CG3084" s="53"/>
      <c r="CH3084" s="53"/>
      <c r="CI3084" s="53"/>
      <c r="CJ3084" s="53"/>
      <c r="CK3084" s="53"/>
      <c r="CL3084" s="53"/>
      <c r="CM3084" s="53"/>
      <c r="CN3084" s="53"/>
    </row>
    <row r="3085" spans="1:92" outlineLevel="1">
      <c r="A3085" s="52" t="s">
        <v>649</v>
      </c>
      <c r="B3085" s="53">
        <v>-11550666.699999999</v>
      </c>
      <c r="C3085" s="53">
        <v>-11550666.699999999</v>
      </c>
      <c r="D3085" s="53">
        <v>-11550666.699999999</v>
      </c>
      <c r="E3085" s="53">
        <v>-11550666.699999999</v>
      </c>
      <c r="F3085" s="53">
        <v>-11550666.699999999</v>
      </c>
      <c r="G3085" s="53">
        <v>-11550666.699999999</v>
      </c>
      <c r="H3085" s="53">
        <v>-11550666.699999999</v>
      </c>
      <c r="I3085" s="53">
        <v>-11550666.699999999</v>
      </c>
      <c r="J3085" s="53">
        <v>-11550666.699999999</v>
      </c>
      <c r="K3085" s="53">
        <v>-11550666.699999999</v>
      </c>
      <c r="L3085" s="53">
        <v>-11550666.699999999</v>
      </c>
      <c r="M3085" s="53">
        <v>-11550666.699999999</v>
      </c>
      <c r="N3085" s="53">
        <v>-138608000.39999899</v>
      </c>
      <c r="O3085" s="53">
        <v>-8782250</v>
      </c>
      <c r="P3085" s="53">
        <v>-8782250</v>
      </c>
      <c r="Q3085" s="53">
        <v>-8782250</v>
      </c>
      <c r="R3085" s="53">
        <v>-8782250</v>
      </c>
      <c r="S3085" s="53">
        <v>-8782250</v>
      </c>
      <c r="T3085" s="53">
        <v>-8782250</v>
      </c>
      <c r="U3085" s="53">
        <v>-8782250</v>
      </c>
      <c r="V3085" s="53">
        <v>-8782250</v>
      </c>
      <c r="W3085" s="53">
        <v>-8782250</v>
      </c>
      <c r="X3085" s="53">
        <v>-8782250</v>
      </c>
      <c r="Y3085" s="53">
        <v>-8782250</v>
      </c>
      <c r="Z3085" s="53">
        <v>-8782250</v>
      </c>
      <c r="AA3085" s="53">
        <v>-105387000</v>
      </c>
      <c r="AB3085" s="53">
        <v>-5564166.6666666698</v>
      </c>
      <c r="AC3085" s="53">
        <v>-5564166.6666666698</v>
      </c>
      <c r="AD3085" s="53">
        <v>-5564166.6666666698</v>
      </c>
      <c r="AE3085" s="53">
        <v>-5564166.6666666698</v>
      </c>
      <c r="AF3085" s="53">
        <v>-5564166.6666666698</v>
      </c>
      <c r="AG3085" s="53">
        <v>-5564166.6666666698</v>
      </c>
      <c r="AH3085" s="53">
        <v>-5564166.6666666698</v>
      </c>
      <c r="AI3085" s="53">
        <v>-5564166.6666666698</v>
      </c>
      <c r="AJ3085" s="53">
        <v>-5564166.6666666698</v>
      </c>
      <c r="AK3085" s="53">
        <v>-5564166.6666666698</v>
      </c>
      <c r="AL3085" s="53">
        <v>-5564166.6666666698</v>
      </c>
      <c r="AM3085" s="53">
        <v>-5564166.6666666698</v>
      </c>
      <c r="AN3085" s="53">
        <v>-66770000</v>
      </c>
      <c r="AO3085" s="53">
        <v>-4253666.6666666698</v>
      </c>
      <c r="AP3085" s="53">
        <v>-4253666.6666666698</v>
      </c>
      <c r="AQ3085" s="53">
        <v>-4253666.6666666698</v>
      </c>
      <c r="AR3085" s="53">
        <v>-4253666.6666666698</v>
      </c>
      <c r="AS3085" s="53">
        <v>-4253666.6666666698</v>
      </c>
      <c r="AT3085" s="53">
        <v>-4253666.6666666698</v>
      </c>
      <c r="AU3085" s="53">
        <v>-4253666.6666666698</v>
      </c>
      <c r="AV3085" s="53">
        <v>-4253666.6666666698</v>
      </c>
      <c r="AW3085" s="53">
        <v>-4253666.6666666698</v>
      </c>
      <c r="AX3085" s="53">
        <v>-4253666.6666666698</v>
      </c>
      <c r="AY3085" s="53">
        <v>-4253666.6666666698</v>
      </c>
      <c r="AZ3085" s="53">
        <v>-4253666.6666666698</v>
      </c>
      <c r="BA3085" s="53">
        <v>-51044000</v>
      </c>
      <c r="BB3085" s="53">
        <v>-3086666.6666666698</v>
      </c>
      <c r="BC3085" s="53">
        <v>-3086666.6666666698</v>
      </c>
      <c r="BD3085" s="53">
        <v>-3086666.6666666698</v>
      </c>
      <c r="BE3085" s="53">
        <v>-3086666.6666666698</v>
      </c>
      <c r="BF3085" s="53">
        <v>-3086666.6666666698</v>
      </c>
      <c r="BG3085" s="53">
        <v>-3086666.6666666698</v>
      </c>
      <c r="BH3085" s="53">
        <v>-3086666.6666666698</v>
      </c>
      <c r="BI3085" s="53">
        <v>-3086666.6666666698</v>
      </c>
      <c r="BJ3085" s="53">
        <v>-3086666.6666666698</v>
      </c>
      <c r="BK3085" s="53">
        <v>-3086666.6666666698</v>
      </c>
      <c r="BL3085" s="53">
        <v>-3086666.6666666698</v>
      </c>
      <c r="BM3085" s="53">
        <v>-3086666.6666666698</v>
      </c>
      <c r="BN3085" s="53">
        <v>-37040000</v>
      </c>
      <c r="BO3085" s="53"/>
      <c r="BP3085" s="53"/>
      <c r="BQ3085" s="53"/>
      <c r="BR3085" s="53"/>
      <c r="BS3085" s="53"/>
      <c r="BT3085" s="53"/>
      <c r="BU3085" s="53"/>
      <c r="BV3085" s="53"/>
      <c r="BW3085" s="53"/>
      <c r="BX3085" s="53"/>
      <c r="BY3085" s="53"/>
      <c r="BZ3085" s="53"/>
      <c r="CA3085" s="53"/>
      <c r="CB3085" s="53"/>
      <c r="CC3085" s="53"/>
      <c r="CD3085" s="53"/>
      <c r="CE3085" s="53"/>
      <c r="CF3085" s="53"/>
      <c r="CG3085" s="53"/>
      <c r="CH3085" s="53"/>
      <c r="CI3085" s="53"/>
      <c r="CJ3085" s="53"/>
      <c r="CK3085" s="53"/>
      <c r="CL3085" s="53"/>
      <c r="CM3085" s="53"/>
      <c r="CN3085" s="53"/>
    </row>
    <row r="3086" spans="1:92" outlineLevel="1">
      <c r="A3086" s="52" t="s">
        <v>1737</v>
      </c>
      <c r="B3086" s="53"/>
      <c r="C3086" s="53"/>
      <c r="D3086" s="53"/>
      <c r="E3086" s="53"/>
      <c r="F3086" s="53"/>
      <c r="G3086" s="53"/>
      <c r="H3086" s="53"/>
      <c r="I3086" s="53"/>
      <c r="J3086" s="53"/>
      <c r="K3086" s="53"/>
      <c r="L3086" s="53"/>
      <c r="M3086" s="53"/>
      <c r="N3086" s="53"/>
      <c r="O3086" s="53"/>
      <c r="P3086" s="53"/>
      <c r="Q3086" s="53"/>
      <c r="R3086" s="53"/>
      <c r="S3086" s="53"/>
      <c r="T3086" s="53"/>
      <c r="U3086" s="53"/>
      <c r="V3086" s="53"/>
      <c r="W3086" s="53"/>
      <c r="X3086" s="53"/>
      <c r="Y3086" s="53"/>
      <c r="Z3086" s="53"/>
      <c r="AA3086" s="53"/>
      <c r="AB3086" s="53"/>
      <c r="AC3086" s="53"/>
      <c r="AD3086" s="53"/>
      <c r="AE3086" s="53"/>
      <c r="AF3086" s="53"/>
      <c r="AG3086" s="53"/>
      <c r="AH3086" s="53"/>
      <c r="AI3086" s="53"/>
      <c r="AJ3086" s="53"/>
      <c r="AK3086" s="53"/>
      <c r="AL3086" s="53"/>
      <c r="AM3086" s="53"/>
      <c r="AN3086" s="53"/>
      <c r="AO3086" s="53"/>
      <c r="AP3086" s="53"/>
      <c r="AQ3086" s="53"/>
      <c r="AR3086" s="53"/>
      <c r="AS3086" s="53"/>
      <c r="AT3086" s="53"/>
      <c r="AU3086" s="53"/>
      <c r="AV3086" s="53"/>
      <c r="AW3086" s="53"/>
      <c r="AX3086" s="53"/>
      <c r="AY3086" s="53"/>
      <c r="AZ3086" s="53"/>
      <c r="BA3086" s="53"/>
      <c r="BB3086" s="53"/>
      <c r="BC3086" s="53"/>
      <c r="BD3086" s="53"/>
      <c r="BE3086" s="53"/>
      <c r="BF3086" s="53"/>
      <c r="BG3086" s="53"/>
      <c r="BH3086" s="53"/>
      <c r="BI3086" s="53"/>
      <c r="BJ3086" s="53"/>
      <c r="BK3086" s="53"/>
      <c r="BL3086" s="53"/>
      <c r="BM3086" s="53"/>
      <c r="BN3086" s="53"/>
      <c r="BO3086" s="53"/>
      <c r="BP3086" s="53"/>
      <c r="BQ3086" s="53"/>
      <c r="BR3086" s="53"/>
      <c r="BS3086" s="53"/>
      <c r="BT3086" s="53"/>
      <c r="BU3086" s="53"/>
      <c r="BV3086" s="53"/>
      <c r="BW3086" s="53"/>
      <c r="BX3086" s="53"/>
      <c r="BY3086" s="53"/>
      <c r="BZ3086" s="53"/>
      <c r="CA3086" s="53"/>
      <c r="CB3086" s="53"/>
      <c r="CC3086" s="53"/>
      <c r="CD3086" s="53"/>
      <c r="CE3086" s="53"/>
      <c r="CF3086" s="53"/>
      <c r="CG3086" s="53"/>
      <c r="CH3086" s="53"/>
      <c r="CI3086" s="53"/>
      <c r="CJ3086" s="53"/>
      <c r="CK3086" s="53"/>
      <c r="CL3086" s="53"/>
      <c r="CM3086" s="53"/>
      <c r="CN3086" s="53"/>
    </row>
    <row r="3087" spans="1:92" outlineLevel="1">
      <c r="A3087" s="52" t="s">
        <v>649</v>
      </c>
      <c r="B3087" s="53"/>
      <c r="C3087" s="53"/>
      <c r="D3087" s="53"/>
      <c r="E3087" s="53"/>
      <c r="F3087" s="53"/>
      <c r="G3087" s="53"/>
      <c r="H3087" s="53"/>
      <c r="I3087" s="53"/>
      <c r="J3087" s="53"/>
      <c r="K3087" s="53"/>
      <c r="L3087" s="53"/>
      <c r="M3087" s="53">
        <v>71000000</v>
      </c>
      <c r="N3087" s="53">
        <v>71000000</v>
      </c>
      <c r="O3087" s="53"/>
      <c r="P3087" s="53"/>
      <c r="Q3087" s="53"/>
      <c r="R3087" s="53"/>
      <c r="S3087" s="53"/>
      <c r="T3087" s="53"/>
      <c r="U3087" s="53"/>
      <c r="V3087" s="53"/>
      <c r="W3087" s="53"/>
      <c r="X3087" s="53"/>
      <c r="Y3087" s="53"/>
      <c r="Z3087" s="53"/>
      <c r="AA3087" s="53"/>
      <c r="AB3087" s="53"/>
      <c r="AC3087" s="53"/>
      <c r="AD3087" s="53"/>
      <c r="AE3087" s="53"/>
      <c r="AF3087" s="53"/>
      <c r="AG3087" s="53"/>
      <c r="AH3087" s="53"/>
      <c r="AI3087" s="53"/>
      <c r="AJ3087" s="53"/>
      <c r="AK3087" s="53"/>
      <c r="AL3087" s="53"/>
      <c r="AM3087" s="53"/>
      <c r="AN3087" s="53"/>
      <c r="AO3087" s="53"/>
      <c r="AP3087" s="53"/>
      <c r="AQ3087" s="53"/>
      <c r="AR3087" s="53"/>
      <c r="AS3087" s="53"/>
      <c r="AT3087" s="53"/>
      <c r="AU3087" s="53"/>
      <c r="AV3087" s="53"/>
      <c r="AW3087" s="53"/>
      <c r="AX3087" s="53"/>
      <c r="AY3087" s="53"/>
      <c r="AZ3087" s="53"/>
      <c r="BA3087" s="53"/>
      <c r="BB3087" s="53"/>
      <c r="BC3087" s="53"/>
      <c r="BD3087" s="53"/>
      <c r="BE3087" s="53"/>
      <c r="BF3087" s="53"/>
      <c r="BG3087" s="53"/>
      <c r="BH3087" s="53"/>
      <c r="BI3087" s="53"/>
      <c r="BJ3087" s="53"/>
      <c r="BK3087" s="53"/>
      <c r="BL3087" s="53"/>
      <c r="BM3087" s="53"/>
      <c r="BN3087" s="53"/>
      <c r="BO3087" s="53"/>
      <c r="BP3087" s="53"/>
      <c r="BQ3087" s="53"/>
      <c r="BR3087" s="53"/>
      <c r="BS3087" s="53"/>
      <c r="BT3087" s="53"/>
      <c r="BU3087" s="53"/>
      <c r="BV3087" s="53"/>
      <c r="BW3087" s="53"/>
      <c r="BX3087" s="53"/>
      <c r="BY3087" s="53"/>
      <c r="BZ3087" s="53"/>
      <c r="CA3087" s="53"/>
      <c r="CB3087" s="53">
        <v>48273.326686642496</v>
      </c>
      <c r="CC3087" s="53">
        <v>-431106.61400161003</v>
      </c>
      <c r="CD3087" s="53">
        <v>553089.23345798999</v>
      </c>
      <c r="CE3087" s="53">
        <v>666514.52754011296</v>
      </c>
      <c r="CF3087" s="53">
        <v>721902.89191049302</v>
      </c>
      <c r="CG3087" s="53">
        <v>-1666724.99174239</v>
      </c>
      <c r="CH3087" s="53">
        <v>-1363458.22203412</v>
      </c>
      <c r="CI3087" s="53">
        <v>-1321826.60722125</v>
      </c>
      <c r="CJ3087" s="53">
        <v>1165315.3371890001</v>
      </c>
      <c r="CK3087" s="53">
        <v>1232264.4509985901</v>
      </c>
      <c r="CL3087" s="53">
        <v>482666.55450601201</v>
      </c>
      <c r="CM3087" s="53">
        <v>-86909.887289479593</v>
      </c>
      <c r="CN3087" s="53">
        <v>-1.2732925824820899E-8</v>
      </c>
    </row>
    <row r="3088" spans="1:92" outlineLevel="1">
      <c r="A3088" s="52" t="s">
        <v>1702</v>
      </c>
      <c r="B3088" s="53"/>
      <c r="C3088" s="53"/>
      <c r="D3088" s="53"/>
      <c r="E3088" s="53"/>
      <c r="F3088" s="53"/>
      <c r="G3088" s="53"/>
      <c r="H3088" s="53"/>
      <c r="I3088" s="53"/>
      <c r="J3088" s="53"/>
      <c r="K3088" s="53"/>
      <c r="L3088" s="53"/>
      <c r="M3088" s="53"/>
      <c r="N3088" s="53"/>
      <c r="O3088" s="53"/>
      <c r="P3088" s="53"/>
      <c r="Q3088" s="53"/>
      <c r="R3088" s="53"/>
      <c r="S3088" s="53"/>
      <c r="T3088" s="53"/>
      <c r="U3088" s="53"/>
      <c r="V3088" s="53"/>
      <c r="W3088" s="53"/>
      <c r="X3088" s="53"/>
      <c r="Y3088" s="53"/>
      <c r="Z3088" s="53"/>
      <c r="AA3088" s="53"/>
      <c r="AB3088" s="53"/>
      <c r="AC3088" s="53"/>
      <c r="AD3088" s="53"/>
      <c r="AE3088" s="53"/>
      <c r="AF3088" s="53"/>
      <c r="AG3088" s="53"/>
      <c r="AH3088" s="53"/>
      <c r="AI3088" s="53"/>
      <c r="AJ3088" s="53"/>
      <c r="AK3088" s="53"/>
      <c r="AL3088" s="53"/>
      <c r="AM3088" s="53"/>
      <c r="AN3088" s="53"/>
      <c r="AO3088" s="53"/>
      <c r="AP3088" s="53"/>
      <c r="AQ3088" s="53"/>
      <c r="AR3088" s="53"/>
      <c r="AS3088" s="53"/>
      <c r="AT3088" s="53"/>
      <c r="AU3088" s="53"/>
      <c r="AV3088" s="53"/>
      <c r="AW3088" s="53"/>
      <c r="AX3088" s="53"/>
      <c r="AY3088" s="53"/>
      <c r="AZ3088" s="53"/>
      <c r="BA3088" s="53"/>
      <c r="BB3088" s="53"/>
      <c r="BC3088" s="53"/>
      <c r="BD3088" s="53"/>
      <c r="BE3088" s="53"/>
      <c r="BF3088" s="53"/>
      <c r="BG3088" s="53"/>
      <c r="BH3088" s="53"/>
      <c r="BI3088" s="53"/>
      <c r="BJ3088" s="53"/>
      <c r="BK3088" s="53"/>
      <c r="BL3088" s="53"/>
      <c r="BM3088" s="53"/>
      <c r="BN3088" s="53"/>
      <c r="BO3088" s="53"/>
      <c r="BP3088" s="53"/>
      <c r="BQ3088" s="53"/>
      <c r="BR3088" s="53"/>
      <c r="BS3088" s="53"/>
      <c r="BT3088" s="53"/>
      <c r="BU3088" s="53"/>
      <c r="BV3088" s="53"/>
      <c r="BW3088" s="53"/>
      <c r="BX3088" s="53"/>
      <c r="BY3088" s="53"/>
      <c r="BZ3088" s="53"/>
      <c r="CA3088" s="53"/>
      <c r="CB3088" s="53"/>
      <c r="CC3088" s="53"/>
      <c r="CD3088" s="53"/>
      <c r="CE3088" s="53"/>
      <c r="CF3088" s="53"/>
      <c r="CG3088" s="53"/>
      <c r="CH3088" s="53"/>
      <c r="CI3088" s="53"/>
      <c r="CJ3088" s="53"/>
      <c r="CK3088" s="53"/>
      <c r="CL3088" s="53"/>
      <c r="CM3088" s="53"/>
      <c r="CN3088" s="53"/>
    </row>
    <row r="3089" spans="1:92" outlineLevel="1">
      <c r="A3089" s="52" t="s">
        <v>1703</v>
      </c>
      <c r="B3089" s="53"/>
      <c r="C3089" s="53"/>
      <c r="D3089" s="53"/>
      <c r="E3089" s="53"/>
      <c r="F3089" s="53"/>
      <c r="G3089" s="53"/>
      <c r="H3089" s="53"/>
      <c r="I3089" s="53"/>
      <c r="J3089" s="53"/>
      <c r="K3089" s="53"/>
      <c r="L3089" s="53"/>
      <c r="M3089" s="53"/>
      <c r="N3089" s="53"/>
      <c r="O3089" s="53"/>
      <c r="P3089" s="53"/>
      <c r="Q3089" s="53"/>
      <c r="R3089" s="53"/>
      <c r="S3089" s="53"/>
      <c r="T3089" s="53"/>
      <c r="U3089" s="53"/>
      <c r="V3089" s="53"/>
      <c r="W3089" s="53"/>
      <c r="X3089" s="53"/>
      <c r="Y3089" s="53"/>
      <c r="Z3089" s="53"/>
      <c r="AA3089" s="53"/>
      <c r="AB3089" s="53"/>
      <c r="AC3089" s="53"/>
      <c r="AD3089" s="53"/>
      <c r="AE3089" s="53"/>
      <c r="AF3089" s="53"/>
      <c r="AG3089" s="53"/>
      <c r="AH3089" s="53"/>
      <c r="AI3089" s="53"/>
      <c r="AJ3089" s="53"/>
      <c r="AK3089" s="53"/>
      <c r="AL3089" s="53"/>
      <c r="AM3089" s="53"/>
      <c r="AN3089" s="53"/>
      <c r="AO3089" s="53"/>
      <c r="AP3089" s="53"/>
      <c r="AQ3089" s="53"/>
      <c r="AR3089" s="53"/>
      <c r="AS3089" s="53"/>
      <c r="AT3089" s="53"/>
      <c r="AU3089" s="53"/>
      <c r="AV3089" s="53"/>
      <c r="AW3089" s="53"/>
      <c r="AX3089" s="53"/>
      <c r="AY3089" s="53"/>
      <c r="AZ3089" s="53"/>
      <c r="BA3089" s="53"/>
      <c r="BB3089" s="53"/>
      <c r="BC3089" s="53"/>
      <c r="BD3089" s="53"/>
      <c r="BE3089" s="53"/>
      <c r="BF3089" s="53"/>
      <c r="BG3089" s="53"/>
      <c r="BH3089" s="53"/>
      <c r="BI3089" s="53"/>
      <c r="BJ3089" s="53"/>
      <c r="BK3089" s="53"/>
      <c r="BL3089" s="53"/>
      <c r="BM3089" s="53"/>
      <c r="BN3089" s="53"/>
      <c r="BO3089" s="53"/>
      <c r="BP3089" s="53"/>
      <c r="BQ3089" s="53"/>
      <c r="BR3089" s="53"/>
      <c r="BS3089" s="53"/>
      <c r="BT3089" s="53"/>
      <c r="BU3089" s="53"/>
      <c r="BV3089" s="53"/>
      <c r="BW3089" s="53"/>
      <c r="BX3089" s="53"/>
      <c r="BY3089" s="53"/>
      <c r="BZ3089" s="53"/>
      <c r="CA3089" s="53"/>
      <c r="CB3089" s="53"/>
      <c r="CC3089" s="53"/>
      <c r="CD3089" s="53"/>
      <c r="CE3089" s="53"/>
      <c r="CF3089" s="53"/>
      <c r="CG3089" s="53"/>
      <c r="CH3089" s="53"/>
      <c r="CI3089" s="53"/>
      <c r="CJ3089" s="53"/>
      <c r="CK3089" s="53"/>
      <c r="CL3089" s="53"/>
      <c r="CM3089" s="53"/>
      <c r="CN3089" s="53"/>
    </row>
    <row r="3090" spans="1:92" outlineLevel="1">
      <c r="A3090" s="52" t="s">
        <v>649</v>
      </c>
      <c r="B3090" s="53"/>
      <c r="C3090" s="53"/>
      <c r="D3090" s="53"/>
      <c r="E3090" s="53"/>
      <c r="F3090" s="53"/>
      <c r="G3090" s="53"/>
      <c r="H3090" s="53"/>
      <c r="I3090" s="53"/>
      <c r="J3090" s="53"/>
      <c r="K3090" s="53"/>
      <c r="L3090" s="53"/>
      <c r="M3090" s="53"/>
      <c r="N3090" s="53"/>
      <c r="O3090" s="53"/>
      <c r="P3090" s="53"/>
      <c r="Q3090" s="53"/>
      <c r="R3090" s="53"/>
      <c r="S3090" s="53"/>
      <c r="T3090" s="53"/>
      <c r="U3090" s="53"/>
      <c r="V3090" s="53"/>
      <c r="W3090" s="53">
        <v>-24200000</v>
      </c>
      <c r="X3090" s="53"/>
      <c r="Y3090" s="53"/>
      <c r="Z3090" s="53"/>
      <c r="AA3090" s="53">
        <v>-24200000</v>
      </c>
      <c r="AB3090" s="53"/>
      <c r="AC3090" s="53"/>
      <c r="AD3090" s="53"/>
      <c r="AE3090" s="53"/>
      <c r="AF3090" s="53"/>
      <c r="AG3090" s="53"/>
      <c r="AH3090" s="53"/>
      <c r="AI3090" s="53"/>
      <c r="AJ3090" s="53"/>
      <c r="AK3090" s="53"/>
      <c r="AL3090" s="53"/>
      <c r="AM3090" s="53"/>
      <c r="AN3090" s="53"/>
      <c r="AO3090" s="53"/>
      <c r="AP3090" s="53"/>
      <c r="AQ3090" s="53"/>
      <c r="AR3090" s="53"/>
      <c r="AS3090" s="53"/>
      <c r="AT3090" s="53"/>
      <c r="AU3090" s="53"/>
      <c r="AV3090" s="53"/>
      <c r="AW3090" s="53"/>
      <c r="AX3090" s="53"/>
      <c r="AY3090" s="53"/>
      <c r="AZ3090" s="53"/>
      <c r="BA3090" s="53"/>
      <c r="BB3090" s="53"/>
      <c r="BC3090" s="53"/>
      <c r="BD3090" s="53"/>
      <c r="BE3090" s="53"/>
      <c r="BF3090" s="53"/>
      <c r="BG3090" s="53"/>
      <c r="BH3090" s="53"/>
      <c r="BI3090" s="53"/>
      <c r="BJ3090" s="53"/>
      <c r="BK3090" s="53"/>
      <c r="BL3090" s="53"/>
      <c r="BM3090" s="53"/>
      <c r="BN3090" s="53"/>
      <c r="BO3090" s="53"/>
      <c r="BP3090" s="53"/>
      <c r="BQ3090" s="53"/>
      <c r="BR3090" s="53"/>
      <c r="BS3090" s="53"/>
      <c r="BT3090" s="53"/>
      <c r="BU3090" s="53"/>
      <c r="BV3090" s="53"/>
      <c r="BW3090" s="53"/>
      <c r="BX3090" s="53"/>
      <c r="BY3090" s="53"/>
      <c r="BZ3090" s="53"/>
      <c r="CA3090" s="53"/>
      <c r="CB3090" s="53">
        <v>-758430.075969539</v>
      </c>
      <c r="CC3090" s="53">
        <v>-1836495.4673755199</v>
      </c>
      <c r="CD3090" s="53">
        <v>-1696627.32146458</v>
      </c>
      <c r="CE3090" s="53">
        <v>-924376.91749048606</v>
      </c>
      <c r="CF3090" s="53">
        <v>977539.24813891097</v>
      </c>
      <c r="CG3090" s="53">
        <v>1510413.8742243401</v>
      </c>
      <c r="CH3090" s="53">
        <v>2231394.4275165298</v>
      </c>
      <c r="CI3090" s="53">
        <v>2257907.79589803</v>
      </c>
      <c r="CJ3090" s="53">
        <v>1298802.2982007</v>
      </c>
      <c r="CK3090" s="53">
        <v>196508.86802526799</v>
      </c>
      <c r="CL3090" s="53">
        <v>-2124340.4337151502</v>
      </c>
      <c r="CM3090" s="53">
        <v>-1132296.2959884999</v>
      </c>
      <c r="CN3090" s="53">
        <v>-3.6379788070917101E-9</v>
      </c>
    </row>
    <row r="3091" spans="1:92" outlineLevel="1">
      <c r="A3091" s="52" t="s">
        <v>1687</v>
      </c>
      <c r="B3091" s="53"/>
      <c r="C3091" s="53"/>
      <c r="D3091" s="53"/>
      <c r="E3091" s="53"/>
      <c r="F3091" s="53"/>
      <c r="G3091" s="53"/>
      <c r="H3091" s="53"/>
      <c r="I3091" s="53"/>
      <c r="J3091" s="53"/>
      <c r="K3091" s="53"/>
      <c r="L3091" s="53"/>
      <c r="M3091" s="53"/>
      <c r="N3091" s="53"/>
      <c r="O3091" s="53"/>
      <c r="P3091" s="53"/>
      <c r="Q3091" s="53"/>
      <c r="R3091" s="53"/>
      <c r="S3091" s="53"/>
      <c r="T3091" s="53"/>
      <c r="U3091" s="53"/>
      <c r="V3091" s="53"/>
      <c r="W3091" s="53"/>
      <c r="X3091" s="53"/>
      <c r="Y3091" s="53"/>
      <c r="Z3091" s="53"/>
      <c r="AA3091" s="53"/>
      <c r="AB3091" s="53"/>
      <c r="AC3091" s="53"/>
      <c r="AD3091" s="53"/>
      <c r="AE3091" s="53"/>
      <c r="AF3091" s="53"/>
      <c r="AG3091" s="53"/>
      <c r="AH3091" s="53"/>
      <c r="AI3091" s="53"/>
      <c r="AJ3091" s="53"/>
      <c r="AK3091" s="53"/>
      <c r="AL3091" s="53"/>
      <c r="AM3091" s="53"/>
      <c r="AN3091" s="53"/>
      <c r="AO3091" s="53"/>
      <c r="AP3091" s="53"/>
      <c r="AQ3091" s="53"/>
      <c r="AR3091" s="53"/>
      <c r="AS3091" s="53"/>
      <c r="AT3091" s="53"/>
      <c r="AU3091" s="53"/>
      <c r="AV3091" s="53"/>
      <c r="AW3091" s="53"/>
      <c r="AX3091" s="53"/>
      <c r="AY3091" s="53"/>
      <c r="AZ3091" s="53"/>
      <c r="BA3091" s="53"/>
      <c r="BB3091" s="53"/>
      <c r="BC3091" s="53"/>
      <c r="BD3091" s="53"/>
      <c r="BE3091" s="53"/>
      <c r="BF3091" s="53"/>
      <c r="BG3091" s="53"/>
      <c r="BH3091" s="53"/>
      <c r="BI3091" s="53"/>
      <c r="BJ3091" s="53"/>
      <c r="BK3091" s="53"/>
      <c r="BL3091" s="53"/>
      <c r="BM3091" s="53"/>
      <c r="BN3091" s="53"/>
      <c r="BO3091" s="53"/>
      <c r="BP3091" s="53"/>
      <c r="BQ3091" s="53"/>
      <c r="BR3091" s="53"/>
      <c r="BS3091" s="53"/>
      <c r="BT3091" s="53"/>
      <c r="BU3091" s="53"/>
      <c r="BV3091" s="53"/>
      <c r="BW3091" s="53"/>
      <c r="BX3091" s="53"/>
      <c r="BY3091" s="53"/>
      <c r="BZ3091" s="53"/>
      <c r="CA3091" s="53"/>
      <c r="CB3091" s="53"/>
      <c r="CC3091" s="53"/>
      <c r="CD3091" s="53"/>
      <c r="CE3091" s="53"/>
      <c r="CF3091" s="53"/>
      <c r="CG3091" s="53"/>
      <c r="CH3091" s="53"/>
      <c r="CI3091" s="53"/>
      <c r="CJ3091" s="53"/>
      <c r="CK3091" s="53"/>
      <c r="CL3091" s="53"/>
      <c r="CM3091" s="53"/>
      <c r="CN3091" s="53"/>
    </row>
    <row r="3092" spans="1:92" outlineLevel="1">
      <c r="A3092" s="52" t="s">
        <v>1688</v>
      </c>
      <c r="B3092" s="53"/>
      <c r="C3092" s="53"/>
      <c r="D3092" s="53"/>
      <c r="E3092" s="53"/>
      <c r="F3092" s="53"/>
      <c r="G3092" s="53"/>
      <c r="H3092" s="53"/>
      <c r="I3092" s="53"/>
      <c r="J3092" s="53"/>
      <c r="K3092" s="53"/>
      <c r="L3092" s="53"/>
      <c r="M3092" s="53"/>
      <c r="N3092" s="53"/>
      <c r="O3092" s="53"/>
      <c r="P3092" s="53"/>
      <c r="Q3092" s="53"/>
      <c r="R3092" s="53"/>
      <c r="S3092" s="53"/>
      <c r="T3092" s="53"/>
      <c r="U3092" s="53"/>
      <c r="V3092" s="53"/>
      <c r="W3092" s="53"/>
      <c r="X3092" s="53"/>
      <c r="Y3092" s="53"/>
      <c r="Z3092" s="53"/>
      <c r="AA3092" s="53"/>
      <c r="AB3092" s="53"/>
      <c r="AC3092" s="53"/>
      <c r="AD3092" s="53"/>
      <c r="AE3092" s="53"/>
      <c r="AF3092" s="53"/>
      <c r="AG3092" s="53"/>
      <c r="AH3092" s="53"/>
      <c r="AI3092" s="53"/>
      <c r="AJ3092" s="53"/>
      <c r="AK3092" s="53"/>
      <c r="AL3092" s="53"/>
      <c r="AM3092" s="53"/>
      <c r="AN3092" s="53"/>
      <c r="AO3092" s="53"/>
      <c r="AP3092" s="53"/>
      <c r="AQ3092" s="53"/>
      <c r="AR3092" s="53"/>
      <c r="AS3092" s="53"/>
      <c r="AT3092" s="53"/>
      <c r="AU3092" s="53"/>
      <c r="AV3092" s="53"/>
      <c r="AW3092" s="53"/>
      <c r="AX3092" s="53"/>
      <c r="AY3092" s="53"/>
      <c r="AZ3092" s="53"/>
      <c r="BA3092" s="53"/>
      <c r="BB3092" s="53"/>
      <c r="BC3092" s="53"/>
      <c r="BD3092" s="53"/>
      <c r="BE3092" s="53"/>
      <c r="BF3092" s="53"/>
      <c r="BG3092" s="53"/>
      <c r="BH3092" s="53"/>
      <c r="BI3092" s="53"/>
      <c r="BJ3092" s="53"/>
      <c r="BK3092" s="53"/>
      <c r="BL3092" s="53"/>
      <c r="BM3092" s="53"/>
      <c r="BN3092" s="53"/>
      <c r="BO3092" s="53"/>
      <c r="BP3092" s="53"/>
      <c r="BQ3092" s="53"/>
      <c r="BR3092" s="53"/>
      <c r="BS3092" s="53"/>
      <c r="BT3092" s="53"/>
      <c r="BU3092" s="53"/>
      <c r="BV3092" s="53"/>
      <c r="BW3092" s="53"/>
      <c r="BX3092" s="53"/>
      <c r="BY3092" s="53"/>
      <c r="BZ3092" s="53"/>
      <c r="CA3092" s="53"/>
      <c r="CB3092" s="53">
        <v>-1.44740186914094E-10</v>
      </c>
      <c r="CC3092" s="53">
        <v>-1.44740186914094E-10</v>
      </c>
      <c r="CD3092" s="53">
        <v>-1.44740186914094E-10</v>
      </c>
      <c r="CE3092" s="53">
        <v>-1.44740186914094E-10</v>
      </c>
      <c r="CF3092" s="53">
        <v>-1.44740186914094E-10</v>
      </c>
      <c r="CG3092" s="53">
        <v>-1.44740186914094E-10</v>
      </c>
      <c r="CH3092" s="53">
        <v>-1.44740186914094E-10</v>
      </c>
      <c r="CI3092" s="53">
        <v>-1.44740186914094E-10</v>
      </c>
      <c r="CJ3092" s="53">
        <v>-1.44740186914094E-10</v>
      </c>
      <c r="CK3092" s="53">
        <v>-1.44740186914094E-10</v>
      </c>
      <c r="CL3092" s="53">
        <v>-1.44740186914094E-10</v>
      </c>
      <c r="CM3092" s="53">
        <v>-1.44740186914094E-10</v>
      </c>
      <c r="CN3092" s="53">
        <v>-1.73688224296913E-9</v>
      </c>
    </row>
    <row r="3093" spans="1:92" outlineLevel="1">
      <c r="A3093" s="52" t="s">
        <v>649</v>
      </c>
      <c r="B3093" s="53"/>
      <c r="C3093" s="53"/>
      <c r="D3093" s="53"/>
      <c r="E3093" s="53"/>
      <c r="F3093" s="53"/>
      <c r="G3093" s="53"/>
      <c r="H3093" s="53"/>
      <c r="I3093" s="53"/>
      <c r="J3093" s="53"/>
      <c r="K3093" s="53"/>
      <c r="L3093" s="53"/>
      <c r="M3093" s="53"/>
      <c r="N3093" s="53"/>
      <c r="O3093" s="53">
        <v>-2618509.22437499</v>
      </c>
      <c r="P3093" s="53">
        <v>-2618509.22437499</v>
      </c>
      <c r="Q3093" s="53">
        <v>-2618509.22437499</v>
      </c>
      <c r="R3093" s="53">
        <v>-2618509.22437499</v>
      </c>
      <c r="S3093" s="53">
        <v>-2618509.22437499</v>
      </c>
      <c r="T3093" s="53">
        <v>-2618509.22437499</v>
      </c>
      <c r="U3093" s="53">
        <v>-2618509.22437499</v>
      </c>
      <c r="V3093" s="53">
        <v>-2618509.22437499</v>
      </c>
      <c r="W3093" s="53">
        <v>-2618509.22437499</v>
      </c>
      <c r="X3093" s="53">
        <v>-2618509.22437499</v>
      </c>
      <c r="Y3093" s="53">
        <v>-2618509.22437499</v>
      </c>
      <c r="Z3093" s="53">
        <v>-2618509.22437499</v>
      </c>
      <c r="AA3093" s="53">
        <v>-31422110.692499999</v>
      </c>
      <c r="AB3093" s="53">
        <v>-4388870.2495274898</v>
      </c>
      <c r="AC3093" s="53">
        <v>-4388870.2495274898</v>
      </c>
      <c r="AD3093" s="53">
        <v>-4388870.2495274898</v>
      </c>
      <c r="AE3093" s="53">
        <v>-4388870.2495274898</v>
      </c>
      <c r="AF3093" s="53">
        <v>-4388870.2495274898</v>
      </c>
      <c r="AG3093" s="53">
        <v>-4388870.2495274898</v>
      </c>
      <c r="AH3093" s="53">
        <v>-4388870.2495274898</v>
      </c>
      <c r="AI3093" s="53">
        <v>-4388870.2495274898</v>
      </c>
      <c r="AJ3093" s="53">
        <v>-4388870.2495274898</v>
      </c>
      <c r="AK3093" s="53">
        <v>-4388870.2495274898</v>
      </c>
      <c r="AL3093" s="53">
        <v>-4388870.2495274898</v>
      </c>
      <c r="AM3093" s="53">
        <v>-4388870.2495274898</v>
      </c>
      <c r="AN3093" s="53">
        <v>-52666442.9943299</v>
      </c>
      <c r="AO3093" s="53">
        <v>-5253169.3333333302</v>
      </c>
      <c r="AP3093" s="53">
        <v>-5253169.3333333302</v>
      </c>
      <c r="AQ3093" s="53">
        <v>-5253169.3333333302</v>
      </c>
      <c r="AR3093" s="53">
        <v>-5253169.3333333302</v>
      </c>
      <c r="AS3093" s="53">
        <v>-5253169.3333333302</v>
      </c>
      <c r="AT3093" s="53">
        <v>-5253169.3333333302</v>
      </c>
      <c r="AU3093" s="53">
        <v>-5253169.3333333302</v>
      </c>
      <c r="AV3093" s="53">
        <v>-5253169.3333333302</v>
      </c>
      <c r="AW3093" s="53">
        <v>-5253169.3333333302</v>
      </c>
      <c r="AX3093" s="53">
        <v>-5253169.3333333302</v>
      </c>
      <c r="AY3093" s="53">
        <v>-5253169.3333333302</v>
      </c>
      <c r="AZ3093" s="53">
        <v>-5253169.3333333302</v>
      </c>
      <c r="BA3093" s="53">
        <v>-63038031.999999903</v>
      </c>
      <c r="BB3093" s="53">
        <v>-7932402.2177273398</v>
      </c>
      <c r="BC3093" s="53">
        <v>-7932402.2177273398</v>
      </c>
      <c r="BD3093" s="53">
        <v>-7932402.2177273398</v>
      </c>
      <c r="BE3093" s="53">
        <v>-7932402.2177273398</v>
      </c>
      <c r="BF3093" s="53">
        <v>-7932402.2177273398</v>
      </c>
      <c r="BG3093" s="53">
        <v>-7932402.2177273398</v>
      </c>
      <c r="BH3093" s="53">
        <v>-7932402.2177273398</v>
      </c>
      <c r="BI3093" s="53">
        <v>-7932402.2177273398</v>
      </c>
      <c r="BJ3093" s="53">
        <v>-7932402.2177273398</v>
      </c>
      <c r="BK3093" s="53">
        <v>-7932402.2177273398</v>
      </c>
      <c r="BL3093" s="53">
        <v>-7932402.2177273398</v>
      </c>
      <c r="BM3093" s="53">
        <v>-7932402.2177273398</v>
      </c>
      <c r="BN3093" s="53">
        <v>-95188826.612728104</v>
      </c>
      <c r="BO3093" s="53">
        <v>-9706836.634939</v>
      </c>
      <c r="BP3093" s="53">
        <v>-9706836.634939</v>
      </c>
      <c r="BQ3093" s="53">
        <v>-9706836.634939</v>
      </c>
      <c r="BR3093" s="53">
        <v>-9706836.634939</v>
      </c>
      <c r="BS3093" s="53">
        <v>-9706836.634939</v>
      </c>
      <c r="BT3093" s="53">
        <v>-9706836.634939</v>
      </c>
      <c r="BU3093" s="53">
        <v>-9706836.634939</v>
      </c>
      <c r="BV3093" s="53">
        <v>-9706836.634939</v>
      </c>
      <c r="BW3093" s="53">
        <v>-9706836.634939</v>
      </c>
      <c r="BX3093" s="53">
        <v>-9706836.634939</v>
      </c>
      <c r="BY3093" s="53">
        <v>-9706836.634939</v>
      </c>
      <c r="BZ3093" s="53">
        <v>-9706836.634939</v>
      </c>
      <c r="CA3093" s="53">
        <v>-116482039.619267</v>
      </c>
      <c r="CB3093" s="53"/>
      <c r="CC3093" s="53"/>
      <c r="CD3093" s="53"/>
      <c r="CE3093" s="53"/>
      <c r="CF3093" s="53"/>
      <c r="CG3093" s="53"/>
      <c r="CH3093" s="53"/>
      <c r="CI3093" s="53"/>
      <c r="CJ3093" s="53"/>
      <c r="CK3093" s="53"/>
      <c r="CL3093" s="53"/>
      <c r="CM3093" s="53"/>
      <c r="CN3093" s="53"/>
    </row>
    <row r="3094" spans="1:92" outlineLevel="1">
      <c r="A3094" s="52" t="s">
        <v>1725</v>
      </c>
      <c r="B3094" s="53"/>
      <c r="C3094" s="53"/>
      <c r="D3094" s="53"/>
      <c r="E3094" s="53"/>
      <c r="F3094" s="53"/>
      <c r="G3094" s="53"/>
      <c r="H3094" s="53"/>
      <c r="I3094" s="53"/>
      <c r="J3094" s="53"/>
      <c r="K3094" s="53"/>
      <c r="L3094" s="53"/>
      <c r="M3094" s="53"/>
      <c r="N3094" s="53"/>
      <c r="O3094" s="53"/>
      <c r="P3094" s="53"/>
      <c r="Q3094" s="53"/>
      <c r="R3094" s="53"/>
      <c r="S3094" s="53"/>
      <c r="T3094" s="53"/>
      <c r="U3094" s="53"/>
      <c r="V3094" s="53"/>
      <c r="W3094" s="53"/>
      <c r="X3094" s="53"/>
      <c r="Y3094" s="53"/>
      <c r="Z3094" s="53"/>
      <c r="AA3094" s="53"/>
      <c r="AB3094" s="53"/>
      <c r="AC3094" s="53"/>
      <c r="AD3094" s="53"/>
      <c r="AE3094" s="53"/>
      <c r="AF3094" s="53"/>
      <c r="AG3094" s="53"/>
      <c r="AH3094" s="53"/>
      <c r="AI3094" s="53"/>
      <c r="AJ3094" s="53"/>
      <c r="AK3094" s="53"/>
      <c r="AL3094" s="53"/>
      <c r="AM3094" s="53"/>
      <c r="AN3094" s="53"/>
      <c r="AO3094" s="53"/>
      <c r="AP3094" s="53"/>
      <c r="AQ3094" s="53"/>
      <c r="AR3094" s="53"/>
      <c r="AS3094" s="53"/>
      <c r="AT3094" s="53"/>
      <c r="AU3094" s="53"/>
      <c r="AV3094" s="53"/>
      <c r="AW3094" s="53"/>
      <c r="AX3094" s="53"/>
      <c r="AY3094" s="53"/>
      <c r="AZ3094" s="53"/>
      <c r="BA3094" s="53"/>
      <c r="BB3094" s="53"/>
      <c r="BC3094" s="53"/>
      <c r="BD3094" s="53"/>
      <c r="BE3094" s="53"/>
      <c r="BF3094" s="53"/>
      <c r="BG3094" s="53"/>
      <c r="BH3094" s="53"/>
      <c r="BI3094" s="53"/>
      <c r="BJ3094" s="53"/>
      <c r="BK3094" s="53"/>
      <c r="BL3094" s="53"/>
      <c r="BM3094" s="53"/>
      <c r="BN3094" s="53"/>
      <c r="BO3094" s="53"/>
      <c r="BP3094" s="53"/>
      <c r="BQ3094" s="53"/>
      <c r="BR3094" s="53"/>
      <c r="BS3094" s="53"/>
      <c r="BT3094" s="53"/>
      <c r="BU3094" s="53"/>
      <c r="BV3094" s="53"/>
      <c r="BW3094" s="53"/>
      <c r="BX3094" s="53"/>
      <c r="BY3094" s="53"/>
      <c r="BZ3094" s="53"/>
      <c r="CA3094" s="53"/>
      <c r="CB3094" s="53"/>
      <c r="CC3094" s="53"/>
      <c r="CD3094" s="53"/>
      <c r="CE3094" s="53"/>
      <c r="CF3094" s="53"/>
      <c r="CG3094" s="53"/>
      <c r="CH3094" s="53"/>
      <c r="CI3094" s="53"/>
      <c r="CJ3094" s="53"/>
      <c r="CK3094" s="53"/>
      <c r="CL3094" s="53"/>
      <c r="CM3094" s="53"/>
      <c r="CN3094" s="53"/>
    </row>
    <row r="3095" spans="1:92" outlineLevel="1">
      <c r="A3095" s="52" t="s">
        <v>649</v>
      </c>
      <c r="B3095" s="53"/>
      <c r="C3095" s="53"/>
      <c r="D3095" s="53"/>
      <c r="E3095" s="53"/>
      <c r="F3095" s="53"/>
      <c r="G3095" s="53"/>
      <c r="H3095" s="53"/>
      <c r="I3095" s="53"/>
      <c r="J3095" s="53"/>
      <c r="K3095" s="53"/>
      <c r="L3095" s="53"/>
      <c r="M3095" s="53"/>
      <c r="N3095" s="53"/>
      <c r="O3095" s="53">
        <v>-2618509.2243750002</v>
      </c>
      <c r="P3095" s="53">
        <v>-2618509.2243750002</v>
      </c>
      <c r="Q3095" s="53">
        <v>-2618509.2243750002</v>
      </c>
      <c r="R3095" s="53">
        <v>-3765647.7799305599</v>
      </c>
      <c r="S3095" s="53">
        <v>-3765647.7799305599</v>
      </c>
      <c r="T3095" s="53">
        <v>-3765647.7799305599</v>
      </c>
      <c r="U3095" s="53">
        <v>-3765647.7799305599</v>
      </c>
      <c r="V3095" s="53">
        <v>-3765647.7799305599</v>
      </c>
      <c r="W3095" s="53">
        <v>-3765647.7799305599</v>
      </c>
      <c r="X3095" s="53">
        <v>-3765647.7799305599</v>
      </c>
      <c r="Y3095" s="53">
        <v>-3765647.7799305599</v>
      </c>
      <c r="Z3095" s="53">
        <v>-3765647.7799305599</v>
      </c>
      <c r="AA3095" s="53">
        <v>-41746357.692500003</v>
      </c>
      <c r="AB3095" s="53">
        <v>-4388870.2495274898</v>
      </c>
      <c r="AC3095" s="53">
        <v>-4388870.2495274898</v>
      </c>
      <c r="AD3095" s="53">
        <v>-4388870.2495274898</v>
      </c>
      <c r="AE3095" s="53">
        <v>-4388870.2495274898</v>
      </c>
      <c r="AF3095" s="53">
        <v>-4388870.2495274898</v>
      </c>
      <c r="AG3095" s="53">
        <v>-4388870.2495274898</v>
      </c>
      <c r="AH3095" s="53">
        <v>-4388870.2495274898</v>
      </c>
      <c r="AI3095" s="53">
        <v>-4388870.2495274898</v>
      </c>
      <c r="AJ3095" s="53">
        <v>-4388870.2495274898</v>
      </c>
      <c r="AK3095" s="53">
        <v>-4388870.2495274898</v>
      </c>
      <c r="AL3095" s="53">
        <v>-4388870.2495274898</v>
      </c>
      <c r="AM3095" s="53">
        <v>-4388870.2495274898</v>
      </c>
      <c r="AN3095" s="53">
        <v>-52666442.9943299</v>
      </c>
      <c r="AO3095" s="53">
        <v>-5253169.3333333302</v>
      </c>
      <c r="AP3095" s="53">
        <v>-5253169.3333333302</v>
      </c>
      <c r="AQ3095" s="53">
        <v>-5253169.3333333302</v>
      </c>
      <c r="AR3095" s="53">
        <v>-5253169.3333333302</v>
      </c>
      <c r="AS3095" s="53">
        <v>-5253169.3333333302</v>
      </c>
      <c r="AT3095" s="53">
        <v>-5253169.3333333302</v>
      </c>
      <c r="AU3095" s="53">
        <v>-5253169.3333333302</v>
      </c>
      <c r="AV3095" s="53">
        <v>-5253169.3333333302</v>
      </c>
      <c r="AW3095" s="53">
        <v>-5253169.3333333302</v>
      </c>
      <c r="AX3095" s="53">
        <v>-5253169.3333333302</v>
      </c>
      <c r="AY3095" s="53">
        <v>-5253169.3333333302</v>
      </c>
      <c r="AZ3095" s="53">
        <v>-5253169.3333333302</v>
      </c>
      <c r="BA3095" s="53">
        <v>-63038031.999999903</v>
      </c>
      <c r="BB3095" s="53">
        <v>-7932402.2177273501</v>
      </c>
      <c r="BC3095" s="53">
        <v>-7932402.2177273501</v>
      </c>
      <c r="BD3095" s="53">
        <v>-7932402.2177273501</v>
      </c>
      <c r="BE3095" s="53">
        <v>-7932402.2177273501</v>
      </c>
      <c r="BF3095" s="53">
        <v>-7932402.2177273501</v>
      </c>
      <c r="BG3095" s="53">
        <v>-7932402.2177273501</v>
      </c>
      <c r="BH3095" s="53">
        <v>-7932402.2177273501</v>
      </c>
      <c r="BI3095" s="53">
        <v>-7932402.2177273501</v>
      </c>
      <c r="BJ3095" s="53">
        <v>-7932402.2177273501</v>
      </c>
      <c r="BK3095" s="53">
        <v>-7932402.2177273501</v>
      </c>
      <c r="BL3095" s="53">
        <v>-7932402.2177273501</v>
      </c>
      <c r="BM3095" s="53">
        <v>-7932402.2177273501</v>
      </c>
      <c r="BN3095" s="53">
        <v>-95188826.612728104</v>
      </c>
      <c r="BO3095" s="53">
        <v>-9706836.634939</v>
      </c>
      <c r="BP3095" s="53">
        <v>-9706836.634939</v>
      </c>
      <c r="BQ3095" s="53">
        <v>-9706836.634939</v>
      </c>
      <c r="BR3095" s="53">
        <v>-9706836.634939</v>
      </c>
      <c r="BS3095" s="53">
        <v>-9706836.634939</v>
      </c>
      <c r="BT3095" s="53">
        <v>-9706836.634939</v>
      </c>
      <c r="BU3095" s="53">
        <v>-9706836.634939</v>
      </c>
      <c r="BV3095" s="53">
        <v>-9706836.634939</v>
      </c>
      <c r="BW3095" s="53">
        <v>-9706836.634939</v>
      </c>
      <c r="BX3095" s="53">
        <v>-9706836.634939</v>
      </c>
      <c r="BY3095" s="53">
        <v>-9706836.634939</v>
      </c>
      <c r="BZ3095" s="53">
        <v>-9706836.634939</v>
      </c>
      <c r="CA3095" s="53">
        <v>-116482039.619267</v>
      </c>
      <c r="CB3095" s="53">
        <v>55.629169616963701</v>
      </c>
      <c r="CC3095" s="53">
        <v>-118527.992421829</v>
      </c>
      <c r="CD3095" s="53">
        <v>-271161.910337882</v>
      </c>
      <c r="CE3095" s="53">
        <v>-163979.67908107699</v>
      </c>
      <c r="CF3095" s="53">
        <v>-103147.151358605</v>
      </c>
      <c r="CG3095" s="53">
        <v>118485.700884622</v>
      </c>
      <c r="CH3095" s="53">
        <v>167170.32952621099</v>
      </c>
      <c r="CI3095" s="53">
        <v>131386.505096259</v>
      </c>
      <c r="CJ3095" s="53">
        <v>75596.265138896793</v>
      </c>
      <c r="CK3095" s="53">
        <v>-40754.793614753602</v>
      </c>
      <c r="CL3095" s="53">
        <v>116359.073016661</v>
      </c>
      <c r="CM3095" s="53">
        <v>88518.023981879596</v>
      </c>
      <c r="CN3095" s="53">
        <v>-5.6843418860808005E-10</v>
      </c>
    </row>
    <row r="3096" spans="1:92" outlineLevel="1">
      <c r="A3096" s="52" t="s">
        <v>672</v>
      </c>
      <c r="B3096" s="53"/>
      <c r="C3096" s="53"/>
      <c r="D3096" s="53"/>
      <c r="E3096" s="53"/>
      <c r="F3096" s="53"/>
      <c r="G3096" s="53"/>
      <c r="H3096" s="53"/>
      <c r="I3096" s="53"/>
      <c r="J3096" s="53"/>
      <c r="K3096" s="53"/>
      <c r="L3096" s="53"/>
      <c r="M3096" s="53"/>
      <c r="N3096" s="53"/>
      <c r="O3096" s="53"/>
      <c r="P3096" s="53"/>
      <c r="Q3096" s="53"/>
      <c r="R3096" s="53"/>
      <c r="S3096" s="53"/>
      <c r="T3096" s="53"/>
      <c r="U3096" s="53"/>
      <c r="V3096" s="53"/>
      <c r="W3096" s="53"/>
      <c r="X3096" s="53"/>
      <c r="Y3096" s="53"/>
      <c r="Z3096" s="53"/>
      <c r="AA3096" s="53"/>
      <c r="AB3096" s="53"/>
      <c r="AC3096" s="53"/>
      <c r="AD3096" s="53"/>
      <c r="AE3096" s="53"/>
      <c r="AF3096" s="53"/>
      <c r="AG3096" s="53"/>
      <c r="AH3096" s="53"/>
      <c r="AI3096" s="53"/>
      <c r="AJ3096" s="53"/>
      <c r="AK3096" s="53"/>
      <c r="AL3096" s="53"/>
      <c r="AM3096" s="53"/>
      <c r="AN3096" s="53"/>
      <c r="AO3096" s="53"/>
      <c r="AP3096" s="53"/>
      <c r="AQ3096" s="53"/>
      <c r="AR3096" s="53"/>
      <c r="AS3096" s="53"/>
      <c r="AT3096" s="53"/>
      <c r="AU3096" s="53"/>
      <c r="AV3096" s="53"/>
      <c r="AW3096" s="53"/>
      <c r="AX3096" s="53"/>
      <c r="AY3096" s="53"/>
      <c r="AZ3096" s="53"/>
      <c r="BA3096" s="53"/>
      <c r="BB3096" s="53"/>
      <c r="BC3096" s="53"/>
      <c r="BD3096" s="53"/>
      <c r="BE3096" s="53"/>
      <c r="BF3096" s="53"/>
      <c r="BG3096" s="53"/>
      <c r="BH3096" s="53"/>
      <c r="BI3096" s="53"/>
      <c r="BJ3096" s="53"/>
      <c r="BK3096" s="53"/>
      <c r="BL3096" s="53"/>
      <c r="BM3096" s="53"/>
      <c r="BN3096" s="53"/>
      <c r="BO3096" s="53"/>
      <c r="BP3096" s="53"/>
      <c r="BQ3096" s="53"/>
      <c r="BR3096" s="53"/>
      <c r="BS3096" s="53"/>
      <c r="BT3096" s="53"/>
      <c r="BU3096" s="53"/>
      <c r="BV3096" s="53"/>
      <c r="BW3096" s="53"/>
      <c r="BX3096" s="53"/>
      <c r="BY3096" s="53"/>
      <c r="BZ3096" s="53"/>
      <c r="CA3096" s="53"/>
      <c r="CB3096" s="53"/>
      <c r="CC3096" s="53"/>
      <c r="CD3096" s="53"/>
      <c r="CE3096" s="53"/>
      <c r="CF3096" s="53"/>
      <c r="CG3096" s="53"/>
      <c r="CH3096" s="53"/>
      <c r="CI3096" s="53"/>
      <c r="CJ3096" s="53"/>
      <c r="CK3096" s="53"/>
      <c r="CL3096" s="53"/>
      <c r="CM3096" s="53"/>
      <c r="CN3096" s="53"/>
    </row>
    <row r="3097" spans="1:92" outlineLevel="1">
      <c r="A3097" s="52" t="s">
        <v>750</v>
      </c>
      <c r="B3097" s="53"/>
      <c r="C3097" s="53"/>
      <c r="D3097" s="53"/>
      <c r="E3097" s="53"/>
      <c r="F3097" s="53"/>
      <c r="G3097" s="53"/>
      <c r="H3097" s="53"/>
      <c r="I3097" s="53"/>
      <c r="J3097" s="53"/>
      <c r="K3097" s="53"/>
      <c r="L3097" s="53"/>
      <c r="M3097" s="53"/>
      <c r="N3097" s="53"/>
      <c r="O3097" s="53"/>
      <c r="P3097" s="53"/>
      <c r="Q3097" s="53"/>
      <c r="R3097" s="53"/>
      <c r="S3097" s="53"/>
      <c r="T3097" s="53"/>
      <c r="U3097" s="53"/>
      <c r="V3097" s="53"/>
      <c r="W3097" s="53"/>
      <c r="X3097" s="53"/>
      <c r="Y3097" s="53"/>
      <c r="Z3097" s="53"/>
      <c r="AA3097" s="53"/>
      <c r="AB3097" s="53"/>
      <c r="AC3097" s="53"/>
      <c r="AD3097" s="53"/>
      <c r="AE3097" s="53"/>
      <c r="AF3097" s="53"/>
      <c r="AG3097" s="53"/>
      <c r="AH3097" s="53"/>
      <c r="AI3097" s="53"/>
      <c r="AJ3097" s="53"/>
      <c r="AK3097" s="53"/>
      <c r="AL3097" s="53"/>
      <c r="AM3097" s="53"/>
      <c r="AN3097" s="53"/>
      <c r="AO3097" s="53"/>
      <c r="AP3097" s="53"/>
      <c r="AQ3097" s="53"/>
      <c r="AR3097" s="53"/>
      <c r="AS3097" s="53"/>
      <c r="AT3097" s="53"/>
      <c r="AU3097" s="53"/>
      <c r="AV3097" s="53"/>
      <c r="AW3097" s="53"/>
      <c r="AX3097" s="53"/>
      <c r="AY3097" s="53"/>
      <c r="AZ3097" s="53"/>
      <c r="BA3097" s="53"/>
      <c r="BB3097" s="53"/>
      <c r="BC3097" s="53"/>
      <c r="BD3097" s="53"/>
      <c r="BE3097" s="53"/>
      <c r="BF3097" s="53"/>
      <c r="BG3097" s="53"/>
      <c r="BH3097" s="53"/>
      <c r="BI3097" s="53"/>
      <c r="BJ3097" s="53"/>
      <c r="BK3097" s="53"/>
      <c r="BL3097" s="53"/>
      <c r="BM3097" s="53"/>
      <c r="BN3097" s="53"/>
      <c r="BO3097" s="53"/>
      <c r="BP3097" s="53"/>
      <c r="BQ3097" s="53"/>
      <c r="BR3097" s="53"/>
      <c r="BS3097" s="53"/>
      <c r="BT3097" s="53"/>
      <c r="BU3097" s="53"/>
      <c r="BV3097" s="53"/>
      <c r="BW3097" s="53"/>
      <c r="BX3097" s="53"/>
      <c r="BY3097" s="53"/>
      <c r="BZ3097" s="53"/>
      <c r="CA3097" s="53"/>
      <c r="CB3097" s="53">
        <v>2.2951805065560901E-10</v>
      </c>
      <c r="CC3097" s="53">
        <v>2.2951805065560901E-10</v>
      </c>
      <c r="CD3097" s="53">
        <v>2.2951805065560901E-10</v>
      </c>
      <c r="CE3097" s="53">
        <v>2.2951805065560901E-10</v>
      </c>
      <c r="CF3097" s="53">
        <v>2.2951805065560901E-10</v>
      </c>
      <c r="CG3097" s="53">
        <v>2.2951805065560901E-10</v>
      </c>
      <c r="CH3097" s="53">
        <v>2.2951805065560901E-10</v>
      </c>
      <c r="CI3097" s="53">
        <v>2.2951805065560901E-10</v>
      </c>
      <c r="CJ3097" s="53">
        <v>2.2951805065560901E-10</v>
      </c>
      <c r="CK3097" s="53">
        <v>2.2951805065560901E-10</v>
      </c>
      <c r="CL3097" s="53">
        <v>2.2951805065560901E-10</v>
      </c>
      <c r="CM3097" s="53">
        <v>2.2951805065560901E-10</v>
      </c>
      <c r="CN3097" s="53">
        <v>2.75421660786731E-9</v>
      </c>
    </row>
    <row r="3098" spans="1:92" outlineLevel="1">
      <c r="A3098" s="52" t="s">
        <v>753</v>
      </c>
      <c r="B3098" s="53"/>
      <c r="C3098" s="53"/>
      <c r="D3098" s="53"/>
      <c r="E3098" s="53"/>
      <c r="F3098" s="53"/>
      <c r="G3098" s="53"/>
      <c r="H3098" s="53"/>
      <c r="I3098" s="53"/>
      <c r="J3098" s="53"/>
      <c r="K3098" s="53"/>
      <c r="L3098" s="53"/>
      <c r="M3098" s="53"/>
      <c r="N3098" s="53"/>
      <c r="O3098" s="53"/>
      <c r="P3098" s="53"/>
      <c r="Q3098" s="53"/>
      <c r="R3098" s="53"/>
      <c r="S3098" s="53"/>
      <c r="T3098" s="53"/>
      <c r="U3098" s="53"/>
      <c r="V3098" s="53"/>
      <c r="W3098" s="53"/>
      <c r="X3098" s="53"/>
      <c r="Y3098" s="53"/>
      <c r="Z3098" s="53"/>
      <c r="AA3098" s="53"/>
      <c r="AB3098" s="53"/>
      <c r="AC3098" s="53"/>
      <c r="AD3098" s="53"/>
      <c r="AE3098" s="53"/>
      <c r="AF3098" s="53"/>
      <c r="AG3098" s="53"/>
      <c r="AH3098" s="53"/>
      <c r="AI3098" s="53"/>
      <c r="AJ3098" s="53"/>
      <c r="AK3098" s="53"/>
      <c r="AL3098" s="53"/>
      <c r="AM3098" s="53"/>
      <c r="AN3098" s="53"/>
      <c r="AO3098" s="53"/>
      <c r="AP3098" s="53"/>
      <c r="AQ3098" s="53"/>
      <c r="AR3098" s="53"/>
      <c r="AS3098" s="53"/>
      <c r="AT3098" s="53"/>
      <c r="AU3098" s="53"/>
      <c r="AV3098" s="53"/>
      <c r="AW3098" s="53"/>
      <c r="AX3098" s="53"/>
      <c r="AY3098" s="53"/>
      <c r="AZ3098" s="53"/>
      <c r="BA3098" s="53"/>
      <c r="BB3098" s="53"/>
      <c r="BC3098" s="53"/>
      <c r="BD3098" s="53"/>
      <c r="BE3098" s="53"/>
      <c r="BF3098" s="53"/>
      <c r="BG3098" s="53"/>
      <c r="BH3098" s="53"/>
      <c r="BI3098" s="53"/>
      <c r="BJ3098" s="53"/>
      <c r="BK3098" s="53"/>
      <c r="BL3098" s="53"/>
      <c r="BM3098" s="53"/>
      <c r="BN3098" s="53"/>
      <c r="BO3098" s="53"/>
      <c r="BP3098" s="53"/>
      <c r="BQ3098" s="53"/>
      <c r="BR3098" s="53"/>
      <c r="BS3098" s="53"/>
      <c r="BT3098" s="53"/>
      <c r="BU3098" s="53"/>
      <c r="BV3098" s="53"/>
      <c r="BW3098" s="53"/>
      <c r="BX3098" s="53"/>
      <c r="BY3098" s="53"/>
      <c r="BZ3098" s="53"/>
      <c r="CA3098" s="53"/>
      <c r="CB3098" s="53"/>
      <c r="CC3098" s="53"/>
      <c r="CD3098" s="53"/>
      <c r="CE3098" s="53"/>
      <c r="CF3098" s="53"/>
      <c r="CG3098" s="53"/>
      <c r="CH3098" s="53"/>
      <c r="CI3098" s="53"/>
      <c r="CJ3098" s="53"/>
      <c r="CK3098" s="53"/>
      <c r="CL3098" s="53"/>
      <c r="CM3098" s="53"/>
      <c r="CN3098" s="53"/>
    </row>
    <row r="3099" spans="1:92" outlineLevel="1">
      <c r="A3099" s="52" t="s">
        <v>649</v>
      </c>
      <c r="B3099" s="53">
        <v>5956650</v>
      </c>
      <c r="C3099" s="53">
        <v>5991170</v>
      </c>
      <c r="D3099" s="53">
        <v>5749080</v>
      </c>
      <c r="E3099" s="53">
        <v>6015240</v>
      </c>
      <c r="F3099" s="53">
        <v>6043800</v>
      </c>
      <c r="G3099" s="53">
        <v>5798460</v>
      </c>
      <c r="H3099" s="53">
        <v>6100360</v>
      </c>
      <c r="I3099" s="53">
        <v>6120639.9999999898</v>
      </c>
      <c r="J3099" s="53">
        <v>5909549.9999999898</v>
      </c>
      <c r="K3099" s="53">
        <v>6173109.9999999898</v>
      </c>
      <c r="L3099" s="53">
        <v>6185509.9999999898</v>
      </c>
      <c r="M3099" s="53">
        <v>5952779.9999999898</v>
      </c>
      <c r="N3099" s="53">
        <v>71996350</v>
      </c>
      <c r="O3099" s="53">
        <v>6319192.0642190203</v>
      </c>
      <c r="P3099" s="53">
        <v>7360541.86776431</v>
      </c>
      <c r="Q3099" s="53">
        <v>7378460.4906525305</v>
      </c>
      <c r="R3099" s="53">
        <v>7445708.7263047099</v>
      </c>
      <c r="S3099" s="53">
        <v>7461926.6665074704</v>
      </c>
      <c r="T3099" s="53">
        <v>7514307.2286579097</v>
      </c>
      <c r="U3099" s="53">
        <v>7556331.4391971398</v>
      </c>
      <c r="V3099" s="53">
        <v>7580989.0145613998</v>
      </c>
      <c r="W3099" s="53">
        <v>7597705.95827334</v>
      </c>
      <c r="X3099" s="53">
        <v>7631567.1460170997</v>
      </c>
      <c r="Y3099" s="53">
        <v>7648065.2002727697</v>
      </c>
      <c r="Z3099" s="53">
        <v>7666034.6098542204</v>
      </c>
      <c r="AA3099" s="53">
        <v>89160830.412281901</v>
      </c>
      <c r="AB3099" s="53">
        <v>7914002.6005074596</v>
      </c>
      <c r="AC3099" s="53">
        <v>7926868.5617945204</v>
      </c>
      <c r="AD3099" s="53">
        <v>8029718.0151607897</v>
      </c>
      <c r="AE3099" s="53">
        <v>8071270.9887854299</v>
      </c>
      <c r="AF3099" s="53">
        <v>8087698.9135041302</v>
      </c>
      <c r="AG3099" s="53">
        <v>8105409.0055210898</v>
      </c>
      <c r="AH3099" s="53">
        <v>8153514.4149436001</v>
      </c>
      <c r="AI3099" s="53">
        <v>8169036.9730889201</v>
      </c>
      <c r="AJ3099" s="53">
        <v>8184366.4264179403</v>
      </c>
      <c r="AK3099" s="53">
        <v>8216897.3170261998</v>
      </c>
      <c r="AL3099" s="53">
        <v>8291111.2237156499</v>
      </c>
      <c r="AM3099" s="53">
        <v>8307622.0743817901</v>
      </c>
      <c r="AN3099" s="53">
        <v>97457516.514847502</v>
      </c>
      <c r="AO3099" s="53">
        <v>8628991.3660780899</v>
      </c>
      <c r="AP3099" s="53">
        <v>8663645.0442195907</v>
      </c>
      <c r="AQ3099" s="53">
        <v>8678688.9939204697</v>
      </c>
      <c r="AR3099" s="53">
        <v>8716645.5037144199</v>
      </c>
      <c r="AS3099" s="53">
        <v>8746931.1134135798</v>
      </c>
      <c r="AT3099" s="53">
        <v>8765498.8277180009</v>
      </c>
      <c r="AU3099" s="53">
        <v>8826183.6524635106</v>
      </c>
      <c r="AV3099" s="53">
        <v>8844591.8049089108</v>
      </c>
      <c r="AW3099" s="53">
        <v>8863409.6941099204</v>
      </c>
      <c r="AX3099" s="53">
        <v>8944606.4296237901</v>
      </c>
      <c r="AY3099" s="53">
        <v>8962589.4467277192</v>
      </c>
      <c r="AZ3099" s="53">
        <v>8978909.4356714003</v>
      </c>
      <c r="BA3099" s="53">
        <v>105620691.31256901</v>
      </c>
      <c r="BB3099" s="53">
        <v>9372238.38647536</v>
      </c>
      <c r="BC3099" s="53">
        <v>9397952.5294049606</v>
      </c>
      <c r="BD3099" s="53">
        <v>9413423.4992784709</v>
      </c>
      <c r="BE3099" s="53">
        <v>9454318.5242468901</v>
      </c>
      <c r="BF3099" s="53">
        <v>9472449.7721980494</v>
      </c>
      <c r="BG3099" s="53">
        <v>9510535.8747160006</v>
      </c>
      <c r="BH3099" s="53">
        <v>9564867.6463295408</v>
      </c>
      <c r="BI3099" s="53">
        <v>9634305.6461628005</v>
      </c>
      <c r="BJ3099" s="53">
        <v>9655911.7044461295</v>
      </c>
      <c r="BK3099" s="53">
        <v>9695286.7399003301</v>
      </c>
      <c r="BL3099" s="53">
        <v>9716034.4693227895</v>
      </c>
      <c r="BM3099" s="53">
        <v>9733988.7181780208</v>
      </c>
      <c r="BN3099" s="53">
        <v>114621313.51065899</v>
      </c>
      <c r="BO3099" s="53">
        <v>9876654.3775159996</v>
      </c>
      <c r="BP3099" s="53">
        <v>9891365.1858431809</v>
      </c>
      <c r="BQ3099" s="53">
        <v>9907319.5416215193</v>
      </c>
      <c r="BR3099" s="53">
        <v>9942099.8921780307</v>
      </c>
      <c r="BS3099" s="53">
        <v>9960550.8379892893</v>
      </c>
      <c r="BT3099" s="53">
        <v>9986300.6969475895</v>
      </c>
      <c r="BU3099" s="53">
        <v>10038500.5612454</v>
      </c>
      <c r="BV3099" s="53">
        <v>10116440.3297581</v>
      </c>
      <c r="BW3099" s="53">
        <v>10137533.5781515</v>
      </c>
      <c r="BX3099" s="53">
        <v>10177772.219191199</v>
      </c>
      <c r="BY3099" s="53">
        <v>10220375.2256312</v>
      </c>
      <c r="BZ3099" s="53">
        <v>10240178.7756714</v>
      </c>
      <c r="CA3099" s="53">
        <v>120495091.221744</v>
      </c>
      <c r="CB3099" s="53"/>
      <c r="CC3099" s="53"/>
      <c r="CD3099" s="53"/>
      <c r="CE3099" s="53"/>
      <c r="CF3099" s="53"/>
      <c r="CG3099" s="53"/>
      <c r="CH3099" s="53"/>
      <c r="CI3099" s="53"/>
      <c r="CJ3099" s="53"/>
      <c r="CK3099" s="53"/>
      <c r="CL3099" s="53"/>
      <c r="CM3099" s="53"/>
      <c r="CN3099" s="53"/>
    </row>
    <row r="3100" spans="1:92" outlineLevel="1">
      <c r="A3100" s="52" t="s">
        <v>758</v>
      </c>
      <c r="B3100" s="53"/>
      <c r="C3100" s="53"/>
      <c r="D3100" s="53"/>
      <c r="E3100" s="53"/>
      <c r="F3100" s="53"/>
      <c r="G3100" s="53"/>
      <c r="H3100" s="53"/>
      <c r="I3100" s="53"/>
      <c r="J3100" s="53"/>
      <c r="K3100" s="53"/>
      <c r="L3100" s="53"/>
      <c r="M3100" s="53"/>
      <c r="N3100" s="53"/>
      <c r="O3100" s="53"/>
      <c r="P3100" s="53"/>
      <c r="Q3100" s="53"/>
      <c r="R3100" s="53"/>
      <c r="S3100" s="53"/>
      <c r="T3100" s="53"/>
      <c r="U3100" s="53"/>
      <c r="V3100" s="53"/>
      <c r="W3100" s="53"/>
      <c r="X3100" s="53"/>
      <c r="Y3100" s="53"/>
      <c r="Z3100" s="53"/>
      <c r="AA3100" s="53"/>
      <c r="AB3100" s="53"/>
      <c r="AC3100" s="53"/>
      <c r="AD3100" s="53"/>
      <c r="AE3100" s="53"/>
      <c r="AF3100" s="53"/>
      <c r="AG3100" s="53"/>
      <c r="AH3100" s="53"/>
      <c r="AI3100" s="53"/>
      <c r="AJ3100" s="53"/>
      <c r="AK3100" s="53"/>
      <c r="AL3100" s="53"/>
      <c r="AM3100" s="53"/>
      <c r="AN3100" s="53"/>
      <c r="AO3100" s="53"/>
      <c r="AP3100" s="53"/>
      <c r="AQ3100" s="53"/>
      <c r="AR3100" s="53"/>
      <c r="AS3100" s="53"/>
      <c r="AT3100" s="53"/>
      <c r="AU3100" s="53"/>
      <c r="AV3100" s="53"/>
      <c r="AW3100" s="53"/>
      <c r="AX3100" s="53"/>
      <c r="AY3100" s="53"/>
      <c r="AZ3100" s="53"/>
      <c r="BA3100" s="53"/>
      <c r="BB3100" s="53"/>
      <c r="BC3100" s="53"/>
      <c r="BD3100" s="53"/>
      <c r="BE3100" s="53"/>
      <c r="BF3100" s="53"/>
      <c r="BG3100" s="53"/>
      <c r="BH3100" s="53"/>
      <c r="BI3100" s="53"/>
      <c r="BJ3100" s="53"/>
      <c r="BK3100" s="53"/>
      <c r="BL3100" s="53"/>
      <c r="BM3100" s="53"/>
      <c r="BN3100" s="53"/>
      <c r="BO3100" s="53"/>
      <c r="BP3100" s="53"/>
      <c r="BQ3100" s="53"/>
      <c r="BR3100" s="53"/>
      <c r="BS3100" s="53"/>
      <c r="BT3100" s="53"/>
      <c r="BU3100" s="53"/>
      <c r="BV3100" s="53"/>
      <c r="BW3100" s="53"/>
      <c r="BX3100" s="53"/>
      <c r="BY3100" s="53"/>
      <c r="BZ3100" s="53"/>
      <c r="CA3100" s="53"/>
      <c r="CB3100" s="53"/>
      <c r="CC3100" s="53"/>
      <c r="CD3100" s="53"/>
      <c r="CE3100" s="53"/>
      <c r="CF3100" s="53"/>
      <c r="CG3100" s="53"/>
      <c r="CH3100" s="53"/>
      <c r="CI3100" s="53"/>
      <c r="CJ3100" s="53"/>
      <c r="CK3100" s="53"/>
      <c r="CL3100" s="53"/>
      <c r="CM3100" s="53"/>
      <c r="CN3100" s="53"/>
    </row>
    <row r="3101" spans="1:92" outlineLevel="1">
      <c r="A3101" s="52" t="s">
        <v>1738</v>
      </c>
      <c r="B3101" s="53"/>
      <c r="C3101" s="53"/>
      <c r="D3101" s="53"/>
      <c r="E3101" s="53"/>
      <c r="F3101" s="53"/>
      <c r="G3101" s="53"/>
      <c r="H3101" s="53"/>
      <c r="I3101" s="53"/>
      <c r="J3101" s="53"/>
      <c r="K3101" s="53"/>
      <c r="L3101" s="53"/>
      <c r="M3101" s="53"/>
      <c r="N3101" s="53"/>
      <c r="O3101" s="53"/>
      <c r="P3101" s="53"/>
      <c r="Q3101" s="53"/>
      <c r="R3101" s="53"/>
      <c r="S3101" s="53"/>
      <c r="T3101" s="53"/>
      <c r="U3101" s="53"/>
      <c r="V3101" s="53"/>
      <c r="W3101" s="53"/>
      <c r="X3101" s="53"/>
      <c r="Y3101" s="53"/>
      <c r="Z3101" s="53"/>
      <c r="AA3101" s="53"/>
      <c r="AB3101" s="53"/>
      <c r="AC3101" s="53"/>
      <c r="AD3101" s="53"/>
      <c r="AE3101" s="53"/>
      <c r="AF3101" s="53"/>
      <c r="AG3101" s="53"/>
      <c r="AH3101" s="53"/>
      <c r="AI3101" s="53"/>
      <c r="AJ3101" s="53"/>
      <c r="AK3101" s="53"/>
      <c r="AL3101" s="53"/>
      <c r="AM3101" s="53"/>
      <c r="AN3101" s="53"/>
      <c r="AO3101" s="53"/>
      <c r="AP3101" s="53"/>
      <c r="AQ3101" s="53"/>
      <c r="AR3101" s="53"/>
      <c r="AS3101" s="53"/>
      <c r="AT3101" s="53"/>
      <c r="AU3101" s="53"/>
      <c r="AV3101" s="53"/>
      <c r="AW3101" s="53"/>
      <c r="AX3101" s="53"/>
      <c r="AY3101" s="53"/>
      <c r="AZ3101" s="53"/>
      <c r="BA3101" s="53"/>
      <c r="BB3101" s="53"/>
      <c r="BC3101" s="53"/>
      <c r="BD3101" s="53"/>
      <c r="BE3101" s="53"/>
      <c r="BF3101" s="53"/>
      <c r="BG3101" s="53"/>
      <c r="BH3101" s="53"/>
      <c r="BI3101" s="53"/>
      <c r="BJ3101" s="53"/>
      <c r="BK3101" s="53"/>
      <c r="BL3101" s="53"/>
      <c r="BM3101" s="53"/>
      <c r="BN3101" s="53"/>
      <c r="BO3101" s="53"/>
      <c r="BP3101" s="53"/>
      <c r="BQ3101" s="53"/>
      <c r="BR3101" s="53"/>
      <c r="BS3101" s="53"/>
      <c r="BT3101" s="53"/>
      <c r="BU3101" s="53"/>
      <c r="BV3101" s="53"/>
      <c r="BW3101" s="53"/>
      <c r="BX3101" s="53"/>
      <c r="BY3101" s="53"/>
      <c r="BZ3101" s="53"/>
      <c r="CA3101" s="53"/>
      <c r="CB3101" s="53"/>
      <c r="CC3101" s="53"/>
      <c r="CD3101" s="53"/>
      <c r="CE3101" s="53"/>
      <c r="CF3101" s="53"/>
      <c r="CG3101" s="53"/>
      <c r="CH3101" s="53"/>
      <c r="CI3101" s="53"/>
      <c r="CJ3101" s="53"/>
      <c r="CK3101" s="53"/>
      <c r="CL3101" s="53"/>
      <c r="CM3101" s="53"/>
      <c r="CN3101" s="53"/>
    </row>
    <row r="3102" spans="1:92" outlineLevel="1">
      <c r="A3102" s="52" t="s">
        <v>649</v>
      </c>
      <c r="B3102" s="53">
        <v>-3257912.89</v>
      </c>
      <c r="C3102" s="53">
        <v>-2751410.57</v>
      </c>
      <c r="D3102" s="53">
        <v>-1092236.83</v>
      </c>
      <c r="E3102" s="53">
        <v>-2374489.9500000002</v>
      </c>
      <c r="F3102" s="53">
        <v>1954174.25</v>
      </c>
      <c r="G3102" s="53">
        <v>2892089.96</v>
      </c>
      <c r="H3102" s="53">
        <v>4422757.0699999901</v>
      </c>
      <c r="I3102" s="53">
        <v>6440578.4900000002</v>
      </c>
      <c r="J3102" s="53">
        <v>7487003.6600000001</v>
      </c>
      <c r="K3102" s="53">
        <v>1349785.52</v>
      </c>
      <c r="L3102" s="53">
        <v>-3132992.77</v>
      </c>
      <c r="M3102" s="53">
        <v>-2691606.6799999899</v>
      </c>
      <c r="N3102" s="53">
        <v>9245739.2599999905</v>
      </c>
      <c r="O3102" s="53">
        <v>7060735.6276335102</v>
      </c>
      <c r="P3102" s="53">
        <v>-8869988.2712789699</v>
      </c>
      <c r="Q3102" s="53">
        <v>-5254543.6426555999</v>
      </c>
      <c r="R3102" s="53">
        <v>-2368516.2172534899</v>
      </c>
      <c r="S3102" s="53">
        <v>2686811.4328566501</v>
      </c>
      <c r="T3102" s="53">
        <v>317256.337506885</v>
      </c>
      <c r="U3102" s="53">
        <v>2368473.1048851102</v>
      </c>
      <c r="V3102" s="53">
        <v>12971952.615078099</v>
      </c>
      <c r="W3102" s="53">
        <v>4241417.3931915397</v>
      </c>
      <c r="X3102" s="53">
        <v>111226.13232753699</v>
      </c>
      <c r="Y3102" s="53">
        <v>-6861264.6479175696</v>
      </c>
      <c r="Z3102" s="53">
        <v>-6403559.8643736802</v>
      </c>
      <c r="AA3102" s="53">
        <v>8.3673512563109398E-8</v>
      </c>
      <c r="AB3102" s="53">
        <v>403458.84609849198</v>
      </c>
      <c r="AC3102" s="53">
        <v>-10876798.9060208</v>
      </c>
      <c r="AD3102" s="53">
        <v>-8347428.9156879196</v>
      </c>
      <c r="AE3102" s="53">
        <v>-6209091.6548966998</v>
      </c>
      <c r="AF3102" s="53">
        <v>-789711.02042523399</v>
      </c>
      <c r="AG3102" s="53">
        <v>-1739932.07583537</v>
      </c>
      <c r="AH3102" s="53">
        <v>-220927.21410128</v>
      </c>
      <c r="AI3102" s="53">
        <v>7487906.6481142603</v>
      </c>
      <c r="AJ3102" s="53">
        <v>10072477.8446155</v>
      </c>
      <c r="AK3102" s="53">
        <v>6745536.3198598996</v>
      </c>
      <c r="AL3102" s="53">
        <v>1481072.6712208099</v>
      </c>
      <c r="AM3102" s="53">
        <v>1993437.45705848</v>
      </c>
      <c r="AN3102" s="53">
        <v>6.1845639720559094E-8</v>
      </c>
      <c r="AO3102" s="53">
        <v>2366385.9213756602</v>
      </c>
      <c r="AP3102" s="53">
        <v>-2750831.9010022799</v>
      </c>
      <c r="AQ3102" s="53">
        <v>-1198407.37585127</v>
      </c>
      <c r="AR3102" s="53">
        <v>-318600.92175601103</v>
      </c>
      <c r="AS3102" s="53">
        <v>1083367.9565687899</v>
      </c>
      <c r="AT3102" s="53">
        <v>-907199.33942682797</v>
      </c>
      <c r="AU3102" s="53">
        <v>-196950.25364793901</v>
      </c>
      <c r="AV3102" s="53">
        <v>3117499.6880433802</v>
      </c>
      <c r="AW3102" s="53">
        <v>1740781.3358247101</v>
      </c>
      <c r="AX3102" s="53">
        <v>602937.72149391205</v>
      </c>
      <c r="AY3102" s="53">
        <v>-1658484.0054058901</v>
      </c>
      <c r="AZ3102" s="53">
        <v>-1880498.8262162399</v>
      </c>
      <c r="BA3102" s="53">
        <v>-7.2759576141834201E-9</v>
      </c>
      <c r="BB3102" s="53">
        <v>1116572.1868135501</v>
      </c>
      <c r="BC3102" s="53">
        <v>-704927.91495505394</v>
      </c>
      <c r="BD3102" s="53">
        <v>327726.787325827</v>
      </c>
      <c r="BE3102" s="53">
        <v>628841.21547723596</v>
      </c>
      <c r="BF3102" s="53">
        <v>669155.07786061405</v>
      </c>
      <c r="BG3102" s="53">
        <v>-1832201.25956421</v>
      </c>
      <c r="BH3102" s="53">
        <v>-1574860.59962296</v>
      </c>
      <c r="BI3102" s="53">
        <v>-369610.502006475</v>
      </c>
      <c r="BJ3102" s="53">
        <v>972059.38808851503</v>
      </c>
      <c r="BK3102" s="53">
        <v>1017495.84821511</v>
      </c>
      <c r="BL3102" s="53">
        <v>163097.511211531</v>
      </c>
      <c r="BM3102" s="53">
        <v>-413347.73884367099</v>
      </c>
      <c r="BN3102" s="53">
        <v>9.0949470177292803E-10</v>
      </c>
      <c r="BO3102" s="53">
        <v>-1366014.64176414</v>
      </c>
      <c r="BP3102" s="53">
        <v>-2244766.3620118299</v>
      </c>
      <c r="BQ3102" s="53">
        <v>-1334631.6077107301</v>
      </c>
      <c r="BR3102" s="53">
        <v>-1200796.9349573101</v>
      </c>
      <c r="BS3102" s="53">
        <v>-1565238.8220239901</v>
      </c>
      <c r="BT3102" s="53">
        <v>1229040.4109309099</v>
      </c>
      <c r="BU3102" s="53">
        <v>1341480.1174660199</v>
      </c>
      <c r="BV3102" s="53">
        <v>1894303.67677914</v>
      </c>
      <c r="BW3102" s="53">
        <v>1202564.1737740501</v>
      </c>
      <c r="BX3102" s="53">
        <v>901203.53692559805</v>
      </c>
      <c r="BY3102" s="53">
        <v>516755.73659794498</v>
      </c>
      <c r="BZ3102" s="53">
        <v>626100.71599433594</v>
      </c>
      <c r="CA3102" s="53">
        <v>-2.2737367544323202E-9</v>
      </c>
      <c r="CB3102" s="53"/>
      <c r="CC3102" s="53"/>
      <c r="CD3102" s="53"/>
      <c r="CE3102" s="53"/>
      <c r="CF3102" s="53"/>
      <c r="CG3102" s="53"/>
      <c r="CH3102" s="53"/>
      <c r="CI3102" s="53"/>
      <c r="CJ3102" s="53"/>
      <c r="CK3102" s="53"/>
      <c r="CL3102" s="53"/>
      <c r="CM3102" s="53"/>
      <c r="CN3102" s="53"/>
    </row>
    <row r="3103" spans="1:92" outlineLevel="1">
      <c r="A3103" s="52" t="s">
        <v>762</v>
      </c>
      <c r="B3103" s="53"/>
      <c r="C3103" s="53"/>
      <c r="D3103" s="53"/>
      <c r="E3103" s="53"/>
      <c r="F3103" s="53"/>
      <c r="G3103" s="53"/>
      <c r="H3103" s="53"/>
      <c r="I3103" s="53"/>
      <c r="J3103" s="53"/>
      <c r="K3103" s="53"/>
      <c r="L3103" s="53"/>
      <c r="M3103" s="53"/>
      <c r="N3103" s="53"/>
      <c r="O3103" s="53"/>
      <c r="P3103" s="53"/>
      <c r="Q3103" s="53"/>
      <c r="R3103" s="53"/>
      <c r="S3103" s="53"/>
      <c r="T3103" s="53"/>
      <c r="U3103" s="53"/>
      <c r="V3103" s="53"/>
      <c r="W3103" s="53"/>
      <c r="X3103" s="53"/>
      <c r="Y3103" s="53"/>
      <c r="Z3103" s="53"/>
      <c r="AA3103" s="53"/>
      <c r="AB3103" s="53"/>
      <c r="AC3103" s="53"/>
      <c r="AD3103" s="53"/>
      <c r="AE3103" s="53"/>
      <c r="AF3103" s="53"/>
      <c r="AG3103" s="53"/>
      <c r="AH3103" s="53"/>
      <c r="AI3103" s="53"/>
      <c r="AJ3103" s="53"/>
      <c r="AK3103" s="53"/>
      <c r="AL3103" s="53"/>
      <c r="AM3103" s="53"/>
      <c r="AN3103" s="53"/>
      <c r="AO3103" s="53"/>
      <c r="AP3103" s="53"/>
      <c r="AQ3103" s="53"/>
      <c r="AR3103" s="53"/>
      <c r="AS3103" s="53"/>
      <c r="AT3103" s="53"/>
      <c r="AU3103" s="53"/>
      <c r="AV3103" s="53"/>
      <c r="AW3103" s="53"/>
      <c r="AX3103" s="53"/>
      <c r="AY3103" s="53"/>
      <c r="AZ3103" s="53"/>
      <c r="BA3103" s="53"/>
      <c r="BB3103" s="53"/>
      <c r="BC3103" s="53"/>
      <c r="BD3103" s="53"/>
      <c r="BE3103" s="53"/>
      <c r="BF3103" s="53"/>
      <c r="BG3103" s="53"/>
      <c r="BH3103" s="53"/>
      <c r="BI3103" s="53"/>
      <c r="BJ3103" s="53"/>
      <c r="BK3103" s="53"/>
      <c r="BL3103" s="53"/>
      <c r="BM3103" s="53"/>
      <c r="BN3103" s="53"/>
      <c r="BO3103" s="53"/>
      <c r="BP3103" s="53"/>
      <c r="BQ3103" s="53"/>
      <c r="BR3103" s="53"/>
      <c r="BS3103" s="53"/>
      <c r="BT3103" s="53"/>
      <c r="BU3103" s="53"/>
      <c r="BV3103" s="53"/>
      <c r="BW3103" s="53"/>
      <c r="BX3103" s="53"/>
      <c r="BY3103" s="53"/>
      <c r="BZ3103" s="53"/>
      <c r="CA3103" s="53"/>
      <c r="CB3103" s="53"/>
      <c r="CC3103" s="53"/>
      <c r="CD3103" s="53"/>
      <c r="CE3103" s="53"/>
      <c r="CF3103" s="53"/>
      <c r="CG3103" s="53"/>
      <c r="CH3103" s="53"/>
      <c r="CI3103" s="53"/>
      <c r="CJ3103" s="53"/>
      <c r="CK3103" s="53"/>
      <c r="CL3103" s="53"/>
      <c r="CM3103" s="53"/>
      <c r="CN3103" s="53"/>
    </row>
    <row r="3104" spans="1:92" outlineLevel="1">
      <c r="A3104" s="52" t="s">
        <v>1739</v>
      </c>
      <c r="B3104" s="53"/>
      <c r="C3104" s="53"/>
      <c r="D3104" s="53"/>
      <c r="E3104" s="53"/>
      <c r="F3104" s="53"/>
      <c r="G3104" s="53"/>
      <c r="H3104" s="53"/>
      <c r="I3104" s="53"/>
      <c r="J3104" s="53"/>
      <c r="K3104" s="53"/>
      <c r="L3104" s="53"/>
      <c r="M3104" s="53"/>
      <c r="N3104" s="53"/>
      <c r="O3104" s="53"/>
      <c r="P3104" s="53"/>
      <c r="Q3104" s="53"/>
      <c r="R3104" s="53"/>
      <c r="S3104" s="53"/>
      <c r="T3104" s="53"/>
      <c r="U3104" s="53"/>
      <c r="V3104" s="53"/>
      <c r="W3104" s="53"/>
      <c r="X3104" s="53"/>
      <c r="Y3104" s="53"/>
      <c r="Z3104" s="53"/>
      <c r="AA3104" s="53"/>
      <c r="AB3104" s="53"/>
      <c r="AC3104" s="53"/>
      <c r="AD3104" s="53"/>
      <c r="AE3104" s="53"/>
      <c r="AF3104" s="53"/>
      <c r="AG3104" s="53"/>
      <c r="AH3104" s="53"/>
      <c r="AI3104" s="53"/>
      <c r="AJ3104" s="53"/>
      <c r="AK3104" s="53"/>
      <c r="AL3104" s="53"/>
      <c r="AM3104" s="53"/>
      <c r="AN3104" s="53"/>
      <c r="AO3104" s="53"/>
      <c r="AP3104" s="53"/>
      <c r="AQ3104" s="53"/>
      <c r="AR3104" s="53"/>
      <c r="AS3104" s="53"/>
      <c r="AT3104" s="53"/>
      <c r="AU3104" s="53"/>
      <c r="AV3104" s="53"/>
      <c r="AW3104" s="53"/>
      <c r="AX3104" s="53"/>
      <c r="AY3104" s="53"/>
      <c r="AZ3104" s="53"/>
      <c r="BA3104" s="53"/>
      <c r="BB3104" s="53"/>
      <c r="BC3104" s="53"/>
      <c r="BD3104" s="53"/>
      <c r="BE3104" s="53"/>
      <c r="BF3104" s="53"/>
      <c r="BG3104" s="53"/>
      <c r="BH3104" s="53"/>
      <c r="BI3104" s="53"/>
      <c r="BJ3104" s="53"/>
      <c r="BK3104" s="53"/>
      <c r="BL3104" s="53"/>
      <c r="BM3104" s="53"/>
      <c r="BN3104" s="53"/>
      <c r="BO3104" s="53"/>
      <c r="BP3104" s="53"/>
      <c r="BQ3104" s="53"/>
      <c r="BR3104" s="53"/>
      <c r="BS3104" s="53"/>
      <c r="BT3104" s="53"/>
      <c r="BU3104" s="53"/>
      <c r="BV3104" s="53"/>
      <c r="BW3104" s="53"/>
      <c r="BX3104" s="53"/>
      <c r="BY3104" s="53"/>
      <c r="BZ3104" s="53"/>
      <c r="CA3104" s="53"/>
      <c r="CB3104" s="53"/>
      <c r="CC3104" s="53"/>
      <c r="CD3104" s="53"/>
      <c r="CE3104" s="53"/>
      <c r="CF3104" s="53"/>
      <c r="CG3104" s="53"/>
      <c r="CH3104" s="53"/>
      <c r="CI3104" s="53"/>
      <c r="CJ3104" s="53"/>
      <c r="CK3104" s="53"/>
      <c r="CL3104" s="53"/>
      <c r="CM3104" s="53"/>
      <c r="CN3104" s="53"/>
    </row>
    <row r="3105" spans="1:92" outlineLevel="1">
      <c r="A3105" s="52" t="s">
        <v>649</v>
      </c>
      <c r="B3105" s="53">
        <v>482114.77749999898</v>
      </c>
      <c r="C3105" s="53">
        <v>109144.477500002</v>
      </c>
      <c r="D3105" s="53">
        <v>-2173785.8824999998</v>
      </c>
      <c r="E3105" s="53">
        <v>-791417.862499999</v>
      </c>
      <c r="F3105" s="53">
        <v>872425.20750000002</v>
      </c>
      <c r="G3105" s="53">
        <v>3951874.3975</v>
      </c>
      <c r="H3105" s="53">
        <v>1398174.6675</v>
      </c>
      <c r="I3105" s="53">
        <v>2609681.4474999998</v>
      </c>
      <c r="J3105" s="53">
        <v>1992738.1174999999</v>
      </c>
      <c r="K3105" s="53">
        <v>-183861.10249999899</v>
      </c>
      <c r="L3105" s="53">
        <v>-9866886.9824999999</v>
      </c>
      <c r="M3105" s="53">
        <v>-1539579.1325000001</v>
      </c>
      <c r="N3105" s="53">
        <v>-3139377.8699999899</v>
      </c>
      <c r="O3105" s="53">
        <v>1626473.26975044</v>
      </c>
      <c r="P3105" s="53">
        <v>-2735171.2314026402</v>
      </c>
      <c r="Q3105" s="53">
        <v>-2412977.9806600902</v>
      </c>
      <c r="R3105" s="53">
        <v>-708487.43992707203</v>
      </c>
      <c r="S3105" s="53">
        <v>1008678.8777152899</v>
      </c>
      <c r="T3105" s="53">
        <v>1184538.2901788901</v>
      </c>
      <c r="U3105" s="53">
        <v>1529716.85261843</v>
      </c>
      <c r="V3105" s="53">
        <v>4226251.4932887601</v>
      </c>
      <c r="W3105" s="53">
        <v>651760.37052115297</v>
      </c>
      <c r="X3105" s="53">
        <v>-394809.208793931</v>
      </c>
      <c r="Y3105" s="53">
        <v>-2825746.3995930799</v>
      </c>
      <c r="Z3105" s="53">
        <v>-1788646.3647881099</v>
      </c>
      <c r="AA3105" s="53">
        <v>-638419.47109195299</v>
      </c>
      <c r="AB3105" s="53">
        <v>2169627.3688805201</v>
      </c>
      <c r="AC3105" s="53">
        <v>-2344624.1579509298</v>
      </c>
      <c r="AD3105" s="53">
        <v>-2137106.0878325999</v>
      </c>
      <c r="AE3105" s="53">
        <v>-921831.81734483701</v>
      </c>
      <c r="AF3105" s="53">
        <v>983190.26359797094</v>
      </c>
      <c r="AG3105" s="53">
        <v>1344715.3767250199</v>
      </c>
      <c r="AH3105" s="53">
        <v>1704820.4322617799</v>
      </c>
      <c r="AI3105" s="53">
        <v>4622894.11413847</v>
      </c>
      <c r="AJ3105" s="53">
        <v>611244.72146528901</v>
      </c>
      <c r="AK3105" s="53">
        <v>-636664.72350265703</v>
      </c>
      <c r="AL3105" s="53">
        <v>-3286675.1658111401</v>
      </c>
      <c r="AM3105" s="53">
        <v>-2109590.32462689</v>
      </c>
      <c r="AN3105" s="53">
        <v>-1.72803993336856E-8</v>
      </c>
      <c r="AO3105" s="53">
        <v>1707358.8043714501</v>
      </c>
      <c r="AP3105" s="53">
        <v>-2762510.0311361598</v>
      </c>
      <c r="AQ3105" s="53">
        <v>-2083941.3466707401</v>
      </c>
      <c r="AR3105" s="53">
        <v>-1302610.8232311599</v>
      </c>
      <c r="AS3105" s="53">
        <v>548580.72066021804</v>
      </c>
      <c r="AT3105" s="53">
        <v>1269534.87504155</v>
      </c>
      <c r="AU3105" s="53">
        <v>1879779.5548303099</v>
      </c>
      <c r="AV3105" s="53">
        <v>4749087.4061170202</v>
      </c>
      <c r="AW3105" s="53">
        <v>1050406.39045687</v>
      </c>
      <c r="AX3105" s="53">
        <v>-551311.20030368899</v>
      </c>
      <c r="AY3105" s="53">
        <v>-2499218.1013153601</v>
      </c>
      <c r="AZ3105" s="53">
        <v>-2005156.24882031</v>
      </c>
      <c r="BA3105" s="53">
        <v>-1.4551915228366801E-8</v>
      </c>
      <c r="BB3105" s="53">
        <v>1713945.8976274701</v>
      </c>
      <c r="BC3105" s="53">
        <v>-2813781.0794013301</v>
      </c>
      <c r="BD3105" s="53">
        <v>-2172728.41173768</v>
      </c>
      <c r="BE3105" s="53">
        <v>-1373328.6217298801</v>
      </c>
      <c r="BF3105" s="53">
        <v>521328.19762799202</v>
      </c>
      <c r="BG3105" s="53">
        <v>1320642.06188658</v>
      </c>
      <c r="BH3105" s="53">
        <v>1941239.2435903901</v>
      </c>
      <c r="BI3105" s="53">
        <v>4857829.0514438897</v>
      </c>
      <c r="BJ3105" s="53">
        <v>1098166.70816209</v>
      </c>
      <c r="BK3105" s="53">
        <v>-513640.711660325</v>
      </c>
      <c r="BL3105" s="53">
        <v>-2554851.3854476898</v>
      </c>
      <c r="BM3105" s="53">
        <v>-2024890.3952604099</v>
      </c>
      <c r="BN3105" s="53">
        <v>-69.444898883375501</v>
      </c>
      <c r="BO3105" s="53">
        <v>1773464.1562186901</v>
      </c>
      <c r="BP3105" s="53">
        <v>-3016737.8891863301</v>
      </c>
      <c r="BQ3105" s="53">
        <v>-2362248.43365457</v>
      </c>
      <c r="BR3105" s="53">
        <v>-1517635.94777559</v>
      </c>
      <c r="BS3105" s="53">
        <v>534234.87555027998</v>
      </c>
      <c r="BT3105" s="53">
        <v>1422269.75204538</v>
      </c>
      <c r="BU3105" s="53">
        <v>2087902.4734950999</v>
      </c>
      <c r="BV3105" s="53">
        <v>5184293.5942264805</v>
      </c>
      <c r="BW3105" s="53">
        <v>1203275.23549584</v>
      </c>
      <c r="BX3105" s="53">
        <v>-516919.98620855302</v>
      </c>
      <c r="BY3105" s="53">
        <v>-2684878.5650899601</v>
      </c>
      <c r="BZ3105" s="53">
        <v>-2106881.9730591602</v>
      </c>
      <c r="CA3105" s="53">
        <v>137.29205761774199</v>
      </c>
      <c r="CB3105" s="53">
        <v>61413031.463886701</v>
      </c>
      <c r="CC3105" s="53">
        <v>59026901.390087701</v>
      </c>
      <c r="CD3105" s="53">
        <v>57612201.391743198</v>
      </c>
      <c r="CE3105" s="53">
        <v>57190359.322711803</v>
      </c>
      <c r="CF3105" s="53">
        <v>58786654.311402597</v>
      </c>
      <c r="CG3105" s="53">
        <v>58748828.894769199</v>
      </c>
      <c r="CH3105" s="53">
        <v>59783935.429777801</v>
      </c>
      <c r="CI3105" s="53">
        <v>60851403.123550802</v>
      </c>
      <c r="CJ3105" s="53">
        <v>63391117.024079397</v>
      </c>
      <c r="CK3105" s="53">
        <v>64779135.549488597</v>
      </c>
      <c r="CL3105" s="53">
        <v>63253820.743296102</v>
      </c>
      <c r="CM3105" s="53">
        <v>62123132.583999999</v>
      </c>
      <c r="CN3105" s="53">
        <v>62123132.583999999</v>
      </c>
    </row>
    <row r="3106" spans="1:92" outlineLevel="1">
      <c r="A3106" s="52" t="s">
        <v>1740</v>
      </c>
      <c r="B3106" s="53"/>
      <c r="C3106" s="53"/>
      <c r="D3106" s="53"/>
      <c r="E3106" s="53"/>
      <c r="F3106" s="53"/>
      <c r="G3106" s="53"/>
      <c r="H3106" s="53"/>
      <c r="I3106" s="53"/>
      <c r="J3106" s="53"/>
      <c r="K3106" s="53"/>
      <c r="L3106" s="53"/>
      <c r="M3106" s="53"/>
      <c r="N3106" s="53"/>
      <c r="O3106" s="53"/>
      <c r="P3106" s="53"/>
      <c r="Q3106" s="53"/>
      <c r="R3106" s="53"/>
      <c r="S3106" s="53"/>
      <c r="T3106" s="53"/>
      <c r="U3106" s="53"/>
      <c r="V3106" s="53"/>
      <c r="W3106" s="53"/>
      <c r="X3106" s="53"/>
      <c r="Y3106" s="53"/>
      <c r="Z3106" s="53"/>
      <c r="AA3106" s="53"/>
      <c r="AB3106" s="53"/>
      <c r="AC3106" s="53"/>
      <c r="AD3106" s="53"/>
      <c r="AE3106" s="53"/>
      <c r="AF3106" s="53"/>
      <c r="AG3106" s="53"/>
      <c r="AH3106" s="53"/>
      <c r="AI3106" s="53"/>
      <c r="AJ3106" s="53"/>
      <c r="AK3106" s="53"/>
      <c r="AL3106" s="53"/>
      <c r="AM3106" s="53"/>
      <c r="AN3106" s="53"/>
      <c r="AO3106" s="53"/>
      <c r="AP3106" s="53"/>
      <c r="AQ3106" s="53"/>
      <c r="AR3106" s="53"/>
      <c r="AS3106" s="53"/>
      <c r="AT3106" s="53"/>
      <c r="AU3106" s="53"/>
      <c r="AV3106" s="53"/>
      <c r="AW3106" s="53"/>
      <c r="AX3106" s="53"/>
      <c r="AY3106" s="53"/>
      <c r="AZ3106" s="53"/>
      <c r="BA3106" s="53"/>
      <c r="BB3106" s="53"/>
      <c r="BC3106" s="53"/>
      <c r="BD3106" s="53"/>
      <c r="BE3106" s="53"/>
      <c r="BF3106" s="53"/>
      <c r="BG3106" s="53"/>
      <c r="BH3106" s="53"/>
      <c r="BI3106" s="53"/>
      <c r="BJ3106" s="53"/>
      <c r="BK3106" s="53"/>
      <c r="BL3106" s="53"/>
      <c r="BM3106" s="53"/>
      <c r="BN3106" s="53"/>
      <c r="BO3106" s="53"/>
      <c r="BP3106" s="53"/>
      <c r="BQ3106" s="53"/>
      <c r="BR3106" s="53"/>
      <c r="BS3106" s="53"/>
      <c r="BT3106" s="53"/>
      <c r="BU3106" s="53"/>
      <c r="BV3106" s="53"/>
      <c r="BW3106" s="53"/>
      <c r="BX3106" s="53"/>
      <c r="BY3106" s="53"/>
      <c r="BZ3106" s="53"/>
      <c r="CA3106" s="53"/>
      <c r="CB3106" s="53">
        <v>0</v>
      </c>
      <c r="CC3106" s="53">
        <v>0</v>
      </c>
      <c r="CD3106" s="53">
        <v>0</v>
      </c>
      <c r="CE3106" s="53">
        <v>0</v>
      </c>
      <c r="CF3106" s="53">
        <v>0</v>
      </c>
      <c r="CG3106" s="53">
        <v>0</v>
      </c>
      <c r="CH3106" s="53">
        <v>0</v>
      </c>
      <c r="CI3106" s="53">
        <v>0</v>
      </c>
      <c r="CJ3106" s="53">
        <v>0</v>
      </c>
      <c r="CK3106" s="53">
        <v>0</v>
      </c>
      <c r="CL3106" s="53">
        <v>0</v>
      </c>
      <c r="CM3106" s="53">
        <v>0</v>
      </c>
      <c r="CN3106" s="53">
        <v>0</v>
      </c>
    </row>
    <row r="3107" spans="1:92" outlineLevel="1">
      <c r="A3107" s="52" t="s">
        <v>649</v>
      </c>
      <c r="B3107" s="53">
        <v>-1599798.7375</v>
      </c>
      <c r="C3107" s="53">
        <v>-1599798.7375</v>
      </c>
      <c r="D3107" s="53">
        <v>-1599798.7375</v>
      </c>
      <c r="E3107" s="53">
        <v>-1599798.7375</v>
      </c>
      <c r="F3107" s="53">
        <v>-1599798.7375</v>
      </c>
      <c r="G3107" s="53">
        <v>-1599798.7375</v>
      </c>
      <c r="H3107" s="53">
        <v>-1599798.7375</v>
      </c>
      <c r="I3107" s="53">
        <v>-1599798.7375</v>
      </c>
      <c r="J3107" s="53">
        <v>-1599798.7375</v>
      </c>
      <c r="K3107" s="53">
        <v>-1599798.7375</v>
      </c>
      <c r="L3107" s="53">
        <v>-1599798.7375</v>
      </c>
      <c r="M3107" s="53">
        <v>-1599798.7375</v>
      </c>
      <c r="N3107" s="53">
        <v>-19197584.849999901</v>
      </c>
      <c r="O3107" s="53">
        <v>-643791.48916666606</v>
      </c>
      <c r="P3107" s="53">
        <v>-643791.48916666606</v>
      </c>
      <c r="Q3107" s="53">
        <v>-643791.48916666606</v>
      </c>
      <c r="R3107" s="53">
        <v>-643791.48916666606</v>
      </c>
      <c r="S3107" s="53">
        <v>-643791.48916666606</v>
      </c>
      <c r="T3107" s="53">
        <v>-643791.48916666606</v>
      </c>
      <c r="U3107" s="53">
        <v>-643791.48916666606</v>
      </c>
      <c r="V3107" s="53">
        <v>-643791.48916666606</v>
      </c>
      <c r="W3107" s="53">
        <v>-643791.48916666606</v>
      </c>
      <c r="X3107" s="53">
        <v>-643791.48916666606</v>
      </c>
      <c r="Y3107" s="53">
        <v>-643791.48916666606</v>
      </c>
      <c r="Z3107" s="53">
        <v>-643791.48916666606</v>
      </c>
      <c r="AA3107" s="53">
        <v>-7725497.8700000001</v>
      </c>
      <c r="AB3107" s="53">
        <v>53201.622590996099</v>
      </c>
      <c r="AC3107" s="53">
        <v>53201.622590996099</v>
      </c>
      <c r="AD3107" s="53">
        <v>53201.622590996099</v>
      </c>
      <c r="AE3107" s="53">
        <v>53201.622590996099</v>
      </c>
      <c r="AF3107" s="53">
        <v>53201.622590996099</v>
      </c>
      <c r="AG3107" s="53">
        <v>53201.622590996099</v>
      </c>
      <c r="AH3107" s="53">
        <v>53201.622590996099</v>
      </c>
      <c r="AI3107" s="53">
        <v>53201.622590996099</v>
      </c>
      <c r="AJ3107" s="53">
        <v>53201.622590996099</v>
      </c>
      <c r="AK3107" s="53">
        <v>53201.622590996099</v>
      </c>
      <c r="AL3107" s="53">
        <v>53201.622590996099</v>
      </c>
      <c r="AM3107" s="53">
        <v>53201.622590996099</v>
      </c>
      <c r="AN3107" s="53">
        <v>638419.47109195299</v>
      </c>
      <c r="AO3107" s="53">
        <v>1.36128145792705E-9</v>
      </c>
      <c r="AP3107" s="53">
        <v>1.36128145792705E-9</v>
      </c>
      <c r="AQ3107" s="53">
        <v>1.36128145792705E-9</v>
      </c>
      <c r="AR3107" s="53">
        <v>1.36128145792705E-9</v>
      </c>
      <c r="AS3107" s="53">
        <v>1.36128145792705E-9</v>
      </c>
      <c r="AT3107" s="53">
        <v>1.36128145792705E-9</v>
      </c>
      <c r="AU3107" s="53">
        <v>1.36128145792705E-9</v>
      </c>
      <c r="AV3107" s="53">
        <v>1.36128145792705E-9</v>
      </c>
      <c r="AW3107" s="53">
        <v>1.36128145792705E-9</v>
      </c>
      <c r="AX3107" s="53">
        <v>1.36128145792705E-9</v>
      </c>
      <c r="AY3107" s="53">
        <v>1.36128145792705E-9</v>
      </c>
      <c r="AZ3107" s="53">
        <v>1.36128145792705E-9</v>
      </c>
      <c r="BA3107" s="53">
        <v>1.63353774951247E-8</v>
      </c>
      <c r="BB3107" s="53">
        <v>1.36448876888708E-9</v>
      </c>
      <c r="BC3107" s="53">
        <v>1.36448876888708E-9</v>
      </c>
      <c r="BD3107" s="53">
        <v>1.36448876888708E-9</v>
      </c>
      <c r="BE3107" s="53">
        <v>1.36448876888708E-9</v>
      </c>
      <c r="BF3107" s="53">
        <v>1.36448876888708E-9</v>
      </c>
      <c r="BG3107" s="53">
        <v>1.36448876888708E-9</v>
      </c>
      <c r="BH3107" s="53">
        <v>1.36448876888708E-9</v>
      </c>
      <c r="BI3107" s="53">
        <v>1.36448876888708E-9</v>
      </c>
      <c r="BJ3107" s="53">
        <v>1.36448876888708E-9</v>
      </c>
      <c r="BK3107" s="53">
        <v>1.36448876888708E-9</v>
      </c>
      <c r="BL3107" s="53">
        <v>1.36448876888708E-9</v>
      </c>
      <c r="BM3107" s="53">
        <v>1.36448876888708E-9</v>
      </c>
      <c r="BN3107" s="53">
        <v>1.6373865226645001E-8</v>
      </c>
      <c r="BO3107" s="53">
        <v>5.7870749068721503</v>
      </c>
      <c r="BP3107" s="53">
        <v>5.7870749068721503</v>
      </c>
      <c r="BQ3107" s="53">
        <v>5.7870749068721503</v>
      </c>
      <c r="BR3107" s="53">
        <v>5.7870749068721503</v>
      </c>
      <c r="BS3107" s="53">
        <v>5.7870749068721503</v>
      </c>
      <c r="BT3107" s="53">
        <v>5.7870749068721503</v>
      </c>
      <c r="BU3107" s="53">
        <v>5.7870749068721503</v>
      </c>
      <c r="BV3107" s="53">
        <v>5.7870749068721503</v>
      </c>
      <c r="BW3107" s="53">
        <v>5.7870749068721503</v>
      </c>
      <c r="BX3107" s="53">
        <v>5.7870749068721503</v>
      </c>
      <c r="BY3107" s="53">
        <v>5.7870749068721503</v>
      </c>
      <c r="BZ3107" s="53">
        <v>5.7870749068721503</v>
      </c>
      <c r="CA3107" s="53">
        <v>69.444898882465793</v>
      </c>
      <c r="CB3107" s="53">
        <v>0</v>
      </c>
      <c r="CC3107" s="53">
        <v>0</v>
      </c>
      <c r="CD3107" s="53">
        <v>0</v>
      </c>
      <c r="CE3107" s="53">
        <v>0</v>
      </c>
      <c r="CF3107" s="53">
        <v>0</v>
      </c>
      <c r="CG3107" s="53">
        <v>0</v>
      </c>
      <c r="CH3107" s="53">
        <v>0</v>
      </c>
      <c r="CI3107" s="53">
        <v>0</v>
      </c>
      <c r="CJ3107" s="53">
        <v>0</v>
      </c>
      <c r="CK3107" s="53">
        <v>0</v>
      </c>
      <c r="CL3107" s="53">
        <v>0</v>
      </c>
      <c r="CM3107" s="53">
        <v>0</v>
      </c>
      <c r="CN3107" s="53">
        <v>0</v>
      </c>
    </row>
    <row r="3108" spans="1:92" outlineLevel="1">
      <c r="A3108" s="52" t="s">
        <v>765</v>
      </c>
      <c r="B3108" s="53"/>
      <c r="C3108" s="53"/>
      <c r="D3108" s="53"/>
      <c r="E3108" s="53"/>
      <c r="F3108" s="53"/>
      <c r="G3108" s="53"/>
      <c r="H3108" s="53"/>
      <c r="I3108" s="53"/>
      <c r="J3108" s="53"/>
      <c r="K3108" s="53"/>
      <c r="L3108" s="53"/>
      <c r="M3108" s="53"/>
      <c r="N3108" s="53"/>
      <c r="O3108" s="53"/>
      <c r="P3108" s="53"/>
      <c r="Q3108" s="53"/>
      <c r="R3108" s="53"/>
      <c r="S3108" s="53"/>
      <c r="T3108" s="53"/>
      <c r="U3108" s="53"/>
      <c r="V3108" s="53"/>
      <c r="W3108" s="53"/>
      <c r="X3108" s="53"/>
      <c r="Y3108" s="53"/>
      <c r="Z3108" s="53"/>
      <c r="AA3108" s="53"/>
      <c r="AB3108" s="53"/>
      <c r="AC3108" s="53"/>
      <c r="AD3108" s="53"/>
      <c r="AE3108" s="53"/>
      <c r="AF3108" s="53"/>
      <c r="AG3108" s="53"/>
      <c r="AH3108" s="53"/>
      <c r="AI3108" s="53"/>
      <c r="AJ3108" s="53"/>
      <c r="AK3108" s="53"/>
      <c r="AL3108" s="53"/>
      <c r="AM3108" s="53"/>
      <c r="AN3108" s="53"/>
      <c r="AO3108" s="53"/>
      <c r="AP3108" s="53"/>
      <c r="AQ3108" s="53"/>
      <c r="AR3108" s="53"/>
      <c r="AS3108" s="53"/>
      <c r="AT3108" s="53"/>
      <c r="AU3108" s="53"/>
      <c r="AV3108" s="53"/>
      <c r="AW3108" s="53"/>
      <c r="AX3108" s="53"/>
      <c r="AY3108" s="53"/>
      <c r="AZ3108" s="53"/>
      <c r="BA3108" s="53"/>
      <c r="BB3108" s="53"/>
      <c r="BC3108" s="53"/>
      <c r="BD3108" s="53"/>
      <c r="BE3108" s="53"/>
      <c r="BF3108" s="53"/>
      <c r="BG3108" s="53"/>
      <c r="BH3108" s="53"/>
      <c r="BI3108" s="53"/>
      <c r="BJ3108" s="53"/>
      <c r="BK3108" s="53"/>
      <c r="BL3108" s="53"/>
      <c r="BM3108" s="53"/>
      <c r="BN3108" s="53"/>
      <c r="BO3108" s="53"/>
      <c r="BP3108" s="53"/>
      <c r="BQ3108" s="53"/>
      <c r="BR3108" s="53"/>
      <c r="BS3108" s="53"/>
      <c r="BT3108" s="53"/>
      <c r="BU3108" s="53"/>
      <c r="BV3108" s="53"/>
      <c r="BW3108" s="53"/>
      <c r="BX3108" s="53"/>
      <c r="BY3108" s="53"/>
      <c r="BZ3108" s="53"/>
      <c r="CA3108" s="53"/>
      <c r="CB3108" s="53">
        <v>0</v>
      </c>
      <c r="CC3108" s="53">
        <v>0</v>
      </c>
      <c r="CD3108" s="53">
        <v>0</v>
      </c>
      <c r="CE3108" s="53">
        <v>0</v>
      </c>
      <c r="CF3108" s="53">
        <v>0</v>
      </c>
      <c r="CG3108" s="53">
        <v>0</v>
      </c>
      <c r="CH3108" s="53">
        <v>0</v>
      </c>
      <c r="CI3108" s="53">
        <v>0</v>
      </c>
      <c r="CJ3108" s="53">
        <v>0</v>
      </c>
      <c r="CK3108" s="53">
        <v>0</v>
      </c>
      <c r="CL3108" s="53">
        <v>0</v>
      </c>
      <c r="CM3108" s="53">
        <v>0</v>
      </c>
      <c r="CN3108" s="53">
        <v>0</v>
      </c>
    </row>
    <row r="3109" spans="1:92" outlineLevel="1">
      <c r="A3109" s="52" t="s">
        <v>1741</v>
      </c>
      <c r="B3109" s="53"/>
      <c r="C3109" s="53"/>
      <c r="D3109" s="53"/>
      <c r="E3109" s="53"/>
      <c r="F3109" s="53"/>
      <c r="G3109" s="53"/>
      <c r="H3109" s="53"/>
      <c r="I3109" s="53"/>
      <c r="J3109" s="53"/>
      <c r="K3109" s="53"/>
      <c r="L3109" s="53"/>
      <c r="M3109" s="53"/>
      <c r="N3109" s="53"/>
      <c r="O3109" s="53"/>
      <c r="P3109" s="53"/>
      <c r="Q3109" s="53"/>
      <c r="R3109" s="53"/>
      <c r="S3109" s="53"/>
      <c r="T3109" s="53"/>
      <c r="U3109" s="53"/>
      <c r="V3109" s="53"/>
      <c r="W3109" s="53"/>
      <c r="X3109" s="53"/>
      <c r="Y3109" s="53"/>
      <c r="Z3109" s="53"/>
      <c r="AA3109" s="53"/>
      <c r="AB3109" s="53"/>
      <c r="AC3109" s="53"/>
      <c r="AD3109" s="53"/>
      <c r="AE3109" s="53"/>
      <c r="AF3109" s="53"/>
      <c r="AG3109" s="53"/>
      <c r="AH3109" s="53"/>
      <c r="AI3109" s="53"/>
      <c r="AJ3109" s="53"/>
      <c r="AK3109" s="53"/>
      <c r="AL3109" s="53"/>
      <c r="AM3109" s="53"/>
      <c r="AN3109" s="53"/>
      <c r="AO3109" s="53"/>
      <c r="AP3109" s="53"/>
      <c r="AQ3109" s="53"/>
      <c r="AR3109" s="53"/>
      <c r="AS3109" s="53"/>
      <c r="AT3109" s="53"/>
      <c r="AU3109" s="53"/>
      <c r="AV3109" s="53"/>
      <c r="AW3109" s="53"/>
      <c r="AX3109" s="53"/>
      <c r="AY3109" s="53"/>
      <c r="AZ3109" s="53"/>
      <c r="BA3109" s="53"/>
      <c r="BB3109" s="53"/>
      <c r="BC3109" s="53"/>
      <c r="BD3109" s="53"/>
      <c r="BE3109" s="53"/>
      <c r="BF3109" s="53"/>
      <c r="BG3109" s="53"/>
      <c r="BH3109" s="53"/>
      <c r="BI3109" s="53"/>
      <c r="BJ3109" s="53"/>
      <c r="BK3109" s="53"/>
      <c r="BL3109" s="53"/>
      <c r="BM3109" s="53"/>
      <c r="BN3109" s="53"/>
      <c r="BO3109" s="53"/>
      <c r="BP3109" s="53"/>
      <c r="BQ3109" s="53"/>
      <c r="BR3109" s="53"/>
      <c r="BS3109" s="53"/>
      <c r="BT3109" s="53"/>
      <c r="BU3109" s="53"/>
      <c r="BV3109" s="53"/>
      <c r="BW3109" s="53"/>
      <c r="BX3109" s="53"/>
      <c r="BY3109" s="53"/>
      <c r="BZ3109" s="53"/>
      <c r="CA3109" s="53"/>
      <c r="CB3109" s="53">
        <v>0</v>
      </c>
      <c r="CC3109" s="53">
        <v>0</v>
      </c>
      <c r="CD3109" s="53">
        <v>0</v>
      </c>
      <c r="CE3109" s="53">
        <v>0</v>
      </c>
      <c r="CF3109" s="53">
        <v>0</v>
      </c>
      <c r="CG3109" s="53">
        <v>0</v>
      </c>
      <c r="CH3109" s="53">
        <v>0</v>
      </c>
      <c r="CI3109" s="53">
        <v>0</v>
      </c>
      <c r="CJ3109" s="53">
        <v>0</v>
      </c>
      <c r="CK3109" s="53">
        <v>0</v>
      </c>
      <c r="CL3109" s="53">
        <v>0</v>
      </c>
      <c r="CM3109" s="53">
        <v>0</v>
      </c>
      <c r="CN3109" s="53">
        <v>0</v>
      </c>
    </row>
    <row r="3110" spans="1:92" outlineLevel="1">
      <c r="A3110" s="52" t="s">
        <v>649</v>
      </c>
      <c r="B3110" s="53">
        <v>397609.16666666698</v>
      </c>
      <c r="C3110" s="53">
        <v>-5403.8333333333003</v>
      </c>
      <c r="D3110" s="53">
        <v>502468.16666666599</v>
      </c>
      <c r="E3110" s="53">
        <v>-331246.83333333198</v>
      </c>
      <c r="F3110" s="53">
        <v>99581.166666666599</v>
      </c>
      <c r="G3110" s="53">
        <v>572137.16666666698</v>
      </c>
      <c r="H3110" s="53">
        <v>200481.16666666599</v>
      </c>
      <c r="I3110" s="53">
        <v>528416.166666665</v>
      </c>
      <c r="J3110" s="53">
        <v>326465.16666666599</v>
      </c>
      <c r="K3110" s="53">
        <v>211325.16666666701</v>
      </c>
      <c r="L3110" s="53">
        <v>-538747.83333333395</v>
      </c>
      <c r="M3110" s="53">
        <v>186087.16666666701</v>
      </c>
      <c r="N3110" s="53">
        <v>2149171.9999999902</v>
      </c>
      <c r="O3110" s="53">
        <v>239206.23633114199</v>
      </c>
      <c r="P3110" s="53">
        <v>-82418.654230739499</v>
      </c>
      <c r="Q3110" s="53">
        <v>-15829.005680685301</v>
      </c>
      <c r="R3110" s="53">
        <v>-76171.115026564599</v>
      </c>
      <c r="S3110" s="53">
        <v>44484.3224890454</v>
      </c>
      <c r="T3110" s="53">
        <v>5449.1947453900502</v>
      </c>
      <c r="U3110" s="53">
        <v>65619.388039130907</v>
      </c>
      <c r="V3110" s="53">
        <v>260133.35009509799</v>
      </c>
      <c r="W3110" s="53">
        <v>42261.9114859033</v>
      </c>
      <c r="X3110" s="53">
        <v>9180.5345127801193</v>
      </c>
      <c r="Y3110" s="53">
        <v>-25022.752279663899</v>
      </c>
      <c r="Z3110" s="53">
        <v>-96674.866910065903</v>
      </c>
      <c r="AA3110" s="53">
        <v>370218.543570771</v>
      </c>
      <c r="AB3110" s="53">
        <v>177141.23564169701</v>
      </c>
      <c r="AC3110" s="53">
        <v>-120233.260024042</v>
      </c>
      <c r="AD3110" s="53">
        <v>-51957.761190505902</v>
      </c>
      <c r="AE3110" s="53">
        <v>-29316.740529094401</v>
      </c>
      <c r="AF3110" s="53">
        <v>76845.161949838206</v>
      </c>
      <c r="AG3110" s="53">
        <v>-13059.818789160199</v>
      </c>
      <c r="AH3110" s="53">
        <v>49361.316240217202</v>
      </c>
      <c r="AI3110" s="53">
        <v>250456.65353355301</v>
      </c>
      <c r="AJ3110" s="53">
        <v>15335.8983279964</v>
      </c>
      <c r="AK3110" s="53">
        <v>-24039.2443432158</v>
      </c>
      <c r="AL3110" s="53">
        <v>-140790.624191788</v>
      </c>
      <c r="AM3110" s="53">
        <v>-189742.816625495</v>
      </c>
      <c r="AN3110" s="53">
        <v>-3.4106051316484799E-10</v>
      </c>
      <c r="AO3110" s="53">
        <v>147125.720324797</v>
      </c>
      <c r="AP3110" s="53">
        <v>-253710.70540185901</v>
      </c>
      <c r="AQ3110" s="53">
        <v>-192174.89290034401</v>
      </c>
      <c r="AR3110" s="53">
        <v>-120143.16900738901</v>
      </c>
      <c r="AS3110" s="53">
        <v>47583.717166806899</v>
      </c>
      <c r="AT3110" s="53">
        <v>113977.088166999</v>
      </c>
      <c r="AU3110" s="53">
        <v>169984.731879889</v>
      </c>
      <c r="AV3110" s="53">
        <v>428760.60016197601</v>
      </c>
      <c r="AW3110" s="53">
        <v>97381.657362074504</v>
      </c>
      <c r="AX3110" s="53">
        <v>-45696.672588984999</v>
      </c>
      <c r="AY3110" s="53">
        <v>-219164.028060563</v>
      </c>
      <c r="AZ3110" s="53">
        <v>-173924.04710340299</v>
      </c>
      <c r="BA3110" s="53">
        <v>-6.8212102632969597E-10</v>
      </c>
      <c r="BB3110" s="53">
        <v>145039.07254220801</v>
      </c>
      <c r="BC3110" s="53">
        <v>-253587.55066168701</v>
      </c>
      <c r="BD3110" s="53">
        <v>-196253.70751827501</v>
      </c>
      <c r="BE3110" s="53">
        <v>-124119.71688159399</v>
      </c>
      <c r="BF3110" s="53">
        <v>44536.775654979603</v>
      </c>
      <c r="BG3110" s="53">
        <v>116611.291089391</v>
      </c>
      <c r="BH3110" s="53">
        <v>172475.96090962901</v>
      </c>
      <c r="BI3110" s="53">
        <v>431204.917778156</v>
      </c>
      <c r="BJ3110" s="53">
        <v>99843.120314680506</v>
      </c>
      <c r="BK3110" s="53">
        <v>-41812.7814737757</v>
      </c>
      <c r="BL3110" s="53">
        <v>-220725.21091428501</v>
      </c>
      <c r="BM3110" s="53">
        <v>-173212.170839425</v>
      </c>
      <c r="BN3110" s="53">
        <v>1.70530256582424E-9</v>
      </c>
      <c r="BO3110" s="53">
        <v>141762.361973127</v>
      </c>
      <c r="BP3110" s="53">
        <v>-256308.64963853901</v>
      </c>
      <c r="BQ3110" s="53">
        <v>-200674.68809399201</v>
      </c>
      <c r="BR3110" s="53">
        <v>-129189.67633088</v>
      </c>
      <c r="BS3110" s="53">
        <v>42615.738404112599</v>
      </c>
      <c r="BT3110" s="53">
        <v>117793.280674116</v>
      </c>
      <c r="BU3110" s="53">
        <v>174538.08424482701</v>
      </c>
      <c r="BV3110" s="53">
        <v>432759.65694205102</v>
      </c>
      <c r="BW3110" s="53">
        <v>103051.139377049</v>
      </c>
      <c r="BX3110" s="53">
        <v>-38942.700383311203</v>
      </c>
      <c r="BY3110" s="53">
        <v>-218114.041093951</v>
      </c>
      <c r="BZ3110" s="53">
        <v>-169290.506074606</v>
      </c>
      <c r="CA3110" s="53">
        <v>3.1832314562052401E-9</v>
      </c>
      <c r="CB3110" s="53">
        <v>0</v>
      </c>
      <c r="CC3110" s="53">
        <v>0</v>
      </c>
      <c r="CD3110" s="53">
        <v>0</v>
      </c>
      <c r="CE3110" s="53">
        <v>0</v>
      </c>
      <c r="CF3110" s="53">
        <v>0</v>
      </c>
      <c r="CG3110" s="53">
        <v>0</v>
      </c>
      <c r="CH3110" s="53">
        <v>0</v>
      </c>
      <c r="CI3110" s="53">
        <v>0</v>
      </c>
      <c r="CJ3110" s="53">
        <v>0</v>
      </c>
      <c r="CK3110" s="53">
        <v>0</v>
      </c>
      <c r="CL3110" s="53">
        <v>0</v>
      </c>
      <c r="CM3110" s="53">
        <v>0</v>
      </c>
      <c r="CN3110" s="53">
        <v>0</v>
      </c>
    </row>
    <row r="3111" spans="1:92" outlineLevel="1">
      <c r="A3111" s="52" t="s">
        <v>1742</v>
      </c>
      <c r="B3111" s="53"/>
      <c r="C3111" s="53"/>
      <c r="D3111" s="53"/>
      <c r="E3111" s="53"/>
      <c r="F3111" s="53"/>
      <c r="G3111" s="53"/>
      <c r="H3111" s="53"/>
      <c r="I3111" s="53"/>
      <c r="J3111" s="53"/>
      <c r="K3111" s="53"/>
      <c r="L3111" s="53"/>
      <c r="M3111" s="53"/>
      <c r="N3111" s="53"/>
      <c r="O3111" s="53"/>
      <c r="P3111" s="53"/>
      <c r="Q3111" s="53"/>
      <c r="R3111" s="53"/>
      <c r="S3111" s="53"/>
      <c r="T3111" s="53"/>
      <c r="U3111" s="53"/>
      <c r="V3111" s="53"/>
      <c r="W3111" s="53"/>
      <c r="X3111" s="53"/>
      <c r="Y3111" s="53"/>
      <c r="Z3111" s="53"/>
      <c r="AA3111" s="53"/>
      <c r="AB3111" s="53"/>
      <c r="AC3111" s="53"/>
      <c r="AD3111" s="53"/>
      <c r="AE3111" s="53"/>
      <c r="AF3111" s="53"/>
      <c r="AG3111" s="53"/>
      <c r="AH3111" s="53"/>
      <c r="AI3111" s="53"/>
      <c r="AJ3111" s="53"/>
      <c r="AK3111" s="53"/>
      <c r="AL3111" s="53"/>
      <c r="AM3111" s="53"/>
      <c r="AN3111" s="53"/>
      <c r="AO3111" s="53"/>
      <c r="AP3111" s="53"/>
      <c r="AQ3111" s="53"/>
      <c r="AR3111" s="53"/>
      <c r="AS3111" s="53"/>
      <c r="AT3111" s="53"/>
      <c r="AU3111" s="53"/>
      <c r="AV3111" s="53"/>
      <c r="AW3111" s="53"/>
      <c r="AX3111" s="53"/>
      <c r="AY3111" s="53"/>
      <c r="AZ3111" s="53"/>
      <c r="BA3111" s="53"/>
      <c r="BB3111" s="53"/>
      <c r="BC3111" s="53"/>
      <c r="BD3111" s="53"/>
      <c r="BE3111" s="53"/>
      <c r="BF3111" s="53"/>
      <c r="BG3111" s="53"/>
      <c r="BH3111" s="53"/>
      <c r="BI3111" s="53"/>
      <c r="BJ3111" s="53"/>
      <c r="BK3111" s="53"/>
      <c r="BL3111" s="53"/>
      <c r="BM3111" s="53"/>
      <c r="BN3111" s="53"/>
      <c r="BO3111" s="53"/>
      <c r="BP3111" s="53"/>
      <c r="BQ3111" s="53"/>
      <c r="BR3111" s="53"/>
      <c r="BS3111" s="53"/>
      <c r="BT3111" s="53"/>
      <c r="BU3111" s="53"/>
      <c r="BV3111" s="53"/>
      <c r="BW3111" s="53"/>
      <c r="BX3111" s="53"/>
      <c r="BY3111" s="53"/>
      <c r="BZ3111" s="53"/>
      <c r="CA3111" s="53"/>
      <c r="CB3111" s="53">
        <v>-0.82300000940449503</v>
      </c>
      <c r="CC3111" s="53">
        <v>-0.82300000940449503</v>
      </c>
      <c r="CD3111" s="53">
        <v>-0.82300000940449503</v>
      </c>
      <c r="CE3111" s="53">
        <v>-0.82300000940449503</v>
      </c>
      <c r="CF3111" s="53">
        <v>-0.82300000940449503</v>
      </c>
      <c r="CG3111" s="53">
        <v>-0.82300000940449503</v>
      </c>
      <c r="CH3111" s="53">
        <v>-0.82300000940449503</v>
      </c>
      <c r="CI3111" s="53">
        <v>-0.82300000940449503</v>
      </c>
      <c r="CJ3111" s="53">
        <v>-0.82300000940449503</v>
      </c>
      <c r="CK3111" s="53">
        <v>-0.82300000940449503</v>
      </c>
      <c r="CL3111" s="53">
        <v>-0.82300000940449503</v>
      </c>
      <c r="CM3111" s="53">
        <v>-0.82300000940449503</v>
      </c>
      <c r="CN3111" s="53">
        <v>-0.82300000940449503</v>
      </c>
    </row>
    <row r="3112" spans="1:92" outlineLevel="1">
      <c r="A3112" s="52" t="s">
        <v>649</v>
      </c>
      <c r="B3112" s="53">
        <v>-184414.16666666701</v>
      </c>
      <c r="C3112" s="53">
        <v>-184414.16666666701</v>
      </c>
      <c r="D3112" s="53">
        <v>-184414.16666666701</v>
      </c>
      <c r="E3112" s="53">
        <v>-184414.16666666701</v>
      </c>
      <c r="F3112" s="53">
        <v>-184414.16666666701</v>
      </c>
      <c r="G3112" s="53">
        <v>-184414.16666666701</v>
      </c>
      <c r="H3112" s="53">
        <v>-184414.16666666701</v>
      </c>
      <c r="I3112" s="53">
        <v>-184414.16666666701</v>
      </c>
      <c r="J3112" s="53">
        <v>-184414.16666666701</v>
      </c>
      <c r="K3112" s="53">
        <v>-184414.16666666701</v>
      </c>
      <c r="L3112" s="53">
        <v>-184414.16666666701</v>
      </c>
      <c r="M3112" s="53">
        <v>-184414.16666666701</v>
      </c>
      <c r="N3112" s="53">
        <v>-2212970</v>
      </c>
      <c r="O3112" s="53">
        <v>-179097.66666666599</v>
      </c>
      <c r="P3112" s="53">
        <v>-179097.66666666599</v>
      </c>
      <c r="Q3112" s="53">
        <v>-179097.66666666599</v>
      </c>
      <c r="R3112" s="53">
        <v>-179097.66666666599</v>
      </c>
      <c r="S3112" s="53">
        <v>-179097.66666666599</v>
      </c>
      <c r="T3112" s="53">
        <v>-179097.66666666599</v>
      </c>
      <c r="U3112" s="53">
        <v>-179097.66666666599</v>
      </c>
      <c r="V3112" s="53">
        <v>-179097.66666666599</v>
      </c>
      <c r="W3112" s="53">
        <v>-179097.66666666599</v>
      </c>
      <c r="X3112" s="53">
        <v>-179097.66666666599</v>
      </c>
      <c r="Y3112" s="53">
        <v>-179097.66666666599</v>
      </c>
      <c r="Z3112" s="53">
        <v>-179097.66666666599</v>
      </c>
      <c r="AA3112" s="53">
        <v>-2149171.9999999902</v>
      </c>
      <c r="AB3112" s="53">
        <v>-30851.5452975644</v>
      </c>
      <c r="AC3112" s="53">
        <v>-30851.5452975644</v>
      </c>
      <c r="AD3112" s="53">
        <v>-30851.5452975644</v>
      </c>
      <c r="AE3112" s="53">
        <v>-30851.5452975644</v>
      </c>
      <c r="AF3112" s="53">
        <v>-30851.5452975644</v>
      </c>
      <c r="AG3112" s="53">
        <v>-30851.5452975644</v>
      </c>
      <c r="AH3112" s="53">
        <v>-30851.5452975644</v>
      </c>
      <c r="AI3112" s="53">
        <v>-30851.5452975644</v>
      </c>
      <c r="AJ3112" s="53">
        <v>-30851.5452975644</v>
      </c>
      <c r="AK3112" s="53">
        <v>-30851.5452975644</v>
      </c>
      <c r="AL3112" s="53">
        <v>-30851.5452975644</v>
      </c>
      <c r="AM3112" s="53">
        <v>-30851.5452975644</v>
      </c>
      <c r="AN3112" s="53">
        <v>-370218.54357077298</v>
      </c>
      <c r="AO3112" s="53">
        <v>2.93098878501041E-11</v>
      </c>
      <c r="AP3112" s="53">
        <v>2.93098878501041E-11</v>
      </c>
      <c r="AQ3112" s="53">
        <v>2.93098878501041E-11</v>
      </c>
      <c r="AR3112" s="53">
        <v>2.93098878501041E-11</v>
      </c>
      <c r="AS3112" s="53">
        <v>2.93098878501041E-11</v>
      </c>
      <c r="AT3112" s="53">
        <v>2.93098878501041E-11</v>
      </c>
      <c r="AU3112" s="53">
        <v>2.93098878501041E-11</v>
      </c>
      <c r="AV3112" s="53">
        <v>2.93098878501041E-11</v>
      </c>
      <c r="AW3112" s="53">
        <v>2.93098878501041E-11</v>
      </c>
      <c r="AX3112" s="53">
        <v>2.93098878501041E-11</v>
      </c>
      <c r="AY3112" s="53">
        <v>2.93098878501041E-11</v>
      </c>
      <c r="AZ3112" s="53">
        <v>2.93098878501041E-11</v>
      </c>
      <c r="BA3112" s="53">
        <v>3.5171865420124902E-10</v>
      </c>
      <c r="BB3112" s="53">
        <v>3.7821597705563597E-11</v>
      </c>
      <c r="BC3112" s="53">
        <v>3.7821597705563597E-11</v>
      </c>
      <c r="BD3112" s="53">
        <v>3.7821597705563597E-11</v>
      </c>
      <c r="BE3112" s="53">
        <v>3.7821597705563597E-11</v>
      </c>
      <c r="BF3112" s="53">
        <v>3.7821597705563597E-11</v>
      </c>
      <c r="BG3112" s="53">
        <v>3.7821597705563597E-11</v>
      </c>
      <c r="BH3112" s="53">
        <v>3.7821597705563597E-11</v>
      </c>
      <c r="BI3112" s="53">
        <v>3.7821597705563597E-11</v>
      </c>
      <c r="BJ3112" s="53">
        <v>3.7821597705563597E-11</v>
      </c>
      <c r="BK3112" s="53">
        <v>3.7821597705563597E-11</v>
      </c>
      <c r="BL3112" s="53">
        <v>3.7821597705563597E-11</v>
      </c>
      <c r="BM3112" s="53">
        <v>3.7821597705563597E-11</v>
      </c>
      <c r="BN3112" s="53">
        <v>4.5385917246676301E-10</v>
      </c>
      <c r="BO3112" s="53">
        <v>-1.52365774318418E-10</v>
      </c>
      <c r="BP3112" s="53">
        <v>-1.52365774318418E-10</v>
      </c>
      <c r="BQ3112" s="53">
        <v>-1.52365774318418E-10</v>
      </c>
      <c r="BR3112" s="53">
        <v>-1.52365774318418E-10</v>
      </c>
      <c r="BS3112" s="53">
        <v>-1.52365774318418E-10</v>
      </c>
      <c r="BT3112" s="53">
        <v>-1.52365774318418E-10</v>
      </c>
      <c r="BU3112" s="53">
        <v>-1.52365774318418E-10</v>
      </c>
      <c r="BV3112" s="53">
        <v>-1.52365774318418E-10</v>
      </c>
      <c r="BW3112" s="53">
        <v>-1.52365774318418E-10</v>
      </c>
      <c r="BX3112" s="53">
        <v>-1.52365774318418E-10</v>
      </c>
      <c r="BY3112" s="53">
        <v>-1.52365774318418E-10</v>
      </c>
      <c r="BZ3112" s="53">
        <v>-1.52365774318418E-10</v>
      </c>
      <c r="CA3112" s="53">
        <v>-1.8283892918210101E-9</v>
      </c>
      <c r="CB3112" s="53">
        <v>0</v>
      </c>
      <c r="CC3112" s="53">
        <v>0</v>
      </c>
      <c r="CD3112" s="53">
        <v>0</v>
      </c>
      <c r="CE3112" s="53">
        <v>0</v>
      </c>
      <c r="CF3112" s="53">
        <v>0</v>
      </c>
      <c r="CG3112" s="53">
        <v>0</v>
      </c>
      <c r="CH3112" s="53">
        <v>0</v>
      </c>
      <c r="CI3112" s="53">
        <v>0</v>
      </c>
      <c r="CJ3112" s="53">
        <v>0</v>
      </c>
      <c r="CK3112" s="53">
        <v>0</v>
      </c>
      <c r="CL3112" s="53">
        <v>0</v>
      </c>
      <c r="CM3112" s="53">
        <v>0</v>
      </c>
      <c r="CN3112" s="53">
        <v>0</v>
      </c>
    </row>
    <row r="3113" spans="1:92" outlineLevel="1">
      <c r="A3113" s="52" t="s">
        <v>700</v>
      </c>
      <c r="B3113" s="53"/>
      <c r="C3113" s="53"/>
      <c r="D3113" s="53"/>
      <c r="E3113" s="53"/>
      <c r="F3113" s="53"/>
      <c r="G3113" s="53"/>
      <c r="H3113" s="53"/>
      <c r="I3113" s="53"/>
      <c r="J3113" s="53"/>
      <c r="K3113" s="53"/>
      <c r="L3113" s="53"/>
      <c r="M3113" s="53"/>
      <c r="N3113" s="53"/>
      <c r="O3113" s="53"/>
      <c r="P3113" s="53"/>
      <c r="Q3113" s="53"/>
      <c r="R3113" s="53"/>
      <c r="S3113" s="53"/>
      <c r="T3113" s="53"/>
      <c r="U3113" s="53"/>
      <c r="V3113" s="53"/>
      <c r="W3113" s="53"/>
      <c r="X3113" s="53"/>
      <c r="Y3113" s="53"/>
      <c r="Z3113" s="53"/>
      <c r="AA3113" s="53"/>
      <c r="AB3113" s="53"/>
      <c r="AC3113" s="53"/>
      <c r="AD3113" s="53"/>
      <c r="AE3113" s="53"/>
      <c r="AF3113" s="53"/>
      <c r="AG3113" s="53"/>
      <c r="AH3113" s="53"/>
      <c r="AI3113" s="53"/>
      <c r="AJ3113" s="53"/>
      <c r="AK3113" s="53"/>
      <c r="AL3113" s="53"/>
      <c r="AM3113" s="53"/>
      <c r="AN3113" s="53"/>
      <c r="AO3113" s="53"/>
      <c r="AP3113" s="53"/>
      <c r="AQ3113" s="53"/>
      <c r="AR3113" s="53"/>
      <c r="AS3113" s="53"/>
      <c r="AT3113" s="53"/>
      <c r="AU3113" s="53"/>
      <c r="AV3113" s="53"/>
      <c r="AW3113" s="53"/>
      <c r="AX3113" s="53"/>
      <c r="AY3113" s="53"/>
      <c r="AZ3113" s="53"/>
      <c r="BA3113" s="53"/>
      <c r="BB3113" s="53"/>
      <c r="BC3113" s="53"/>
      <c r="BD3113" s="53"/>
      <c r="BE3113" s="53"/>
      <c r="BF3113" s="53"/>
      <c r="BG3113" s="53"/>
      <c r="BH3113" s="53"/>
      <c r="BI3113" s="53"/>
      <c r="BJ3113" s="53"/>
      <c r="BK3113" s="53"/>
      <c r="BL3113" s="53"/>
      <c r="BM3113" s="53"/>
      <c r="BN3113" s="53"/>
      <c r="BO3113" s="53"/>
      <c r="BP3113" s="53"/>
      <c r="BQ3113" s="53"/>
      <c r="BR3113" s="53"/>
      <c r="BS3113" s="53"/>
      <c r="BT3113" s="53"/>
      <c r="BU3113" s="53"/>
      <c r="BV3113" s="53"/>
      <c r="BW3113" s="53"/>
      <c r="BX3113" s="53"/>
      <c r="BY3113" s="53"/>
      <c r="BZ3113" s="53"/>
      <c r="CA3113" s="53"/>
      <c r="CB3113" s="53">
        <v>0</v>
      </c>
      <c r="CC3113" s="53">
        <v>0</v>
      </c>
      <c r="CD3113" s="53">
        <v>0</v>
      </c>
      <c r="CE3113" s="53">
        <v>0</v>
      </c>
      <c r="CF3113" s="53">
        <v>0</v>
      </c>
      <c r="CG3113" s="53">
        <v>0</v>
      </c>
      <c r="CH3113" s="53">
        <v>0</v>
      </c>
      <c r="CI3113" s="53">
        <v>0</v>
      </c>
      <c r="CJ3113" s="53">
        <v>0</v>
      </c>
      <c r="CK3113" s="53">
        <v>0</v>
      </c>
      <c r="CL3113" s="53">
        <v>0</v>
      </c>
      <c r="CM3113" s="53">
        <v>0</v>
      </c>
      <c r="CN3113" s="53">
        <v>0</v>
      </c>
    </row>
    <row r="3114" spans="1:92" outlineLevel="1">
      <c r="A3114" s="52" t="s">
        <v>1689</v>
      </c>
      <c r="B3114" s="53"/>
      <c r="C3114" s="53"/>
      <c r="D3114" s="53"/>
      <c r="E3114" s="53"/>
      <c r="F3114" s="53"/>
      <c r="G3114" s="53"/>
      <c r="H3114" s="53"/>
      <c r="I3114" s="53"/>
      <c r="J3114" s="53"/>
      <c r="K3114" s="53"/>
      <c r="L3114" s="53"/>
      <c r="M3114" s="53"/>
      <c r="N3114" s="53"/>
      <c r="O3114" s="53"/>
      <c r="P3114" s="53"/>
      <c r="Q3114" s="53"/>
      <c r="R3114" s="53"/>
      <c r="S3114" s="53"/>
      <c r="T3114" s="53"/>
      <c r="U3114" s="53"/>
      <c r="V3114" s="53"/>
      <c r="W3114" s="53"/>
      <c r="X3114" s="53"/>
      <c r="Y3114" s="53"/>
      <c r="Z3114" s="53"/>
      <c r="AA3114" s="53"/>
      <c r="AB3114" s="53"/>
      <c r="AC3114" s="53"/>
      <c r="AD3114" s="53"/>
      <c r="AE3114" s="53"/>
      <c r="AF3114" s="53"/>
      <c r="AG3114" s="53"/>
      <c r="AH3114" s="53"/>
      <c r="AI3114" s="53"/>
      <c r="AJ3114" s="53"/>
      <c r="AK3114" s="53"/>
      <c r="AL3114" s="53"/>
      <c r="AM3114" s="53"/>
      <c r="AN3114" s="53"/>
      <c r="AO3114" s="53"/>
      <c r="AP3114" s="53"/>
      <c r="AQ3114" s="53"/>
      <c r="AR3114" s="53"/>
      <c r="AS3114" s="53"/>
      <c r="AT3114" s="53"/>
      <c r="AU3114" s="53"/>
      <c r="AV3114" s="53"/>
      <c r="AW3114" s="53"/>
      <c r="AX3114" s="53"/>
      <c r="AY3114" s="53"/>
      <c r="AZ3114" s="53"/>
      <c r="BA3114" s="53"/>
      <c r="BB3114" s="53"/>
      <c r="BC3114" s="53"/>
      <c r="BD3114" s="53"/>
      <c r="BE3114" s="53"/>
      <c r="BF3114" s="53"/>
      <c r="BG3114" s="53"/>
      <c r="BH3114" s="53"/>
      <c r="BI3114" s="53"/>
      <c r="BJ3114" s="53"/>
      <c r="BK3114" s="53"/>
      <c r="BL3114" s="53"/>
      <c r="BM3114" s="53"/>
      <c r="BN3114" s="53"/>
      <c r="BO3114" s="53"/>
      <c r="BP3114" s="53"/>
      <c r="BQ3114" s="53"/>
      <c r="BR3114" s="53"/>
      <c r="BS3114" s="53"/>
      <c r="BT3114" s="53"/>
      <c r="BU3114" s="53"/>
      <c r="BV3114" s="53"/>
      <c r="BW3114" s="53"/>
      <c r="BX3114" s="53"/>
      <c r="BY3114" s="53"/>
      <c r="BZ3114" s="53"/>
      <c r="CA3114" s="53"/>
      <c r="CB3114" s="53">
        <v>0</v>
      </c>
      <c r="CC3114" s="53">
        <v>0</v>
      </c>
      <c r="CD3114" s="53">
        <v>0</v>
      </c>
      <c r="CE3114" s="53">
        <v>0</v>
      </c>
      <c r="CF3114" s="53">
        <v>0</v>
      </c>
      <c r="CG3114" s="53">
        <v>0</v>
      </c>
      <c r="CH3114" s="53">
        <v>0</v>
      </c>
      <c r="CI3114" s="53">
        <v>0</v>
      </c>
      <c r="CJ3114" s="53">
        <v>0</v>
      </c>
      <c r="CK3114" s="53">
        <v>0</v>
      </c>
      <c r="CL3114" s="53">
        <v>0</v>
      </c>
      <c r="CM3114" s="53">
        <v>0</v>
      </c>
      <c r="CN3114" s="53">
        <v>0</v>
      </c>
    </row>
    <row r="3115" spans="1:92" outlineLevel="1">
      <c r="A3115" s="52" t="s">
        <v>649</v>
      </c>
      <c r="B3115" s="53"/>
      <c r="C3115" s="53">
        <v>-8551673.5</v>
      </c>
      <c r="D3115" s="53">
        <v>43128023.539999902</v>
      </c>
      <c r="E3115" s="53">
        <v>-4275836.75</v>
      </c>
      <c r="F3115" s="53">
        <v>-4275836.75</v>
      </c>
      <c r="G3115" s="53">
        <v>13419062.59</v>
      </c>
      <c r="H3115" s="53">
        <v>-4275836.75</v>
      </c>
      <c r="I3115" s="53">
        <v>-4275836.75</v>
      </c>
      <c r="J3115" s="53">
        <v>137409031.84</v>
      </c>
      <c r="K3115" s="53">
        <v>-4275836.75</v>
      </c>
      <c r="L3115" s="53">
        <v>81860695.310000002</v>
      </c>
      <c r="M3115" s="53">
        <v>-44448088.939999901</v>
      </c>
      <c r="N3115" s="53">
        <v>201437867.09</v>
      </c>
      <c r="O3115" s="53">
        <v>-8766868.1428179704</v>
      </c>
      <c r="P3115" s="53">
        <v>10034871.5131699</v>
      </c>
      <c r="Q3115" s="53">
        <v>-2218665.0945001198</v>
      </c>
      <c r="R3115" s="53">
        <v>-9092996.6853720006</v>
      </c>
      <c r="S3115" s="53">
        <v>-12717657.9560473</v>
      </c>
      <c r="T3115" s="53">
        <v>-18132973.566369001</v>
      </c>
      <c r="U3115" s="53">
        <v>-13376163.1264439</v>
      </c>
      <c r="V3115" s="53">
        <v>-29210273.261156101</v>
      </c>
      <c r="W3115" s="53">
        <v>-21728448.832462899</v>
      </c>
      <c r="X3115" s="53">
        <v>-9715459.1157949306</v>
      </c>
      <c r="Y3115" s="53">
        <v>-1623725.7930043901</v>
      </c>
      <c r="Z3115" s="53">
        <v>-17070182.652401201</v>
      </c>
      <c r="AA3115" s="53">
        <v>-133618542.7132</v>
      </c>
      <c r="AB3115" s="53">
        <v>-16206144.6562698</v>
      </c>
      <c r="AC3115" s="53">
        <v>632646.86909037805</v>
      </c>
      <c r="AD3115" s="53">
        <v>-5518420.5067133596</v>
      </c>
      <c r="AE3115" s="53">
        <v>-872077.04455558397</v>
      </c>
      <c r="AF3115" s="53">
        <v>-4068889.22606673</v>
      </c>
      <c r="AG3115" s="53">
        <v>-8671086.2081276104</v>
      </c>
      <c r="AH3115" s="53">
        <v>-6500058.6095019002</v>
      </c>
      <c r="AI3115" s="53">
        <v>-20346732.651609201</v>
      </c>
      <c r="AJ3115" s="53">
        <v>-7736370.1914290302</v>
      </c>
      <c r="AK3115" s="53">
        <v>-773208.32818237902</v>
      </c>
      <c r="AL3115" s="53">
        <v>5318363.5661107898</v>
      </c>
      <c r="AM3115" s="53">
        <v>-15976157.0561019</v>
      </c>
      <c r="AN3115" s="53">
        <v>-80718134.043356299</v>
      </c>
      <c r="AO3115" s="53">
        <v>4320173.4532658802</v>
      </c>
      <c r="AP3115" s="53">
        <v>16920509.5129974</v>
      </c>
      <c r="AQ3115" s="53">
        <v>14946204.911386499</v>
      </c>
      <c r="AR3115" s="53">
        <v>11157456.9236794</v>
      </c>
      <c r="AS3115" s="53">
        <v>8900491.9390318207</v>
      </c>
      <c r="AT3115" s="53">
        <v>8125812.6184166698</v>
      </c>
      <c r="AU3115" s="53">
        <v>8266057.2857037596</v>
      </c>
      <c r="AV3115" s="53">
        <v>-2252874.1770363399</v>
      </c>
      <c r="AW3115" s="53">
        <v>8682723.0392368007</v>
      </c>
      <c r="AX3115" s="53">
        <v>11130212.3016051</v>
      </c>
      <c r="AY3115" s="53">
        <v>15515692.0561704</v>
      </c>
      <c r="AZ3115" s="53">
        <v>-173528.816564198</v>
      </c>
      <c r="BA3115" s="53">
        <v>105538931.047893</v>
      </c>
      <c r="BB3115" s="53">
        <v>4620126.5205787104</v>
      </c>
      <c r="BC3115" s="53">
        <v>17671081.784821</v>
      </c>
      <c r="BD3115" s="53">
        <v>15256576.9772333</v>
      </c>
      <c r="BE3115" s="53">
        <v>11488561.760407001</v>
      </c>
      <c r="BF3115" s="53">
        <v>9205859.2515559401</v>
      </c>
      <c r="BG3115" s="53">
        <v>8411095.1047237497</v>
      </c>
      <c r="BH3115" s="53">
        <v>8658390.7508065403</v>
      </c>
      <c r="BI3115" s="53">
        <v>-1724809.48244247</v>
      </c>
      <c r="BJ3115" s="53">
        <v>9509264.9412931204</v>
      </c>
      <c r="BK3115" s="53">
        <v>12324741.5278395</v>
      </c>
      <c r="BL3115" s="53">
        <v>17022398.163327198</v>
      </c>
      <c r="BM3115" s="53">
        <v>865677.36165748502</v>
      </c>
      <c r="BN3115" s="53">
        <v>113308964.661801</v>
      </c>
      <c r="BO3115" s="53">
        <v>4810573.9986443399</v>
      </c>
      <c r="BP3115" s="53">
        <v>17954609.445117299</v>
      </c>
      <c r="BQ3115" s="53">
        <v>15898081.742175501</v>
      </c>
      <c r="BR3115" s="53">
        <v>11936251.181130599</v>
      </c>
      <c r="BS3115" s="53">
        <v>8744408.4372054003</v>
      </c>
      <c r="BT3115" s="53">
        <v>7816744.9372491101</v>
      </c>
      <c r="BU3115" s="53">
        <v>7774389.3004088402</v>
      </c>
      <c r="BV3115" s="53">
        <v>-2693251.91867234</v>
      </c>
      <c r="BW3115" s="53">
        <v>8809564.3119543307</v>
      </c>
      <c r="BX3115" s="53">
        <v>11561257.592922101</v>
      </c>
      <c r="BY3115" s="53">
        <v>15245810.3059699</v>
      </c>
      <c r="BZ3115" s="53">
        <v>22828657.778659899</v>
      </c>
      <c r="CA3115" s="53">
        <v>130687097.112765</v>
      </c>
      <c r="CB3115" s="53">
        <v>-3175682.8699999899</v>
      </c>
      <c r="CC3115" s="53">
        <v>-3175682.8699999899</v>
      </c>
      <c r="CD3115" s="53">
        <v>-3175682.8699999899</v>
      </c>
      <c r="CE3115" s="53">
        <v>-3175682.8699999899</v>
      </c>
      <c r="CF3115" s="53">
        <v>-3175682.8699999899</v>
      </c>
      <c r="CG3115" s="53">
        <v>-3175682.8699999899</v>
      </c>
      <c r="CH3115" s="53">
        <v>-3175682.8699999899</v>
      </c>
      <c r="CI3115" s="53">
        <v>-3175682.8699999899</v>
      </c>
      <c r="CJ3115" s="53">
        <v>-3175682.8699999899</v>
      </c>
      <c r="CK3115" s="53">
        <v>-3175682.8699999899</v>
      </c>
      <c r="CL3115" s="53">
        <v>-3175682.8699999899</v>
      </c>
      <c r="CM3115" s="53">
        <v>-3175682.8699999899</v>
      </c>
      <c r="CN3115" s="53">
        <v>-3175682.8699999899</v>
      </c>
    </row>
    <row r="3116" spans="1:92">
      <c r="A3116" s="52" t="s">
        <v>1365</v>
      </c>
      <c r="B3116" s="53"/>
      <c r="C3116" s="53"/>
      <c r="D3116" s="53"/>
      <c r="E3116" s="53"/>
      <c r="F3116" s="53"/>
      <c r="G3116" s="53"/>
      <c r="H3116" s="53"/>
      <c r="I3116" s="53"/>
      <c r="J3116" s="53"/>
      <c r="K3116" s="53"/>
      <c r="L3116" s="53"/>
      <c r="M3116" s="53"/>
      <c r="N3116" s="53"/>
      <c r="O3116" s="53"/>
      <c r="P3116" s="53"/>
      <c r="Q3116" s="53"/>
      <c r="R3116" s="53"/>
      <c r="S3116" s="53"/>
      <c r="T3116" s="53"/>
      <c r="U3116" s="53"/>
      <c r="V3116" s="53"/>
      <c r="W3116" s="53"/>
      <c r="X3116" s="53"/>
      <c r="Y3116" s="53"/>
      <c r="Z3116" s="53"/>
      <c r="AA3116" s="53"/>
      <c r="AB3116" s="53"/>
      <c r="AC3116" s="53"/>
      <c r="AD3116" s="53"/>
      <c r="AE3116" s="53"/>
      <c r="AF3116" s="53"/>
      <c r="AG3116" s="53"/>
      <c r="AH3116" s="53"/>
      <c r="AI3116" s="53"/>
      <c r="AJ3116" s="53"/>
      <c r="AK3116" s="53"/>
      <c r="AL3116" s="53"/>
      <c r="AM3116" s="53"/>
      <c r="AN3116" s="53"/>
      <c r="AO3116" s="53"/>
      <c r="AP3116" s="53"/>
      <c r="AQ3116" s="53"/>
      <c r="AR3116" s="53"/>
      <c r="AS3116" s="53"/>
      <c r="AT3116" s="53"/>
      <c r="AU3116" s="53"/>
      <c r="AV3116" s="53"/>
      <c r="AW3116" s="53"/>
      <c r="AX3116" s="53"/>
      <c r="AY3116" s="53"/>
      <c r="AZ3116" s="53"/>
      <c r="BA3116" s="53"/>
      <c r="BB3116" s="53"/>
      <c r="BC3116" s="53"/>
      <c r="BD3116" s="53"/>
      <c r="BE3116" s="53"/>
      <c r="BF3116" s="53"/>
      <c r="BG3116" s="53"/>
      <c r="BH3116" s="53"/>
      <c r="BI3116" s="53"/>
      <c r="BJ3116" s="53"/>
      <c r="BK3116" s="53"/>
      <c r="BL3116" s="53"/>
      <c r="BM3116" s="53"/>
      <c r="BN3116" s="53"/>
      <c r="BO3116" s="53"/>
      <c r="BP3116" s="53"/>
      <c r="BQ3116" s="53"/>
      <c r="BR3116" s="53"/>
      <c r="BS3116" s="53"/>
      <c r="BT3116" s="53"/>
      <c r="BU3116" s="53"/>
      <c r="BV3116" s="53"/>
      <c r="BW3116" s="53"/>
      <c r="BX3116" s="53"/>
      <c r="BY3116" s="53"/>
      <c r="BZ3116" s="53"/>
      <c r="CA3116" s="53"/>
      <c r="CB3116" s="53"/>
      <c r="CC3116" s="53"/>
      <c r="CD3116" s="53"/>
      <c r="CE3116" s="53"/>
      <c r="CF3116" s="53"/>
      <c r="CG3116" s="53"/>
      <c r="CH3116" s="53"/>
      <c r="CI3116" s="53"/>
      <c r="CJ3116" s="53"/>
      <c r="CK3116" s="53"/>
      <c r="CL3116" s="53"/>
      <c r="CM3116" s="53"/>
      <c r="CN3116" s="53"/>
    </row>
    <row r="3117" spans="1:92" outlineLevel="1">
      <c r="A3117" s="52" t="s">
        <v>1366</v>
      </c>
      <c r="B3117" s="53"/>
      <c r="C3117" s="53"/>
      <c r="D3117" s="53"/>
      <c r="E3117" s="53"/>
      <c r="F3117" s="53"/>
      <c r="G3117" s="53"/>
      <c r="H3117" s="53"/>
      <c r="I3117" s="53"/>
      <c r="J3117" s="53"/>
      <c r="K3117" s="53"/>
      <c r="L3117" s="53"/>
      <c r="M3117" s="53"/>
      <c r="N3117" s="53"/>
      <c r="O3117" s="53"/>
      <c r="P3117" s="53"/>
      <c r="Q3117" s="53"/>
      <c r="R3117" s="53"/>
      <c r="S3117" s="53"/>
      <c r="T3117" s="53"/>
      <c r="U3117" s="53"/>
      <c r="V3117" s="53"/>
      <c r="W3117" s="53"/>
      <c r="X3117" s="53"/>
      <c r="Y3117" s="53"/>
      <c r="Z3117" s="53"/>
      <c r="AA3117" s="53"/>
      <c r="AB3117" s="53"/>
      <c r="AC3117" s="53"/>
      <c r="AD3117" s="53"/>
      <c r="AE3117" s="53"/>
      <c r="AF3117" s="53"/>
      <c r="AG3117" s="53"/>
      <c r="AH3117" s="53"/>
      <c r="AI3117" s="53"/>
      <c r="AJ3117" s="53"/>
      <c r="AK3117" s="53"/>
      <c r="AL3117" s="53"/>
      <c r="AM3117" s="53"/>
      <c r="AN3117" s="53"/>
      <c r="AO3117" s="53"/>
      <c r="AP3117" s="53"/>
      <c r="AQ3117" s="53"/>
      <c r="AR3117" s="53"/>
      <c r="AS3117" s="53"/>
      <c r="AT3117" s="53"/>
      <c r="AU3117" s="53"/>
      <c r="AV3117" s="53"/>
      <c r="AW3117" s="53"/>
      <c r="AX3117" s="53"/>
      <c r="AY3117" s="53"/>
      <c r="AZ3117" s="53"/>
      <c r="BA3117" s="53"/>
      <c r="BB3117" s="53"/>
      <c r="BC3117" s="53"/>
      <c r="BD3117" s="53"/>
      <c r="BE3117" s="53"/>
      <c r="BF3117" s="53"/>
      <c r="BG3117" s="53"/>
      <c r="BH3117" s="53"/>
      <c r="BI3117" s="53"/>
      <c r="BJ3117" s="53"/>
      <c r="BK3117" s="53"/>
      <c r="BL3117" s="53"/>
      <c r="BM3117" s="53"/>
      <c r="BN3117" s="53"/>
      <c r="BO3117" s="53"/>
      <c r="BP3117" s="53"/>
      <c r="BQ3117" s="53"/>
      <c r="BR3117" s="53"/>
      <c r="BS3117" s="53"/>
      <c r="BT3117" s="53"/>
      <c r="BU3117" s="53"/>
      <c r="BV3117" s="53"/>
      <c r="BW3117" s="53"/>
      <c r="BX3117" s="53"/>
      <c r="BY3117" s="53"/>
      <c r="BZ3117" s="53"/>
      <c r="CA3117" s="53"/>
      <c r="CB3117" s="53"/>
      <c r="CC3117" s="53"/>
      <c r="CD3117" s="53"/>
      <c r="CE3117" s="53"/>
      <c r="CF3117" s="53"/>
      <c r="CG3117" s="53"/>
      <c r="CH3117" s="53"/>
      <c r="CI3117" s="53"/>
      <c r="CJ3117" s="53"/>
      <c r="CK3117" s="53"/>
      <c r="CL3117" s="53"/>
      <c r="CM3117" s="53"/>
      <c r="CN3117" s="53"/>
    </row>
    <row r="3118" spans="1:92" outlineLevel="1">
      <c r="A3118" s="52" t="s">
        <v>649</v>
      </c>
      <c r="B3118" s="53"/>
      <c r="C3118" s="53"/>
      <c r="D3118" s="53"/>
      <c r="E3118" s="53"/>
      <c r="F3118" s="53"/>
      <c r="G3118" s="53"/>
      <c r="H3118" s="53"/>
      <c r="I3118" s="53"/>
      <c r="J3118" s="53"/>
      <c r="K3118" s="53"/>
      <c r="L3118" s="53"/>
      <c r="M3118" s="53"/>
      <c r="N3118" s="53"/>
      <c r="O3118" s="53"/>
      <c r="P3118" s="53"/>
      <c r="Q3118" s="53"/>
      <c r="R3118" s="53"/>
      <c r="S3118" s="53"/>
      <c r="T3118" s="53"/>
      <c r="U3118" s="53"/>
      <c r="V3118" s="53"/>
      <c r="W3118" s="53"/>
      <c r="X3118" s="53"/>
      <c r="Y3118" s="53"/>
      <c r="Z3118" s="53">
        <v>2452678.4923239001</v>
      </c>
      <c r="AA3118" s="53">
        <v>2452678.4923239001</v>
      </c>
      <c r="AB3118" s="53"/>
      <c r="AC3118" s="53"/>
      <c r="AD3118" s="53"/>
      <c r="AE3118" s="53"/>
      <c r="AF3118" s="53"/>
      <c r="AG3118" s="53"/>
      <c r="AH3118" s="53"/>
      <c r="AI3118" s="53"/>
      <c r="AJ3118" s="53"/>
      <c r="AK3118" s="53"/>
      <c r="AL3118" s="53"/>
      <c r="AM3118" s="53">
        <v>12211613.409646699</v>
      </c>
      <c r="AN3118" s="53">
        <v>12211613.409646699</v>
      </c>
      <c r="AO3118" s="53"/>
      <c r="AP3118" s="53"/>
      <c r="AQ3118" s="53"/>
      <c r="AR3118" s="53"/>
      <c r="AS3118" s="53"/>
      <c r="AT3118" s="53"/>
      <c r="AU3118" s="53"/>
      <c r="AV3118" s="53"/>
      <c r="AW3118" s="53"/>
      <c r="AX3118" s="53"/>
      <c r="AY3118" s="53"/>
      <c r="AZ3118" s="53">
        <v>1032080.95795413</v>
      </c>
      <c r="BA3118" s="53">
        <v>1032080.95795413</v>
      </c>
      <c r="BB3118" s="53"/>
      <c r="BC3118" s="53"/>
      <c r="BD3118" s="53"/>
      <c r="BE3118" s="53"/>
      <c r="BF3118" s="53"/>
      <c r="BG3118" s="53"/>
      <c r="BH3118" s="53"/>
      <c r="BI3118" s="53"/>
      <c r="BJ3118" s="53"/>
      <c r="BK3118" s="53"/>
      <c r="BL3118" s="53"/>
      <c r="BM3118" s="53"/>
      <c r="BN3118" s="53"/>
      <c r="BO3118" s="53"/>
      <c r="BP3118" s="53"/>
      <c r="BQ3118" s="53"/>
      <c r="BR3118" s="53"/>
      <c r="BS3118" s="53"/>
      <c r="BT3118" s="53"/>
      <c r="BU3118" s="53"/>
      <c r="BV3118" s="53"/>
      <c r="BW3118" s="53"/>
      <c r="BX3118" s="53"/>
      <c r="BY3118" s="53"/>
      <c r="BZ3118" s="53">
        <v>55635372.030196197</v>
      </c>
      <c r="CA3118" s="53">
        <v>55635372.030196197</v>
      </c>
      <c r="CB3118" s="53"/>
      <c r="CC3118" s="53"/>
      <c r="CD3118" s="53"/>
      <c r="CE3118" s="53"/>
      <c r="CF3118" s="53"/>
      <c r="CG3118" s="53"/>
      <c r="CH3118" s="53"/>
      <c r="CI3118" s="53"/>
      <c r="CJ3118" s="53"/>
      <c r="CK3118" s="53"/>
      <c r="CL3118" s="53"/>
      <c r="CM3118" s="53"/>
      <c r="CN3118" s="53"/>
    </row>
    <row r="3119" spans="1:92" outlineLevel="1">
      <c r="A3119" s="52" t="s">
        <v>1683</v>
      </c>
      <c r="B3119" s="53"/>
      <c r="C3119" s="53"/>
      <c r="D3119" s="53"/>
      <c r="E3119" s="53"/>
      <c r="F3119" s="53"/>
      <c r="G3119" s="53"/>
      <c r="H3119" s="53"/>
      <c r="I3119" s="53"/>
      <c r="J3119" s="53"/>
      <c r="K3119" s="53"/>
      <c r="L3119" s="53"/>
      <c r="M3119" s="53"/>
      <c r="N3119" s="53"/>
      <c r="O3119" s="53"/>
      <c r="P3119" s="53"/>
      <c r="Q3119" s="53"/>
      <c r="R3119" s="53"/>
      <c r="S3119" s="53"/>
      <c r="T3119" s="53"/>
      <c r="U3119" s="53"/>
      <c r="V3119" s="53"/>
      <c r="W3119" s="53"/>
      <c r="X3119" s="53"/>
      <c r="Y3119" s="53"/>
      <c r="Z3119" s="53"/>
      <c r="AA3119" s="53"/>
      <c r="AB3119" s="53"/>
      <c r="AC3119" s="53"/>
      <c r="AD3119" s="53"/>
      <c r="AE3119" s="53"/>
      <c r="AF3119" s="53"/>
      <c r="AG3119" s="53"/>
      <c r="AH3119" s="53"/>
      <c r="AI3119" s="53"/>
      <c r="AJ3119" s="53"/>
      <c r="AK3119" s="53"/>
      <c r="AL3119" s="53"/>
      <c r="AM3119" s="53"/>
      <c r="AN3119" s="53"/>
      <c r="AO3119" s="53"/>
      <c r="AP3119" s="53"/>
      <c r="AQ3119" s="53"/>
      <c r="AR3119" s="53"/>
      <c r="AS3119" s="53"/>
      <c r="AT3119" s="53"/>
      <c r="AU3119" s="53"/>
      <c r="AV3119" s="53"/>
      <c r="AW3119" s="53"/>
      <c r="AX3119" s="53"/>
      <c r="AY3119" s="53"/>
      <c r="AZ3119" s="53"/>
      <c r="BA3119" s="53"/>
      <c r="BB3119" s="53"/>
      <c r="BC3119" s="53"/>
      <c r="BD3119" s="53"/>
      <c r="BE3119" s="53"/>
      <c r="BF3119" s="53"/>
      <c r="BG3119" s="53"/>
      <c r="BH3119" s="53"/>
      <c r="BI3119" s="53"/>
      <c r="BJ3119" s="53"/>
      <c r="BK3119" s="53"/>
      <c r="BL3119" s="53"/>
      <c r="BM3119" s="53"/>
      <c r="BN3119" s="53"/>
      <c r="BO3119" s="53"/>
      <c r="BP3119" s="53"/>
      <c r="BQ3119" s="53"/>
      <c r="BR3119" s="53"/>
      <c r="BS3119" s="53"/>
      <c r="BT3119" s="53"/>
      <c r="BU3119" s="53"/>
      <c r="BV3119" s="53"/>
      <c r="BW3119" s="53"/>
      <c r="BX3119" s="53"/>
      <c r="BY3119" s="53"/>
      <c r="BZ3119" s="53"/>
      <c r="CA3119" s="53"/>
      <c r="CB3119" s="53"/>
      <c r="CC3119" s="53"/>
      <c r="CD3119" s="53"/>
      <c r="CE3119" s="53"/>
      <c r="CF3119" s="53"/>
      <c r="CG3119" s="53"/>
      <c r="CH3119" s="53"/>
      <c r="CI3119" s="53"/>
      <c r="CJ3119" s="53"/>
      <c r="CK3119" s="53"/>
      <c r="CL3119" s="53"/>
      <c r="CM3119" s="53"/>
      <c r="CN3119" s="53"/>
    </row>
    <row r="3120" spans="1:92" outlineLevel="1">
      <c r="A3120" s="52" t="s">
        <v>649</v>
      </c>
      <c r="B3120" s="53"/>
      <c r="C3120" s="53"/>
      <c r="D3120" s="53">
        <v>-5742246</v>
      </c>
      <c r="E3120" s="53"/>
      <c r="F3120" s="53"/>
      <c r="G3120" s="53">
        <v>-5742246</v>
      </c>
      <c r="H3120" s="53"/>
      <c r="I3120" s="53"/>
      <c r="J3120" s="53">
        <v>-5742246</v>
      </c>
      <c r="K3120" s="53"/>
      <c r="L3120" s="53">
        <v>-3828164</v>
      </c>
      <c r="M3120" s="53">
        <v>-22968984</v>
      </c>
      <c r="N3120" s="53">
        <v>-44023886</v>
      </c>
      <c r="O3120" s="53">
        <v>-1722498.58333333</v>
      </c>
      <c r="P3120" s="53">
        <v>-1722498.58333333</v>
      </c>
      <c r="Q3120" s="53">
        <v>-1722498.58333333</v>
      </c>
      <c r="R3120" s="53">
        <v>-1722498.58333333</v>
      </c>
      <c r="S3120" s="53">
        <v>-1722498.58333333</v>
      </c>
      <c r="T3120" s="53">
        <v>-1722498.58333333</v>
      </c>
      <c r="U3120" s="53">
        <v>-1722498.58333333</v>
      </c>
      <c r="V3120" s="53">
        <v>-1722498.58333333</v>
      </c>
      <c r="W3120" s="53">
        <v>-1722498.58333333</v>
      </c>
      <c r="X3120" s="53">
        <v>-1722498.58333333</v>
      </c>
      <c r="Y3120" s="53">
        <v>-1722498.58333333</v>
      </c>
      <c r="Z3120" s="53">
        <v>-1722498.58333333</v>
      </c>
      <c r="AA3120" s="53">
        <v>-20669983</v>
      </c>
      <c r="AB3120" s="53">
        <v>-1758987.74999999</v>
      </c>
      <c r="AC3120" s="53">
        <v>-1758987.74999999</v>
      </c>
      <c r="AD3120" s="53">
        <v>-1758987.74999999</v>
      </c>
      <c r="AE3120" s="53">
        <v>-1758987.74999999</v>
      </c>
      <c r="AF3120" s="53">
        <v>-1758987.74999999</v>
      </c>
      <c r="AG3120" s="53">
        <v>-1758987.74999999</v>
      </c>
      <c r="AH3120" s="53">
        <v>-1758987.74999999</v>
      </c>
      <c r="AI3120" s="53">
        <v>-1758987.74999999</v>
      </c>
      <c r="AJ3120" s="53">
        <v>-1758987.74999999</v>
      </c>
      <c r="AK3120" s="53">
        <v>-1758987.74999999</v>
      </c>
      <c r="AL3120" s="53">
        <v>-1758987.74999999</v>
      </c>
      <c r="AM3120" s="53">
        <v>-1758987.74999999</v>
      </c>
      <c r="AN3120" s="53">
        <v>-21107853</v>
      </c>
      <c r="AO3120" s="53">
        <v>-1792607.99999999</v>
      </c>
      <c r="AP3120" s="53">
        <v>-1792607.99999999</v>
      </c>
      <c r="AQ3120" s="53">
        <v>-1792607.99999999</v>
      </c>
      <c r="AR3120" s="53">
        <v>-1792607.99999999</v>
      </c>
      <c r="AS3120" s="53">
        <v>-1792607.99999999</v>
      </c>
      <c r="AT3120" s="53">
        <v>-1792607.99999999</v>
      </c>
      <c r="AU3120" s="53">
        <v>-1792607.99999999</v>
      </c>
      <c r="AV3120" s="53">
        <v>-1792607.99999999</v>
      </c>
      <c r="AW3120" s="53">
        <v>-1792607.99999999</v>
      </c>
      <c r="AX3120" s="53">
        <v>-1792607.99999999</v>
      </c>
      <c r="AY3120" s="53">
        <v>-1792607.99999999</v>
      </c>
      <c r="AZ3120" s="53">
        <v>-1792607.99999999</v>
      </c>
      <c r="BA3120" s="53">
        <v>-21511296</v>
      </c>
      <c r="BB3120" s="53">
        <v>-1874453.91666666</v>
      </c>
      <c r="BC3120" s="53">
        <v>-1874453.91666666</v>
      </c>
      <c r="BD3120" s="53">
        <v>-1874453.91666666</v>
      </c>
      <c r="BE3120" s="53">
        <v>-1874453.91666666</v>
      </c>
      <c r="BF3120" s="53">
        <v>-1874453.91666666</v>
      </c>
      <c r="BG3120" s="53">
        <v>-1874453.91666666</v>
      </c>
      <c r="BH3120" s="53">
        <v>-1874453.91666666</v>
      </c>
      <c r="BI3120" s="53">
        <v>-1874453.91666666</v>
      </c>
      <c r="BJ3120" s="53">
        <v>-1874453.91666666</v>
      </c>
      <c r="BK3120" s="53">
        <v>-1874453.91666666</v>
      </c>
      <c r="BL3120" s="53">
        <v>-1874453.91666666</v>
      </c>
      <c r="BM3120" s="53">
        <v>-1874453.91666666</v>
      </c>
      <c r="BN3120" s="53">
        <v>-22493446.999999899</v>
      </c>
      <c r="BO3120" s="53">
        <v>-1905986.91666666</v>
      </c>
      <c r="BP3120" s="53">
        <v>-1905986.91666666</v>
      </c>
      <c r="BQ3120" s="53">
        <v>-1905986.91666666</v>
      </c>
      <c r="BR3120" s="53">
        <v>-1905986.91666666</v>
      </c>
      <c r="BS3120" s="53">
        <v>-1905986.91666666</v>
      </c>
      <c r="BT3120" s="53">
        <v>-1905986.91666666</v>
      </c>
      <c r="BU3120" s="53">
        <v>-1905986.91666666</v>
      </c>
      <c r="BV3120" s="53">
        <v>-1905986.91666666</v>
      </c>
      <c r="BW3120" s="53">
        <v>-1905986.91666666</v>
      </c>
      <c r="BX3120" s="53">
        <v>-1905986.91666666</v>
      </c>
      <c r="BY3120" s="53">
        <v>-1905986.91666666</v>
      </c>
      <c r="BZ3120" s="53">
        <v>-1905986.91666666</v>
      </c>
      <c r="CA3120" s="53">
        <v>-22871843</v>
      </c>
      <c r="CB3120" s="53">
        <v>-3175682.8699999899</v>
      </c>
      <c r="CC3120" s="53">
        <v>-3175682.8699999899</v>
      </c>
      <c r="CD3120" s="53">
        <v>-3175682.8699999899</v>
      </c>
      <c r="CE3120" s="53">
        <v>-3175682.8699999899</v>
      </c>
      <c r="CF3120" s="53">
        <v>-3175682.8699999899</v>
      </c>
      <c r="CG3120" s="53">
        <v>-3175682.8699999899</v>
      </c>
      <c r="CH3120" s="53">
        <v>-3175682.8699999899</v>
      </c>
      <c r="CI3120" s="53">
        <v>-3175682.8699999899</v>
      </c>
      <c r="CJ3120" s="53">
        <v>-3175682.8699999899</v>
      </c>
      <c r="CK3120" s="53">
        <v>-3175682.8699999899</v>
      </c>
      <c r="CL3120" s="53">
        <v>-3175682.8699999899</v>
      </c>
      <c r="CM3120" s="53">
        <v>-3175682.8699999899</v>
      </c>
      <c r="CN3120" s="53">
        <v>-3175682.8699999899</v>
      </c>
    </row>
    <row r="3121" spans="1:92" outlineLevel="1">
      <c r="A3121" s="52" t="s">
        <v>1684</v>
      </c>
      <c r="B3121" s="53"/>
      <c r="C3121" s="53"/>
      <c r="D3121" s="53"/>
      <c r="E3121" s="53"/>
      <c r="F3121" s="53"/>
      <c r="G3121" s="53"/>
      <c r="H3121" s="53"/>
      <c r="I3121" s="53"/>
      <c r="J3121" s="53"/>
      <c r="K3121" s="53"/>
      <c r="L3121" s="53"/>
      <c r="M3121" s="53"/>
      <c r="N3121" s="53"/>
      <c r="O3121" s="53"/>
      <c r="P3121" s="53"/>
      <c r="Q3121" s="53"/>
      <c r="R3121" s="53"/>
      <c r="S3121" s="53"/>
      <c r="T3121" s="53"/>
      <c r="U3121" s="53"/>
      <c r="V3121" s="53"/>
      <c r="W3121" s="53"/>
      <c r="X3121" s="53"/>
      <c r="Y3121" s="53"/>
      <c r="Z3121" s="53"/>
      <c r="AA3121" s="53"/>
      <c r="AB3121" s="53"/>
      <c r="AC3121" s="53"/>
      <c r="AD3121" s="53"/>
      <c r="AE3121" s="53"/>
      <c r="AF3121" s="53"/>
      <c r="AG3121" s="53"/>
      <c r="AH3121" s="53"/>
      <c r="AI3121" s="53"/>
      <c r="AJ3121" s="53"/>
      <c r="AK3121" s="53"/>
      <c r="AL3121" s="53"/>
      <c r="AM3121" s="53"/>
      <c r="AN3121" s="53"/>
      <c r="AO3121" s="53"/>
      <c r="AP3121" s="53"/>
      <c r="AQ3121" s="53"/>
      <c r="AR3121" s="53"/>
      <c r="AS3121" s="53"/>
      <c r="AT3121" s="53"/>
      <c r="AU3121" s="53"/>
      <c r="AV3121" s="53"/>
      <c r="AW3121" s="53"/>
      <c r="AX3121" s="53"/>
      <c r="AY3121" s="53"/>
      <c r="AZ3121" s="53"/>
      <c r="BA3121" s="53"/>
      <c r="BB3121" s="53"/>
      <c r="BC3121" s="53"/>
      <c r="BD3121" s="53"/>
      <c r="BE3121" s="53"/>
      <c r="BF3121" s="53"/>
      <c r="BG3121" s="53"/>
      <c r="BH3121" s="53"/>
      <c r="BI3121" s="53"/>
      <c r="BJ3121" s="53"/>
      <c r="BK3121" s="53"/>
      <c r="BL3121" s="53"/>
      <c r="BM3121" s="53"/>
      <c r="BN3121" s="53"/>
      <c r="BO3121" s="53"/>
      <c r="BP3121" s="53"/>
      <c r="BQ3121" s="53"/>
      <c r="BR3121" s="53"/>
      <c r="BS3121" s="53"/>
      <c r="BT3121" s="53"/>
      <c r="BU3121" s="53"/>
      <c r="BV3121" s="53"/>
      <c r="BW3121" s="53"/>
      <c r="BX3121" s="53"/>
      <c r="BY3121" s="53"/>
      <c r="BZ3121" s="53"/>
      <c r="CA3121" s="53"/>
      <c r="CB3121" s="53">
        <v>0</v>
      </c>
      <c r="CC3121" s="53">
        <v>0</v>
      </c>
      <c r="CD3121" s="53">
        <v>0</v>
      </c>
      <c r="CE3121" s="53">
        <v>0</v>
      </c>
      <c r="CF3121" s="53">
        <v>0</v>
      </c>
      <c r="CG3121" s="53">
        <v>0</v>
      </c>
      <c r="CH3121" s="53">
        <v>0</v>
      </c>
      <c r="CI3121" s="53">
        <v>0</v>
      </c>
      <c r="CJ3121" s="53">
        <v>0</v>
      </c>
      <c r="CK3121" s="53">
        <v>0</v>
      </c>
      <c r="CL3121" s="53">
        <v>0</v>
      </c>
      <c r="CM3121" s="53">
        <v>0</v>
      </c>
      <c r="CN3121" s="53">
        <v>0</v>
      </c>
    </row>
    <row r="3122" spans="1:92" outlineLevel="1">
      <c r="A3122" s="52" t="s">
        <v>649</v>
      </c>
      <c r="B3122" s="53"/>
      <c r="C3122" s="53"/>
      <c r="D3122" s="53">
        <v>-8949540</v>
      </c>
      <c r="E3122" s="53"/>
      <c r="F3122" s="53"/>
      <c r="G3122" s="53">
        <v>-8949540</v>
      </c>
      <c r="H3122" s="53"/>
      <c r="I3122" s="53"/>
      <c r="J3122" s="53">
        <v>-8949540</v>
      </c>
      <c r="K3122" s="53"/>
      <c r="L3122" s="53">
        <v>-5966360</v>
      </c>
      <c r="M3122" s="53">
        <v>-35798160</v>
      </c>
      <c r="N3122" s="53">
        <v>-68613140</v>
      </c>
      <c r="O3122" s="53"/>
      <c r="P3122" s="53"/>
      <c r="Q3122" s="53"/>
      <c r="R3122" s="53"/>
      <c r="S3122" s="53"/>
      <c r="T3122" s="53"/>
      <c r="U3122" s="53"/>
      <c r="V3122" s="53"/>
      <c r="W3122" s="53"/>
      <c r="X3122" s="53"/>
      <c r="Y3122" s="53"/>
      <c r="Z3122" s="53"/>
      <c r="AA3122" s="53"/>
      <c r="AB3122" s="53"/>
      <c r="AC3122" s="53"/>
      <c r="AD3122" s="53"/>
      <c r="AE3122" s="53"/>
      <c r="AF3122" s="53"/>
      <c r="AG3122" s="53"/>
      <c r="AH3122" s="53"/>
      <c r="AI3122" s="53"/>
      <c r="AJ3122" s="53"/>
      <c r="AK3122" s="53"/>
      <c r="AL3122" s="53"/>
      <c r="AM3122" s="53"/>
      <c r="AN3122" s="53"/>
      <c r="AO3122" s="53"/>
      <c r="AP3122" s="53"/>
      <c r="AQ3122" s="53"/>
      <c r="AR3122" s="53"/>
      <c r="AS3122" s="53"/>
      <c r="AT3122" s="53"/>
      <c r="AU3122" s="53"/>
      <c r="AV3122" s="53"/>
      <c r="AW3122" s="53"/>
      <c r="AX3122" s="53"/>
      <c r="AY3122" s="53"/>
      <c r="AZ3122" s="53"/>
      <c r="BA3122" s="53"/>
      <c r="BB3122" s="53"/>
      <c r="BC3122" s="53"/>
      <c r="BD3122" s="53"/>
      <c r="BE3122" s="53"/>
      <c r="BF3122" s="53"/>
      <c r="BG3122" s="53"/>
      <c r="BH3122" s="53"/>
      <c r="BI3122" s="53"/>
      <c r="BJ3122" s="53"/>
      <c r="BK3122" s="53"/>
      <c r="BL3122" s="53"/>
      <c r="BM3122" s="53"/>
      <c r="BN3122" s="53"/>
      <c r="BO3122" s="53"/>
      <c r="BP3122" s="53"/>
      <c r="BQ3122" s="53"/>
      <c r="BR3122" s="53"/>
      <c r="BS3122" s="53"/>
      <c r="BT3122" s="53"/>
      <c r="BU3122" s="53"/>
      <c r="BV3122" s="53"/>
      <c r="BW3122" s="53"/>
      <c r="BX3122" s="53"/>
      <c r="BY3122" s="53"/>
      <c r="BZ3122" s="53"/>
      <c r="CA3122" s="53"/>
      <c r="CB3122" s="53">
        <v>-3844313.55</v>
      </c>
      <c r="CC3122" s="53">
        <v>-3844313.55</v>
      </c>
      <c r="CD3122" s="53">
        <v>-3844313.55</v>
      </c>
      <c r="CE3122" s="53">
        <v>-3844313.55</v>
      </c>
      <c r="CF3122" s="53">
        <v>-3844313.55</v>
      </c>
      <c r="CG3122" s="53">
        <v>-3844313.55</v>
      </c>
      <c r="CH3122" s="53">
        <v>-3844313.55</v>
      </c>
      <c r="CI3122" s="53">
        <v>-3844313.55</v>
      </c>
      <c r="CJ3122" s="53">
        <v>-3844313.55</v>
      </c>
      <c r="CK3122" s="53">
        <v>-3844313.55</v>
      </c>
      <c r="CL3122" s="53">
        <v>-3844313.55</v>
      </c>
      <c r="CM3122" s="53">
        <v>-3844313.55</v>
      </c>
      <c r="CN3122" s="53">
        <v>-3844313.55</v>
      </c>
    </row>
    <row r="3123" spans="1:92" outlineLevel="1">
      <c r="A3123" s="52" t="s">
        <v>1685</v>
      </c>
      <c r="B3123" s="53"/>
      <c r="C3123" s="53"/>
      <c r="D3123" s="53"/>
      <c r="E3123" s="53"/>
      <c r="F3123" s="53"/>
      <c r="G3123" s="53"/>
      <c r="H3123" s="53"/>
      <c r="I3123" s="53"/>
      <c r="J3123" s="53"/>
      <c r="K3123" s="53"/>
      <c r="L3123" s="53"/>
      <c r="M3123" s="53"/>
      <c r="N3123" s="53"/>
      <c r="O3123" s="53"/>
      <c r="P3123" s="53"/>
      <c r="Q3123" s="53"/>
      <c r="R3123" s="53"/>
      <c r="S3123" s="53"/>
      <c r="T3123" s="53"/>
      <c r="U3123" s="53"/>
      <c r="V3123" s="53"/>
      <c r="W3123" s="53"/>
      <c r="X3123" s="53"/>
      <c r="Y3123" s="53"/>
      <c r="Z3123" s="53"/>
      <c r="AA3123" s="53"/>
      <c r="AB3123" s="53"/>
      <c r="AC3123" s="53"/>
      <c r="AD3123" s="53"/>
      <c r="AE3123" s="53"/>
      <c r="AF3123" s="53"/>
      <c r="AG3123" s="53"/>
      <c r="AH3123" s="53"/>
      <c r="AI3123" s="53"/>
      <c r="AJ3123" s="53"/>
      <c r="AK3123" s="53"/>
      <c r="AL3123" s="53"/>
      <c r="AM3123" s="53"/>
      <c r="AN3123" s="53"/>
      <c r="AO3123" s="53"/>
      <c r="AP3123" s="53"/>
      <c r="AQ3123" s="53"/>
      <c r="AR3123" s="53"/>
      <c r="AS3123" s="53"/>
      <c r="AT3123" s="53"/>
      <c r="AU3123" s="53"/>
      <c r="AV3123" s="53"/>
      <c r="AW3123" s="53"/>
      <c r="AX3123" s="53"/>
      <c r="AY3123" s="53"/>
      <c r="AZ3123" s="53"/>
      <c r="BA3123" s="53"/>
      <c r="BB3123" s="53"/>
      <c r="BC3123" s="53"/>
      <c r="BD3123" s="53"/>
      <c r="BE3123" s="53"/>
      <c r="BF3123" s="53"/>
      <c r="BG3123" s="53"/>
      <c r="BH3123" s="53"/>
      <c r="BI3123" s="53"/>
      <c r="BJ3123" s="53"/>
      <c r="BK3123" s="53"/>
      <c r="BL3123" s="53"/>
      <c r="BM3123" s="53"/>
      <c r="BN3123" s="53"/>
      <c r="BO3123" s="53"/>
      <c r="BP3123" s="53"/>
      <c r="BQ3123" s="53"/>
      <c r="BR3123" s="53"/>
      <c r="BS3123" s="53"/>
      <c r="BT3123" s="53"/>
      <c r="BU3123" s="53"/>
      <c r="BV3123" s="53"/>
      <c r="BW3123" s="53"/>
      <c r="BX3123" s="53"/>
      <c r="BY3123" s="53"/>
      <c r="BZ3123" s="53"/>
      <c r="CA3123" s="53"/>
      <c r="CB3123" s="53">
        <v>0</v>
      </c>
      <c r="CC3123" s="53">
        <v>0</v>
      </c>
      <c r="CD3123" s="53">
        <v>0</v>
      </c>
      <c r="CE3123" s="53">
        <v>0</v>
      </c>
      <c r="CF3123" s="53">
        <v>0</v>
      </c>
      <c r="CG3123" s="53">
        <v>0</v>
      </c>
      <c r="CH3123" s="53">
        <v>0</v>
      </c>
      <c r="CI3123" s="53">
        <v>0</v>
      </c>
      <c r="CJ3123" s="53">
        <v>0</v>
      </c>
      <c r="CK3123" s="53">
        <v>0</v>
      </c>
      <c r="CL3123" s="53">
        <v>0</v>
      </c>
      <c r="CM3123" s="53">
        <v>0</v>
      </c>
      <c r="CN3123" s="53">
        <v>0</v>
      </c>
    </row>
    <row r="3124" spans="1:92" outlineLevel="1">
      <c r="A3124" s="52" t="s">
        <v>649</v>
      </c>
      <c r="B3124" s="53"/>
      <c r="C3124" s="53"/>
      <c r="D3124" s="53"/>
      <c r="E3124" s="53"/>
      <c r="F3124" s="53"/>
      <c r="G3124" s="53"/>
      <c r="H3124" s="53"/>
      <c r="I3124" s="53"/>
      <c r="J3124" s="53"/>
      <c r="K3124" s="53"/>
      <c r="L3124" s="53"/>
      <c r="M3124" s="53"/>
      <c r="N3124" s="53"/>
      <c r="O3124" s="53">
        <v>-90657.833333333299</v>
      </c>
      <c r="P3124" s="53">
        <v>-90657.833333333299</v>
      </c>
      <c r="Q3124" s="53">
        <v>-90657.833333333299</v>
      </c>
      <c r="R3124" s="53">
        <v>-90657.833333333299</v>
      </c>
      <c r="S3124" s="53">
        <v>-90657.833333333299</v>
      </c>
      <c r="T3124" s="53">
        <v>-90657.833333333299</v>
      </c>
      <c r="U3124" s="53">
        <v>-90657.833333333299</v>
      </c>
      <c r="V3124" s="53">
        <v>-90657.833333333299</v>
      </c>
      <c r="W3124" s="53">
        <v>-90657.833333333299</v>
      </c>
      <c r="X3124" s="53">
        <v>-90657.833333333299</v>
      </c>
      <c r="Y3124" s="53">
        <v>-90657.833333333299</v>
      </c>
      <c r="Z3124" s="53">
        <v>-90657.833333333299</v>
      </c>
      <c r="AA3124" s="53">
        <v>-1087894</v>
      </c>
      <c r="AB3124" s="53">
        <v>-68152.333333333299</v>
      </c>
      <c r="AC3124" s="53">
        <v>-68152.333333333299</v>
      </c>
      <c r="AD3124" s="53">
        <v>-68152.333333333299</v>
      </c>
      <c r="AE3124" s="53">
        <v>-68152.333333333299</v>
      </c>
      <c r="AF3124" s="53">
        <v>-68152.333333333299</v>
      </c>
      <c r="AG3124" s="53">
        <v>-68152.333333333299</v>
      </c>
      <c r="AH3124" s="53">
        <v>-68152.333333333299</v>
      </c>
      <c r="AI3124" s="53">
        <v>-68152.333333333299</v>
      </c>
      <c r="AJ3124" s="53">
        <v>-68152.333333333299</v>
      </c>
      <c r="AK3124" s="53">
        <v>-68152.333333333299</v>
      </c>
      <c r="AL3124" s="53">
        <v>-68152.333333333299</v>
      </c>
      <c r="AM3124" s="53">
        <v>-68152.333333333299</v>
      </c>
      <c r="AN3124" s="53">
        <v>-817828</v>
      </c>
      <c r="AO3124" s="53">
        <v>-69454.916666666599</v>
      </c>
      <c r="AP3124" s="53">
        <v>-69454.916666666599</v>
      </c>
      <c r="AQ3124" s="53">
        <v>-69454.916666666599</v>
      </c>
      <c r="AR3124" s="53">
        <v>-69454.916666666599</v>
      </c>
      <c r="AS3124" s="53">
        <v>-69454.916666666599</v>
      </c>
      <c r="AT3124" s="53">
        <v>-69454.916666666599</v>
      </c>
      <c r="AU3124" s="53">
        <v>-69454.916666666599</v>
      </c>
      <c r="AV3124" s="53">
        <v>-69454.916666666599</v>
      </c>
      <c r="AW3124" s="53">
        <v>-69454.916666666599</v>
      </c>
      <c r="AX3124" s="53">
        <v>-69454.916666666599</v>
      </c>
      <c r="AY3124" s="53">
        <v>-69454.916666666599</v>
      </c>
      <c r="AZ3124" s="53">
        <v>-69454.916666666599</v>
      </c>
      <c r="BA3124" s="53">
        <v>-833459</v>
      </c>
      <c r="BB3124" s="53">
        <v>-72626.083333333299</v>
      </c>
      <c r="BC3124" s="53">
        <v>-72626.083333333299</v>
      </c>
      <c r="BD3124" s="53">
        <v>-72626.083333333299</v>
      </c>
      <c r="BE3124" s="53">
        <v>-72626.083333333299</v>
      </c>
      <c r="BF3124" s="53">
        <v>-72626.083333333299</v>
      </c>
      <c r="BG3124" s="53">
        <v>-72626.083333333299</v>
      </c>
      <c r="BH3124" s="53">
        <v>-72626.083333333299</v>
      </c>
      <c r="BI3124" s="53">
        <v>-72626.083333333299</v>
      </c>
      <c r="BJ3124" s="53">
        <v>-72626.083333333299</v>
      </c>
      <c r="BK3124" s="53">
        <v>-72626.083333333299</v>
      </c>
      <c r="BL3124" s="53">
        <v>-72626.083333333299</v>
      </c>
      <c r="BM3124" s="53">
        <v>-72626.083333333299</v>
      </c>
      <c r="BN3124" s="53">
        <v>-871512.99999999895</v>
      </c>
      <c r="BO3124" s="53">
        <v>-73847.833333333299</v>
      </c>
      <c r="BP3124" s="53">
        <v>-73847.833333333299</v>
      </c>
      <c r="BQ3124" s="53">
        <v>-73847.833333333299</v>
      </c>
      <c r="BR3124" s="53">
        <v>-73847.833333333299</v>
      </c>
      <c r="BS3124" s="53">
        <v>-73847.833333333299</v>
      </c>
      <c r="BT3124" s="53">
        <v>-73847.833333333299</v>
      </c>
      <c r="BU3124" s="53">
        <v>-73847.833333333299</v>
      </c>
      <c r="BV3124" s="53">
        <v>-73847.833333333299</v>
      </c>
      <c r="BW3124" s="53">
        <v>-73847.833333333299</v>
      </c>
      <c r="BX3124" s="53">
        <v>-73847.833333333299</v>
      </c>
      <c r="BY3124" s="53">
        <v>-73847.833333333299</v>
      </c>
      <c r="BZ3124" s="53">
        <v>-73847.833333333299</v>
      </c>
      <c r="CA3124" s="53">
        <v>-886174</v>
      </c>
      <c r="CB3124" s="53">
        <v>0</v>
      </c>
      <c r="CC3124" s="53">
        <v>0</v>
      </c>
      <c r="CD3124" s="53">
        <v>0</v>
      </c>
      <c r="CE3124" s="53">
        <v>0</v>
      </c>
      <c r="CF3124" s="53">
        <v>0</v>
      </c>
      <c r="CG3124" s="53">
        <v>0</v>
      </c>
      <c r="CH3124" s="53">
        <v>0</v>
      </c>
      <c r="CI3124" s="53">
        <v>0</v>
      </c>
      <c r="CJ3124" s="53">
        <v>0</v>
      </c>
      <c r="CK3124" s="53">
        <v>0</v>
      </c>
      <c r="CL3124" s="53">
        <v>0</v>
      </c>
      <c r="CM3124" s="53">
        <v>0</v>
      </c>
      <c r="CN3124" s="53">
        <v>0</v>
      </c>
    </row>
    <row r="3125" spans="1:92" outlineLevel="1">
      <c r="A3125" s="52" t="s">
        <v>1686</v>
      </c>
      <c r="B3125" s="53"/>
      <c r="C3125" s="53"/>
      <c r="D3125" s="53"/>
      <c r="E3125" s="53"/>
      <c r="F3125" s="53"/>
      <c r="G3125" s="53"/>
      <c r="H3125" s="53"/>
      <c r="I3125" s="53"/>
      <c r="J3125" s="53"/>
      <c r="K3125" s="53"/>
      <c r="L3125" s="53"/>
      <c r="M3125" s="53"/>
      <c r="N3125" s="53"/>
      <c r="O3125" s="53"/>
      <c r="P3125" s="53"/>
      <c r="Q3125" s="53"/>
      <c r="R3125" s="53"/>
      <c r="S3125" s="53"/>
      <c r="T3125" s="53"/>
      <c r="U3125" s="53"/>
      <c r="V3125" s="53"/>
      <c r="W3125" s="53"/>
      <c r="X3125" s="53"/>
      <c r="Y3125" s="53"/>
      <c r="Z3125" s="53"/>
      <c r="AA3125" s="53"/>
      <c r="AB3125" s="53"/>
      <c r="AC3125" s="53"/>
      <c r="AD3125" s="53"/>
      <c r="AE3125" s="53"/>
      <c r="AF3125" s="53"/>
      <c r="AG3125" s="53"/>
      <c r="AH3125" s="53"/>
      <c r="AI3125" s="53"/>
      <c r="AJ3125" s="53"/>
      <c r="AK3125" s="53"/>
      <c r="AL3125" s="53"/>
      <c r="AM3125" s="53"/>
      <c r="AN3125" s="53"/>
      <c r="AO3125" s="53"/>
      <c r="AP3125" s="53"/>
      <c r="AQ3125" s="53"/>
      <c r="AR3125" s="53"/>
      <c r="AS3125" s="53"/>
      <c r="AT3125" s="53"/>
      <c r="AU3125" s="53"/>
      <c r="AV3125" s="53"/>
      <c r="AW3125" s="53"/>
      <c r="AX3125" s="53"/>
      <c r="AY3125" s="53"/>
      <c r="AZ3125" s="53"/>
      <c r="BA3125" s="53"/>
      <c r="BB3125" s="53"/>
      <c r="BC3125" s="53"/>
      <c r="BD3125" s="53"/>
      <c r="BE3125" s="53"/>
      <c r="BF3125" s="53"/>
      <c r="BG3125" s="53"/>
      <c r="BH3125" s="53"/>
      <c r="BI3125" s="53"/>
      <c r="BJ3125" s="53"/>
      <c r="BK3125" s="53"/>
      <c r="BL3125" s="53"/>
      <c r="BM3125" s="53"/>
      <c r="BN3125" s="53"/>
      <c r="BO3125" s="53"/>
      <c r="BP3125" s="53"/>
      <c r="BQ3125" s="53"/>
      <c r="BR3125" s="53"/>
      <c r="BS3125" s="53"/>
      <c r="BT3125" s="53"/>
      <c r="BU3125" s="53"/>
      <c r="BV3125" s="53"/>
      <c r="BW3125" s="53"/>
      <c r="BX3125" s="53"/>
      <c r="BY3125" s="53"/>
      <c r="BZ3125" s="53"/>
      <c r="CA3125" s="53"/>
      <c r="CB3125" s="53">
        <v>0</v>
      </c>
      <c r="CC3125" s="53">
        <v>0</v>
      </c>
      <c r="CD3125" s="53">
        <v>0</v>
      </c>
      <c r="CE3125" s="53">
        <v>0</v>
      </c>
      <c r="CF3125" s="53">
        <v>0</v>
      </c>
      <c r="CG3125" s="53">
        <v>0</v>
      </c>
      <c r="CH3125" s="53">
        <v>0</v>
      </c>
      <c r="CI3125" s="53">
        <v>0</v>
      </c>
      <c r="CJ3125" s="53">
        <v>0</v>
      </c>
      <c r="CK3125" s="53">
        <v>0</v>
      </c>
      <c r="CL3125" s="53">
        <v>0</v>
      </c>
      <c r="CM3125" s="53">
        <v>0</v>
      </c>
      <c r="CN3125" s="53">
        <v>0</v>
      </c>
    </row>
    <row r="3126" spans="1:92" outlineLevel="1">
      <c r="A3126" s="52" t="s">
        <v>649</v>
      </c>
      <c r="B3126" s="53"/>
      <c r="C3126" s="53"/>
      <c r="D3126" s="53"/>
      <c r="E3126" s="53"/>
      <c r="F3126" s="53"/>
      <c r="G3126" s="53"/>
      <c r="H3126" s="53"/>
      <c r="I3126" s="53"/>
      <c r="J3126" s="53"/>
      <c r="K3126" s="53"/>
      <c r="L3126" s="53"/>
      <c r="M3126" s="53"/>
      <c r="N3126" s="53"/>
      <c r="O3126" s="53">
        <v>-174277.58333333299</v>
      </c>
      <c r="P3126" s="53">
        <v>-174277.58333333299</v>
      </c>
      <c r="Q3126" s="53">
        <v>-174277.58333333299</v>
      </c>
      <c r="R3126" s="53">
        <v>-174277.58333333299</v>
      </c>
      <c r="S3126" s="53">
        <v>-174277.58333333299</v>
      </c>
      <c r="T3126" s="53">
        <v>-174277.58333333299</v>
      </c>
      <c r="U3126" s="53">
        <v>-174277.58333333299</v>
      </c>
      <c r="V3126" s="53">
        <v>-174277.58333333299</v>
      </c>
      <c r="W3126" s="53">
        <v>-174277.58333333299</v>
      </c>
      <c r="X3126" s="53">
        <v>-174277.58333333299</v>
      </c>
      <c r="Y3126" s="53">
        <v>-174277.58333333299</v>
      </c>
      <c r="Z3126" s="53">
        <v>-174277.58333333299</v>
      </c>
      <c r="AA3126" s="53">
        <v>-2091330.99999999</v>
      </c>
      <c r="AB3126" s="53">
        <v>-173444.25</v>
      </c>
      <c r="AC3126" s="53">
        <v>-173444.25</v>
      </c>
      <c r="AD3126" s="53">
        <v>-173444.25</v>
      </c>
      <c r="AE3126" s="53">
        <v>-173444.25</v>
      </c>
      <c r="AF3126" s="53">
        <v>-173444.25</v>
      </c>
      <c r="AG3126" s="53">
        <v>-173444.25</v>
      </c>
      <c r="AH3126" s="53">
        <v>-173444.25</v>
      </c>
      <c r="AI3126" s="53">
        <v>-173444.25</v>
      </c>
      <c r="AJ3126" s="53">
        <v>-173444.25</v>
      </c>
      <c r="AK3126" s="53">
        <v>-173444.25</v>
      </c>
      <c r="AL3126" s="53">
        <v>-173444.25</v>
      </c>
      <c r="AM3126" s="53">
        <v>-173444.25</v>
      </c>
      <c r="AN3126" s="53">
        <v>-2081331</v>
      </c>
      <c r="AO3126" s="53">
        <v>-72615.666666666599</v>
      </c>
      <c r="AP3126" s="53">
        <v>-72615.666666666599</v>
      </c>
      <c r="AQ3126" s="53">
        <v>-72615.666666666599</v>
      </c>
      <c r="AR3126" s="53">
        <v>-72615.666666666599</v>
      </c>
      <c r="AS3126" s="53">
        <v>-72615.666666666599</v>
      </c>
      <c r="AT3126" s="53">
        <v>-72615.666666666599</v>
      </c>
      <c r="AU3126" s="53">
        <v>-72615.666666666599</v>
      </c>
      <c r="AV3126" s="53">
        <v>-72615.666666666599</v>
      </c>
      <c r="AW3126" s="53">
        <v>-72615.666666666599</v>
      </c>
      <c r="AX3126" s="53">
        <v>-72615.666666666599</v>
      </c>
      <c r="AY3126" s="53">
        <v>-72615.666666666599</v>
      </c>
      <c r="AZ3126" s="53">
        <v>-72615.666666666599</v>
      </c>
      <c r="BA3126" s="53">
        <v>-871388</v>
      </c>
      <c r="BB3126" s="53"/>
      <c r="BC3126" s="53"/>
      <c r="BD3126" s="53"/>
      <c r="BE3126" s="53"/>
      <c r="BF3126" s="53"/>
      <c r="BG3126" s="53"/>
      <c r="BH3126" s="53"/>
      <c r="BI3126" s="53"/>
      <c r="BJ3126" s="53"/>
      <c r="BK3126" s="53"/>
      <c r="BL3126" s="53"/>
      <c r="BM3126" s="53"/>
      <c r="BN3126" s="53"/>
      <c r="BO3126" s="53"/>
      <c r="BP3126" s="53"/>
      <c r="BQ3126" s="53"/>
      <c r="BR3126" s="53"/>
      <c r="BS3126" s="53"/>
      <c r="BT3126" s="53"/>
      <c r="BU3126" s="53"/>
      <c r="BV3126" s="53"/>
      <c r="BW3126" s="53"/>
      <c r="BX3126" s="53"/>
      <c r="BY3126" s="53"/>
      <c r="BZ3126" s="53"/>
      <c r="CA3126" s="53"/>
      <c r="CB3126" s="53">
        <v>0</v>
      </c>
      <c r="CC3126" s="53">
        <v>0</v>
      </c>
      <c r="CD3126" s="53">
        <v>0</v>
      </c>
      <c r="CE3126" s="53">
        <v>0</v>
      </c>
      <c r="CF3126" s="53">
        <v>0</v>
      </c>
      <c r="CG3126" s="53">
        <v>0</v>
      </c>
      <c r="CH3126" s="53">
        <v>0</v>
      </c>
      <c r="CI3126" s="53">
        <v>0</v>
      </c>
      <c r="CJ3126" s="53">
        <v>0</v>
      </c>
      <c r="CK3126" s="53">
        <v>0</v>
      </c>
      <c r="CL3126" s="53">
        <v>0</v>
      </c>
      <c r="CM3126" s="53">
        <v>0</v>
      </c>
      <c r="CN3126" s="53">
        <v>0</v>
      </c>
    </row>
    <row r="3127" spans="1:92" outlineLevel="1">
      <c r="A3127" s="52" t="s">
        <v>1698</v>
      </c>
      <c r="B3127" s="53"/>
      <c r="C3127" s="53"/>
      <c r="D3127" s="53"/>
      <c r="E3127" s="53"/>
      <c r="F3127" s="53"/>
      <c r="G3127" s="53"/>
      <c r="H3127" s="53"/>
      <c r="I3127" s="53"/>
      <c r="J3127" s="53"/>
      <c r="K3127" s="53"/>
      <c r="L3127" s="53"/>
      <c r="M3127" s="53"/>
      <c r="N3127" s="53"/>
      <c r="O3127" s="53"/>
      <c r="P3127" s="53"/>
      <c r="Q3127" s="53"/>
      <c r="R3127" s="53"/>
      <c r="S3127" s="53"/>
      <c r="T3127" s="53"/>
      <c r="U3127" s="53"/>
      <c r="V3127" s="53"/>
      <c r="W3127" s="53"/>
      <c r="X3127" s="53"/>
      <c r="Y3127" s="53"/>
      <c r="Z3127" s="53"/>
      <c r="AA3127" s="53"/>
      <c r="AB3127" s="53"/>
      <c r="AC3127" s="53"/>
      <c r="AD3127" s="53"/>
      <c r="AE3127" s="53"/>
      <c r="AF3127" s="53"/>
      <c r="AG3127" s="53"/>
      <c r="AH3127" s="53"/>
      <c r="AI3127" s="53"/>
      <c r="AJ3127" s="53"/>
      <c r="AK3127" s="53"/>
      <c r="AL3127" s="53"/>
      <c r="AM3127" s="53"/>
      <c r="AN3127" s="53"/>
      <c r="AO3127" s="53"/>
      <c r="AP3127" s="53"/>
      <c r="AQ3127" s="53"/>
      <c r="AR3127" s="53"/>
      <c r="AS3127" s="53"/>
      <c r="AT3127" s="53"/>
      <c r="AU3127" s="53"/>
      <c r="AV3127" s="53"/>
      <c r="AW3127" s="53"/>
      <c r="AX3127" s="53"/>
      <c r="AY3127" s="53"/>
      <c r="AZ3127" s="53"/>
      <c r="BA3127" s="53"/>
      <c r="BB3127" s="53"/>
      <c r="BC3127" s="53"/>
      <c r="BD3127" s="53"/>
      <c r="BE3127" s="53"/>
      <c r="BF3127" s="53"/>
      <c r="BG3127" s="53"/>
      <c r="BH3127" s="53"/>
      <c r="BI3127" s="53"/>
      <c r="BJ3127" s="53"/>
      <c r="BK3127" s="53"/>
      <c r="BL3127" s="53"/>
      <c r="BM3127" s="53"/>
      <c r="BN3127" s="53"/>
      <c r="BO3127" s="53"/>
      <c r="BP3127" s="53"/>
      <c r="BQ3127" s="53"/>
      <c r="BR3127" s="53"/>
      <c r="BS3127" s="53"/>
      <c r="BT3127" s="53"/>
      <c r="BU3127" s="53"/>
      <c r="BV3127" s="53"/>
      <c r="BW3127" s="53"/>
      <c r="BX3127" s="53"/>
      <c r="BY3127" s="53"/>
      <c r="BZ3127" s="53"/>
      <c r="CA3127" s="53"/>
      <c r="CB3127" s="53">
        <v>0</v>
      </c>
      <c r="CC3127" s="53">
        <v>0</v>
      </c>
      <c r="CD3127" s="53">
        <v>0</v>
      </c>
      <c r="CE3127" s="53">
        <v>0</v>
      </c>
      <c r="CF3127" s="53">
        <v>0</v>
      </c>
      <c r="CG3127" s="53">
        <v>0</v>
      </c>
      <c r="CH3127" s="53">
        <v>0</v>
      </c>
      <c r="CI3127" s="53">
        <v>0</v>
      </c>
      <c r="CJ3127" s="53">
        <v>0</v>
      </c>
      <c r="CK3127" s="53">
        <v>0</v>
      </c>
      <c r="CL3127" s="53">
        <v>0</v>
      </c>
      <c r="CM3127" s="53">
        <v>0</v>
      </c>
      <c r="CN3127" s="53">
        <v>0</v>
      </c>
    </row>
    <row r="3128" spans="1:92" outlineLevel="1">
      <c r="A3128" s="52" t="s">
        <v>649</v>
      </c>
      <c r="B3128" s="53"/>
      <c r="C3128" s="53"/>
      <c r="D3128" s="53">
        <v>-120853</v>
      </c>
      <c r="E3128" s="53"/>
      <c r="F3128" s="53"/>
      <c r="G3128" s="53">
        <v>-99795</v>
      </c>
      <c r="H3128" s="53"/>
      <c r="I3128" s="53"/>
      <c r="J3128" s="53">
        <v>-110323.25</v>
      </c>
      <c r="K3128" s="53"/>
      <c r="L3128" s="53">
        <v>-73548.75</v>
      </c>
      <c r="M3128" s="53">
        <v>-441295</v>
      </c>
      <c r="N3128" s="53">
        <v>-845815</v>
      </c>
      <c r="O3128" s="53">
        <v>-36774.583333333299</v>
      </c>
      <c r="P3128" s="53">
        <v>-36774.583333333299</v>
      </c>
      <c r="Q3128" s="53">
        <v>-36774.583333333299</v>
      </c>
      <c r="R3128" s="53">
        <v>-36774.583333333299</v>
      </c>
      <c r="S3128" s="53">
        <v>-36774.583333333299</v>
      </c>
      <c r="T3128" s="53">
        <v>-36774.583333333299</v>
      </c>
      <c r="U3128" s="53">
        <v>-36774.583333333299</v>
      </c>
      <c r="V3128" s="53">
        <v>-36774.583333333299</v>
      </c>
      <c r="W3128" s="53">
        <v>-36774.583333333299</v>
      </c>
      <c r="X3128" s="53">
        <v>-36774.583333333299</v>
      </c>
      <c r="Y3128" s="53">
        <v>-36774.583333333299</v>
      </c>
      <c r="Z3128" s="53">
        <v>-36774.583333333299</v>
      </c>
      <c r="AA3128" s="53">
        <v>-441295</v>
      </c>
      <c r="AB3128" s="53">
        <v>-46237.076388888898</v>
      </c>
      <c r="AC3128" s="53">
        <v>-46237.076388888898</v>
      </c>
      <c r="AD3128" s="53">
        <v>-46237.076388888898</v>
      </c>
      <c r="AE3128" s="53">
        <v>-46237.076388888898</v>
      </c>
      <c r="AF3128" s="53">
        <v>-46237.076388888898</v>
      </c>
      <c r="AG3128" s="53">
        <v>-46237.076388888898</v>
      </c>
      <c r="AH3128" s="53">
        <v>-46237.076388888898</v>
      </c>
      <c r="AI3128" s="53">
        <v>-46237.076388888898</v>
      </c>
      <c r="AJ3128" s="53">
        <v>-46237.076388888898</v>
      </c>
      <c r="AK3128" s="53">
        <v>-46237.076388888898</v>
      </c>
      <c r="AL3128" s="53">
        <v>-46237.076388888898</v>
      </c>
      <c r="AM3128" s="53">
        <v>-46237.076388888898</v>
      </c>
      <c r="AN3128" s="53">
        <v>-554844.91666666698</v>
      </c>
      <c r="AO3128" s="53">
        <v>-102812.27430555499</v>
      </c>
      <c r="AP3128" s="53">
        <v>-102812.27430555499</v>
      </c>
      <c r="AQ3128" s="53">
        <v>-102812.27430555499</v>
      </c>
      <c r="AR3128" s="53">
        <v>-102812.27430555499</v>
      </c>
      <c r="AS3128" s="53">
        <v>-102812.27430555499</v>
      </c>
      <c r="AT3128" s="53">
        <v>-102812.27430555499</v>
      </c>
      <c r="AU3128" s="53">
        <v>-102812.27430555499</v>
      </c>
      <c r="AV3128" s="53">
        <v>-102812.27430555499</v>
      </c>
      <c r="AW3128" s="53">
        <v>-102812.27430555499</v>
      </c>
      <c r="AX3128" s="53">
        <v>-102812.27430555499</v>
      </c>
      <c r="AY3128" s="53">
        <v>-102812.27430555499</v>
      </c>
      <c r="AZ3128" s="53">
        <v>-102812.27430555499</v>
      </c>
      <c r="BA3128" s="53">
        <v>-1233747.29166666</v>
      </c>
      <c r="BB3128" s="53">
        <v>-154488.67840301999</v>
      </c>
      <c r="BC3128" s="53">
        <v>-154488.67840301999</v>
      </c>
      <c r="BD3128" s="53">
        <v>-154488.67840301999</v>
      </c>
      <c r="BE3128" s="53">
        <v>-154488.67840301999</v>
      </c>
      <c r="BF3128" s="53">
        <v>-154488.67840301999</v>
      </c>
      <c r="BG3128" s="53">
        <v>-154488.67840301999</v>
      </c>
      <c r="BH3128" s="53">
        <v>-154488.67840301999</v>
      </c>
      <c r="BI3128" s="53">
        <v>-154488.67840301999</v>
      </c>
      <c r="BJ3128" s="53">
        <v>-154488.67840301999</v>
      </c>
      <c r="BK3128" s="53">
        <v>-154488.67840301999</v>
      </c>
      <c r="BL3128" s="53">
        <v>-154488.67840301999</v>
      </c>
      <c r="BM3128" s="53">
        <v>-154488.67840301999</v>
      </c>
      <c r="BN3128" s="53">
        <v>-1853864.14083625</v>
      </c>
      <c r="BO3128" s="53">
        <v>-269788.079970463</v>
      </c>
      <c r="BP3128" s="53">
        <v>-269788.079970463</v>
      </c>
      <c r="BQ3128" s="53">
        <v>-269788.079970463</v>
      </c>
      <c r="BR3128" s="53">
        <v>-269788.079970463</v>
      </c>
      <c r="BS3128" s="53">
        <v>-269788.079970463</v>
      </c>
      <c r="BT3128" s="53">
        <v>-269788.079970463</v>
      </c>
      <c r="BU3128" s="53">
        <v>-269788.079970463</v>
      </c>
      <c r="BV3128" s="53">
        <v>-269788.079970463</v>
      </c>
      <c r="BW3128" s="53">
        <v>-269788.079970463</v>
      </c>
      <c r="BX3128" s="53">
        <v>-269788.079970463</v>
      </c>
      <c r="BY3128" s="53">
        <v>-269788.079970463</v>
      </c>
      <c r="BZ3128" s="53">
        <v>-269788.079970463</v>
      </c>
      <c r="CA3128" s="53">
        <v>-3237456.95964556</v>
      </c>
      <c r="CB3128" s="53">
        <v>0</v>
      </c>
      <c r="CC3128" s="53">
        <v>0</v>
      </c>
      <c r="CD3128" s="53">
        <v>0</v>
      </c>
      <c r="CE3128" s="53">
        <v>0</v>
      </c>
      <c r="CF3128" s="53">
        <v>0</v>
      </c>
      <c r="CG3128" s="53">
        <v>0</v>
      </c>
      <c r="CH3128" s="53">
        <v>0</v>
      </c>
      <c r="CI3128" s="53">
        <v>0</v>
      </c>
      <c r="CJ3128" s="53">
        <v>0</v>
      </c>
      <c r="CK3128" s="53">
        <v>0</v>
      </c>
      <c r="CL3128" s="53">
        <v>0</v>
      </c>
      <c r="CM3128" s="53">
        <v>0</v>
      </c>
      <c r="CN3128" s="53">
        <v>0</v>
      </c>
    </row>
    <row r="3129" spans="1:92" outlineLevel="1">
      <c r="A3129" s="52" t="s">
        <v>703</v>
      </c>
      <c r="B3129" s="53"/>
      <c r="C3129" s="53"/>
      <c r="D3129" s="53"/>
      <c r="E3129" s="53"/>
      <c r="F3129" s="53"/>
      <c r="G3129" s="53"/>
      <c r="H3129" s="53"/>
      <c r="I3129" s="53"/>
      <c r="J3129" s="53"/>
      <c r="K3129" s="53"/>
      <c r="L3129" s="53"/>
      <c r="M3129" s="53"/>
      <c r="N3129" s="53"/>
      <c r="O3129" s="53"/>
      <c r="P3129" s="53"/>
      <c r="Q3129" s="53"/>
      <c r="R3129" s="53"/>
      <c r="S3129" s="53"/>
      <c r="T3129" s="53"/>
      <c r="U3129" s="53"/>
      <c r="V3129" s="53"/>
      <c r="W3129" s="53"/>
      <c r="X3129" s="53"/>
      <c r="Y3129" s="53"/>
      <c r="Z3129" s="53"/>
      <c r="AA3129" s="53"/>
      <c r="AB3129" s="53"/>
      <c r="AC3129" s="53"/>
      <c r="AD3129" s="53"/>
      <c r="AE3129" s="53"/>
      <c r="AF3129" s="53"/>
      <c r="AG3129" s="53"/>
      <c r="AH3129" s="53"/>
      <c r="AI3129" s="53"/>
      <c r="AJ3129" s="53"/>
      <c r="AK3129" s="53"/>
      <c r="AL3129" s="53"/>
      <c r="AM3129" s="53"/>
      <c r="AN3129" s="53"/>
      <c r="AO3129" s="53"/>
      <c r="AP3129" s="53"/>
      <c r="AQ3129" s="53"/>
      <c r="AR3129" s="53"/>
      <c r="AS3129" s="53"/>
      <c r="AT3129" s="53"/>
      <c r="AU3129" s="53"/>
      <c r="AV3129" s="53"/>
      <c r="AW3129" s="53"/>
      <c r="AX3129" s="53"/>
      <c r="AY3129" s="53"/>
      <c r="AZ3129" s="53"/>
      <c r="BA3129" s="53"/>
      <c r="BB3129" s="53"/>
      <c r="BC3129" s="53"/>
      <c r="BD3129" s="53"/>
      <c r="BE3129" s="53"/>
      <c r="BF3129" s="53"/>
      <c r="BG3129" s="53"/>
      <c r="BH3129" s="53"/>
      <c r="BI3129" s="53"/>
      <c r="BJ3129" s="53"/>
      <c r="BK3129" s="53"/>
      <c r="BL3129" s="53"/>
      <c r="BM3129" s="53"/>
      <c r="BN3129" s="53"/>
      <c r="BO3129" s="53"/>
      <c r="BP3129" s="53"/>
      <c r="BQ3129" s="53"/>
      <c r="BR3129" s="53"/>
      <c r="BS3129" s="53"/>
      <c r="BT3129" s="53"/>
      <c r="BU3129" s="53"/>
      <c r="BV3129" s="53"/>
      <c r="BW3129" s="53"/>
      <c r="BX3129" s="53"/>
      <c r="BY3129" s="53"/>
      <c r="BZ3129" s="53"/>
      <c r="CA3129" s="53"/>
      <c r="CB3129" s="53">
        <v>0</v>
      </c>
      <c r="CC3129" s="53">
        <v>0</v>
      </c>
      <c r="CD3129" s="53">
        <v>0</v>
      </c>
      <c r="CE3129" s="53">
        <v>0</v>
      </c>
      <c r="CF3129" s="53">
        <v>0</v>
      </c>
      <c r="CG3129" s="53">
        <v>0</v>
      </c>
      <c r="CH3129" s="53">
        <v>0</v>
      </c>
      <c r="CI3129" s="53">
        <v>0</v>
      </c>
      <c r="CJ3129" s="53">
        <v>0</v>
      </c>
      <c r="CK3129" s="53">
        <v>0</v>
      </c>
      <c r="CL3129" s="53">
        <v>0</v>
      </c>
      <c r="CM3129" s="53">
        <v>0</v>
      </c>
      <c r="CN3129" s="53">
        <v>0</v>
      </c>
    </row>
    <row r="3130" spans="1:92" outlineLevel="1">
      <c r="A3130" s="52" t="s">
        <v>706</v>
      </c>
      <c r="B3130" s="53"/>
      <c r="C3130" s="53"/>
      <c r="D3130" s="53"/>
      <c r="E3130" s="53"/>
      <c r="F3130" s="53"/>
      <c r="G3130" s="53"/>
      <c r="H3130" s="53"/>
      <c r="I3130" s="53"/>
      <c r="J3130" s="53"/>
      <c r="K3130" s="53"/>
      <c r="L3130" s="53"/>
      <c r="M3130" s="53"/>
      <c r="N3130" s="53"/>
      <c r="O3130" s="53"/>
      <c r="P3130" s="53"/>
      <c r="Q3130" s="53"/>
      <c r="R3130" s="53"/>
      <c r="S3130" s="53"/>
      <c r="T3130" s="53"/>
      <c r="U3130" s="53"/>
      <c r="V3130" s="53"/>
      <c r="W3130" s="53"/>
      <c r="X3130" s="53"/>
      <c r="Y3130" s="53"/>
      <c r="Z3130" s="53"/>
      <c r="AA3130" s="53"/>
      <c r="AB3130" s="53"/>
      <c r="AC3130" s="53"/>
      <c r="AD3130" s="53"/>
      <c r="AE3130" s="53"/>
      <c r="AF3130" s="53"/>
      <c r="AG3130" s="53"/>
      <c r="AH3130" s="53"/>
      <c r="AI3130" s="53"/>
      <c r="AJ3130" s="53"/>
      <c r="AK3130" s="53"/>
      <c r="AL3130" s="53"/>
      <c r="AM3130" s="53"/>
      <c r="AN3130" s="53"/>
      <c r="AO3130" s="53"/>
      <c r="AP3130" s="53"/>
      <c r="AQ3130" s="53"/>
      <c r="AR3130" s="53"/>
      <c r="AS3130" s="53"/>
      <c r="AT3130" s="53"/>
      <c r="AU3130" s="53"/>
      <c r="AV3130" s="53"/>
      <c r="AW3130" s="53"/>
      <c r="AX3130" s="53"/>
      <c r="AY3130" s="53"/>
      <c r="AZ3130" s="53"/>
      <c r="BA3130" s="53"/>
      <c r="BB3130" s="53"/>
      <c r="BC3130" s="53"/>
      <c r="BD3130" s="53"/>
      <c r="BE3130" s="53"/>
      <c r="BF3130" s="53"/>
      <c r="BG3130" s="53"/>
      <c r="BH3130" s="53"/>
      <c r="BI3130" s="53"/>
      <c r="BJ3130" s="53"/>
      <c r="BK3130" s="53"/>
      <c r="BL3130" s="53"/>
      <c r="BM3130" s="53"/>
      <c r="BN3130" s="53"/>
      <c r="BO3130" s="53"/>
      <c r="BP3130" s="53"/>
      <c r="BQ3130" s="53"/>
      <c r="BR3130" s="53"/>
      <c r="BS3130" s="53"/>
      <c r="BT3130" s="53"/>
      <c r="BU3130" s="53"/>
      <c r="BV3130" s="53"/>
      <c r="BW3130" s="53"/>
      <c r="BX3130" s="53"/>
      <c r="BY3130" s="53"/>
      <c r="BZ3130" s="53"/>
      <c r="CA3130" s="53"/>
      <c r="CB3130" s="53">
        <v>0</v>
      </c>
      <c r="CC3130" s="53">
        <v>0</v>
      </c>
      <c r="CD3130" s="53">
        <v>0</v>
      </c>
      <c r="CE3130" s="53">
        <v>0</v>
      </c>
      <c r="CF3130" s="53">
        <v>0</v>
      </c>
      <c r="CG3130" s="53">
        <v>0</v>
      </c>
      <c r="CH3130" s="53">
        <v>0</v>
      </c>
      <c r="CI3130" s="53">
        <v>0</v>
      </c>
      <c r="CJ3130" s="53">
        <v>0</v>
      </c>
      <c r="CK3130" s="53">
        <v>0</v>
      </c>
      <c r="CL3130" s="53">
        <v>0</v>
      </c>
      <c r="CM3130" s="53">
        <v>0</v>
      </c>
      <c r="CN3130" s="53">
        <v>0</v>
      </c>
    </row>
    <row r="3131" spans="1:92" outlineLevel="1">
      <c r="A3131" s="52" t="s">
        <v>705</v>
      </c>
      <c r="B3131" s="53"/>
      <c r="C3131" s="53"/>
      <c r="D3131" s="53"/>
      <c r="E3131" s="53"/>
      <c r="F3131" s="53"/>
      <c r="G3131" s="53"/>
      <c r="H3131" s="53"/>
      <c r="I3131" s="53"/>
      <c r="J3131" s="53"/>
      <c r="K3131" s="53"/>
      <c r="L3131" s="53"/>
      <c r="M3131" s="53"/>
      <c r="N3131" s="53"/>
      <c r="O3131" s="53">
        <v>-885293.06761143403</v>
      </c>
      <c r="P3131" s="53">
        <v>4325569.5228614202</v>
      </c>
      <c r="Q3131" s="53">
        <v>1636657.6202555699</v>
      </c>
      <c r="R3131" s="53">
        <v>-975678.90706958994</v>
      </c>
      <c r="S3131" s="53">
        <v>-1980246.1526586099</v>
      </c>
      <c r="T3131" s="53">
        <v>-4003040.0909539098</v>
      </c>
      <c r="U3131" s="53">
        <v>-2162749.4752679202</v>
      </c>
      <c r="V3131" s="53">
        <v>-6551139.78723149</v>
      </c>
      <c r="W3131" s="53">
        <v>-2802217.6677378798</v>
      </c>
      <c r="X3131" s="53">
        <v>-1148193.0601220501</v>
      </c>
      <c r="Y3131" s="53">
        <v>1094413.80686448</v>
      </c>
      <c r="Z3131" s="53">
        <v>-5047068.81427396</v>
      </c>
      <c r="AA3131" s="53">
        <v>-18498986.072945401</v>
      </c>
      <c r="AB3131" s="53">
        <v>-3263588.0919577</v>
      </c>
      <c r="AC3131" s="53">
        <v>1403247.5537707401</v>
      </c>
      <c r="AD3131" s="53">
        <v>-301507.82879013498</v>
      </c>
      <c r="AE3131" s="53">
        <v>986216.48674868105</v>
      </c>
      <c r="AF3131" s="53">
        <v>100226.71611066999</v>
      </c>
      <c r="AG3131" s="53">
        <v>-1175262.49534485</v>
      </c>
      <c r="AH3131" s="53">
        <v>-573566.76380333398</v>
      </c>
      <c r="AI3131" s="53">
        <v>-4411143.3438784303</v>
      </c>
      <c r="AJ3131" s="53">
        <v>-916207.91777658905</v>
      </c>
      <c r="AK3131" s="53">
        <v>1013617.74349106</v>
      </c>
      <c r="AL3131" s="53">
        <v>2701884.0785181499</v>
      </c>
      <c r="AM3131" s="53">
        <v>-3199847.5124201099</v>
      </c>
      <c r="AN3131" s="53">
        <v>-7635931.3753318498</v>
      </c>
      <c r="AO3131" s="53">
        <v>1847039.4813578001</v>
      </c>
      <c r="AP3131" s="53">
        <v>5339196.1116688997</v>
      </c>
      <c r="AQ3131" s="53">
        <v>4792021.74488331</v>
      </c>
      <c r="AR3131" s="53">
        <v>3741978.2108753002</v>
      </c>
      <c r="AS3131" s="53">
        <v>3116465.1135932598</v>
      </c>
      <c r="AT3131" s="53">
        <v>2901764.3696586001</v>
      </c>
      <c r="AU3131" s="53">
        <v>2940632.8841498601</v>
      </c>
      <c r="AV3131" s="53">
        <v>25333.1590266284</v>
      </c>
      <c r="AW3131" s="53">
        <v>3056110.9211582602</v>
      </c>
      <c r="AX3131" s="53">
        <v>3734427.4211847601</v>
      </c>
      <c r="AY3131" s="53">
        <v>4949853.9089705702</v>
      </c>
      <c r="AZ3131" s="53">
        <v>601619.35114538798</v>
      </c>
      <c r="BA3131" s="53">
        <v>37046442.677672699</v>
      </c>
      <c r="BB3131" s="53">
        <v>1867794.82234481</v>
      </c>
      <c r="BC3131" s="53">
        <v>5484839.6171713602</v>
      </c>
      <c r="BD3131" s="53">
        <v>4815664.6893944796</v>
      </c>
      <c r="BE3131" s="53">
        <v>3771367.1992183798</v>
      </c>
      <c r="BF3131" s="53">
        <v>3138721.0012500701</v>
      </c>
      <c r="BG3131" s="53">
        <v>2918453.7899838998</v>
      </c>
      <c r="BH3131" s="53">
        <v>2986991.2580340598</v>
      </c>
      <c r="BI3131" s="53">
        <v>109309.157612315</v>
      </c>
      <c r="BJ3131" s="53">
        <v>3222809.2498544799</v>
      </c>
      <c r="BK3131" s="53">
        <v>4003112.6626035399</v>
      </c>
      <c r="BL3131" s="53">
        <v>5305058.3161778497</v>
      </c>
      <c r="BM3131" s="53">
        <v>827257.13657677802</v>
      </c>
      <c r="BN3131" s="53">
        <v>38451378.900222003</v>
      </c>
      <c r="BO3131" s="53">
        <v>1884926.8388785</v>
      </c>
      <c r="BP3131" s="53">
        <v>5527768.6103877705</v>
      </c>
      <c r="BQ3131" s="53">
        <v>4957806.2840496497</v>
      </c>
      <c r="BR3131" s="53">
        <v>3859793.2789729601</v>
      </c>
      <c r="BS3131" s="53">
        <v>2975180.7775071599</v>
      </c>
      <c r="BT3131" s="53">
        <v>2718080.7901169099</v>
      </c>
      <c r="BU3131" s="53">
        <v>2706342.0144746099</v>
      </c>
      <c r="BV3131" s="53">
        <v>-194742.72752320001</v>
      </c>
      <c r="BW3131" s="53">
        <v>2993238.59111861</v>
      </c>
      <c r="BX3131" s="53">
        <v>3755864.5949141802</v>
      </c>
      <c r="BY3131" s="53">
        <v>4777030.6277568499</v>
      </c>
      <c r="BZ3131" s="53">
        <v>6878600.8519843603</v>
      </c>
      <c r="CA3131" s="53">
        <v>42839890.532638401</v>
      </c>
      <c r="CB3131" s="53">
        <v>0</v>
      </c>
      <c r="CC3131" s="53">
        <v>0</v>
      </c>
      <c r="CD3131" s="53">
        <v>0</v>
      </c>
      <c r="CE3131" s="53">
        <v>0</v>
      </c>
      <c r="CF3131" s="53">
        <v>0</v>
      </c>
      <c r="CG3131" s="53">
        <v>0</v>
      </c>
      <c r="CH3131" s="53">
        <v>0</v>
      </c>
      <c r="CI3131" s="53">
        <v>0</v>
      </c>
      <c r="CJ3131" s="53">
        <v>0</v>
      </c>
      <c r="CK3131" s="53">
        <v>0</v>
      </c>
      <c r="CL3131" s="53">
        <v>0</v>
      </c>
      <c r="CM3131" s="53">
        <v>0</v>
      </c>
      <c r="CN3131" s="53">
        <v>0</v>
      </c>
    </row>
    <row r="3132" spans="1:92" outlineLevel="1">
      <c r="A3132" s="52" t="s">
        <v>678</v>
      </c>
      <c r="B3132" s="53"/>
      <c r="C3132" s="53"/>
      <c r="D3132" s="53"/>
      <c r="E3132" s="53"/>
      <c r="F3132" s="53"/>
      <c r="G3132" s="53"/>
      <c r="H3132" s="53"/>
      <c r="I3132" s="53"/>
      <c r="J3132" s="53"/>
      <c r="K3132" s="53"/>
      <c r="L3132" s="53"/>
      <c r="M3132" s="53"/>
      <c r="N3132" s="53"/>
      <c r="O3132" s="53"/>
      <c r="P3132" s="53"/>
      <c r="Q3132" s="53"/>
      <c r="R3132" s="53"/>
      <c r="S3132" s="53"/>
      <c r="T3132" s="53"/>
      <c r="U3132" s="53"/>
      <c r="V3132" s="53"/>
      <c r="W3132" s="53"/>
      <c r="X3132" s="53"/>
      <c r="Y3132" s="53"/>
      <c r="Z3132" s="53"/>
      <c r="AA3132" s="53"/>
      <c r="AB3132" s="53"/>
      <c r="AC3132" s="53"/>
      <c r="AD3132" s="53"/>
      <c r="AE3132" s="53"/>
      <c r="AF3132" s="53"/>
      <c r="AG3132" s="53"/>
      <c r="AH3132" s="53"/>
      <c r="AI3132" s="53"/>
      <c r="AJ3132" s="53"/>
      <c r="AK3132" s="53"/>
      <c r="AL3132" s="53"/>
      <c r="AM3132" s="53"/>
      <c r="AN3132" s="53"/>
      <c r="AO3132" s="53"/>
      <c r="AP3132" s="53"/>
      <c r="AQ3132" s="53"/>
      <c r="AR3132" s="53"/>
      <c r="AS3132" s="53"/>
      <c r="AT3132" s="53"/>
      <c r="AU3132" s="53"/>
      <c r="AV3132" s="53"/>
      <c r="AW3132" s="53"/>
      <c r="AX3132" s="53"/>
      <c r="AY3132" s="53"/>
      <c r="AZ3132" s="53"/>
      <c r="BA3132" s="53"/>
      <c r="BB3132" s="53"/>
      <c r="BC3132" s="53"/>
      <c r="BD3132" s="53"/>
      <c r="BE3132" s="53"/>
      <c r="BF3132" s="53"/>
      <c r="BG3132" s="53"/>
      <c r="BH3132" s="53"/>
      <c r="BI3132" s="53"/>
      <c r="BJ3132" s="53"/>
      <c r="BK3132" s="53"/>
      <c r="BL3132" s="53"/>
      <c r="BM3132" s="53"/>
      <c r="BN3132" s="53"/>
      <c r="BO3132" s="53"/>
      <c r="BP3132" s="53"/>
      <c r="BQ3132" s="53"/>
      <c r="BR3132" s="53"/>
      <c r="BS3132" s="53"/>
      <c r="BT3132" s="53"/>
      <c r="BU3132" s="53"/>
      <c r="BV3132" s="53"/>
      <c r="BW3132" s="53"/>
      <c r="BX3132" s="53"/>
      <c r="BY3132" s="53"/>
      <c r="BZ3132" s="53"/>
      <c r="CA3132" s="53"/>
      <c r="CB3132" s="53">
        <v>74473663.980999902</v>
      </c>
      <c r="CC3132" s="53">
        <v>73763562.860886693</v>
      </c>
      <c r="CD3132" s="53">
        <v>71377432.787087694</v>
      </c>
      <c r="CE3132" s="53">
        <v>69962732.788743198</v>
      </c>
      <c r="CF3132" s="53">
        <v>69540890.719711795</v>
      </c>
      <c r="CG3132" s="53">
        <v>71137185.708402604</v>
      </c>
      <c r="CH3132" s="53">
        <v>71099360.291769102</v>
      </c>
      <c r="CI3132" s="53">
        <v>72134466.826777801</v>
      </c>
      <c r="CJ3132" s="53">
        <v>73201934.520550802</v>
      </c>
      <c r="CK3132" s="53">
        <v>75741648.421079397</v>
      </c>
      <c r="CL3132" s="53">
        <v>77129666.9464885</v>
      </c>
      <c r="CM3132" s="53">
        <v>75604352.140295997</v>
      </c>
      <c r="CN3132" s="53">
        <v>74473663.980999902</v>
      </c>
    </row>
    <row r="3133" spans="1:92" outlineLevel="1">
      <c r="A3133" s="52" t="s">
        <v>1690</v>
      </c>
      <c r="B3133" s="53"/>
      <c r="C3133" s="53"/>
      <c r="D3133" s="53"/>
      <c r="E3133" s="53"/>
      <c r="F3133" s="53"/>
      <c r="G3133" s="53"/>
      <c r="H3133" s="53"/>
      <c r="I3133" s="53"/>
      <c r="J3133" s="53"/>
      <c r="K3133" s="53"/>
      <c r="L3133" s="53"/>
      <c r="M3133" s="53"/>
      <c r="N3133" s="53"/>
      <c r="O3133" s="53"/>
      <c r="P3133" s="53"/>
      <c r="Q3133" s="53"/>
      <c r="R3133" s="53"/>
      <c r="S3133" s="53"/>
      <c r="T3133" s="53"/>
      <c r="U3133" s="53"/>
      <c r="V3133" s="53"/>
      <c r="W3133" s="53"/>
      <c r="X3133" s="53"/>
      <c r="Y3133" s="53"/>
      <c r="Z3133" s="53"/>
      <c r="AA3133" s="53"/>
      <c r="AB3133" s="53"/>
      <c r="AC3133" s="53"/>
      <c r="AD3133" s="53"/>
      <c r="AE3133" s="53"/>
      <c r="AF3133" s="53"/>
      <c r="AG3133" s="53"/>
      <c r="AH3133" s="53"/>
      <c r="AI3133" s="53"/>
      <c r="AJ3133" s="53"/>
      <c r="AK3133" s="53"/>
      <c r="AL3133" s="53"/>
      <c r="AM3133" s="53"/>
      <c r="AN3133" s="53"/>
      <c r="AO3133" s="53"/>
      <c r="AP3133" s="53"/>
      <c r="AQ3133" s="53"/>
      <c r="AR3133" s="53"/>
      <c r="AS3133" s="53"/>
      <c r="AT3133" s="53"/>
      <c r="AU3133" s="53"/>
      <c r="AV3133" s="53"/>
      <c r="AW3133" s="53"/>
      <c r="AX3133" s="53"/>
      <c r="AY3133" s="53"/>
      <c r="AZ3133" s="53"/>
      <c r="BA3133" s="53"/>
      <c r="BB3133" s="53"/>
      <c r="BC3133" s="53"/>
      <c r="BD3133" s="53"/>
      <c r="BE3133" s="53"/>
      <c r="BF3133" s="53"/>
      <c r="BG3133" s="53"/>
      <c r="BH3133" s="53"/>
      <c r="BI3133" s="53"/>
      <c r="BJ3133" s="53"/>
      <c r="BK3133" s="53"/>
      <c r="BL3133" s="53"/>
      <c r="BM3133" s="53"/>
      <c r="BN3133" s="53"/>
      <c r="BO3133" s="53"/>
      <c r="BP3133" s="53"/>
      <c r="BQ3133" s="53"/>
      <c r="BR3133" s="53"/>
      <c r="BS3133" s="53"/>
      <c r="BT3133" s="53"/>
      <c r="BU3133" s="53"/>
      <c r="BV3133" s="53"/>
      <c r="BW3133" s="53"/>
      <c r="BX3133" s="53"/>
      <c r="BY3133" s="53"/>
      <c r="BZ3133" s="53"/>
      <c r="CA3133" s="53"/>
      <c r="CB3133" s="53"/>
      <c r="CC3133" s="53"/>
      <c r="CD3133" s="53"/>
      <c r="CE3133" s="53"/>
      <c r="CF3133" s="53"/>
      <c r="CG3133" s="53"/>
      <c r="CH3133" s="53"/>
      <c r="CI3133" s="53"/>
      <c r="CJ3133" s="53"/>
      <c r="CK3133" s="53"/>
      <c r="CL3133" s="53"/>
      <c r="CM3133" s="53"/>
      <c r="CN3133" s="53"/>
    </row>
    <row r="3134" spans="1:92" outlineLevel="1">
      <c r="A3134" s="52" t="s">
        <v>680</v>
      </c>
      <c r="B3134" s="53"/>
      <c r="C3134" s="53"/>
      <c r="D3134" s="53"/>
      <c r="E3134" s="53"/>
      <c r="F3134" s="53"/>
      <c r="G3134" s="53"/>
      <c r="H3134" s="53"/>
      <c r="I3134" s="53"/>
      <c r="J3134" s="53"/>
      <c r="K3134" s="53"/>
      <c r="L3134" s="53"/>
      <c r="M3134" s="53"/>
      <c r="N3134" s="53"/>
      <c r="O3134" s="53"/>
      <c r="P3134" s="53"/>
      <c r="Q3134" s="53"/>
      <c r="R3134" s="53"/>
      <c r="S3134" s="53"/>
      <c r="T3134" s="53"/>
      <c r="U3134" s="53"/>
      <c r="V3134" s="53"/>
      <c r="W3134" s="53"/>
      <c r="X3134" s="53"/>
      <c r="Y3134" s="53"/>
      <c r="Z3134" s="53"/>
      <c r="AA3134" s="53"/>
      <c r="AB3134" s="53"/>
      <c r="AC3134" s="53"/>
      <c r="AD3134" s="53"/>
      <c r="AE3134" s="53"/>
      <c r="AF3134" s="53"/>
      <c r="AG3134" s="53"/>
      <c r="AH3134" s="53"/>
      <c r="AI3134" s="53"/>
      <c r="AJ3134" s="53"/>
      <c r="AK3134" s="53"/>
      <c r="AL3134" s="53"/>
      <c r="AM3134" s="53"/>
      <c r="AN3134" s="53"/>
      <c r="AO3134" s="53"/>
      <c r="AP3134" s="53"/>
      <c r="AQ3134" s="53"/>
      <c r="AR3134" s="53"/>
      <c r="AS3134" s="53"/>
      <c r="AT3134" s="53"/>
      <c r="AU3134" s="53"/>
      <c r="AV3134" s="53"/>
      <c r="AW3134" s="53"/>
      <c r="AX3134" s="53"/>
      <c r="AY3134" s="53"/>
      <c r="AZ3134" s="53"/>
      <c r="BA3134" s="53"/>
      <c r="BB3134" s="53"/>
      <c r="BC3134" s="53"/>
      <c r="BD3134" s="53"/>
      <c r="BE3134" s="53">
        <v>59834339.893198803</v>
      </c>
      <c r="BF3134" s="53"/>
      <c r="BG3134" s="53">
        <v>59834339.893198803</v>
      </c>
      <c r="BH3134" s="53"/>
      <c r="BI3134" s="53"/>
      <c r="BJ3134" s="53">
        <v>-88398347.786397606</v>
      </c>
      <c r="BK3134" s="53"/>
      <c r="BL3134" s="53"/>
      <c r="BM3134" s="53">
        <v>-26085424.999999899</v>
      </c>
      <c r="BN3134" s="53">
        <v>5184906.9999999898</v>
      </c>
      <c r="BO3134" s="53"/>
      <c r="BP3134" s="53"/>
      <c r="BQ3134" s="53">
        <v>-4976470.4021227704</v>
      </c>
      <c r="BR3134" s="53">
        <v>59782230.743729398</v>
      </c>
      <c r="BS3134" s="53"/>
      <c r="BT3134" s="53">
        <v>59782230.743729398</v>
      </c>
      <c r="BU3134" s="53"/>
      <c r="BV3134" s="53"/>
      <c r="BW3134" s="53">
        <v>59782230.743729398</v>
      </c>
      <c r="BX3134" s="53"/>
      <c r="BY3134" s="53"/>
      <c r="BZ3134" s="53">
        <v>-90086995.722449094</v>
      </c>
      <c r="CA3134" s="53">
        <v>84283226.106616497</v>
      </c>
      <c r="CB3134" s="53"/>
      <c r="CC3134" s="53"/>
      <c r="CD3134" s="53"/>
      <c r="CE3134" s="53"/>
      <c r="CF3134" s="53"/>
      <c r="CG3134" s="53"/>
      <c r="CH3134" s="53"/>
      <c r="CI3134" s="53"/>
      <c r="CJ3134" s="53"/>
      <c r="CK3134" s="53"/>
      <c r="CL3134" s="53"/>
      <c r="CM3134" s="53"/>
      <c r="CN3134" s="53"/>
    </row>
    <row r="3135" spans="1:92" outlineLevel="1">
      <c r="A3135" s="52" t="s">
        <v>682</v>
      </c>
      <c r="B3135" s="53"/>
      <c r="C3135" s="53"/>
      <c r="D3135" s="53"/>
      <c r="E3135" s="53"/>
      <c r="F3135" s="53"/>
      <c r="G3135" s="53"/>
      <c r="H3135" s="53"/>
      <c r="I3135" s="53"/>
      <c r="J3135" s="53"/>
      <c r="K3135" s="53"/>
      <c r="L3135" s="53"/>
      <c r="M3135" s="53"/>
      <c r="N3135" s="53"/>
      <c r="O3135" s="53"/>
      <c r="P3135" s="53"/>
      <c r="Q3135" s="53"/>
      <c r="R3135" s="53"/>
      <c r="S3135" s="53"/>
      <c r="T3135" s="53"/>
      <c r="U3135" s="53"/>
      <c r="V3135" s="53"/>
      <c r="W3135" s="53"/>
      <c r="X3135" s="53"/>
      <c r="Y3135" s="53"/>
      <c r="Z3135" s="53"/>
      <c r="AA3135" s="53"/>
      <c r="AB3135" s="53"/>
      <c r="AC3135" s="53"/>
      <c r="AD3135" s="53"/>
      <c r="AE3135" s="53">
        <v>1725939.99999999</v>
      </c>
      <c r="AF3135" s="53"/>
      <c r="AG3135" s="53">
        <v>1725939.99999999</v>
      </c>
      <c r="AH3135" s="53"/>
      <c r="AI3135" s="53"/>
      <c r="AJ3135" s="53">
        <v>6311065.75</v>
      </c>
      <c r="AK3135" s="53"/>
      <c r="AL3135" s="53"/>
      <c r="AM3135" s="53">
        <v>14903667.758178299</v>
      </c>
      <c r="AN3135" s="53">
        <v>24666613.508178301</v>
      </c>
      <c r="AO3135" s="53"/>
      <c r="AP3135" s="53"/>
      <c r="AQ3135" s="53">
        <v>85338.835463855503</v>
      </c>
      <c r="AR3135" s="53">
        <v>3236021.4140894399</v>
      </c>
      <c r="AS3135" s="53"/>
      <c r="AT3135" s="53">
        <v>3236021.4140894399</v>
      </c>
      <c r="AU3135" s="53"/>
      <c r="AV3135" s="53"/>
      <c r="AW3135" s="53">
        <v>3010895.4140894301</v>
      </c>
      <c r="AX3135" s="53"/>
      <c r="AY3135" s="53"/>
      <c r="AZ3135" s="53">
        <v>3461147.4140894399</v>
      </c>
      <c r="BA3135" s="53">
        <v>13029424.4918216</v>
      </c>
      <c r="BB3135" s="53"/>
      <c r="BC3135" s="53"/>
      <c r="BD3135" s="53"/>
      <c r="BE3135" s="53"/>
      <c r="BF3135" s="53"/>
      <c r="BG3135" s="53"/>
      <c r="BH3135" s="53"/>
      <c r="BI3135" s="53"/>
      <c r="BJ3135" s="53"/>
      <c r="BK3135" s="53"/>
      <c r="BL3135" s="53"/>
      <c r="BM3135" s="53"/>
      <c r="BN3135" s="53"/>
      <c r="BO3135" s="53"/>
      <c r="BP3135" s="53"/>
      <c r="BQ3135" s="53"/>
      <c r="BR3135" s="53"/>
      <c r="BS3135" s="53"/>
      <c r="BT3135" s="53"/>
      <c r="BU3135" s="53"/>
      <c r="BV3135" s="53"/>
      <c r="BW3135" s="53"/>
      <c r="BX3135" s="53"/>
      <c r="BY3135" s="53"/>
      <c r="BZ3135" s="53"/>
      <c r="CA3135" s="53"/>
      <c r="CB3135" s="53"/>
      <c r="CC3135" s="53"/>
      <c r="CD3135" s="53"/>
      <c r="CE3135" s="53"/>
      <c r="CF3135" s="53"/>
      <c r="CG3135" s="53"/>
      <c r="CH3135" s="53"/>
      <c r="CI3135" s="53"/>
      <c r="CJ3135" s="53"/>
      <c r="CK3135" s="53"/>
      <c r="CL3135" s="53"/>
      <c r="CM3135" s="53"/>
      <c r="CN3135" s="53"/>
    </row>
    <row r="3136" spans="1:92" outlineLevel="1">
      <c r="A3136" s="52" t="s">
        <v>650</v>
      </c>
      <c r="B3136" s="53"/>
      <c r="C3136" s="53"/>
      <c r="D3136" s="53"/>
      <c r="E3136" s="53"/>
      <c r="F3136" s="53"/>
      <c r="G3136" s="53"/>
      <c r="H3136" s="53"/>
      <c r="I3136" s="53"/>
      <c r="J3136" s="53"/>
      <c r="K3136" s="53"/>
      <c r="L3136" s="53"/>
      <c r="M3136" s="53"/>
      <c r="N3136" s="53"/>
      <c r="O3136" s="53"/>
      <c r="P3136" s="53"/>
      <c r="Q3136" s="53"/>
      <c r="R3136" s="53"/>
      <c r="S3136" s="53"/>
      <c r="T3136" s="53"/>
      <c r="U3136" s="53"/>
      <c r="V3136" s="53"/>
      <c r="W3136" s="53"/>
      <c r="X3136" s="53"/>
      <c r="Y3136" s="53"/>
      <c r="Z3136" s="53"/>
      <c r="AA3136" s="53"/>
      <c r="AB3136" s="53"/>
      <c r="AC3136" s="53"/>
      <c r="AD3136" s="53"/>
      <c r="AE3136" s="53"/>
      <c r="AF3136" s="53"/>
      <c r="AG3136" s="53"/>
      <c r="AH3136" s="53"/>
      <c r="AI3136" s="53"/>
      <c r="AJ3136" s="53"/>
      <c r="AK3136" s="53"/>
      <c r="AL3136" s="53"/>
      <c r="AM3136" s="53"/>
      <c r="AN3136" s="53"/>
      <c r="AO3136" s="53"/>
      <c r="AP3136" s="53"/>
      <c r="AQ3136" s="53"/>
      <c r="AR3136" s="53"/>
      <c r="AS3136" s="53"/>
      <c r="AT3136" s="53"/>
      <c r="AU3136" s="53"/>
      <c r="AV3136" s="53"/>
      <c r="AW3136" s="53"/>
      <c r="AX3136" s="53"/>
      <c r="AY3136" s="53"/>
      <c r="AZ3136" s="53"/>
      <c r="BA3136" s="53"/>
      <c r="BB3136" s="53"/>
      <c r="BC3136" s="53"/>
      <c r="BD3136" s="53"/>
      <c r="BE3136" s="53"/>
      <c r="BF3136" s="53"/>
      <c r="BG3136" s="53"/>
      <c r="BH3136" s="53"/>
      <c r="BI3136" s="53"/>
      <c r="BJ3136" s="53"/>
      <c r="BK3136" s="53"/>
      <c r="BL3136" s="53"/>
      <c r="BM3136" s="53"/>
      <c r="BN3136" s="53"/>
      <c r="BO3136" s="53"/>
      <c r="BP3136" s="53"/>
      <c r="BQ3136" s="53"/>
      <c r="BR3136" s="53"/>
      <c r="BS3136" s="53"/>
      <c r="BT3136" s="53"/>
      <c r="BU3136" s="53"/>
      <c r="BV3136" s="53"/>
      <c r="BW3136" s="53"/>
      <c r="BX3136" s="53"/>
      <c r="BY3136" s="53"/>
      <c r="BZ3136" s="53"/>
      <c r="CA3136" s="53"/>
      <c r="CB3136" s="53"/>
      <c r="CC3136" s="53"/>
      <c r="CD3136" s="53"/>
      <c r="CE3136" s="53"/>
      <c r="CF3136" s="53"/>
      <c r="CG3136" s="53"/>
      <c r="CH3136" s="53"/>
      <c r="CI3136" s="53"/>
      <c r="CJ3136" s="53"/>
      <c r="CK3136" s="53"/>
      <c r="CL3136" s="53"/>
      <c r="CM3136" s="53"/>
      <c r="CN3136" s="53"/>
    </row>
    <row r="3137" spans="1:92" outlineLevel="1">
      <c r="A3137" s="52" t="s">
        <v>1743</v>
      </c>
      <c r="B3137" s="53"/>
      <c r="C3137" s="53"/>
      <c r="D3137" s="53"/>
      <c r="E3137" s="53"/>
      <c r="F3137" s="53"/>
      <c r="G3137" s="53"/>
      <c r="H3137" s="53"/>
      <c r="I3137" s="53"/>
      <c r="J3137" s="53"/>
      <c r="K3137" s="53"/>
      <c r="L3137" s="53"/>
      <c r="M3137" s="53"/>
      <c r="N3137" s="53"/>
      <c r="O3137" s="53"/>
      <c r="P3137" s="53"/>
      <c r="Q3137" s="53"/>
      <c r="R3137" s="53"/>
      <c r="S3137" s="53"/>
      <c r="T3137" s="53"/>
      <c r="U3137" s="53"/>
      <c r="V3137" s="53"/>
      <c r="W3137" s="53"/>
      <c r="X3137" s="53"/>
      <c r="Y3137" s="53"/>
      <c r="Z3137" s="53"/>
      <c r="AA3137" s="53"/>
      <c r="AB3137" s="53"/>
      <c r="AC3137" s="53"/>
      <c r="AD3137" s="53"/>
      <c r="AE3137" s="53"/>
      <c r="AF3137" s="53"/>
      <c r="AG3137" s="53"/>
      <c r="AH3137" s="53"/>
      <c r="AI3137" s="53"/>
      <c r="AJ3137" s="53"/>
      <c r="AK3137" s="53"/>
      <c r="AL3137" s="53"/>
      <c r="AM3137" s="53"/>
      <c r="AN3137" s="53"/>
      <c r="AO3137" s="53"/>
      <c r="AP3137" s="53"/>
      <c r="AQ3137" s="53"/>
      <c r="AR3137" s="53"/>
      <c r="AS3137" s="53"/>
      <c r="AT3137" s="53"/>
      <c r="AU3137" s="53"/>
      <c r="AV3137" s="53"/>
      <c r="AW3137" s="53"/>
      <c r="AX3137" s="53"/>
      <c r="AY3137" s="53"/>
      <c r="AZ3137" s="53"/>
      <c r="BA3137" s="53"/>
      <c r="BB3137" s="53"/>
      <c r="BC3137" s="53"/>
      <c r="BD3137" s="53"/>
      <c r="BE3137" s="53"/>
      <c r="BF3137" s="53"/>
      <c r="BG3137" s="53"/>
      <c r="BH3137" s="53"/>
      <c r="BI3137" s="53"/>
      <c r="BJ3137" s="53"/>
      <c r="BK3137" s="53"/>
      <c r="BL3137" s="53"/>
      <c r="BM3137" s="53"/>
      <c r="BN3137" s="53"/>
      <c r="BO3137" s="53"/>
      <c r="BP3137" s="53"/>
      <c r="BQ3137" s="53"/>
      <c r="BR3137" s="53"/>
      <c r="BS3137" s="53"/>
      <c r="BT3137" s="53"/>
      <c r="BU3137" s="53"/>
      <c r="BV3137" s="53"/>
      <c r="BW3137" s="53"/>
      <c r="BX3137" s="53"/>
      <c r="BY3137" s="53"/>
      <c r="BZ3137" s="53"/>
      <c r="CA3137" s="53"/>
      <c r="CB3137" s="53"/>
      <c r="CC3137" s="53"/>
      <c r="CD3137" s="53"/>
      <c r="CE3137" s="53"/>
      <c r="CF3137" s="53"/>
      <c r="CG3137" s="53"/>
      <c r="CH3137" s="53"/>
      <c r="CI3137" s="53"/>
      <c r="CJ3137" s="53"/>
      <c r="CK3137" s="53"/>
      <c r="CL3137" s="53"/>
      <c r="CM3137" s="53"/>
      <c r="CN3137" s="53"/>
    </row>
    <row r="3138" spans="1:92" outlineLevel="1">
      <c r="A3138" s="52" t="s">
        <v>649</v>
      </c>
      <c r="B3138" s="53"/>
      <c r="C3138" s="53"/>
      <c r="D3138" s="53"/>
      <c r="E3138" s="53"/>
      <c r="F3138" s="53"/>
      <c r="G3138" s="53"/>
      <c r="H3138" s="53"/>
      <c r="I3138" s="53"/>
      <c r="J3138" s="53"/>
      <c r="K3138" s="53"/>
      <c r="L3138" s="53"/>
      <c r="M3138" s="53"/>
      <c r="N3138" s="53"/>
      <c r="O3138" s="53">
        <v>1601563.91666667</v>
      </c>
      <c r="P3138" s="53">
        <v>1601563.91666667</v>
      </c>
      <c r="Q3138" s="53">
        <v>1601563.91666667</v>
      </c>
      <c r="R3138" s="53">
        <v>1601563.91666667</v>
      </c>
      <c r="S3138" s="53">
        <v>1601563.91666667</v>
      </c>
      <c r="T3138" s="53">
        <v>1601563.91666667</v>
      </c>
      <c r="U3138" s="53">
        <v>1601563.91666667</v>
      </c>
      <c r="V3138" s="53">
        <v>1601563.91666667</v>
      </c>
      <c r="W3138" s="53">
        <v>1601563.91666667</v>
      </c>
      <c r="X3138" s="53">
        <v>1601563.91666667</v>
      </c>
      <c r="Y3138" s="53">
        <v>1601563.91666667</v>
      </c>
      <c r="Z3138" s="53">
        <v>1601563.91666667</v>
      </c>
      <c r="AA3138" s="53">
        <v>19218767</v>
      </c>
      <c r="AB3138" s="53"/>
      <c r="AC3138" s="53"/>
      <c r="AD3138" s="53"/>
      <c r="AE3138" s="53"/>
      <c r="AF3138" s="53"/>
      <c r="AG3138" s="53"/>
      <c r="AH3138" s="53"/>
      <c r="AI3138" s="53"/>
      <c r="AJ3138" s="53"/>
      <c r="AK3138" s="53"/>
      <c r="AL3138" s="53"/>
      <c r="AM3138" s="53"/>
      <c r="AN3138" s="53"/>
      <c r="AO3138" s="53"/>
      <c r="AP3138" s="53"/>
      <c r="AQ3138" s="53"/>
      <c r="AR3138" s="53"/>
      <c r="AS3138" s="53"/>
      <c r="AT3138" s="53"/>
      <c r="AU3138" s="53"/>
      <c r="AV3138" s="53"/>
      <c r="AW3138" s="53"/>
      <c r="AX3138" s="53"/>
      <c r="AY3138" s="53"/>
      <c r="AZ3138" s="53"/>
      <c r="BA3138" s="53"/>
      <c r="BB3138" s="53"/>
      <c r="BC3138" s="53"/>
      <c r="BD3138" s="53"/>
      <c r="BE3138" s="53"/>
      <c r="BF3138" s="53"/>
      <c r="BG3138" s="53"/>
      <c r="BH3138" s="53"/>
      <c r="BI3138" s="53"/>
      <c r="BJ3138" s="53"/>
      <c r="BK3138" s="53"/>
      <c r="BL3138" s="53"/>
      <c r="BM3138" s="53"/>
      <c r="BN3138" s="53"/>
      <c r="BO3138" s="53"/>
      <c r="BP3138" s="53"/>
      <c r="BQ3138" s="53"/>
      <c r="BR3138" s="53"/>
      <c r="BS3138" s="53"/>
      <c r="BT3138" s="53"/>
      <c r="BU3138" s="53"/>
      <c r="BV3138" s="53"/>
      <c r="BW3138" s="53"/>
      <c r="BX3138" s="53"/>
      <c r="BY3138" s="53"/>
      <c r="BZ3138" s="53"/>
      <c r="CA3138" s="53"/>
      <c r="CB3138" s="53"/>
      <c r="CC3138" s="53"/>
      <c r="CD3138" s="53"/>
      <c r="CE3138" s="53"/>
      <c r="CF3138" s="53"/>
      <c r="CG3138" s="53"/>
      <c r="CH3138" s="53"/>
      <c r="CI3138" s="53"/>
      <c r="CJ3138" s="53"/>
      <c r="CK3138" s="53"/>
      <c r="CL3138" s="53"/>
      <c r="CM3138" s="53"/>
      <c r="CN3138" s="53"/>
    </row>
    <row r="3139" spans="1:92" outlineLevel="1">
      <c r="A3139" s="52" t="s">
        <v>1722</v>
      </c>
      <c r="B3139" s="53"/>
      <c r="C3139" s="53"/>
      <c r="D3139" s="53"/>
      <c r="E3139" s="53"/>
      <c r="F3139" s="53"/>
      <c r="G3139" s="53"/>
      <c r="H3139" s="53"/>
      <c r="I3139" s="53"/>
      <c r="J3139" s="53"/>
      <c r="K3139" s="53"/>
      <c r="L3139" s="53"/>
      <c r="M3139" s="53"/>
      <c r="N3139" s="53"/>
      <c r="O3139" s="53"/>
      <c r="P3139" s="53"/>
      <c r="Q3139" s="53"/>
      <c r="R3139" s="53"/>
      <c r="S3139" s="53"/>
      <c r="T3139" s="53"/>
      <c r="U3139" s="53"/>
      <c r="V3139" s="53"/>
      <c r="W3139" s="53"/>
      <c r="X3139" s="53"/>
      <c r="Y3139" s="53"/>
      <c r="Z3139" s="53"/>
      <c r="AA3139" s="53"/>
      <c r="AB3139" s="53"/>
      <c r="AC3139" s="53"/>
      <c r="AD3139" s="53"/>
      <c r="AE3139" s="53"/>
      <c r="AF3139" s="53"/>
      <c r="AG3139" s="53"/>
      <c r="AH3139" s="53"/>
      <c r="AI3139" s="53"/>
      <c r="AJ3139" s="53"/>
      <c r="AK3139" s="53"/>
      <c r="AL3139" s="53"/>
      <c r="AM3139" s="53"/>
      <c r="AN3139" s="53"/>
      <c r="AO3139" s="53"/>
      <c r="AP3139" s="53"/>
      <c r="AQ3139" s="53"/>
      <c r="AR3139" s="53"/>
      <c r="AS3139" s="53"/>
      <c r="AT3139" s="53"/>
      <c r="AU3139" s="53"/>
      <c r="AV3139" s="53"/>
      <c r="AW3139" s="53"/>
      <c r="AX3139" s="53"/>
      <c r="AY3139" s="53"/>
      <c r="AZ3139" s="53"/>
      <c r="BA3139" s="53"/>
      <c r="BB3139" s="53"/>
      <c r="BC3139" s="53"/>
      <c r="BD3139" s="53"/>
      <c r="BE3139" s="53"/>
      <c r="BF3139" s="53"/>
      <c r="BG3139" s="53"/>
      <c r="BH3139" s="53"/>
      <c r="BI3139" s="53"/>
      <c r="BJ3139" s="53"/>
      <c r="BK3139" s="53"/>
      <c r="BL3139" s="53"/>
      <c r="BM3139" s="53"/>
      <c r="BN3139" s="53"/>
      <c r="BO3139" s="53"/>
      <c r="BP3139" s="53"/>
      <c r="BQ3139" s="53"/>
      <c r="BR3139" s="53"/>
      <c r="BS3139" s="53"/>
      <c r="BT3139" s="53"/>
      <c r="BU3139" s="53"/>
      <c r="BV3139" s="53"/>
      <c r="BW3139" s="53"/>
      <c r="BX3139" s="53"/>
      <c r="BY3139" s="53"/>
      <c r="BZ3139" s="53"/>
      <c r="CA3139" s="53"/>
      <c r="CB3139" s="53"/>
      <c r="CC3139" s="53"/>
      <c r="CD3139" s="53"/>
      <c r="CE3139" s="53"/>
      <c r="CF3139" s="53"/>
      <c r="CG3139" s="53"/>
      <c r="CH3139" s="53"/>
      <c r="CI3139" s="53"/>
      <c r="CJ3139" s="53"/>
      <c r="CK3139" s="53"/>
      <c r="CL3139" s="53"/>
      <c r="CM3139" s="53"/>
      <c r="CN3139" s="53"/>
    </row>
    <row r="3140" spans="1:92" outlineLevel="1">
      <c r="A3140" s="52" t="s">
        <v>649</v>
      </c>
      <c r="B3140" s="53"/>
      <c r="C3140" s="53"/>
      <c r="D3140" s="53">
        <v>9259099.3000000007</v>
      </c>
      <c r="E3140" s="53">
        <v>12892250</v>
      </c>
      <c r="F3140" s="53">
        <v>6848650.7000000002</v>
      </c>
      <c r="G3140" s="53"/>
      <c r="H3140" s="53"/>
      <c r="I3140" s="53"/>
      <c r="J3140" s="53"/>
      <c r="K3140" s="53"/>
      <c r="L3140" s="53"/>
      <c r="M3140" s="53"/>
      <c r="N3140" s="53">
        <v>29000000</v>
      </c>
      <c r="O3140" s="53"/>
      <c r="P3140" s="53"/>
      <c r="Q3140" s="53"/>
      <c r="R3140" s="53"/>
      <c r="S3140" s="53"/>
      <c r="T3140" s="53"/>
      <c r="U3140" s="53"/>
      <c r="V3140" s="53"/>
      <c r="W3140" s="53"/>
      <c r="X3140" s="53"/>
      <c r="Y3140" s="53"/>
      <c r="Z3140" s="53"/>
      <c r="AA3140" s="53"/>
      <c r="AB3140" s="53"/>
      <c r="AC3140" s="53"/>
      <c r="AD3140" s="53"/>
      <c r="AE3140" s="53"/>
      <c r="AF3140" s="53"/>
      <c r="AG3140" s="53"/>
      <c r="AH3140" s="53"/>
      <c r="AI3140" s="53"/>
      <c r="AJ3140" s="53"/>
      <c r="AK3140" s="53"/>
      <c r="AL3140" s="53"/>
      <c r="AM3140" s="53"/>
      <c r="AN3140" s="53"/>
      <c r="AO3140" s="53"/>
      <c r="AP3140" s="53"/>
      <c r="AQ3140" s="53"/>
      <c r="AR3140" s="53"/>
      <c r="AS3140" s="53"/>
      <c r="AT3140" s="53"/>
      <c r="AU3140" s="53"/>
      <c r="AV3140" s="53"/>
      <c r="AW3140" s="53"/>
      <c r="AX3140" s="53"/>
      <c r="AY3140" s="53"/>
      <c r="AZ3140" s="53"/>
      <c r="BA3140" s="53"/>
      <c r="BB3140" s="53"/>
      <c r="BC3140" s="53"/>
      <c r="BD3140" s="53"/>
      <c r="BE3140" s="53"/>
      <c r="BF3140" s="53"/>
      <c r="BG3140" s="53"/>
      <c r="BH3140" s="53"/>
      <c r="BI3140" s="53"/>
      <c r="BJ3140" s="53"/>
      <c r="BK3140" s="53"/>
      <c r="BL3140" s="53"/>
      <c r="BM3140" s="53"/>
      <c r="BN3140" s="53"/>
      <c r="BO3140" s="53"/>
      <c r="BP3140" s="53"/>
      <c r="BQ3140" s="53"/>
      <c r="BR3140" s="53"/>
      <c r="BS3140" s="53"/>
      <c r="BT3140" s="53"/>
      <c r="BU3140" s="53"/>
      <c r="BV3140" s="53"/>
      <c r="BW3140" s="53"/>
      <c r="BX3140" s="53"/>
      <c r="BY3140" s="53"/>
      <c r="BZ3140" s="53"/>
      <c r="CA3140" s="53"/>
      <c r="CB3140" s="53"/>
      <c r="CC3140" s="53"/>
      <c r="CD3140" s="53"/>
      <c r="CE3140" s="53"/>
      <c r="CF3140" s="53"/>
      <c r="CG3140" s="53"/>
      <c r="CH3140" s="53"/>
      <c r="CI3140" s="53"/>
      <c r="CJ3140" s="53"/>
      <c r="CK3140" s="53"/>
      <c r="CL3140" s="53"/>
      <c r="CM3140" s="53"/>
      <c r="CN3140" s="53"/>
    </row>
    <row r="3141" spans="1:92" outlineLevel="1">
      <c r="A3141" s="52" t="s">
        <v>1431</v>
      </c>
      <c r="B3141" s="53"/>
      <c r="C3141" s="53"/>
      <c r="D3141" s="53"/>
      <c r="E3141" s="53"/>
      <c r="F3141" s="53"/>
      <c r="G3141" s="53"/>
      <c r="H3141" s="53"/>
      <c r="I3141" s="53"/>
      <c r="J3141" s="53"/>
      <c r="K3141" s="53"/>
      <c r="L3141" s="53"/>
      <c r="M3141" s="53"/>
      <c r="N3141" s="53"/>
      <c r="O3141" s="53"/>
      <c r="P3141" s="53"/>
      <c r="Q3141" s="53"/>
      <c r="R3141" s="53"/>
      <c r="S3141" s="53"/>
      <c r="T3141" s="53"/>
      <c r="U3141" s="53"/>
      <c r="V3141" s="53"/>
      <c r="W3141" s="53"/>
      <c r="X3141" s="53"/>
      <c r="Y3141" s="53"/>
      <c r="Z3141" s="53"/>
      <c r="AA3141" s="53"/>
      <c r="AB3141" s="53"/>
      <c r="AC3141" s="53"/>
      <c r="AD3141" s="53"/>
      <c r="AE3141" s="53"/>
      <c r="AF3141" s="53"/>
      <c r="AG3141" s="53"/>
      <c r="AH3141" s="53"/>
      <c r="AI3141" s="53"/>
      <c r="AJ3141" s="53"/>
      <c r="AK3141" s="53"/>
      <c r="AL3141" s="53"/>
      <c r="AM3141" s="53"/>
      <c r="AN3141" s="53"/>
      <c r="AO3141" s="53"/>
      <c r="AP3141" s="53"/>
      <c r="AQ3141" s="53"/>
      <c r="AR3141" s="53"/>
      <c r="AS3141" s="53"/>
      <c r="AT3141" s="53"/>
      <c r="AU3141" s="53"/>
      <c r="AV3141" s="53"/>
      <c r="AW3141" s="53"/>
      <c r="AX3141" s="53"/>
      <c r="AY3141" s="53"/>
      <c r="AZ3141" s="53"/>
      <c r="BA3141" s="53"/>
      <c r="BB3141" s="53"/>
      <c r="BC3141" s="53"/>
      <c r="BD3141" s="53"/>
      <c r="BE3141" s="53"/>
      <c r="BF3141" s="53"/>
      <c r="BG3141" s="53"/>
      <c r="BH3141" s="53"/>
      <c r="BI3141" s="53"/>
      <c r="BJ3141" s="53"/>
      <c r="BK3141" s="53"/>
      <c r="BL3141" s="53"/>
      <c r="BM3141" s="53"/>
      <c r="BN3141" s="53"/>
      <c r="BO3141" s="53"/>
      <c r="BP3141" s="53"/>
      <c r="BQ3141" s="53"/>
      <c r="BR3141" s="53"/>
      <c r="BS3141" s="53"/>
      <c r="BT3141" s="53"/>
      <c r="BU3141" s="53"/>
      <c r="BV3141" s="53"/>
      <c r="BW3141" s="53"/>
      <c r="BX3141" s="53"/>
      <c r="BY3141" s="53"/>
      <c r="BZ3141" s="53"/>
      <c r="CA3141" s="53"/>
      <c r="CB3141" s="53"/>
      <c r="CC3141" s="53"/>
      <c r="CD3141" s="53"/>
      <c r="CE3141" s="53"/>
      <c r="CF3141" s="53"/>
      <c r="CG3141" s="53"/>
      <c r="CH3141" s="53"/>
      <c r="CI3141" s="53"/>
      <c r="CJ3141" s="53"/>
      <c r="CK3141" s="53"/>
      <c r="CL3141" s="53"/>
      <c r="CM3141" s="53"/>
      <c r="CN3141" s="53"/>
    </row>
    <row r="3142" spans="1:92" outlineLevel="1">
      <c r="A3142" s="52" t="s">
        <v>649</v>
      </c>
      <c r="B3142" s="53">
        <v>29000000</v>
      </c>
      <c r="C3142" s="53"/>
      <c r="D3142" s="53"/>
      <c r="E3142" s="53"/>
      <c r="F3142" s="53"/>
      <c r="G3142" s="53"/>
      <c r="H3142" s="53"/>
      <c r="I3142" s="53"/>
      <c r="J3142" s="53"/>
      <c r="K3142" s="53"/>
      <c r="L3142" s="53"/>
      <c r="M3142" s="53"/>
      <c r="N3142" s="53">
        <v>29000000</v>
      </c>
      <c r="O3142" s="53"/>
      <c r="P3142" s="53"/>
      <c r="Q3142" s="53"/>
      <c r="R3142" s="53"/>
      <c r="S3142" s="53"/>
      <c r="T3142" s="53"/>
      <c r="U3142" s="53"/>
      <c r="V3142" s="53"/>
      <c r="W3142" s="53"/>
      <c r="X3142" s="53"/>
      <c r="Y3142" s="53"/>
      <c r="Z3142" s="53"/>
      <c r="AA3142" s="53"/>
      <c r="AB3142" s="53"/>
      <c r="AC3142" s="53"/>
      <c r="AD3142" s="53"/>
      <c r="AE3142" s="53"/>
      <c r="AF3142" s="53"/>
      <c r="AG3142" s="53"/>
      <c r="AH3142" s="53"/>
      <c r="AI3142" s="53"/>
      <c r="AJ3142" s="53"/>
      <c r="AK3142" s="53"/>
      <c r="AL3142" s="53"/>
      <c r="AM3142" s="53"/>
      <c r="AN3142" s="53"/>
      <c r="AO3142" s="53"/>
      <c r="AP3142" s="53"/>
      <c r="AQ3142" s="53"/>
      <c r="AR3142" s="53"/>
      <c r="AS3142" s="53"/>
      <c r="AT3142" s="53"/>
      <c r="AU3142" s="53"/>
      <c r="AV3142" s="53"/>
      <c r="AW3142" s="53"/>
      <c r="AX3142" s="53"/>
      <c r="AY3142" s="53"/>
      <c r="AZ3142" s="53"/>
      <c r="BA3142" s="53"/>
      <c r="BB3142" s="53"/>
      <c r="BC3142" s="53"/>
      <c r="BD3142" s="53"/>
      <c r="BE3142" s="53"/>
      <c r="BF3142" s="53"/>
      <c r="BG3142" s="53"/>
      <c r="BH3142" s="53"/>
      <c r="BI3142" s="53"/>
      <c r="BJ3142" s="53"/>
      <c r="BK3142" s="53"/>
      <c r="BL3142" s="53"/>
      <c r="BM3142" s="53"/>
      <c r="BN3142" s="53"/>
      <c r="BO3142" s="53"/>
      <c r="BP3142" s="53"/>
      <c r="BQ3142" s="53"/>
      <c r="BR3142" s="53"/>
      <c r="BS3142" s="53"/>
      <c r="BT3142" s="53"/>
      <c r="BU3142" s="53"/>
      <c r="BV3142" s="53"/>
      <c r="BW3142" s="53"/>
      <c r="BX3142" s="53"/>
      <c r="BY3142" s="53"/>
      <c r="BZ3142" s="53"/>
      <c r="CA3142" s="53"/>
      <c r="CB3142" s="53"/>
      <c r="CC3142" s="53"/>
      <c r="CD3142" s="53"/>
      <c r="CE3142" s="53"/>
      <c r="CF3142" s="53"/>
      <c r="CG3142" s="53"/>
      <c r="CH3142" s="53"/>
      <c r="CI3142" s="53"/>
      <c r="CJ3142" s="53"/>
      <c r="CK3142" s="53"/>
      <c r="CL3142" s="53"/>
      <c r="CM3142" s="53"/>
      <c r="CN3142" s="53"/>
    </row>
    <row r="3143" spans="1:92" outlineLevel="1">
      <c r="A3143" s="52" t="s">
        <v>1414</v>
      </c>
      <c r="B3143" s="53"/>
      <c r="C3143" s="53"/>
      <c r="D3143" s="53"/>
      <c r="E3143" s="53"/>
      <c r="F3143" s="53"/>
      <c r="G3143" s="53"/>
      <c r="H3143" s="53"/>
      <c r="I3143" s="53"/>
      <c r="J3143" s="53"/>
      <c r="K3143" s="53"/>
      <c r="L3143" s="53"/>
      <c r="M3143" s="53"/>
      <c r="N3143" s="53"/>
      <c r="O3143" s="53"/>
      <c r="P3143" s="53"/>
      <c r="Q3143" s="53"/>
      <c r="R3143" s="53"/>
      <c r="S3143" s="53"/>
      <c r="T3143" s="53"/>
      <c r="U3143" s="53"/>
      <c r="V3143" s="53"/>
      <c r="W3143" s="53"/>
      <c r="X3143" s="53"/>
      <c r="Y3143" s="53"/>
      <c r="Z3143" s="53"/>
      <c r="AA3143" s="53"/>
      <c r="AB3143" s="53"/>
      <c r="AC3143" s="53"/>
      <c r="AD3143" s="53"/>
      <c r="AE3143" s="53"/>
      <c r="AF3143" s="53"/>
      <c r="AG3143" s="53"/>
      <c r="AH3143" s="53"/>
      <c r="AI3143" s="53"/>
      <c r="AJ3143" s="53"/>
      <c r="AK3143" s="53"/>
      <c r="AL3143" s="53"/>
      <c r="AM3143" s="53"/>
      <c r="AN3143" s="53"/>
      <c r="AO3143" s="53"/>
      <c r="AP3143" s="53"/>
      <c r="AQ3143" s="53"/>
      <c r="AR3143" s="53"/>
      <c r="AS3143" s="53"/>
      <c r="AT3143" s="53"/>
      <c r="AU3143" s="53"/>
      <c r="AV3143" s="53"/>
      <c r="AW3143" s="53"/>
      <c r="AX3143" s="53"/>
      <c r="AY3143" s="53"/>
      <c r="AZ3143" s="53"/>
      <c r="BA3143" s="53"/>
      <c r="BB3143" s="53"/>
      <c r="BC3143" s="53"/>
      <c r="BD3143" s="53"/>
      <c r="BE3143" s="53"/>
      <c r="BF3143" s="53"/>
      <c r="BG3143" s="53"/>
      <c r="BH3143" s="53"/>
      <c r="BI3143" s="53"/>
      <c r="BJ3143" s="53"/>
      <c r="BK3143" s="53"/>
      <c r="BL3143" s="53"/>
      <c r="BM3143" s="53"/>
      <c r="BN3143" s="53"/>
      <c r="BO3143" s="53"/>
      <c r="BP3143" s="53"/>
      <c r="BQ3143" s="53"/>
      <c r="BR3143" s="53"/>
      <c r="BS3143" s="53"/>
      <c r="BT3143" s="53"/>
      <c r="BU3143" s="53"/>
      <c r="BV3143" s="53"/>
      <c r="BW3143" s="53"/>
      <c r="BX3143" s="53"/>
      <c r="BY3143" s="53"/>
      <c r="BZ3143" s="53"/>
      <c r="CA3143" s="53"/>
      <c r="CB3143" s="53"/>
      <c r="CC3143" s="53"/>
      <c r="CD3143" s="53"/>
      <c r="CE3143" s="53"/>
      <c r="CF3143" s="53"/>
      <c r="CG3143" s="53"/>
      <c r="CH3143" s="53"/>
      <c r="CI3143" s="53"/>
      <c r="CJ3143" s="53"/>
      <c r="CK3143" s="53"/>
      <c r="CL3143" s="53"/>
      <c r="CM3143" s="53"/>
      <c r="CN3143" s="53"/>
    </row>
    <row r="3144" spans="1:92" outlineLevel="1">
      <c r="A3144" s="52" t="s">
        <v>1704</v>
      </c>
      <c r="B3144" s="53"/>
      <c r="C3144" s="53"/>
      <c r="D3144" s="53"/>
      <c r="E3144" s="53"/>
      <c r="F3144" s="53"/>
      <c r="G3144" s="53"/>
      <c r="H3144" s="53"/>
      <c r="I3144" s="53"/>
      <c r="J3144" s="53"/>
      <c r="K3144" s="53"/>
      <c r="L3144" s="53"/>
      <c r="M3144" s="53"/>
      <c r="N3144" s="53"/>
      <c r="O3144" s="53"/>
      <c r="P3144" s="53"/>
      <c r="Q3144" s="53"/>
      <c r="R3144" s="53"/>
      <c r="S3144" s="53"/>
      <c r="T3144" s="53"/>
      <c r="U3144" s="53"/>
      <c r="V3144" s="53"/>
      <c r="W3144" s="53"/>
      <c r="X3144" s="53"/>
      <c r="Y3144" s="53"/>
      <c r="Z3144" s="53"/>
      <c r="AA3144" s="53"/>
      <c r="AB3144" s="53"/>
      <c r="AC3144" s="53"/>
      <c r="AD3144" s="53"/>
      <c r="AE3144" s="53"/>
      <c r="AF3144" s="53"/>
      <c r="AG3144" s="53"/>
      <c r="AH3144" s="53"/>
      <c r="AI3144" s="53"/>
      <c r="AJ3144" s="53"/>
      <c r="AK3144" s="53"/>
      <c r="AL3144" s="53"/>
      <c r="AM3144" s="53"/>
      <c r="AN3144" s="53"/>
      <c r="AO3144" s="53"/>
      <c r="AP3144" s="53"/>
      <c r="AQ3144" s="53"/>
      <c r="AR3144" s="53"/>
      <c r="AS3144" s="53"/>
      <c r="AT3144" s="53"/>
      <c r="AU3144" s="53"/>
      <c r="AV3144" s="53"/>
      <c r="AW3144" s="53"/>
      <c r="AX3144" s="53"/>
      <c r="AY3144" s="53"/>
      <c r="AZ3144" s="53"/>
      <c r="BA3144" s="53"/>
      <c r="BB3144" s="53"/>
      <c r="BC3144" s="53"/>
      <c r="BD3144" s="53"/>
      <c r="BE3144" s="53"/>
      <c r="BF3144" s="53"/>
      <c r="BG3144" s="53"/>
      <c r="BH3144" s="53"/>
      <c r="BI3144" s="53"/>
      <c r="BJ3144" s="53"/>
      <c r="BK3144" s="53"/>
      <c r="BL3144" s="53"/>
      <c r="BM3144" s="53"/>
      <c r="BN3144" s="53"/>
      <c r="BO3144" s="53"/>
      <c r="BP3144" s="53"/>
      <c r="BQ3144" s="53"/>
      <c r="BR3144" s="53"/>
      <c r="BS3144" s="53"/>
      <c r="BT3144" s="53"/>
      <c r="BU3144" s="53"/>
      <c r="BV3144" s="53"/>
      <c r="BW3144" s="53"/>
      <c r="BX3144" s="53"/>
      <c r="BY3144" s="53"/>
      <c r="BZ3144" s="53"/>
      <c r="CA3144" s="53"/>
      <c r="CB3144" s="53"/>
      <c r="CC3144" s="53"/>
      <c r="CD3144" s="53"/>
      <c r="CE3144" s="53"/>
      <c r="CF3144" s="53"/>
      <c r="CG3144" s="53"/>
      <c r="CH3144" s="53"/>
      <c r="CI3144" s="53"/>
      <c r="CJ3144" s="53"/>
      <c r="CK3144" s="53"/>
      <c r="CL3144" s="53"/>
      <c r="CM3144" s="53"/>
      <c r="CN3144" s="53"/>
    </row>
    <row r="3145" spans="1:92" outlineLevel="1">
      <c r="A3145" s="52" t="s">
        <v>649</v>
      </c>
      <c r="B3145" s="53"/>
      <c r="C3145" s="53"/>
      <c r="D3145" s="53"/>
      <c r="E3145" s="53"/>
      <c r="F3145" s="53"/>
      <c r="G3145" s="53"/>
      <c r="H3145" s="53"/>
      <c r="I3145" s="53"/>
      <c r="J3145" s="53"/>
      <c r="K3145" s="53"/>
      <c r="L3145" s="53"/>
      <c r="M3145" s="53"/>
      <c r="N3145" s="53"/>
      <c r="O3145" s="53">
        <v>759792</v>
      </c>
      <c r="P3145" s="53">
        <v>759792</v>
      </c>
      <c r="Q3145" s="53">
        <v>759792</v>
      </c>
      <c r="R3145" s="53">
        <v>759792</v>
      </c>
      <c r="S3145" s="53">
        <v>759792</v>
      </c>
      <c r="T3145" s="53">
        <v>759792</v>
      </c>
      <c r="U3145" s="53">
        <v>759792</v>
      </c>
      <c r="V3145" s="53">
        <v>759792</v>
      </c>
      <c r="W3145" s="53">
        <v>759792</v>
      </c>
      <c r="X3145" s="53">
        <v>759792</v>
      </c>
      <c r="Y3145" s="53">
        <v>759792</v>
      </c>
      <c r="Z3145" s="53">
        <v>759792</v>
      </c>
      <c r="AA3145" s="53">
        <v>9117504</v>
      </c>
      <c r="AB3145" s="53">
        <v>718219</v>
      </c>
      <c r="AC3145" s="53">
        <v>718219</v>
      </c>
      <c r="AD3145" s="53">
        <v>718219</v>
      </c>
      <c r="AE3145" s="53">
        <v>718219</v>
      </c>
      <c r="AF3145" s="53">
        <v>718219</v>
      </c>
      <c r="AG3145" s="53">
        <v>718219</v>
      </c>
      <c r="AH3145" s="53">
        <v>718219</v>
      </c>
      <c r="AI3145" s="53">
        <v>718219</v>
      </c>
      <c r="AJ3145" s="53">
        <v>718219</v>
      </c>
      <c r="AK3145" s="53">
        <v>718219</v>
      </c>
      <c r="AL3145" s="53">
        <v>718219</v>
      </c>
      <c r="AM3145" s="53">
        <v>718219</v>
      </c>
      <c r="AN3145" s="53">
        <v>8618628</v>
      </c>
      <c r="AO3145" s="53">
        <v>681965</v>
      </c>
      <c r="AP3145" s="53">
        <v>681965</v>
      </c>
      <c r="AQ3145" s="53">
        <v>681965</v>
      </c>
      <c r="AR3145" s="53">
        <v>681965</v>
      </c>
      <c r="AS3145" s="53">
        <v>681965</v>
      </c>
      <c r="AT3145" s="53">
        <v>681965</v>
      </c>
      <c r="AU3145" s="53">
        <v>681965</v>
      </c>
      <c r="AV3145" s="53">
        <v>681965</v>
      </c>
      <c r="AW3145" s="53">
        <v>681965</v>
      </c>
      <c r="AX3145" s="53">
        <v>681965</v>
      </c>
      <c r="AY3145" s="53">
        <v>681965</v>
      </c>
      <c r="AZ3145" s="53">
        <v>681965</v>
      </c>
      <c r="BA3145" s="53">
        <v>8183580</v>
      </c>
      <c r="BB3145" s="53">
        <v>646162</v>
      </c>
      <c r="BC3145" s="53">
        <v>646162</v>
      </c>
      <c r="BD3145" s="53">
        <v>646162</v>
      </c>
      <c r="BE3145" s="53">
        <v>646162</v>
      </c>
      <c r="BF3145" s="53">
        <v>646162</v>
      </c>
      <c r="BG3145" s="53">
        <v>646162</v>
      </c>
      <c r="BH3145" s="53">
        <v>646162</v>
      </c>
      <c r="BI3145" s="53">
        <v>646162</v>
      </c>
      <c r="BJ3145" s="53">
        <v>646162</v>
      </c>
      <c r="BK3145" s="53">
        <v>646162</v>
      </c>
      <c r="BL3145" s="53">
        <v>646162</v>
      </c>
      <c r="BM3145" s="53">
        <v>646162</v>
      </c>
      <c r="BN3145" s="53">
        <v>7753944</v>
      </c>
      <c r="BO3145" s="53">
        <v>612539</v>
      </c>
      <c r="BP3145" s="53">
        <v>612539</v>
      </c>
      <c r="BQ3145" s="53">
        <v>612539</v>
      </c>
      <c r="BR3145" s="53">
        <v>612539</v>
      </c>
      <c r="BS3145" s="53">
        <v>612539</v>
      </c>
      <c r="BT3145" s="53">
        <v>612539</v>
      </c>
      <c r="BU3145" s="53">
        <v>612539</v>
      </c>
      <c r="BV3145" s="53">
        <v>612539</v>
      </c>
      <c r="BW3145" s="53">
        <v>612539</v>
      </c>
      <c r="BX3145" s="53">
        <v>612539</v>
      </c>
      <c r="BY3145" s="53">
        <v>612539</v>
      </c>
      <c r="BZ3145" s="53">
        <v>612539</v>
      </c>
      <c r="CA3145" s="53">
        <v>7350467.9999999898</v>
      </c>
      <c r="CB3145" s="53"/>
      <c r="CC3145" s="53"/>
      <c r="CD3145" s="53"/>
      <c r="CE3145" s="53"/>
      <c r="CF3145" s="53"/>
      <c r="CG3145" s="53"/>
      <c r="CH3145" s="53"/>
      <c r="CI3145" s="53"/>
      <c r="CJ3145" s="53"/>
      <c r="CK3145" s="53"/>
      <c r="CL3145" s="53"/>
      <c r="CM3145" s="53"/>
      <c r="CN3145" s="53"/>
    </row>
    <row r="3146" spans="1:92" outlineLevel="1">
      <c r="A3146" s="52" t="s">
        <v>1705</v>
      </c>
      <c r="B3146" s="53"/>
      <c r="C3146" s="53"/>
      <c r="D3146" s="53"/>
      <c r="E3146" s="53"/>
      <c r="F3146" s="53"/>
      <c r="G3146" s="53"/>
      <c r="H3146" s="53"/>
      <c r="I3146" s="53"/>
      <c r="J3146" s="53"/>
      <c r="K3146" s="53"/>
      <c r="L3146" s="53"/>
      <c r="M3146" s="53"/>
      <c r="N3146" s="53"/>
      <c r="O3146" s="53"/>
      <c r="P3146" s="53"/>
      <c r="Q3146" s="53"/>
      <c r="R3146" s="53"/>
      <c r="S3146" s="53"/>
      <c r="T3146" s="53"/>
      <c r="U3146" s="53"/>
      <c r="V3146" s="53"/>
      <c r="W3146" s="53"/>
      <c r="X3146" s="53"/>
      <c r="Y3146" s="53"/>
      <c r="Z3146" s="53"/>
      <c r="AA3146" s="53"/>
      <c r="AB3146" s="53"/>
      <c r="AC3146" s="53"/>
      <c r="AD3146" s="53"/>
      <c r="AE3146" s="53"/>
      <c r="AF3146" s="53"/>
      <c r="AG3146" s="53"/>
      <c r="AH3146" s="53"/>
      <c r="AI3146" s="53"/>
      <c r="AJ3146" s="53"/>
      <c r="AK3146" s="53"/>
      <c r="AL3146" s="53"/>
      <c r="AM3146" s="53"/>
      <c r="AN3146" s="53"/>
      <c r="AO3146" s="53"/>
      <c r="AP3146" s="53"/>
      <c r="AQ3146" s="53"/>
      <c r="AR3146" s="53"/>
      <c r="AS3146" s="53"/>
      <c r="AT3146" s="53"/>
      <c r="AU3146" s="53"/>
      <c r="AV3146" s="53"/>
      <c r="AW3146" s="53"/>
      <c r="AX3146" s="53"/>
      <c r="AY3146" s="53"/>
      <c r="AZ3146" s="53"/>
      <c r="BA3146" s="53"/>
      <c r="BB3146" s="53"/>
      <c r="BC3146" s="53"/>
      <c r="BD3146" s="53"/>
      <c r="BE3146" s="53"/>
      <c r="BF3146" s="53"/>
      <c r="BG3146" s="53"/>
      <c r="BH3146" s="53"/>
      <c r="BI3146" s="53"/>
      <c r="BJ3146" s="53"/>
      <c r="BK3146" s="53"/>
      <c r="BL3146" s="53"/>
      <c r="BM3146" s="53"/>
      <c r="BN3146" s="53"/>
      <c r="BO3146" s="53"/>
      <c r="BP3146" s="53"/>
      <c r="BQ3146" s="53"/>
      <c r="BR3146" s="53"/>
      <c r="BS3146" s="53"/>
      <c r="BT3146" s="53"/>
      <c r="BU3146" s="53"/>
      <c r="BV3146" s="53"/>
      <c r="BW3146" s="53"/>
      <c r="BX3146" s="53"/>
      <c r="BY3146" s="53"/>
      <c r="BZ3146" s="53"/>
      <c r="CA3146" s="53"/>
      <c r="CB3146" s="53"/>
      <c r="CC3146" s="53"/>
      <c r="CD3146" s="53"/>
      <c r="CE3146" s="53"/>
      <c r="CF3146" s="53"/>
      <c r="CG3146" s="53"/>
      <c r="CH3146" s="53"/>
      <c r="CI3146" s="53"/>
      <c r="CJ3146" s="53"/>
      <c r="CK3146" s="53"/>
      <c r="CL3146" s="53"/>
      <c r="CM3146" s="53"/>
      <c r="CN3146" s="53"/>
    </row>
    <row r="3147" spans="1:92" outlineLevel="1">
      <c r="A3147" s="52" t="s">
        <v>649</v>
      </c>
      <c r="B3147" s="53"/>
      <c r="C3147" s="53"/>
      <c r="D3147" s="53"/>
      <c r="E3147" s="53"/>
      <c r="F3147" s="53"/>
      <c r="G3147" s="53"/>
      <c r="H3147" s="53"/>
      <c r="I3147" s="53"/>
      <c r="J3147" s="53"/>
      <c r="K3147" s="53"/>
      <c r="L3147" s="53"/>
      <c r="M3147" s="53"/>
      <c r="N3147" s="53"/>
      <c r="O3147" s="53">
        <v>172338</v>
      </c>
      <c r="P3147" s="53">
        <v>172338</v>
      </c>
      <c r="Q3147" s="53">
        <v>172338</v>
      </c>
      <c r="R3147" s="53">
        <v>172338</v>
      </c>
      <c r="S3147" s="53">
        <v>172338</v>
      </c>
      <c r="T3147" s="53">
        <v>172338</v>
      </c>
      <c r="U3147" s="53">
        <v>172338</v>
      </c>
      <c r="V3147" s="53">
        <v>172338</v>
      </c>
      <c r="W3147" s="53">
        <v>172338</v>
      </c>
      <c r="X3147" s="53">
        <v>172338</v>
      </c>
      <c r="Y3147" s="53">
        <v>172338</v>
      </c>
      <c r="Z3147" s="53">
        <v>172338</v>
      </c>
      <c r="AA3147" s="53">
        <v>2068056</v>
      </c>
      <c r="AB3147" s="53">
        <v>180834</v>
      </c>
      <c r="AC3147" s="53">
        <v>180834</v>
      </c>
      <c r="AD3147" s="53">
        <v>180834</v>
      </c>
      <c r="AE3147" s="53">
        <v>180834</v>
      </c>
      <c r="AF3147" s="53">
        <v>180834</v>
      </c>
      <c r="AG3147" s="53">
        <v>180834</v>
      </c>
      <c r="AH3147" s="53">
        <v>180834</v>
      </c>
      <c r="AI3147" s="53">
        <v>180834</v>
      </c>
      <c r="AJ3147" s="53">
        <v>180834</v>
      </c>
      <c r="AK3147" s="53">
        <v>180834</v>
      </c>
      <c r="AL3147" s="53">
        <v>180834</v>
      </c>
      <c r="AM3147" s="53">
        <v>180834</v>
      </c>
      <c r="AN3147" s="53">
        <v>2170008</v>
      </c>
      <c r="AO3147" s="53">
        <v>190639</v>
      </c>
      <c r="AP3147" s="53">
        <v>190639</v>
      </c>
      <c r="AQ3147" s="53">
        <v>190639</v>
      </c>
      <c r="AR3147" s="53">
        <v>190639</v>
      </c>
      <c r="AS3147" s="53">
        <v>190639</v>
      </c>
      <c r="AT3147" s="53">
        <v>190639</v>
      </c>
      <c r="AU3147" s="53">
        <v>190639</v>
      </c>
      <c r="AV3147" s="53">
        <v>190639</v>
      </c>
      <c r="AW3147" s="53">
        <v>190639</v>
      </c>
      <c r="AX3147" s="53">
        <v>190639</v>
      </c>
      <c r="AY3147" s="53">
        <v>190639</v>
      </c>
      <c r="AZ3147" s="53">
        <v>190639</v>
      </c>
      <c r="BA3147" s="53">
        <v>2287668</v>
      </c>
      <c r="BB3147" s="53">
        <v>201255</v>
      </c>
      <c r="BC3147" s="53">
        <v>201255</v>
      </c>
      <c r="BD3147" s="53">
        <v>201255</v>
      </c>
      <c r="BE3147" s="53">
        <v>201255</v>
      </c>
      <c r="BF3147" s="53">
        <v>201255</v>
      </c>
      <c r="BG3147" s="53">
        <v>201255</v>
      </c>
      <c r="BH3147" s="53">
        <v>201255</v>
      </c>
      <c r="BI3147" s="53">
        <v>201255</v>
      </c>
      <c r="BJ3147" s="53">
        <v>201255</v>
      </c>
      <c r="BK3147" s="53">
        <v>201255</v>
      </c>
      <c r="BL3147" s="53">
        <v>201255</v>
      </c>
      <c r="BM3147" s="53">
        <v>201255</v>
      </c>
      <c r="BN3147" s="53">
        <v>2415060</v>
      </c>
      <c r="BO3147" s="53">
        <v>212817</v>
      </c>
      <c r="BP3147" s="53">
        <v>212817</v>
      </c>
      <c r="BQ3147" s="53">
        <v>212817</v>
      </c>
      <c r="BR3147" s="53">
        <v>212817</v>
      </c>
      <c r="BS3147" s="53">
        <v>212817</v>
      </c>
      <c r="BT3147" s="53">
        <v>212817</v>
      </c>
      <c r="BU3147" s="53">
        <v>212817</v>
      </c>
      <c r="BV3147" s="53">
        <v>212817</v>
      </c>
      <c r="BW3147" s="53">
        <v>212817</v>
      </c>
      <c r="BX3147" s="53">
        <v>212817</v>
      </c>
      <c r="BY3147" s="53">
        <v>212817</v>
      </c>
      <c r="BZ3147" s="53">
        <v>212817</v>
      </c>
      <c r="CA3147" s="53">
        <v>2553804</v>
      </c>
      <c r="CB3147" s="53"/>
      <c r="CC3147" s="53"/>
      <c r="CD3147" s="53"/>
      <c r="CE3147" s="53"/>
      <c r="CF3147" s="53"/>
      <c r="CG3147" s="53"/>
      <c r="CH3147" s="53"/>
      <c r="CI3147" s="53"/>
      <c r="CJ3147" s="53"/>
      <c r="CK3147" s="53"/>
      <c r="CL3147" s="53"/>
      <c r="CM3147" s="53"/>
      <c r="CN3147" s="53"/>
    </row>
    <row r="3148" spans="1:92" outlineLevel="1">
      <c r="A3148" s="52" t="s">
        <v>1706</v>
      </c>
      <c r="B3148" s="53"/>
      <c r="C3148" s="53"/>
      <c r="D3148" s="53"/>
      <c r="E3148" s="53"/>
      <c r="F3148" s="53"/>
      <c r="G3148" s="53"/>
      <c r="H3148" s="53"/>
      <c r="I3148" s="53"/>
      <c r="J3148" s="53"/>
      <c r="K3148" s="53"/>
      <c r="L3148" s="53"/>
      <c r="M3148" s="53"/>
      <c r="N3148" s="53"/>
      <c r="O3148" s="53"/>
      <c r="P3148" s="53"/>
      <c r="Q3148" s="53"/>
      <c r="R3148" s="53"/>
      <c r="S3148" s="53"/>
      <c r="T3148" s="53"/>
      <c r="U3148" s="53"/>
      <c r="V3148" s="53"/>
      <c r="W3148" s="53"/>
      <c r="X3148" s="53"/>
      <c r="Y3148" s="53"/>
      <c r="Z3148" s="53"/>
      <c r="AA3148" s="53"/>
      <c r="AB3148" s="53"/>
      <c r="AC3148" s="53"/>
      <c r="AD3148" s="53"/>
      <c r="AE3148" s="53"/>
      <c r="AF3148" s="53"/>
      <c r="AG3148" s="53"/>
      <c r="AH3148" s="53"/>
      <c r="AI3148" s="53"/>
      <c r="AJ3148" s="53"/>
      <c r="AK3148" s="53"/>
      <c r="AL3148" s="53"/>
      <c r="AM3148" s="53"/>
      <c r="AN3148" s="53"/>
      <c r="AO3148" s="53"/>
      <c r="AP3148" s="53"/>
      <c r="AQ3148" s="53"/>
      <c r="AR3148" s="53"/>
      <c r="AS3148" s="53"/>
      <c r="AT3148" s="53"/>
      <c r="AU3148" s="53"/>
      <c r="AV3148" s="53"/>
      <c r="AW3148" s="53"/>
      <c r="AX3148" s="53"/>
      <c r="AY3148" s="53"/>
      <c r="AZ3148" s="53"/>
      <c r="BA3148" s="53"/>
      <c r="BB3148" s="53"/>
      <c r="BC3148" s="53"/>
      <c r="BD3148" s="53"/>
      <c r="BE3148" s="53"/>
      <c r="BF3148" s="53"/>
      <c r="BG3148" s="53"/>
      <c r="BH3148" s="53"/>
      <c r="BI3148" s="53"/>
      <c r="BJ3148" s="53"/>
      <c r="BK3148" s="53"/>
      <c r="BL3148" s="53"/>
      <c r="BM3148" s="53"/>
      <c r="BN3148" s="53"/>
      <c r="BO3148" s="53"/>
      <c r="BP3148" s="53"/>
      <c r="BQ3148" s="53"/>
      <c r="BR3148" s="53"/>
      <c r="BS3148" s="53"/>
      <c r="BT3148" s="53"/>
      <c r="BU3148" s="53"/>
      <c r="BV3148" s="53"/>
      <c r="BW3148" s="53"/>
      <c r="BX3148" s="53"/>
      <c r="BY3148" s="53"/>
      <c r="BZ3148" s="53"/>
      <c r="CA3148" s="53"/>
      <c r="CB3148" s="53">
        <v>48273.326686642496</v>
      </c>
      <c r="CC3148" s="53">
        <v>-431106.61400161003</v>
      </c>
      <c r="CD3148" s="53">
        <v>553089.23345798999</v>
      </c>
      <c r="CE3148" s="53">
        <v>666514.52754011296</v>
      </c>
      <c r="CF3148" s="53">
        <v>721902.89191049302</v>
      </c>
      <c r="CG3148" s="53">
        <v>-1666724.99174239</v>
      </c>
      <c r="CH3148" s="53">
        <v>-1363458.22203412</v>
      </c>
      <c r="CI3148" s="53">
        <v>-1321826.60722125</v>
      </c>
      <c r="CJ3148" s="53">
        <v>1165315.3371890001</v>
      </c>
      <c r="CK3148" s="53">
        <v>1232264.4509985901</v>
      </c>
      <c r="CL3148" s="53">
        <v>482666.55450601201</v>
      </c>
      <c r="CM3148" s="53">
        <v>-86909.887289479593</v>
      </c>
      <c r="CN3148" s="53">
        <v>-1.2732925824820899E-8</v>
      </c>
    </row>
    <row r="3149" spans="1:92" outlineLevel="1">
      <c r="A3149" s="52" t="s">
        <v>1707</v>
      </c>
      <c r="B3149" s="53"/>
      <c r="C3149" s="53"/>
      <c r="D3149" s="53"/>
      <c r="E3149" s="53"/>
      <c r="F3149" s="53"/>
      <c r="G3149" s="53"/>
      <c r="H3149" s="53"/>
      <c r="I3149" s="53"/>
      <c r="J3149" s="53"/>
      <c r="K3149" s="53"/>
      <c r="L3149" s="53"/>
      <c r="M3149" s="53"/>
      <c r="N3149" s="53"/>
      <c r="O3149" s="53"/>
      <c r="P3149" s="53"/>
      <c r="Q3149" s="53"/>
      <c r="R3149" s="53"/>
      <c r="S3149" s="53"/>
      <c r="T3149" s="53"/>
      <c r="U3149" s="53"/>
      <c r="V3149" s="53"/>
      <c r="W3149" s="53"/>
      <c r="X3149" s="53"/>
      <c r="Y3149" s="53"/>
      <c r="Z3149" s="53"/>
      <c r="AA3149" s="53"/>
      <c r="AB3149" s="53"/>
      <c r="AC3149" s="53"/>
      <c r="AD3149" s="53"/>
      <c r="AE3149" s="53"/>
      <c r="AF3149" s="53"/>
      <c r="AG3149" s="53"/>
      <c r="AH3149" s="53"/>
      <c r="AI3149" s="53"/>
      <c r="AJ3149" s="53"/>
      <c r="AK3149" s="53"/>
      <c r="AL3149" s="53"/>
      <c r="AM3149" s="53"/>
      <c r="AN3149" s="53"/>
      <c r="AO3149" s="53"/>
      <c r="AP3149" s="53"/>
      <c r="AQ3149" s="53"/>
      <c r="AR3149" s="53"/>
      <c r="AS3149" s="53"/>
      <c r="AT3149" s="53"/>
      <c r="AU3149" s="53"/>
      <c r="AV3149" s="53"/>
      <c r="AW3149" s="53"/>
      <c r="AX3149" s="53"/>
      <c r="AY3149" s="53"/>
      <c r="AZ3149" s="53"/>
      <c r="BA3149" s="53"/>
      <c r="BB3149" s="53"/>
      <c r="BC3149" s="53"/>
      <c r="BD3149" s="53"/>
      <c r="BE3149" s="53"/>
      <c r="BF3149" s="53"/>
      <c r="BG3149" s="53"/>
      <c r="BH3149" s="53"/>
      <c r="BI3149" s="53"/>
      <c r="BJ3149" s="53"/>
      <c r="BK3149" s="53"/>
      <c r="BL3149" s="53"/>
      <c r="BM3149" s="53"/>
      <c r="BN3149" s="53"/>
      <c r="BO3149" s="53"/>
      <c r="BP3149" s="53"/>
      <c r="BQ3149" s="53"/>
      <c r="BR3149" s="53"/>
      <c r="BS3149" s="53"/>
      <c r="BT3149" s="53"/>
      <c r="BU3149" s="53"/>
      <c r="BV3149" s="53"/>
      <c r="BW3149" s="53"/>
      <c r="BX3149" s="53"/>
      <c r="BY3149" s="53"/>
      <c r="BZ3149" s="53"/>
      <c r="CA3149" s="53"/>
      <c r="CB3149" s="53"/>
      <c r="CC3149" s="53"/>
      <c r="CD3149" s="53"/>
      <c r="CE3149" s="53"/>
      <c r="CF3149" s="53"/>
      <c r="CG3149" s="53"/>
      <c r="CH3149" s="53"/>
      <c r="CI3149" s="53"/>
      <c r="CJ3149" s="53"/>
      <c r="CK3149" s="53"/>
      <c r="CL3149" s="53"/>
      <c r="CM3149" s="53"/>
      <c r="CN3149" s="53"/>
    </row>
    <row r="3150" spans="1:92" outlineLevel="1">
      <c r="A3150" s="52" t="s">
        <v>649</v>
      </c>
      <c r="B3150" s="53"/>
      <c r="C3150" s="53"/>
      <c r="D3150" s="53"/>
      <c r="E3150" s="53"/>
      <c r="F3150" s="53"/>
      <c r="G3150" s="53"/>
      <c r="H3150" s="53"/>
      <c r="I3150" s="53"/>
      <c r="J3150" s="53"/>
      <c r="K3150" s="53"/>
      <c r="L3150" s="53"/>
      <c r="M3150" s="53"/>
      <c r="N3150" s="53"/>
      <c r="O3150" s="53">
        <v>-3601767</v>
      </c>
      <c r="P3150" s="53">
        <v>-3601767</v>
      </c>
      <c r="Q3150" s="53">
        <v>-3601767</v>
      </c>
      <c r="R3150" s="53">
        <v>-3601767</v>
      </c>
      <c r="S3150" s="53">
        <v>-3601767</v>
      </c>
      <c r="T3150" s="53">
        <v>-3601767</v>
      </c>
      <c r="U3150" s="53">
        <v>-3601767</v>
      </c>
      <c r="V3150" s="53">
        <v>-3601767</v>
      </c>
      <c r="W3150" s="53">
        <v>-3523080</v>
      </c>
      <c r="X3150" s="53">
        <v>-3552106</v>
      </c>
      <c r="Y3150" s="53">
        <v>-3552106</v>
      </c>
      <c r="Z3150" s="53">
        <v>-3525880</v>
      </c>
      <c r="AA3150" s="53">
        <v>-42967308</v>
      </c>
      <c r="AB3150" s="53">
        <v>-3509234</v>
      </c>
      <c r="AC3150" s="53">
        <v>-3509234</v>
      </c>
      <c r="AD3150" s="53">
        <v>-3509234</v>
      </c>
      <c r="AE3150" s="53">
        <v>-3509234</v>
      </c>
      <c r="AF3150" s="53">
        <v>-3509234</v>
      </c>
      <c r="AG3150" s="53">
        <v>-3509234</v>
      </c>
      <c r="AH3150" s="53">
        <v>-3509234</v>
      </c>
      <c r="AI3150" s="53">
        <v>-3509234</v>
      </c>
      <c r="AJ3150" s="53">
        <v>-3509234</v>
      </c>
      <c r="AK3150" s="53">
        <v>-3509234</v>
      </c>
      <c r="AL3150" s="53">
        <v>-3509234</v>
      </c>
      <c r="AM3150" s="53">
        <v>-3509229</v>
      </c>
      <c r="AN3150" s="53">
        <v>-42110802.999999903</v>
      </c>
      <c r="AO3150" s="53">
        <v>-3047373</v>
      </c>
      <c r="AP3150" s="53">
        <v>-3047373</v>
      </c>
      <c r="AQ3150" s="53">
        <v>-3047373</v>
      </c>
      <c r="AR3150" s="53">
        <v>-3047373</v>
      </c>
      <c r="AS3150" s="53">
        <v>-3047373</v>
      </c>
      <c r="AT3150" s="53">
        <v>-3047373</v>
      </c>
      <c r="AU3150" s="53">
        <v>-3047373</v>
      </c>
      <c r="AV3150" s="53">
        <v>-3047373</v>
      </c>
      <c r="AW3150" s="53">
        <v>-3047373</v>
      </c>
      <c r="AX3150" s="53">
        <v>-3047373</v>
      </c>
      <c r="AY3150" s="53">
        <v>-3047373</v>
      </c>
      <c r="AZ3150" s="53">
        <v>-3047373</v>
      </c>
      <c r="BA3150" s="53">
        <v>-36568476</v>
      </c>
      <c r="BB3150" s="53">
        <v>-2258953</v>
      </c>
      <c r="BC3150" s="53">
        <v>-2258953</v>
      </c>
      <c r="BD3150" s="53">
        <v>-2258953</v>
      </c>
      <c r="BE3150" s="53">
        <v>-2258953</v>
      </c>
      <c r="BF3150" s="53">
        <v>-2258953</v>
      </c>
      <c r="BG3150" s="53">
        <v>-2258953</v>
      </c>
      <c r="BH3150" s="53">
        <v>-2258953</v>
      </c>
      <c r="BI3150" s="53">
        <v>-2258953</v>
      </c>
      <c r="BJ3150" s="53">
        <v>-2258953</v>
      </c>
      <c r="BK3150" s="53">
        <v>-2258953</v>
      </c>
      <c r="BL3150" s="53">
        <v>-2258953</v>
      </c>
      <c r="BM3150" s="53">
        <v>-2258953</v>
      </c>
      <c r="BN3150" s="53">
        <v>-27107436</v>
      </c>
      <c r="BO3150" s="53">
        <v>-1311804.5</v>
      </c>
      <c r="BP3150" s="53">
        <v>-1311804.5</v>
      </c>
      <c r="BQ3150" s="53">
        <v>-1311804.5</v>
      </c>
      <c r="BR3150" s="53">
        <v>-1311804.5</v>
      </c>
      <c r="BS3150" s="53">
        <v>-1311804.5</v>
      </c>
      <c r="BT3150" s="53">
        <v>-1311804.5</v>
      </c>
      <c r="BU3150" s="53">
        <v>-1311804.5</v>
      </c>
      <c r="BV3150" s="53">
        <v>-1311804.5</v>
      </c>
      <c r="BW3150" s="53">
        <v>-1311804.5</v>
      </c>
      <c r="BX3150" s="53">
        <v>-1311804.5</v>
      </c>
      <c r="BY3150" s="53">
        <v>-1311804.5</v>
      </c>
      <c r="BZ3150" s="53">
        <v>-1311804.5</v>
      </c>
      <c r="CA3150" s="53">
        <v>-15741654</v>
      </c>
      <c r="CB3150" s="53"/>
      <c r="CC3150" s="53"/>
      <c r="CD3150" s="53"/>
      <c r="CE3150" s="53"/>
      <c r="CF3150" s="53"/>
      <c r="CG3150" s="53"/>
      <c r="CH3150" s="53"/>
      <c r="CI3150" s="53"/>
      <c r="CJ3150" s="53"/>
      <c r="CK3150" s="53"/>
      <c r="CL3150" s="53"/>
      <c r="CM3150" s="53"/>
      <c r="CN3150" s="53"/>
    </row>
    <row r="3151" spans="1:92" outlineLevel="1">
      <c r="A3151" s="52" t="s">
        <v>1744</v>
      </c>
      <c r="B3151" s="53"/>
      <c r="C3151" s="53"/>
      <c r="D3151" s="53"/>
      <c r="E3151" s="53"/>
      <c r="F3151" s="53"/>
      <c r="G3151" s="53"/>
      <c r="H3151" s="53"/>
      <c r="I3151" s="53"/>
      <c r="J3151" s="53"/>
      <c r="K3151" s="53"/>
      <c r="L3151" s="53"/>
      <c r="M3151" s="53"/>
      <c r="N3151" s="53"/>
      <c r="O3151" s="53"/>
      <c r="P3151" s="53"/>
      <c r="Q3151" s="53"/>
      <c r="R3151" s="53"/>
      <c r="S3151" s="53"/>
      <c r="T3151" s="53"/>
      <c r="U3151" s="53"/>
      <c r="V3151" s="53"/>
      <c r="W3151" s="53"/>
      <c r="X3151" s="53"/>
      <c r="Y3151" s="53"/>
      <c r="Z3151" s="53"/>
      <c r="AA3151" s="53"/>
      <c r="AB3151" s="53"/>
      <c r="AC3151" s="53"/>
      <c r="AD3151" s="53"/>
      <c r="AE3151" s="53"/>
      <c r="AF3151" s="53"/>
      <c r="AG3151" s="53"/>
      <c r="AH3151" s="53"/>
      <c r="AI3151" s="53"/>
      <c r="AJ3151" s="53"/>
      <c r="AK3151" s="53"/>
      <c r="AL3151" s="53"/>
      <c r="AM3151" s="53"/>
      <c r="AN3151" s="53"/>
      <c r="AO3151" s="53"/>
      <c r="AP3151" s="53"/>
      <c r="AQ3151" s="53"/>
      <c r="AR3151" s="53"/>
      <c r="AS3151" s="53"/>
      <c r="AT3151" s="53"/>
      <c r="AU3151" s="53"/>
      <c r="AV3151" s="53"/>
      <c r="AW3151" s="53"/>
      <c r="AX3151" s="53"/>
      <c r="AY3151" s="53"/>
      <c r="AZ3151" s="53"/>
      <c r="BA3151" s="53"/>
      <c r="BB3151" s="53"/>
      <c r="BC3151" s="53"/>
      <c r="BD3151" s="53"/>
      <c r="BE3151" s="53"/>
      <c r="BF3151" s="53"/>
      <c r="BG3151" s="53"/>
      <c r="BH3151" s="53"/>
      <c r="BI3151" s="53"/>
      <c r="BJ3151" s="53"/>
      <c r="BK3151" s="53"/>
      <c r="BL3151" s="53"/>
      <c r="BM3151" s="53"/>
      <c r="BN3151" s="53"/>
      <c r="BO3151" s="53"/>
      <c r="BP3151" s="53"/>
      <c r="BQ3151" s="53"/>
      <c r="BR3151" s="53"/>
      <c r="BS3151" s="53"/>
      <c r="BT3151" s="53"/>
      <c r="BU3151" s="53"/>
      <c r="BV3151" s="53"/>
      <c r="BW3151" s="53"/>
      <c r="BX3151" s="53"/>
      <c r="BY3151" s="53"/>
      <c r="BZ3151" s="53"/>
      <c r="CA3151" s="53"/>
      <c r="CB3151" s="53">
        <v>-758430.075969539</v>
      </c>
      <c r="CC3151" s="53">
        <v>-1836495.4673755199</v>
      </c>
      <c r="CD3151" s="53">
        <v>-1696627.32146458</v>
      </c>
      <c r="CE3151" s="53">
        <v>-924376.91749048606</v>
      </c>
      <c r="CF3151" s="53">
        <v>977539.24813891097</v>
      </c>
      <c r="CG3151" s="53">
        <v>1510413.8742243401</v>
      </c>
      <c r="CH3151" s="53">
        <v>2231394.4275165298</v>
      </c>
      <c r="CI3151" s="53">
        <v>2257907.79589803</v>
      </c>
      <c r="CJ3151" s="53">
        <v>1298802.2982007</v>
      </c>
      <c r="CK3151" s="53">
        <v>196508.86802526799</v>
      </c>
      <c r="CL3151" s="53">
        <v>-2124340.4337151502</v>
      </c>
      <c r="CM3151" s="53">
        <v>-1132296.2959884999</v>
      </c>
      <c r="CN3151" s="53">
        <v>-3.6379788070917101E-9</v>
      </c>
    </row>
    <row r="3152" spans="1:92" outlineLevel="1">
      <c r="A3152" s="52" t="s">
        <v>1745</v>
      </c>
      <c r="B3152" s="53"/>
      <c r="C3152" s="53"/>
      <c r="D3152" s="53"/>
      <c r="E3152" s="53"/>
      <c r="F3152" s="53"/>
      <c r="G3152" s="53"/>
      <c r="H3152" s="53"/>
      <c r="I3152" s="53"/>
      <c r="J3152" s="53"/>
      <c r="K3152" s="53"/>
      <c r="L3152" s="53"/>
      <c r="M3152" s="53"/>
      <c r="N3152" s="53"/>
      <c r="O3152" s="53"/>
      <c r="P3152" s="53"/>
      <c r="Q3152" s="53"/>
      <c r="R3152" s="53"/>
      <c r="S3152" s="53"/>
      <c r="T3152" s="53"/>
      <c r="U3152" s="53"/>
      <c r="V3152" s="53"/>
      <c r="W3152" s="53"/>
      <c r="X3152" s="53"/>
      <c r="Y3152" s="53"/>
      <c r="Z3152" s="53"/>
      <c r="AA3152" s="53"/>
      <c r="AB3152" s="53"/>
      <c r="AC3152" s="53"/>
      <c r="AD3152" s="53"/>
      <c r="AE3152" s="53"/>
      <c r="AF3152" s="53"/>
      <c r="AG3152" s="53"/>
      <c r="AH3152" s="53"/>
      <c r="AI3152" s="53"/>
      <c r="AJ3152" s="53"/>
      <c r="AK3152" s="53"/>
      <c r="AL3152" s="53"/>
      <c r="AM3152" s="53"/>
      <c r="AN3152" s="53"/>
      <c r="AO3152" s="53"/>
      <c r="AP3152" s="53"/>
      <c r="AQ3152" s="53"/>
      <c r="AR3152" s="53"/>
      <c r="AS3152" s="53"/>
      <c r="AT3152" s="53"/>
      <c r="AU3152" s="53"/>
      <c r="AV3152" s="53"/>
      <c r="AW3152" s="53"/>
      <c r="AX3152" s="53"/>
      <c r="AY3152" s="53"/>
      <c r="AZ3152" s="53"/>
      <c r="BA3152" s="53"/>
      <c r="BB3152" s="53"/>
      <c r="BC3152" s="53"/>
      <c r="BD3152" s="53"/>
      <c r="BE3152" s="53"/>
      <c r="BF3152" s="53"/>
      <c r="BG3152" s="53"/>
      <c r="BH3152" s="53"/>
      <c r="BI3152" s="53"/>
      <c r="BJ3152" s="53"/>
      <c r="BK3152" s="53"/>
      <c r="BL3152" s="53"/>
      <c r="BM3152" s="53"/>
      <c r="BN3152" s="53"/>
      <c r="BO3152" s="53"/>
      <c r="BP3152" s="53"/>
      <c r="BQ3152" s="53"/>
      <c r="BR3152" s="53"/>
      <c r="BS3152" s="53"/>
      <c r="BT3152" s="53"/>
      <c r="BU3152" s="53"/>
      <c r="BV3152" s="53"/>
      <c r="BW3152" s="53"/>
      <c r="BX3152" s="53"/>
      <c r="BY3152" s="53"/>
      <c r="BZ3152" s="53"/>
      <c r="CA3152" s="53"/>
      <c r="CB3152" s="53"/>
      <c r="CC3152" s="53"/>
      <c r="CD3152" s="53"/>
      <c r="CE3152" s="53"/>
      <c r="CF3152" s="53"/>
      <c r="CG3152" s="53"/>
      <c r="CH3152" s="53"/>
      <c r="CI3152" s="53"/>
      <c r="CJ3152" s="53"/>
      <c r="CK3152" s="53"/>
      <c r="CL3152" s="53"/>
      <c r="CM3152" s="53"/>
      <c r="CN3152" s="53"/>
    </row>
    <row r="3153" spans="1:92" outlineLevel="1">
      <c r="A3153" s="52" t="s">
        <v>649</v>
      </c>
      <c r="B3153" s="53">
        <v>1607279.9022625501</v>
      </c>
      <c r="C3153" s="53">
        <v>947367.46471703204</v>
      </c>
      <c r="D3153" s="53">
        <v>62244.674444013297</v>
      </c>
      <c r="E3153" s="53">
        <v>1367862.8849338701</v>
      </c>
      <c r="F3153" s="53">
        <v>1814936.9358478901</v>
      </c>
      <c r="G3153" s="53">
        <v>2315209.5416284399</v>
      </c>
      <c r="H3153" s="53">
        <v>3939069.8250238299</v>
      </c>
      <c r="I3153" s="53">
        <v>2525453.9673200501</v>
      </c>
      <c r="J3153" s="53">
        <v>1681101</v>
      </c>
      <c r="K3153" s="53">
        <v>-1442663</v>
      </c>
      <c r="L3153" s="53">
        <v>-4685727</v>
      </c>
      <c r="M3153" s="53">
        <v>5132363</v>
      </c>
      <c r="N3153" s="53">
        <v>15264499.1961776</v>
      </c>
      <c r="O3153" s="53">
        <v>6447709.2958372198</v>
      </c>
      <c r="P3153" s="53">
        <v>1283541.35105342</v>
      </c>
      <c r="Q3153" s="53">
        <v>851709.75973909802</v>
      </c>
      <c r="R3153" s="53">
        <v>1998190.59785255</v>
      </c>
      <c r="S3153" s="53">
        <v>2615833.03445302</v>
      </c>
      <c r="T3153" s="53">
        <v>3893309.2046806598</v>
      </c>
      <c r="U3153" s="53">
        <v>4212249.7732825298</v>
      </c>
      <c r="V3153" s="53">
        <v>6339193.1100284001</v>
      </c>
      <c r="W3153" s="53">
        <v>2497207.9976707599</v>
      </c>
      <c r="X3153" s="53">
        <v>567291.14789328002</v>
      </c>
      <c r="Y3153" s="53">
        <v>-2651864.99109563</v>
      </c>
      <c r="Z3153" s="53">
        <v>-402450.02931660699</v>
      </c>
      <c r="AA3153" s="53">
        <v>27651920.252078701</v>
      </c>
      <c r="AB3153" s="53">
        <v>3799663.9101633001</v>
      </c>
      <c r="AC3153" s="53">
        <v>-863304.80295442406</v>
      </c>
      <c r="AD3153" s="53">
        <v>-710339.00407149305</v>
      </c>
      <c r="AE3153" s="53">
        <v>-402364.66049979499</v>
      </c>
      <c r="AF3153" s="53">
        <v>286569.10679464397</v>
      </c>
      <c r="AG3153" s="53">
        <v>1693897.8697462201</v>
      </c>
      <c r="AH3153" s="53">
        <v>1138464.67496833</v>
      </c>
      <c r="AI3153" s="53">
        <v>5158648.9326208802</v>
      </c>
      <c r="AJ3153" s="53">
        <v>282978.16239803197</v>
      </c>
      <c r="AK3153" s="53">
        <v>-2697516.11406093</v>
      </c>
      <c r="AL3153" s="53">
        <v>-4503410.6800672002</v>
      </c>
      <c r="AM3153" s="53">
        <v>-3183258.0515600899</v>
      </c>
      <c r="AN3153" s="53">
        <v>29.343477466682</v>
      </c>
      <c r="AO3153" s="53">
        <v>5913109.3641590197</v>
      </c>
      <c r="AP3153" s="53">
        <v>-4011193.1215371401</v>
      </c>
      <c r="AQ3153" s="53">
        <v>-2953319.3685087599</v>
      </c>
      <c r="AR3153" s="53">
        <v>-1705918.23876927</v>
      </c>
      <c r="AS3153" s="53">
        <v>1855598.0788416399</v>
      </c>
      <c r="AT3153" s="53">
        <v>3004862.61351076</v>
      </c>
      <c r="AU3153" s="53">
        <v>3905699.4260472101</v>
      </c>
      <c r="AV3153" s="53">
        <v>9619368.2623763308</v>
      </c>
      <c r="AW3153" s="53">
        <v>1286613.3346935101</v>
      </c>
      <c r="AX3153" s="53">
        <v>-2812762.0002831202</v>
      </c>
      <c r="AY3153" s="53">
        <v>-7387293.7243298199</v>
      </c>
      <c r="AZ3153" s="53">
        <v>-6714764.6262003798</v>
      </c>
      <c r="BA3153" s="53">
        <v>-3.6379788070917103E-8</v>
      </c>
      <c r="BB3153" s="53">
        <v>6809499.4464822598</v>
      </c>
      <c r="BC3153" s="53">
        <v>-6144447.7744046804</v>
      </c>
      <c r="BD3153" s="53">
        <v>-4712397.9186732601</v>
      </c>
      <c r="BE3153" s="53">
        <v>-2876115.8678267198</v>
      </c>
      <c r="BF3153" s="53">
        <v>2043532.1996126899</v>
      </c>
      <c r="BG3153" s="53">
        <v>3910862.0951166302</v>
      </c>
      <c r="BH3153" s="53">
        <v>5265869.38696816</v>
      </c>
      <c r="BI3153" s="53">
        <v>13006128.0788262</v>
      </c>
      <c r="BJ3153" s="53">
        <v>2112726.5611808202</v>
      </c>
      <c r="BK3153" s="53">
        <v>-2780207.12228075</v>
      </c>
      <c r="BL3153" s="53">
        <v>-8868438.5023748707</v>
      </c>
      <c r="BM3153" s="53">
        <v>-7767010.5826264899</v>
      </c>
      <c r="BN3153" s="53">
        <v>3.6379788070917103E-8</v>
      </c>
      <c r="BO3153" s="53">
        <v>7406617.7010302301</v>
      </c>
      <c r="BP3153" s="53">
        <v>-7797925.9351495299</v>
      </c>
      <c r="BQ3153" s="53">
        <v>-6097970.3739963397</v>
      </c>
      <c r="BR3153" s="53">
        <v>-3838262.1254724101</v>
      </c>
      <c r="BS3153" s="53">
        <v>2190394.9316162802</v>
      </c>
      <c r="BT3153" s="53">
        <v>4612730.0475481302</v>
      </c>
      <c r="BU3153" s="53">
        <v>6340866.2895516902</v>
      </c>
      <c r="BV3153" s="53">
        <v>15575185.705872901</v>
      </c>
      <c r="BW3153" s="53">
        <v>2861121.7589901998</v>
      </c>
      <c r="BX3153" s="53">
        <v>-2838761.5981155802</v>
      </c>
      <c r="BY3153" s="53">
        <v>-9925227.9520444497</v>
      </c>
      <c r="BZ3153" s="53">
        <v>-8488768.4498310406</v>
      </c>
      <c r="CA3153" s="53">
        <v>1.4551915228366799E-7</v>
      </c>
      <c r="CB3153" s="53">
        <v>-1.44740186914094E-10</v>
      </c>
      <c r="CC3153" s="53">
        <v>-1.44740186914094E-10</v>
      </c>
      <c r="CD3153" s="53">
        <v>-1.44740186914094E-10</v>
      </c>
      <c r="CE3153" s="53">
        <v>-1.44740186914094E-10</v>
      </c>
      <c r="CF3153" s="53">
        <v>-1.44740186914094E-10</v>
      </c>
      <c r="CG3153" s="53">
        <v>-1.44740186914094E-10</v>
      </c>
      <c r="CH3153" s="53">
        <v>-1.44740186914094E-10</v>
      </c>
      <c r="CI3153" s="53">
        <v>-1.44740186914094E-10</v>
      </c>
      <c r="CJ3153" s="53">
        <v>-1.44740186914094E-10</v>
      </c>
      <c r="CK3153" s="53">
        <v>-1.44740186914094E-10</v>
      </c>
      <c r="CL3153" s="53">
        <v>-1.44740186914094E-10</v>
      </c>
      <c r="CM3153" s="53">
        <v>-1.44740186914094E-10</v>
      </c>
      <c r="CN3153" s="53">
        <v>-1.73688224296913E-9</v>
      </c>
    </row>
    <row r="3154" spans="1:92" outlineLevel="1">
      <c r="A3154" s="52" t="s">
        <v>1746</v>
      </c>
      <c r="B3154" s="53"/>
      <c r="C3154" s="53"/>
      <c r="D3154" s="53"/>
      <c r="E3154" s="53"/>
      <c r="F3154" s="53"/>
      <c r="G3154" s="53"/>
      <c r="H3154" s="53"/>
      <c r="I3154" s="53"/>
      <c r="J3154" s="53"/>
      <c r="K3154" s="53"/>
      <c r="L3154" s="53"/>
      <c r="M3154" s="53"/>
      <c r="N3154" s="53"/>
      <c r="O3154" s="53"/>
      <c r="P3154" s="53"/>
      <c r="Q3154" s="53"/>
      <c r="R3154" s="53"/>
      <c r="S3154" s="53"/>
      <c r="T3154" s="53"/>
      <c r="U3154" s="53"/>
      <c r="V3154" s="53"/>
      <c r="W3154" s="53"/>
      <c r="X3154" s="53"/>
      <c r="Y3154" s="53"/>
      <c r="Z3154" s="53"/>
      <c r="AA3154" s="53"/>
      <c r="AB3154" s="53"/>
      <c r="AC3154" s="53"/>
      <c r="AD3154" s="53"/>
      <c r="AE3154" s="53"/>
      <c r="AF3154" s="53"/>
      <c r="AG3154" s="53"/>
      <c r="AH3154" s="53"/>
      <c r="AI3154" s="53"/>
      <c r="AJ3154" s="53"/>
      <c r="AK3154" s="53"/>
      <c r="AL3154" s="53"/>
      <c r="AM3154" s="53"/>
      <c r="AN3154" s="53"/>
      <c r="AO3154" s="53"/>
      <c r="AP3154" s="53"/>
      <c r="AQ3154" s="53"/>
      <c r="AR3154" s="53"/>
      <c r="AS3154" s="53"/>
      <c r="AT3154" s="53"/>
      <c r="AU3154" s="53"/>
      <c r="AV3154" s="53"/>
      <c r="AW3154" s="53"/>
      <c r="AX3154" s="53"/>
      <c r="AY3154" s="53"/>
      <c r="AZ3154" s="53"/>
      <c r="BA3154" s="53"/>
      <c r="BB3154" s="53"/>
      <c r="BC3154" s="53"/>
      <c r="BD3154" s="53"/>
      <c r="BE3154" s="53"/>
      <c r="BF3154" s="53"/>
      <c r="BG3154" s="53"/>
      <c r="BH3154" s="53"/>
      <c r="BI3154" s="53"/>
      <c r="BJ3154" s="53"/>
      <c r="BK3154" s="53"/>
      <c r="BL3154" s="53"/>
      <c r="BM3154" s="53"/>
      <c r="BN3154" s="53"/>
      <c r="BO3154" s="53"/>
      <c r="BP3154" s="53"/>
      <c r="BQ3154" s="53"/>
      <c r="BR3154" s="53"/>
      <c r="BS3154" s="53"/>
      <c r="BT3154" s="53"/>
      <c r="BU3154" s="53"/>
      <c r="BV3154" s="53"/>
      <c r="BW3154" s="53"/>
      <c r="BX3154" s="53"/>
      <c r="BY3154" s="53"/>
      <c r="BZ3154" s="53"/>
      <c r="CA3154" s="53"/>
      <c r="CB3154" s="53"/>
      <c r="CC3154" s="53"/>
      <c r="CD3154" s="53"/>
      <c r="CE3154" s="53"/>
      <c r="CF3154" s="53"/>
      <c r="CG3154" s="53"/>
      <c r="CH3154" s="53"/>
      <c r="CI3154" s="53"/>
      <c r="CJ3154" s="53"/>
      <c r="CK3154" s="53"/>
      <c r="CL3154" s="53"/>
      <c r="CM3154" s="53"/>
      <c r="CN3154" s="53"/>
    </row>
    <row r="3155" spans="1:92" outlineLevel="1">
      <c r="A3155" s="52" t="s">
        <v>649</v>
      </c>
      <c r="B3155" s="53"/>
      <c r="C3155" s="53"/>
      <c r="D3155" s="53"/>
      <c r="E3155" s="53"/>
      <c r="F3155" s="53"/>
      <c r="G3155" s="53"/>
      <c r="H3155" s="53"/>
      <c r="I3155" s="53"/>
      <c r="J3155" s="53"/>
      <c r="K3155" s="53"/>
      <c r="L3155" s="53"/>
      <c r="M3155" s="53"/>
      <c r="N3155" s="53"/>
      <c r="O3155" s="53">
        <v>-634712.02976482699</v>
      </c>
      <c r="P3155" s="53">
        <v>-634712.02976482699</v>
      </c>
      <c r="Q3155" s="53">
        <v>-634712.02976482699</v>
      </c>
      <c r="R3155" s="53">
        <v>-634712.02976482699</v>
      </c>
      <c r="S3155" s="53">
        <v>-634712.02976482699</v>
      </c>
      <c r="T3155" s="53">
        <v>-634712.02976482699</v>
      </c>
      <c r="U3155" s="53">
        <v>-634712.02976482699</v>
      </c>
      <c r="V3155" s="53">
        <v>-634712.02976482699</v>
      </c>
      <c r="W3155" s="53">
        <v>-634712.02976482699</v>
      </c>
      <c r="X3155" s="53">
        <v>-634712.02976482699</v>
      </c>
      <c r="Y3155" s="53">
        <v>-634712.02976482699</v>
      </c>
      <c r="Z3155" s="53">
        <v>-634712.02976482699</v>
      </c>
      <c r="AA3155" s="53">
        <v>-7616544.3571779197</v>
      </c>
      <c r="AB3155" s="53">
        <v>-3230102.1402793699</v>
      </c>
      <c r="AC3155" s="53">
        <v>-3230102.1402793699</v>
      </c>
      <c r="AD3155" s="53">
        <v>-3230102.1402793699</v>
      </c>
      <c r="AE3155" s="53">
        <v>-3230102.1402793699</v>
      </c>
      <c r="AF3155" s="53">
        <v>-3230102.1402793699</v>
      </c>
      <c r="AG3155" s="53">
        <v>-3230102.1402793699</v>
      </c>
      <c r="AH3155" s="53">
        <v>-3230102.1402793699</v>
      </c>
      <c r="AI3155" s="53">
        <v>-3230102.1402793699</v>
      </c>
      <c r="AJ3155" s="53">
        <v>-3230102.1402793699</v>
      </c>
      <c r="AK3155" s="53">
        <v>-3230102.1402793699</v>
      </c>
      <c r="AL3155" s="53">
        <v>-3230102.1402793699</v>
      </c>
      <c r="AM3155" s="53">
        <v>-3230102.1402793699</v>
      </c>
      <c r="AN3155" s="53">
        <v>-38761225.683352403</v>
      </c>
      <c r="AO3155" s="53"/>
      <c r="AP3155" s="53"/>
      <c r="AQ3155" s="53"/>
      <c r="AR3155" s="53"/>
      <c r="AS3155" s="53"/>
      <c r="AT3155" s="53"/>
      <c r="AU3155" s="53"/>
      <c r="AV3155" s="53"/>
      <c r="AW3155" s="53"/>
      <c r="AX3155" s="53"/>
      <c r="AY3155" s="53"/>
      <c r="AZ3155" s="53"/>
      <c r="BA3155" s="53"/>
      <c r="BB3155" s="53"/>
      <c r="BC3155" s="53"/>
      <c r="BD3155" s="53"/>
      <c r="BE3155" s="53"/>
      <c r="BF3155" s="53"/>
      <c r="BG3155" s="53"/>
      <c r="BH3155" s="53"/>
      <c r="BI3155" s="53"/>
      <c r="BJ3155" s="53"/>
      <c r="BK3155" s="53"/>
      <c r="BL3155" s="53"/>
      <c r="BM3155" s="53"/>
      <c r="BN3155" s="53"/>
      <c r="BO3155" s="53"/>
      <c r="BP3155" s="53"/>
      <c r="BQ3155" s="53"/>
      <c r="BR3155" s="53"/>
      <c r="BS3155" s="53"/>
      <c r="BT3155" s="53"/>
      <c r="BU3155" s="53"/>
      <c r="BV3155" s="53"/>
      <c r="BW3155" s="53"/>
      <c r="BX3155" s="53"/>
      <c r="BY3155" s="53"/>
      <c r="BZ3155" s="53"/>
      <c r="CA3155" s="53"/>
      <c r="CB3155" s="53"/>
      <c r="CC3155" s="53"/>
      <c r="CD3155" s="53"/>
      <c r="CE3155" s="53"/>
      <c r="CF3155" s="53"/>
      <c r="CG3155" s="53"/>
      <c r="CH3155" s="53"/>
      <c r="CI3155" s="53"/>
      <c r="CJ3155" s="53"/>
      <c r="CK3155" s="53"/>
      <c r="CL3155" s="53"/>
      <c r="CM3155" s="53"/>
      <c r="CN3155" s="53"/>
    </row>
    <row r="3156" spans="1:92" outlineLevel="1">
      <c r="A3156" s="52" t="s">
        <v>1687</v>
      </c>
      <c r="B3156" s="53"/>
      <c r="C3156" s="53"/>
      <c r="D3156" s="53"/>
      <c r="E3156" s="53"/>
      <c r="F3156" s="53"/>
      <c r="G3156" s="53"/>
      <c r="H3156" s="53"/>
      <c r="I3156" s="53"/>
      <c r="J3156" s="53"/>
      <c r="K3156" s="53"/>
      <c r="L3156" s="53"/>
      <c r="M3156" s="53"/>
      <c r="N3156" s="53"/>
      <c r="O3156" s="53"/>
      <c r="P3156" s="53"/>
      <c r="Q3156" s="53"/>
      <c r="R3156" s="53"/>
      <c r="S3156" s="53"/>
      <c r="T3156" s="53"/>
      <c r="U3156" s="53"/>
      <c r="V3156" s="53"/>
      <c r="W3156" s="53"/>
      <c r="X3156" s="53"/>
      <c r="Y3156" s="53"/>
      <c r="Z3156" s="53"/>
      <c r="AA3156" s="53"/>
      <c r="AB3156" s="53"/>
      <c r="AC3156" s="53"/>
      <c r="AD3156" s="53"/>
      <c r="AE3156" s="53"/>
      <c r="AF3156" s="53"/>
      <c r="AG3156" s="53"/>
      <c r="AH3156" s="53"/>
      <c r="AI3156" s="53"/>
      <c r="AJ3156" s="53"/>
      <c r="AK3156" s="53"/>
      <c r="AL3156" s="53"/>
      <c r="AM3156" s="53"/>
      <c r="AN3156" s="53"/>
      <c r="AO3156" s="53"/>
      <c r="AP3156" s="53"/>
      <c r="AQ3156" s="53"/>
      <c r="AR3156" s="53"/>
      <c r="AS3156" s="53"/>
      <c r="AT3156" s="53"/>
      <c r="AU3156" s="53"/>
      <c r="AV3156" s="53"/>
      <c r="AW3156" s="53"/>
      <c r="AX3156" s="53"/>
      <c r="AY3156" s="53"/>
      <c r="AZ3156" s="53"/>
      <c r="BA3156" s="53"/>
      <c r="BB3156" s="53"/>
      <c r="BC3156" s="53"/>
      <c r="BD3156" s="53"/>
      <c r="BE3156" s="53"/>
      <c r="BF3156" s="53"/>
      <c r="BG3156" s="53"/>
      <c r="BH3156" s="53"/>
      <c r="BI3156" s="53"/>
      <c r="BJ3156" s="53"/>
      <c r="BK3156" s="53"/>
      <c r="BL3156" s="53"/>
      <c r="BM3156" s="53"/>
      <c r="BN3156" s="53"/>
      <c r="BO3156" s="53"/>
      <c r="BP3156" s="53"/>
      <c r="BQ3156" s="53"/>
      <c r="BR3156" s="53"/>
      <c r="BS3156" s="53"/>
      <c r="BT3156" s="53"/>
      <c r="BU3156" s="53"/>
      <c r="BV3156" s="53"/>
      <c r="BW3156" s="53"/>
      <c r="BX3156" s="53"/>
      <c r="BY3156" s="53"/>
      <c r="BZ3156" s="53"/>
      <c r="CA3156" s="53"/>
      <c r="CB3156" s="53">
        <v>55.629169616963701</v>
      </c>
      <c r="CC3156" s="53">
        <v>-118527.992421829</v>
      </c>
      <c r="CD3156" s="53">
        <v>-271161.910337882</v>
      </c>
      <c r="CE3156" s="53">
        <v>-163979.67908107699</v>
      </c>
      <c r="CF3156" s="53">
        <v>-103147.151358605</v>
      </c>
      <c r="CG3156" s="53">
        <v>118485.700884622</v>
      </c>
      <c r="CH3156" s="53">
        <v>167170.32952621099</v>
      </c>
      <c r="CI3156" s="53">
        <v>131386.505096259</v>
      </c>
      <c r="CJ3156" s="53">
        <v>75596.265138896793</v>
      </c>
      <c r="CK3156" s="53">
        <v>-40754.793614753602</v>
      </c>
      <c r="CL3156" s="53">
        <v>116359.073016661</v>
      </c>
      <c r="CM3156" s="53">
        <v>88518.023981879596</v>
      </c>
      <c r="CN3156" s="53">
        <v>-5.6843418860808005E-10</v>
      </c>
    </row>
    <row r="3157" spans="1:92" outlineLevel="1">
      <c r="A3157" s="52" t="s">
        <v>1726</v>
      </c>
      <c r="B3157" s="53"/>
      <c r="C3157" s="53"/>
      <c r="D3157" s="53"/>
      <c r="E3157" s="53"/>
      <c r="F3157" s="53"/>
      <c r="G3157" s="53"/>
      <c r="H3157" s="53"/>
      <c r="I3157" s="53"/>
      <c r="J3157" s="53"/>
      <c r="K3157" s="53"/>
      <c r="L3157" s="53"/>
      <c r="M3157" s="53"/>
      <c r="N3157" s="53"/>
      <c r="O3157" s="53"/>
      <c r="P3157" s="53"/>
      <c r="Q3157" s="53"/>
      <c r="R3157" s="53"/>
      <c r="S3157" s="53"/>
      <c r="T3157" s="53"/>
      <c r="U3157" s="53"/>
      <c r="V3157" s="53"/>
      <c r="W3157" s="53"/>
      <c r="X3157" s="53"/>
      <c r="Y3157" s="53"/>
      <c r="Z3157" s="53"/>
      <c r="AA3157" s="53"/>
      <c r="AB3157" s="53"/>
      <c r="AC3157" s="53"/>
      <c r="AD3157" s="53"/>
      <c r="AE3157" s="53"/>
      <c r="AF3157" s="53"/>
      <c r="AG3157" s="53"/>
      <c r="AH3157" s="53"/>
      <c r="AI3157" s="53"/>
      <c r="AJ3157" s="53"/>
      <c r="AK3157" s="53"/>
      <c r="AL3157" s="53"/>
      <c r="AM3157" s="53"/>
      <c r="AN3157" s="53"/>
      <c r="AO3157" s="53"/>
      <c r="AP3157" s="53"/>
      <c r="AQ3157" s="53"/>
      <c r="AR3157" s="53"/>
      <c r="AS3157" s="53"/>
      <c r="AT3157" s="53"/>
      <c r="AU3157" s="53"/>
      <c r="AV3157" s="53"/>
      <c r="AW3157" s="53"/>
      <c r="AX3157" s="53"/>
      <c r="AY3157" s="53"/>
      <c r="AZ3157" s="53"/>
      <c r="BA3157" s="53"/>
      <c r="BB3157" s="53"/>
      <c r="BC3157" s="53"/>
      <c r="BD3157" s="53"/>
      <c r="BE3157" s="53"/>
      <c r="BF3157" s="53"/>
      <c r="BG3157" s="53"/>
      <c r="BH3157" s="53"/>
      <c r="BI3157" s="53"/>
      <c r="BJ3157" s="53"/>
      <c r="BK3157" s="53"/>
      <c r="BL3157" s="53"/>
      <c r="BM3157" s="53"/>
      <c r="BN3157" s="53"/>
      <c r="BO3157" s="53"/>
      <c r="BP3157" s="53"/>
      <c r="BQ3157" s="53"/>
      <c r="BR3157" s="53"/>
      <c r="BS3157" s="53"/>
      <c r="BT3157" s="53"/>
      <c r="BU3157" s="53"/>
      <c r="BV3157" s="53"/>
      <c r="BW3157" s="53"/>
      <c r="BX3157" s="53"/>
      <c r="BY3157" s="53"/>
      <c r="BZ3157" s="53"/>
      <c r="CA3157" s="53"/>
      <c r="CB3157" s="53"/>
      <c r="CC3157" s="53"/>
      <c r="CD3157" s="53"/>
      <c r="CE3157" s="53"/>
      <c r="CF3157" s="53"/>
      <c r="CG3157" s="53"/>
      <c r="CH3157" s="53"/>
      <c r="CI3157" s="53"/>
      <c r="CJ3157" s="53"/>
      <c r="CK3157" s="53"/>
      <c r="CL3157" s="53"/>
      <c r="CM3157" s="53"/>
      <c r="CN3157" s="53"/>
    </row>
    <row r="3158" spans="1:92" outlineLevel="1">
      <c r="A3158" s="52" t="s">
        <v>649</v>
      </c>
      <c r="B3158" s="53"/>
      <c r="C3158" s="53"/>
      <c r="D3158" s="53"/>
      <c r="E3158" s="53"/>
      <c r="F3158" s="53"/>
      <c r="G3158" s="53"/>
      <c r="H3158" s="53"/>
      <c r="I3158" s="53"/>
      <c r="J3158" s="53"/>
      <c r="K3158" s="53"/>
      <c r="L3158" s="53"/>
      <c r="M3158" s="53"/>
      <c r="N3158" s="53"/>
      <c r="O3158" s="53">
        <v>2618509.22437499</v>
      </c>
      <c r="P3158" s="53">
        <v>2618509.22437499</v>
      </c>
      <c r="Q3158" s="53">
        <v>2618509.22437499</v>
      </c>
      <c r="R3158" s="53">
        <v>2618509.22437499</v>
      </c>
      <c r="S3158" s="53">
        <v>2618509.22437499</v>
      </c>
      <c r="T3158" s="53">
        <v>2618509.22437499</v>
      </c>
      <c r="U3158" s="53">
        <v>2618509.22437499</v>
      </c>
      <c r="V3158" s="53">
        <v>2618509.22437499</v>
      </c>
      <c r="W3158" s="53">
        <v>2618509.22437499</v>
      </c>
      <c r="X3158" s="53">
        <v>2618509.22437499</v>
      </c>
      <c r="Y3158" s="53">
        <v>2618509.22437499</v>
      </c>
      <c r="Z3158" s="53">
        <v>2618509.22437499</v>
      </c>
      <c r="AA3158" s="53">
        <v>31422110.692499802</v>
      </c>
      <c r="AB3158" s="53">
        <v>4388870.2495274898</v>
      </c>
      <c r="AC3158" s="53">
        <v>4388870.2495274898</v>
      </c>
      <c r="AD3158" s="53">
        <v>4388870.2495274898</v>
      </c>
      <c r="AE3158" s="53">
        <v>4388870.2495274898</v>
      </c>
      <c r="AF3158" s="53">
        <v>4388870.2495274898</v>
      </c>
      <c r="AG3158" s="53">
        <v>4388870.2495274898</v>
      </c>
      <c r="AH3158" s="53">
        <v>4388870.2495274898</v>
      </c>
      <c r="AI3158" s="53">
        <v>4388870.2495274898</v>
      </c>
      <c r="AJ3158" s="53">
        <v>4388870.2495274898</v>
      </c>
      <c r="AK3158" s="53">
        <v>4388870.2495274898</v>
      </c>
      <c r="AL3158" s="53">
        <v>4388870.2495274898</v>
      </c>
      <c r="AM3158" s="53">
        <v>4388870.2495274898</v>
      </c>
      <c r="AN3158" s="53">
        <v>52666442.9943299</v>
      </c>
      <c r="AO3158" s="53">
        <v>5253169.3333333302</v>
      </c>
      <c r="AP3158" s="53">
        <v>5253169.3333333302</v>
      </c>
      <c r="AQ3158" s="53">
        <v>5253169.3333333302</v>
      </c>
      <c r="AR3158" s="53">
        <v>5253169.3333333302</v>
      </c>
      <c r="AS3158" s="53">
        <v>5253169.3333333302</v>
      </c>
      <c r="AT3158" s="53">
        <v>5253169.3333333302</v>
      </c>
      <c r="AU3158" s="53">
        <v>5253169.3333333302</v>
      </c>
      <c r="AV3158" s="53">
        <v>5253169.3333333302</v>
      </c>
      <c r="AW3158" s="53">
        <v>5253169.3333333302</v>
      </c>
      <c r="AX3158" s="53">
        <v>5253169.3333333302</v>
      </c>
      <c r="AY3158" s="53">
        <v>5253169.3333333302</v>
      </c>
      <c r="AZ3158" s="53">
        <v>5253169.3333333302</v>
      </c>
      <c r="BA3158" s="53">
        <v>63038031.999999903</v>
      </c>
      <c r="BB3158" s="53">
        <v>7932402.2177273398</v>
      </c>
      <c r="BC3158" s="53">
        <v>7932402.2177273398</v>
      </c>
      <c r="BD3158" s="53">
        <v>7932402.2177273398</v>
      </c>
      <c r="BE3158" s="53">
        <v>7932402.2177273398</v>
      </c>
      <c r="BF3158" s="53">
        <v>7932402.2177273398</v>
      </c>
      <c r="BG3158" s="53">
        <v>7932402.2177273398</v>
      </c>
      <c r="BH3158" s="53">
        <v>7932402.2177273398</v>
      </c>
      <c r="BI3158" s="53">
        <v>7932402.2177273398</v>
      </c>
      <c r="BJ3158" s="53">
        <v>7932402.2177273398</v>
      </c>
      <c r="BK3158" s="53">
        <v>7932402.2177273398</v>
      </c>
      <c r="BL3158" s="53">
        <v>7932402.2177273398</v>
      </c>
      <c r="BM3158" s="53">
        <v>7932402.2177273398</v>
      </c>
      <c r="BN3158" s="53">
        <v>95188826.612728104</v>
      </c>
      <c r="BO3158" s="53">
        <v>9706836.634939</v>
      </c>
      <c r="BP3158" s="53">
        <v>9706836.634939</v>
      </c>
      <c r="BQ3158" s="53">
        <v>9706836.634939</v>
      </c>
      <c r="BR3158" s="53">
        <v>9706836.634939</v>
      </c>
      <c r="BS3158" s="53">
        <v>9706836.634939</v>
      </c>
      <c r="BT3158" s="53">
        <v>9706836.634939</v>
      </c>
      <c r="BU3158" s="53">
        <v>9706836.634939</v>
      </c>
      <c r="BV3158" s="53">
        <v>9706836.634939</v>
      </c>
      <c r="BW3158" s="53">
        <v>9706836.634939</v>
      </c>
      <c r="BX3158" s="53">
        <v>9706836.634939</v>
      </c>
      <c r="BY3158" s="53">
        <v>9706836.634939</v>
      </c>
      <c r="BZ3158" s="53">
        <v>9706836.634939</v>
      </c>
      <c r="CA3158" s="53">
        <v>116482039.619267</v>
      </c>
      <c r="CB3158" s="53">
        <v>2.2951805065560901E-10</v>
      </c>
      <c r="CC3158" s="53">
        <v>2.2951805065560901E-10</v>
      </c>
      <c r="CD3158" s="53">
        <v>2.2951805065560901E-10</v>
      </c>
      <c r="CE3158" s="53">
        <v>2.2951805065560901E-10</v>
      </c>
      <c r="CF3158" s="53">
        <v>2.2951805065560901E-10</v>
      </c>
      <c r="CG3158" s="53">
        <v>2.2951805065560901E-10</v>
      </c>
      <c r="CH3158" s="53">
        <v>2.2951805065560901E-10</v>
      </c>
      <c r="CI3158" s="53">
        <v>2.2951805065560901E-10</v>
      </c>
      <c r="CJ3158" s="53">
        <v>2.2951805065560901E-10</v>
      </c>
      <c r="CK3158" s="53">
        <v>2.2951805065560901E-10</v>
      </c>
      <c r="CL3158" s="53">
        <v>2.2951805065560901E-10</v>
      </c>
      <c r="CM3158" s="53">
        <v>2.2951805065560901E-10</v>
      </c>
      <c r="CN3158" s="53">
        <v>2.75421660786731E-9</v>
      </c>
    </row>
    <row r="3159" spans="1:92" outlineLevel="1">
      <c r="A3159" s="52" t="s">
        <v>1691</v>
      </c>
      <c r="B3159" s="53"/>
      <c r="C3159" s="53"/>
      <c r="D3159" s="53"/>
      <c r="E3159" s="53"/>
      <c r="F3159" s="53"/>
      <c r="G3159" s="53"/>
      <c r="H3159" s="53"/>
      <c r="I3159" s="53"/>
      <c r="J3159" s="53"/>
      <c r="K3159" s="53"/>
      <c r="L3159" s="53"/>
      <c r="M3159" s="53"/>
      <c r="N3159" s="53"/>
      <c r="O3159" s="53"/>
      <c r="P3159" s="53"/>
      <c r="Q3159" s="53"/>
      <c r="R3159" s="53"/>
      <c r="S3159" s="53"/>
      <c r="T3159" s="53"/>
      <c r="U3159" s="53"/>
      <c r="V3159" s="53"/>
      <c r="W3159" s="53"/>
      <c r="X3159" s="53"/>
      <c r="Y3159" s="53"/>
      <c r="Z3159" s="53"/>
      <c r="AA3159" s="53"/>
      <c r="AB3159" s="53"/>
      <c r="AC3159" s="53"/>
      <c r="AD3159" s="53"/>
      <c r="AE3159" s="53"/>
      <c r="AF3159" s="53"/>
      <c r="AG3159" s="53"/>
      <c r="AH3159" s="53"/>
      <c r="AI3159" s="53"/>
      <c r="AJ3159" s="53"/>
      <c r="AK3159" s="53"/>
      <c r="AL3159" s="53"/>
      <c r="AM3159" s="53"/>
      <c r="AN3159" s="53"/>
      <c r="AO3159" s="53"/>
      <c r="AP3159" s="53"/>
      <c r="AQ3159" s="53"/>
      <c r="AR3159" s="53"/>
      <c r="AS3159" s="53"/>
      <c r="AT3159" s="53"/>
      <c r="AU3159" s="53"/>
      <c r="AV3159" s="53"/>
      <c r="AW3159" s="53"/>
      <c r="AX3159" s="53"/>
      <c r="AY3159" s="53"/>
      <c r="AZ3159" s="53"/>
      <c r="BA3159" s="53"/>
      <c r="BB3159" s="53"/>
      <c r="BC3159" s="53"/>
      <c r="BD3159" s="53"/>
      <c r="BE3159" s="53"/>
      <c r="BF3159" s="53"/>
      <c r="BG3159" s="53"/>
      <c r="BH3159" s="53"/>
      <c r="BI3159" s="53"/>
      <c r="BJ3159" s="53"/>
      <c r="BK3159" s="53"/>
      <c r="BL3159" s="53"/>
      <c r="BM3159" s="53"/>
      <c r="BN3159" s="53"/>
      <c r="BO3159" s="53"/>
      <c r="BP3159" s="53"/>
      <c r="BQ3159" s="53"/>
      <c r="BR3159" s="53"/>
      <c r="BS3159" s="53"/>
      <c r="BT3159" s="53"/>
      <c r="BU3159" s="53"/>
      <c r="BV3159" s="53"/>
      <c r="BW3159" s="53"/>
      <c r="BX3159" s="53"/>
      <c r="BY3159" s="53"/>
      <c r="BZ3159" s="53"/>
      <c r="CA3159" s="53"/>
      <c r="CB3159" s="53"/>
      <c r="CC3159" s="53"/>
      <c r="CD3159" s="53"/>
      <c r="CE3159" s="53"/>
      <c r="CF3159" s="53"/>
      <c r="CG3159" s="53"/>
      <c r="CH3159" s="53"/>
      <c r="CI3159" s="53"/>
      <c r="CJ3159" s="53"/>
      <c r="CK3159" s="53"/>
      <c r="CL3159" s="53"/>
      <c r="CM3159" s="53"/>
      <c r="CN3159" s="53"/>
    </row>
    <row r="3160" spans="1:92" outlineLevel="1">
      <c r="A3160" s="52" t="s">
        <v>649</v>
      </c>
      <c r="B3160" s="53"/>
      <c r="C3160" s="53"/>
      <c r="D3160" s="53"/>
      <c r="E3160" s="53"/>
      <c r="F3160" s="53"/>
      <c r="G3160" s="53"/>
      <c r="H3160" s="53"/>
      <c r="I3160" s="53"/>
      <c r="J3160" s="53"/>
      <c r="K3160" s="53"/>
      <c r="L3160" s="53"/>
      <c r="M3160" s="53"/>
      <c r="N3160" s="53"/>
      <c r="O3160" s="53"/>
      <c r="P3160" s="53"/>
      <c r="Q3160" s="53"/>
      <c r="R3160" s="53"/>
      <c r="S3160" s="53"/>
      <c r="T3160" s="53"/>
      <c r="U3160" s="53"/>
      <c r="V3160" s="53"/>
      <c r="W3160" s="53"/>
      <c r="X3160" s="53"/>
      <c r="Y3160" s="53"/>
      <c r="Z3160" s="53"/>
      <c r="AA3160" s="53"/>
      <c r="AB3160" s="53">
        <v>2822982.41666666</v>
      </c>
      <c r="AC3160" s="53">
        <v>2822982.41666666</v>
      </c>
      <c r="AD3160" s="53">
        <v>2822982.41666666</v>
      </c>
      <c r="AE3160" s="53">
        <v>2822982.41666666</v>
      </c>
      <c r="AF3160" s="53">
        <v>2822982.41666666</v>
      </c>
      <c r="AG3160" s="53">
        <v>2822982.41666666</v>
      </c>
      <c r="AH3160" s="53">
        <v>2822982.41666666</v>
      </c>
      <c r="AI3160" s="53">
        <v>2822982.41666666</v>
      </c>
      <c r="AJ3160" s="53">
        <v>2822982.41666666</v>
      </c>
      <c r="AK3160" s="53">
        <v>2822982.41666666</v>
      </c>
      <c r="AL3160" s="53">
        <v>2822982.41666666</v>
      </c>
      <c r="AM3160" s="53">
        <v>2822982.41666666</v>
      </c>
      <c r="AN3160" s="53">
        <v>33875789</v>
      </c>
      <c r="AO3160" s="53">
        <v>5406504.6666666605</v>
      </c>
      <c r="AP3160" s="53">
        <v>5406504.6666666605</v>
      </c>
      <c r="AQ3160" s="53">
        <v>5406504.6666666605</v>
      </c>
      <c r="AR3160" s="53">
        <v>5406504.6666666605</v>
      </c>
      <c r="AS3160" s="53">
        <v>5406504.6666666605</v>
      </c>
      <c r="AT3160" s="53">
        <v>5406504.6666666605</v>
      </c>
      <c r="AU3160" s="53">
        <v>5406504.6666666605</v>
      </c>
      <c r="AV3160" s="53">
        <v>5406504.6666666605</v>
      </c>
      <c r="AW3160" s="53">
        <v>5406504.6666666605</v>
      </c>
      <c r="AX3160" s="53">
        <v>5406504.6666666605</v>
      </c>
      <c r="AY3160" s="53">
        <v>5406504.6666666605</v>
      </c>
      <c r="AZ3160" s="53">
        <v>5406504.6666666605</v>
      </c>
      <c r="BA3160" s="53">
        <v>64878056</v>
      </c>
      <c r="BB3160" s="53">
        <v>5339176.0833333302</v>
      </c>
      <c r="BC3160" s="53">
        <v>5339176.0833333302</v>
      </c>
      <c r="BD3160" s="53">
        <v>5339176.0833333302</v>
      </c>
      <c r="BE3160" s="53">
        <v>5339176.0833333302</v>
      </c>
      <c r="BF3160" s="53">
        <v>5339176.0833333302</v>
      </c>
      <c r="BG3160" s="53">
        <v>5339176.0833333302</v>
      </c>
      <c r="BH3160" s="53">
        <v>5339176.0833333302</v>
      </c>
      <c r="BI3160" s="53">
        <v>5339176.0833333302</v>
      </c>
      <c r="BJ3160" s="53">
        <v>5339176.0833333302</v>
      </c>
      <c r="BK3160" s="53">
        <v>5339176.0833333302</v>
      </c>
      <c r="BL3160" s="53">
        <v>5339176.0833333302</v>
      </c>
      <c r="BM3160" s="53">
        <v>5339176.0833333302</v>
      </c>
      <c r="BN3160" s="53">
        <v>64070112.999999903</v>
      </c>
      <c r="BO3160" s="53">
        <v>7932402.25</v>
      </c>
      <c r="BP3160" s="53">
        <v>7932402.25</v>
      </c>
      <c r="BQ3160" s="53">
        <v>7932402.25</v>
      </c>
      <c r="BR3160" s="53">
        <v>7932402.25</v>
      </c>
      <c r="BS3160" s="53">
        <v>7932402.25</v>
      </c>
      <c r="BT3160" s="53">
        <v>7932402.25</v>
      </c>
      <c r="BU3160" s="53">
        <v>7932402.25</v>
      </c>
      <c r="BV3160" s="53">
        <v>7932402.25</v>
      </c>
      <c r="BW3160" s="53">
        <v>7932402.25</v>
      </c>
      <c r="BX3160" s="53">
        <v>7932402.25</v>
      </c>
      <c r="BY3160" s="53">
        <v>7932402.25</v>
      </c>
      <c r="BZ3160" s="53">
        <v>7932402.25</v>
      </c>
      <c r="CA3160" s="53">
        <v>95188827</v>
      </c>
      <c r="CB3160" s="53"/>
      <c r="CC3160" s="53"/>
      <c r="CD3160" s="53"/>
      <c r="CE3160" s="53"/>
      <c r="CF3160" s="53"/>
      <c r="CG3160" s="53"/>
      <c r="CH3160" s="53"/>
      <c r="CI3160" s="53"/>
      <c r="CJ3160" s="53"/>
      <c r="CK3160" s="53"/>
      <c r="CL3160" s="53"/>
      <c r="CM3160" s="53"/>
      <c r="CN3160" s="53"/>
    </row>
    <row r="3161" spans="1:92" outlineLevel="1">
      <c r="A3161" s="57" t="s">
        <v>1770</v>
      </c>
      <c r="B3161" s="53">
        <v>4041769981.5900002</v>
      </c>
      <c r="C3161" s="53">
        <v>4045252880.9000001</v>
      </c>
      <c r="D3161" s="53">
        <v>4155994197.8599901</v>
      </c>
      <c r="E3161" s="53">
        <v>4142499698.1599998</v>
      </c>
      <c r="F3161" s="53">
        <v>4124254422.79</v>
      </c>
      <c r="G3161" s="53">
        <v>4140150418.6199999</v>
      </c>
      <c r="H3161" s="53">
        <v>4103679486.02</v>
      </c>
      <c r="I3161" s="53">
        <v>4133027599.3800001</v>
      </c>
      <c r="J3161" s="53">
        <v>4369567899.8900003</v>
      </c>
      <c r="K3161" s="53">
        <v>4331899555.0899897</v>
      </c>
      <c r="L3161" s="53">
        <v>4412820951.0799999</v>
      </c>
      <c r="M3161" s="53">
        <v>4210553373.1799998</v>
      </c>
      <c r="N3161" s="53">
        <v>4210553373.1799998</v>
      </c>
      <c r="O3161" s="53">
        <v>4200043165.98913</v>
      </c>
      <c r="P3161" s="53">
        <v>4186408976.3113599</v>
      </c>
      <c r="Q3161" s="53">
        <v>4128318284.03093</v>
      </c>
      <c r="R3161" s="53">
        <v>4097886291.5703502</v>
      </c>
      <c r="S3161" s="53">
        <v>4069688309.1231899</v>
      </c>
      <c r="T3161" s="53">
        <v>4002169916.39926</v>
      </c>
      <c r="U3161" s="53">
        <v>3977172043.7909198</v>
      </c>
      <c r="V3161" s="53">
        <v>3948204406.5718098</v>
      </c>
      <c r="W3161" s="53">
        <v>3856539283.5399899</v>
      </c>
      <c r="X3161" s="53">
        <v>3824830170.9629798</v>
      </c>
      <c r="Y3161" s="53">
        <v>3791726699.1368399</v>
      </c>
      <c r="Z3161" s="53">
        <v>3711634240.45048</v>
      </c>
      <c r="AA3161" s="53">
        <v>3711634240.45048</v>
      </c>
      <c r="AB3161" s="53">
        <v>3683384070.3228898</v>
      </c>
      <c r="AC3161" s="53">
        <v>3654244447.7553802</v>
      </c>
      <c r="AD3161" s="53">
        <v>3607512450.6333699</v>
      </c>
      <c r="AE3161" s="53">
        <v>3584361202.7125702</v>
      </c>
      <c r="AF3161" s="53">
        <v>3564527643.5580401</v>
      </c>
      <c r="AG3161" s="53">
        <v>3529371758.9702601</v>
      </c>
      <c r="AH3161" s="53">
        <v>3508463605.6070399</v>
      </c>
      <c r="AI3161" s="53">
        <v>3483978487.5345101</v>
      </c>
      <c r="AJ3161" s="53">
        <v>3464959383.4716201</v>
      </c>
      <c r="AK3161" s="53">
        <v>3453146878.1809602</v>
      </c>
      <c r="AL3161" s="53">
        <v>3439264609.3624601</v>
      </c>
      <c r="AM3161" s="53">
        <v>3404324755.3148198</v>
      </c>
      <c r="AN3161" s="53">
        <v>3404324755.3148198</v>
      </c>
      <c r="AO3161" s="53">
        <v>3383169858.5294499</v>
      </c>
      <c r="AP3161" s="53">
        <v>3386241602.1234298</v>
      </c>
      <c r="AQ3161" s="53">
        <v>3390031656.9749599</v>
      </c>
      <c r="AR3161" s="53">
        <v>3395307914.6313601</v>
      </c>
      <c r="AS3161" s="53">
        <v>3402541778.45788</v>
      </c>
      <c r="AT3161" s="53">
        <v>3412085128.4444599</v>
      </c>
      <c r="AU3161" s="53">
        <v>3420631298.5608401</v>
      </c>
      <c r="AV3161" s="53">
        <v>3427062221.5651398</v>
      </c>
      <c r="AW3161" s="53">
        <v>3438087968.0090098</v>
      </c>
      <c r="AX3161" s="53">
        <v>3442486868.9853201</v>
      </c>
      <c r="AY3161" s="53">
        <v>3443196151.7263699</v>
      </c>
      <c r="AZ3161" s="53">
        <v>3429121676.4244399</v>
      </c>
      <c r="BA3161" s="53">
        <v>3429121676.4244399</v>
      </c>
      <c r="BB3161" s="53">
        <v>3437367900.1614499</v>
      </c>
      <c r="BC3161" s="53">
        <v>3441617532.38134</v>
      </c>
      <c r="BD3161" s="53">
        <v>3445751246.29989</v>
      </c>
      <c r="BE3161" s="53">
        <v>3508112670.2597198</v>
      </c>
      <c r="BF3161" s="53">
        <v>3515829217.4633698</v>
      </c>
      <c r="BG3161" s="53">
        <v>3582738625.6655598</v>
      </c>
      <c r="BH3161" s="53">
        <v>3592194351.1939502</v>
      </c>
      <c r="BI3161" s="53">
        <v>3599723630.9154201</v>
      </c>
      <c r="BJ3161" s="53">
        <v>3520919588.31777</v>
      </c>
      <c r="BK3161" s="53">
        <v>3527707189.2117801</v>
      </c>
      <c r="BL3161" s="53">
        <v>3531001172.0988002</v>
      </c>
      <c r="BM3161" s="53">
        <v>3489482093.5967302</v>
      </c>
      <c r="BN3161" s="53">
        <v>3489482093.5967302</v>
      </c>
      <c r="BO3161" s="53">
        <v>3501073153.27215</v>
      </c>
      <c r="BP3161" s="53">
        <v>3507198515.8248601</v>
      </c>
      <c r="BQ3161" s="53">
        <v>3508852544.4516602</v>
      </c>
      <c r="BR3161" s="53">
        <v>3573708028.4839902</v>
      </c>
      <c r="BS3161" s="53">
        <v>3583674218.22047</v>
      </c>
      <c r="BT3161" s="53">
        <v>3658537444.99893</v>
      </c>
      <c r="BU3161" s="53">
        <v>3675900450.1245298</v>
      </c>
      <c r="BV3161" s="53">
        <v>3692252088.43362</v>
      </c>
      <c r="BW3161" s="53">
        <v>3766730598.3168602</v>
      </c>
      <c r="BX3161" s="53">
        <v>3777278353.7685099</v>
      </c>
      <c r="BY3161" s="53">
        <v>3782404033.2881398</v>
      </c>
      <c r="BZ3161" s="53">
        <v>3694992043.4091101</v>
      </c>
      <c r="CA3161" s="53">
        <v>3694992043.4091101</v>
      </c>
      <c r="CB3161" s="53"/>
      <c r="CC3161" s="53"/>
      <c r="CD3161" s="53"/>
      <c r="CE3161" s="53"/>
      <c r="CF3161" s="53"/>
      <c r="CG3161" s="53"/>
      <c r="CH3161" s="53"/>
      <c r="CI3161" s="53"/>
      <c r="CJ3161" s="53"/>
      <c r="CK3161" s="53"/>
      <c r="CL3161" s="53"/>
      <c r="CM3161" s="53"/>
      <c r="CN3161" s="53"/>
    </row>
    <row r="3162" spans="1:92" outlineLevel="1">
      <c r="A3162" s="52" t="s">
        <v>580</v>
      </c>
      <c r="B3162" s="53"/>
      <c r="C3162" s="53"/>
      <c r="D3162" s="53"/>
      <c r="E3162" s="53"/>
      <c r="F3162" s="53"/>
      <c r="G3162" s="53"/>
      <c r="H3162" s="53"/>
      <c r="I3162" s="53"/>
      <c r="J3162" s="53"/>
      <c r="K3162" s="53"/>
      <c r="L3162" s="53"/>
      <c r="M3162" s="53"/>
      <c r="N3162" s="53"/>
      <c r="O3162" s="53"/>
      <c r="P3162" s="53"/>
      <c r="Q3162" s="53"/>
      <c r="R3162" s="53"/>
      <c r="S3162" s="53"/>
      <c r="T3162" s="53"/>
      <c r="U3162" s="53"/>
      <c r="V3162" s="53"/>
      <c r="W3162" s="53"/>
      <c r="X3162" s="53"/>
      <c r="Y3162" s="53"/>
      <c r="Z3162" s="53"/>
      <c r="AA3162" s="53"/>
      <c r="AB3162" s="53"/>
      <c r="AC3162" s="53"/>
      <c r="AD3162" s="53"/>
      <c r="AE3162" s="53"/>
      <c r="AF3162" s="53"/>
      <c r="AG3162" s="53"/>
      <c r="AH3162" s="53"/>
      <c r="AI3162" s="53"/>
      <c r="AJ3162" s="53"/>
      <c r="AK3162" s="53"/>
      <c r="AL3162" s="53"/>
      <c r="AM3162" s="53"/>
      <c r="AN3162" s="53"/>
      <c r="AO3162" s="53"/>
      <c r="AP3162" s="53"/>
      <c r="AQ3162" s="53"/>
      <c r="AR3162" s="53"/>
      <c r="AS3162" s="53"/>
      <c r="AT3162" s="53"/>
      <c r="AU3162" s="53"/>
      <c r="AV3162" s="53"/>
      <c r="AW3162" s="53"/>
      <c r="AX3162" s="53"/>
      <c r="AY3162" s="53"/>
      <c r="AZ3162" s="53"/>
      <c r="BA3162" s="53"/>
      <c r="BB3162" s="53"/>
      <c r="BC3162" s="53"/>
      <c r="BD3162" s="53"/>
      <c r="BE3162" s="53"/>
      <c r="BF3162" s="53"/>
      <c r="BG3162" s="53"/>
      <c r="BH3162" s="53"/>
      <c r="BI3162" s="53"/>
      <c r="BJ3162" s="53"/>
      <c r="BK3162" s="53"/>
      <c r="BL3162" s="53"/>
      <c r="BM3162" s="53"/>
      <c r="BN3162" s="53"/>
      <c r="BO3162" s="53"/>
      <c r="BP3162" s="53"/>
      <c r="BQ3162" s="53"/>
      <c r="BR3162" s="53"/>
      <c r="BS3162" s="53"/>
      <c r="BT3162" s="53"/>
      <c r="BU3162" s="53"/>
      <c r="BV3162" s="53"/>
      <c r="BW3162" s="53"/>
      <c r="BX3162" s="53"/>
      <c r="BY3162" s="53"/>
      <c r="BZ3162" s="53"/>
      <c r="CA3162" s="53"/>
      <c r="CB3162" s="53"/>
      <c r="CC3162" s="53"/>
      <c r="CD3162" s="53"/>
      <c r="CE3162" s="53"/>
      <c r="CF3162" s="53"/>
      <c r="CG3162" s="53"/>
      <c r="CH3162" s="53"/>
      <c r="CI3162" s="53"/>
      <c r="CJ3162" s="53"/>
      <c r="CK3162" s="53"/>
      <c r="CL3162" s="53"/>
      <c r="CM3162" s="53"/>
      <c r="CN3162" s="53"/>
    </row>
    <row r="3163" spans="1:92" outlineLevel="1">
      <c r="A3163" s="52" t="s">
        <v>1218</v>
      </c>
      <c r="B3163" s="53">
        <v>13430155222.399</v>
      </c>
      <c r="C3163" s="53">
        <v>13500698812.92</v>
      </c>
      <c r="D3163" s="53">
        <v>13559499238.32</v>
      </c>
      <c r="E3163" s="53">
        <v>13620957142.4</v>
      </c>
      <c r="F3163" s="53">
        <v>13878660384.85</v>
      </c>
      <c r="G3163" s="53">
        <v>14069128377.689899</v>
      </c>
      <c r="H3163" s="53">
        <v>14132984074.179899</v>
      </c>
      <c r="I3163" s="53">
        <v>14257738331.99</v>
      </c>
      <c r="J3163" s="53">
        <v>14469744553.6</v>
      </c>
      <c r="K3163" s="53">
        <v>14930564577.16</v>
      </c>
      <c r="L3163" s="53">
        <v>15139423860.0599</v>
      </c>
      <c r="M3163" s="53">
        <v>15469448802.259899</v>
      </c>
      <c r="N3163" s="53">
        <v>13430155222.399</v>
      </c>
      <c r="O3163" s="53">
        <v>15582216969.25</v>
      </c>
      <c r="P3163" s="53">
        <v>15715081449.975599</v>
      </c>
      <c r="Q3163" s="53">
        <v>15688010709.281799</v>
      </c>
      <c r="R3163" s="53">
        <v>15753237807.414499</v>
      </c>
      <c r="S3163" s="53">
        <v>15802178686.0627</v>
      </c>
      <c r="T3163" s="53">
        <v>15872649850.040501</v>
      </c>
      <c r="U3163" s="53">
        <v>15836062117.601101</v>
      </c>
      <c r="V3163" s="53">
        <v>15753519184.6824</v>
      </c>
      <c r="W3163" s="53">
        <v>15681269688.961901</v>
      </c>
      <c r="X3163" s="53">
        <v>15543767601.4305</v>
      </c>
      <c r="Y3163" s="53">
        <v>15560931056.4028</v>
      </c>
      <c r="Z3163" s="53">
        <v>15384435385.6012</v>
      </c>
      <c r="AA3163" s="53">
        <v>15582216969.25</v>
      </c>
      <c r="AB3163" s="53">
        <v>15315882542.998301</v>
      </c>
      <c r="AC3163" s="53">
        <v>15340652406.9545</v>
      </c>
      <c r="AD3163" s="53">
        <v>15260290878.4681</v>
      </c>
      <c r="AE3163" s="53">
        <v>15260242782.709</v>
      </c>
      <c r="AF3163" s="53">
        <v>15284521338.0875</v>
      </c>
      <c r="AG3163" s="53">
        <v>15347196891.787901</v>
      </c>
      <c r="AH3163" s="53">
        <v>15344639984.291401</v>
      </c>
      <c r="AI3163" s="53">
        <v>15297181275.629801</v>
      </c>
      <c r="AJ3163" s="53">
        <v>15374928350.6803</v>
      </c>
      <c r="AK3163" s="53">
        <v>15331574739.025499</v>
      </c>
      <c r="AL3163" s="53">
        <v>15363694355.751499</v>
      </c>
      <c r="AM3163" s="53">
        <v>15185910495.2715</v>
      </c>
      <c r="AN3163" s="53">
        <v>15315882542.998301</v>
      </c>
      <c r="AO3163" s="53">
        <v>15028425305.256399</v>
      </c>
      <c r="AP3163" s="53">
        <v>15083983569.3251</v>
      </c>
      <c r="AQ3163" s="53">
        <v>15106245167.738701</v>
      </c>
      <c r="AR3163" s="53">
        <v>15221837958.959801</v>
      </c>
      <c r="AS3163" s="53">
        <v>15326874756.5341</v>
      </c>
      <c r="AT3163" s="53">
        <v>15468939016.7213</v>
      </c>
      <c r="AU3163" s="53">
        <v>15796508419.9911</v>
      </c>
      <c r="AV3163" s="53">
        <v>15839239972.3316</v>
      </c>
      <c r="AW3163" s="53">
        <v>15934862785.9468</v>
      </c>
      <c r="AX3163" s="53">
        <v>15960563804.056</v>
      </c>
      <c r="AY3163" s="53">
        <v>15993055116.433399</v>
      </c>
      <c r="AZ3163" s="53">
        <v>15797634660.461</v>
      </c>
      <c r="BA3163" s="53">
        <v>15028425305.256399</v>
      </c>
      <c r="BB3163" s="53">
        <v>15847780531.5403</v>
      </c>
      <c r="BC3163" s="53">
        <v>15966715434.801399</v>
      </c>
      <c r="BD3163" s="53">
        <v>15971577915.350201</v>
      </c>
      <c r="BE3163" s="53">
        <v>16070142217.7619</v>
      </c>
      <c r="BF3163" s="53">
        <v>16155231511.3489</v>
      </c>
      <c r="BG3163" s="53">
        <v>16275094990.6222</v>
      </c>
      <c r="BH3163" s="53">
        <v>16627350089.496401</v>
      </c>
      <c r="BI3163" s="53">
        <v>16671996039.3407</v>
      </c>
      <c r="BJ3163" s="53">
        <v>16769538681.2407</v>
      </c>
      <c r="BK3163" s="53">
        <v>16709611595.9314</v>
      </c>
      <c r="BL3163" s="53">
        <v>16744242396.3181</v>
      </c>
      <c r="BM3163" s="53">
        <v>16526755472.5119</v>
      </c>
      <c r="BN3163" s="53">
        <v>15847780531.5403</v>
      </c>
      <c r="BO3163" s="53">
        <v>16604411565.3118</v>
      </c>
      <c r="BP3163" s="53">
        <v>16718640479.7498</v>
      </c>
      <c r="BQ3163" s="53">
        <v>16721065055.1768</v>
      </c>
      <c r="BR3163" s="53">
        <v>16822520584.361099</v>
      </c>
      <c r="BS3163" s="53">
        <v>16906472958.3661</v>
      </c>
      <c r="BT3163" s="53">
        <v>17023734859.274099</v>
      </c>
      <c r="BU3163" s="53">
        <v>17303652128.1203</v>
      </c>
      <c r="BV3163" s="53">
        <v>17366315883.516602</v>
      </c>
      <c r="BW3163" s="53">
        <v>17472537326.461201</v>
      </c>
      <c r="BX3163" s="53">
        <v>17569607760.253101</v>
      </c>
      <c r="BY3163" s="53">
        <v>17607740117.703201</v>
      </c>
      <c r="BZ3163" s="53">
        <v>17377141732.402901</v>
      </c>
      <c r="CA3163" s="53">
        <v>16604411565.3118</v>
      </c>
      <c r="CB3163" s="53"/>
      <c r="CC3163" s="53"/>
      <c r="CD3163" s="53"/>
      <c r="CE3163" s="53"/>
      <c r="CF3163" s="53"/>
      <c r="CG3163" s="53"/>
      <c r="CH3163" s="53"/>
      <c r="CI3163" s="53"/>
      <c r="CJ3163" s="53"/>
      <c r="CK3163" s="53"/>
      <c r="CL3163" s="53"/>
      <c r="CM3163" s="53"/>
      <c r="CN3163" s="53"/>
    </row>
    <row r="3164" spans="1:92" outlineLevel="1">
      <c r="A3164" s="52" t="s">
        <v>699</v>
      </c>
      <c r="B3164" s="53"/>
      <c r="C3164" s="53"/>
      <c r="D3164" s="53"/>
      <c r="E3164" s="53"/>
      <c r="F3164" s="53"/>
      <c r="G3164" s="53"/>
      <c r="H3164" s="53"/>
      <c r="I3164" s="53"/>
      <c r="J3164" s="53"/>
      <c r="K3164" s="53"/>
      <c r="L3164" s="53"/>
      <c r="M3164" s="53"/>
      <c r="N3164" s="53"/>
      <c r="O3164" s="53"/>
      <c r="P3164" s="53"/>
      <c r="Q3164" s="53"/>
      <c r="R3164" s="53"/>
      <c r="S3164" s="53"/>
      <c r="T3164" s="53"/>
      <c r="U3164" s="53"/>
      <c r="V3164" s="53"/>
      <c r="W3164" s="53"/>
      <c r="X3164" s="53"/>
      <c r="Y3164" s="53"/>
      <c r="Z3164" s="53"/>
      <c r="AA3164" s="53"/>
      <c r="AB3164" s="53"/>
      <c r="AC3164" s="53"/>
      <c r="AD3164" s="53"/>
      <c r="AE3164" s="53"/>
      <c r="AF3164" s="53"/>
      <c r="AG3164" s="53"/>
      <c r="AH3164" s="53"/>
      <c r="AI3164" s="53"/>
      <c r="AJ3164" s="53"/>
      <c r="AK3164" s="53"/>
      <c r="AL3164" s="53"/>
      <c r="AM3164" s="53"/>
      <c r="AN3164" s="53"/>
      <c r="AO3164" s="53"/>
      <c r="AP3164" s="53"/>
      <c r="AQ3164" s="53"/>
      <c r="AR3164" s="53"/>
      <c r="AS3164" s="53"/>
      <c r="AT3164" s="53"/>
      <c r="AU3164" s="53"/>
      <c r="AV3164" s="53"/>
      <c r="AW3164" s="53"/>
      <c r="AX3164" s="53"/>
      <c r="AY3164" s="53"/>
      <c r="AZ3164" s="53"/>
      <c r="BA3164" s="53"/>
      <c r="BB3164" s="53"/>
      <c r="BC3164" s="53"/>
      <c r="BD3164" s="53"/>
      <c r="BE3164" s="53"/>
      <c r="BF3164" s="53"/>
      <c r="BG3164" s="53"/>
      <c r="BH3164" s="53"/>
      <c r="BI3164" s="53"/>
      <c r="BJ3164" s="53"/>
      <c r="BK3164" s="53"/>
      <c r="BL3164" s="53"/>
      <c r="BM3164" s="53"/>
      <c r="BN3164" s="53"/>
      <c r="BO3164" s="53"/>
      <c r="BP3164" s="53"/>
      <c r="BQ3164" s="53"/>
      <c r="BR3164" s="53"/>
      <c r="BS3164" s="53"/>
      <c r="BT3164" s="53"/>
      <c r="BU3164" s="53"/>
      <c r="BV3164" s="53"/>
      <c r="BW3164" s="53"/>
      <c r="BX3164" s="53"/>
      <c r="BY3164" s="53"/>
      <c r="BZ3164" s="53"/>
      <c r="CA3164" s="53"/>
      <c r="CB3164" s="53"/>
      <c r="CC3164" s="53"/>
      <c r="CD3164" s="53"/>
      <c r="CE3164" s="53"/>
      <c r="CF3164" s="53"/>
      <c r="CG3164" s="53"/>
      <c r="CH3164" s="53"/>
      <c r="CI3164" s="53"/>
      <c r="CJ3164" s="53"/>
      <c r="CK3164" s="53"/>
      <c r="CL3164" s="53"/>
      <c r="CM3164" s="53"/>
      <c r="CN3164" s="53"/>
    </row>
    <row r="3165" spans="1:92" outlineLevel="1">
      <c r="A3165" s="52" t="s">
        <v>673</v>
      </c>
      <c r="B3165" s="53"/>
      <c r="C3165" s="53"/>
      <c r="D3165" s="53"/>
      <c r="E3165" s="53"/>
      <c r="F3165" s="53"/>
      <c r="G3165" s="53"/>
      <c r="H3165" s="53"/>
      <c r="I3165" s="53"/>
      <c r="J3165" s="53"/>
      <c r="K3165" s="53"/>
      <c r="L3165" s="53"/>
      <c r="M3165" s="53"/>
      <c r="N3165" s="53"/>
      <c r="O3165" s="53"/>
      <c r="P3165" s="53"/>
      <c r="Q3165" s="53"/>
      <c r="R3165" s="53"/>
      <c r="S3165" s="53"/>
      <c r="T3165" s="53"/>
      <c r="U3165" s="53"/>
      <c r="V3165" s="53"/>
      <c r="W3165" s="53"/>
      <c r="X3165" s="53"/>
      <c r="Y3165" s="53"/>
      <c r="Z3165" s="53"/>
      <c r="AA3165" s="53"/>
      <c r="AB3165" s="53"/>
      <c r="AC3165" s="53"/>
      <c r="AD3165" s="53"/>
      <c r="AE3165" s="53"/>
      <c r="AF3165" s="53"/>
      <c r="AG3165" s="53"/>
      <c r="AH3165" s="53"/>
      <c r="AI3165" s="53"/>
      <c r="AJ3165" s="53"/>
      <c r="AK3165" s="53"/>
      <c r="AL3165" s="53"/>
      <c r="AM3165" s="53"/>
      <c r="AN3165" s="53"/>
      <c r="AO3165" s="53"/>
      <c r="AP3165" s="53"/>
      <c r="AQ3165" s="53"/>
      <c r="AR3165" s="53"/>
      <c r="AS3165" s="53"/>
      <c r="AT3165" s="53"/>
      <c r="AU3165" s="53"/>
      <c r="AV3165" s="53"/>
      <c r="AW3165" s="53"/>
      <c r="AX3165" s="53"/>
      <c r="AY3165" s="53"/>
      <c r="AZ3165" s="53"/>
      <c r="BA3165" s="53"/>
      <c r="BB3165" s="53"/>
      <c r="BC3165" s="53"/>
      <c r="BD3165" s="53"/>
      <c r="BE3165" s="53"/>
      <c r="BF3165" s="53"/>
      <c r="BG3165" s="53"/>
      <c r="BH3165" s="53"/>
      <c r="BI3165" s="53"/>
      <c r="BJ3165" s="53"/>
      <c r="BK3165" s="53"/>
      <c r="BL3165" s="53"/>
      <c r="BM3165" s="53"/>
      <c r="BN3165" s="53"/>
      <c r="BO3165" s="53"/>
      <c r="BP3165" s="53"/>
      <c r="BQ3165" s="53"/>
      <c r="BR3165" s="53"/>
      <c r="BS3165" s="53"/>
      <c r="BT3165" s="53"/>
      <c r="BU3165" s="53"/>
      <c r="BV3165" s="53"/>
      <c r="BW3165" s="53"/>
      <c r="BX3165" s="53"/>
      <c r="BY3165" s="53"/>
      <c r="BZ3165" s="53"/>
      <c r="CA3165" s="53"/>
      <c r="CB3165" s="53"/>
      <c r="CC3165" s="53"/>
      <c r="CD3165" s="53"/>
      <c r="CE3165" s="53"/>
      <c r="CF3165" s="53"/>
      <c r="CG3165" s="53"/>
      <c r="CH3165" s="53"/>
      <c r="CI3165" s="53"/>
      <c r="CJ3165" s="53"/>
      <c r="CK3165" s="53"/>
      <c r="CL3165" s="53"/>
      <c r="CM3165" s="53"/>
      <c r="CN3165" s="53"/>
    </row>
    <row r="3166" spans="1:92" outlineLevel="1">
      <c r="A3166" s="52" t="s">
        <v>1520</v>
      </c>
      <c r="B3166" s="53"/>
      <c r="C3166" s="53"/>
      <c r="D3166" s="53"/>
      <c r="E3166" s="53"/>
      <c r="F3166" s="53"/>
      <c r="G3166" s="53"/>
      <c r="H3166" s="53"/>
      <c r="I3166" s="53"/>
      <c r="J3166" s="53"/>
      <c r="K3166" s="53"/>
      <c r="L3166" s="53"/>
      <c r="M3166" s="53"/>
      <c r="N3166" s="53"/>
      <c r="O3166" s="53"/>
      <c r="P3166" s="53"/>
      <c r="Q3166" s="53"/>
      <c r="R3166" s="53"/>
      <c r="S3166" s="53"/>
      <c r="T3166" s="53"/>
      <c r="U3166" s="53"/>
      <c r="V3166" s="53"/>
      <c r="W3166" s="53"/>
      <c r="X3166" s="53"/>
      <c r="Y3166" s="53"/>
      <c r="Z3166" s="53"/>
      <c r="AA3166" s="53"/>
      <c r="AB3166" s="53"/>
      <c r="AC3166" s="53"/>
      <c r="AD3166" s="53"/>
      <c r="AE3166" s="53"/>
      <c r="AF3166" s="53"/>
      <c r="AG3166" s="53"/>
      <c r="AH3166" s="53"/>
      <c r="AI3166" s="53"/>
      <c r="AJ3166" s="53"/>
      <c r="AK3166" s="53"/>
      <c r="AL3166" s="53"/>
      <c r="AM3166" s="53"/>
      <c r="AN3166" s="53"/>
      <c r="AO3166" s="53"/>
      <c r="AP3166" s="53"/>
      <c r="AQ3166" s="53"/>
      <c r="AR3166" s="53"/>
      <c r="AS3166" s="53"/>
      <c r="AT3166" s="53"/>
      <c r="AU3166" s="53"/>
      <c r="AV3166" s="53"/>
      <c r="AW3166" s="53"/>
      <c r="AX3166" s="53"/>
      <c r="AY3166" s="53"/>
      <c r="AZ3166" s="53"/>
      <c r="BA3166" s="53"/>
      <c r="BB3166" s="53"/>
      <c r="BC3166" s="53"/>
      <c r="BD3166" s="53"/>
      <c r="BE3166" s="53"/>
      <c r="BF3166" s="53"/>
      <c r="BG3166" s="53"/>
      <c r="BH3166" s="53"/>
      <c r="BI3166" s="53"/>
      <c r="BJ3166" s="53"/>
      <c r="BK3166" s="53"/>
      <c r="BL3166" s="53"/>
      <c r="BM3166" s="53"/>
      <c r="BN3166" s="53"/>
      <c r="BO3166" s="53"/>
      <c r="BP3166" s="53"/>
      <c r="BQ3166" s="53"/>
      <c r="BR3166" s="53"/>
      <c r="BS3166" s="53"/>
      <c r="BT3166" s="53"/>
      <c r="BU3166" s="53"/>
      <c r="BV3166" s="53"/>
      <c r="BW3166" s="53"/>
      <c r="BX3166" s="53"/>
      <c r="BY3166" s="53"/>
      <c r="BZ3166" s="53"/>
      <c r="CA3166" s="53"/>
      <c r="CB3166" s="53"/>
      <c r="CC3166" s="53"/>
      <c r="CD3166" s="53"/>
      <c r="CE3166" s="53"/>
      <c r="CF3166" s="53"/>
      <c r="CG3166" s="53"/>
      <c r="CH3166" s="53"/>
      <c r="CI3166" s="53"/>
      <c r="CJ3166" s="53"/>
      <c r="CK3166" s="53"/>
      <c r="CL3166" s="53"/>
      <c r="CM3166" s="53"/>
      <c r="CN3166" s="53"/>
    </row>
    <row r="3167" spans="1:92" outlineLevel="1">
      <c r="A3167" s="52" t="s">
        <v>649</v>
      </c>
      <c r="B3167" s="53">
        <v>-49532600</v>
      </c>
      <c r="C3167" s="53">
        <v>-13701929.999999899</v>
      </c>
      <c r="D3167" s="53">
        <v>-21369310</v>
      </c>
      <c r="E3167" s="53">
        <v>-52134260</v>
      </c>
      <c r="F3167" s="53">
        <v>-45052590</v>
      </c>
      <c r="G3167" s="53">
        <v>-44743879.999999903</v>
      </c>
      <c r="H3167" s="53">
        <v>-19071120</v>
      </c>
      <c r="I3167" s="53">
        <v>-20102889.999999899</v>
      </c>
      <c r="J3167" s="53">
        <v>-28170880</v>
      </c>
      <c r="K3167" s="53">
        <v>-18342059.999999899</v>
      </c>
      <c r="L3167" s="53">
        <v>-11259660</v>
      </c>
      <c r="M3167" s="53">
        <v>-112475200</v>
      </c>
      <c r="N3167" s="53">
        <v>-435956380</v>
      </c>
      <c r="O3167" s="53">
        <v>-8142821.3115744004</v>
      </c>
      <c r="P3167" s="53">
        <v>-10542594.613081099</v>
      </c>
      <c r="Q3167" s="53">
        <v>-12382804.366219301</v>
      </c>
      <c r="R3167" s="53">
        <v>-11098361.701905901</v>
      </c>
      <c r="S3167" s="53">
        <v>-11762132.9542941</v>
      </c>
      <c r="T3167" s="53">
        <v>-11477400.705452699</v>
      </c>
      <c r="U3167" s="53">
        <v>-9635670.8464655001</v>
      </c>
      <c r="V3167" s="53">
        <v>-9029064.0355952401</v>
      </c>
      <c r="W3167" s="53">
        <v>-11223658.545841301</v>
      </c>
      <c r="X3167" s="53">
        <v>-13263897.4348695</v>
      </c>
      <c r="Y3167" s="53">
        <v>-12352307.531198099</v>
      </c>
      <c r="Z3167" s="53">
        <v>-10205959.087228499</v>
      </c>
      <c r="AA3167" s="53">
        <v>-131116673.133726</v>
      </c>
      <c r="AB3167" s="53">
        <v>-9804773.6157705802</v>
      </c>
      <c r="AC3167" s="53">
        <v>-11457866.700318901</v>
      </c>
      <c r="AD3167" s="53">
        <v>-12269556.206738301</v>
      </c>
      <c r="AE3167" s="53">
        <v>-12060435.753611101</v>
      </c>
      <c r="AF3167" s="53">
        <v>-11069931.3451088</v>
      </c>
      <c r="AG3167" s="53">
        <v>-11001107.4155141</v>
      </c>
      <c r="AH3167" s="53">
        <v>-11220203.889342999</v>
      </c>
      <c r="AI3167" s="53">
        <v>-11976627.673650401</v>
      </c>
      <c r="AJ3167" s="53">
        <v>-10418595.9307463</v>
      </c>
      <c r="AK3167" s="53">
        <v>-10217570.536063701</v>
      </c>
      <c r="AL3167" s="53">
        <v>-10304266.1630976</v>
      </c>
      <c r="AM3167" s="53">
        <v>-10060591.749775</v>
      </c>
      <c r="AN3167" s="53">
        <v>-131861526.979738</v>
      </c>
      <c r="AO3167" s="53">
        <v>-10271988.5360114</v>
      </c>
      <c r="AP3167" s="53">
        <v>-11260268.9555362</v>
      </c>
      <c r="AQ3167" s="53">
        <v>-11471264.2898903</v>
      </c>
      <c r="AR3167" s="53">
        <v>-11315478.882906999</v>
      </c>
      <c r="AS3167" s="53">
        <v>-10252062.4524568</v>
      </c>
      <c r="AT3167" s="53">
        <v>-10153830.120303901</v>
      </c>
      <c r="AU3167" s="53">
        <v>-10432124.804749301</v>
      </c>
      <c r="AV3167" s="53">
        <v>-11287751.379008001</v>
      </c>
      <c r="AW3167" s="53">
        <v>-9949482.9827644303</v>
      </c>
      <c r="AX3167" s="53">
        <v>-9790420.6641364004</v>
      </c>
      <c r="AY3167" s="53">
        <v>-10141600.451407099</v>
      </c>
      <c r="AZ3167" s="53">
        <v>-9355186.5776413698</v>
      </c>
      <c r="BA3167" s="53">
        <v>-125681460.09681199</v>
      </c>
      <c r="BB3167" s="53">
        <v>-9717895.3637301996</v>
      </c>
      <c r="BC3167" s="53">
        <v>-10706400.1599728</v>
      </c>
      <c r="BD3167" s="53">
        <v>-10917200.7646276</v>
      </c>
      <c r="BE3167" s="53">
        <v>-10761343.194166301</v>
      </c>
      <c r="BF3167" s="53">
        <v>-9697937.8399923593</v>
      </c>
      <c r="BG3167" s="53">
        <v>-9599833.4168414008</v>
      </c>
      <c r="BH3167" s="53">
        <v>-9878150.8865057696</v>
      </c>
      <c r="BI3167" s="53">
        <v>-10733979.9137883</v>
      </c>
      <c r="BJ3167" s="53">
        <v>-9395379.2524781693</v>
      </c>
      <c r="BK3167" s="53">
        <v>-9236278.0370073505</v>
      </c>
      <c r="BL3167" s="53">
        <v>-9587493.2421651501</v>
      </c>
      <c r="BM3167" s="53">
        <v>-8801018.5987963006</v>
      </c>
      <c r="BN3167" s="53">
        <v>-119032910.67007101</v>
      </c>
      <c r="BO3167" s="53">
        <v>-9971080.1865897309</v>
      </c>
      <c r="BP3167" s="53">
        <v>-10966796.9221568</v>
      </c>
      <c r="BQ3167" s="53">
        <v>-11171338.5049794</v>
      </c>
      <c r="BR3167" s="53">
        <v>-11013161.4486541</v>
      </c>
      <c r="BS3167" s="53">
        <v>-9950112.1092787795</v>
      </c>
      <c r="BT3167" s="53">
        <v>-9856118.9503013194</v>
      </c>
      <c r="BU3167" s="53">
        <v>-10135168.7847954</v>
      </c>
      <c r="BV3167" s="53">
        <v>-10997505.077798501</v>
      </c>
      <c r="BW3167" s="53">
        <v>-9648224.7188650705</v>
      </c>
      <c r="BX3167" s="53">
        <v>-9487873.2771101091</v>
      </c>
      <c r="BY3167" s="53">
        <v>-9840226.8876015507</v>
      </c>
      <c r="BZ3167" s="53">
        <v>-9051798.4097553305</v>
      </c>
      <c r="CA3167" s="53">
        <v>-122089405.277886</v>
      </c>
      <c r="CB3167" s="53"/>
      <c r="CC3167" s="53"/>
      <c r="CD3167" s="53"/>
      <c r="CE3167" s="53"/>
      <c r="CF3167" s="53"/>
      <c r="CG3167" s="53"/>
      <c r="CH3167" s="53"/>
      <c r="CI3167" s="53"/>
      <c r="CJ3167" s="53"/>
      <c r="CK3167" s="53"/>
      <c r="CL3167" s="53"/>
      <c r="CM3167" s="53"/>
      <c r="CN3167" s="53"/>
    </row>
    <row r="3168" spans="1:92" outlineLevel="1">
      <c r="A3168" s="52" t="s">
        <v>1249</v>
      </c>
      <c r="B3168" s="53">
        <v>-49532600</v>
      </c>
      <c r="C3168" s="53">
        <v>-13701929.999999899</v>
      </c>
      <c r="D3168" s="53">
        <v>-21369310</v>
      </c>
      <c r="E3168" s="53">
        <v>-52134260</v>
      </c>
      <c r="F3168" s="53">
        <v>-45052590</v>
      </c>
      <c r="G3168" s="53">
        <v>-44743879.999999903</v>
      </c>
      <c r="H3168" s="53">
        <v>-19071120</v>
      </c>
      <c r="I3168" s="53">
        <v>-20102889.999999899</v>
      </c>
      <c r="J3168" s="53">
        <v>-28170880</v>
      </c>
      <c r="K3168" s="53">
        <v>-18342059.999999899</v>
      </c>
      <c r="L3168" s="53">
        <v>-11259660</v>
      </c>
      <c r="M3168" s="53">
        <v>-112475200</v>
      </c>
      <c r="N3168" s="53">
        <v>-435956380</v>
      </c>
      <c r="O3168" s="53">
        <v>-8142821.3115744004</v>
      </c>
      <c r="P3168" s="53">
        <v>-10542594.613081099</v>
      </c>
      <c r="Q3168" s="53">
        <v>-12382804.366219301</v>
      </c>
      <c r="R3168" s="53">
        <v>-11098361.701905901</v>
      </c>
      <c r="S3168" s="53">
        <v>-11762132.9542941</v>
      </c>
      <c r="T3168" s="53">
        <v>-11477400.705452699</v>
      </c>
      <c r="U3168" s="53">
        <v>-9635670.8464655001</v>
      </c>
      <c r="V3168" s="53">
        <v>-9029064.0355952401</v>
      </c>
      <c r="W3168" s="53">
        <v>-11223658.545841301</v>
      </c>
      <c r="X3168" s="53">
        <v>-13263897.4348695</v>
      </c>
      <c r="Y3168" s="53">
        <v>-12352307.531198099</v>
      </c>
      <c r="Z3168" s="53">
        <v>-10205959.087228499</v>
      </c>
      <c r="AA3168" s="53">
        <v>-131116673.133726</v>
      </c>
      <c r="AB3168" s="53">
        <v>-9804773.6157705802</v>
      </c>
      <c r="AC3168" s="53">
        <v>-11457866.700318901</v>
      </c>
      <c r="AD3168" s="53">
        <v>-12269556.206738301</v>
      </c>
      <c r="AE3168" s="53">
        <v>-12060435.753611101</v>
      </c>
      <c r="AF3168" s="53">
        <v>-11069931.3451088</v>
      </c>
      <c r="AG3168" s="53">
        <v>-11001107.4155141</v>
      </c>
      <c r="AH3168" s="53">
        <v>-11220203.889342999</v>
      </c>
      <c r="AI3168" s="53">
        <v>-11976627.673650401</v>
      </c>
      <c r="AJ3168" s="53">
        <v>-10418595.9307463</v>
      </c>
      <c r="AK3168" s="53">
        <v>-10217570.536063701</v>
      </c>
      <c r="AL3168" s="53">
        <v>-10304266.1630976</v>
      </c>
      <c r="AM3168" s="53">
        <v>-10060591.749775</v>
      </c>
      <c r="AN3168" s="53">
        <v>-131861526.979738</v>
      </c>
      <c r="AO3168" s="53">
        <v>-10271988.5360114</v>
      </c>
      <c r="AP3168" s="53">
        <v>-11260268.9555362</v>
      </c>
      <c r="AQ3168" s="53">
        <v>-11471264.2898903</v>
      </c>
      <c r="AR3168" s="53">
        <v>-11315478.882906999</v>
      </c>
      <c r="AS3168" s="53">
        <v>-10252062.4524568</v>
      </c>
      <c r="AT3168" s="53">
        <v>-10153830.120303901</v>
      </c>
      <c r="AU3168" s="53">
        <v>-10432124.804749301</v>
      </c>
      <c r="AV3168" s="53">
        <v>-11287751.379008001</v>
      </c>
      <c r="AW3168" s="53">
        <v>-9949482.9827644303</v>
      </c>
      <c r="AX3168" s="53">
        <v>-9790420.6641364004</v>
      </c>
      <c r="AY3168" s="53">
        <v>-10141600.451407099</v>
      </c>
      <c r="AZ3168" s="53">
        <v>-9355186.5776413698</v>
      </c>
      <c r="BA3168" s="53">
        <v>-125681460.09681199</v>
      </c>
      <c r="BB3168" s="53">
        <v>-9717895.3637301996</v>
      </c>
      <c r="BC3168" s="53">
        <v>-10706400.1599728</v>
      </c>
      <c r="BD3168" s="53">
        <v>-10917200.7646276</v>
      </c>
      <c r="BE3168" s="53">
        <v>-10761343.194166301</v>
      </c>
      <c r="BF3168" s="53">
        <v>-9697937.8399923593</v>
      </c>
      <c r="BG3168" s="53">
        <v>-9599833.4168414008</v>
      </c>
      <c r="BH3168" s="53">
        <v>-9878150.8865057696</v>
      </c>
      <c r="BI3168" s="53">
        <v>-10733979.9137883</v>
      </c>
      <c r="BJ3168" s="53">
        <v>-9395379.2524781693</v>
      </c>
      <c r="BK3168" s="53">
        <v>-9236278.0370073505</v>
      </c>
      <c r="BL3168" s="53">
        <v>-9587493.2421651501</v>
      </c>
      <c r="BM3168" s="53">
        <v>-8801018.5987963006</v>
      </c>
      <c r="BN3168" s="53">
        <v>-119032910.67007101</v>
      </c>
      <c r="BO3168" s="53">
        <v>-9971080.1865897309</v>
      </c>
      <c r="BP3168" s="53">
        <v>-10966796.9221568</v>
      </c>
      <c r="BQ3168" s="53">
        <v>-11171338.5049794</v>
      </c>
      <c r="BR3168" s="53">
        <v>-11013161.4486541</v>
      </c>
      <c r="BS3168" s="53">
        <v>-9950112.1092787795</v>
      </c>
      <c r="BT3168" s="53">
        <v>-9856118.9503013194</v>
      </c>
      <c r="BU3168" s="53">
        <v>-10135168.7847954</v>
      </c>
      <c r="BV3168" s="53">
        <v>-10997505.077798501</v>
      </c>
      <c r="BW3168" s="53">
        <v>-9648224.7188650705</v>
      </c>
      <c r="BX3168" s="53">
        <v>-9487873.2771101091</v>
      </c>
      <c r="BY3168" s="53">
        <v>-9840226.8876015507</v>
      </c>
      <c r="BZ3168" s="53">
        <v>-9051798.4097553305</v>
      </c>
      <c r="CA3168" s="53">
        <v>-122089405.277886</v>
      </c>
      <c r="CB3168" s="53"/>
      <c r="CC3168" s="53"/>
      <c r="CD3168" s="53"/>
      <c r="CE3168" s="53"/>
      <c r="CF3168" s="53"/>
      <c r="CG3168" s="53"/>
      <c r="CH3168" s="53"/>
      <c r="CI3168" s="53"/>
      <c r="CJ3168" s="53"/>
      <c r="CK3168" s="53"/>
      <c r="CL3168" s="53"/>
      <c r="CM3168" s="53"/>
      <c r="CN3168" s="53"/>
    </row>
    <row r="3169" spans="1:92" outlineLevel="1">
      <c r="A3169" s="52" t="s">
        <v>750</v>
      </c>
      <c r="B3169" s="53"/>
      <c r="C3169" s="53"/>
      <c r="D3169" s="53"/>
      <c r="E3169" s="53"/>
      <c r="F3169" s="53"/>
      <c r="G3169" s="53"/>
      <c r="H3169" s="53"/>
      <c r="I3169" s="53"/>
      <c r="J3169" s="53"/>
      <c r="K3169" s="53"/>
      <c r="L3169" s="53"/>
      <c r="M3169" s="53"/>
      <c r="N3169" s="53"/>
      <c r="O3169" s="53"/>
      <c r="P3169" s="53"/>
      <c r="Q3169" s="53"/>
      <c r="R3169" s="53"/>
      <c r="S3169" s="53"/>
      <c r="T3169" s="53"/>
      <c r="U3169" s="53"/>
      <c r="V3169" s="53"/>
      <c r="W3169" s="53"/>
      <c r="X3169" s="53"/>
      <c r="Y3169" s="53"/>
      <c r="Z3169" s="53"/>
      <c r="AA3169" s="53"/>
      <c r="AB3169" s="53"/>
      <c r="AC3169" s="53"/>
      <c r="AD3169" s="53"/>
      <c r="AE3169" s="53"/>
      <c r="AF3169" s="53"/>
      <c r="AG3169" s="53"/>
      <c r="AH3169" s="53"/>
      <c r="AI3169" s="53"/>
      <c r="AJ3169" s="53"/>
      <c r="AK3169" s="53"/>
      <c r="AL3169" s="53"/>
      <c r="AM3169" s="53"/>
      <c r="AN3169" s="53"/>
      <c r="AO3169" s="53"/>
      <c r="AP3169" s="53"/>
      <c r="AQ3169" s="53"/>
      <c r="AR3169" s="53"/>
      <c r="AS3169" s="53"/>
      <c r="AT3169" s="53"/>
      <c r="AU3169" s="53"/>
      <c r="AV3169" s="53"/>
      <c r="AW3169" s="53"/>
      <c r="AX3169" s="53"/>
      <c r="AY3169" s="53"/>
      <c r="AZ3169" s="53"/>
      <c r="BA3169" s="53"/>
      <c r="BB3169" s="53"/>
      <c r="BC3169" s="53"/>
      <c r="BD3169" s="53"/>
      <c r="BE3169" s="53"/>
      <c r="BF3169" s="53"/>
      <c r="BG3169" s="53"/>
      <c r="BH3169" s="53"/>
      <c r="BI3169" s="53"/>
      <c r="BJ3169" s="53"/>
      <c r="BK3169" s="53"/>
      <c r="BL3169" s="53"/>
      <c r="BM3169" s="53"/>
      <c r="BN3169" s="53"/>
      <c r="BO3169" s="53"/>
      <c r="BP3169" s="53"/>
      <c r="BQ3169" s="53"/>
      <c r="BR3169" s="53"/>
      <c r="BS3169" s="53"/>
      <c r="BT3169" s="53"/>
      <c r="BU3169" s="53"/>
      <c r="BV3169" s="53"/>
      <c r="BW3169" s="53"/>
      <c r="BX3169" s="53"/>
      <c r="BY3169" s="53"/>
      <c r="BZ3169" s="53"/>
      <c r="CA3169" s="53"/>
      <c r="CB3169" s="53">
        <v>73763562.860886693</v>
      </c>
      <c r="CC3169" s="53">
        <v>71377432.787087694</v>
      </c>
      <c r="CD3169" s="53">
        <v>69962732.788743198</v>
      </c>
      <c r="CE3169" s="53">
        <v>69540890.719711795</v>
      </c>
      <c r="CF3169" s="53">
        <v>71137185.708402604</v>
      </c>
      <c r="CG3169" s="53">
        <v>71099360.291769102</v>
      </c>
      <c r="CH3169" s="53">
        <v>72134466.826777801</v>
      </c>
      <c r="CI3169" s="53">
        <v>73201934.520550802</v>
      </c>
      <c r="CJ3169" s="53">
        <v>75741648.421079397</v>
      </c>
      <c r="CK3169" s="53">
        <v>77129666.9464885</v>
      </c>
      <c r="CL3169" s="53">
        <v>75604352.140295997</v>
      </c>
      <c r="CM3169" s="53">
        <v>74473663.980999902</v>
      </c>
      <c r="CN3169" s="53">
        <v>74473663.980999902</v>
      </c>
    </row>
    <row r="3170" spans="1:92" outlineLevel="1">
      <c r="A3170" s="52" t="s">
        <v>1385</v>
      </c>
      <c r="B3170" s="53"/>
      <c r="C3170" s="53"/>
      <c r="D3170" s="53"/>
      <c r="E3170" s="53"/>
      <c r="F3170" s="53"/>
      <c r="G3170" s="53"/>
      <c r="H3170" s="53"/>
      <c r="I3170" s="53"/>
      <c r="J3170" s="53"/>
      <c r="K3170" s="53"/>
      <c r="L3170" s="53"/>
      <c r="M3170" s="53"/>
      <c r="N3170" s="53"/>
      <c r="O3170" s="53"/>
      <c r="P3170" s="53"/>
      <c r="Q3170" s="53"/>
      <c r="R3170" s="53"/>
      <c r="S3170" s="53"/>
      <c r="T3170" s="53"/>
      <c r="U3170" s="53"/>
      <c r="V3170" s="53"/>
      <c r="W3170" s="53"/>
      <c r="X3170" s="53"/>
      <c r="Y3170" s="53"/>
      <c r="Z3170" s="53"/>
      <c r="AA3170" s="53"/>
      <c r="AB3170" s="53"/>
      <c r="AC3170" s="53"/>
      <c r="AD3170" s="53"/>
      <c r="AE3170" s="53"/>
      <c r="AF3170" s="53"/>
      <c r="AG3170" s="53"/>
      <c r="AH3170" s="53"/>
      <c r="AI3170" s="53"/>
      <c r="AJ3170" s="53"/>
      <c r="AK3170" s="53"/>
      <c r="AL3170" s="53"/>
      <c r="AM3170" s="53"/>
      <c r="AN3170" s="53"/>
      <c r="AO3170" s="53"/>
      <c r="AP3170" s="53"/>
      <c r="AQ3170" s="53"/>
      <c r="AR3170" s="53"/>
      <c r="AS3170" s="53"/>
      <c r="AT3170" s="53"/>
      <c r="AU3170" s="53"/>
      <c r="AV3170" s="53"/>
      <c r="AW3170" s="53"/>
      <c r="AX3170" s="53"/>
      <c r="AY3170" s="53"/>
      <c r="AZ3170" s="53"/>
      <c r="BA3170" s="53"/>
      <c r="BB3170" s="53"/>
      <c r="BC3170" s="53"/>
      <c r="BD3170" s="53"/>
      <c r="BE3170" s="53"/>
      <c r="BF3170" s="53"/>
      <c r="BG3170" s="53"/>
      <c r="BH3170" s="53"/>
      <c r="BI3170" s="53"/>
      <c r="BJ3170" s="53"/>
      <c r="BK3170" s="53"/>
      <c r="BL3170" s="53"/>
      <c r="BM3170" s="53"/>
      <c r="BN3170" s="53"/>
      <c r="BO3170" s="53"/>
      <c r="BP3170" s="53"/>
      <c r="BQ3170" s="53"/>
      <c r="BR3170" s="53"/>
      <c r="BS3170" s="53"/>
      <c r="BT3170" s="53"/>
      <c r="BU3170" s="53"/>
      <c r="BV3170" s="53"/>
      <c r="BW3170" s="53"/>
      <c r="BX3170" s="53"/>
      <c r="BY3170" s="53"/>
      <c r="BZ3170" s="53"/>
      <c r="CA3170" s="53"/>
      <c r="CB3170" s="53">
        <v>3817386540.8687201</v>
      </c>
      <c r="CC3170" s="53">
        <v>3819036379.9511299</v>
      </c>
      <c r="CD3170" s="53">
        <v>3818646409.3724298</v>
      </c>
      <c r="CE3170" s="53">
        <v>3818051187.6481299</v>
      </c>
      <c r="CF3170" s="53">
        <v>3818087211.9117298</v>
      </c>
      <c r="CG3170" s="53">
        <v>3817434000.2444501</v>
      </c>
      <c r="CH3170" s="53">
        <v>3816637972.5963101</v>
      </c>
      <c r="CI3170" s="53">
        <v>3814938080.5269499</v>
      </c>
      <c r="CJ3170" s="53">
        <v>3813970868.7227602</v>
      </c>
      <c r="CK3170" s="53">
        <v>3815150621.8919702</v>
      </c>
      <c r="CL3170" s="53">
        <v>3815127679.2508001</v>
      </c>
      <c r="CM3170" s="53">
        <v>3814599732.22401</v>
      </c>
      <c r="CN3170" s="53">
        <v>3817386540.8687201</v>
      </c>
    </row>
    <row r="3171" spans="1:92" outlineLevel="1">
      <c r="A3171" s="52" t="s">
        <v>649</v>
      </c>
      <c r="B3171" s="53">
        <v>-109280</v>
      </c>
      <c r="C3171" s="53">
        <v>-109280</v>
      </c>
      <c r="D3171" s="53">
        <v>-109280</v>
      </c>
      <c r="E3171" s="53">
        <v>-109280</v>
      </c>
      <c r="F3171" s="53">
        <v>-109280</v>
      </c>
      <c r="G3171" s="53">
        <v>-109280</v>
      </c>
      <c r="H3171" s="53">
        <v>-109280</v>
      </c>
      <c r="I3171" s="53">
        <v>-109280</v>
      </c>
      <c r="J3171" s="53">
        <v>-109280</v>
      </c>
      <c r="K3171" s="53">
        <v>-89940</v>
      </c>
      <c r="L3171" s="53">
        <v>-89940</v>
      </c>
      <c r="M3171" s="53">
        <v>-89940</v>
      </c>
      <c r="N3171" s="53">
        <v>-1253340</v>
      </c>
      <c r="O3171" s="53">
        <v>-89948.085988144201</v>
      </c>
      <c r="P3171" s="53">
        <v>-89948.085988144201</v>
      </c>
      <c r="Q3171" s="53">
        <v>-89948.085988144201</v>
      </c>
      <c r="R3171" s="53">
        <v>-89948.085988144201</v>
      </c>
      <c r="S3171" s="53">
        <v>-89948.085988144201</v>
      </c>
      <c r="T3171" s="53">
        <v>-89948.085988144201</v>
      </c>
      <c r="U3171" s="53">
        <v>-89948.085988144201</v>
      </c>
      <c r="V3171" s="53">
        <v>-89948.085988144201</v>
      </c>
      <c r="W3171" s="53">
        <v>-89948.085988144201</v>
      </c>
      <c r="X3171" s="53">
        <v>-89948.085988144201</v>
      </c>
      <c r="Y3171" s="53">
        <v>-89948.085988144201</v>
      </c>
      <c r="Z3171" s="53">
        <v>-89948.085988144303</v>
      </c>
      <c r="AA3171" s="53">
        <v>-1079377.0318577299</v>
      </c>
      <c r="AB3171" s="53">
        <v>-89948.085988144201</v>
      </c>
      <c r="AC3171" s="53">
        <v>-89948.085988144201</v>
      </c>
      <c r="AD3171" s="53">
        <v>-89948.085988144201</v>
      </c>
      <c r="AE3171" s="53">
        <v>-89948.085988144303</v>
      </c>
      <c r="AF3171" s="53">
        <v>-89948.085988144303</v>
      </c>
      <c r="AG3171" s="53">
        <v>-89948.085988144303</v>
      </c>
      <c r="AH3171" s="53">
        <v>-89948.085988144303</v>
      </c>
      <c r="AI3171" s="53">
        <v>-89948.085988144303</v>
      </c>
      <c r="AJ3171" s="53">
        <v>-89948.085988144303</v>
      </c>
      <c r="AK3171" s="53">
        <v>-89948.085988144201</v>
      </c>
      <c r="AL3171" s="53">
        <v>-89948.085988144201</v>
      </c>
      <c r="AM3171" s="53">
        <v>-89948.085988144099</v>
      </c>
      <c r="AN3171" s="53">
        <v>-1079377.0318577299</v>
      </c>
      <c r="AO3171" s="53">
        <v>-79794.752654810902</v>
      </c>
      <c r="AP3171" s="53">
        <v>-79794.752654810902</v>
      </c>
      <c r="AQ3171" s="53">
        <v>-79794.752654810902</v>
      </c>
      <c r="AR3171" s="53">
        <v>-79794.752654810902</v>
      </c>
      <c r="AS3171" s="53">
        <v>-79794.752654810902</v>
      </c>
      <c r="AT3171" s="53">
        <v>-79794.752654810902</v>
      </c>
      <c r="AU3171" s="53">
        <v>-79794.752654810902</v>
      </c>
      <c r="AV3171" s="53">
        <v>-79794.752654810902</v>
      </c>
      <c r="AW3171" s="53">
        <v>-79794.752654810902</v>
      </c>
      <c r="AX3171" s="53">
        <v>-79794.752654810902</v>
      </c>
      <c r="AY3171" s="53">
        <v>-79794.752654810902</v>
      </c>
      <c r="AZ3171" s="53">
        <v>-79794.752654810902</v>
      </c>
      <c r="BA3171" s="53">
        <v>-957537.03185773105</v>
      </c>
      <c r="BB3171" s="53">
        <v>-79794.752654810902</v>
      </c>
      <c r="BC3171" s="53">
        <v>-79794.752654810902</v>
      </c>
      <c r="BD3171" s="53">
        <v>-79794.752654810902</v>
      </c>
      <c r="BE3171" s="53">
        <v>-79794.752654810902</v>
      </c>
      <c r="BF3171" s="53">
        <v>-79794.752654810902</v>
      </c>
      <c r="BG3171" s="53">
        <v>-79794.752654810902</v>
      </c>
      <c r="BH3171" s="53">
        <v>-79794.752654810902</v>
      </c>
      <c r="BI3171" s="53">
        <v>-79794.752654810902</v>
      </c>
      <c r="BJ3171" s="53">
        <v>-79794.752654810902</v>
      </c>
      <c r="BK3171" s="53">
        <v>-79794.752654810902</v>
      </c>
      <c r="BL3171" s="53">
        <v>-79794.752654810902</v>
      </c>
      <c r="BM3171" s="53">
        <v>-79794.752654810902</v>
      </c>
      <c r="BN3171" s="53">
        <v>-957537.03185773105</v>
      </c>
      <c r="BO3171" s="53">
        <v>-79794.752654810902</v>
      </c>
      <c r="BP3171" s="53">
        <v>-79794.752654810902</v>
      </c>
      <c r="BQ3171" s="53">
        <v>-79794.752654810902</v>
      </c>
      <c r="BR3171" s="53">
        <v>-79794.752654810902</v>
      </c>
      <c r="BS3171" s="53">
        <v>-79794.752654810902</v>
      </c>
      <c r="BT3171" s="53">
        <v>-79794.752654810902</v>
      </c>
      <c r="BU3171" s="53">
        <v>-79794.752654810902</v>
      </c>
      <c r="BV3171" s="53">
        <v>-79794.752654810902</v>
      </c>
      <c r="BW3171" s="53">
        <v>-79794.752654810902</v>
      </c>
      <c r="BX3171" s="53">
        <v>-79794.752654810902</v>
      </c>
      <c r="BY3171" s="53">
        <v>-79794.752654810902</v>
      </c>
      <c r="BZ3171" s="53">
        <v>-79794.752654810902</v>
      </c>
      <c r="CA3171" s="53">
        <v>-957537.03185773105</v>
      </c>
      <c r="CB3171" s="53"/>
      <c r="CC3171" s="53"/>
      <c r="CD3171" s="53"/>
      <c r="CE3171" s="53"/>
      <c r="CF3171" s="53"/>
      <c r="CG3171" s="53"/>
      <c r="CH3171" s="53"/>
      <c r="CI3171" s="53"/>
      <c r="CJ3171" s="53"/>
      <c r="CK3171" s="53"/>
      <c r="CL3171" s="53"/>
      <c r="CM3171" s="53"/>
      <c r="CN3171" s="53"/>
    </row>
    <row r="3172" spans="1:92" outlineLevel="1">
      <c r="A3172" s="52" t="s">
        <v>755</v>
      </c>
      <c r="B3172" s="53"/>
      <c r="C3172" s="53"/>
      <c r="D3172" s="53"/>
      <c r="E3172" s="53"/>
      <c r="F3172" s="53"/>
      <c r="G3172" s="53"/>
      <c r="H3172" s="53"/>
      <c r="I3172" s="53"/>
      <c r="J3172" s="53"/>
      <c r="K3172" s="53"/>
      <c r="L3172" s="53"/>
      <c r="M3172" s="53"/>
      <c r="N3172" s="53"/>
      <c r="O3172" s="53"/>
      <c r="P3172" s="53"/>
      <c r="Q3172" s="53"/>
      <c r="R3172" s="53"/>
      <c r="S3172" s="53"/>
      <c r="T3172" s="53"/>
      <c r="U3172" s="53"/>
      <c r="V3172" s="53"/>
      <c r="W3172" s="53"/>
      <c r="X3172" s="53"/>
      <c r="Y3172" s="53"/>
      <c r="Z3172" s="53"/>
      <c r="AA3172" s="53"/>
      <c r="AB3172" s="53"/>
      <c r="AC3172" s="53"/>
      <c r="AD3172" s="53"/>
      <c r="AE3172" s="53"/>
      <c r="AF3172" s="53"/>
      <c r="AG3172" s="53"/>
      <c r="AH3172" s="53"/>
      <c r="AI3172" s="53"/>
      <c r="AJ3172" s="53"/>
      <c r="AK3172" s="53"/>
      <c r="AL3172" s="53"/>
      <c r="AM3172" s="53"/>
      <c r="AN3172" s="53"/>
      <c r="AO3172" s="53"/>
      <c r="AP3172" s="53"/>
      <c r="AQ3172" s="53"/>
      <c r="AR3172" s="53"/>
      <c r="AS3172" s="53"/>
      <c r="AT3172" s="53"/>
      <c r="AU3172" s="53"/>
      <c r="AV3172" s="53"/>
      <c r="AW3172" s="53"/>
      <c r="AX3172" s="53"/>
      <c r="AY3172" s="53"/>
      <c r="AZ3172" s="53"/>
      <c r="BA3172" s="53"/>
      <c r="BB3172" s="53"/>
      <c r="BC3172" s="53"/>
      <c r="BD3172" s="53"/>
      <c r="BE3172" s="53"/>
      <c r="BF3172" s="53"/>
      <c r="BG3172" s="53"/>
      <c r="BH3172" s="53"/>
      <c r="BI3172" s="53"/>
      <c r="BJ3172" s="53"/>
      <c r="BK3172" s="53"/>
      <c r="BL3172" s="53"/>
      <c r="BM3172" s="53"/>
      <c r="BN3172" s="53"/>
      <c r="BO3172" s="53"/>
      <c r="BP3172" s="53"/>
      <c r="BQ3172" s="53"/>
      <c r="BR3172" s="53"/>
      <c r="BS3172" s="53"/>
      <c r="BT3172" s="53"/>
      <c r="BU3172" s="53"/>
      <c r="BV3172" s="53"/>
      <c r="BW3172" s="53"/>
      <c r="BX3172" s="53"/>
      <c r="BY3172" s="53"/>
      <c r="BZ3172" s="53"/>
      <c r="CA3172" s="53"/>
      <c r="CB3172" s="53"/>
      <c r="CC3172" s="53"/>
      <c r="CD3172" s="53"/>
      <c r="CE3172" s="53"/>
      <c r="CF3172" s="53"/>
      <c r="CG3172" s="53"/>
      <c r="CH3172" s="53"/>
      <c r="CI3172" s="53"/>
      <c r="CJ3172" s="53"/>
      <c r="CK3172" s="53"/>
      <c r="CL3172" s="53"/>
      <c r="CM3172" s="53"/>
      <c r="CN3172" s="53"/>
    </row>
    <row r="3173" spans="1:92" outlineLevel="1">
      <c r="A3173" s="52" t="s">
        <v>1555</v>
      </c>
      <c r="B3173" s="53"/>
      <c r="C3173" s="53"/>
      <c r="D3173" s="53"/>
      <c r="E3173" s="53"/>
      <c r="F3173" s="53"/>
      <c r="G3173" s="53"/>
      <c r="H3173" s="53"/>
      <c r="I3173" s="53"/>
      <c r="J3173" s="53"/>
      <c r="K3173" s="53"/>
      <c r="L3173" s="53"/>
      <c r="M3173" s="53"/>
      <c r="N3173" s="53"/>
      <c r="O3173" s="53"/>
      <c r="P3173" s="53"/>
      <c r="Q3173" s="53"/>
      <c r="R3173" s="53"/>
      <c r="S3173" s="53"/>
      <c r="T3173" s="53"/>
      <c r="U3173" s="53"/>
      <c r="V3173" s="53"/>
      <c r="W3173" s="53"/>
      <c r="X3173" s="53"/>
      <c r="Y3173" s="53"/>
      <c r="Z3173" s="53"/>
      <c r="AA3173" s="53"/>
      <c r="AB3173" s="53"/>
      <c r="AC3173" s="53"/>
      <c r="AD3173" s="53"/>
      <c r="AE3173" s="53"/>
      <c r="AF3173" s="53"/>
      <c r="AG3173" s="53"/>
      <c r="AH3173" s="53"/>
      <c r="AI3173" s="53"/>
      <c r="AJ3173" s="53"/>
      <c r="AK3173" s="53"/>
      <c r="AL3173" s="53"/>
      <c r="AM3173" s="53"/>
      <c r="AN3173" s="53"/>
      <c r="AO3173" s="53"/>
      <c r="AP3173" s="53"/>
      <c r="AQ3173" s="53"/>
      <c r="AR3173" s="53"/>
      <c r="AS3173" s="53"/>
      <c r="AT3173" s="53"/>
      <c r="AU3173" s="53"/>
      <c r="AV3173" s="53"/>
      <c r="AW3173" s="53"/>
      <c r="AX3173" s="53"/>
      <c r="AY3173" s="53"/>
      <c r="AZ3173" s="53"/>
      <c r="BA3173" s="53"/>
      <c r="BB3173" s="53"/>
      <c r="BC3173" s="53"/>
      <c r="BD3173" s="53"/>
      <c r="BE3173" s="53"/>
      <c r="BF3173" s="53"/>
      <c r="BG3173" s="53"/>
      <c r="BH3173" s="53"/>
      <c r="BI3173" s="53"/>
      <c r="BJ3173" s="53"/>
      <c r="BK3173" s="53"/>
      <c r="BL3173" s="53"/>
      <c r="BM3173" s="53"/>
      <c r="BN3173" s="53"/>
      <c r="BO3173" s="53"/>
      <c r="BP3173" s="53"/>
      <c r="BQ3173" s="53"/>
      <c r="BR3173" s="53"/>
      <c r="BS3173" s="53"/>
      <c r="BT3173" s="53"/>
      <c r="BU3173" s="53"/>
      <c r="BV3173" s="53"/>
      <c r="BW3173" s="53"/>
      <c r="BX3173" s="53"/>
      <c r="BY3173" s="53"/>
      <c r="BZ3173" s="53"/>
      <c r="CA3173" s="53"/>
      <c r="CB3173" s="53"/>
      <c r="CC3173" s="53"/>
      <c r="CD3173" s="53"/>
      <c r="CE3173" s="53"/>
      <c r="CF3173" s="53"/>
      <c r="CG3173" s="53"/>
      <c r="CH3173" s="53"/>
      <c r="CI3173" s="53"/>
      <c r="CJ3173" s="53"/>
      <c r="CK3173" s="53"/>
      <c r="CL3173" s="53"/>
      <c r="CM3173" s="53"/>
      <c r="CN3173" s="53"/>
    </row>
    <row r="3174" spans="1:92" outlineLevel="1">
      <c r="A3174" s="52" t="s">
        <v>757</v>
      </c>
      <c r="B3174" s="53"/>
      <c r="C3174" s="53"/>
      <c r="D3174" s="53"/>
      <c r="E3174" s="53"/>
      <c r="F3174" s="53"/>
      <c r="G3174" s="53"/>
      <c r="H3174" s="53"/>
      <c r="I3174" s="53"/>
      <c r="J3174" s="53"/>
      <c r="K3174" s="53"/>
      <c r="L3174" s="53">
        <v>-164266484</v>
      </c>
      <c r="M3174" s="53"/>
      <c r="N3174" s="53">
        <v>-164266484</v>
      </c>
      <c r="O3174" s="53"/>
      <c r="P3174" s="53"/>
      <c r="Q3174" s="53"/>
      <c r="R3174" s="53"/>
      <c r="S3174" s="53"/>
      <c r="T3174" s="53"/>
      <c r="U3174" s="53"/>
      <c r="V3174" s="53"/>
      <c r="W3174" s="53"/>
      <c r="X3174" s="53"/>
      <c r="Y3174" s="53">
        <v>-169521267.05250299</v>
      </c>
      <c r="Z3174" s="53"/>
      <c r="AA3174" s="53">
        <v>-169521267.05250299</v>
      </c>
      <c r="AB3174" s="53"/>
      <c r="AC3174" s="53"/>
      <c r="AD3174" s="53"/>
      <c r="AE3174" s="53"/>
      <c r="AF3174" s="53"/>
      <c r="AG3174" s="53"/>
      <c r="AH3174" s="53"/>
      <c r="AI3174" s="53"/>
      <c r="AJ3174" s="53"/>
      <c r="AK3174" s="53"/>
      <c r="AL3174" s="53">
        <v>-187117307.36951599</v>
      </c>
      <c r="AM3174" s="53"/>
      <c r="AN3174" s="53">
        <v>-187117307.36951599</v>
      </c>
      <c r="AO3174" s="53"/>
      <c r="AP3174" s="53"/>
      <c r="AQ3174" s="53"/>
      <c r="AR3174" s="53"/>
      <c r="AS3174" s="53"/>
      <c r="AT3174" s="53"/>
      <c r="AU3174" s="53"/>
      <c r="AV3174" s="53"/>
      <c r="AW3174" s="53"/>
      <c r="AX3174" s="53"/>
      <c r="AY3174" s="53">
        <v>-204565791.029935</v>
      </c>
      <c r="AZ3174" s="53"/>
      <c r="BA3174" s="53">
        <v>-204565791.029935</v>
      </c>
      <c r="BB3174" s="53"/>
      <c r="BC3174" s="53"/>
      <c r="BD3174" s="53"/>
      <c r="BE3174" s="53"/>
      <c r="BF3174" s="53"/>
      <c r="BG3174" s="53"/>
      <c r="BH3174" s="53"/>
      <c r="BI3174" s="53"/>
      <c r="BJ3174" s="53"/>
      <c r="BK3174" s="53"/>
      <c r="BL3174" s="53">
        <v>-228271414.617273</v>
      </c>
      <c r="BM3174" s="53"/>
      <c r="BN3174" s="53">
        <v>-228271414.617273</v>
      </c>
      <c r="BO3174" s="53"/>
      <c r="BP3174" s="53"/>
      <c r="BQ3174" s="53"/>
      <c r="BR3174" s="53"/>
      <c r="BS3174" s="53"/>
      <c r="BT3174" s="53"/>
      <c r="BU3174" s="53"/>
      <c r="BV3174" s="53"/>
      <c r="BW3174" s="53"/>
      <c r="BX3174" s="53"/>
      <c r="BY3174" s="53">
        <v>-244124137.39054999</v>
      </c>
      <c r="BZ3174" s="53"/>
      <c r="CA3174" s="53">
        <v>-244124137.39054999</v>
      </c>
      <c r="CB3174" s="53">
        <v>-8862311.0487578698</v>
      </c>
      <c r="CC3174" s="53">
        <v>-9517177.7608454004</v>
      </c>
      <c r="CD3174" s="53">
        <v>-10580143.5419979</v>
      </c>
      <c r="CE3174" s="53">
        <v>-10608489.2905655</v>
      </c>
      <c r="CF3174" s="53">
        <v>-9906548.2787426002</v>
      </c>
      <c r="CG3174" s="53">
        <v>-9920691.9940579999</v>
      </c>
      <c r="CH3174" s="53">
        <v>-9803136.0555846002</v>
      </c>
      <c r="CI3174" s="53">
        <v>-9125686.0586299002</v>
      </c>
      <c r="CJ3174" s="53">
        <v>-8651325.0956799705</v>
      </c>
      <c r="CK3174" s="53">
        <v>-9384248.3921816796</v>
      </c>
      <c r="CL3174" s="53">
        <v>-8944815.07152717</v>
      </c>
      <c r="CM3174" s="53">
        <v>-8382254.2809268702</v>
      </c>
      <c r="CN3174" s="53">
        <v>-113686826.869497</v>
      </c>
    </row>
    <row r="3175" spans="1:92" outlineLevel="1">
      <c r="A3175" s="52" t="s">
        <v>769</v>
      </c>
      <c r="B3175" s="53"/>
      <c r="C3175" s="53"/>
      <c r="D3175" s="53"/>
      <c r="E3175" s="53"/>
      <c r="F3175" s="53"/>
      <c r="G3175" s="53"/>
      <c r="H3175" s="53"/>
      <c r="I3175" s="53"/>
      <c r="J3175" s="53"/>
      <c r="K3175" s="53"/>
      <c r="L3175" s="53"/>
      <c r="M3175" s="53"/>
      <c r="N3175" s="53"/>
      <c r="O3175" s="53"/>
      <c r="P3175" s="53"/>
      <c r="Q3175" s="53"/>
      <c r="R3175" s="53"/>
      <c r="S3175" s="53"/>
      <c r="T3175" s="53"/>
      <c r="U3175" s="53"/>
      <c r="V3175" s="53"/>
      <c r="W3175" s="53"/>
      <c r="X3175" s="53"/>
      <c r="Y3175" s="53"/>
      <c r="Z3175" s="53"/>
      <c r="AA3175" s="53"/>
      <c r="AB3175" s="53"/>
      <c r="AC3175" s="53"/>
      <c r="AD3175" s="53"/>
      <c r="AE3175" s="53"/>
      <c r="AF3175" s="53"/>
      <c r="AG3175" s="53"/>
      <c r="AH3175" s="53"/>
      <c r="AI3175" s="53"/>
      <c r="AJ3175" s="53"/>
      <c r="AK3175" s="53"/>
      <c r="AL3175" s="53"/>
      <c r="AM3175" s="53"/>
      <c r="AN3175" s="53"/>
      <c r="AO3175" s="53"/>
      <c r="AP3175" s="53"/>
      <c r="AQ3175" s="53"/>
      <c r="AR3175" s="53"/>
      <c r="AS3175" s="53"/>
      <c r="AT3175" s="53"/>
      <c r="AU3175" s="53"/>
      <c r="AV3175" s="53"/>
      <c r="AW3175" s="53"/>
      <c r="AX3175" s="53"/>
      <c r="AY3175" s="53"/>
      <c r="AZ3175" s="53"/>
      <c r="BA3175" s="53"/>
      <c r="BB3175" s="53"/>
      <c r="BC3175" s="53"/>
      <c r="BD3175" s="53"/>
      <c r="BE3175" s="53"/>
      <c r="BF3175" s="53"/>
      <c r="BG3175" s="53"/>
      <c r="BH3175" s="53"/>
      <c r="BI3175" s="53"/>
      <c r="BJ3175" s="53"/>
      <c r="BK3175" s="53"/>
      <c r="BL3175" s="53"/>
      <c r="BM3175" s="53"/>
      <c r="BN3175" s="53"/>
      <c r="BO3175" s="53"/>
      <c r="BP3175" s="53"/>
      <c r="BQ3175" s="53"/>
      <c r="BR3175" s="53"/>
      <c r="BS3175" s="53"/>
      <c r="BT3175" s="53"/>
      <c r="BU3175" s="53"/>
      <c r="BV3175" s="53"/>
      <c r="BW3175" s="53"/>
      <c r="BX3175" s="53"/>
      <c r="BY3175" s="53"/>
      <c r="BZ3175" s="53"/>
      <c r="CA3175" s="53"/>
      <c r="CB3175" s="53"/>
      <c r="CC3175" s="53"/>
      <c r="CD3175" s="53"/>
      <c r="CE3175" s="53"/>
      <c r="CF3175" s="53"/>
      <c r="CG3175" s="53"/>
      <c r="CH3175" s="53"/>
      <c r="CI3175" s="53"/>
      <c r="CJ3175" s="53"/>
      <c r="CK3175" s="53"/>
      <c r="CL3175" s="53"/>
      <c r="CM3175" s="53"/>
      <c r="CN3175" s="53"/>
    </row>
    <row r="3176" spans="1:92" outlineLevel="1">
      <c r="A3176" s="52" t="s">
        <v>770</v>
      </c>
      <c r="B3176" s="53"/>
      <c r="C3176" s="53"/>
      <c r="D3176" s="53"/>
      <c r="E3176" s="53"/>
      <c r="F3176" s="53"/>
      <c r="G3176" s="53"/>
      <c r="H3176" s="53"/>
      <c r="I3176" s="53"/>
      <c r="J3176" s="53"/>
      <c r="K3176" s="53"/>
      <c r="L3176" s="53"/>
      <c r="M3176" s="53"/>
      <c r="N3176" s="53"/>
      <c r="O3176" s="53"/>
      <c r="P3176" s="53"/>
      <c r="Q3176" s="53"/>
      <c r="R3176" s="53"/>
      <c r="S3176" s="53"/>
      <c r="T3176" s="53"/>
      <c r="U3176" s="53"/>
      <c r="V3176" s="53"/>
      <c r="W3176" s="53"/>
      <c r="X3176" s="53"/>
      <c r="Y3176" s="53"/>
      <c r="Z3176" s="53"/>
      <c r="AA3176" s="53"/>
      <c r="AB3176" s="53"/>
      <c r="AC3176" s="53"/>
      <c r="AD3176" s="53"/>
      <c r="AE3176" s="53"/>
      <c r="AF3176" s="53"/>
      <c r="AG3176" s="53"/>
      <c r="AH3176" s="53"/>
      <c r="AI3176" s="53"/>
      <c r="AJ3176" s="53"/>
      <c r="AK3176" s="53"/>
      <c r="AL3176" s="53"/>
      <c r="AM3176" s="53"/>
      <c r="AN3176" s="53"/>
      <c r="AO3176" s="53"/>
      <c r="AP3176" s="53"/>
      <c r="AQ3176" s="53"/>
      <c r="AR3176" s="53"/>
      <c r="AS3176" s="53"/>
      <c r="AT3176" s="53"/>
      <c r="AU3176" s="53"/>
      <c r="AV3176" s="53"/>
      <c r="AW3176" s="53"/>
      <c r="AX3176" s="53"/>
      <c r="AY3176" s="53"/>
      <c r="AZ3176" s="53"/>
      <c r="BA3176" s="53"/>
      <c r="BB3176" s="53"/>
      <c r="BC3176" s="53"/>
      <c r="BD3176" s="53"/>
      <c r="BE3176" s="53"/>
      <c r="BF3176" s="53"/>
      <c r="BG3176" s="53"/>
      <c r="BH3176" s="53"/>
      <c r="BI3176" s="53"/>
      <c r="BJ3176" s="53"/>
      <c r="BK3176" s="53"/>
      <c r="BL3176" s="53"/>
      <c r="BM3176" s="53"/>
      <c r="BN3176" s="53"/>
      <c r="BO3176" s="53"/>
      <c r="BP3176" s="53"/>
      <c r="BQ3176" s="53"/>
      <c r="BR3176" s="53"/>
      <c r="BS3176" s="53"/>
      <c r="BT3176" s="53"/>
      <c r="BU3176" s="53"/>
      <c r="BV3176" s="53"/>
      <c r="BW3176" s="53"/>
      <c r="BX3176" s="53"/>
      <c r="BY3176" s="53"/>
      <c r="BZ3176" s="53"/>
      <c r="CA3176" s="53"/>
      <c r="CB3176" s="53"/>
      <c r="CC3176" s="53"/>
      <c r="CD3176" s="53"/>
      <c r="CE3176" s="53"/>
      <c r="CF3176" s="53"/>
      <c r="CG3176" s="53"/>
      <c r="CH3176" s="53"/>
      <c r="CI3176" s="53"/>
      <c r="CJ3176" s="53"/>
      <c r="CK3176" s="53"/>
      <c r="CL3176" s="53"/>
      <c r="CM3176" s="53"/>
      <c r="CN3176" s="53"/>
    </row>
    <row r="3177" spans="1:92" outlineLevel="1">
      <c r="A3177" s="52" t="s">
        <v>1249</v>
      </c>
      <c r="B3177" s="53">
        <v>-56613493.259999998</v>
      </c>
      <c r="C3177" s="53">
        <v>-47825393.969999999</v>
      </c>
      <c r="D3177" s="53">
        <v>-44538790.159999996</v>
      </c>
      <c r="E3177" s="53">
        <v>-28822708.6599999</v>
      </c>
      <c r="F3177" s="53">
        <v>-24885311.41</v>
      </c>
      <c r="G3177" s="53">
        <v>-22769660.129999999</v>
      </c>
      <c r="H3177" s="53">
        <v>-37141707.170000002</v>
      </c>
      <c r="I3177" s="53">
        <v>-35851667.979999997</v>
      </c>
      <c r="J3177" s="53">
        <v>-40295825.060000002</v>
      </c>
      <c r="K3177" s="53">
        <v>-29914819.489999998</v>
      </c>
      <c r="L3177" s="53">
        <v>-10856786.35</v>
      </c>
      <c r="M3177" s="53">
        <v>-4020351.59</v>
      </c>
      <c r="N3177" s="53">
        <v>-383536515.23000002</v>
      </c>
      <c r="O3177" s="53">
        <v>-6484847.9900000002</v>
      </c>
      <c r="P3177" s="53">
        <v>-5555935.4699999997</v>
      </c>
      <c r="Q3177" s="53">
        <v>-10361733.09</v>
      </c>
      <c r="R3177" s="53">
        <v>-3442406.19</v>
      </c>
      <c r="S3177" s="53">
        <v>-19680039.010000002</v>
      </c>
      <c r="T3177" s="53">
        <v>-21630294.1599999</v>
      </c>
      <c r="U3177" s="53">
        <v>-26251780.309999999</v>
      </c>
      <c r="V3177" s="53">
        <v>-26420150.210000001</v>
      </c>
      <c r="W3177" s="53">
        <v>-23537547.07</v>
      </c>
      <c r="X3177" s="53">
        <v>-16098354.7999999</v>
      </c>
      <c r="Y3177" s="53">
        <v>-13872146.369999999</v>
      </c>
      <c r="Z3177" s="53">
        <v>-7963172.8099999903</v>
      </c>
      <c r="AA3177" s="53">
        <v>-181298407.47999999</v>
      </c>
      <c r="AB3177" s="53">
        <v>-5728202.5699999901</v>
      </c>
      <c r="AC3177" s="53">
        <v>-3210094.7699999898</v>
      </c>
      <c r="AD3177" s="53">
        <v>-1538372.26999999</v>
      </c>
      <c r="AE3177" s="53">
        <v>-8314765.3200000003</v>
      </c>
      <c r="AF3177" s="53">
        <v>-19365393</v>
      </c>
      <c r="AG3177" s="53">
        <v>-20069279.859999999</v>
      </c>
      <c r="AH3177" s="53">
        <v>-23835975.329999998</v>
      </c>
      <c r="AI3177" s="53">
        <v>-27905530.800000001</v>
      </c>
      <c r="AJ3177" s="53">
        <v>-19972074.969999999</v>
      </c>
      <c r="AK3177" s="53">
        <v>-16272585.4599999</v>
      </c>
      <c r="AL3177" s="53">
        <v>-11444636.060000001</v>
      </c>
      <c r="AM3177" s="53">
        <v>-4789635.57</v>
      </c>
      <c r="AN3177" s="53">
        <v>-162446545.97999999</v>
      </c>
      <c r="AO3177" s="53">
        <v>-5576383.21</v>
      </c>
      <c r="AP3177" s="53">
        <v>-4011587.47</v>
      </c>
      <c r="AQ3177" s="53">
        <v>-9666392.5399999991</v>
      </c>
      <c r="AR3177" s="53">
        <v>-6179840.1799999997</v>
      </c>
      <c r="AS3177" s="53">
        <v>-8819494.9399999995</v>
      </c>
      <c r="AT3177" s="53">
        <v>-9532164.6199999992</v>
      </c>
      <c r="AU3177" s="53">
        <v>-14918590.849999901</v>
      </c>
      <c r="AV3177" s="53">
        <v>-21156870.030000001</v>
      </c>
      <c r="AW3177" s="53">
        <v>-17099196.669999901</v>
      </c>
      <c r="AX3177" s="53">
        <v>-13315042.699999999</v>
      </c>
      <c r="AY3177" s="53">
        <v>-7239552.1799999997</v>
      </c>
      <c r="AZ3177" s="53">
        <v>-3496446.96</v>
      </c>
      <c r="BA3177" s="53">
        <v>-121011562.34999999</v>
      </c>
      <c r="BB3177" s="53">
        <v>-6311320.7800000003</v>
      </c>
      <c r="BC3177" s="53">
        <v>-4349404.99</v>
      </c>
      <c r="BD3177" s="53">
        <v>-4862191.16</v>
      </c>
      <c r="BE3177" s="53">
        <v>-5039601.68</v>
      </c>
      <c r="BF3177" s="53">
        <v>-13518226.08</v>
      </c>
      <c r="BG3177" s="53">
        <v>-15583061.09</v>
      </c>
      <c r="BH3177" s="53">
        <v>-19285200.839999899</v>
      </c>
      <c r="BI3177" s="53">
        <v>-22149230.469999999</v>
      </c>
      <c r="BJ3177" s="53">
        <v>-18530791.199999999</v>
      </c>
      <c r="BK3177" s="53">
        <v>-20243452.300000001</v>
      </c>
      <c r="BL3177" s="53">
        <v>-11746712.27</v>
      </c>
      <c r="BM3177" s="53">
        <v>-5258108.5599999996</v>
      </c>
      <c r="BN3177" s="53">
        <v>-146877301.41999999</v>
      </c>
      <c r="BO3177" s="53">
        <v>-6272379.7000000002</v>
      </c>
      <c r="BP3177" s="53">
        <v>-4007192.75</v>
      </c>
      <c r="BQ3177" s="53">
        <v>-8688162.2300000004</v>
      </c>
      <c r="BR3177" s="53">
        <v>-5955970.6399999997</v>
      </c>
      <c r="BS3177" s="53">
        <v>-14343028.7099999</v>
      </c>
      <c r="BT3177" s="53">
        <v>-17968877.059999999</v>
      </c>
      <c r="BU3177" s="53">
        <v>-19637064.370000001</v>
      </c>
      <c r="BV3177" s="53">
        <v>-21289464.829999998</v>
      </c>
      <c r="BW3177" s="53">
        <v>-17732063.300000001</v>
      </c>
      <c r="BX3177" s="53">
        <v>-15785682.439999999</v>
      </c>
      <c r="BY3177" s="53">
        <v>-4819984.8199999901</v>
      </c>
      <c r="BZ3177" s="53">
        <v>-4782938.5</v>
      </c>
      <c r="CA3177" s="53">
        <v>-141282809.34999999</v>
      </c>
      <c r="CB3177" s="53">
        <v>-99137.488866953703</v>
      </c>
      <c r="CC3177" s="53">
        <v>-99137.488866953703</v>
      </c>
      <c r="CD3177" s="53">
        <v>-99137.488866953703</v>
      </c>
      <c r="CE3177" s="53">
        <v>-99137.488866953703</v>
      </c>
      <c r="CF3177" s="53">
        <v>-99137.488866953703</v>
      </c>
      <c r="CG3177" s="53">
        <v>-99137.488866953703</v>
      </c>
      <c r="CH3177" s="53">
        <v>-99137.488866953703</v>
      </c>
      <c r="CI3177" s="53">
        <v>-99137.488866953703</v>
      </c>
      <c r="CJ3177" s="53">
        <v>-99137.488866953703</v>
      </c>
      <c r="CK3177" s="53">
        <v>-99137.488866953703</v>
      </c>
      <c r="CL3177" s="53">
        <v>-99137.488866953703</v>
      </c>
      <c r="CM3177" s="53">
        <v>-99137.488866953703</v>
      </c>
      <c r="CN3177" s="53">
        <v>-1189649.86640344</v>
      </c>
    </row>
    <row r="3178" spans="1:92" outlineLevel="1">
      <c r="A3178" s="52" t="s">
        <v>771</v>
      </c>
      <c r="B3178" s="53"/>
      <c r="C3178" s="53"/>
      <c r="D3178" s="53"/>
      <c r="E3178" s="53"/>
      <c r="F3178" s="53"/>
      <c r="G3178" s="53"/>
      <c r="H3178" s="53"/>
      <c r="I3178" s="53"/>
      <c r="J3178" s="53"/>
      <c r="K3178" s="53"/>
      <c r="L3178" s="53"/>
      <c r="M3178" s="53"/>
      <c r="N3178" s="53"/>
      <c r="O3178" s="53"/>
      <c r="P3178" s="53"/>
      <c r="Q3178" s="53"/>
      <c r="R3178" s="53"/>
      <c r="S3178" s="53"/>
      <c r="T3178" s="53"/>
      <c r="U3178" s="53"/>
      <c r="V3178" s="53"/>
      <c r="W3178" s="53"/>
      <c r="X3178" s="53"/>
      <c r="Y3178" s="53"/>
      <c r="Z3178" s="53"/>
      <c r="AA3178" s="53"/>
      <c r="AB3178" s="53"/>
      <c r="AC3178" s="53"/>
      <c r="AD3178" s="53"/>
      <c r="AE3178" s="53"/>
      <c r="AF3178" s="53"/>
      <c r="AG3178" s="53"/>
      <c r="AH3178" s="53"/>
      <c r="AI3178" s="53"/>
      <c r="AJ3178" s="53"/>
      <c r="AK3178" s="53"/>
      <c r="AL3178" s="53"/>
      <c r="AM3178" s="53"/>
      <c r="AN3178" s="53"/>
      <c r="AO3178" s="53"/>
      <c r="AP3178" s="53"/>
      <c r="AQ3178" s="53"/>
      <c r="AR3178" s="53"/>
      <c r="AS3178" s="53"/>
      <c r="AT3178" s="53"/>
      <c r="AU3178" s="53"/>
      <c r="AV3178" s="53"/>
      <c r="AW3178" s="53"/>
      <c r="AX3178" s="53"/>
      <c r="AY3178" s="53"/>
      <c r="AZ3178" s="53"/>
      <c r="BA3178" s="53"/>
      <c r="BB3178" s="53"/>
      <c r="BC3178" s="53"/>
      <c r="BD3178" s="53"/>
      <c r="BE3178" s="53"/>
      <c r="BF3178" s="53"/>
      <c r="BG3178" s="53"/>
      <c r="BH3178" s="53"/>
      <c r="BI3178" s="53"/>
      <c r="BJ3178" s="53"/>
      <c r="BK3178" s="53"/>
      <c r="BL3178" s="53"/>
      <c r="BM3178" s="53"/>
      <c r="BN3178" s="53"/>
      <c r="BO3178" s="53"/>
      <c r="BP3178" s="53"/>
      <c r="BQ3178" s="53"/>
      <c r="BR3178" s="53"/>
      <c r="BS3178" s="53"/>
      <c r="BT3178" s="53"/>
      <c r="BU3178" s="53"/>
      <c r="BV3178" s="53"/>
      <c r="BW3178" s="53"/>
      <c r="BX3178" s="53"/>
      <c r="BY3178" s="53"/>
      <c r="BZ3178" s="53"/>
      <c r="CA3178" s="53"/>
      <c r="CB3178" s="53"/>
      <c r="CC3178" s="53"/>
      <c r="CD3178" s="53"/>
      <c r="CE3178" s="53"/>
      <c r="CF3178" s="53"/>
      <c r="CG3178" s="53"/>
      <c r="CH3178" s="53"/>
      <c r="CI3178" s="53"/>
      <c r="CJ3178" s="53"/>
      <c r="CK3178" s="53"/>
      <c r="CL3178" s="53"/>
      <c r="CM3178" s="53"/>
      <c r="CN3178" s="53"/>
    </row>
    <row r="3179" spans="1:92" outlineLevel="1">
      <c r="A3179" s="52" t="s">
        <v>1249</v>
      </c>
      <c r="B3179" s="53">
        <v>-3789809.94</v>
      </c>
      <c r="C3179" s="53">
        <v>-3422268.28</v>
      </c>
      <c r="D3179" s="53">
        <v>-3143837.66</v>
      </c>
      <c r="E3179" s="53">
        <v>-2093543.46</v>
      </c>
      <c r="F3179" s="53">
        <v>-3503076.71999999</v>
      </c>
      <c r="G3179" s="53">
        <v>-4028055.1799999899</v>
      </c>
      <c r="H3179" s="53">
        <v>-5073254.49</v>
      </c>
      <c r="I3179" s="53">
        <v>-5742731.75</v>
      </c>
      <c r="J3179" s="53">
        <v>-4862843.8</v>
      </c>
      <c r="K3179" s="53">
        <v>-2830850.48</v>
      </c>
      <c r="L3179" s="53">
        <v>-4178068.13</v>
      </c>
      <c r="M3179" s="53">
        <v>-4837041.5599999996</v>
      </c>
      <c r="N3179" s="53">
        <v>-47505381.450000003</v>
      </c>
      <c r="O3179" s="53">
        <v>-5141844.54</v>
      </c>
      <c r="P3179" s="53">
        <v>-4855313.92</v>
      </c>
      <c r="Q3179" s="53">
        <v>-4357533.95</v>
      </c>
      <c r="R3179" s="53">
        <v>-2534368.79</v>
      </c>
      <c r="S3179" s="53">
        <v>-2700229.93</v>
      </c>
      <c r="T3179" s="53">
        <v>-2893365.16</v>
      </c>
      <c r="U3179" s="53">
        <v>-2752843.91</v>
      </c>
      <c r="V3179" s="53">
        <v>-2924244.46</v>
      </c>
      <c r="W3179" s="53">
        <v>-2795109.63</v>
      </c>
      <c r="X3179" s="53">
        <v>-2153144.7000000002</v>
      </c>
      <c r="Y3179" s="53">
        <v>-5013419.0599999996</v>
      </c>
      <c r="Z3179" s="53">
        <v>-5546676.7599999998</v>
      </c>
      <c r="AA3179" s="53">
        <v>-43668094.810000002</v>
      </c>
      <c r="AB3179" s="53">
        <v>-4471780.09</v>
      </c>
      <c r="AC3179" s="53">
        <v>-4081060.52999999</v>
      </c>
      <c r="AD3179" s="53">
        <v>-3916406.12</v>
      </c>
      <c r="AE3179" s="53">
        <v>-2367178.5899999901</v>
      </c>
      <c r="AF3179" s="53">
        <v>-4838483.1100000003</v>
      </c>
      <c r="AG3179" s="53">
        <v>-2932146.04</v>
      </c>
      <c r="AH3179" s="53">
        <v>-2622953.9799999902</v>
      </c>
      <c r="AI3179" s="53">
        <v>-2763822.11</v>
      </c>
      <c r="AJ3179" s="53">
        <v>-2721854.29</v>
      </c>
      <c r="AK3179" s="53">
        <v>-2478806.4799999902</v>
      </c>
      <c r="AL3179" s="53">
        <v>-2545071.83</v>
      </c>
      <c r="AM3179" s="53">
        <v>-4647910.3599999901</v>
      </c>
      <c r="AN3179" s="53">
        <v>-40387473.530000001</v>
      </c>
      <c r="AO3179" s="53">
        <v>-4390621.54</v>
      </c>
      <c r="AP3179" s="53">
        <v>-3696168.5399999898</v>
      </c>
      <c r="AQ3179" s="53">
        <v>-3535796.98</v>
      </c>
      <c r="AR3179" s="53">
        <v>-2379921.96999999</v>
      </c>
      <c r="AS3179" s="53">
        <v>-3735262.3999999901</v>
      </c>
      <c r="AT3179" s="53">
        <v>-4022527.57</v>
      </c>
      <c r="AU3179" s="53">
        <v>-3041052.57</v>
      </c>
      <c r="AV3179" s="53">
        <v>-2881264.5699999901</v>
      </c>
      <c r="AW3179" s="53">
        <v>-2646040.23</v>
      </c>
      <c r="AX3179" s="53">
        <v>-2644422.67</v>
      </c>
      <c r="AY3179" s="53">
        <v>-3065965.94</v>
      </c>
      <c r="AZ3179" s="53">
        <v>-4345653.6500000004</v>
      </c>
      <c r="BA3179" s="53">
        <v>-40384698.629999898</v>
      </c>
      <c r="BB3179" s="53">
        <v>-4356287.4000000004</v>
      </c>
      <c r="BC3179" s="53">
        <v>-3562652.82</v>
      </c>
      <c r="BD3179" s="53">
        <v>-3418987</v>
      </c>
      <c r="BE3179" s="53">
        <v>-2627414.4300000002</v>
      </c>
      <c r="BF3179" s="53">
        <v>-2605299.6</v>
      </c>
      <c r="BG3179" s="53">
        <v>-2770695.12</v>
      </c>
      <c r="BH3179" s="53">
        <v>-2424136.56</v>
      </c>
      <c r="BI3179" s="53">
        <v>-2686188.02</v>
      </c>
      <c r="BJ3179" s="53">
        <v>-2714288.51</v>
      </c>
      <c r="BK3179" s="53">
        <v>-2389000.46</v>
      </c>
      <c r="BL3179" s="53">
        <v>-2955607.78</v>
      </c>
      <c r="BM3179" s="53">
        <v>-4348307.33</v>
      </c>
      <c r="BN3179" s="53">
        <v>-36858865.030000001</v>
      </c>
      <c r="BO3179" s="53">
        <v>-4190324.37</v>
      </c>
      <c r="BP3179" s="53">
        <v>-3861766.5</v>
      </c>
      <c r="BQ3179" s="53">
        <v>-3510986.22</v>
      </c>
      <c r="BR3179" s="53">
        <v>-2187418.92</v>
      </c>
      <c r="BS3179" s="53">
        <v>-2463125.96</v>
      </c>
      <c r="BT3179" s="53">
        <v>-2625186.5299999998</v>
      </c>
      <c r="BU3179" s="53">
        <v>-2537434.6599999899</v>
      </c>
      <c r="BV3179" s="53">
        <v>-2917305.7</v>
      </c>
      <c r="BW3179" s="53">
        <v>-2805057.84</v>
      </c>
      <c r="BX3179" s="53">
        <v>-2056321.21999999</v>
      </c>
      <c r="BY3179" s="53">
        <v>-1113091.3700000001</v>
      </c>
      <c r="BZ3179" s="53">
        <v>-1625862.3899999899</v>
      </c>
      <c r="CA3179" s="53">
        <v>-31893881.68</v>
      </c>
      <c r="CB3179" s="53"/>
      <c r="CC3179" s="53"/>
      <c r="CD3179" s="53"/>
      <c r="CE3179" s="53"/>
      <c r="CF3179" s="53"/>
      <c r="CG3179" s="53"/>
      <c r="CH3179" s="53"/>
      <c r="CI3179" s="53"/>
      <c r="CJ3179" s="53"/>
      <c r="CK3179" s="53"/>
      <c r="CL3179" s="53"/>
      <c r="CM3179" s="53"/>
      <c r="CN3179" s="53"/>
    </row>
    <row r="3180" spans="1:92" outlineLevel="1">
      <c r="A3180" s="52" t="s">
        <v>772</v>
      </c>
      <c r="B3180" s="53"/>
      <c r="C3180" s="53"/>
      <c r="D3180" s="53"/>
      <c r="E3180" s="53"/>
      <c r="F3180" s="53"/>
      <c r="G3180" s="53"/>
      <c r="H3180" s="53"/>
      <c r="I3180" s="53"/>
      <c r="J3180" s="53"/>
      <c r="K3180" s="53"/>
      <c r="L3180" s="53"/>
      <c r="M3180" s="53"/>
      <c r="N3180" s="53"/>
      <c r="O3180" s="53"/>
      <c r="P3180" s="53"/>
      <c r="Q3180" s="53"/>
      <c r="R3180" s="53"/>
      <c r="S3180" s="53"/>
      <c r="T3180" s="53"/>
      <c r="U3180" s="53"/>
      <c r="V3180" s="53"/>
      <c r="W3180" s="53"/>
      <c r="X3180" s="53"/>
      <c r="Y3180" s="53"/>
      <c r="Z3180" s="53"/>
      <c r="AA3180" s="53"/>
      <c r="AB3180" s="53"/>
      <c r="AC3180" s="53"/>
      <c r="AD3180" s="53"/>
      <c r="AE3180" s="53"/>
      <c r="AF3180" s="53"/>
      <c r="AG3180" s="53"/>
      <c r="AH3180" s="53"/>
      <c r="AI3180" s="53"/>
      <c r="AJ3180" s="53"/>
      <c r="AK3180" s="53"/>
      <c r="AL3180" s="53"/>
      <c r="AM3180" s="53"/>
      <c r="AN3180" s="53"/>
      <c r="AO3180" s="53"/>
      <c r="AP3180" s="53"/>
      <c r="AQ3180" s="53"/>
      <c r="AR3180" s="53"/>
      <c r="AS3180" s="53"/>
      <c r="AT3180" s="53"/>
      <c r="AU3180" s="53"/>
      <c r="AV3180" s="53"/>
      <c r="AW3180" s="53"/>
      <c r="AX3180" s="53"/>
      <c r="AY3180" s="53"/>
      <c r="AZ3180" s="53"/>
      <c r="BA3180" s="53"/>
      <c r="BB3180" s="53"/>
      <c r="BC3180" s="53"/>
      <c r="BD3180" s="53"/>
      <c r="BE3180" s="53"/>
      <c r="BF3180" s="53"/>
      <c r="BG3180" s="53"/>
      <c r="BH3180" s="53"/>
      <c r="BI3180" s="53"/>
      <c r="BJ3180" s="53"/>
      <c r="BK3180" s="53"/>
      <c r="BL3180" s="53"/>
      <c r="BM3180" s="53"/>
      <c r="BN3180" s="53"/>
      <c r="BO3180" s="53"/>
      <c r="BP3180" s="53"/>
      <c r="BQ3180" s="53"/>
      <c r="BR3180" s="53"/>
      <c r="BS3180" s="53"/>
      <c r="BT3180" s="53"/>
      <c r="BU3180" s="53"/>
      <c r="BV3180" s="53"/>
      <c r="BW3180" s="53"/>
      <c r="BX3180" s="53"/>
      <c r="BY3180" s="53"/>
      <c r="BZ3180" s="53"/>
      <c r="CA3180" s="53"/>
      <c r="CB3180" s="53">
        <v>-3372083.3333333302</v>
      </c>
      <c r="CC3180" s="53">
        <v>-3372083.3333333302</v>
      </c>
      <c r="CD3180" s="53">
        <v>-3372083.3333333302</v>
      </c>
      <c r="CE3180" s="53">
        <v>-3372083.3333333302</v>
      </c>
      <c r="CF3180" s="53">
        <v>-3372083.3333333302</v>
      </c>
      <c r="CG3180" s="53">
        <v>-3372083.3333333302</v>
      </c>
      <c r="CH3180" s="53">
        <v>-3372083.3333333302</v>
      </c>
      <c r="CI3180" s="53">
        <v>-3372083.3333333302</v>
      </c>
      <c r="CJ3180" s="53">
        <v>-3372083.3333333302</v>
      </c>
      <c r="CK3180" s="53">
        <v>-3372083.3333333302</v>
      </c>
      <c r="CL3180" s="53">
        <v>-3372083.3333333302</v>
      </c>
      <c r="CM3180" s="53">
        <v>-3372083.3333333302</v>
      </c>
      <c r="CN3180" s="53">
        <v>-40465000</v>
      </c>
    </row>
    <row r="3181" spans="1:92" outlineLevel="1">
      <c r="A3181" s="52" t="s">
        <v>1249</v>
      </c>
      <c r="B3181" s="53">
        <v>-106318449.72999901</v>
      </c>
      <c r="C3181" s="53">
        <v>-100794760.3</v>
      </c>
      <c r="D3181" s="53">
        <v>-127940463.469999</v>
      </c>
      <c r="E3181" s="53">
        <v>-102737561</v>
      </c>
      <c r="F3181" s="53">
        <v>-165531098.33000001</v>
      </c>
      <c r="G3181" s="53">
        <v>-188818153.13</v>
      </c>
      <c r="H3181" s="53">
        <v>-245991165.06</v>
      </c>
      <c r="I3181" s="53">
        <v>-244053514.19999999</v>
      </c>
      <c r="J3181" s="53">
        <v>-221759871.77000001</v>
      </c>
      <c r="K3181" s="53">
        <v>-205629827.78999999</v>
      </c>
      <c r="L3181" s="53">
        <v>-149868013.94999999</v>
      </c>
      <c r="M3181" s="53">
        <v>-173142034.31</v>
      </c>
      <c r="N3181" s="53">
        <v>-2032584913.04</v>
      </c>
      <c r="O3181" s="53">
        <v>-170256544.28999999</v>
      </c>
      <c r="P3181" s="53">
        <v>-152994064.80000001</v>
      </c>
      <c r="Q3181" s="53">
        <v>-144113365.46000001</v>
      </c>
      <c r="R3181" s="53">
        <v>-128691680.13</v>
      </c>
      <c r="S3181" s="53">
        <v>-139762662.09</v>
      </c>
      <c r="T3181" s="53">
        <v>-151151211.72999999</v>
      </c>
      <c r="U3181" s="53">
        <v>-163390006.09</v>
      </c>
      <c r="V3181" s="53">
        <v>-159137751.93000001</v>
      </c>
      <c r="W3181" s="53">
        <v>-148151117.47999999</v>
      </c>
      <c r="X3181" s="53">
        <v>-135366420.88</v>
      </c>
      <c r="Y3181" s="53">
        <v>-122532544.019999</v>
      </c>
      <c r="Z3181" s="53">
        <v>-141364511.03</v>
      </c>
      <c r="AA3181" s="53">
        <v>-1756911879.9300001</v>
      </c>
      <c r="AB3181" s="53">
        <v>-145243330.71999899</v>
      </c>
      <c r="AC3181" s="53">
        <v>-131565532.47999901</v>
      </c>
      <c r="AD3181" s="53">
        <v>-125545250.39999899</v>
      </c>
      <c r="AE3181" s="53">
        <v>-107376927.11999901</v>
      </c>
      <c r="AF3181" s="53">
        <v>-116035234.78999899</v>
      </c>
      <c r="AG3181" s="53">
        <v>-131086793.279999</v>
      </c>
      <c r="AH3181" s="53">
        <v>-138610982.09</v>
      </c>
      <c r="AI3181" s="53">
        <v>-136039846.30000001</v>
      </c>
      <c r="AJ3181" s="53">
        <v>-133505884.06999999</v>
      </c>
      <c r="AK3181" s="53">
        <v>-121750731.81999999</v>
      </c>
      <c r="AL3181" s="53">
        <v>-109429431.84999999</v>
      </c>
      <c r="AM3181" s="53">
        <v>-127332792.81</v>
      </c>
      <c r="AN3181" s="53">
        <v>-1523522737.73</v>
      </c>
      <c r="AO3181" s="53">
        <v>-128410282.59999999</v>
      </c>
      <c r="AP3181" s="53">
        <v>-111936288.529999</v>
      </c>
      <c r="AQ3181" s="53">
        <v>-109343936.27</v>
      </c>
      <c r="AR3181" s="53">
        <v>-106153748.73</v>
      </c>
      <c r="AS3181" s="53">
        <v>-122746868.36</v>
      </c>
      <c r="AT3181" s="53">
        <v>-130665780.91</v>
      </c>
      <c r="AU3181" s="53">
        <v>-137968389.66999999</v>
      </c>
      <c r="AV3181" s="53">
        <v>-133672513.31</v>
      </c>
      <c r="AW3181" s="53">
        <v>-129613280.02</v>
      </c>
      <c r="AX3181" s="53">
        <v>-115433683.19</v>
      </c>
      <c r="AY3181" s="53">
        <v>-106979295.79000001</v>
      </c>
      <c r="AZ3181" s="53">
        <v>-124542360.67999899</v>
      </c>
      <c r="BA3181" s="53">
        <v>-1457466428.0599999</v>
      </c>
      <c r="BB3181" s="53">
        <v>-124667569.92</v>
      </c>
      <c r="BC3181" s="53">
        <v>-110298947.2</v>
      </c>
      <c r="BD3181" s="53">
        <v>-110241516.25</v>
      </c>
      <c r="BE3181" s="53">
        <v>-103431159.14999899</v>
      </c>
      <c r="BF3181" s="53">
        <v>-118639841.22</v>
      </c>
      <c r="BG3181" s="53">
        <v>-127349680.749999</v>
      </c>
      <c r="BH3181" s="53">
        <v>-134189338.11</v>
      </c>
      <c r="BI3181" s="53">
        <v>-131504854.22</v>
      </c>
      <c r="BJ3181" s="53">
        <v>-127738638.95</v>
      </c>
      <c r="BK3181" s="53">
        <v>-109139694.69</v>
      </c>
      <c r="BL3181" s="53">
        <v>-103570454.669999</v>
      </c>
      <c r="BM3181" s="53">
        <v>-120415089.45</v>
      </c>
      <c r="BN3181" s="53">
        <v>-1421186784.5799999</v>
      </c>
      <c r="BO3181" s="53">
        <v>-121357488.189999</v>
      </c>
      <c r="BP3181" s="53">
        <v>-106517265.29000001</v>
      </c>
      <c r="BQ3181" s="53">
        <v>-103255198.59</v>
      </c>
      <c r="BR3181" s="53">
        <v>-101450018.38</v>
      </c>
      <c r="BS3181" s="53">
        <v>-111594269.02</v>
      </c>
      <c r="BT3181" s="53">
        <v>-120582515.699999</v>
      </c>
      <c r="BU3181" s="53">
        <v>-128943973.16</v>
      </c>
      <c r="BV3181" s="53">
        <v>-127428889.34999999</v>
      </c>
      <c r="BW3181" s="53">
        <v>-122933468.55</v>
      </c>
      <c r="BX3181" s="53">
        <v>-109816579.059999</v>
      </c>
      <c r="BY3181" s="53">
        <v>-103137945.63</v>
      </c>
      <c r="BZ3181" s="53">
        <v>-117883663.52</v>
      </c>
      <c r="CA3181" s="53">
        <v>-1374901274.43999</v>
      </c>
      <c r="CB3181" s="53"/>
      <c r="CC3181" s="53"/>
      <c r="CD3181" s="53"/>
      <c r="CE3181" s="53"/>
      <c r="CF3181" s="53"/>
      <c r="CG3181" s="53"/>
      <c r="CH3181" s="53"/>
      <c r="CI3181" s="53"/>
      <c r="CJ3181" s="53"/>
      <c r="CK3181" s="53"/>
      <c r="CL3181" s="53"/>
      <c r="CM3181" s="53"/>
      <c r="CN3181" s="53"/>
    </row>
    <row r="3182" spans="1:92" outlineLevel="1">
      <c r="A3182" s="52" t="s">
        <v>709</v>
      </c>
      <c r="B3182" s="53"/>
      <c r="C3182" s="53"/>
      <c r="D3182" s="53"/>
      <c r="E3182" s="53"/>
      <c r="F3182" s="53"/>
      <c r="G3182" s="53"/>
      <c r="H3182" s="53"/>
      <c r="I3182" s="53"/>
      <c r="J3182" s="53"/>
      <c r="K3182" s="53"/>
      <c r="L3182" s="53"/>
      <c r="M3182" s="53"/>
      <c r="N3182" s="53"/>
      <c r="O3182" s="53"/>
      <c r="P3182" s="53"/>
      <c r="Q3182" s="53"/>
      <c r="R3182" s="53"/>
      <c r="S3182" s="53"/>
      <c r="T3182" s="53"/>
      <c r="U3182" s="53"/>
      <c r="V3182" s="53"/>
      <c r="W3182" s="53"/>
      <c r="X3182" s="53"/>
      <c r="Y3182" s="53"/>
      <c r="Z3182" s="53"/>
      <c r="AA3182" s="53"/>
      <c r="AB3182" s="53"/>
      <c r="AC3182" s="53"/>
      <c r="AD3182" s="53"/>
      <c r="AE3182" s="53"/>
      <c r="AF3182" s="53"/>
      <c r="AG3182" s="53"/>
      <c r="AH3182" s="53"/>
      <c r="AI3182" s="53"/>
      <c r="AJ3182" s="53"/>
      <c r="AK3182" s="53"/>
      <c r="AL3182" s="53"/>
      <c r="AM3182" s="53"/>
      <c r="AN3182" s="53"/>
      <c r="AO3182" s="53"/>
      <c r="AP3182" s="53"/>
      <c r="AQ3182" s="53"/>
      <c r="AR3182" s="53"/>
      <c r="AS3182" s="53"/>
      <c r="AT3182" s="53"/>
      <c r="AU3182" s="53"/>
      <c r="AV3182" s="53"/>
      <c r="AW3182" s="53"/>
      <c r="AX3182" s="53"/>
      <c r="AY3182" s="53"/>
      <c r="AZ3182" s="53"/>
      <c r="BA3182" s="53"/>
      <c r="BB3182" s="53"/>
      <c r="BC3182" s="53"/>
      <c r="BD3182" s="53"/>
      <c r="BE3182" s="53"/>
      <c r="BF3182" s="53"/>
      <c r="BG3182" s="53"/>
      <c r="BH3182" s="53"/>
      <c r="BI3182" s="53"/>
      <c r="BJ3182" s="53"/>
      <c r="BK3182" s="53"/>
      <c r="BL3182" s="53"/>
      <c r="BM3182" s="53"/>
      <c r="BN3182" s="53"/>
      <c r="BO3182" s="53"/>
      <c r="BP3182" s="53"/>
      <c r="BQ3182" s="53"/>
      <c r="BR3182" s="53"/>
      <c r="BS3182" s="53"/>
      <c r="BT3182" s="53"/>
      <c r="BU3182" s="53"/>
      <c r="BV3182" s="53"/>
      <c r="BW3182" s="53"/>
      <c r="BX3182" s="53"/>
      <c r="BY3182" s="53"/>
      <c r="BZ3182" s="53"/>
      <c r="CA3182" s="53"/>
      <c r="CB3182" s="53">
        <v>1903376.24999999</v>
      </c>
      <c r="CC3182" s="53">
        <v>1903376.24999999</v>
      </c>
      <c r="CD3182" s="53">
        <v>1903376.24999999</v>
      </c>
      <c r="CE3182" s="53">
        <v>1903376.24999999</v>
      </c>
      <c r="CF3182" s="53">
        <v>1903376.24999999</v>
      </c>
      <c r="CG3182" s="53">
        <v>1903376.24999999</v>
      </c>
      <c r="CH3182" s="53">
        <v>1903376.24999999</v>
      </c>
      <c r="CI3182" s="53">
        <v>1903376.24999999</v>
      </c>
      <c r="CJ3182" s="53">
        <v>1903376.24999999</v>
      </c>
      <c r="CK3182" s="53">
        <v>1903376.24999999</v>
      </c>
      <c r="CL3182" s="53">
        <v>1903376.24999999</v>
      </c>
      <c r="CM3182" s="53">
        <v>1903376.24999999</v>
      </c>
      <c r="CN3182" s="53">
        <v>22840515</v>
      </c>
    </row>
    <row r="3183" spans="1:92" outlineLevel="1">
      <c r="A3183" s="52" t="s">
        <v>1667</v>
      </c>
      <c r="B3183" s="53"/>
      <c r="C3183" s="53"/>
      <c r="D3183" s="53"/>
      <c r="E3183" s="53"/>
      <c r="F3183" s="53"/>
      <c r="G3183" s="53"/>
      <c r="H3183" s="53"/>
      <c r="I3183" s="53"/>
      <c r="J3183" s="53"/>
      <c r="K3183" s="53"/>
      <c r="L3183" s="53"/>
      <c r="M3183" s="53"/>
      <c r="N3183" s="53"/>
      <c r="O3183" s="53"/>
      <c r="P3183" s="53"/>
      <c r="Q3183" s="53"/>
      <c r="R3183" s="53"/>
      <c r="S3183" s="53"/>
      <c r="T3183" s="53"/>
      <c r="U3183" s="53"/>
      <c r="V3183" s="53"/>
      <c r="W3183" s="53"/>
      <c r="X3183" s="53"/>
      <c r="Y3183" s="53"/>
      <c r="Z3183" s="53"/>
      <c r="AA3183" s="53"/>
      <c r="AB3183" s="53"/>
      <c r="AC3183" s="53"/>
      <c r="AD3183" s="53"/>
      <c r="AE3183" s="53"/>
      <c r="AF3183" s="53"/>
      <c r="AG3183" s="53"/>
      <c r="AH3183" s="53"/>
      <c r="AI3183" s="53"/>
      <c r="AJ3183" s="53"/>
      <c r="AK3183" s="53"/>
      <c r="AL3183" s="53"/>
      <c r="AM3183" s="53"/>
      <c r="AN3183" s="53"/>
      <c r="AO3183" s="53"/>
      <c r="AP3183" s="53"/>
      <c r="AQ3183" s="53"/>
      <c r="AR3183" s="53"/>
      <c r="AS3183" s="53"/>
      <c r="AT3183" s="53"/>
      <c r="AU3183" s="53"/>
      <c r="AV3183" s="53"/>
      <c r="AW3183" s="53"/>
      <c r="AX3183" s="53"/>
      <c r="AY3183" s="53"/>
      <c r="AZ3183" s="53"/>
      <c r="BA3183" s="53"/>
      <c r="BB3183" s="53"/>
      <c r="BC3183" s="53"/>
      <c r="BD3183" s="53"/>
      <c r="BE3183" s="53"/>
      <c r="BF3183" s="53"/>
      <c r="BG3183" s="53"/>
      <c r="BH3183" s="53"/>
      <c r="BI3183" s="53"/>
      <c r="BJ3183" s="53"/>
      <c r="BK3183" s="53"/>
      <c r="BL3183" s="53"/>
      <c r="BM3183" s="53"/>
      <c r="BN3183" s="53"/>
      <c r="BO3183" s="53"/>
      <c r="BP3183" s="53"/>
      <c r="BQ3183" s="53"/>
      <c r="BR3183" s="53"/>
      <c r="BS3183" s="53"/>
      <c r="BT3183" s="53"/>
      <c r="BU3183" s="53"/>
      <c r="BV3183" s="53"/>
      <c r="BW3183" s="53"/>
      <c r="BX3183" s="53"/>
      <c r="BY3183" s="53"/>
      <c r="BZ3183" s="53"/>
      <c r="CA3183" s="53"/>
      <c r="CB3183" s="53"/>
      <c r="CC3183" s="53"/>
      <c r="CD3183" s="53"/>
      <c r="CE3183" s="53"/>
      <c r="CF3183" s="53"/>
      <c r="CG3183" s="53"/>
      <c r="CH3183" s="53"/>
      <c r="CI3183" s="53"/>
      <c r="CJ3183" s="53"/>
      <c r="CK3183" s="53"/>
      <c r="CL3183" s="53"/>
      <c r="CM3183" s="53"/>
      <c r="CN3183" s="53"/>
    </row>
    <row r="3184" spans="1:92" outlineLevel="1">
      <c r="A3184" s="52" t="s">
        <v>1565</v>
      </c>
      <c r="B3184" s="53"/>
      <c r="C3184" s="53"/>
      <c r="D3184" s="53"/>
      <c r="E3184" s="53"/>
      <c r="F3184" s="53"/>
      <c r="G3184" s="53"/>
      <c r="H3184" s="53"/>
      <c r="I3184" s="53"/>
      <c r="J3184" s="53"/>
      <c r="K3184" s="53"/>
      <c r="L3184" s="53">
        <v>-4213250</v>
      </c>
      <c r="M3184" s="53"/>
      <c r="N3184" s="53">
        <v>-4213250</v>
      </c>
      <c r="O3184" s="53"/>
      <c r="P3184" s="53"/>
      <c r="Q3184" s="53"/>
      <c r="R3184" s="53"/>
      <c r="S3184" s="53"/>
      <c r="T3184" s="53"/>
      <c r="U3184" s="53"/>
      <c r="V3184" s="53"/>
      <c r="W3184" s="53"/>
      <c r="X3184" s="53"/>
      <c r="Y3184" s="53"/>
      <c r="Z3184" s="53"/>
      <c r="AA3184" s="53"/>
      <c r="AB3184" s="53"/>
      <c r="AC3184" s="53"/>
      <c r="AD3184" s="53"/>
      <c r="AE3184" s="53"/>
      <c r="AF3184" s="53"/>
      <c r="AG3184" s="53"/>
      <c r="AH3184" s="53"/>
      <c r="AI3184" s="53"/>
      <c r="AJ3184" s="53"/>
      <c r="AK3184" s="53"/>
      <c r="AL3184" s="53"/>
      <c r="AM3184" s="53"/>
      <c r="AN3184" s="53"/>
      <c r="AO3184" s="53"/>
      <c r="AP3184" s="53"/>
      <c r="AQ3184" s="53"/>
      <c r="AR3184" s="53"/>
      <c r="AS3184" s="53"/>
      <c r="AT3184" s="53"/>
      <c r="AU3184" s="53"/>
      <c r="AV3184" s="53"/>
      <c r="AW3184" s="53"/>
      <c r="AX3184" s="53"/>
      <c r="AY3184" s="53"/>
      <c r="AZ3184" s="53"/>
      <c r="BA3184" s="53"/>
      <c r="BB3184" s="53"/>
      <c r="BC3184" s="53"/>
      <c r="BD3184" s="53"/>
      <c r="BE3184" s="53"/>
      <c r="BF3184" s="53"/>
      <c r="BG3184" s="53"/>
      <c r="BH3184" s="53"/>
      <c r="BI3184" s="53"/>
      <c r="BJ3184" s="53"/>
      <c r="BK3184" s="53"/>
      <c r="BL3184" s="53"/>
      <c r="BM3184" s="53"/>
      <c r="BN3184" s="53"/>
      <c r="BO3184" s="53"/>
      <c r="BP3184" s="53"/>
      <c r="BQ3184" s="53"/>
      <c r="BR3184" s="53"/>
      <c r="BS3184" s="53"/>
      <c r="BT3184" s="53"/>
      <c r="BU3184" s="53"/>
      <c r="BV3184" s="53"/>
      <c r="BW3184" s="53"/>
      <c r="BX3184" s="53"/>
      <c r="BY3184" s="53"/>
      <c r="BZ3184" s="53"/>
      <c r="CA3184" s="53"/>
      <c r="CB3184" s="53"/>
      <c r="CC3184" s="53"/>
      <c r="CD3184" s="53"/>
      <c r="CE3184" s="53"/>
      <c r="CF3184" s="53"/>
      <c r="CG3184" s="53"/>
      <c r="CH3184" s="53"/>
      <c r="CI3184" s="53"/>
      <c r="CJ3184" s="53"/>
      <c r="CK3184" s="53"/>
      <c r="CL3184" s="53"/>
      <c r="CM3184" s="53"/>
      <c r="CN3184" s="53"/>
    </row>
    <row r="3185" spans="1:92" outlineLevel="1">
      <c r="A3185" s="52" t="s">
        <v>1665</v>
      </c>
      <c r="B3185" s="53"/>
      <c r="C3185" s="53"/>
      <c r="D3185" s="53"/>
      <c r="E3185" s="53"/>
      <c r="F3185" s="53"/>
      <c r="G3185" s="53"/>
      <c r="H3185" s="53"/>
      <c r="I3185" s="53"/>
      <c r="J3185" s="53"/>
      <c r="K3185" s="53"/>
      <c r="L3185" s="53"/>
      <c r="M3185" s="53"/>
      <c r="N3185" s="53"/>
      <c r="O3185" s="53"/>
      <c r="P3185" s="53"/>
      <c r="Q3185" s="53"/>
      <c r="R3185" s="53"/>
      <c r="S3185" s="53"/>
      <c r="T3185" s="53"/>
      <c r="U3185" s="53"/>
      <c r="V3185" s="53"/>
      <c r="W3185" s="53"/>
      <c r="X3185" s="53"/>
      <c r="Y3185" s="53"/>
      <c r="Z3185" s="53"/>
      <c r="AA3185" s="53"/>
      <c r="AB3185" s="53"/>
      <c r="AC3185" s="53"/>
      <c r="AD3185" s="53"/>
      <c r="AE3185" s="53"/>
      <c r="AF3185" s="53"/>
      <c r="AG3185" s="53"/>
      <c r="AH3185" s="53"/>
      <c r="AI3185" s="53"/>
      <c r="AJ3185" s="53"/>
      <c r="AK3185" s="53"/>
      <c r="AL3185" s="53"/>
      <c r="AM3185" s="53"/>
      <c r="AN3185" s="53"/>
      <c r="AO3185" s="53"/>
      <c r="AP3185" s="53"/>
      <c r="AQ3185" s="53"/>
      <c r="AR3185" s="53"/>
      <c r="AS3185" s="53"/>
      <c r="AT3185" s="53"/>
      <c r="AU3185" s="53"/>
      <c r="AV3185" s="53"/>
      <c r="AW3185" s="53"/>
      <c r="AX3185" s="53"/>
      <c r="AY3185" s="53"/>
      <c r="AZ3185" s="53"/>
      <c r="BA3185" s="53"/>
      <c r="BB3185" s="53"/>
      <c r="BC3185" s="53"/>
      <c r="BD3185" s="53"/>
      <c r="BE3185" s="53"/>
      <c r="BF3185" s="53"/>
      <c r="BG3185" s="53"/>
      <c r="BH3185" s="53"/>
      <c r="BI3185" s="53"/>
      <c r="BJ3185" s="53"/>
      <c r="BK3185" s="53"/>
      <c r="BL3185" s="53"/>
      <c r="BM3185" s="53"/>
      <c r="BN3185" s="53"/>
      <c r="BO3185" s="53"/>
      <c r="BP3185" s="53"/>
      <c r="BQ3185" s="53"/>
      <c r="BR3185" s="53"/>
      <c r="BS3185" s="53"/>
      <c r="BT3185" s="53"/>
      <c r="BU3185" s="53"/>
      <c r="BV3185" s="53"/>
      <c r="BW3185" s="53"/>
      <c r="BX3185" s="53"/>
      <c r="BY3185" s="53"/>
      <c r="BZ3185" s="53"/>
      <c r="CA3185" s="53"/>
      <c r="CB3185" s="53"/>
      <c r="CC3185" s="53"/>
      <c r="CD3185" s="53"/>
      <c r="CE3185" s="53"/>
      <c r="CF3185" s="53"/>
      <c r="CG3185" s="53"/>
      <c r="CH3185" s="53"/>
      <c r="CI3185" s="53"/>
      <c r="CJ3185" s="53"/>
      <c r="CK3185" s="53"/>
      <c r="CL3185" s="53"/>
      <c r="CM3185" s="53"/>
      <c r="CN3185" s="53"/>
    </row>
    <row r="3186" spans="1:92" outlineLevel="1">
      <c r="A3186" s="52" t="s">
        <v>1565</v>
      </c>
      <c r="B3186" s="53"/>
      <c r="C3186" s="53"/>
      <c r="D3186" s="53"/>
      <c r="E3186" s="53"/>
      <c r="F3186" s="53"/>
      <c r="G3186" s="53"/>
      <c r="H3186" s="53"/>
      <c r="I3186" s="53"/>
      <c r="J3186" s="53"/>
      <c r="K3186" s="53"/>
      <c r="L3186" s="53">
        <v>-3190000</v>
      </c>
      <c r="M3186" s="53"/>
      <c r="N3186" s="53">
        <v>-3190000</v>
      </c>
      <c r="O3186" s="53"/>
      <c r="P3186" s="53"/>
      <c r="Q3186" s="53"/>
      <c r="R3186" s="53"/>
      <c r="S3186" s="53"/>
      <c r="T3186" s="53"/>
      <c r="U3186" s="53"/>
      <c r="V3186" s="53"/>
      <c r="W3186" s="53"/>
      <c r="X3186" s="53"/>
      <c r="Y3186" s="53"/>
      <c r="Z3186" s="53"/>
      <c r="AA3186" s="53"/>
      <c r="AB3186" s="53"/>
      <c r="AC3186" s="53"/>
      <c r="AD3186" s="53"/>
      <c r="AE3186" s="53"/>
      <c r="AF3186" s="53"/>
      <c r="AG3186" s="53"/>
      <c r="AH3186" s="53"/>
      <c r="AI3186" s="53"/>
      <c r="AJ3186" s="53"/>
      <c r="AK3186" s="53"/>
      <c r="AL3186" s="53"/>
      <c r="AM3186" s="53"/>
      <c r="AN3186" s="53"/>
      <c r="AO3186" s="53"/>
      <c r="AP3186" s="53"/>
      <c r="AQ3186" s="53"/>
      <c r="AR3186" s="53"/>
      <c r="AS3186" s="53"/>
      <c r="AT3186" s="53"/>
      <c r="AU3186" s="53"/>
      <c r="AV3186" s="53"/>
      <c r="AW3186" s="53"/>
      <c r="AX3186" s="53"/>
      <c r="AY3186" s="53"/>
      <c r="AZ3186" s="53"/>
      <c r="BA3186" s="53"/>
      <c r="BB3186" s="53"/>
      <c r="BC3186" s="53"/>
      <c r="BD3186" s="53"/>
      <c r="BE3186" s="53"/>
      <c r="BF3186" s="53"/>
      <c r="BG3186" s="53"/>
      <c r="BH3186" s="53"/>
      <c r="BI3186" s="53"/>
      <c r="BJ3186" s="53"/>
      <c r="BK3186" s="53"/>
      <c r="BL3186" s="53"/>
      <c r="BM3186" s="53"/>
      <c r="BN3186" s="53"/>
      <c r="BO3186" s="53"/>
      <c r="BP3186" s="53"/>
      <c r="BQ3186" s="53"/>
      <c r="BR3186" s="53"/>
      <c r="BS3186" s="53"/>
      <c r="BT3186" s="53"/>
      <c r="BU3186" s="53"/>
      <c r="BV3186" s="53"/>
      <c r="BW3186" s="53"/>
      <c r="BX3186" s="53"/>
      <c r="BY3186" s="53"/>
      <c r="BZ3186" s="53"/>
      <c r="CA3186" s="53"/>
      <c r="CB3186" s="53">
        <v>90631.833333333299</v>
      </c>
      <c r="CC3186" s="53">
        <v>90631.833333333299</v>
      </c>
      <c r="CD3186" s="53">
        <v>90631.833333333299</v>
      </c>
      <c r="CE3186" s="53">
        <v>90631.833333333299</v>
      </c>
      <c r="CF3186" s="53">
        <v>90631.833333333299</v>
      </c>
      <c r="CG3186" s="53">
        <v>90631.833333333299</v>
      </c>
      <c r="CH3186" s="53">
        <v>90631.833333333299</v>
      </c>
      <c r="CI3186" s="53">
        <v>90631.833333333299</v>
      </c>
      <c r="CJ3186" s="53">
        <v>90631.833333333299</v>
      </c>
      <c r="CK3186" s="53">
        <v>90631.833333333299</v>
      </c>
      <c r="CL3186" s="53">
        <v>90631.833333333299</v>
      </c>
      <c r="CM3186" s="53">
        <v>90631.833333333299</v>
      </c>
      <c r="CN3186" s="53">
        <v>1087582</v>
      </c>
    </row>
    <row r="3187" spans="1:92" outlineLevel="1">
      <c r="A3187" s="52" t="s">
        <v>1579</v>
      </c>
      <c r="B3187" s="53"/>
      <c r="C3187" s="53"/>
      <c r="D3187" s="53"/>
      <c r="E3187" s="53"/>
      <c r="F3187" s="53"/>
      <c r="G3187" s="53"/>
      <c r="H3187" s="53"/>
      <c r="I3187" s="53"/>
      <c r="J3187" s="53"/>
      <c r="K3187" s="53"/>
      <c r="L3187" s="53"/>
      <c r="M3187" s="53"/>
      <c r="N3187" s="53"/>
      <c r="O3187" s="53"/>
      <c r="P3187" s="53"/>
      <c r="Q3187" s="53"/>
      <c r="R3187" s="53"/>
      <c r="S3187" s="53"/>
      <c r="T3187" s="53"/>
      <c r="U3187" s="53"/>
      <c r="V3187" s="53"/>
      <c r="W3187" s="53"/>
      <c r="X3187" s="53"/>
      <c r="Y3187" s="53"/>
      <c r="Z3187" s="53"/>
      <c r="AA3187" s="53"/>
      <c r="AB3187" s="53"/>
      <c r="AC3187" s="53"/>
      <c r="AD3187" s="53"/>
      <c r="AE3187" s="53"/>
      <c r="AF3187" s="53"/>
      <c r="AG3187" s="53"/>
      <c r="AH3187" s="53"/>
      <c r="AI3187" s="53"/>
      <c r="AJ3187" s="53"/>
      <c r="AK3187" s="53"/>
      <c r="AL3187" s="53"/>
      <c r="AM3187" s="53"/>
      <c r="AN3187" s="53"/>
      <c r="AO3187" s="53"/>
      <c r="AP3187" s="53"/>
      <c r="AQ3187" s="53"/>
      <c r="AR3187" s="53"/>
      <c r="AS3187" s="53"/>
      <c r="AT3187" s="53"/>
      <c r="AU3187" s="53"/>
      <c r="AV3187" s="53"/>
      <c r="AW3187" s="53"/>
      <c r="AX3187" s="53"/>
      <c r="AY3187" s="53"/>
      <c r="AZ3187" s="53"/>
      <c r="BA3187" s="53"/>
      <c r="BB3187" s="53"/>
      <c r="BC3187" s="53"/>
      <c r="BD3187" s="53"/>
      <c r="BE3187" s="53"/>
      <c r="BF3187" s="53"/>
      <c r="BG3187" s="53"/>
      <c r="BH3187" s="53"/>
      <c r="BI3187" s="53"/>
      <c r="BJ3187" s="53"/>
      <c r="BK3187" s="53"/>
      <c r="BL3187" s="53"/>
      <c r="BM3187" s="53"/>
      <c r="BN3187" s="53"/>
      <c r="BO3187" s="53"/>
      <c r="BP3187" s="53"/>
      <c r="BQ3187" s="53"/>
      <c r="BR3187" s="53"/>
      <c r="BS3187" s="53"/>
      <c r="BT3187" s="53"/>
      <c r="BU3187" s="53"/>
      <c r="BV3187" s="53"/>
      <c r="BW3187" s="53"/>
      <c r="BX3187" s="53"/>
      <c r="BY3187" s="53"/>
      <c r="BZ3187" s="53"/>
      <c r="CA3187" s="53"/>
      <c r="CB3187" s="53"/>
      <c r="CC3187" s="53"/>
      <c r="CD3187" s="53"/>
      <c r="CE3187" s="53"/>
      <c r="CF3187" s="53"/>
      <c r="CG3187" s="53"/>
      <c r="CH3187" s="53"/>
      <c r="CI3187" s="53"/>
      <c r="CJ3187" s="53"/>
      <c r="CK3187" s="53"/>
      <c r="CL3187" s="53"/>
      <c r="CM3187" s="53"/>
      <c r="CN3187" s="53"/>
    </row>
    <row r="3188" spans="1:92" outlineLevel="1">
      <c r="A3188" s="52" t="s">
        <v>711</v>
      </c>
      <c r="B3188" s="53"/>
      <c r="C3188" s="53"/>
      <c r="D3188" s="53"/>
      <c r="E3188" s="53"/>
      <c r="F3188" s="53"/>
      <c r="G3188" s="53"/>
      <c r="H3188" s="53"/>
      <c r="I3188" s="53"/>
      <c r="J3188" s="53"/>
      <c r="K3188" s="53"/>
      <c r="L3188" s="53"/>
      <c r="M3188" s="53"/>
      <c r="N3188" s="53"/>
      <c r="O3188" s="53"/>
      <c r="P3188" s="53"/>
      <c r="Q3188" s="53"/>
      <c r="R3188" s="53"/>
      <c r="S3188" s="53"/>
      <c r="T3188" s="53"/>
      <c r="U3188" s="53"/>
      <c r="V3188" s="53"/>
      <c r="W3188" s="53"/>
      <c r="X3188" s="53"/>
      <c r="Y3188" s="53"/>
      <c r="Z3188" s="53"/>
      <c r="AA3188" s="53"/>
      <c r="AB3188" s="53"/>
      <c r="AC3188" s="53"/>
      <c r="AD3188" s="53"/>
      <c r="AE3188" s="53"/>
      <c r="AF3188" s="53"/>
      <c r="AG3188" s="53"/>
      <c r="AH3188" s="53"/>
      <c r="AI3188" s="53"/>
      <c r="AJ3188" s="53"/>
      <c r="AK3188" s="53"/>
      <c r="AL3188" s="53"/>
      <c r="AM3188" s="53"/>
      <c r="AN3188" s="53"/>
      <c r="AO3188" s="53"/>
      <c r="AP3188" s="53"/>
      <c r="AQ3188" s="53"/>
      <c r="AR3188" s="53"/>
      <c r="AS3188" s="53"/>
      <c r="AT3188" s="53"/>
      <c r="AU3188" s="53"/>
      <c r="AV3188" s="53"/>
      <c r="AW3188" s="53"/>
      <c r="AX3188" s="53"/>
      <c r="AY3188" s="53"/>
      <c r="AZ3188" s="53"/>
      <c r="BA3188" s="53"/>
      <c r="BB3188" s="53"/>
      <c r="BC3188" s="53"/>
      <c r="BD3188" s="53"/>
      <c r="BE3188" s="53"/>
      <c r="BF3188" s="53"/>
      <c r="BG3188" s="53"/>
      <c r="BH3188" s="53"/>
      <c r="BI3188" s="53"/>
      <c r="BJ3188" s="53"/>
      <c r="BK3188" s="53"/>
      <c r="BL3188" s="53"/>
      <c r="BM3188" s="53"/>
      <c r="BN3188" s="53"/>
      <c r="BO3188" s="53"/>
      <c r="BP3188" s="53"/>
      <c r="BQ3188" s="53"/>
      <c r="BR3188" s="53"/>
      <c r="BS3188" s="53"/>
      <c r="BT3188" s="53"/>
      <c r="BU3188" s="53"/>
      <c r="BV3188" s="53"/>
      <c r="BW3188" s="53"/>
      <c r="BX3188" s="53"/>
      <c r="BY3188" s="53"/>
      <c r="BZ3188" s="53"/>
      <c r="CA3188" s="53"/>
      <c r="CB3188" s="53">
        <v>44492.666666666497</v>
      </c>
      <c r="CC3188" s="53">
        <v>44492.666666666497</v>
      </c>
      <c r="CD3188" s="53">
        <v>44492.666666666497</v>
      </c>
      <c r="CE3188" s="53">
        <v>44492.666666666497</v>
      </c>
      <c r="CF3188" s="53">
        <v>44492.666666666497</v>
      </c>
      <c r="CG3188" s="53">
        <v>44492.666666666497</v>
      </c>
      <c r="CH3188" s="53">
        <v>44492.666666666497</v>
      </c>
      <c r="CI3188" s="53">
        <v>44492.666666666497</v>
      </c>
      <c r="CJ3188" s="53">
        <v>44492.666666666497</v>
      </c>
      <c r="CK3188" s="53">
        <v>44492.666666666497</v>
      </c>
      <c r="CL3188" s="53">
        <v>44492.666666666497</v>
      </c>
      <c r="CM3188" s="53">
        <v>44492.666666666497</v>
      </c>
      <c r="CN3188" s="53">
        <v>533911.99999999895</v>
      </c>
    </row>
    <row r="3189" spans="1:92" outlineLevel="1">
      <c r="A3189" s="52" t="s">
        <v>723</v>
      </c>
      <c r="B3189" s="53"/>
      <c r="C3189" s="53"/>
      <c r="D3189" s="53"/>
      <c r="E3189" s="53"/>
      <c r="F3189" s="53"/>
      <c r="G3189" s="53"/>
      <c r="H3189" s="53"/>
      <c r="I3189" s="53"/>
      <c r="J3189" s="53"/>
      <c r="K3189" s="53"/>
      <c r="L3189" s="53"/>
      <c r="M3189" s="53"/>
      <c r="N3189" s="53"/>
      <c r="O3189" s="53"/>
      <c r="P3189" s="53"/>
      <c r="Q3189" s="53"/>
      <c r="R3189" s="53"/>
      <c r="S3189" s="53"/>
      <c r="T3189" s="53"/>
      <c r="U3189" s="53"/>
      <c r="V3189" s="53"/>
      <c r="W3189" s="53"/>
      <c r="X3189" s="53"/>
      <c r="Y3189" s="53"/>
      <c r="Z3189" s="53"/>
      <c r="AA3189" s="53"/>
      <c r="AB3189" s="53"/>
      <c r="AC3189" s="53"/>
      <c r="AD3189" s="53"/>
      <c r="AE3189" s="53"/>
      <c r="AF3189" s="53"/>
      <c r="AG3189" s="53"/>
      <c r="AH3189" s="53"/>
      <c r="AI3189" s="53"/>
      <c r="AJ3189" s="53"/>
      <c r="AK3189" s="53"/>
      <c r="AL3189" s="53"/>
      <c r="AM3189" s="53"/>
      <c r="AN3189" s="53"/>
      <c r="AO3189" s="53"/>
      <c r="AP3189" s="53"/>
      <c r="AQ3189" s="53"/>
      <c r="AR3189" s="53"/>
      <c r="AS3189" s="53"/>
      <c r="AT3189" s="53"/>
      <c r="AU3189" s="53"/>
      <c r="AV3189" s="53"/>
      <c r="AW3189" s="53"/>
      <c r="AX3189" s="53"/>
      <c r="AY3189" s="53"/>
      <c r="AZ3189" s="53"/>
      <c r="BA3189" s="53"/>
      <c r="BB3189" s="53"/>
      <c r="BC3189" s="53"/>
      <c r="BD3189" s="53"/>
      <c r="BE3189" s="53"/>
      <c r="BF3189" s="53"/>
      <c r="BG3189" s="53"/>
      <c r="BH3189" s="53"/>
      <c r="BI3189" s="53"/>
      <c r="BJ3189" s="53"/>
      <c r="BK3189" s="53"/>
      <c r="BL3189" s="53"/>
      <c r="BM3189" s="53"/>
      <c r="BN3189" s="53"/>
      <c r="BO3189" s="53">
        <v>-650000000</v>
      </c>
      <c r="BP3189" s="53"/>
      <c r="BQ3189" s="53"/>
      <c r="BR3189" s="53"/>
      <c r="BS3189" s="53"/>
      <c r="BT3189" s="53"/>
      <c r="BU3189" s="53"/>
      <c r="BV3189" s="53"/>
      <c r="BW3189" s="53"/>
      <c r="BX3189" s="53"/>
      <c r="BY3189" s="53"/>
      <c r="BZ3189" s="53"/>
      <c r="CA3189" s="53">
        <v>-650000000</v>
      </c>
      <c r="CB3189" s="53"/>
      <c r="CC3189" s="53"/>
      <c r="CD3189" s="53"/>
      <c r="CE3189" s="53"/>
      <c r="CF3189" s="53"/>
      <c r="CG3189" s="53"/>
      <c r="CH3189" s="53"/>
      <c r="CI3189" s="53"/>
      <c r="CJ3189" s="53"/>
      <c r="CK3189" s="53"/>
      <c r="CL3189" s="53"/>
      <c r="CM3189" s="53"/>
      <c r="CN3189" s="53"/>
    </row>
    <row r="3190" spans="1:92" outlineLevel="1">
      <c r="A3190" s="52" t="s">
        <v>725</v>
      </c>
      <c r="B3190" s="53"/>
      <c r="C3190" s="53"/>
      <c r="D3190" s="53"/>
      <c r="E3190" s="53"/>
      <c r="F3190" s="53"/>
      <c r="G3190" s="53"/>
      <c r="H3190" s="53"/>
      <c r="I3190" s="53"/>
      <c r="J3190" s="53"/>
      <c r="K3190" s="53"/>
      <c r="L3190" s="53"/>
      <c r="M3190" s="53"/>
      <c r="N3190" s="53"/>
      <c r="O3190" s="53"/>
      <c r="P3190" s="53"/>
      <c r="Q3190" s="53"/>
      <c r="R3190" s="53"/>
      <c r="S3190" s="53"/>
      <c r="T3190" s="53"/>
      <c r="U3190" s="53"/>
      <c r="V3190" s="53"/>
      <c r="W3190" s="53"/>
      <c r="X3190" s="53"/>
      <c r="Y3190" s="53"/>
      <c r="Z3190" s="53"/>
      <c r="AA3190" s="53"/>
      <c r="AB3190" s="53"/>
      <c r="AC3190" s="53"/>
      <c r="AD3190" s="53"/>
      <c r="AE3190" s="53"/>
      <c r="AF3190" s="53"/>
      <c r="AG3190" s="53"/>
      <c r="AH3190" s="53"/>
      <c r="AI3190" s="53"/>
      <c r="AJ3190" s="53"/>
      <c r="AK3190" s="53"/>
      <c r="AL3190" s="53"/>
      <c r="AM3190" s="53"/>
      <c r="AN3190" s="53"/>
      <c r="AO3190" s="53"/>
      <c r="AP3190" s="53"/>
      <c r="AQ3190" s="53"/>
      <c r="AR3190" s="53"/>
      <c r="AS3190" s="53"/>
      <c r="AT3190" s="53"/>
      <c r="AU3190" s="53"/>
      <c r="AV3190" s="53"/>
      <c r="AW3190" s="53"/>
      <c r="AX3190" s="53"/>
      <c r="AY3190" s="53"/>
      <c r="AZ3190" s="53"/>
      <c r="BA3190" s="53"/>
      <c r="BB3190" s="53"/>
      <c r="BC3190" s="53"/>
      <c r="BD3190" s="53"/>
      <c r="BE3190" s="53"/>
      <c r="BF3190" s="53"/>
      <c r="BG3190" s="53"/>
      <c r="BH3190" s="53"/>
      <c r="BI3190" s="53"/>
      <c r="BJ3190" s="53"/>
      <c r="BK3190" s="53"/>
      <c r="BL3190" s="53"/>
      <c r="BM3190" s="53"/>
      <c r="BN3190" s="53"/>
      <c r="BO3190" s="53"/>
      <c r="BP3190" s="53"/>
      <c r="BQ3190" s="53"/>
      <c r="BR3190" s="53"/>
      <c r="BS3190" s="53"/>
      <c r="BT3190" s="53"/>
      <c r="BU3190" s="53"/>
      <c r="BV3190" s="53"/>
      <c r="BW3190" s="53"/>
      <c r="BX3190" s="53"/>
      <c r="BY3190" s="53"/>
      <c r="BZ3190" s="53"/>
      <c r="CA3190" s="53"/>
      <c r="CB3190" s="53"/>
      <c r="CC3190" s="53"/>
      <c r="CD3190" s="53"/>
      <c r="CE3190" s="53"/>
      <c r="CF3190" s="53"/>
      <c r="CG3190" s="53"/>
      <c r="CH3190" s="53"/>
      <c r="CI3190" s="53"/>
      <c r="CJ3190" s="53"/>
      <c r="CK3190" s="53"/>
      <c r="CL3190" s="53"/>
      <c r="CM3190" s="53"/>
      <c r="CN3190" s="53"/>
    </row>
    <row r="3191" spans="1:92" outlineLevel="1">
      <c r="A3191" s="52" t="s">
        <v>1564</v>
      </c>
      <c r="B3191" s="53"/>
      <c r="C3191" s="53"/>
      <c r="D3191" s="53"/>
      <c r="E3191" s="53"/>
      <c r="F3191" s="53"/>
      <c r="G3191" s="53"/>
      <c r="H3191" s="53"/>
      <c r="I3191" s="53"/>
      <c r="J3191" s="53"/>
      <c r="K3191" s="53"/>
      <c r="L3191" s="53"/>
      <c r="M3191" s="53"/>
      <c r="N3191" s="53"/>
      <c r="O3191" s="53"/>
      <c r="P3191" s="53"/>
      <c r="Q3191" s="53"/>
      <c r="R3191" s="53"/>
      <c r="S3191" s="53"/>
      <c r="T3191" s="53"/>
      <c r="U3191" s="53"/>
      <c r="V3191" s="53"/>
      <c r="W3191" s="53"/>
      <c r="X3191" s="53"/>
      <c r="Y3191" s="53"/>
      <c r="Z3191" s="53"/>
      <c r="AA3191" s="53"/>
      <c r="AB3191" s="53"/>
      <c r="AC3191" s="53"/>
      <c r="AD3191" s="53"/>
      <c r="AE3191" s="53">
        <v>-800000000</v>
      </c>
      <c r="AF3191" s="53"/>
      <c r="AG3191" s="53"/>
      <c r="AH3191" s="53"/>
      <c r="AI3191" s="53"/>
      <c r="AJ3191" s="53"/>
      <c r="AK3191" s="53"/>
      <c r="AL3191" s="53"/>
      <c r="AM3191" s="53"/>
      <c r="AN3191" s="53">
        <v>-800000000</v>
      </c>
      <c r="AO3191" s="53"/>
      <c r="AP3191" s="53"/>
      <c r="AQ3191" s="53"/>
      <c r="AR3191" s="53"/>
      <c r="AS3191" s="53"/>
      <c r="AT3191" s="53"/>
      <c r="AU3191" s="53"/>
      <c r="AV3191" s="53"/>
      <c r="AW3191" s="53"/>
      <c r="AX3191" s="53"/>
      <c r="AY3191" s="53"/>
      <c r="AZ3191" s="53"/>
      <c r="BA3191" s="53"/>
      <c r="BB3191" s="53"/>
      <c r="BC3191" s="53"/>
      <c r="BD3191" s="53"/>
      <c r="BE3191" s="53"/>
      <c r="BF3191" s="53"/>
      <c r="BG3191" s="53"/>
      <c r="BH3191" s="53"/>
      <c r="BI3191" s="53"/>
      <c r="BJ3191" s="53"/>
      <c r="BK3191" s="53"/>
      <c r="BL3191" s="53"/>
      <c r="BM3191" s="53"/>
      <c r="BN3191" s="53"/>
      <c r="BO3191" s="53"/>
      <c r="BP3191" s="53"/>
      <c r="BQ3191" s="53"/>
      <c r="BR3191" s="53"/>
      <c r="BS3191" s="53"/>
      <c r="BT3191" s="53"/>
      <c r="BU3191" s="53"/>
      <c r="BV3191" s="53"/>
      <c r="BW3191" s="53"/>
      <c r="BX3191" s="53"/>
      <c r="BY3191" s="53"/>
      <c r="BZ3191" s="53"/>
      <c r="CA3191" s="53"/>
      <c r="CB3191" s="53"/>
      <c r="CC3191" s="53"/>
      <c r="CD3191" s="53"/>
      <c r="CE3191" s="53"/>
      <c r="CF3191" s="53"/>
      <c r="CG3191" s="53"/>
      <c r="CH3191" s="53"/>
      <c r="CI3191" s="53"/>
      <c r="CJ3191" s="53"/>
      <c r="CK3191" s="53"/>
      <c r="CL3191" s="53"/>
      <c r="CM3191" s="53"/>
      <c r="CN3191" s="53"/>
    </row>
    <row r="3192" spans="1:92" outlineLevel="1">
      <c r="A3192" s="52" t="s">
        <v>1562</v>
      </c>
      <c r="B3192" s="53"/>
      <c r="C3192" s="53"/>
      <c r="D3192" s="53"/>
      <c r="E3192" s="53"/>
      <c r="F3192" s="53"/>
      <c r="G3192" s="53"/>
      <c r="H3192" s="53"/>
      <c r="I3192" s="53"/>
      <c r="J3192" s="53"/>
      <c r="K3192" s="53"/>
      <c r="L3192" s="53"/>
      <c r="M3192" s="53"/>
      <c r="N3192" s="53"/>
      <c r="O3192" s="53"/>
      <c r="P3192" s="53"/>
      <c r="Q3192" s="53"/>
      <c r="R3192" s="53"/>
      <c r="S3192" s="53"/>
      <c r="T3192" s="53"/>
      <c r="U3192" s="53"/>
      <c r="V3192" s="53"/>
      <c r="W3192" s="53"/>
      <c r="X3192" s="53"/>
      <c r="Y3192" s="53"/>
      <c r="Z3192" s="53"/>
      <c r="AA3192" s="53"/>
      <c r="AB3192" s="53"/>
      <c r="AC3192" s="53"/>
      <c r="AD3192" s="53"/>
      <c r="AE3192" s="53"/>
      <c r="AF3192" s="53"/>
      <c r="AG3192" s="53"/>
      <c r="AH3192" s="53"/>
      <c r="AI3192" s="53"/>
      <c r="AJ3192" s="53"/>
      <c r="AK3192" s="53"/>
      <c r="AL3192" s="53"/>
      <c r="AM3192" s="53"/>
      <c r="AN3192" s="53"/>
      <c r="AO3192" s="53"/>
      <c r="AP3192" s="53"/>
      <c r="AQ3192" s="53"/>
      <c r="AR3192" s="53"/>
      <c r="AS3192" s="53"/>
      <c r="AT3192" s="53"/>
      <c r="AU3192" s="53"/>
      <c r="AV3192" s="53"/>
      <c r="AW3192" s="53"/>
      <c r="AX3192" s="53"/>
      <c r="AY3192" s="53"/>
      <c r="AZ3192" s="53"/>
      <c r="BA3192" s="53"/>
      <c r="BB3192" s="53"/>
      <c r="BC3192" s="53"/>
      <c r="BD3192" s="53"/>
      <c r="BE3192" s="53"/>
      <c r="BF3192" s="53"/>
      <c r="BG3192" s="53"/>
      <c r="BH3192" s="53"/>
      <c r="BI3192" s="53"/>
      <c r="BJ3192" s="53"/>
      <c r="BK3192" s="53"/>
      <c r="BL3192" s="53"/>
      <c r="BM3192" s="53"/>
      <c r="BN3192" s="53"/>
      <c r="BO3192" s="53"/>
      <c r="BP3192" s="53"/>
      <c r="BQ3192" s="53"/>
      <c r="BR3192" s="53"/>
      <c r="BS3192" s="53"/>
      <c r="BT3192" s="53"/>
      <c r="BU3192" s="53"/>
      <c r="BV3192" s="53"/>
      <c r="BW3192" s="53"/>
      <c r="BX3192" s="53"/>
      <c r="BY3192" s="53"/>
      <c r="BZ3192" s="53"/>
      <c r="CA3192" s="53"/>
      <c r="CB3192" s="53"/>
      <c r="CC3192" s="53"/>
      <c r="CD3192" s="53"/>
      <c r="CE3192" s="53"/>
      <c r="CF3192" s="53"/>
      <c r="CG3192" s="53"/>
      <c r="CH3192" s="53"/>
      <c r="CI3192" s="53"/>
      <c r="CJ3192" s="53"/>
      <c r="CK3192" s="53"/>
      <c r="CL3192" s="53"/>
      <c r="CM3192" s="53"/>
      <c r="CN3192" s="53"/>
    </row>
    <row r="3193" spans="1:92" outlineLevel="1">
      <c r="A3193" s="52" t="s">
        <v>711</v>
      </c>
      <c r="B3193" s="53"/>
      <c r="C3193" s="53">
        <v>-5062500</v>
      </c>
      <c r="D3193" s="53"/>
      <c r="E3193" s="53"/>
      <c r="F3193" s="53"/>
      <c r="G3193" s="53"/>
      <c r="H3193" s="53"/>
      <c r="I3193" s="53">
        <v>-5062500</v>
      </c>
      <c r="J3193" s="53"/>
      <c r="K3193" s="53"/>
      <c r="L3193" s="53"/>
      <c r="M3193" s="53"/>
      <c r="N3193" s="53">
        <v>-10125000</v>
      </c>
      <c r="O3193" s="53"/>
      <c r="P3193" s="53">
        <v>-5062500</v>
      </c>
      <c r="Q3193" s="53"/>
      <c r="R3193" s="53"/>
      <c r="S3193" s="53"/>
      <c r="T3193" s="53"/>
      <c r="U3193" s="53"/>
      <c r="V3193" s="53">
        <v>-5062500</v>
      </c>
      <c r="W3193" s="53"/>
      <c r="X3193" s="53"/>
      <c r="Y3193" s="53"/>
      <c r="Z3193" s="53"/>
      <c r="AA3193" s="53">
        <v>-10125000</v>
      </c>
      <c r="AB3193" s="53"/>
      <c r="AC3193" s="53">
        <v>-5062500</v>
      </c>
      <c r="AD3193" s="53"/>
      <c r="AE3193" s="53"/>
      <c r="AF3193" s="53"/>
      <c r="AG3193" s="53"/>
      <c r="AH3193" s="53"/>
      <c r="AI3193" s="53">
        <v>-5062500</v>
      </c>
      <c r="AJ3193" s="53"/>
      <c r="AK3193" s="53"/>
      <c r="AL3193" s="53"/>
      <c r="AM3193" s="53"/>
      <c r="AN3193" s="53">
        <v>-10125000</v>
      </c>
      <c r="AO3193" s="53"/>
      <c r="AP3193" s="53">
        <v>-5062500</v>
      </c>
      <c r="AQ3193" s="53"/>
      <c r="AR3193" s="53"/>
      <c r="AS3193" s="53"/>
      <c r="AT3193" s="53"/>
      <c r="AU3193" s="53"/>
      <c r="AV3193" s="53">
        <v>-5062500</v>
      </c>
      <c r="AW3193" s="53"/>
      <c r="AX3193" s="53"/>
      <c r="AY3193" s="53"/>
      <c r="AZ3193" s="53"/>
      <c r="BA3193" s="53">
        <v>-10125000</v>
      </c>
      <c r="BB3193" s="53"/>
      <c r="BC3193" s="53">
        <v>-5062500</v>
      </c>
      <c r="BD3193" s="53"/>
      <c r="BE3193" s="53"/>
      <c r="BF3193" s="53"/>
      <c r="BG3193" s="53"/>
      <c r="BH3193" s="53"/>
      <c r="BI3193" s="53">
        <v>-5062500</v>
      </c>
      <c r="BJ3193" s="53"/>
      <c r="BK3193" s="53"/>
      <c r="BL3193" s="53"/>
      <c r="BM3193" s="53"/>
      <c r="BN3193" s="53">
        <v>-10125000</v>
      </c>
      <c r="BO3193" s="53"/>
      <c r="BP3193" s="53">
        <v>-5062500</v>
      </c>
      <c r="BQ3193" s="53"/>
      <c r="BR3193" s="53"/>
      <c r="BS3193" s="53"/>
      <c r="BT3193" s="53"/>
      <c r="BU3193" s="53"/>
      <c r="BV3193" s="53">
        <v>-5062500</v>
      </c>
      <c r="BW3193" s="53"/>
      <c r="BX3193" s="53"/>
      <c r="BY3193" s="53"/>
      <c r="BZ3193" s="53"/>
      <c r="CA3193" s="53">
        <v>-10125000</v>
      </c>
      <c r="CB3193" s="53"/>
      <c r="CC3193" s="53"/>
      <c r="CD3193" s="53"/>
      <c r="CE3193" s="53"/>
      <c r="CF3193" s="53"/>
      <c r="CG3193" s="53"/>
      <c r="CH3193" s="53"/>
      <c r="CI3193" s="53"/>
      <c r="CJ3193" s="53"/>
      <c r="CK3193" s="53"/>
      <c r="CL3193" s="53"/>
      <c r="CM3193" s="53"/>
      <c r="CN3193" s="53"/>
    </row>
    <row r="3194" spans="1:92" outlineLevel="1">
      <c r="A3194" s="52" t="s">
        <v>712</v>
      </c>
      <c r="B3194" s="53"/>
      <c r="C3194" s="53"/>
      <c r="D3194" s="53">
        <v>-6637500</v>
      </c>
      <c r="E3194" s="53"/>
      <c r="F3194" s="53"/>
      <c r="G3194" s="53"/>
      <c r="H3194" s="53"/>
      <c r="I3194" s="53"/>
      <c r="J3194" s="53">
        <v>-6637500</v>
      </c>
      <c r="K3194" s="53"/>
      <c r="L3194" s="53"/>
      <c r="M3194" s="53"/>
      <c r="N3194" s="53">
        <v>-13275000</v>
      </c>
      <c r="O3194" s="53"/>
      <c r="P3194" s="53"/>
      <c r="Q3194" s="53">
        <v>-6637500</v>
      </c>
      <c r="R3194" s="53"/>
      <c r="S3194" s="53"/>
      <c r="T3194" s="53"/>
      <c r="U3194" s="53"/>
      <c r="V3194" s="53"/>
      <c r="W3194" s="53">
        <v>-6637500</v>
      </c>
      <c r="X3194" s="53"/>
      <c r="Y3194" s="53"/>
      <c r="Z3194" s="53"/>
      <c r="AA3194" s="53">
        <v>-13275000</v>
      </c>
      <c r="AB3194" s="53"/>
      <c r="AC3194" s="53"/>
      <c r="AD3194" s="53">
        <v>-6637500</v>
      </c>
      <c r="AE3194" s="53"/>
      <c r="AF3194" s="53"/>
      <c r="AG3194" s="53"/>
      <c r="AH3194" s="53"/>
      <c r="AI3194" s="53"/>
      <c r="AJ3194" s="53">
        <v>-6637500</v>
      </c>
      <c r="AK3194" s="53"/>
      <c r="AL3194" s="53"/>
      <c r="AM3194" s="53"/>
      <c r="AN3194" s="53">
        <v>-13275000</v>
      </c>
      <c r="AO3194" s="53"/>
      <c r="AP3194" s="53"/>
      <c r="AQ3194" s="53">
        <v>-6637500</v>
      </c>
      <c r="AR3194" s="53"/>
      <c r="AS3194" s="53"/>
      <c r="AT3194" s="53"/>
      <c r="AU3194" s="53"/>
      <c r="AV3194" s="53"/>
      <c r="AW3194" s="53">
        <v>-6637500</v>
      </c>
      <c r="AX3194" s="53"/>
      <c r="AY3194" s="53"/>
      <c r="AZ3194" s="53"/>
      <c r="BA3194" s="53">
        <v>-13275000</v>
      </c>
      <c r="BB3194" s="53"/>
      <c r="BC3194" s="53"/>
      <c r="BD3194" s="53">
        <v>-6637500</v>
      </c>
      <c r="BE3194" s="53"/>
      <c r="BF3194" s="53"/>
      <c r="BG3194" s="53"/>
      <c r="BH3194" s="53"/>
      <c r="BI3194" s="53"/>
      <c r="BJ3194" s="53">
        <v>-6637500</v>
      </c>
      <c r="BK3194" s="53"/>
      <c r="BL3194" s="53"/>
      <c r="BM3194" s="53"/>
      <c r="BN3194" s="53">
        <v>-13275000</v>
      </c>
      <c r="BO3194" s="53"/>
      <c r="BP3194" s="53"/>
      <c r="BQ3194" s="53">
        <v>-6637500</v>
      </c>
      <c r="BR3194" s="53"/>
      <c r="BS3194" s="53"/>
      <c r="BT3194" s="53"/>
      <c r="BU3194" s="53"/>
      <c r="BV3194" s="53"/>
      <c r="BW3194" s="53">
        <v>-6637500</v>
      </c>
      <c r="BX3194" s="53"/>
      <c r="BY3194" s="53"/>
      <c r="BZ3194" s="53"/>
      <c r="CA3194" s="53">
        <v>-13275000</v>
      </c>
      <c r="CB3194" s="53"/>
      <c r="CC3194" s="53"/>
      <c r="CD3194" s="53"/>
      <c r="CE3194" s="53"/>
      <c r="CF3194" s="53"/>
      <c r="CG3194" s="53"/>
      <c r="CH3194" s="53"/>
      <c r="CI3194" s="53"/>
      <c r="CJ3194" s="53"/>
      <c r="CK3194" s="53"/>
      <c r="CL3194" s="53"/>
      <c r="CM3194" s="53"/>
      <c r="CN3194" s="53"/>
    </row>
    <row r="3195" spans="1:92" outlineLevel="1">
      <c r="A3195" s="52" t="s">
        <v>713</v>
      </c>
      <c r="B3195" s="53"/>
      <c r="C3195" s="53"/>
      <c r="D3195" s="53">
        <v>-15875000.666666601</v>
      </c>
      <c r="E3195" s="53"/>
      <c r="F3195" s="53"/>
      <c r="G3195" s="53"/>
      <c r="H3195" s="53"/>
      <c r="I3195" s="53"/>
      <c r="J3195" s="53">
        <v>-15874999.666666601</v>
      </c>
      <c r="K3195" s="53"/>
      <c r="L3195" s="53"/>
      <c r="M3195" s="53"/>
      <c r="N3195" s="53">
        <v>-31750000.333333299</v>
      </c>
      <c r="O3195" s="53"/>
      <c r="P3195" s="53"/>
      <c r="Q3195" s="53">
        <v>-15875000.3333333</v>
      </c>
      <c r="R3195" s="53"/>
      <c r="S3195" s="53"/>
      <c r="T3195" s="53"/>
      <c r="U3195" s="53"/>
      <c r="V3195" s="53"/>
      <c r="W3195" s="53">
        <v>-15875000</v>
      </c>
      <c r="X3195" s="53"/>
      <c r="Y3195" s="53"/>
      <c r="Z3195" s="53"/>
      <c r="AA3195" s="53">
        <v>-31750000.333333299</v>
      </c>
      <c r="AB3195" s="53"/>
      <c r="AC3195" s="53"/>
      <c r="AD3195" s="53">
        <v>-15875000</v>
      </c>
      <c r="AE3195" s="53"/>
      <c r="AF3195" s="53"/>
      <c r="AG3195" s="53"/>
      <c r="AH3195" s="53"/>
      <c r="AI3195" s="53"/>
      <c r="AJ3195" s="53">
        <v>-15875000</v>
      </c>
      <c r="AK3195" s="53"/>
      <c r="AL3195" s="53"/>
      <c r="AM3195" s="53"/>
      <c r="AN3195" s="53">
        <v>-31750000</v>
      </c>
      <c r="AO3195" s="53"/>
      <c r="AP3195" s="53"/>
      <c r="AQ3195" s="53">
        <v>-15875000</v>
      </c>
      <c r="AR3195" s="53"/>
      <c r="AS3195" s="53"/>
      <c r="AT3195" s="53"/>
      <c r="AU3195" s="53"/>
      <c r="AV3195" s="53"/>
      <c r="AW3195" s="53">
        <v>-15875000</v>
      </c>
      <c r="AX3195" s="53"/>
      <c r="AY3195" s="53"/>
      <c r="AZ3195" s="53"/>
      <c r="BA3195" s="53">
        <v>-31750000</v>
      </c>
      <c r="BB3195" s="53"/>
      <c r="BC3195" s="53"/>
      <c r="BD3195" s="53">
        <v>-15875000</v>
      </c>
      <c r="BE3195" s="53"/>
      <c r="BF3195" s="53"/>
      <c r="BG3195" s="53"/>
      <c r="BH3195" s="53"/>
      <c r="BI3195" s="53"/>
      <c r="BJ3195" s="53">
        <v>-15875000</v>
      </c>
      <c r="BK3195" s="53"/>
      <c r="BL3195" s="53"/>
      <c r="BM3195" s="53"/>
      <c r="BN3195" s="53">
        <v>-31750000</v>
      </c>
      <c r="BO3195" s="53"/>
      <c r="BP3195" s="53"/>
      <c r="BQ3195" s="53">
        <v>-15875000</v>
      </c>
      <c r="BR3195" s="53"/>
      <c r="BS3195" s="53"/>
      <c r="BT3195" s="53"/>
      <c r="BU3195" s="53"/>
      <c r="BV3195" s="53"/>
      <c r="BW3195" s="53">
        <v>-15875000</v>
      </c>
      <c r="BX3195" s="53"/>
      <c r="BY3195" s="53"/>
      <c r="BZ3195" s="53"/>
      <c r="CA3195" s="53">
        <v>-31750000</v>
      </c>
      <c r="CB3195" s="53"/>
      <c r="CC3195" s="53"/>
      <c r="CD3195" s="53"/>
      <c r="CE3195" s="53"/>
      <c r="CF3195" s="53"/>
      <c r="CG3195" s="53"/>
      <c r="CH3195" s="53"/>
      <c r="CI3195" s="53"/>
      <c r="CJ3195" s="53"/>
      <c r="CK3195" s="53"/>
      <c r="CL3195" s="53"/>
      <c r="CM3195" s="53"/>
      <c r="CN3195" s="53"/>
    </row>
    <row r="3196" spans="1:92" outlineLevel="1">
      <c r="A3196" s="52" t="s">
        <v>716</v>
      </c>
      <c r="B3196" s="53"/>
      <c r="C3196" s="53"/>
      <c r="D3196" s="53"/>
      <c r="E3196" s="53"/>
      <c r="F3196" s="53"/>
      <c r="G3196" s="53">
        <v>-32000000.666666601</v>
      </c>
      <c r="H3196" s="53"/>
      <c r="I3196" s="53"/>
      <c r="J3196" s="53"/>
      <c r="K3196" s="53"/>
      <c r="L3196" s="53"/>
      <c r="M3196" s="53">
        <v>-31999999.666666601</v>
      </c>
      <c r="N3196" s="53">
        <v>-64000000.333333299</v>
      </c>
      <c r="O3196" s="53"/>
      <c r="P3196" s="53"/>
      <c r="Q3196" s="53"/>
      <c r="R3196" s="53"/>
      <c r="S3196" s="53"/>
      <c r="T3196" s="53">
        <v>-32000000.333333299</v>
      </c>
      <c r="U3196" s="53"/>
      <c r="V3196" s="53"/>
      <c r="W3196" s="53"/>
      <c r="X3196" s="53"/>
      <c r="Y3196" s="53"/>
      <c r="Z3196" s="53">
        <v>-31999999.999999899</v>
      </c>
      <c r="AA3196" s="53">
        <v>-64000000.333333299</v>
      </c>
      <c r="AB3196" s="53"/>
      <c r="AC3196" s="53"/>
      <c r="AD3196" s="53"/>
      <c r="AE3196" s="53"/>
      <c r="AF3196" s="53"/>
      <c r="AG3196" s="53">
        <v>-32000000</v>
      </c>
      <c r="AH3196" s="53"/>
      <c r="AI3196" s="53"/>
      <c r="AJ3196" s="53"/>
      <c r="AK3196" s="53"/>
      <c r="AL3196" s="53"/>
      <c r="AM3196" s="53">
        <v>-31999999.999999899</v>
      </c>
      <c r="AN3196" s="53">
        <v>-64000000</v>
      </c>
      <c r="AO3196" s="53"/>
      <c r="AP3196" s="53"/>
      <c r="AQ3196" s="53"/>
      <c r="AR3196" s="53"/>
      <c r="AS3196" s="53"/>
      <c r="AT3196" s="53">
        <v>-32000000</v>
      </c>
      <c r="AU3196" s="53"/>
      <c r="AV3196" s="53"/>
      <c r="AW3196" s="53"/>
      <c r="AX3196" s="53"/>
      <c r="AY3196" s="53"/>
      <c r="AZ3196" s="53">
        <v>-31999999.999999899</v>
      </c>
      <c r="BA3196" s="53">
        <v>-64000000</v>
      </c>
      <c r="BB3196" s="53"/>
      <c r="BC3196" s="53"/>
      <c r="BD3196" s="53"/>
      <c r="BE3196" s="53"/>
      <c r="BF3196" s="53"/>
      <c r="BG3196" s="53">
        <v>-32000000</v>
      </c>
      <c r="BH3196" s="53"/>
      <c r="BI3196" s="53"/>
      <c r="BJ3196" s="53"/>
      <c r="BK3196" s="53"/>
      <c r="BL3196" s="53"/>
      <c r="BM3196" s="53">
        <v>-31999999.999999899</v>
      </c>
      <c r="BN3196" s="53">
        <v>-64000000</v>
      </c>
      <c r="BO3196" s="53"/>
      <c r="BP3196" s="53"/>
      <c r="BQ3196" s="53"/>
      <c r="BR3196" s="53"/>
      <c r="BS3196" s="53"/>
      <c r="BT3196" s="53">
        <v>-32000000</v>
      </c>
      <c r="BU3196" s="53"/>
      <c r="BV3196" s="53"/>
      <c r="BW3196" s="53"/>
      <c r="BX3196" s="53"/>
      <c r="BY3196" s="53"/>
      <c r="BZ3196" s="53">
        <v>-31999999.999999899</v>
      </c>
      <c r="CA3196" s="53">
        <v>-64000000</v>
      </c>
      <c r="CB3196" s="53"/>
      <c r="CC3196" s="53"/>
      <c r="CD3196" s="53"/>
      <c r="CE3196" s="53"/>
      <c r="CF3196" s="53"/>
      <c r="CG3196" s="53"/>
      <c r="CH3196" s="53"/>
      <c r="CI3196" s="53"/>
      <c r="CJ3196" s="53"/>
      <c r="CK3196" s="53"/>
      <c r="CL3196" s="53"/>
      <c r="CM3196" s="53"/>
      <c r="CN3196" s="53"/>
    </row>
    <row r="3197" spans="1:92" outlineLevel="1">
      <c r="A3197" s="52" t="s">
        <v>717</v>
      </c>
      <c r="B3197" s="53"/>
      <c r="C3197" s="53"/>
      <c r="D3197" s="53"/>
      <c r="E3197" s="53">
        <v>-9887499.5555555504</v>
      </c>
      <c r="F3197" s="53"/>
      <c r="G3197" s="53"/>
      <c r="H3197" s="53"/>
      <c r="I3197" s="53"/>
      <c r="J3197" s="53"/>
      <c r="K3197" s="53">
        <v>-9887499.5555555504</v>
      </c>
      <c r="L3197" s="53"/>
      <c r="M3197" s="53"/>
      <c r="N3197" s="53">
        <v>-19774999.111111101</v>
      </c>
      <c r="O3197" s="53"/>
      <c r="P3197" s="53"/>
      <c r="Q3197" s="53"/>
      <c r="R3197" s="53">
        <v>-9887499.5555555504</v>
      </c>
      <c r="S3197" s="53"/>
      <c r="T3197" s="53"/>
      <c r="U3197" s="53"/>
      <c r="V3197" s="53"/>
      <c r="W3197" s="53"/>
      <c r="X3197" s="53">
        <v>-9887500</v>
      </c>
      <c r="Y3197" s="53"/>
      <c r="Z3197" s="53"/>
      <c r="AA3197" s="53">
        <v>-19774999.5555555</v>
      </c>
      <c r="AB3197" s="53"/>
      <c r="AC3197" s="53"/>
      <c r="AD3197" s="53"/>
      <c r="AE3197" s="53">
        <v>-9887500</v>
      </c>
      <c r="AF3197" s="53"/>
      <c r="AG3197" s="53"/>
      <c r="AH3197" s="53"/>
      <c r="AI3197" s="53"/>
      <c r="AJ3197" s="53"/>
      <c r="AK3197" s="53">
        <v>-9887500</v>
      </c>
      <c r="AL3197" s="53"/>
      <c r="AM3197" s="53"/>
      <c r="AN3197" s="53">
        <v>-19775000</v>
      </c>
      <c r="AO3197" s="53"/>
      <c r="AP3197" s="53"/>
      <c r="AQ3197" s="53"/>
      <c r="AR3197" s="53">
        <v>-9887500</v>
      </c>
      <c r="AS3197" s="53"/>
      <c r="AT3197" s="53"/>
      <c r="AU3197" s="53"/>
      <c r="AV3197" s="53"/>
      <c r="AW3197" s="53"/>
      <c r="AX3197" s="53">
        <v>-9887500</v>
      </c>
      <c r="AY3197" s="53"/>
      <c r="AZ3197" s="53"/>
      <c r="BA3197" s="53">
        <v>-19775000</v>
      </c>
      <c r="BB3197" s="53"/>
      <c r="BC3197" s="53"/>
      <c r="BD3197" s="53"/>
      <c r="BE3197" s="53">
        <v>-9887500</v>
      </c>
      <c r="BF3197" s="53"/>
      <c r="BG3197" s="53"/>
      <c r="BH3197" s="53"/>
      <c r="BI3197" s="53"/>
      <c r="BJ3197" s="53"/>
      <c r="BK3197" s="53">
        <v>-9887500</v>
      </c>
      <c r="BL3197" s="53"/>
      <c r="BM3197" s="53"/>
      <c r="BN3197" s="53">
        <v>-19775000</v>
      </c>
      <c r="BO3197" s="53"/>
      <c r="BP3197" s="53"/>
      <c r="BQ3197" s="53"/>
      <c r="BR3197" s="53">
        <v>-9887500</v>
      </c>
      <c r="BS3197" s="53"/>
      <c r="BT3197" s="53"/>
      <c r="BU3197" s="53"/>
      <c r="BV3197" s="53"/>
      <c r="BW3197" s="53"/>
      <c r="BX3197" s="53">
        <v>-9887500</v>
      </c>
      <c r="BY3197" s="53"/>
      <c r="BZ3197" s="53"/>
      <c r="CA3197" s="53">
        <v>-19775000</v>
      </c>
      <c r="CB3197" s="53">
        <v>-355385</v>
      </c>
      <c r="CC3197" s="53">
        <v>-355385</v>
      </c>
      <c r="CD3197" s="53">
        <v>-355385</v>
      </c>
      <c r="CE3197" s="53">
        <v>-355385</v>
      </c>
      <c r="CF3197" s="53">
        <v>-355385</v>
      </c>
      <c r="CG3197" s="53">
        <v>-355385</v>
      </c>
      <c r="CH3197" s="53">
        <v>-355385</v>
      </c>
      <c r="CI3197" s="53">
        <v>-355385</v>
      </c>
      <c r="CJ3197" s="53">
        <v>-355385</v>
      </c>
      <c r="CK3197" s="53">
        <v>-355385</v>
      </c>
      <c r="CL3197" s="53">
        <v>-355385</v>
      </c>
      <c r="CM3197" s="53">
        <v>-355385</v>
      </c>
      <c r="CN3197" s="53">
        <v>-4264620</v>
      </c>
    </row>
    <row r="3198" spans="1:92" outlineLevel="1">
      <c r="A3198" s="52" t="s">
        <v>718</v>
      </c>
      <c r="B3198" s="53"/>
      <c r="C3198" s="53"/>
      <c r="D3198" s="53"/>
      <c r="E3198" s="53"/>
      <c r="F3198" s="53">
        <v>-7699999.6666666605</v>
      </c>
      <c r="G3198" s="53"/>
      <c r="H3198" s="53"/>
      <c r="I3198" s="53"/>
      <c r="J3198" s="53"/>
      <c r="K3198" s="53"/>
      <c r="L3198" s="53">
        <v>-7699999.6666666605</v>
      </c>
      <c r="M3198" s="53"/>
      <c r="N3198" s="53">
        <v>-15399999.3333333</v>
      </c>
      <c r="O3198" s="53"/>
      <c r="P3198" s="53"/>
      <c r="Q3198" s="53"/>
      <c r="R3198" s="53"/>
      <c r="S3198" s="53">
        <v>-7699999.9999999898</v>
      </c>
      <c r="T3198" s="53"/>
      <c r="U3198" s="53"/>
      <c r="V3198" s="53"/>
      <c r="W3198" s="53"/>
      <c r="X3198" s="53"/>
      <c r="Y3198" s="53">
        <v>-7700000</v>
      </c>
      <c r="Z3198" s="53"/>
      <c r="AA3198" s="53">
        <v>-15400000</v>
      </c>
      <c r="AB3198" s="53"/>
      <c r="AC3198" s="53"/>
      <c r="AD3198" s="53"/>
      <c r="AE3198" s="53"/>
      <c r="AF3198" s="53">
        <v>-7699999.9999999898</v>
      </c>
      <c r="AG3198" s="53"/>
      <c r="AH3198" s="53"/>
      <c r="AI3198" s="53"/>
      <c r="AJ3198" s="53"/>
      <c r="AK3198" s="53"/>
      <c r="AL3198" s="53">
        <v>-7700000</v>
      </c>
      <c r="AM3198" s="53"/>
      <c r="AN3198" s="53">
        <v>-15400000</v>
      </c>
      <c r="AO3198" s="53"/>
      <c r="AP3198" s="53"/>
      <c r="AQ3198" s="53"/>
      <c r="AR3198" s="53"/>
      <c r="AS3198" s="53">
        <v>-7699999.9999999898</v>
      </c>
      <c r="AT3198" s="53"/>
      <c r="AU3198" s="53"/>
      <c r="AV3198" s="53"/>
      <c r="AW3198" s="53"/>
      <c r="AX3198" s="53"/>
      <c r="AY3198" s="53">
        <v>-7700000</v>
      </c>
      <c r="AZ3198" s="53"/>
      <c r="BA3198" s="53">
        <v>-15400000</v>
      </c>
      <c r="BB3198" s="53"/>
      <c r="BC3198" s="53"/>
      <c r="BD3198" s="53"/>
      <c r="BE3198" s="53"/>
      <c r="BF3198" s="53">
        <v>-7699999.9999999898</v>
      </c>
      <c r="BG3198" s="53"/>
      <c r="BH3198" s="53"/>
      <c r="BI3198" s="53"/>
      <c r="BJ3198" s="53"/>
      <c r="BK3198" s="53"/>
      <c r="BL3198" s="53">
        <v>-7700000</v>
      </c>
      <c r="BM3198" s="53"/>
      <c r="BN3198" s="53">
        <v>-15400000</v>
      </c>
      <c r="BO3198" s="53"/>
      <c r="BP3198" s="53"/>
      <c r="BQ3198" s="53"/>
      <c r="BR3198" s="53"/>
      <c r="BS3198" s="53">
        <v>-7699999.9999999898</v>
      </c>
      <c r="BT3198" s="53"/>
      <c r="BU3198" s="53"/>
      <c r="BV3198" s="53"/>
      <c r="BW3198" s="53"/>
      <c r="BX3198" s="53"/>
      <c r="BY3198" s="53">
        <v>-7700000</v>
      </c>
      <c r="BZ3198" s="53"/>
      <c r="CA3198" s="53">
        <v>-15400000</v>
      </c>
      <c r="CB3198" s="53"/>
      <c r="CC3198" s="53"/>
      <c r="CD3198" s="53"/>
      <c r="CE3198" s="53"/>
      <c r="CF3198" s="53"/>
      <c r="CG3198" s="53"/>
      <c r="CH3198" s="53"/>
      <c r="CI3198" s="53"/>
      <c r="CJ3198" s="53"/>
      <c r="CK3198" s="53"/>
      <c r="CL3198" s="53"/>
      <c r="CM3198" s="53"/>
      <c r="CN3198" s="53"/>
    </row>
    <row r="3199" spans="1:92" outlineLevel="1">
      <c r="A3199" s="52" t="s">
        <v>1563</v>
      </c>
      <c r="B3199" s="53">
        <v>-182292</v>
      </c>
      <c r="C3199" s="53">
        <v>-187500</v>
      </c>
      <c r="D3199" s="53">
        <v>-187500</v>
      </c>
      <c r="E3199" s="53">
        <v>-187500</v>
      </c>
      <c r="F3199" s="53">
        <v>-187500</v>
      </c>
      <c r="G3199" s="53">
        <v>-187500</v>
      </c>
      <c r="H3199" s="53">
        <v>-562500</v>
      </c>
      <c r="I3199" s="53">
        <v>-937500</v>
      </c>
      <c r="J3199" s="53">
        <v>-937500</v>
      </c>
      <c r="K3199" s="53">
        <v>-937500</v>
      </c>
      <c r="L3199" s="53">
        <v>-937500</v>
      </c>
      <c r="M3199" s="53">
        <v>-937500</v>
      </c>
      <c r="N3199" s="53">
        <v>-6369791.9999999898</v>
      </c>
      <c r="O3199" s="53">
        <v>-994791.66666666605</v>
      </c>
      <c r="P3199" s="53">
        <v>-1052083.33333333</v>
      </c>
      <c r="Q3199" s="53">
        <v>-1052083.33333333</v>
      </c>
      <c r="R3199" s="53">
        <v>-1052083.33333333</v>
      </c>
      <c r="S3199" s="53">
        <v>-1052083.33333333</v>
      </c>
      <c r="T3199" s="53">
        <v>-1052083.33333333</v>
      </c>
      <c r="U3199" s="53">
        <v>-1046875</v>
      </c>
      <c r="V3199" s="53">
        <v>-1041666.66666666</v>
      </c>
      <c r="W3199" s="53">
        <v>-1041666.66666666</v>
      </c>
      <c r="X3199" s="53">
        <v>-1041666.66666666</v>
      </c>
      <c r="Y3199" s="53">
        <v>-1041666.66666666</v>
      </c>
      <c r="Z3199" s="53">
        <v>-1041666.66666666</v>
      </c>
      <c r="AA3199" s="53">
        <v>-12510416.666666601</v>
      </c>
      <c r="AB3199" s="53">
        <v>-989583.33333333302</v>
      </c>
      <c r="AC3199" s="53">
        <v>-937500</v>
      </c>
      <c r="AD3199" s="53">
        <v>-937500</v>
      </c>
      <c r="AE3199" s="53">
        <v>-937500</v>
      </c>
      <c r="AF3199" s="53">
        <v>-937500</v>
      </c>
      <c r="AG3199" s="53">
        <v>-937500</v>
      </c>
      <c r="AH3199" s="53">
        <v>-937500</v>
      </c>
      <c r="AI3199" s="53">
        <v>-937500</v>
      </c>
      <c r="AJ3199" s="53">
        <v>-937500</v>
      </c>
      <c r="AK3199" s="53">
        <v>-937500</v>
      </c>
      <c r="AL3199" s="53">
        <v>-937500</v>
      </c>
      <c r="AM3199" s="53">
        <v>-937500</v>
      </c>
      <c r="AN3199" s="53">
        <v>-11302083.3333333</v>
      </c>
      <c r="AO3199" s="53">
        <v>-859375</v>
      </c>
      <c r="AP3199" s="53">
        <v>-781250</v>
      </c>
      <c r="AQ3199" s="53">
        <v>-781250</v>
      </c>
      <c r="AR3199" s="53">
        <v>-781250</v>
      </c>
      <c r="AS3199" s="53">
        <v>-781250</v>
      </c>
      <c r="AT3199" s="53">
        <v>-781250</v>
      </c>
      <c r="AU3199" s="53">
        <v>-781250</v>
      </c>
      <c r="AV3199" s="53">
        <v>-781250</v>
      </c>
      <c r="AW3199" s="53">
        <v>-781250</v>
      </c>
      <c r="AX3199" s="53">
        <v>-781250</v>
      </c>
      <c r="AY3199" s="53">
        <v>-781250</v>
      </c>
      <c r="AZ3199" s="53">
        <v>-781250</v>
      </c>
      <c r="BA3199" s="53">
        <v>-9453125</v>
      </c>
      <c r="BB3199" s="53">
        <v>-770833.33333333302</v>
      </c>
      <c r="BC3199" s="53">
        <v>-760416.66666666605</v>
      </c>
      <c r="BD3199" s="53">
        <v>-760416.66666666605</v>
      </c>
      <c r="BE3199" s="53">
        <v>-760416.66666666605</v>
      </c>
      <c r="BF3199" s="53">
        <v>-760416.66666666605</v>
      </c>
      <c r="BG3199" s="53">
        <v>-760416.66666666605</v>
      </c>
      <c r="BH3199" s="53">
        <v>-760416.66666666605</v>
      </c>
      <c r="BI3199" s="53">
        <v>-760416.66666666605</v>
      </c>
      <c r="BJ3199" s="53">
        <v>-760416.66666666605</v>
      </c>
      <c r="BK3199" s="53">
        <v>-760416.66666666605</v>
      </c>
      <c r="BL3199" s="53">
        <v>-760416.66666666605</v>
      </c>
      <c r="BM3199" s="53">
        <v>-760416.66666666605</v>
      </c>
      <c r="BN3199" s="53">
        <v>-9135416.6666666605</v>
      </c>
      <c r="BO3199" s="53">
        <v>-765625</v>
      </c>
      <c r="BP3199" s="53">
        <v>-770833.33333333302</v>
      </c>
      <c r="BQ3199" s="53">
        <v>-770833.33333333302</v>
      </c>
      <c r="BR3199" s="53">
        <v>-770833.33333333302</v>
      </c>
      <c r="BS3199" s="53">
        <v>-770833.33333333302</v>
      </c>
      <c r="BT3199" s="53">
        <v>-770833.33333333302</v>
      </c>
      <c r="BU3199" s="53">
        <v>-770833.33333333302</v>
      </c>
      <c r="BV3199" s="53">
        <v>-770833.33333333302</v>
      </c>
      <c r="BW3199" s="53">
        <v>-770833.33333333302</v>
      </c>
      <c r="BX3199" s="53">
        <v>-770833.33333333302</v>
      </c>
      <c r="BY3199" s="53">
        <v>-770833.33333333302</v>
      </c>
      <c r="BZ3199" s="53">
        <v>-770833.33333333302</v>
      </c>
      <c r="CA3199" s="53">
        <v>-9244791.6666666698</v>
      </c>
      <c r="CB3199" s="53"/>
      <c r="CC3199" s="53"/>
      <c r="CD3199" s="53"/>
      <c r="CE3199" s="53"/>
      <c r="CF3199" s="53"/>
      <c r="CG3199" s="53"/>
      <c r="CH3199" s="53"/>
      <c r="CI3199" s="53"/>
      <c r="CJ3199" s="53"/>
      <c r="CK3199" s="53"/>
      <c r="CL3199" s="53"/>
      <c r="CM3199" s="53"/>
      <c r="CN3199" s="53"/>
    </row>
    <row r="3200" spans="1:92" outlineLevel="1">
      <c r="A3200" s="52" t="s">
        <v>721</v>
      </c>
      <c r="B3200" s="53"/>
      <c r="C3200" s="53"/>
      <c r="D3200" s="53"/>
      <c r="E3200" s="53">
        <v>-10199999.666666601</v>
      </c>
      <c r="F3200" s="53"/>
      <c r="G3200" s="53"/>
      <c r="H3200" s="53"/>
      <c r="I3200" s="53"/>
      <c r="J3200" s="53"/>
      <c r="K3200" s="53">
        <v>-10199999.666666601</v>
      </c>
      <c r="L3200" s="53"/>
      <c r="M3200" s="53"/>
      <c r="N3200" s="53">
        <v>-20399999.333333299</v>
      </c>
      <c r="O3200" s="53"/>
      <c r="P3200" s="53"/>
      <c r="Q3200" s="53"/>
      <c r="R3200" s="53">
        <v>-10199999.666666601</v>
      </c>
      <c r="S3200" s="53"/>
      <c r="T3200" s="53"/>
      <c r="U3200" s="53"/>
      <c r="V3200" s="53"/>
      <c r="W3200" s="53"/>
      <c r="X3200" s="53">
        <v>-10200000</v>
      </c>
      <c r="Y3200" s="53"/>
      <c r="Z3200" s="53"/>
      <c r="AA3200" s="53">
        <v>-20399999.666666601</v>
      </c>
      <c r="AB3200" s="53"/>
      <c r="AC3200" s="53"/>
      <c r="AD3200" s="53"/>
      <c r="AE3200" s="53">
        <v>-10200000</v>
      </c>
      <c r="AF3200" s="53"/>
      <c r="AG3200" s="53"/>
      <c r="AH3200" s="53"/>
      <c r="AI3200" s="53"/>
      <c r="AJ3200" s="53"/>
      <c r="AK3200" s="53">
        <v>-10200000</v>
      </c>
      <c r="AL3200" s="53"/>
      <c r="AM3200" s="53"/>
      <c r="AN3200" s="53">
        <v>-20400000</v>
      </c>
      <c r="AO3200" s="53"/>
      <c r="AP3200" s="53"/>
      <c r="AQ3200" s="53"/>
      <c r="AR3200" s="53">
        <v>-10200000</v>
      </c>
      <c r="AS3200" s="53"/>
      <c r="AT3200" s="53"/>
      <c r="AU3200" s="53"/>
      <c r="AV3200" s="53"/>
      <c r="AW3200" s="53"/>
      <c r="AX3200" s="53">
        <v>-10200000</v>
      </c>
      <c r="AY3200" s="53"/>
      <c r="AZ3200" s="53"/>
      <c r="BA3200" s="53">
        <v>-20400000</v>
      </c>
      <c r="BB3200" s="53"/>
      <c r="BC3200" s="53"/>
      <c r="BD3200" s="53"/>
      <c r="BE3200" s="53">
        <v>-10200000</v>
      </c>
      <c r="BF3200" s="53"/>
      <c r="BG3200" s="53"/>
      <c r="BH3200" s="53"/>
      <c r="BI3200" s="53"/>
      <c r="BJ3200" s="53"/>
      <c r="BK3200" s="53">
        <v>-10200000</v>
      </c>
      <c r="BL3200" s="53"/>
      <c r="BM3200" s="53"/>
      <c r="BN3200" s="53">
        <v>-20400000</v>
      </c>
      <c r="BO3200" s="53"/>
      <c r="BP3200" s="53"/>
      <c r="BQ3200" s="53"/>
      <c r="BR3200" s="53">
        <v>-10200000</v>
      </c>
      <c r="BS3200" s="53"/>
      <c r="BT3200" s="53"/>
      <c r="BU3200" s="53"/>
      <c r="BV3200" s="53"/>
      <c r="BW3200" s="53"/>
      <c r="BX3200" s="53">
        <v>-10200000</v>
      </c>
      <c r="BY3200" s="53"/>
      <c r="BZ3200" s="53"/>
      <c r="CA3200" s="53">
        <v>-20400000</v>
      </c>
      <c r="CB3200" s="53"/>
      <c r="CC3200" s="53"/>
      <c r="CD3200" s="53"/>
      <c r="CE3200" s="53"/>
      <c r="CF3200" s="53"/>
      <c r="CG3200" s="53"/>
      <c r="CH3200" s="53"/>
      <c r="CI3200" s="53"/>
      <c r="CJ3200" s="53"/>
      <c r="CK3200" s="53"/>
      <c r="CL3200" s="53"/>
      <c r="CM3200" s="53"/>
      <c r="CN3200" s="53"/>
    </row>
    <row r="3201" spans="1:92" outlineLevel="1">
      <c r="A3201" s="52" t="s">
        <v>723</v>
      </c>
      <c r="B3201" s="53">
        <v>-10399999.666666601</v>
      </c>
      <c r="C3201" s="53"/>
      <c r="D3201" s="53"/>
      <c r="E3201" s="53"/>
      <c r="F3201" s="53"/>
      <c r="G3201" s="53"/>
      <c r="H3201" s="53">
        <v>-10399999.666666601</v>
      </c>
      <c r="I3201" s="53"/>
      <c r="J3201" s="53"/>
      <c r="K3201" s="53"/>
      <c r="L3201" s="53"/>
      <c r="M3201" s="53"/>
      <c r="N3201" s="53">
        <v>-20799999.333333299</v>
      </c>
      <c r="O3201" s="53">
        <v>-10399999.666666601</v>
      </c>
      <c r="P3201" s="53"/>
      <c r="Q3201" s="53"/>
      <c r="R3201" s="53"/>
      <c r="S3201" s="53"/>
      <c r="T3201" s="53"/>
      <c r="U3201" s="53">
        <v>-10400000</v>
      </c>
      <c r="V3201" s="53"/>
      <c r="W3201" s="53"/>
      <c r="X3201" s="53"/>
      <c r="Y3201" s="53"/>
      <c r="Z3201" s="53"/>
      <c r="AA3201" s="53">
        <v>-20799999.666666601</v>
      </c>
      <c r="AB3201" s="53">
        <v>-10400000</v>
      </c>
      <c r="AC3201" s="53"/>
      <c r="AD3201" s="53"/>
      <c r="AE3201" s="53"/>
      <c r="AF3201" s="53"/>
      <c r="AG3201" s="53"/>
      <c r="AH3201" s="53">
        <v>-10400000</v>
      </c>
      <c r="AI3201" s="53"/>
      <c r="AJ3201" s="53"/>
      <c r="AK3201" s="53"/>
      <c r="AL3201" s="53"/>
      <c r="AM3201" s="53"/>
      <c r="AN3201" s="53">
        <v>-20800000</v>
      </c>
      <c r="AO3201" s="53">
        <v>-10400000</v>
      </c>
      <c r="AP3201" s="53"/>
      <c r="AQ3201" s="53"/>
      <c r="AR3201" s="53"/>
      <c r="AS3201" s="53"/>
      <c r="AT3201" s="53"/>
      <c r="AU3201" s="53">
        <v>-10400000</v>
      </c>
      <c r="AV3201" s="53"/>
      <c r="AW3201" s="53"/>
      <c r="AX3201" s="53"/>
      <c r="AY3201" s="53"/>
      <c r="AZ3201" s="53"/>
      <c r="BA3201" s="53">
        <v>-20800000</v>
      </c>
      <c r="BB3201" s="53">
        <v>-10400000</v>
      </c>
      <c r="BC3201" s="53"/>
      <c r="BD3201" s="53"/>
      <c r="BE3201" s="53"/>
      <c r="BF3201" s="53"/>
      <c r="BG3201" s="53"/>
      <c r="BH3201" s="53">
        <v>-10400000</v>
      </c>
      <c r="BI3201" s="53"/>
      <c r="BJ3201" s="53"/>
      <c r="BK3201" s="53"/>
      <c r="BL3201" s="53"/>
      <c r="BM3201" s="53"/>
      <c r="BN3201" s="53">
        <v>-20800000</v>
      </c>
      <c r="BO3201" s="53">
        <v>-10400000</v>
      </c>
      <c r="BP3201" s="53"/>
      <c r="BQ3201" s="53"/>
      <c r="BR3201" s="53"/>
      <c r="BS3201" s="53"/>
      <c r="BT3201" s="53"/>
      <c r="BU3201" s="53"/>
      <c r="BV3201" s="53"/>
      <c r="BW3201" s="53"/>
      <c r="BX3201" s="53"/>
      <c r="BY3201" s="53"/>
      <c r="BZ3201" s="53"/>
      <c r="CA3201" s="53">
        <v>-10400000</v>
      </c>
      <c r="CB3201" s="53"/>
      <c r="CC3201" s="53"/>
      <c r="CD3201" s="53"/>
      <c r="CE3201" s="53"/>
      <c r="CF3201" s="53"/>
      <c r="CG3201" s="53"/>
      <c r="CH3201" s="53"/>
      <c r="CI3201" s="53"/>
      <c r="CJ3201" s="53"/>
      <c r="CK3201" s="53"/>
      <c r="CL3201" s="53"/>
      <c r="CM3201" s="53"/>
      <c r="CN3201" s="53"/>
    </row>
    <row r="3202" spans="1:92" outlineLevel="1">
      <c r="A3202" s="52" t="s">
        <v>724</v>
      </c>
      <c r="B3202" s="53">
        <v>-8400000</v>
      </c>
      <c r="C3202" s="53"/>
      <c r="D3202" s="53"/>
      <c r="E3202" s="53"/>
      <c r="F3202" s="53"/>
      <c r="G3202" s="53"/>
      <c r="H3202" s="53">
        <v>-8400000</v>
      </c>
      <c r="I3202" s="53"/>
      <c r="J3202" s="53"/>
      <c r="K3202" s="53"/>
      <c r="L3202" s="53"/>
      <c r="M3202" s="53"/>
      <c r="N3202" s="53">
        <v>-16800000</v>
      </c>
      <c r="O3202" s="53">
        <v>-8400000</v>
      </c>
      <c r="P3202" s="53"/>
      <c r="Q3202" s="53"/>
      <c r="R3202" s="53"/>
      <c r="S3202" s="53"/>
      <c r="T3202" s="53"/>
      <c r="U3202" s="53">
        <v>-8400000</v>
      </c>
      <c r="V3202" s="53"/>
      <c r="W3202" s="53"/>
      <c r="X3202" s="53"/>
      <c r="Y3202" s="53"/>
      <c r="Z3202" s="53"/>
      <c r="AA3202" s="53">
        <v>-16800000</v>
      </c>
      <c r="AB3202" s="53">
        <v>-8400000</v>
      </c>
      <c r="AC3202" s="53"/>
      <c r="AD3202" s="53"/>
      <c r="AE3202" s="53"/>
      <c r="AF3202" s="53"/>
      <c r="AG3202" s="53"/>
      <c r="AH3202" s="53">
        <v>-8400000</v>
      </c>
      <c r="AI3202" s="53"/>
      <c r="AJ3202" s="53"/>
      <c r="AK3202" s="53"/>
      <c r="AL3202" s="53"/>
      <c r="AM3202" s="53"/>
      <c r="AN3202" s="53">
        <v>-16800000</v>
      </c>
      <c r="AO3202" s="53">
        <v>-8400000</v>
      </c>
      <c r="AP3202" s="53"/>
      <c r="AQ3202" s="53"/>
      <c r="AR3202" s="53"/>
      <c r="AS3202" s="53"/>
      <c r="AT3202" s="53"/>
      <c r="AU3202" s="53">
        <v>-8400000</v>
      </c>
      <c r="AV3202" s="53"/>
      <c r="AW3202" s="53"/>
      <c r="AX3202" s="53"/>
      <c r="AY3202" s="53"/>
      <c r="AZ3202" s="53"/>
      <c r="BA3202" s="53">
        <v>-16800000</v>
      </c>
      <c r="BB3202" s="53">
        <v>-8400000</v>
      </c>
      <c r="BC3202" s="53"/>
      <c r="BD3202" s="53"/>
      <c r="BE3202" s="53"/>
      <c r="BF3202" s="53"/>
      <c r="BG3202" s="53"/>
      <c r="BH3202" s="53">
        <v>-8400000</v>
      </c>
      <c r="BI3202" s="53"/>
      <c r="BJ3202" s="53"/>
      <c r="BK3202" s="53"/>
      <c r="BL3202" s="53"/>
      <c r="BM3202" s="53"/>
      <c r="BN3202" s="53">
        <v>-16800000</v>
      </c>
      <c r="BO3202" s="53">
        <v>-8400000</v>
      </c>
      <c r="BP3202" s="53"/>
      <c r="BQ3202" s="53"/>
      <c r="BR3202" s="53"/>
      <c r="BS3202" s="53"/>
      <c r="BT3202" s="53"/>
      <c r="BU3202" s="53">
        <v>-8400000</v>
      </c>
      <c r="BV3202" s="53"/>
      <c r="BW3202" s="53"/>
      <c r="BX3202" s="53"/>
      <c r="BY3202" s="53"/>
      <c r="BZ3202" s="53"/>
      <c r="CA3202" s="53">
        <v>-16800000</v>
      </c>
      <c r="CB3202" s="53"/>
      <c r="CC3202" s="53"/>
      <c r="CD3202" s="53"/>
      <c r="CE3202" s="53"/>
      <c r="CF3202" s="53"/>
      <c r="CG3202" s="53"/>
      <c r="CH3202" s="53"/>
      <c r="CI3202" s="53"/>
      <c r="CJ3202" s="53"/>
      <c r="CK3202" s="53"/>
      <c r="CL3202" s="53"/>
      <c r="CM3202" s="53"/>
      <c r="CN3202" s="53"/>
    </row>
    <row r="3203" spans="1:92" outlineLevel="1">
      <c r="A3203" s="52" t="s">
        <v>725</v>
      </c>
      <c r="B3203" s="53">
        <v>-11400000</v>
      </c>
      <c r="C3203" s="53"/>
      <c r="D3203" s="53"/>
      <c r="E3203" s="53"/>
      <c r="F3203" s="53"/>
      <c r="G3203" s="53"/>
      <c r="H3203" s="53">
        <v>-11400000</v>
      </c>
      <c r="I3203" s="53"/>
      <c r="J3203" s="53"/>
      <c r="K3203" s="53"/>
      <c r="L3203" s="53"/>
      <c r="M3203" s="53"/>
      <c r="N3203" s="53">
        <v>-22800000</v>
      </c>
      <c r="O3203" s="53">
        <v>-11400000</v>
      </c>
      <c r="P3203" s="53"/>
      <c r="Q3203" s="53"/>
      <c r="R3203" s="53"/>
      <c r="S3203" s="53"/>
      <c r="T3203" s="53"/>
      <c r="U3203" s="53">
        <v>-11400000</v>
      </c>
      <c r="V3203" s="53"/>
      <c r="W3203" s="53"/>
      <c r="X3203" s="53"/>
      <c r="Y3203" s="53"/>
      <c r="Z3203" s="53"/>
      <c r="AA3203" s="53">
        <v>-22800000</v>
      </c>
      <c r="AB3203" s="53">
        <v>-11400000</v>
      </c>
      <c r="AC3203" s="53"/>
      <c r="AD3203" s="53"/>
      <c r="AE3203" s="53"/>
      <c r="AF3203" s="53"/>
      <c r="AG3203" s="53"/>
      <c r="AH3203" s="53">
        <v>-11400000</v>
      </c>
      <c r="AI3203" s="53"/>
      <c r="AJ3203" s="53"/>
      <c r="AK3203" s="53"/>
      <c r="AL3203" s="53"/>
      <c r="AM3203" s="53"/>
      <c r="AN3203" s="53">
        <v>-22800000</v>
      </c>
      <c r="AO3203" s="53">
        <v>-11400000</v>
      </c>
      <c r="AP3203" s="53"/>
      <c r="AQ3203" s="53"/>
      <c r="AR3203" s="53"/>
      <c r="AS3203" s="53"/>
      <c r="AT3203" s="53"/>
      <c r="AU3203" s="53">
        <v>-11400000</v>
      </c>
      <c r="AV3203" s="53"/>
      <c r="AW3203" s="53"/>
      <c r="AX3203" s="53"/>
      <c r="AY3203" s="53"/>
      <c r="AZ3203" s="53"/>
      <c r="BA3203" s="53">
        <v>-22800000</v>
      </c>
      <c r="BB3203" s="53">
        <v>-11400000</v>
      </c>
      <c r="BC3203" s="53"/>
      <c r="BD3203" s="53"/>
      <c r="BE3203" s="53"/>
      <c r="BF3203" s="53"/>
      <c r="BG3203" s="53"/>
      <c r="BH3203" s="53">
        <v>-11400000</v>
      </c>
      <c r="BI3203" s="53"/>
      <c r="BJ3203" s="53"/>
      <c r="BK3203" s="53"/>
      <c r="BL3203" s="53"/>
      <c r="BM3203" s="53"/>
      <c r="BN3203" s="53">
        <v>-22800000</v>
      </c>
      <c r="BO3203" s="53">
        <v>-11400000</v>
      </c>
      <c r="BP3203" s="53"/>
      <c r="BQ3203" s="53"/>
      <c r="BR3203" s="53"/>
      <c r="BS3203" s="53"/>
      <c r="BT3203" s="53"/>
      <c r="BU3203" s="53">
        <v>-11400000</v>
      </c>
      <c r="BV3203" s="53"/>
      <c r="BW3203" s="53"/>
      <c r="BX3203" s="53"/>
      <c r="BY3203" s="53"/>
      <c r="BZ3203" s="53"/>
      <c r="CA3203" s="53">
        <v>-22800000</v>
      </c>
      <c r="CB3203" s="53">
        <v>-9392666.6999999993</v>
      </c>
      <c r="CC3203" s="53">
        <v>-9392666.6999999993</v>
      </c>
      <c r="CD3203" s="53">
        <v>-9392666.6999999993</v>
      </c>
      <c r="CE3203" s="53">
        <v>-9392666.6999999993</v>
      </c>
      <c r="CF3203" s="53">
        <v>-9392666.6999999993</v>
      </c>
      <c r="CG3203" s="53">
        <v>-9392666.6999999993</v>
      </c>
      <c r="CH3203" s="53">
        <v>-9392666.6999999993</v>
      </c>
      <c r="CI3203" s="53">
        <v>-9392666.6999999993</v>
      </c>
      <c r="CJ3203" s="53">
        <v>-9392666.6999999993</v>
      </c>
      <c r="CK3203" s="53">
        <v>-9392666.6999999993</v>
      </c>
      <c r="CL3203" s="53">
        <v>-9392666.6999999993</v>
      </c>
      <c r="CM3203" s="53">
        <v>-9392666.6999999993</v>
      </c>
      <c r="CN3203" s="53">
        <v>-112712000.40000001</v>
      </c>
    </row>
    <row r="3204" spans="1:92" outlineLevel="1">
      <c r="A3204" s="52" t="s">
        <v>726</v>
      </c>
      <c r="B3204" s="53"/>
      <c r="C3204" s="53"/>
      <c r="D3204" s="53"/>
      <c r="E3204" s="53"/>
      <c r="F3204" s="53"/>
      <c r="G3204" s="53">
        <v>-8750000.1111111101</v>
      </c>
      <c r="H3204" s="53"/>
      <c r="I3204" s="53"/>
      <c r="J3204" s="53"/>
      <c r="K3204" s="53"/>
      <c r="L3204" s="53"/>
      <c r="M3204" s="53">
        <v>-8750000.1111111101</v>
      </c>
      <c r="N3204" s="53">
        <v>-17500000.222222202</v>
      </c>
      <c r="O3204" s="53"/>
      <c r="P3204" s="53"/>
      <c r="Q3204" s="53"/>
      <c r="R3204" s="53"/>
      <c r="S3204" s="53"/>
      <c r="T3204" s="53">
        <v>-8749999.7777777705</v>
      </c>
      <c r="U3204" s="53"/>
      <c r="V3204" s="53"/>
      <c r="W3204" s="53"/>
      <c r="X3204" s="53"/>
      <c r="Y3204" s="53"/>
      <c r="Z3204" s="53">
        <v>-8750000</v>
      </c>
      <c r="AA3204" s="53">
        <v>-17499999.777777702</v>
      </c>
      <c r="AB3204" s="53"/>
      <c r="AC3204" s="53"/>
      <c r="AD3204" s="53"/>
      <c r="AE3204" s="53"/>
      <c r="AF3204" s="53"/>
      <c r="AG3204" s="53">
        <v>-8750000</v>
      </c>
      <c r="AH3204" s="53"/>
      <c r="AI3204" s="53"/>
      <c r="AJ3204" s="53"/>
      <c r="AK3204" s="53"/>
      <c r="AL3204" s="53"/>
      <c r="AM3204" s="53">
        <v>-8750000</v>
      </c>
      <c r="AN3204" s="53">
        <v>-17500000</v>
      </c>
      <c r="AO3204" s="53"/>
      <c r="AP3204" s="53"/>
      <c r="AQ3204" s="53"/>
      <c r="AR3204" s="53"/>
      <c r="AS3204" s="53"/>
      <c r="AT3204" s="53">
        <v>-8750000</v>
      </c>
      <c r="AU3204" s="53"/>
      <c r="AV3204" s="53"/>
      <c r="AW3204" s="53"/>
      <c r="AX3204" s="53"/>
      <c r="AY3204" s="53"/>
      <c r="AZ3204" s="53">
        <v>-8750000</v>
      </c>
      <c r="BA3204" s="53">
        <v>-17500000</v>
      </c>
      <c r="BB3204" s="53"/>
      <c r="BC3204" s="53"/>
      <c r="BD3204" s="53"/>
      <c r="BE3204" s="53"/>
      <c r="BF3204" s="53"/>
      <c r="BG3204" s="53">
        <v>-8750000</v>
      </c>
      <c r="BH3204" s="53"/>
      <c r="BI3204" s="53"/>
      <c r="BJ3204" s="53"/>
      <c r="BK3204" s="53"/>
      <c r="BL3204" s="53"/>
      <c r="BM3204" s="53">
        <v>-8750000</v>
      </c>
      <c r="BN3204" s="53">
        <v>-17500000</v>
      </c>
      <c r="BO3204" s="53"/>
      <c r="BP3204" s="53"/>
      <c r="BQ3204" s="53"/>
      <c r="BR3204" s="53"/>
      <c r="BS3204" s="53"/>
      <c r="BT3204" s="53">
        <v>-8750000</v>
      </c>
      <c r="BU3204" s="53"/>
      <c r="BV3204" s="53"/>
      <c r="BW3204" s="53"/>
      <c r="BX3204" s="53"/>
      <c r="BY3204" s="53"/>
      <c r="BZ3204" s="53">
        <v>-8750000</v>
      </c>
      <c r="CA3204" s="53">
        <v>-17500000</v>
      </c>
      <c r="CB3204" s="53"/>
      <c r="CC3204" s="53"/>
      <c r="CD3204" s="53"/>
      <c r="CE3204" s="53"/>
      <c r="CF3204" s="53"/>
      <c r="CG3204" s="53"/>
      <c r="CH3204" s="53"/>
      <c r="CI3204" s="53"/>
      <c r="CJ3204" s="53"/>
      <c r="CK3204" s="53"/>
      <c r="CL3204" s="53"/>
      <c r="CM3204" s="53"/>
      <c r="CN3204" s="53"/>
    </row>
    <row r="3205" spans="1:92" outlineLevel="1">
      <c r="A3205" s="52" t="s">
        <v>728</v>
      </c>
      <c r="B3205" s="53"/>
      <c r="C3205" s="53"/>
      <c r="D3205" s="53"/>
      <c r="E3205" s="53"/>
      <c r="F3205" s="53"/>
      <c r="G3205" s="53">
        <v>-4374999.3333333302</v>
      </c>
      <c r="H3205" s="53"/>
      <c r="I3205" s="53"/>
      <c r="J3205" s="53"/>
      <c r="K3205" s="53"/>
      <c r="L3205" s="53"/>
      <c r="M3205" s="53">
        <v>-4375000.3333333302</v>
      </c>
      <c r="N3205" s="53">
        <v>-8749999.6666666605</v>
      </c>
      <c r="O3205" s="53"/>
      <c r="P3205" s="53"/>
      <c r="Q3205" s="53"/>
      <c r="R3205" s="53"/>
      <c r="S3205" s="53"/>
      <c r="T3205" s="53">
        <v>-4374999.6666666605</v>
      </c>
      <c r="U3205" s="53"/>
      <c r="V3205" s="53"/>
      <c r="W3205" s="53"/>
      <c r="X3205" s="53"/>
      <c r="Y3205" s="53"/>
      <c r="Z3205" s="53">
        <v>-4375000</v>
      </c>
      <c r="AA3205" s="53">
        <v>-8749999.6666666605</v>
      </c>
      <c r="AB3205" s="53"/>
      <c r="AC3205" s="53"/>
      <c r="AD3205" s="53"/>
      <c r="AE3205" s="53"/>
      <c r="AF3205" s="53"/>
      <c r="AG3205" s="53">
        <v>-4375000</v>
      </c>
      <c r="AH3205" s="53"/>
      <c r="AI3205" s="53"/>
      <c r="AJ3205" s="53"/>
      <c r="AK3205" s="53"/>
      <c r="AL3205" s="53"/>
      <c r="AM3205" s="53">
        <v>-4375000</v>
      </c>
      <c r="AN3205" s="53">
        <v>-8750000</v>
      </c>
      <c r="AO3205" s="53"/>
      <c r="AP3205" s="53"/>
      <c r="AQ3205" s="53"/>
      <c r="AR3205" s="53"/>
      <c r="AS3205" s="53"/>
      <c r="AT3205" s="53">
        <v>-4375000</v>
      </c>
      <c r="AU3205" s="53"/>
      <c r="AV3205" s="53"/>
      <c r="AW3205" s="53"/>
      <c r="AX3205" s="53"/>
      <c r="AY3205" s="53"/>
      <c r="AZ3205" s="53">
        <v>-4375000</v>
      </c>
      <c r="BA3205" s="53">
        <v>-8750000</v>
      </c>
      <c r="BB3205" s="53"/>
      <c r="BC3205" s="53"/>
      <c r="BD3205" s="53"/>
      <c r="BE3205" s="53"/>
      <c r="BF3205" s="53"/>
      <c r="BG3205" s="53">
        <v>-4375000</v>
      </c>
      <c r="BH3205" s="53"/>
      <c r="BI3205" s="53"/>
      <c r="BJ3205" s="53"/>
      <c r="BK3205" s="53"/>
      <c r="BL3205" s="53"/>
      <c r="BM3205" s="53">
        <v>-4375000</v>
      </c>
      <c r="BN3205" s="53">
        <v>-8750000</v>
      </c>
      <c r="BO3205" s="53"/>
      <c r="BP3205" s="53"/>
      <c r="BQ3205" s="53"/>
      <c r="BR3205" s="53"/>
      <c r="BS3205" s="53"/>
      <c r="BT3205" s="53">
        <v>-4375000</v>
      </c>
      <c r="BU3205" s="53"/>
      <c r="BV3205" s="53"/>
      <c r="BW3205" s="53"/>
      <c r="BX3205" s="53"/>
      <c r="BY3205" s="53"/>
      <c r="BZ3205" s="53">
        <v>-4375000</v>
      </c>
      <c r="CA3205" s="53">
        <v>-8750000</v>
      </c>
      <c r="CB3205" s="53"/>
      <c r="CC3205" s="53"/>
      <c r="CD3205" s="53"/>
      <c r="CE3205" s="53"/>
      <c r="CF3205" s="53"/>
      <c r="CG3205" s="53"/>
      <c r="CH3205" s="53"/>
      <c r="CI3205" s="53"/>
      <c r="CJ3205" s="53"/>
      <c r="CK3205" s="53"/>
      <c r="CL3205" s="53"/>
      <c r="CM3205" s="53"/>
      <c r="CN3205" s="53"/>
    </row>
    <row r="3206" spans="1:92" outlineLevel="1">
      <c r="A3206" s="52" t="s">
        <v>729</v>
      </c>
      <c r="B3206" s="53"/>
      <c r="C3206" s="53"/>
      <c r="D3206" s="53"/>
      <c r="E3206" s="53"/>
      <c r="F3206" s="53"/>
      <c r="G3206" s="53">
        <v>-8366129</v>
      </c>
      <c r="H3206" s="53"/>
      <c r="I3206" s="53"/>
      <c r="J3206" s="53"/>
      <c r="K3206" s="53"/>
      <c r="L3206" s="53"/>
      <c r="M3206" s="53">
        <v>-7800000</v>
      </c>
      <c r="N3206" s="53">
        <v>-16166129</v>
      </c>
      <c r="O3206" s="53"/>
      <c r="P3206" s="53"/>
      <c r="Q3206" s="53"/>
      <c r="R3206" s="53"/>
      <c r="S3206" s="53"/>
      <c r="T3206" s="53">
        <v>-7800000</v>
      </c>
      <c r="U3206" s="53"/>
      <c r="V3206" s="53"/>
      <c r="W3206" s="53"/>
      <c r="X3206" s="53"/>
      <c r="Y3206" s="53"/>
      <c r="Z3206" s="53">
        <v>-7800000</v>
      </c>
      <c r="AA3206" s="53">
        <v>-15600000</v>
      </c>
      <c r="AB3206" s="53"/>
      <c r="AC3206" s="53"/>
      <c r="AD3206" s="53"/>
      <c r="AE3206" s="53"/>
      <c r="AF3206" s="53"/>
      <c r="AG3206" s="53">
        <v>-7800000</v>
      </c>
      <c r="AH3206" s="53"/>
      <c r="AI3206" s="53"/>
      <c r="AJ3206" s="53"/>
      <c r="AK3206" s="53"/>
      <c r="AL3206" s="53"/>
      <c r="AM3206" s="53">
        <v>-7800000</v>
      </c>
      <c r="AN3206" s="53">
        <v>-15600000</v>
      </c>
      <c r="AO3206" s="53"/>
      <c r="AP3206" s="53"/>
      <c r="AQ3206" s="53"/>
      <c r="AR3206" s="53"/>
      <c r="AS3206" s="53"/>
      <c r="AT3206" s="53">
        <v>-7800000</v>
      </c>
      <c r="AU3206" s="53"/>
      <c r="AV3206" s="53"/>
      <c r="AW3206" s="53"/>
      <c r="AX3206" s="53"/>
      <c r="AY3206" s="53"/>
      <c r="AZ3206" s="53">
        <v>-7800000</v>
      </c>
      <c r="BA3206" s="53">
        <v>-15600000</v>
      </c>
      <c r="BB3206" s="53"/>
      <c r="BC3206" s="53"/>
      <c r="BD3206" s="53"/>
      <c r="BE3206" s="53"/>
      <c r="BF3206" s="53"/>
      <c r="BG3206" s="53">
        <v>-7800000</v>
      </c>
      <c r="BH3206" s="53"/>
      <c r="BI3206" s="53"/>
      <c r="BJ3206" s="53"/>
      <c r="BK3206" s="53"/>
      <c r="BL3206" s="53"/>
      <c r="BM3206" s="53">
        <v>-7800000</v>
      </c>
      <c r="BN3206" s="53">
        <v>-15600000</v>
      </c>
      <c r="BO3206" s="53"/>
      <c r="BP3206" s="53"/>
      <c r="BQ3206" s="53"/>
      <c r="BR3206" s="53"/>
      <c r="BS3206" s="53"/>
      <c r="BT3206" s="53">
        <v>-7800000</v>
      </c>
      <c r="BU3206" s="53"/>
      <c r="BV3206" s="53"/>
      <c r="BW3206" s="53"/>
      <c r="BX3206" s="53"/>
      <c r="BY3206" s="53"/>
      <c r="BZ3206" s="53">
        <v>-7800000</v>
      </c>
      <c r="CA3206" s="53">
        <v>-15600000</v>
      </c>
      <c r="CB3206" s="53"/>
      <c r="CC3206" s="53"/>
      <c r="CD3206" s="53"/>
      <c r="CE3206" s="53"/>
      <c r="CF3206" s="53"/>
      <c r="CG3206" s="53"/>
      <c r="CH3206" s="53"/>
      <c r="CI3206" s="53"/>
      <c r="CJ3206" s="53"/>
      <c r="CK3206" s="53"/>
      <c r="CL3206" s="53"/>
      <c r="CM3206" s="53"/>
      <c r="CN3206" s="53"/>
    </row>
    <row r="3207" spans="1:92" outlineLevel="1">
      <c r="A3207" s="52" t="s">
        <v>730</v>
      </c>
      <c r="B3207" s="53"/>
      <c r="C3207" s="53"/>
      <c r="D3207" s="53"/>
      <c r="E3207" s="53"/>
      <c r="F3207" s="53"/>
      <c r="G3207" s="53">
        <v>-8044355</v>
      </c>
      <c r="H3207" s="53"/>
      <c r="I3207" s="53"/>
      <c r="J3207" s="53"/>
      <c r="K3207" s="53"/>
      <c r="L3207" s="53"/>
      <c r="M3207" s="53">
        <v>-7500000</v>
      </c>
      <c r="N3207" s="53">
        <v>-15544355</v>
      </c>
      <c r="O3207" s="53"/>
      <c r="P3207" s="53"/>
      <c r="Q3207" s="53"/>
      <c r="R3207" s="53"/>
      <c r="S3207" s="53"/>
      <c r="T3207" s="53">
        <v>-7499999.9999999898</v>
      </c>
      <c r="U3207" s="53"/>
      <c r="V3207" s="53"/>
      <c r="W3207" s="53"/>
      <c r="X3207" s="53"/>
      <c r="Y3207" s="53"/>
      <c r="Z3207" s="53">
        <v>-7499999.9999999898</v>
      </c>
      <c r="AA3207" s="53">
        <v>-14999999.999999899</v>
      </c>
      <c r="AB3207" s="53"/>
      <c r="AC3207" s="53"/>
      <c r="AD3207" s="53"/>
      <c r="AE3207" s="53"/>
      <c r="AF3207" s="53"/>
      <c r="AG3207" s="53">
        <v>-7499999.9999999898</v>
      </c>
      <c r="AH3207" s="53"/>
      <c r="AI3207" s="53"/>
      <c r="AJ3207" s="53"/>
      <c r="AK3207" s="53"/>
      <c r="AL3207" s="53"/>
      <c r="AM3207" s="53">
        <v>-7499999.9999999898</v>
      </c>
      <c r="AN3207" s="53">
        <v>-14999999.999999899</v>
      </c>
      <c r="AO3207" s="53"/>
      <c r="AP3207" s="53"/>
      <c r="AQ3207" s="53"/>
      <c r="AR3207" s="53"/>
      <c r="AS3207" s="53"/>
      <c r="AT3207" s="53">
        <v>-7499999.9999999898</v>
      </c>
      <c r="AU3207" s="53"/>
      <c r="AV3207" s="53"/>
      <c r="AW3207" s="53"/>
      <c r="AX3207" s="53"/>
      <c r="AY3207" s="53"/>
      <c r="AZ3207" s="53">
        <v>-7499999.9999999898</v>
      </c>
      <c r="BA3207" s="53">
        <v>-14999999.999999899</v>
      </c>
      <c r="BB3207" s="53"/>
      <c r="BC3207" s="53"/>
      <c r="BD3207" s="53"/>
      <c r="BE3207" s="53"/>
      <c r="BF3207" s="53"/>
      <c r="BG3207" s="53">
        <v>-7499999.9999999898</v>
      </c>
      <c r="BH3207" s="53"/>
      <c r="BI3207" s="53"/>
      <c r="BJ3207" s="53"/>
      <c r="BK3207" s="53"/>
      <c r="BL3207" s="53"/>
      <c r="BM3207" s="53">
        <v>-7499999.9999999898</v>
      </c>
      <c r="BN3207" s="53">
        <v>-14999999.999999899</v>
      </c>
      <c r="BO3207" s="53"/>
      <c r="BP3207" s="53"/>
      <c r="BQ3207" s="53"/>
      <c r="BR3207" s="53"/>
      <c r="BS3207" s="53"/>
      <c r="BT3207" s="53">
        <v>-7499999.9999999898</v>
      </c>
      <c r="BU3207" s="53"/>
      <c r="BV3207" s="53"/>
      <c r="BW3207" s="53"/>
      <c r="BX3207" s="53"/>
      <c r="BY3207" s="53"/>
      <c r="BZ3207" s="53">
        <v>-7499999.9999999898</v>
      </c>
      <c r="CA3207" s="53">
        <v>-14999999.999999899</v>
      </c>
      <c r="CB3207" s="53"/>
      <c r="CC3207" s="53"/>
      <c r="CD3207" s="53"/>
      <c r="CE3207" s="53"/>
      <c r="CF3207" s="53"/>
      <c r="CG3207" s="53"/>
      <c r="CH3207" s="53"/>
      <c r="CI3207" s="53"/>
      <c r="CJ3207" s="53"/>
      <c r="CK3207" s="53"/>
      <c r="CL3207" s="53"/>
      <c r="CM3207" s="53"/>
      <c r="CN3207" s="53"/>
    </row>
    <row r="3208" spans="1:92" outlineLevel="1">
      <c r="A3208" s="52" t="s">
        <v>1564</v>
      </c>
      <c r="B3208" s="53"/>
      <c r="C3208" s="53"/>
      <c r="D3208" s="53"/>
      <c r="E3208" s="53"/>
      <c r="F3208" s="53"/>
      <c r="G3208" s="53"/>
      <c r="H3208" s="53"/>
      <c r="I3208" s="53"/>
      <c r="J3208" s="53"/>
      <c r="K3208" s="53"/>
      <c r="L3208" s="53">
        <v>-1822724.4444444401</v>
      </c>
      <c r="M3208" s="53">
        <v>-2965061.4444444398</v>
      </c>
      <c r="N3208" s="53">
        <v>-4787785.8888888797</v>
      </c>
      <c r="O3208" s="53">
        <v>-2806790.4444444398</v>
      </c>
      <c r="P3208" s="53">
        <v>-3433333.3333333302</v>
      </c>
      <c r="Q3208" s="53">
        <v>-3433333.3333333302</v>
      </c>
      <c r="R3208" s="53">
        <v>-3433333.3333333302</v>
      </c>
      <c r="S3208" s="53">
        <v>-3433333.3333333302</v>
      </c>
      <c r="T3208" s="53">
        <v>-3433333.3333333302</v>
      </c>
      <c r="U3208" s="53">
        <v>-3428888.8888888801</v>
      </c>
      <c r="V3208" s="53">
        <v>-3300000</v>
      </c>
      <c r="W3208" s="53">
        <v>-3300000</v>
      </c>
      <c r="X3208" s="53">
        <v>-3300000</v>
      </c>
      <c r="Y3208" s="53">
        <v>-3300000</v>
      </c>
      <c r="Z3208" s="53">
        <v>-3300000</v>
      </c>
      <c r="AA3208" s="53">
        <v>-39902346</v>
      </c>
      <c r="AB3208" s="53">
        <v>-3287777.7777777701</v>
      </c>
      <c r="AC3208" s="53">
        <v>-2933333.3333333302</v>
      </c>
      <c r="AD3208" s="53">
        <v>-2933333.3333333302</v>
      </c>
      <c r="AE3208" s="53">
        <v>-4204444.4444444403</v>
      </c>
      <c r="AF3208" s="53"/>
      <c r="AG3208" s="53"/>
      <c r="AH3208" s="53"/>
      <c r="AI3208" s="53"/>
      <c r="AJ3208" s="53"/>
      <c r="AK3208" s="53"/>
      <c r="AL3208" s="53"/>
      <c r="AM3208" s="53"/>
      <c r="AN3208" s="53">
        <v>-13358888.888888801</v>
      </c>
      <c r="AO3208" s="53"/>
      <c r="AP3208" s="53"/>
      <c r="AQ3208" s="53"/>
      <c r="AR3208" s="53"/>
      <c r="AS3208" s="53"/>
      <c r="AT3208" s="53"/>
      <c r="AU3208" s="53"/>
      <c r="AV3208" s="53"/>
      <c r="AW3208" s="53"/>
      <c r="AX3208" s="53"/>
      <c r="AY3208" s="53"/>
      <c r="AZ3208" s="53"/>
      <c r="BA3208" s="53"/>
      <c r="BB3208" s="53"/>
      <c r="BC3208" s="53"/>
      <c r="BD3208" s="53"/>
      <c r="BE3208" s="53"/>
      <c r="BF3208" s="53"/>
      <c r="BG3208" s="53"/>
      <c r="BH3208" s="53"/>
      <c r="BI3208" s="53"/>
      <c r="BJ3208" s="53"/>
      <c r="BK3208" s="53"/>
      <c r="BL3208" s="53"/>
      <c r="BM3208" s="53"/>
      <c r="BN3208" s="53"/>
      <c r="BO3208" s="53"/>
      <c r="BP3208" s="53"/>
      <c r="BQ3208" s="53"/>
      <c r="BR3208" s="53"/>
      <c r="BS3208" s="53"/>
      <c r="BT3208" s="53"/>
      <c r="BU3208" s="53"/>
      <c r="BV3208" s="53"/>
      <c r="BW3208" s="53"/>
      <c r="BX3208" s="53"/>
      <c r="BY3208" s="53"/>
      <c r="BZ3208" s="53"/>
      <c r="CA3208" s="53"/>
      <c r="CB3208" s="53"/>
      <c r="CC3208" s="53"/>
      <c r="CD3208" s="53"/>
      <c r="CE3208" s="53"/>
      <c r="CF3208" s="53"/>
      <c r="CG3208" s="53"/>
      <c r="CH3208" s="53"/>
      <c r="CI3208" s="53"/>
      <c r="CJ3208" s="53"/>
      <c r="CK3208" s="53"/>
      <c r="CL3208" s="53"/>
      <c r="CM3208" s="53"/>
      <c r="CN3208" s="53"/>
    </row>
    <row r="3209" spans="1:92" outlineLevel="1">
      <c r="A3209" s="52" t="s">
        <v>1565</v>
      </c>
      <c r="B3209" s="53"/>
      <c r="C3209" s="53"/>
      <c r="D3209" s="53"/>
      <c r="E3209" s="53"/>
      <c r="F3209" s="53"/>
      <c r="G3209" s="53"/>
      <c r="H3209" s="53"/>
      <c r="I3209" s="53"/>
      <c r="J3209" s="53"/>
      <c r="K3209" s="53"/>
      <c r="L3209" s="53"/>
      <c r="M3209" s="53"/>
      <c r="N3209" s="53"/>
      <c r="O3209" s="53"/>
      <c r="P3209" s="53"/>
      <c r="Q3209" s="53"/>
      <c r="R3209" s="53"/>
      <c r="S3209" s="53">
        <v>-15288194</v>
      </c>
      <c r="T3209" s="53"/>
      <c r="U3209" s="53"/>
      <c r="V3209" s="53"/>
      <c r="W3209" s="53"/>
      <c r="X3209" s="53"/>
      <c r="Y3209" s="53">
        <v>-14874999.999999899</v>
      </c>
      <c r="Z3209" s="53"/>
      <c r="AA3209" s="53">
        <v>-30163193.999999899</v>
      </c>
      <c r="AB3209" s="53"/>
      <c r="AC3209" s="53"/>
      <c r="AD3209" s="53"/>
      <c r="AE3209" s="53"/>
      <c r="AF3209" s="53">
        <v>-14874999.999999899</v>
      </c>
      <c r="AG3209" s="53"/>
      <c r="AH3209" s="53"/>
      <c r="AI3209" s="53"/>
      <c r="AJ3209" s="53"/>
      <c r="AK3209" s="53"/>
      <c r="AL3209" s="53">
        <v>-14874999.999999899</v>
      </c>
      <c r="AM3209" s="53"/>
      <c r="AN3209" s="53">
        <v>-29749999.999999899</v>
      </c>
      <c r="AO3209" s="53"/>
      <c r="AP3209" s="53"/>
      <c r="AQ3209" s="53"/>
      <c r="AR3209" s="53"/>
      <c r="AS3209" s="53">
        <v>-14874999.999999899</v>
      </c>
      <c r="AT3209" s="53"/>
      <c r="AU3209" s="53"/>
      <c r="AV3209" s="53"/>
      <c r="AW3209" s="53"/>
      <c r="AX3209" s="53"/>
      <c r="AY3209" s="53">
        <v>-14874999.999999899</v>
      </c>
      <c r="AZ3209" s="53"/>
      <c r="BA3209" s="53">
        <v>-29749999.999999899</v>
      </c>
      <c r="BB3209" s="53"/>
      <c r="BC3209" s="53"/>
      <c r="BD3209" s="53"/>
      <c r="BE3209" s="53"/>
      <c r="BF3209" s="53">
        <v>-14874999.999999899</v>
      </c>
      <c r="BG3209" s="53"/>
      <c r="BH3209" s="53"/>
      <c r="BI3209" s="53"/>
      <c r="BJ3209" s="53"/>
      <c r="BK3209" s="53"/>
      <c r="BL3209" s="53">
        <v>-14874999.999999899</v>
      </c>
      <c r="BM3209" s="53"/>
      <c r="BN3209" s="53">
        <v>-29749999.999999899</v>
      </c>
      <c r="BO3209" s="53"/>
      <c r="BP3209" s="53"/>
      <c r="BQ3209" s="53"/>
      <c r="BR3209" s="53"/>
      <c r="BS3209" s="53">
        <v>-14874999.999999899</v>
      </c>
      <c r="BT3209" s="53"/>
      <c r="BU3209" s="53"/>
      <c r="BV3209" s="53"/>
      <c r="BW3209" s="53"/>
      <c r="BX3209" s="53"/>
      <c r="BY3209" s="53">
        <v>-14874999.999999899</v>
      </c>
      <c r="BZ3209" s="53"/>
      <c r="CA3209" s="53">
        <v>-29749999.999999899</v>
      </c>
      <c r="CB3209" s="53"/>
      <c r="CC3209" s="53"/>
      <c r="CD3209" s="53"/>
      <c r="CE3209" s="53"/>
      <c r="CF3209" s="53"/>
      <c r="CG3209" s="53"/>
      <c r="CH3209" s="53"/>
      <c r="CI3209" s="53"/>
      <c r="CJ3209" s="53"/>
      <c r="CK3209" s="53"/>
      <c r="CL3209" s="53"/>
      <c r="CM3209" s="53"/>
      <c r="CN3209" s="53"/>
    </row>
    <row r="3210" spans="1:92" outlineLevel="1">
      <c r="A3210" s="52" t="s">
        <v>1580</v>
      </c>
      <c r="B3210" s="53"/>
      <c r="C3210" s="53"/>
      <c r="D3210" s="53"/>
      <c r="E3210" s="53"/>
      <c r="F3210" s="53"/>
      <c r="G3210" s="53"/>
      <c r="H3210" s="53"/>
      <c r="I3210" s="53"/>
      <c r="J3210" s="53"/>
      <c r="K3210" s="53"/>
      <c r="L3210" s="53"/>
      <c r="M3210" s="53"/>
      <c r="N3210" s="53"/>
      <c r="O3210" s="53"/>
      <c r="P3210" s="53"/>
      <c r="Q3210" s="53"/>
      <c r="R3210" s="53"/>
      <c r="S3210" s="53"/>
      <c r="T3210" s="53"/>
      <c r="U3210" s="53"/>
      <c r="V3210" s="53"/>
      <c r="W3210" s="53"/>
      <c r="X3210" s="53"/>
      <c r="Y3210" s="53"/>
      <c r="Z3210" s="53"/>
      <c r="AA3210" s="53"/>
      <c r="AB3210" s="53"/>
      <c r="AC3210" s="53"/>
      <c r="AD3210" s="53"/>
      <c r="AE3210" s="53"/>
      <c r="AF3210" s="53"/>
      <c r="AG3210" s="53"/>
      <c r="AH3210" s="53"/>
      <c r="AI3210" s="53"/>
      <c r="AJ3210" s="53"/>
      <c r="AK3210" s="53"/>
      <c r="AL3210" s="53"/>
      <c r="AM3210" s="53"/>
      <c r="AN3210" s="53"/>
      <c r="AO3210" s="53"/>
      <c r="AP3210" s="53"/>
      <c r="AQ3210" s="53"/>
      <c r="AR3210" s="53"/>
      <c r="AS3210" s="53"/>
      <c r="AT3210" s="53"/>
      <c r="AU3210" s="53"/>
      <c r="AV3210" s="53"/>
      <c r="AW3210" s="53"/>
      <c r="AX3210" s="53"/>
      <c r="AY3210" s="53"/>
      <c r="AZ3210" s="53"/>
      <c r="BA3210" s="53"/>
      <c r="BB3210" s="53"/>
      <c r="BC3210" s="53"/>
      <c r="BD3210" s="53"/>
      <c r="BE3210" s="53"/>
      <c r="BF3210" s="53"/>
      <c r="BG3210" s="53"/>
      <c r="BH3210" s="53"/>
      <c r="BI3210" s="53"/>
      <c r="BJ3210" s="53"/>
      <c r="BK3210" s="53"/>
      <c r="BL3210" s="53"/>
      <c r="BM3210" s="53"/>
      <c r="BN3210" s="53"/>
      <c r="BO3210" s="53"/>
      <c r="BP3210" s="53"/>
      <c r="BQ3210" s="53"/>
      <c r="BR3210" s="53"/>
      <c r="BS3210" s="53"/>
      <c r="BT3210" s="53"/>
      <c r="BU3210" s="53"/>
      <c r="BV3210" s="53"/>
      <c r="BW3210" s="53"/>
      <c r="BX3210" s="53"/>
      <c r="BY3210" s="53"/>
      <c r="BZ3210" s="53"/>
      <c r="CA3210" s="53"/>
      <c r="CB3210" s="53"/>
      <c r="CC3210" s="53"/>
      <c r="CD3210" s="53"/>
      <c r="CE3210" s="53"/>
      <c r="CF3210" s="53"/>
      <c r="CG3210" s="53"/>
      <c r="CH3210" s="53"/>
      <c r="CI3210" s="53"/>
      <c r="CJ3210" s="53"/>
      <c r="CK3210" s="53"/>
      <c r="CL3210" s="53"/>
      <c r="CM3210" s="53"/>
      <c r="CN3210" s="53"/>
    </row>
    <row r="3211" spans="1:92">
      <c r="A3211" s="52" t="s">
        <v>711</v>
      </c>
      <c r="B3211" s="53"/>
      <c r="C3211" s="53"/>
      <c r="D3211" s="53"/>
      <c r="E3211" s="53"/>
      <c r="F3211" s="53"/>
      <c r="G3211" s="53"/>
      <c r="H3211" s="53"/>
      <c r="I3211" s="53"/>
      <c r="J3211" s="53"/>
      <c r="K3211" s="53"/>
      <c r="L3211" s="53"/>
      <c r="M3211" s="53"/>
      <c r="N3211" s="53"/>
      <c r="O3211" s="53"/>
      <c r="P3211" s="53"/>
      <c r="Q3211" s="53"/>
      <c r="R3211" s="53"/>
      <c r="S3211" s="53"/>
      <c r="T3211" s="53"/>
      <c r="U3211" s="53"/>
      <c r="V3211" s="53"/>
      <c r="W3211" s="53"/>
      <c r="X3211" s="53"/>
      <c r="Y3211" s="53"/>
      <c r="Z3211" s="53"/>
      <c r="AA3211" s="53"/>
      <c r="AB3211" s="53"/>
      <c r="AC3211" s="53"/>
      <c r="AD3211" s="53"/>
      <c r="AE3211" s="53"/>
      <c r="AF3211" s="53"/>
      <c r="AG3211" s="53"/>
      <c r="AH3211" s="53"/>
      <c r="AI3211" s="53"/>
      <c r="AJ3211" s="53"/>
      <c r="AK3211" s="53"/>
      <c r="AL3211" s="53"/>
      <c r="AM3211" s="53"/>
      <c r="AN3211" s="53"/>
      <c r="AO3211" s="53"/>
      <c r="AP3211" s="53"/>
      <c r="AQ3211" s="53"/>
      <c r="AR3211" s="53"/>
      <c r="AS3211" s="53"/>
      <c r="AT3211" s="53"/>
      <c r="AU3211" s="53"/>
      <c r="AV3211" s="53"/>
      <c r="AW3211" s="53"/>
      <c r="AX3211" s="53"/>
      <c r="AY3211" s="53"/>
      <c r="AZ3211" s="53"/>
      <c r="BA3211" s="53"/>
      <c r="BB3211" s="53"/>
      <c r="BC3211" s="53"/>
      <c r="BD3211" s="53"/>
      <c r="BE3211" s="53"/>
      <c r="BF3211" s="53"/>
      <c r="BG3211" s="53"/>
      <c r="BH3211" s="53"/>
      <c r="BI3211" s="53"/>
      <c r="BJ3211" s="53"/>
      <c r="BK3211" s="53"/>
      <c r="BL3211" s="53"/>
      <c r="BM3211" s="53"/>
      <c r="BN3211" s="53"/>
      <c r="BO3211" s="53"/>
      <c r="BP3211" s="53">
        <v>-150000000</v>
      </c>
      <c r="BQ3211" s="53"/>
      <c r="BR3211" s="53"/>
      <c r="BS3211" s="53"/>
      <c r="BT3211" s="53"/>
      <c r="BU3211" s="53"/>
      <c r="BV3211" s="53"/>
      <c r="BW3211" s="53"/>
      <c r="BX3211" s="53"/>
      <c r="BY3211" s="53"/>
      <c r="BZ3211" s="53"/>
      <c r="CA3211" s="53">
        <v>-150000000</v>
      </c>
      <c r="CB3211" s="53"/>
      <c r="CC3211" s="53"/>
      <c r="CD3211" s="53"/>
      <c r="CE3211" s="53"/>
      <c r="CF3211" s="53"/>
      <c r="CG3211" s="53"/>
      <c r="CH3211" s="53"/>
      <c r="CI3211" s="53"/>
      <c r="CJ3211" s="53"/>
      <c r="CK3211" s="53"/>
      <c r="CL3211" s="53"/>
      <c r="CM3211" s="53"/>
      <c r="CN3211" s="53"/>
    </row>
    <row r="3212" spans="1:92">
      <c r="A3212" s="52" t="s">
        <v>723</v>
      </c>
      <c r="B3212" s="53"/>
      <c r="C3212" s="53"/>
      <c r="D3212" s="53"/>
      <c r="E3212" s="53"/>
      <c r="F3212" s="53"/>
      <c r="G3212" s="53"/>
      <c r="H3212" s="53"/>
      <c r="I3212" s="53"/>
      <c r="J3212" s="53"/>
      <c r="K3212" s="53"/>
      <c r="L3212" s="53"/>
      <c r="M3212" s="53"/>
      <c r="N3212" s="53"/>
      <c r="O3212" s="53"/>
      <c r="P3212" s="53"/>
      <c r="Q3212" s="53"/>
      <c r="R3212" s="53"/>
      <c r="S3212" s="53"/>
      <c r="T3212" s="53"/>
      <c r="U3212" s="53"/>
      <c r="V3212" s="53"/>
      <c r="W3212" s="53"/>
      <c r="X3212" s="53"/>
      <c r="Y3212" s="53"/>
      <c r="Z3212" s="53"/>
      <c r="AA3212" s="53"/>
      <c r="AB3212" s="53"/>
      <c r="AC3212" s="53"/>
      <c r="AD3212" s="53"/>
      <c r="AE3212" s="53"/>
      <c r="AF3212" s="53"/>
      <c r="AG3212" s="53"/>
      <c r="AH3212" s="53"/>
      <c r="AI3212" s="53"/>
      <c r="AJ3212" s="53"/>
      <c r="AK3212" s="53"/>
      <c r="AL3212" s="53"/>
      <c r="AM3212" s="53"/>
      <c r="AN3212" s="53"/>
      <c r="AO3212" s="53"/>
      <c r="AP3212" s="53"/>
      <c r="AQ3212" s="53"/>
      <c r="AR3212" s="53"/>
      <c r="AS3212" s="53"/>
      <c r="AT3212" s="53"/>
      <c r="AU3212" s="53"/>
      <c r="AV3212" s="53"/>
      <c r="AW3212" s="53"/>
      <c r="AX3212" s="53"/>
      <c r="AY3212" s="53"/>
      <c r="AZ3212" s="53"/>
      <c r="BA3212" s="53"/>
      <c r="BB3212" s="53">
        <v>-650000000</v>
      </c>
      <c r="BC3212" s="53"/>
      <c r="BD3212" s="53"/>
      <c r="BE3212" s="53"/>
      <c r="BF3212" s="53"/>
      <c r="BG3212" s="53"/>
      <c r="BH3212" s="53"/>
      <c r="BI3212" s="53"/>
      <c r="BJ3212" s="53"/>
      <c r="BK3212" s="53"/>
      <c r="BL3212" s="53"/>
      <c r="BM3212" s="53"/>
      <c r="BN3212" s="53">
        <v>-650000000</v>
      </c>
      <c r="BO3212" s="53"/>
      <c r="BP3212" s="53"/>
      <c r="BQ3212" s="53"/>
      <c r="BR3212" s="53"/>
      <c r="BS3212" s="53"/>
      <c r="BT3212" s="53"/>
      <c r="BU3212" s="53"/>
      <c r="BV3212" s="53"/>
      <c r="BW3212" s="53"/>
      <c r="BX3212" s="53"/>
      <c r="BY3212" s="53"/>
      <c r="BZ3212" s="53"/>
      <c r="CA3212" s="53"/>
      <c r="CB3212" s="53">
        <v>9709113.56718079</v>
      </c>
      <c r="CC3212" s="53">
        <v>9731420.0067501795</v>
      </c>
      <c r="CD3212" s="53">
        <v>9760965.4821418393</v>
      </c>
      <c r="CE3212" s="53">
        <v>9804176.3154558502</v>
      </c>
      <c r="CF3212" s="53">
        <v>9827988.3710235301</v>
      </c>
      <c r="CG3212" s="53">
        <v>9851601.0700849108</v>
      </c>
      <c r="CH3212" s="53">
        <v>9911184.9461589996</v>
      </c>
      <c r="CI3212" s="53">
        <v>9936006.6665291209</v>
      </c>
      <c r="CJ3212" s="53">
        <v>9959669.0501857102</v>
      </c>
      <c r="CK3212" s="53">
        <v>10002361.7704484</v>
      </c>
      <c r="CL3212" s="53">
        <v>10025981.191054501</v>
      </c>
      <c r="CM3212" s="53">
        <v>10055249.996088799</v>
      </c>
      <c r="CN3212" s="53">
        <v>118575718.433102</v>
      </c>
    </row>
    <row r="3213" spans="1:92" outlineLevel="1">
      <c r="A3213" s="52" t="s">
        <v>725</v>
      </c>
      <c r="B3213" s="53"/>
      <c r="C3213" s="53"/>
      <c r="D3213" s="53"/>
      <c r="E3213" s="53"/>
      <c r="F3213" s="53"/>
      <c r="G3213" s="53"/>
      <c r="H3213" s="53"/>
      <c r="I3213" s="53"/>
      <c r="J3213" s="53"/>
      <c r="K3213" s="53"/>
      <c r="L3213" s="53"/>
      <c r="M3213" s="53"/>
      <c r="N3213" s="53"/>
      <c r="O3213" s="53"/>
      <c r="P3213" s="53"/>
      <c r="Q3213" s="53"/>
      <c r="R3213" s="53"/>
      <c r="S3213" s="53"/>
      <c r="T3213" s="53"/>
      <c r="U3213" s="53"/>
      <c r="V3213" s="53"/>
      <c r="W3213" s="53"/>
      <c r="X3213" s="53"/>
      <c r="Y3213" s="53"/>
      <c r="Z3213" s="53"/>
      <c r="AA3213" s="53"/>
      <c r="AB3213" s="53"/>
      <c r="AC3213" s="53"/>
      <c r="AD3213" s="53"/>
      <c r="AE3213" s="53"/>
      <c r="AF3213" s="53"/>
      <c r="AG3213" s="53"/>
      <c r="AH3213" s="53"/>
      <c r="AI3213" s="53"/>
      <c r="AJ3213" s="53"/>
      <c r="AK3213" s="53"/>
      <c r="AL3213" s="53"/>
      <c r="AM3213" s="53"/>
      <c r="AN3213" s="53"/>
      <c r="AO3213" s="53"/>
      <c r="AP3213" s="53"/>
      <c r="AQ3213" s="53"/>
      <c r="AR3213" s="53"/>
      <c r="AS3213" s="53"/>
      <c r="AT3213" s="53"/>
      <c r="AU3213" s="53"/>
      <c r="AV3213" s="53"/>
      <c r="AW3213" s="53"/>
      <c r="AX3213" s="53"/>
      <c r="AY3213" s="53"/>
      <c r="AZ3213" s="53"/>
      <c r="BA3213" s="53"/>
      <c r="BB3213" s="53"/>
      <c r="BC3213" s="53"/>
      <c r="BD3213" s="53"/>
      <c r="BE3213" s="53"/>
      <c r="BF3213" s="53"/>
      <c r="BG3213" s="53"/>
      <c r="BH3213" s="53"/>
      <c r="BI3213" s="53"/>
      <c r="BJ3213" s="53"/>
      <c r="BK3213" s="53"/>
      <c r="BL3213" s="53"/>
      <c r="BM3213" s="53"/>
      <c r="BN3213" s="53"/>
      <c r="BO3213" s="53"/>
      <c r="BP3213" s="53"/>
      <c r="BQ3213" s="53"/>
      <c r="BR3213" s="53"/>
      <c r="BS3213" s="53"/>
      <c r="BT3213" s="53"/>
      <c r="BU3213" s="53">
        <v>-600000000</v>
      </c>
      <c r="BV3213" s="53"/>
      <c r="BW3213" s="53"/>
      <c r="BX3213" s="53"/>
      <c r="BY3213" s="53"/>
      <c r="BZ3213" s="53"/>
      <c r="CA3213" s="53">
        <v>-600000000</v>
      </c>
      <c r="CB3213" s="53"/>
      <c r="CC3213" s="53"/>
      <c r="CD3213" s="53"/>
      <c r="CE3213" s="53"/>
      <c r="CF3213" s="53"/>
      <c r="CG3213" s="53"/>
      <c r="CH3213" s="53"/>
      <c r="CI3213" s="53"/>
      <c r="CJ3213" s="53"/>
      <c r="CK3213" s="53"/>
      <c r="CL3213" s="53"/>
      <c r="CM3213" s="53"/>
      <c r="CN3213" s="53"/>
    </row>
    <row r="3214" spans="1:92" outlineLevel="1">
      <c r="A3214" s="52" t="s">
        <v>726</v>
      </c>
      <c r="B3214" s="53"/>
      <c r="C3214" s="53"/>
      <c r="D3214" s="53"/>
      <c r="E3214" s="53"/>
      <c r="F3214" s="53"/>
      <c r="G3214" s="53"/>
      <c r="H3214" s="53"/>
      <c r="I3214" s="53"/>
      <c r="J3214" s="53"/>
      <c r="K3214" s="53"/>
      <c r="L3214" s="53"/>
      <c r="M3214" s="53"/>
      <c r="N3214" s="53"/>
      <c r="O3214" s="53"/>
      <c r="P3214" s="53"/>
      <c r="Q3214" s="53"/>
      <c r="R3214" s="53"/>
      <c r="S3214" s="53"/>
      <c r="T3214" s="53"/>
      <c r="U3214" s="53"/>
      <c r="V3214" s="53"/>
      <c r="W3214" s="53"/>
      <c r="X3214" s="53"/>
      <c r="Y3214" s="53"/>
      <c r="Z3214" s="53"/>
      <c r="AA3214" s="53"/>
      <c r="AB3214" s="53"/>
      <c r="AC3214" s="53"/>
      <c r="AD3214" s="53"/>
      <c r="AE3214" s="53"/>
      <c r="AF3214" s="53"/>
      <c r="AG3214" s="53"/>
      <c r="AH3214" s="53"/>
      <c r="AI3214" s="53"/>
      <c r="AJ3214" s="53"/>
      <c r="AK3214" s="53"/>
      <c r="AL3214" s="53"/>
      <c r="AM3214" s="53"/>
      <c r="AN3214" s="53"/>
      <c r="AO3214" s="53"/>
      <c r="AP3214" s="53"/>
      <c r="AQ3214" s="53"/>
      <c r="AR3214" s="53"/>
      <c r="AS3214" s="53"/>
      <c r="AT3214" s="53"/>
      <c r="AU3214" s="53"/>
      <c r="AV3214" s="53"/>
      <c r="AW3214" s="53"/>
      <c r="AX3214" s="53"/>
      <c r="AY3214" s="53"/>
      <c r="AZ3214" s="53"/>
      <c r="BA3214" s="53"/>
      <c r="BB3214" s="53"/>
      <c r="BC3214" s="53"/>
      <c r="BD3214" s="53"/>
      <c r="BE3214" s="53"/>
      <c r="BF3214" s="53"/>
      <c r="BG3214" s="53"/>
      <c r="BH3214" s="53"/>
      <c r="BI3214" s="53"/>
      <c r="BJ3214" s="53"/>
      <c r="BK3214" s="53"/>
      <c r="BL3214" s="53"/>
      <c r="BM3214" s="53"/>
      <c r="BN3214" s="53"/>
      <c r="BO3214" s="53"/>
      <c r="BP3214" s="53"/>
      <c r="BQ3214" s="53"/>
      <c r="BR3214" s="53"/>
      <c r="BS3214" s="53"/>
      <c r="BT3214" s="53"/>
      <c r="BU3214" s="53"/>
      <c r="BV3214" s="53"/>
      <c r="BW3214" s="53"/>
      <c r="BX3214" s="53"/>
      <c r="BY3214" s="53"/>
      <c r="BZ3214" s="53"/>
      <c r="CA3214" s="53"/>
      <c r="CB3214" s="53"/>
      <c r="CC3214" s="53"/>
      <c r="CD3214" s="53"/>
      <c r="CE3214" s="53"/>
      <c r="CF3214" s="53"/>
      <c r="CG3214" s="53"/>
      <c r="CH3214" s="53"/>
      <c r="CI3214" s="53"/>
      <c r="CJ3214" s="53"/>
      <c r="CK3214" s="53"/>
      <c r="CL3214" s="53"/>
      <c r="CM3214" s="53"/>
      <c r="CN3214" s="53"/>
    </row>
    <row r="3215" spans="1:92" outlineLevel="1">
      <c r="A3215" s="52" t="s">
        <v>1564</v>
      </c>
      <c r="B3215" s="53"/>
      <c r="C3215" s="53"/>
      <c r="D3215" s="53"/>
      <c r="E3215" s="53"/>
      <c r="F3215" s="53"/>
      <c r="G3215" s="53"/>
      <c r="H3215" s="53"/>
      <c r="I3215" s="53"/>
      <c r="J3215" s="53"/>
      <c r="K3215" s="53"/>
      <c r="L3215" s="53"/>
      <c r="M3215" s="53"/>
      <c r="N3215" s="53"/>
      <c r="O3215" s="53"/>
      <c r="P3215" s="53"/>
      <c r="Q3215" s="53"/>
      <c r="R3215" s="53">
        <v>-800000000</v>
      </c>
      <c r="S3215" s="53"/>
      <c r="T3215" s="53"/>
      <c r="U3215" s="53"/>
      <c r="V3215" s="53"/>
      <c r="W3215" s="53"/>
      <c r="X3215" s="53"/>
      <c r="Y3215" s="53"/>
      <c r="Z3215" s="53"/>
      <c r="AA3215" s="53">
        <v>-800000000</v>
      </c>
      <c r="AB3215" s="53"/>
      <c r="AC3215" s="53"/>
      <c r="AD3215" s="53"/>
      <c r="AE3215" s="53"/>
      <c r="AF3215" s="53"/>
      <c r="AG3215" s="53"/>
      <c r="AH3215" s="53"/>
      <c r="AI3215" s="53"/>
      <c r="AJ3215" s="53"/>
      <c r="AK3215" s="53"/>
      <c r="AL3215" s="53"/>
      <c r="AM3215" s="53"/>
      <c r="AN3215" s="53"/>
      <c r="AO3215" s="53"/>
      <c r="AP3215" s="53"/>
      <c r="AQ3215" s="53"/>
      <c r="AR3215" s="53"/>
      <c r="AS3215" s="53"/>
      <c r="AT3215" s="53"/>
      <c r="AU3215" s="53"/>
      <c r="AV3215" s="53"/>
      <c r="AW3215" s="53"/>
      <c r="AX3215" s="53"/>
      <c r="AY3215" s="53"/>
      <c r="AZ3215" s="53"/>
      <c r="BA3215" s="53"/>
      <c r="BB3215" s="53"/>
      <c r="BC3215" s="53"/>
      <c r="BD3215" s="53"/>
      <c r="BE3215" s="53"/>
      <c r="BF3215" s="53"/>
      <c r="BG3215" s="53"/>
      <c r="BH3215" s="53"/>
      <c r="BI3215" s="53"/>
      <c r="BJ3215" s="53"/>
      <c r="BK3215" s="53"/>
      <c r="BL3215" s="53"/>
      <c r="BM3215" s="53"/>
      <c r="BN3215" s="53"/>
      <c r="BO3215" s="53"/>
      <c r="BP3215" s="53"/>
      <c r="BQ3215" s="53"/>
      <c r="BR3215" s="53"/>
      <c r="BS3215" s="53"/>
      <c r="BT3215" s="53"/>
      <c r="BU3215" s="53"/>
      <c r="BV3215" s="53"/>
      <c r="BW3215" s="53"/>
      <c r="BX3215" s="53"/>
      <c r="BY3215" s="53"/>
      <c r="BZ3215" s="53"/>
      <c r="CA3215" s="53"/>
      <c r="CB3215" s="53">
        <v>48273.326686642496</v>
      </c>
      <c r="CC3215" s="53">
        <v>-431106.61400161003</v>
      </c>
      <c r="CD3215" s="53">
        <v>553089.23345798999</v>
      </c>
      <c r="CE3215" s="53">
        <v>666514.52754011296</v>
      </c>
      <c r="CF3215" s="53">
        <v>721902.89191049302</v>
      </c>
      <c r="CG3215" s="53">
        <v>-1666724.99174239</v>
      </c>
      <c r="CH3215" s="53">
        <v>-1363458.22203412</v>
      </c>
      <c r="CI3215" s="53">
        <v>-1321826.60722125</v>
      </c>
      <c r="CJ3215" s="53">
        <v>1165315.3371890001</v>
      </c>
      <c r="CK3215" s="53">
        <v>1232264.4509985901</v>
      </c>
      <c r="CL3215" s="53">
        <v>482666.55450601201</v>
      </c>
      <c r="CM3215" s="53">
        <v>-86909.887289479593</v>
      </c>
      <c r="CN3215" s="53">
        <v>-1.2732925824820899E-8</v>
      </c>
    </row>
    <row r="3216" spans="1:92" outlineLevel="1">
      <c r="A3216" s="52" t="s">
        <v>1593</v>
      </c>
      <c r="B3216" s="53"/>
      <c r="C3216" s="53"/>
      <c r="D3216" s="53"/>
      <c r="E3216" s="53"/>
      <c r="F3216" s="53"/>
      <c r="G3216" s="53"/>
      <c r="H3216" s="53"/>
      <c r="I3216" s="53"/>
      <c r="J3216" s="53"/>
      <c r="K3216" s="53"/>
      <c r="L3216" s="53"/>
      <c r="M3216" s="53"/>
      <c r="N3216" s="53"/>
      <c r="O3216" s="53"/>
      <c r="P3216" s="53"/>
      <c r="Q3216" s="53"/>
      <c r="R3216" s="53"/>
      <c r="S3216" s="53"/>
      <c r="T3216" s="53"/>
      <c r="U3216" s="53"/>
      <c r="V3216" s="53"/>
      <c r="W3216" s="53"/>
      <c r="X3216" s="53"/>
      <c r="Y3216" s="53"/>
      <c r="Z3216" s="53"/>
      <c r="AA3216" s="53"/>
      <c r="AB3216" s="53"/>
      <c r="AC3216" s="53"/>
      <c r="AD3216" s="53"/>
      <c r="AE3216" s="53"/>
      <c r="AF3216" s="53"/>
      <c r="AG3216" s="53"/>
      <c r="AH3216" s="53"/>
      <c r="AI3216" s="53"/>
      <c r="AJ3216" s="53"/>
      <c r="AK3216" s="53"/>
      <c r="AL3216" s="53"/>
      <c r="AM3216" s="53"/>
      <c r="AN3216" s="53"/>
      <c r="AO3216" s="53"/>
      <c r="AP3216" s="53"/>
      <c r="AQ3216" s="53"/>
      <c r="AR3216" s="53"/>
      <c r="AS3216" s="53"/>
      <c r="AT3216" s="53"/>
      <c r="AU3216" s="53"/>
      <c r="AV3216" s="53"/>
      <c r="AW3216" s="53"/>
      <c r="AX3216" s="53"/>
      <c r="AY3216" s="53"/>
      <c r="AZ3216" s="53"/>
      <c r="BA3216" s="53"/>
      <c r="BB3216" s="53"/>
      <c r="BC3216" s="53"/>
      <c r="BD3216" s="53"/>
      <c r="BE3216" s="53"/>
      <c r="BF3216" s="53"/>
      <c r="BG3216" s="53"/>
      <c r="BH3216" s="53"/>
      <c r="BI3216" s="53"/>
      <c r="BJ3216" s="53"/>
      <c r="BK3216" s="53"/>
      <c r="BL3216" s="53"/>
      <c r="BM3216" s="53"/>
      <c r="BN3216" s="53"/>
      <c r="BO3216" s="53"/>
      <c r="BP3216" s="53"/>
      <c r="BQ3216" s="53"/>
      <c r="BR3216" s="53"/>
      <c r="BS3216" s="53"/>
      <c r="BT3216" s="53"/>
      <c r="BU3216" s="53"/>
      <c r="BV3216" s="53"/>
      <c r="BW3216" s="53"/>
      <c r="BX3216" s="53"/>
      <c r="BY3216" s="53"/>
      <c r="BZ3216" s="53"/>
      <c r="CA3216" s="53"/>
      <c r="CB3216" s="53"/>
      <c r="CC3216" s="53"/>
      <c r="CD3216" s="53"/>
      <c r="CE3216" s="53"/>
      <c r="CF3216" s="53"/>
      <c r="CG3216" s="53"/>
      <c r="CH3216" s="53"/>
      <c r="CI3216" s="53"/>
      <c r="CJ3216" s="53"/>
      <c r="CK3216" s="53"/>
      <c r="CL3216" s="53"/>
      <c r="CM3216" s="53"/>
      <c r="CN3216" s="53"/>
    </row>
    <row r="3217" spans="1:92" outlineLevel="1">
      <c r="A3217" s="52" t="s">
        <v>711</v>
      </c>
      <c r="B3217" s="53">
        <v>-15351.524590163899</v>
      </c>
      <c r="C3217" s="53">
        <v>-15351.524590163899</v>
      </c>
      <c r="D3217" s="53">
        <v>-15351.524590163899</v>
      </c>
      <c r="E3217" s="53">
        <v>-15351.524590163899</v>
      </c>
      <c r="F3217" s="53">
        <v>-15351.524590163899</v>
      </c>
      <c r="G3217" s="53">
        <v>-15351.524590163899</v>
      </c>
      <c r="H3217" s="53">
        <v>-15351.524590163899</v>
      </c>
      <c r="I3217" s="53">
        <v>-15351.524590163899</v>
      </c>
      <c r="J3217" s="53">
        <v>-15351.524590163899</v>
      </c>
      <c r="K3217" s="53">
        <v>-15351.524590163899</v>
      </c>
      <c r="L3217" s="53">
        <v>-15351.524590163899</v>
      </c>
      <c r="M3217" s="53">
        <v>-15351.524590163899</v>
      </c>
      <c r="N3217" s="53">
        <v>-184218.29508196699</v>
      </c>
      <c r="O3217" s="53">
        <v>-15351.524590163899</v>
      </c>
      <c r="P3217" s="53">
        <v>-15351.524590163899</v>
      </c>
      <c r="Q3217" s="53">
        <v>-15351.524590163899</v>
      </c>
      <c r="R3217" s="53">
        <v>-15351.524590163899</v>
      </c>
      <c r="S3217" s="53">
        <v>-15351.524590163899</v>
      </c>
      <c r="T3217" s="53">
        <v>-15351.524590163899</v>
      </c>
      <c r="U3217" s="53">
        <v>-15351.524590163899</v>
      </c>
      <c r="V3217" s="53">
        <v>-15351.524590163899</v>
      </c>
      <c r="W3217" s="53">
        <v>-15351.524590163899</v>
      </c>
      <c r="X3217" s="53">
        <v>-15351.524590163899</v>
      </c>
      <c r="Y3217" s="53">
        <v>-15351.524590163899</v>
      </c>
      <c r="Z3217" s="53">
        <v>-15351.524590163899</v>
      </c>
      <c r="AA3217" s="53">
        <v>-184218.29508196699</v>
      </c>
      <c r="AB3217" s="53">
        <v>-15351.524590163899</v>
      </c>
      <c r="AC3217" s="53">
        <v>-15351.524590163899</v>
      </c>
      <c r="AD3217" s="53">
        <v>-15351.524590163899</v>
      </c>
      <c r="AE3217" s="53">
        <v>-15351.524590163899</v>
      </c>
      <c r="AF3217" s="53">
        <v>-15351.524590163899</v>
      </c>
      <c r="AG3217" s="53">
        <v>-15351.524590163899</v>
      </c>
      <c r="AH3217" s="53">
        <v>-15351.524590163899</v>
      </c>
      <c r="AI3217" s="53">
        <v>-15351.524590163899</v>
      </c>
      <c r="AJ3217" s="53">
        <v>-15351.524590163899</v>
      </c>
      <c r="AK3217" s="53">
        <v>-15351.524590163899</v>
      </c>
      <c r="AL3217" s="53">
        <v>-15351.524590163899</v>
      </c>
      <c r="AM3217" s="53">
        <v>-15351.524590163899</v>
      </c>
      <c r="AN3217" s="53">
        <v>-184218.29508196699</v>
      </c>
      <c r="AO3217" s="53">
        <v>-15351.524590163899</v>
      </c>
      <c r="AP3217" s="53">
        <v>-15351.524590163899</v>
      </c>
      <c r="AQ3217" s="53">
        <v>-15351.524590163899</v>
      </c>
      <c r="AR3217" s="53">
        <v>-15351.524590163899</v>
      </c>
      <c r="AS3217" s="53">
        <v>-15351.524590163899</v>
      </c>
      <c r="AT3217" s="53">
        <v>-15351.524590163899</v>
      </c>
      <c r="AU3217" s="53">
        <v>-15351.524590163899</v>
      </c>
      <c r="AV3217" s="53">
        <v>-15351.524590163899</v>
      </c>
      <c r="AW3217" s="53">
        <v>-15351.524590163899</v>
      </c>
      <c r="AX3217" s="53">
        <v>-15351.524590163899</v>
      </c>
      <c r="AY3217" s="53">
        <v>-15351.524590163899</v>
      </c>
      <c r="AZ3217" s="53">
        <v>-15351.524590163899</v>
      </c>
      <c r="BA3217" s="53">
        <v>-184218.29508196699</v>
      </c>
      <c r="BB3217" s="53">
        <v>-15351.524590163899</v>
      </c>
      <c r="BC3217" s="53">
        <v>-15351.524590163899</v>
      </c>
      <c r="BD3217" s="53">
        <v>-15351.524590163899</v>
      </c>
      <c r="BE3217" s="53">
        <v>-15351.524590163899</v>
      </c>
      <c r="BF3217" s="53">
        <v>-15351.524590163899</v>
      </c>
      <c r="BG3217" s="53">
        <v>-15351.524590163899</v>
      </c>
      <c r="BH3217" s="53">
        <v>-15351.524590163899</v>
      </c>
      <c r="BI3217" s="53">
        <v>-15351.524590163899</v>
      </c>
      <c r="BJ3217" s="53">
        <v>-15351.524590163899</v>
      </c>
      <c r="BK3217" s="53">
        <v>-15351.524590163899</v>
      </c>
      <c r="BL3217" s="53">
        <v>-15351.524590163899</v>
      </c>
      <c r="BM3217" s="53">
        <v>-15351.524590163899</v>
      </c>
      <c r="BN3217" s="53">
        <v>-184218.29508196699</v>
      </c>
      <c r="BO3217" s="53">
        <v>-15351.524590163899</v>
      </c>
      <c r="BP3217" s="53"/>
      <c r="BQ3217" s="53"/>
      <c r="BR3217" s="53"/>
      <c r="BS3217" s="53"/>
      <c r="BT3217" s="53"/>
      <c r="BU3217" s="53"/>
      <c r="BV3217" s="53"/>
      <c r="BW3217" s="53"/>
      <c r="BX3217" s="53"/>
      <c r="BY3217" s="53"/>
      <c r="BZ3217" s="53"/>
      <c r="CA3217" s="53">
        <v>-15351.524590163899</v>
      </c>
      <c r="CB3217" s="53"/>
      <c r="CC3217" s="53"/>
      <c r="CD3217" s="53"/>
      <c r="CE3217" s="53"/>
      <c r="CF3217" s="53"/>
      <c r="CG3217" s="53"/>
      <c r="CH3217" s="53"/>
      <c r="CI3217" s="53"/>
      <c r="CJ3217" s="53"/>
      <c r="CK3217" s="53"/>
      <c r="CL3217" s="53"/>
      <c r="CM3217" s="53"/>
      <c r="CN3217" s="53"/>
    </row>
    <row r="3218" spans="1:92" outlineLevel="1">
      <c r="A3218" s="52" t="s">
        <v>712</v>
      </c>
      <c r="B3218" s="53">
        <v>-8310.1065573770393</v>
      </c>
      <c r="C3218" s="53">
        <v>-8310.1065573770393</v>
      </c>
      <c r="D3218" s="53">
        <v>-8310.1065573770393</v>
      </c>
      <c r="E3218" s="53">
        <v>-8310.1065573770393</v>
      </c>
      <c r="F3218" s="53">
        <v>-8310.1065573770502</v>
      </c>
      <c r="G3218" s="53">
        <v>-8310.1065573770502</v>
      </c>
      <c r="H3218" s="53">
        <v>-8310.1065573770502</v>
      </c>
      <c r="I3218" s="53">
        <v>-8310.1065573770502</v>
      </c>
      <c r="J3218" s="53">
        <v>-8310.1065573770502</v>
      </c>
      <c r="K3218" s="53">
        <v>-8310.1065573770502</v>
      </c>
      <c r="L3218" s="53">
        <v>-8310.1065573770502</v>
      </c>
      <c r="M3218" s="53">
        <v>-8310.1065573770502</v>
      </c>
      <c r="N3218" s="53">
        <v>-99721.278688524602</v>
      </c>
      <c r="O3218" s="53">
        <v>-8310.1065573770502</v>
      </c>
      <c r="P3218" s="53">
        <v>-8310.1065573770502</v>
      </c>
      <c r="Q3218" s="53">
        <v>-8310.1065573770502</v>
      </c>
      <c r="R3218" s="53">
        <v>-8310.1065573770502</v>
      </c>
      <c r="S3218" s="53">
        <v>-8310.1065573770502</v>
      </c>
      <c r="T3218" s="53">
        <v>-8310.1065573770502</v>
      </c>
      <c r="U3218" s="53">
        <v>-8310.1065573770502</v>
      </c>
      <c r="V3218" s="53">
        <v>-8310.1065573770502</v>
      </c>
      <c r="W3218" s="53">
        <v>-8310.1065573770502</v>
      </c>
      <c r="X3218" s="53">
        <v>-8310.1065573770502</v>
      </c>
      <c r="Y3218" s="53">
        <v>-8310.1065573770502</v>
      </c>
      <c r="Z3218" s="53">
        <v>-8310.1065573770502</v>
      </c>
      <c r="AA3218" s="53">
        <v>-99721.278688524602</v>
      </c>
      <c r="AB3218" s="53">
        <v>-8310.1065573770502</v>
      </c>
      <c r="AC3218" s="53">
        <v>-8310.1065573770502</v>
      </c>
      <c r="AD3218" s="53">
        <v>-8310.1065573770502</v>
      </c>
      <c r="AE3218" s="53">
        <v>-8310.1065573770502</v>
      </c>
      <c r="AF3218" s="53">
        <v>-8310.1065573770502</v>
      </c>
      <c r="AG3218" s="53">
        <v>-8310.1065573770502</v>
      </c>
      <c r="AH3218" s="53">
        <v>-8310.1065573770502</v>
      </c>
      <c r="AI3218" s="53">
        <v>-8310.1065573770502</v>
      </c>
      <c r="AJ3218" s="53">
        <v>-8310.1065573770502</v>
      </c>
      <c r="AK3218" s="53">
        <v>-8310.1065573770502</v>
      </c>
      <c r="AL3218" s="53">
        <v>-8310.1065573770502</v>
      </c>
      <c r="AM3218" s="53">
        <v>-8310.1065573770502</v>
      </c>
      <c r="AN3218" s="53">
        <v>-99721.278688524602</v>
      </c>
      <c r="AO3218" s="53">
        <v>-8310.1065573770593</v>
      </c>
      <c r="AP3218" s="53">
        <v>-8310.1065573770593</v>
      </c>
      <c r="AQ3218" s="53">
        <v>-8310.1065573770593</v>
      </c>
      <c r="AR3218" s="53">
        <v>-8310.1065573770593</v>
      </c>
      <c r="AS3218" s="53">
        <v>-8310.1065573770593</v>
      </c>
      <c r="AT3218" s="53">
        <v>-8310.1065573770593</v>
      </c>
      <c r="AU3218" s="53">
        <v>-8310.1065573770593</v>
      </c>
      <c r="AV3218" s="53">
        <v>-8310.1065573770593</v>
      </c>
      <c r="AW3218" s="53">
        <v>-8310.1065573770593</v>
      </c>
      <c r="AX3218" s="53">
        <v>-8310.1065573770593</v>
      </c>
      <c r="AY3218" s="53">
        <v>-8310.1065573770593</v>
      </c>
      <c r="AZ3218" s="53">
        <v>-8310.1065573770593</v>
      </c>
      <c r="BA3218" s="53">
        <v>-99721.278688524704</v>
      </c>
      <c r="BB3218" s="53">
        <v>-8310.1065573770593</v>
      </c>
      <c r="BC3218" s="53">
        <v>-8310.1065573770593</v>
      </c>
      <c r="BD3218" s="53">
        <v>-8310.1065573770593</v>
      </c>
      <c r="BE3218" s="53">
        <v>-8310.1065573770593</v>
      </c>
      <c r="BF3218" s="53">
        <v>-8310.1065573770593</v>
      </c>
      <c r="BG3218" s="53">
        <v>-8310.1065573770593</v>
      </c>
      <c r="BH3218" s="53">
        <v>-8310.1065573770593</v>
      </c>
      <c r="BI3218" s="53">
        <v>-8310.1065573770593</v>
      </c>
      <c r="BJ3218" s="53">
        <v>-8310.1065573770593</v>
      </c>
      <c r="BK3218" s="53">
        <v>-8310.1065573770702</v>
      </c>
      <c r="BL3218" s="53">
        <v>-8310.1065573770702</v>
      </c>
      <c r="BM3218" s="53">
        <v>-8310.1065573770702</v>
      </c>
      <c r="BN3218" s="53">
        <v>-99721.278688524806</v>
      </c>
      <c r="BO3218" s="53">
        <v>-8310.1065573770702</v>
      </c>
      <c r="BP3218" s="53">
        <v>-8310.1065573770702</v>
      </c>
      <c r="BQ3218" s="53">
        <v>-8310.1065573770702</v>
      </c>
      <c r="BR3218" s="53">
        <v>-8310.1065573770702</v>
      </c>
      <c r="BS3218" s="53">
        <v>-8310.1065573770702</v>
      </c>
      <c r="BT3218" s="53">
        <v>-8310.1065573770702</v>
      </c>
      <c r="BU3218" s="53">
        <v>-8310.1065573770702</v>
      </c>
      <c r="BV3218" s="53">
        <v>-8310.1065573770702</v>
      </c>
      <c r="BW3218" s="53">
        <v>-8310.1065573770702</v>
      </c>
      <c r="BX3218" s="53">
        <v>-8310.1065573770702</v>
      </c>
      <c r="BY3218" s="53">
        <v>-8310.1065573770702</v>
      </c>
      <c r="BZ3218" s="53">
        <v>-8310.1065573770593</v>
      </c>
      <c r="CA3218" s="53">
        <v>-99721.278688524806</v>
      </c>
      <c r="CB3218" s="53">
        <v>-758430.075969539</v>
      </c>
      <c r="CC3218" s="53">
        <v>-1836495.4673755199</v>
      </c>
      <c r="CD3218" s="53">
        <v>-1696627.32146458</v>
      </c>
      <c r="CE3218" s="53">
        <v>-924376.91749048606</v>
      </c>
      <c r="CF3218" s="53">
        <v>977539.24813891097</v>
      </c>
      <c r="CG3218" s="53">
        <v>1510413.8742243401</v>
      </c>
      <c r="CH3218" s="53">
        <v>2231394.4275165298</v>
      </c>
      <c r="CI3218" s="53">
        <v>2257907.79589803</v>
      </c>
      <c r="CJ3218" s="53">
        <v>1298802.2982007</v>
      </c>
      <c r="CK3218" s="53">
        <v>196508.86802526799</v>
      </c>
      <c r="CL3218" s="53">
        <v>-2124340.4337151502</v>
      </c>
      <c r="CM3218" s="53">
        <v>-1132296.2959884999</v>
      </c>
      <c r="CN3218" s="53">
        <v>-3.6379788070917101E-9</v>
      </c>
    </row>
    <row r="3219" spans="1:92" outlineLevel="1">
      <c r="A3219" s="52" t="s">
        <v>713</v>
      </c>
      <c r="B3219" s="53">
        <v>-18632.7082152974</v>
      </c>
      <c r="C3219" s="53">
        <v>-18632.7082152974</v>
      </c>
      <c r="D3219" s="53">
        <v>-18632.7082152974</v>
      </c>
      <c r="E3219" s="53">
        <v>-18632.7082152974</v>
      </c>
      <c r="F3219" s="53">
        <v>-18632.7082152974</v>
      </c>
      <c r="G3219" s="53">
        <v>-18632.7082152974</v>
      </c>
      <c r="H3219" s="53">
        <v>-18632.7082152974</v>
      </c>
      <c r="I3219" s="53">
        <v>-18632.7082152974</v>
      </c>
      <c r="J3219" s="53">
        <v>-18632.7082152974</v>
      </c>
      <c r="K3219" s="53">
        <v>-18632.7082152974</v>
      </c>
      <c r="L3219" s="53">
        <v>-18632.7082152974</v>
      </c>
      <c r="M3219" s="53">
        <v>-18632.7082152974</v>
      </c>
      <c r="N3219" s="53">
        <v>-223592.49858356899</v>
      </c>
      <c r="O3219" s="53">
        <v>-18632.7082152974</v>
      </c>
      <c r="P3219" s="53">
        <v>-18632.7082152974</v>
      </c>
      <c r="Q3219" s="53">
        <v>-18632.7082152974</v>
      </c>
      <c r="R3219" s="53">
        <v>-18632.7082152974</v>
      </c>
      <c r="S3219" s="53">
        <v>-18632.7082152974</v>
      </c>
      <c r="T3219" s="53">
        <v>-18632.7082152974</v>
      </c>
      <c r="U3219" s="53">
        <v>-18632.7082152974</v>
      </c>
      <c r="V3219" s="53">
        <v>-18632.7082152974</v>
      </c>
      <c r="W3219" s="53">
        <v>-18632.7082152974</v>
      </c>
      <c r="X3219" s="53">
        <v>-18632.7082152974</v>
      </c>
      <c r="Y3219" s="53">
        <v>-18632.7082152974</v>
      </c>
      <c r="Z3219" s="53">
        <v>-18632.7082152974</v>
      </c>
      <c r="AA3219" s="53">
        <v>-223592.49858356899</v>
      </c>
      <c r="AB3219" s="53">
        <v>-18632.7082152974</v>
      </c>
      <c r="AC3219" s="53">
        <v>-18632.7082152974</v>
      </c>
      <c r="AD3219" s="53">
        <v>-18632.7082152974</v>
      </c>
      <c r="AE3219" s="53">
        <v>-18632.7082152974</v>
      </c>
      <c r="AF3219" s="53">
        <v>-18632.7082152974</v>
      </c>
      <c r="AG3219" s="53">
        <v>-18632.7082152974</v>
      </c>
      <c r="AH3219" s="53">
        <v>-18632.7082152974</v>
      </c>
      <c r="AI3219" s="53">
        <v>-18632.7082152974</v>
      </c>
      <c r="AJ3219" s="53">
        <v>-18632.7082152974</v>
      </c>
      <c r="AK3219" s="53">
        <v>-18632.7082152974</v>
      </c>
      <c r="AL3219" s="53">
        <v>-18632.7082152974</v>
      </c>
      <c r="AM3219" s="53">
        <v>-18632.7082152974</v>
      </c>
      <c r="AN3219" s="53">
        <v>-223592.49858356899</v>
      </c>
      <c r="AO3219" s="53">
        <v>-18632.7082152974</v>
      </c>
      <c r="AP3219" s="53">
        <v>-18632.7082152974</v>
      </c>
      <c r="AQ3219" s="53">
        <v>-18632.7082152974</v>
      </c>
      <c r="AR3219" s="53">
        <v>-18632.7082152974</v>
      </c>
      <c r="AS3219" s="53">
        <v>-18632.7082152974</v>
      </c>
      <c r="AT3219" s="53">
        <v>-18632.7082152974</v>
      </c>
      <c r="AU3219" s="53">
        <v>-18632.7082152974</v>
      </c>
      <c r="AV3219" s="53">
        <v>-18632.7082152974</v>
      </c>
      <c r="AW3219" s="53">
        <v>-18632.7082152974</v>
      </c>
      <c r="AX3219" s="53">
        <v>-18632.7082152974</v>
      </c>
      <c r="AY3219" s="53">
        <v>-18632.7082152974</v>
      </c>
      <c r="AZ3219" s="53">
        <v>-18632.7082152974</v>
      </c>
      <c r="BA3219" s="53">
        <v>-223592.49858356899</v>
      </c>
      <c r="BB3219" s="53">
        <v>-18632.7082152974</v>
      </c>
      <c r="BC3219" s="53">
        <v>-18632.7082152974</v>
      </c>
      <c r="BD3219" s="53">
        <v>-18632.7082152974</v>
      </c>
      <c r="BE3219" s="53">
        <v>-18632.7082152974</v>
      </c>
      <c r="BF3219" s="53">
        <v>-18632.7082152974</v>
      </c>
      <c r="BG3219" s="53">
        <v>-18632.7082152974</v>
      </c>
      <c r="BH3219" s="53">
        <v>-18632.7082152974</v>
      </c>
      <c r="BI3219" s="53">
        <v>-18632.7082152974</v>
      </c>
      <c r="BJ3219" s="53">
        <v>-18632.7082152974</v>
      </c>
      <c r="BK3219" s="53">
        <v>-18632.7082152974</v>
      </c>
      <c r="BL3219" s="53">
        <v>-18632.7082152974</v>
      </c>
      <c r="BM3219" s="53">
        <v>-18632.7082152974</v>
      </c>
      <c r="BN3219" s="53">
        <v>-223592.49858356899</v>
      </c>
      <c r="BO3219" s="53">
        <v>-18632.7082152974</v>
      </c>
      <c r="BP3219" s="53">
        <v>-18632.7082152974</v>
      </c>
      <c r="BQ3219" s="53">
        <v>-18632.7082152974</v>
      </c>
      <c r="BR3219" s="53">
        <v>-18632.7082152974</v>
      </c>
      <c r="BS3219" s="53">
        <v>-18632.7082152974</v>
      </c>
      <c r="BT3219" s="53">
        <v>-18632.7082152974</v>
      </c>
      <c r="BU3219" s="53">
        <v>-18632.7082152974</v>
      </c>
      <c r="BV3219" s="53">
        <v>-18632.7082152974</v>
      </c>
      <c r="BW3219" s="53">
        <v>-18632.7082152974</v>
      </c>
      <c r="BX3219" s="53">
        <v>-18632.7082152974</v>
      </c>
      <c r="BY3219" s="53">
        <v>-18632.7082152974</v>
      </c>
      <c r="BZ3219" s="53">
        <v>-18632.7082152974</v>
      </c>
      <c r="CA3219" s="53">
        <v>-223592.49858356899</v>
      </c>
      <c r="CB3219" s="53"/>
      <c r="CC3219" s="53"/>
      <c r="CD3219" s="53"/>
      <c r="CE3219" s="53"/>
      <c r="CF3219" s="53"/>
      <c r="CG3219" s="53"/>
      <c r="CH3219" s="53"/>
      <c r="CI3219" s="53"/>
      <c r="CJ3219" s="53"/>
      <c r="CK3219" s="53"/>
      <c r="CL3219" s="53"/>
      <c r="CM3219" s="53"/>
      <c r="CN3219" s="53"/>
    </row>
    <row r="3220" spans="1:92" outlineLevel="1">
      <c r="A3220" s="52" t="s">
        <v>716</v>
      </c>
      <c r="B3220" s="53">
        <v>-36488.3342318059</v>
      </c>
      <c r="C3220" s="53">
        <v>-36488.3342318059</v>
      </c>
      <c r="D3220" s="53">
        <v>-36488.3342318059</v>
      </c>
      <c r="E3220" s="53">
        <v>-36488.3342318059</v>
      </c>
      <c r="F3220" s="53">
        <v>-36488.3342318059</v>
      </c>
      <c r="G3220" s="53">
        <v>-36488.3342318059</v>
      </c>
      <c r="H3220" s="53">
        <v>-36488.3342318059</v>
      </c>
      <c r="I3220" s="53">
        <v>-36488.3342318059</v>
      </c>
      <c r="J3220" s="53">
        <v>-36488.3342318059</v>
      </c>
      <c r="K3220" s="53">
        <v>-36488.3342318059</v>
      </c>
      <c r="L3220" s="53">
        <v>-36488.3342318059</v>
      </c>
      <c r="M3220" s="53">
        <v>-36488.3342318059</v>
      </c>
      <c r="N3220" s="53">
        <v>-437860.01078167098</v>
      </c>
      <c r="O3220" s="53">
        <v>-36488.3342318059</v>
      </c>
      <c r="P3220" s="53">
        <v>-36488.3342318059</v>
      </c>
      <c r="Q3220" s="53">
        <v>-36488.3342318059</v>
      </c>
      <c r="R3220" s="53">
        <v>-36488.3342318059</v>
      </c>
      <c r="S3220" s="53">
        <v>-36488.3342318059</v>
      </c>
      <c r="T3220" s="53">
        <v>-36488.3342318059</v>
      </c>
      <c r="U3220" s="53">
        <v>-36488.3342318059</v>
      </c>
      <c r="V3220" s="53">
        <v>-36488.3342318059</v>
      </c>
      <c r="W3220" s="53">
        <v>-36488.334231805798</v>
      </c>
      <c r="X3220" s="53">
        <v>-36488.334231805798</v>
      </c>
      <c r="Y3220" s="53">
        <v>-36488.334231805798</v>
      </c>
      <c r="Z3220" s="53">
        <v>-36488.334231805798</v>
      </c>
      <c r="AA3220" s="53">
        <v>-437860.01078166999</v>
      </c>
      <c r="AB3220" s="53">
        <v>-36488.334231805798</v>
      </c>
      <c r="AC3220" s="53">
        <v>-36488.334231805798</v>
      </c>
      <c r="AD3220" s="53">
        <v>-36488.334231805798</v>
      </c>
      <c r="AE3220" s="53">
        <v>-36488.334231805798</v>
      </c>
      <c r="AF3220" s="53">
        <v>-36488.334231805798</v>
      </c>
      <c r="AG3220" s="53">
        <v>-36488.334231805798</v>
      </c>
      <c r="AH3220" s="53">
        <v>-36488.334231805798</v>
      </c>
      <c r="AI3220" s="53">
        <v>-36488.334231805798</v>
      </c>
      <c r="AJ3220" s="53">
        <v>-36488.334231805798</v>
      </c>
      <c r="AK3220" s="53">
        <v>-36488.334231805798</v>
      </c>
      <c r="AL3220" s="53">
        <v>-36488.334231805798</v>
      </c>
      <c r="AM3220" s="53">
        <v>-36488.334231805798</v>
      </c>
      <c r="AN3220" s="53">
        <v>-437860.01078166999</v>
      </c>
      <c r="AO3220" s="53">
        <v>-36488.334231805798</v>
      </c>
      <c r="AP3220" s="53">
        <v>-36488.334231805798</v>
      </c>
      <c r="AQ3220" s="53">
        <v>-36488.334231805798</v>
      </c>
      <c r="AR3220" s="53">
        <v>-36488.334231805798</v>
      </c>
      <c r="AS3220" s="53">
        <v>-36488.334231805798</v>
      </c>
      <c r="AT3220" s="53">
        <v>-36488.334231805798</v>
      </c>
      <c r="AU3220" s="53">
        <v>-36488.334231805798</v>
      </c>
      <c r="AV3220" s="53">
        <v>-36488.334231805798</v>
      </c>
      <c r="AW3220" s="53">
        <v>-36488.334231805798</v>
      </c>
      <c r="AX3220" s="53">
        <v>-36488.334231805798</v>
      </c>
      <c r="AY3220" s="53">
        <v>-36488.334231805798</v>
      </c>
      <c r="AZ3220" s="53">
        <v>-36488.334231805798</v>
      </c>
      <c r="BA3220" s="53">
        <v>-437860.01078166999</v>
      </c>
      <c r="BB3220" s="53">
        <v>-36488.334231805798</v>
      </c>
      <c r="BC3220" s="53">
        <v>-36488.334231805798</v>
      </c>
      <c r="BD3220" s="53">
        <v>-36488.334231805798</v>
      </c>
      <c r="BE3220" s="53">
        <v>-36488.334231805798</v>
      </c>
      <c r="BF3220" s="53">
        <v>-36488.334231805798</v>
      </c>
      <c r="BG3220" s="53">
        <v>-36488.334231805798</v>
      </c>
      <c r="BH3220" s="53">
        <v>-36488.334231805798</v>
      </c>
      <c r="BI3220" s="53">
        <v>-36488.334231805798</v>
      </c>
      <c r="BJ3220" s="53">
        <v>-36488.334231805798</v>
      </c>
      <c r="BK3220" s="53">
        <v>-36488.334231805798</v>
      </c>
      <c r="BL3220" s="53">
        <v>-36488.334231805798</v>
      </c>
      <c r="BM3220" s="53">
        <v>-36488.334231805697</v>
      </c>
      <c r="BN3220" s="53">
        <v>-437860.010781669</v>
      </c>
      <c r="BO3220" s="53">
        <v>-36488.334231805697</v>
      </c>
      <c r="BP3220" s="53">
        <v>-36488.334231805697</v>
      </c>
      <c r="BQ3220" s="53">
        <v>-36488.334231805697</v>
      </c>
      <c r="BR3220" s="53">
        <v>-36488.334231805697</v>
      </c>
      <c r="BS3220" s="53">
        <v>-36488.334231805697</v>
      </c>
      <c r="BT3220" s="53">
        <v>-36488.334231805697</v>
      </c>
      <c r="BU3220" s="53">
        <v>-36488.334231805697</v>
      </c>
      <c r="BV3220" s="53">
        <v>-36488.334231805697</v>
      </c>
      <c r="BW3220" s="53">
        <v>-36488.334231805697</v>
      </c>
      <c r="BX3220" s="53">
        <v>-36488.334231805697</v>
      </c>
      <c r="BY3220" s="53">
        <v>-36488.334231805697</v>
      </c>
      <c r="BZ3220" s="53">
        <v>-36488.334231805697</v>
      </c>
      <c r="CA3220" s="53">
        <v>-437860.010781669</v>
      </c>
      <c r="CB3220" s="53">
        <v>-1.44740186914094E-10</v>
      </c>
      <c r="CC3220" s="53">
        <v>-1.44740186914094E-10</v>
      </c>
      <c r="CD3220" s="53">
        <v>-1.44740186914094E-10</v>
      </c>
      <c r="CE3220" s="53">
        <v>-1.44740186914094E-10</v>
      </c>
      <c r="CF3220" s="53">
        <v>-1.44740186914094E-10</v>
      </c>
      <c r="CG3220" s="53">
        <v>-1.44740186914094E-10</v>
      </c>
      <c r="CH3220" s="53">
        <v>-1.44740186914094E-10</v>
      </c>
      <c r="CI3220" s="53">
        <v>-1.44740186914094E-10</v>
      </c>
      <c r="CJ3220" s="53">
        <v>-1.44740186914094E-10</v>
      </c>
      <c r="CK3220" s="53">
        <v>-1.44740186914094E-10</v>
      </c>
      <c r="CL3220" s="53">
        <v>-1.44740186914094E-10</v>
      </c>
      <c r="CM3220" s="53">
        <v>-1.44740186914094E-10</v>
      </c>
      <c r="CN3220" s="53">
        <v>-1.73688224296913E-9</v>
      </c>
    </row>
    <row r="3221" spans="1:92" outlineLevel="1">
      <c r="A3221" s="52" t="s">
        <v>717</v>
      </c>
      <c r="B3221" s="53">
        <v>-13019.144927536199</v>
      </c>
      <c r="C3221" s="53">
        <v>-13019.144927536199</v>
      </c>
      <c r="D3221" s="53">
        <v>-13019.144927536199</v>
      </c>
      <c r="E3221" s="53">
        <v>-13019.144927536199</v>
      </c>
      <c r="F3221" s="53">
        <v>-13019.144927536199</v>
      </c>
      <c r="G3221" s="53">
        <v>-13019.144927536199</v>
      </c>
      <c r="H3221" s="53">
        <v>-13019.144927536199</v>
      </c>
      <c r="I3221" s="53">
        <v>-13019.144927536199</v>
      </c>
      <c r="J3221" s="53">
        <v>-13019.144927536199</v>
      </c>
      <c r="K3221" s="53">
        <v>-13019.144927536199</v>
      </c>
      <c r="L3221" s="53">
        <v>-13019.144927536199</v>
      </c>
      <c r="M3221" s="53">
        <v>-13019.144927536199</v>
      </c>
      <c r="N3221" s="53">
        <v>-156229.739130434</v>
      </c>
      <c r="O3221" s="53">
        <v>-13019.144927536199</v>
      </c>
      <c r="P3221" s="53">
        <v>-13019.144927536199</v>
      </c>
      <c r="Q3221" s="53">
        <v>-13019.144927536199</v>
      </c>
      <c r="R3221" s="53">
        <v>-13019.144927536199</v>
      </c>
      <c r="S3221" s="53">
        <v>-13019.144927536199</v>
      </c>
      <c r="T3221" s="53">
        <v>-13019.144927536199</v>
      </c>
      <c r="U3221" s="53">
        <v>-13019.144927536199</v>
      </c>
      <c r="V3221" s="53">
        <v>-13019.144927536199</v>
      </c>
      <c r="W3221" s="53">
        <v>-13019.144927536199</v>
      </c>
      <c r="X3221" s="53">
        <v>-13019.144927536199</v>
      </c>
      <c r="Y3221" s="53">
        <v>-13019.144927536199</v>
      </c>
      <c r="Z3221" s="53">
        <v>-13019.144927536199</v>
      </c>
      <c r="AA3221" s="53">
        <v>-156229.739130434</v>
      </c>
      <c r="AB3221" s="53">
        <v>-13019.144927536199</v>
      </c>
      <c r="AC3221" s="53">
        <v>-13019.144927536199</v>
      </c>
      <c r="AD3221" s="53">
        <v>-13019.144927536199</v>
      </c>
      <c r="AE3221" s="53">
        <v>-13019.144927536199</v>
      </c>
      <c r="AF3221" s="53">
        <v>-13019.144927536199</v>
      </c>
      <c r="AG3221" s="53">
        <v>-13019.144927536199</v>
      </c>
      <c r="AH3221" s="53">
        <v>-13019.144927536199</v>
      </c>
      <c r="AI3221" s="53">
        <v>-13019.144927536199</v>
      </c>
      <c r="AJ3221" s="53">
        <v>-13019.144927536199</v>
      </c>
      <c r="AK3221" s="53">
        <v>-13019.144927536199</v>
      </c>
      <c r="AL3221" s="53">
        <v>-13019.144927536199</v>
      </c>
      <c r="AM3221" s="53">
        <v>-13019.144927536199</v>
      </c>
      <c r="AN3221" s="53">
        <v>-156229.739130434</v>
      </c>
      <c r="AO3221" s="53">
        <v>-13019.144927536199</v>
      </c>
      <c r="AP3221" s="53">
        <v>-13019.144927536199</v>
      </c>
      <c r="AQ3221" s="53">
        <v>-13019.144927536199</v>
      </c>
      <c r="AR3221" s="53">
        <v>-13019.144927536199</v>
      </c>
      <c r="AS3221" s="53">
        <v>-13019.144927536199</v>
      </c>
      <c r="AT3221" s="53">
        <v>-13019.144927536199</v>
      </c>
      <c r="AU3221" s="53">
        <v>-13019.144927536199</v>
      </c>
      <c r="AV3221" s="53">
        <v>-13019.144927536199</v>
      </c>
      <c r="AW3221" s="53">
        <v>-13019.144927536199</v>
      </c>
      <c r="AX3221" s="53">
        <v>-13019.144927536199</v>
      </c>
      <c r="AY3221" s="53">
        <v>-13019.144927536199</v>
      </c>
      <c r="AZ3221" s="53">
        <v>-13019.144927536199</v>
      </c>
      <c r="BA3221" s="53">
        <v>-156229.739130434</v>
      </c>
      <c r="BB3221" s="53">
        <v>-13019.144927536199</v>
      </c>
      <c r="BC3221" s="53">
        <v>-13019.144927536199</v>
      </c>
      <c r="BD3221" s="53">
        <v>-13019.144927536199</v>
      </c>
      <c r="BE3221" s="53">
        <v>-13019.144927536199</v>
      </c>
      <c r="BF3221" s="53">
        <v>-13019.144927536199</v>
      </c>
      <c r="BG3221" s="53">
        <v>-13019.144927536199</v>
      </c>
      <c r="BH3221" s="53">
        <v>-13019.144927536199</v>
      </c>
      <c r="BI3221" s="53">
        <v>-13019.144927536199</v>
      </c>
      <c r="BJ3221" s="53">
        <v>-13019.144927536199</v>
      </c>
      <c r="BK3221" s="53">
        <v>-13019.144927536199</v>
      </c>
      <c r="BL3221" s="53">
        <v>-13019.144927536199</v>
      </c>
      <c r="BM3221" s="53">
        <v>-13019.144927536199</v>
      </c>
      <c r="BN3221" s="53">
        <v>-156229.739130434</v>
      </c>
      <c r="BO3221" s="53">
        <v>-13019.144927536199</v>
      </c>
      <c r="BP3221" s="53">
        <v>-13019.144927536199</v>
      </c>
      <c r="BQ3221" s="53">
        <v>-13019.144927536199</v>
      </c>
      <c r="BR3221" s="53">
        <v>-13019.144927536199</v>
      </c>
      <c r="BS3221" s="53">
        <v>-13019.144927536199</v>
      </c>
      <c r="BT3221" s="53">
        <v>-13019.144927536199</v>
      </c>
      <c r="BU3221" s="53">
        <v>-13019.144927536199</v>
      </c>
      <c r="BV3221" s="53">
        <v>-13019.144927536199</v>
      </c>
      <c r="BW3221" s="53">
        <v>-13019.144927536199</v>
      </c>
      <c r="BX3221" s="53">
        <v>-13019.144927536199</v>
      </c>
      <c r="BY3221" s="53">
        <v>-13019.144927536199</v>
      </c>
      <c r="BZ3221" s="53">
        <v>-13019.144927536199</v>
      </c>
      <c r="CA3221" s="53">
        <v>-156229.739130434</v>
      </c>
      <c r="CB3221" s="53"/>
      <c r="CC3221" s="53"/>
      <c r="CD3221" s="53"/>
      <c r="CE3221" s="53"/>
      <c r="CF3221" s="53"/>
      <c r="CG3221" s="53"/>
      <c r="CH3221" s="53"/>
      <c r="CI3221" s="53"/>
      <c r="CJ3221" s="53"/>
      <c r="CK3221" s="53"/>
      <c r="CL3221" s="53"/>
      <c r="CM3221" s="53"/>
      <c r="CN3221" s="53"/>
    </row>
    <row r="3222" spans="1:92" outlineLevel="1">
      <c r="A3222" s="52" t="s">
        <v>718</v>
      </c>
      <c r="B3222" s="53">
        <v>-13527.685534591101</v>
      </c>
      <c r="C3222" s="53">
        <v>-13527.685534591101</v>
      </c>
      <c r="D3222" s="53">
        <v>-13527.685534591101</v>
      </c>
      <c r="E3222" s="53">
        <v>-13527.685534591101</v>
      </c>
      <c r="F3222" s="53">
        <v>-13527.685534591101</v>
      </c>
      <c r="G3222" s="53">
        <v>-13527.685534591101</v>
      </c>
      <c r="H3222" s="53">
        <v>-13527.685534591101</v>
      </c>
      <c r="I3222" s="53">
        <v>-13527.685534591201</v>
      </c>
      <c r="J3222" s="53">
        <v>-13527.685534591201</v>
      </c>
      <c r="K3222" s="53">
        <v>-13527.685534591201</v>
      </c>
      <c r="L3222" s="53">
        <v>-13527.685534591201</v>
      </c>
      <c r="M3222" s="53">
        <v>-13527.685534591201</v>
      </c>
      <c r="N3222" s="53">
        <v>-162332.22641509399</v>
      </c>
      <c r="O3222" s="53">
        <v>-13527.685534591201</v>
      </c>
      <c r="P3222" s="53">
        <v>-13527.685534591201</v>
      </c>
      <c r="Q3222" s="53">
        <v>-13527.685534591201</v>
      </c>
      <c r="R3222" s="53">
        <v>-13527.685534591201</v>
      </c>
      <c r="S3222" s="53">
        <v>-13527.685534591201</v>
      </c>
      <c r="T3222" s="53">
        <v>-13527.685534591201</v>
      </c>
      <c r="U3222" s="53">
        <v>-13527.685534591201</v>
      </c>
      <c r="V3222" s="53">
        <v>-13527.685534591201</v>
      </c>
      <c r="W3222" s="53">
        <v>-13527.685534591201</v>
      </c>
      <c r="X3222" s="53">
        <v>-13527.685534591201</v>
      </c>
      <c r="Y3222" s="53">
        <v>-13527.685534591201</v>
      </c>
      <c r="Z3222" s="53">
        <v>-13527.685534591201</v>
      </c>
      <c r="AA3222" s="53">
        <v>-162332.22641509399</v>
      </c>
      <c r="AB3222" s="53">
        <v>-13527.685534591201</v>
      </c>
      <c r="AC3222" s="53">
        <v>-13527.685534591201</v>
      </c>
      <c r="AD3222" s="53">
        <v>-13527.685534591201</v>
      </c>
      <c r="AE3222" s="53">
        <v>-13527.685534591201</v>
      </c>
      <c r="AF3222" s="53">
        <v>-13527.685534591201</v>
      </c>
      <c r="AG3222" s="53">
        <v>-13527.685534591201</v>
      </c>
      <c r="AH3222" s="53">
        <v>-13527.685534591201</v>
      </c>
      <c r="AI3222" s="53">
        <v>-13527.685534591201</v>
      </c>
      <c r="AJ3222" s="53">
        <v>-13527.685534591201</v>
      </c>
      <c r="AK3222" s="53">
        <v>-13527.685534591201</v>
      </c>
      <c r="AL3222" s="53">
        <v>-13527.685534591201</v>
      </c>
      <c r="AM3222" s="53">
        <v>-13527.685534591201</v>
      </c>
      <c r="AN3222" s="53">
        <v>-162332.22641509399</v>
      </c>
      <c r="AO3222" s="53">
        <v>-13527.685534591201</v>
      </c>
      <c r="AP3222" s="53">
        <v>-13527.685534591201</v>
      </c>
      <c r="AQ3222" s="53">
        <v>-13527.685534591201</v>
      </c>
      <c r="AR3222" s="53">
        <v>-13527.685534591201</v>
      </c>
      <c r="AS3222" s="53">
        <v>-13527.685534591201</v>
      </c>
      <c r="AT3222" s="53">
        <v>-13527.685534591201</v>
      </c>
      <c r="AU3222" s="53">
        <v>-13527.685534591201</v>
      </c>
      <c r="AV3222" s="53">
        <v>-13527.685534591201</v>
      </c>
      <c r="AW3222" s="53">
        <v>-13527.685534591201</v>
      </c>
      <c r="AX3222" s="53">
        <v>-13527.685534591201</v>
      </c>
      <c r="AY3222" s="53">
        <v>-13527.685534591201</v>
      </c>
      <c r="AZ3222" s="53">
        <v>-13527.685534591201</v>
      </c>
      <c r="BA3222" s="53">
        <v>-162332.22641509399</v>
      </c>
      <c r="BB3222" s="53">
        <v>-13527.685534591201</v>
      </c>
      <c r="BC3222" s="53">
        <v>-13527.685534591201</v>
      </c>
      <c r="BD3222" s="53">
        <v>-13527.685534591201</v>
      </c>
      <c r="BE3222" s="53">
        <v>-13527.685534591201</v>
      </c>
      <c r="BF3222" s="53">
        <v>-13527.685534591201</v>
      </c>
      <c r="BG3222" s="53">
        <v>-13527.685534591201</v>
      </c>
      <c r="BH3222" s="53">
        <v>-13527.685534591201</v>
      </c>
      <c r="BI3222" s="53">
        <v>-13527.685534591201</v>
      </c>
      <c r="BJ3222" s="53">
        <v>-13527.685534591201</v>
      </c>
      <c r="BK3222" s="53">
        <v>-13527.685534591201</v>
      </c>
      <c r="BL3222" s="53">
        <v>-13527.685534591201</v>
      </c>
      <c r="BM3222" s="53">
        <v>-13527.685534591201</v>
      </c>
      <c r="BN3222" s="53">
        <v>-162332.22641509399</v>
      </c>
      <c r="BO3222" s="53">
        <v>-13527.685534591201</v>
      </c>
      <c r="BP3222" s="53">
        <v>-13527.685534591201</v>
      </c>
      <c r="BQ3222" s="53">
        <v>-13527.685534591201</v>
      </c>
      <c r="BR3222" s="53">
        <v>-13527.685534591201</v>
      </c>
      <c r="BS3222" s="53">
        <v>-13527.685534591201</v>
      </c>
      <c r="BT3222" s="53">
        <v>-13527.685534591201</v>
      </c>
      <c r="BU3222" s="53">
        <v>-13527.685534591201</v>
      </c>
      <c r="BV3222" s="53">
        <v>-13527.685534591201</v>
      </c>
      <c r="BW3222" s="53">
        <v>-13527.685534591201</v>
      </c>
      <c r="BX3222" s="53">
        <v>-13527.685534591201</v>
      </c>
      <c r="BY3222" s="53">
        <v>-13527.685534591201</v>
      </c>
      <c r="BZ3222" s="53">
        <v>-13527.685534591201</v>
      </c>
      <c r="CA3222" s="53">
        <v>-162332.22641509399</v>
      </c>
      <c r="CB3222" s="53"/>
      <c r="CC3222" s="53"/>
      <c r="CD3222" s="53"/>
      <c r="CE3222" s="53"/>
      <c r="CF3222" s="53"/>
      <c r="CG3222" s="53"/>
      <c r="CH3222" s="53"/>
      <c r="CI3222" s="53"/>
      <c r="CJ3222" s="53"/>
      <c r="CK3222" s="53"/>
      <c r="CL3222" s="53"/>
      <c r="CM3222" s="53"/>
      <c r="CN3222" s="53"/>
    </row>
    <row r="3223" spans="1:92" outlineLevel="1">
      <c r="A3223" s="52" t="s">
        <v>721</v>
      </c>
      <c r="B3223" s="53">
        <v>-20148.9789473684</v>
      </c>
      <c r="C3223" s="53">
        <v>-20148.9789473684</v>
      </c>
      <c r="D3223" s="53">
        <v>-20148.9789473684</v>
      </c>
      <c r="E3223" s="53">
        <v>-20148.9789473684</v>
      </c>
      <c r="F3223" s="53">
        <v>-20148.9789473684</v>
      </c>
      <c r="G3223" s="53">
        <v>-20148.9789473684</v>
      </c>
      <c r="H3223" s="53">
        <v>-20148.9789473684</v>
      </c>
      <c r="I3223" s="53">
        <v>-20148.9789473684</v>
      </c>
      <c r="J3223" s="53">
        <v>-20148.9789473684</v>
      </c>
      <c r="K3223" s="53">
        <v>-20148.9789473684</v>
      </c>
      <c r="L3223" s="53">
        <v>-20148.9789473684</v>
      </c>
      <c r="M3223" s="53">
        <v>-20148.9789473684</v>
      </c>
      <c r="N3223" s="53">
        <v>-241787.747368421</v>
      </c>
      <c r="O3223" s="53">
        <v>-20148.9789473684</v>
      </c>
      <c r="P3223" s="53">
        <v>-20148.9789473684</v>
      </c>
      <c r="Q3223" s="53">
        <v>-20148.9789473684</v>
      </c>
      <c r="R3223" s="53">
        <v>-20148.9789473684</v>
      </c>
      <c r="S3223" s="53">
        <v>-20148.9789473684</v>
      </c>
      <c r="T3223" s="53">
        <v>-20148.9789473684</v>
      </c>
      <c r="U3223" s="53">
        <v>-20148.9789473684</v>
      </c>
      <c r="V3223" s="53">
        <v>-20148.9789473684</v>
      </c>
      <c r="W3223" s="53">
        <v>-20148.9789473684</v>
      </c>
      <c r="X3223" s="53">
        <v>-20148.9789473684</v>
      </c>
      <c r="Y3223" s="53">
        <v>-20148.9789473684</v>
      </c>
      <c r="Z3223" s="53">
        <v>-20148.9789473684</v>
      </c>
      <c r="AA3223" s="53">
        <v>-241787.747368421</v>
      </c>
      <c r="AB3223" s="53">
        <v>-20148.9789473684</v>
      </c>
      <c r="AC3223" s="53">
        <v>-20148.9789473684</v>
      </c>
      <c r="AD3223" s="53">
        <v>-20148.9789473684</v>
      </c>
      <c r="AE3223" s="53">
        <v>-20148.9789473684</v>
      </c>
      <c r="AF3223" s="53">
        <v>-20148.9789473684</v>
      </c>
      <c r="AG3223" s="53">
        <v>-20148.9789473684</v>
      </c>
      <c r="AH3223" s="53">
        <v>-20148.9789473684</v>
      </c>
      <c r="AI3223" s="53">
        <v>-20148.9789473684</v>
      </c>
      <c r="AJ3223" s="53">
        <v>-20148.9789473684</v>
      </c>
      <c r="AK3223" s="53">
        <v>-20148.9789473684</v>
      </c>
      <c r="AL3223" s="53">
        <v>-20148.9789473684</v>
      </c>
      <c r="AM3223" s="53">
        <v>-20148.9789473684</v>
      </c>
      <c r="AN3223" s="53">
        <v>-241787.747368421</v>
      </c>
      <c r="AO3223" s="53">
        <v>-20148.9789473684</v>
      </c>
      <c r="AP3223" s="53">
        <v>-20148.9789473684</v>
      </c>
      <c r="AQ3223" s="53">
        <v>-20148.9789473684</v>
      </c>
      <c r="AR3223" s="53">
        <v>-20148.9789473684</v>
      </c>
      <c r="AS3223" s="53">
        <v>-20148.9789473684</v>
      </c>
      <c r="AT3223" s="53">
        <v>-20148.9789473684</v>
      </c>
      <c r="AU3223" s="53">
        <v>-20148.9789473684</v>
      </c>
      <c r="AV3223" s="53">
        <v>-20148.9789473684</v>
      </c>
      <c r="AW3223" s="53">
        <v>-20148.9789473684</v>
      </c>
      <c r="AX3223" s="53">
        <v>-20148.9789473684</v>
      </c>
      <c r="AY3223" s="53">
        <v>-20148.9789473684</v>
      </c>
      <c r="AZ3223" s="53">
        <v>-20148.9789473684</v>
      </c>
      <c r="BA3223" s="53">
        <v>-241787.747368421</v>
      </c>
      <c r="BB3223" s="53">
        <v>-20148.9789473684</v>
      </c>
      <c r="BC3223" s="53">
        <v>-20148.9789473684</v>
      </c>
      <c r="BD3223" s="53">
        <v>-20148.9789473684</v>
      </c>
      <c r="BE3223" s="53">
        <v>-20148.978947368501</v>
      </c>
      <c r="BF3223" s="53">
        <v>-20148.978947368501</v>
      </c>
      <c r="BG3223" s="53">
        <v>-20148.978947368501</v>
      </c>
      <c r="BH3223" s="53">
        <v>-20148.978947368501</v>
      </c>
      <c r="BI3223" s="53">
        <v>-20148.978947368501</v>
      </c>
      <c r="BJ3223" s="53">
        <v>-20148.978947368501</v>
      </c>
      <c r="BK3223" s="53">
        <v>-20148.978947368501</v>
      </c>
      <c r="BL3223" s="53">
        <v>-20148.978947368501</v>
      </c>
      <c r="BM3223" s="53">
        <v>-20148.978947368501</v>
      </c>
      <c r="BN3223" s="53">
        <v>-241787.74736842199</v>
      </c>
      <c r="BO3223" s="53">
        <v>-20148.978947368501</v>
      </c>
      <c r="BP3223" s="53">
        <v>-20148.978947368501</v>
      </c>
      <c r="BQ3223" s="53">
        <v>-20148.978947368501</v>
      </c>
      <c r="BR3223" s="53">
        <v>-20148.978947368501</v>
      </c>
      <c r="BS3223" s="53">
        <v>-20148.978947368501</v>
      </c>
      <c r="BT3223" s="53">
        <v>-20148.978947368501</v>
      </c>
      <c r="BU3223" s="53">
        <v>-20148.978947368501</v>
      </c>
      <c r="BV3223" s="53">
        <v>-20148.978947368501</v>
      </c>
      <c r="BW3223" s="53">
        <v>-20148.978947368501</v>
      </c>
      <c r="BX3223" s="53">
        <v>-20148.978947368501</v>
      </c>
      <c r="BY3223" s="53">
        <v>-20148.978947368501</v>
      </c>
      <c r="BZ3223" s="53">
        <v>-20148.978947368501</v>
      </c>
      <c r="CA3223" s="53">
        <v>-241787.74736842199</v>
      </c>
      <c r="CB3223" s="53">
        <v>55.629169616963701</v>
      </c>
      <c r="CC3223" s="53">
        <v>-118527.992421829</v>
      </c>
      <c r="CD3223" s="53">
        <v>-271161.910337882</v>
      </c>
      <c r="CE3223" s="53">
        <v>-163979.67908107699</v>
      </c>
      <c r="CF3223" s="53">
        <v>-103147.151358605</v>
      </c>
      <c r="CG3223" s="53">
        <v>118485.700884622</v>
      </c>
      <c r="CH3223" s="53">
        <v>167170.32952621099</v>
      </c>
      <c r="CI3223" s="53">
        <v>131386.505096259</v>
      </c>
      <c r="CJ3223" s="53">
        <v>75596.265138896793</v>
      </c>
      <c r="CK3223" s="53">
        <v>-40754.793614753602</v>
      </c>
      <c r="CL3223" s="53">
        <v>116359.073016661</v>
      </c>
      <c r="CM3223" s="53">
        <v>88518.023981879596</v>
      </c>
      <c r="CN3223" s="53">
        <v>-5.6843418860808005E-10</v>
      </c>
    </row>
    <row r="3224" spans="1:92" outlineLevel="1">
      <c r="A3224" s="52" t="s">
        <v>723</v>
      </c>
      <c r="B3224" s="53">
        <v>-49399.381443298902</v>
      </c>
      <c r="C3224" s="53">
        <v>-49399.381443298902</v>
      </c>
      <c r="D3224" s="53">
        <v>-49399.381443298902</v>
      </c>
      <c r="E3224" s="53">
        <v>-49399.381443298902</v>
      </c>
      <c r="F3224" s="53">
        <v>-49399.381443298902</v>
      </c>
      <c r="G3224" s="53">
        <v>-49399.381443298902</v>
      </c>
      <c r="H3224" s="53">
        <v>-49399.381443298902</v>
      </c>
      <c r="I3224" s="53">
        <v>-49399.381443298997</v>
      </c>
      <c r="J3224" s="53">
        <v>-49399.381443298902</v>
      </c>
      <c r="K3224" s="53">
        <v>-49399.381443298902</v>
      </c>
      <c r="L3224" s="53">
        <v>-49399.381443298902</v>
      </c>
      <c r="M3224" s="53">
        <v>-49399.381443298902</v>
      </c>
      <c r="N3224" s="53">
        <v>-592792.577319587</v>
      </c>
      <c r="O3224" s="53">
        <v>-49399.381443298902</v>
      </c>
      <c r="P3224" s="53">
        <v>-49399.381443298902</v>
      </c>
      <c r="Q3224" s="53">
        <v>-49399.381443298902</v>
      </c>
      <c r="R3224" s="53">
        <v>-49399.381443298902</v>
      </c>
      <c r="S3224" s="53">
        <v>-49399.381443298902</v>
      </c>
      <c r="T3224" s="53">
        <v>-49399.381443298902</v>
      </c>
      <c r="U3224" s="53">
        <v>-49399.381443298902</v>
      </c>
      <c r="V3224" s="53">
        <v>-49399.381443298902</v>
      </c>
      <c r="W3224" s="53">
        <v>-49399.381443298902</v>
      </c>
      <c r="X3224" s="53">
        <v>-49399.381443298902</v>
      </c>
      <c r="Y3224" s="53">
        <v>-49399.381443298902</v>
      </c>
      <c r="Z3224" s="53">
        <v>-49399.381443298902</v>
      </c>
      <c r="AA3224" s="53">
        <v>-592792.577319587</v>
      </c>
      <c r="AB3224" s="53">
        <v>-49399.381443298902</v>
      </c>
      <c r="AC3224" s="53">
        <v>-49399.381443298902</v>
      </c>
      <c r="AD3224" s="53">
        <v>-49399.381443298902</v>
      </c>
      <c r="AE3224" s="53">
        <v>-49399.381443298902</v>
      </c>
      <c r="AF3224" s="53">
        <v>-49399.381443298902</v>
      </c>
      <c r="AG3224" s="53">
        <v>-49399.381443298902</v>
      </c>
      <c r="AH3224" s="53">
        <v>-49399.381443298902</v>
      </c>
      <c r="AI3224" s="53">
        <v>-49399.381443298902</v>
      </c>
      <c r="AJ3224" s="53">
        <v>-49399.381443298902</v>
      </c>
      <c r="AK3224" s="53">
        <v>-49399.381443298902</v>
      </c>
      <c r="AL3224" s="53">
        <v>-49399.381443298902</v>
      </c>
      <c r="AM3224" s="53">
        <v>-49399.381443298902</v>
      </c>
      <c r="AN3224" s="53">
        <v>-592792.577319587</v>
      </c>
      <c r="AO3224" s="53">
        <v>-49399.381443298902</v>
      </c>
      <c r="AP3224" s="53">
        <v>-49399.381443298902</v>
      </c>
      <c r="AQ3224" s="53">
        <v>-49399.381443298902</v>
      </c>
      <c r="AR3224" s="53">
        <v>-49399.381443298902</v>
      </c>
      <c r="AS3224" s="53">
        <v>-49399.381443298902</v>
      </c>
      <c r="AT3224" s="53">
        <v>-49399.381443298902</v>
      </c>
      <c r="AU3224" s="53">
        <v>-49399.381443298902</v>
      </c>
      <c r="AV3224" s="53">
        <v>-49399.381443298902</v>
      </c>
      <c r="AW3224" s="53">
        <v>-49399.381443298902</v>
      </c>
      <c r="AX3224" s="53">
        <v>-49399.381443298902</v>
      </c>
      <c r="AY3224" s="53">
        <v>-49399.381443298902</v>
      </c>
      <c r="AZ3224" s="53">
        <v>-49399.381443298902</v>
      </c>
      <c r="BA3224" s="53">
        <v>-592792.577319587</v>
      </c>
      <c r="BB3224" s="53">
        <v>-24699.6907216494</v>
      </c>
      <c r="BC3224" s="53"/>
      <c r="BD3224" s="53"/>
      <c r="BE3224" s="53"/>
      <c r="BF3224" s="53"/>
      <c r="BG3224" s="53"/>
      <c r="BH3224" s="53"/>
      <c r="BI3224" s="53"/>
      <c r="BJ3224" s="53"/>
      <c r="BK3224" s="53"/>
      <c r="BL3224" s="53"/>
      <c r="BM3224" s="53"/>
      <c r="BN3224" s="53">
        <v>-24699.6907216494</v>
      </c>
      <c r="BO3224" s="53"/>
      <c r="BP3224" s="53"/>
      <c r="BQ3224" s="53"/>
      <c r="BR3224" s="53"/>
      <c r="BS3224" s="53"/>
      <c r="BT3224" s="53"/>
      <c r="BU3224" s="53"/>
      <c r="BV3224" s="53"/>
      <c r="BW3224" s="53"/>
      <c r="BX3224" s="53"/>
      <c r="BY3224" s="53"/>
      <c r="BZ3224" s="53"/>
      <c r="CA3224" s="53"/>
      <c r="CB3224" s="53"/>
      <c r="CC3224" s="53"/>
      <c r="CD3224" s="53"/>
      <c r="CE3224" s="53"/>
      <c r="CF3224" s="53"/>
      <c r="CG3224" s="53"/>
      <c r="CH3224" s="53"/>
      <c r="CI3224" s="53"/>
      <c r="CJ3224" s="53"/>
      <c r="CK3224" s="53"/>
      <c r="CL3224" s="53"/>
      <c r="CM3224" s="53"/>
      <c r="CN3224" s="53"/>
    </row>
    <row r="3225" spans="1:92" outlineLevel="1">
      <c r="A3225" s="52" t="s">
        <v>724</v>
      </c>
      <c r="B3225" s="53">
        <v>-13370.822185970599</v>
      </c>
      <c r="C3225" s="53">
        <v>-13370.822185970599</v>
      </c>
      <c r="D3225" s="53">
        <v>-13370.822185970599</v>
      </c>
      <c r="E3225" s="53">
        <v>-13370.822185970599</v>
      </c>
      <c r="F3225" s="53">
        <v>-13370.822185970599</v>
      </c>
      <c r="G3225" s="53">
        <v>-13370.822185970599</v>
      </c>
      <c r="H3225" s="53">
        <v>-13370.822185970599</v>
      </c>
      <c r="I3225" s="53">
        <v>-13370.822185970599</v>
      </c>
      <c r="J3225" s="53">
        <v>-13370.822185970599</v>
      </c>
      <c r="K3225" s="53">
        <v>-13370.822185970599</v>
      </c>
      <c r="L3225" s="53">
        <v>-13370.822185970599</v>
      </c>
      <c r="M3225" s="53">
        <v>-13370.822185970599</v>
      </c>
      <c r="N3225" s="53">
        <v>-160449.866231647</v>
      </c>
      <c r="O3225" s="53">
        <v>-13370.822185970599</v>
      </c>
      <c r="P3225" s="53">
        <v>-13370.822185970599</v>
      </c>
      <c r="Q3225" s="53">
        <v>-13370.822185970599</v>
      </c>
      <c r="R3225" s="53">
        <v>-13370.822185970599</v>
      </c>
      <c r="S3225" s="53">
        <v>-13370.822185970599</v>
      </c>
      <c r="T3225" s="53">
        <v>-13370.822185970599</v>
      </c>
      <c r="U3225" s="53">
        <v>-13370.822185970599</v>
      </c>
      <c r="V3225" s="53">
        <v>-13370.822185970599</v>
      </c>
      <c r="W3225" s="53">
        <v>-13370.822185970599</v>
      </c>
      <c r="X3225" s="53">
        <v>-13370.822185970599</v>
      </c>
      <c r="Y3225" s="53">
        <v>-13370.822185970599</v>
      </c>
      <c r="Z3225" s="53">
        <v>-13370.822185970599</v>
      </c>
      <c r="AA3225" s="53">
        <v>-160449.866231647</v>
      </c>
      <c r="AB3225" s="53">
        <v>-13370.822185970599</v>
      </c>
      <c r="AC3225" s="53">
        <v>-13370.822185970599</v>
      </c>
      <c r="AD3225" s="53">
        <v>-13370.822185970599</v>
      </c>
      <c r="AE3225" s="53">
        <v>-13370.822185970599</v>
      </c>
      <c r="AF3225" s="53">
        <v>-13370.822185970599</v>
      </c>
      <c r="AG3225" s="53">
        <v>-13370.822185970599</v>
      </c>
      <c r="AH3225" s="53">
        <v>-13370.822185970599</v>
      </c>
      <c r="AI3225" s="53">
        <v>-13370.822185970599</v>
      </c>
      <c r="AJ3225" s="53">
        <v>-13370.822185970599</v>
      </c>
      <c r="AK3225" s="53">
        <v>-13370.822185970599</v>
      </c>
      <c r="AL3225" s="53">
        <v>-13370.822185970599</v>
      </c>
      <c r="AM3225" s="53">
        <v>-13370.822185970599</v>
      </c>
      <c r="AN3225" s="53">
        <v>-160449.866231647</v>
      </c>
      <c r="AO3225" s="53">
        <v>-13370.822185970599</v>
      </c>
      <c r="AP3225" s="53">
        <v>-13370.822185970599</v>
      </c>
      <c r="AQ3225" s="53">
        <v>-13370.822185970599</v>
      </c>
      <c r="AR3225" s="53">
        <v>-13370.822185970599</v>
      </c>
      <c r="AS3225" s="53">
        <v>-13370.822185970599</v>
      </c>
      <c r="AT3225" s="53">
        <v>-13370.822185970599</v>
      </c>
      <c r="AU3225" s="53">
        <v>-13370.822185970599</v>
      </c>
      <c r="AV3225" s="53">
        <v>-13370.822185970599</v>
      </c>
      <c r="AW3225" s="53">
        <v>-13370.822185970599</v>
      </c>
      <c r="AX3225" s="53">
        <v>-13370.822185970599</v>
      </c>
      <c r="AY3225" s="53">
        <v>-13370.822185970599</v>
      </c>
      <c r="AZ3225" s="53">
        <v>-13370.822185970599</v>
      </c>
      <c r="BA3225" s="53">
        <v>-160449.866231647</v>
      </c>
      <c r="BB3225" s="53">
        <v>-13370.822185970599</v>
      </c>
      <c r="BC3225" s="53">
        <v>-13370.822185970599</v>
      </c>
      <c r="BD3225" s="53">
        <v>-13370.822185970599</v>
      </c>
      <c r="BE3225" s="53">
        <v>-13370.822185970599</v>
      </c>
      <c r="BF3225" s="53">
        <v>-13370.822185970599</v>
      </c>
      <c r="BG3225" s="53">
        <v>-13370.822185970599</v>
      </c>
      <c r="BH3225" s="53">
        <v>-13370.822185970599</v>
      </c>
      <c r="BI3225" s="53">
        <v>-13370.822185970599</v>
      </c>
      <c r="BJ3225" s="53">
        <v>-13370.822185970599</v>
      </c>
      <c r="BK3225" s="53">
        <v>-13370.822185970599</v>
      </c>
      <c r="BL3225" s="53">
        <v>-13370.822185970599</v>
      </c>
      <c r="BM3225" s="53">
        <v>-13370.822185970599</v>
      </c>
      <c r="BN3225" s="53">
        <v>-160449.866231647</v>
      </c>
      <c r="BO3225" s="53">
        <v>-13370.822185970599</v>
      </c>
      <c r="BP3225" s="53">
        <v>-13370.822185970599</v>
      </c>
      <c r="BQ3225" s="53">
        <v>-13370.822185970599</v>
      </c>
      <c r="BR3225" s="53">
        <v>-13370.822185970599</v>
      </c>
      <c r="BS3225" s="53">
        <v>-13370.822185970599</v>
      </c>
      <c r="BT3225" s="53">
        <v>-13370.822185970599</v>
      </c>
      <c r="BU3225" s="53">
        <v>-13370.822185970599</v>
      </c>
      <c r="BV3225" s="53">
        <v>-13370.822185970599</v>
      </c>
      <c r="BW3225" s="53">
        <v>-13370.822185970599</v>
      </c>
      <c r="BX3225" s="53">
        <v>-13370.822185970599</v>
      </c>
      <c r="BY3225" s="53">
        <v>-13370.822185970599</v>
      </c>
      <c r="BZ3225" s="53">
        <v>-13370.822185970599</v>
      </c>
      <c r="CA3225" s="53">
        <v>-160449.866231647</v>
      </c>
      <c r="CB3225" s="53">
        <v>2.2951805065560901E-10</v>
      </c>
      <c r="CC3225" s="53">
        <v>2.2951805065560901E-10</v>
      </c>
      <c r="CD3225" s="53">
        <v>2.2951805065560901E-10</v>
      </c>
      <c r="CE3225" s="53">
        <v>2.2951805065560901E-10</v>
      </c>
      <c r="CF3225" s="53">
        <v>2.2951805065560901E-10</v>
      </c>
      <c r="CG3225" s="53">
        <v>2.2951805065560901E-10</v>
      </c>
      <c r="CH3225" s="53">
        <v>2.2951805065560901E-10</v>
      </c>
      <c r="CI3225" s="53">
        <v>2.2951805065560901E-10</v>
      </c>
      <c r="CJ3225" s="53">
        <v>2.2951805065560901E-10</v>
      </c>
      <c r="CK3225" s="53">
        <v>2.2951805065560901E-10</v>
      </c>
      <c r="CL3225" s="53">
        <v>2.2951805065560901E-10</v>
      </c>
      <c r="CM3225" s="53">
        <v>2.2951805065560901E-10</v>
      </c>
      <c r="CN3225" s="53">
        <v>2.75421660786731E-9</v>
      </c>
    </row>
    <row r="3226" spans="1:92" outlineLevel="1">
      <c r="A3226" s="52" t="s">
        <v>725</v>
      </c>
      <c r="B3226" s="53">
        <v>-44991.8796992481</v>
      </c>
      <c r="C3226" s="53">
        <v>-44991.8796992481</v>
      </c>
      <c r="D3226" s="53">
        <v>-44991.8796992481</v>
      </c>
      <c r="E3226" s="53">
        <v>-44991.8796992481</v>
      </c>
      <c r="F3226" s="53">
        <v>-44991.8796992481</v>
      </c>
      <c r="G3226" s="53">
        <v>-44991.8796992481</v>
      </c>
      <c r="H3226" s="53">
        <v>-44991.8796992481</v>
      </c>
      <c r="I3226" s="53">
        <v>-44991.8796992481</v>
      </c>
      <c r="J3226" s="53">
        <v>-44991.8796992481</v>
      </c>
      <c r="K3226" s="53">
        <v>-44991.8796992481</v>
      </c>
      <c r="L3226" s="53">
        <v>-44991.8796992481</v>
      </c>
      <c r="M3226" s="53">
        <v>-44991.8796992481</v>
      </c>
      <c r="N3226" s="53">
        <v>-539902.556390977</v>
      </c>
      <c r="O3226" s="53">
        <v>-44991.8796992481</v>
      </c>
      <c r="P3226" s="53">
        <v>-44991.8796992481</v>
      </c>
      <c r="Q3226" s="53">
        <v>-44991.8796992481</v>
      </c>
      <c r="R3226" s="53">
        <v>-44991.8796992481</v>
      </c>
      <c r="S3226" s="53">
        <v>-44991.8796992481</v>
      </c>
      <c r="T3226" s="53">
        <v>-44991.8796992481</v>
      </c>
      <c r="U3226" s="53">
        <v>-44991.8796992481</v>
      </c>
      <c r="V3226" s="53">
        <v>-44991.8796992481</v>
      </c>
      <c r="W3226" s="53">
        <v>-44991.8796992481</v>
      </c>
      <c r="X3226" s="53">
        <v>-44991.8796992481</v>
      </c>
      <c r="Y3226" s="53">
        <v>-44991.8796992481</v>
      </c>
      <c r="Z3226" s="53">
        <v>-44991.8796992481</v>
      </c>
      <c r="AA3226" s="53">
        <v>-539902.556390977</v>
      </c>
      <c r="AB3226" s="53">
        <v>-44991.8796992481</v>
      </c>
      <c r="AC3226" s="53">
        <v>-44991.8796992481</v>
      </c>
      <c r="AD3226" s="53">
        <v>-44991.8796992481</v>
      </c>
      <c r="AE3226" s="53">
        <v>-44991.8796992481</v>
      </c>
      <c r="AF3226" s="53">
        <v>-44991.8796992481</v>
      </c>
      <c r="AG3226" s="53">
        <v>-44991.8796992481</v>
      </c>
      <c r="AH3226" s="53">
        <v>-44991.8796992481</v>
      </c>
      <c r="AI3226" s="53">
        <v>-44991.8796992481</v>
      </c>
      <c r="AJ3226" s="53">
        <v>-44991.8796992481</v>
      </c>
      <c r="AK3226" s="53">
        <v>-44991.8796992481</v>
      </c>
      <c r="AL3226" s="53">
        <v>-44991.8796992481</v>
      </c>
      <c r="AM3226" s="53">
        <v>-44991.8796992481</v>
      </c>
      <c r="AN3226" s="53">
        <v>-539902.556390977</v>
      </c>
      <c r="AO3226" s="53">
        <v>-44991.8796992481</v>
      </c>
      <c r="AP3226" s="53">
        <v>-44991.8796992481</v>
      </c>
      <c r="AQ3226" s="53">
        <v>-44991.8796992481</v>
      </c>
      <c r="AR3226" s="53">
        <v>-44991.8796992481</v>
      </c>
      <c r="AS3226" s="53">
        <v>-44991.8796992481</v>
      </c>
      <c r="AT3226" s="53">
        <v>-44991.8796992481</v>
      </c>
      <c r="AU3226" s="53">
        <v>-44991.8796992481</v>
      </c>
      <c r="AV3226" s="53">
        <v>-44991.8796992481</v>
      </c>
      <c r="AW3226" s="53">
        <v>-44991.8796992481</v>
      </c>
      <c r="AX3226" s="53">
        <v>-44991.8796992481</v>
      </c>
      <c r="AY3226" s="53">
        <v>-44991.8796992481</v>
      </c>
      <c r="AZ3226" s="53">
        <v>-44991.8796992481</v>
      </c>
      <c r="BA3226" s="53">
        <v>-539902.556390977</v>
      </c>
      <c r="BB3226" s="53">
        <v>-44991.8796992481</v>
      </c>
      <c r="BC3226" s="53">
        <v>-44991.8796992481</v>
      </c>
      <c r="BD3226" s="53">
        <v>-44991.8796992481</v>
      </c>
      <c r="BE3226" s="53">
        <v>-44991.8796992481</v>
      </c>
      <c r="BF3226" s="53">
        <v>-44991.8796992481</v>
      </c>
      <c r="BG3226" s="53">
        <v>-44991.8796992481</v>
      </c>
      <c r="BH3226" s="53">
        <v>-44991.8796992481</v>
      </c>
      <c r="BI3226" s="53">
        <v>-44991.8796992481</v>
      </c>
      <c r="BJ3226" s="53">
        <v>-44991.8796992481</v>
      </c>
      <c r="BK3226" s="53">
        <v>-44991.8796992481</v>
      </c>
      <c r="BL3226" s="53">
        <v>-44991.8796992481</v>
      </c>
      <c r="BM3226" s="53">
        <v>-44991.8796992481</v>
      </c>
      <c r="BN3226" s="53">
        <v>-539902.556390977</v>
      </c>
      <c r="BO3226" s="53">
        <v>-44991.8796992481</v>
      </c>
      <c r="BP3226" s="53">
        <v>-44991.8796992481</v>
      </c>
      <c r="BQ3226" s="53">
        <v>-44991.8796992481</v>
      </c>
      <c r="BR3226" s="53">
        <v>-44991.8796992481</v>
      </c>
      <c r="BS3226" s="53">
        <v>-44991.8796992481</v>
      </c>
      <c r="BT3226" s="53">
        <v>-44991.8796992481</v>
      </c>
      <c r="BU3226" s="53">
        <v>-22495.939849623999</v>
      </c>
      <c r="BV3226" s="53"/>
      <c r="BW3226" s="53"/>
      <c r="BX3226" s="53"/>
      <c r="BY3226" s="53"/>
      <c r="BZ3226" s="53"/>
      <c r="CA3226" s="53">
        <v>-292447.21804511198</v>
      </c>
      <c r="CB3226" s="53"/>
      <c r="CC3226" s="53"/>
      <c r="CD3226" s="53"/>
      <c r="CE3226" s="53"/>
      <c r="CF3226" s="53"/>
      <c r="CG3226" s="53"/>
      <c r="CH3226" s="53"/>
      <c r="CI3226" s="53"/>
      <c r="CJ3226" s="53"/>
      <c r="CK3226" s="53"/>
      <c r="CL3226" s="53"/>
      <c r="CM3226" s="53"/>
      <c r="CN3226" s="53"/>
    </row>
    <row r="3227" spans="1:92" outlineLevel="1">
      <c r="A3227" s="52" t="s">
        <v>726</v>
      </c>
      <c r="B3227" s="53">
        <v>-52157.240963855402</v>
      </c>
      <c r="C3227" s="53">
        <v>-52157.240963855402</v>
      </c>
      <c r="D3227" s="53">
        <v>-52157.240963855402</v>
      </c>
      <c r="E3227" s="53">
        <v>-52157.240963855402</v>
      </c>
      <c r="F3227" s="53">
        <v>-52157.240963855402</v>
      </c>
      <c r="G3227" s="53">
        <v>-52157.240963855402</v>
      </c>
      <c r="H3227" s="53">
        <v>-52157.240963855402</v>
      </c>
      <c r="I3227" s="53">
        <v>-52157.240963855402</v>
      </c>
      <c r="J3227" s="53">
        <v>-52157.240963855402</v>
      </c>
      <c r="K3227" s="53">
        <v>-52157.240963855402</v>
      </c>
      <c r="L3227" s="53">
        <v>-52157.240963855402</v>
      </c>
      <c r="M3227" s="53">
        <v>-52157.240963855402</v>
      </c>
      <c r="N3227" s="53">
        <v>-625886.89156626503</v>
      </c>
      <c r="O3227" s="53">
        <v>-52157.240963855402</v>
      </c>
      <c r="P3227" s="53">
        <v>-52157.240963855402</v>
      </c>
      <c r="Q3227" s="53">
        <v>-52157.240963855402</v>
      </c>
      <c r="R3227" s="53">
        <v>-52157.240963855402</v>
      </c>
      <c r="S3227" s="53">
        <v>-52157.240963855402</v>
      </c>
      <c r="T3227" s="53">
        <v>-52157.240963855402</v>
      </c>
      <c r="U3227" s="53">
        <v>-52157.240963855402</v>
      </c>
      <c r="V3227" s="53">
        <v>-52157.240963855402</v>
      </c>
      <c r="W3227" s="53">
        <v>-52157.240963855402</v>
      </c>
      <c r="X3227" s="53">
        <v>-52157.240963855402</v>
      </c>
      <c r="Y3227" s="53">
        <v>-52157.240963855402</v>
      </c>
      <c r="Z3227" s="53">
        <v>-52157.240963855402</v>
      </c>
      <c r="AA3227" s="53">
        <v>-625886.89156626503</v>
      </c>
      <c r="AB3227" s="53">
        <v>-52157.240963855402</v>
      </c>
      <c r="AC3227" s="53">
        <v>-52157.240963855402</v>
      </c>
      <c r="AD3227" s="53">
        <v>-52157.240963855402</v>
      </c>
      <c r="AE3227" s="53">
        <v>-52157.240963855402</v>
      </c>
      <c r="AF3227" s="53">
        <v>-52157.240963855402</v>
      </c>
      <c r="AG3227" s="53">
        <v>-52157.240963855402</v>
      </c>
      <c r="AH3227" s="53">
        <v>-52157.240963855402</v>
      </c>
      <c r="AI3227" s="53">
        <v>-52157.240963855402</v>
      </c>
      <c r="AJ3227" s="53">
        <v>-52157.240963855402</v>
      </c>
      <c r="AK3227" s="53">
        <v>-52157.240963855402</v>
      </c>
      <c r="AL3227" s="53">
        <v>-52157.240963855402</v>
      </c>
      <c r="AM3227" s="53">
        <v>-52157.240963855402</v>
      </c>
      <c r="AN3227" s="53">
        <v>-625886.89156626503</v>
      </c>
      <c r="AO3227" s="53">
        <v>-52157.240963855402</v>
      </c>
      <c r="AP3227" s="53">
        <v>-52157.240963855402</v>
      </c>
      <c r="AQ3227" s="53">
        <v>-52157.240963855402</v>
      </c>
      <c r="AR3227" s="53">
        <v>-52157.240963855402</v>
      </c>
      <c r="AS3227" s="53">
        <v>-52157.240963855402</v>
      </c>
      <c r="AT3227" s="53">
        <v>-52157.240963855402</v>
      </c>
      <c r="AU3227" s="53">
        <v>-52157.240963855402</v>
      </c>
      <c r="AV3227" s="53">
        <v>-52157.240963855402</v>
      </c>
      <c r="AW3227" s="53">
        <v>-52157.240963855402</v>
      </c>
      <c r="AX3227" s="53">
        <v>-52157.240963855402</v>
      </c>
      <c r="AY3227" s="53">
        <v>-52157.240963855402</v>
      </c>
      <c r="AZ3227" s="53">
        <v>-52157.240963855402</v>
      </c>
      <c r="BA3227" s="53">
        <v>-625886.89156626503</v>
      </c>
      <c r="BB3227" s="53">
        <v>-52157.240963855402</v>
      </c>
      <c r="BC3227" s="53">
        <v>-52157.240963855402</v>
      </c>
      <c r="BD3227" s="53">
        <v>-52157.240963855402</v>
      </c>
      <c r="BE3227" s="53">
        <v>-52157.240963855402</v>
      </c>
      <c r="BF3227" s="53">
        <v>-52157.240963855402</v>
      </c>
      <c r="BG3227" s="53">
        <v>-52157.240963855402</v>
      </c>
      <c r="BH3227" s="53">
        <v>-52157.240963855402</v>
      </c>
      <c r="BI3227" s="53">
        <v>-52157.240963855402</v>
      </c>
      <c r="BJ3227" s="53">
        <v>-52157.240963855402</v>
      </c>
      <c r="BK3227" s="53">
        <v>-52157.240963855402</v>
      </c>
      <c r="BL3227" s="53">
        <v>-52157.240963855402</v>
      </c>
      <c r="BM3227" s="53">
        <v>-52157.240963855402</v>
      </c>
      <c r="BN3227" s="53">
        <v>-625886.89156626503</v>
      </c>
      <c r="BO3227" s="53">
        <v>-52157.240963855402</v>
      </c>
      <c r="BP3227" s="53">
        <v>-52157.240963855402</v>
      </c>
      <c r="BQ3227" s="53">
        <v>-52157.240963855402</v>
      </c>
      <c r="BR3227" s="53">
        <v>-52157.240963855402</v>
      </c>
      <c r="BS3227" s="53">
        <v>-52157.240963855402</v>
      </c>
      <c r="BT3227" s="53">
        <v>-52157.240963855402</v>
      </c>
      <c r="BU3227" s="53">
        <v>-52157.240963855402</v>
      </c>
      <c r="BV3227" s="53">
        <v>-52157.240963855402</v>
      </c>
      <c r="BW3227" s="53">
        <v>-52157.240963855402</v>
      </c>
      <c r="BX3227" s="53">
        <v>-52157.240963855402</v>
      </c>
      <c r="BY3227" s="53">
        <v>-52157.240963855402</v>
      </c>
      <c r="BZ3227" s="53">
        <v>-52157.240963855402</v>
      </c>
      <c r="CA3227" s="53">
        <v>-625886.89156626503</v>
      </c>
      <c r="CB3227" s="53"/>
      <c r="CC3227" s="53"/>
      <c r="CD3227" s="53"/>
      <c r="CE3227" s="53"/>
      <c r="CF3227" s="53"/>
      <c r="CG3227" s="53"/>
      <c r="CH3227" s="53"/>
      <c r="CI3227" s="53"/>
      <c r="CJ3227" s="53"/>
      <c r="CK3227" s="53"/>
      <c r="CL3227" s="53"/>
      <c r="CM3227" s="53"/>
      <c r="CN3227" s="53"/>
    </row>
    <row r="3228" spans="1:92" outlineLevel="1">
      <c r="A3228" s="52" t="s">
        <v>728</v>
      </c>
      <c r="B3228" s="53">
        <v>-38996.0446927374</v>
      </c>
      <c r="C3228" s="53">
        <v>-38996.0446927374</v>
      </c>
      <c r="D3228" s="53">
        <v>-38996.0446927374</v>
      </c>
      <c r="E3228" s="53">
        <v>-38996.0446927374</v>
      </c>
      <c r="F3228" s="53">
        <v>-38996.0446927374</v>
      </c>
      <c r="G3228" s="53">
        <v>-38996.0446927374</v>
      </c>
      <c r="H3228" s="53">
        <v>-38996.0446927374</v>
      </c>
      <c r="I3228" s="53">
        <v>-38996.0446927374</v>
      </c>
      <c r="J3228" s="53">
        <v>-38996.0446927374</v>
      </c>
      <c r="K3228" s="53">
        <v>-38996.0446927374</v>
      </c>
      <c r="L3228" s="53">
        <v>-38996.0446927374</v>
      </c>
      <c r="M3228" s="53">
        <v>-38996.0446927374</v>
      </c>
      <c r="N3228" s="53">
        <v>-467952.53631284903</v>
      </c>
      <c r="O3228" s="53">
        <v>-38996.0446927374</v>
      </c>
      <c r="P3228" s="53">
        <v>-38996.0446927374</v>
      </c>
      <c r="Q3228" s="53">
        <v>-38996.0446927374</v>
      </c>
      <c r="R3228" s="53">
        <v>-38996.0446927374</v>
      </c>
      <c r="S3228" s="53">
        <v>-38996.0446927374</v>
      </c>
      <c r="T3228" s="53">
        <v>-38996.0446927374</v>
      </c>
      <c r="U3228" s="53">
        <v>-38996.0446927374</v>
      </c>
      <c r="V3228" s="53">
        <v>-38996.0446927374</v>
      </c>
      <c r="W3228" s="53">
        <v>-38996.0446927374</v>
      </c>
      <c r="X3228" s="53">
        <v>-38996.0446927374</v>
      </c>
      <c r="Y3228" s="53">
        <v>-38996.0446927374</v>
      </c>
      <c r="Z3228" s="53">
        <v>-38996.044692737298</v>
      </c>
      <c r="AA3228" s="53">
        <v>-467952.53631284798</v>
      </c>
      <c r="AB3228" s="53">
        <v>-38996.044692737298</v>
      </c>
      <c r="AC3228" s="53">
        <v>-38996.044692737298</v>
      </c>
      <c r="AD3228" s="53">
        <v>-38996.044692737298</v>
      </c>
      <c r="AE3228" s="53">
        <v>-38996.044692737298</v>
      </c>
      <c r="AF3228" s="53">
        <v>-38996.044692737298</v>
      </c>
      <c r="AG3228" s="53">
        <v>-38996.044692737298</v>
      </c>
      <c r="AH3228" s="53">
        <v>-38996.044692737298</v>
      </c>
      <c r="AI3228" s="53">
        <v>-38996.044692737298</v>
      </c>
      <c r="AJ3228" s="53">
        <v>-38996.044692737298</v>
      </c>
      <c r="AK3228" s="53">
        <v>-38996.044692737298</v>
      </c>
      <c r="AL3228" s="53">
        <v>-38996.044692737298</v>
      </c>
      <c r="AM3228" s="53">
        <v>-38996.044692737298</v>
      </c>
      <c r="AN3228" s="53">
        <v>-467952.53631284798</v>
      </c>
      <c r="AO3228" s="53">
        <v>-38996.044692737298</v>
      </c>
      <c r="AP3228" s="53">
        <v>-38996.044692737298</v>
      </c>
      <c r="AQ3228" s="53">
        <v>-38996.044692737298</v>
      </c>
      <c r="AR3228" s="53">
        <v>-38996.044692737298</v>
      </c>
      <c r="AS3228" s="53">
        <v>-38996.044692737298</v>
      </c>
      <c r="AT3228" s="53">
        <v>-38996.044692737298</v>
      </c>
      <c r="AU3228" s="53">
        <v>-38996.044692737298</v>
      </c>
      <c r="AV3228" s="53">
        <v>-38996.044692737298</v>
      </c>
      <c r="AW3228" s="53">
        <v>-38996.044692737298</v>
      </c>
      <c r="AX3228" s="53">
        <v>-38996.044692737298</v>
      </c>
      <c r="AY3228" s="53">
        <v>-38996.044692737298</v>
      </c>
      <c r="AZ3228" s="53">
        <v>-38996.044692737298</v>
      </c>
      <c r="BA3228" s="53">
        <v>-467952.53631284798</v>
      </c>
      <c r="BB3228" s="53">
        <v>-38996.044692737298</v>
      </c>
      <c r="BC3228" s="53">
        <v>-38996.044692737298</v>
      </c>
      <c r="BD3228" s="53">
        <v>-38996.044692737298</v>
      </c>
      <c r="BE3228" s="53">
        <v>-38996.044692737298</v>
      </c>
      <c r="BF3228" s="53">
        <v>-38996.044692737298</v>
      </c>
      <c r="BG3228" s="53">
        <v>-38996.044692737298</v>
      </c>
      <c r="BH3228" s="53">
        <v>-38996.044692737298</v>
      </c>
      <c r="BI3228" s="53">
        <v>-38996.044692737298</v>
      </c>
      <c r="BJ3228" s="53">
        <v>-38996.044692737298</v>
      </c>
      <c r="BK3228" s="53">
        <v>-38996.044692737298</v>
      </c>
      <c r="BL3228" s="53">
        <v>-38996.044692737298</v>
      </c>
      <c r="BM3228" s="53">
        <v>-38996.044692737298</v>
      </c>
      <c r="BN3228" s="53">
        <v>-467952.53631284798</v>
      </c>
      <c r="BO3228" s="53">
        <v>-38996.044692737298</v>
      </c>
      <c r="BP3228" s="53">
        <v>-38996.044692737298</v>
      </c>
      <c r="BQ3228" s="53">
        <v>-38996.0446927374</v>
      </c>
      <c r="BR3228" s="53">
        <v>-38996.0446927374</v>
      </c>
      <c r="BS3228" s="53">
        <v>-38996.0446927374</v>
      </c>
      <c r="BT3228" s="53">
        <v>-38996.0446927374</v>
      </c>
      <c r="BU3228" s="53">
        <v>-38996.0446927374</v>
      </c>
      <c r="BV3228" s="53">
        <v>-38996.0446927374</v>
      </c>
      <c r="BW3228" s="53">
        <v>-38996.0446927374</v>
      </c>
      <c r="BX3228" s="53">
        <v>-38996.0446927374</v>
      </c>
      <c r="BY3228" s="53">
        <v>-38996.044692737298</v>
      </c>
      <c r="BZ3228" s="53">
        <v>-38996.0446927374</v>
      </c>
      <c r="CA3228" s="53">
        <v>-467952.53631284798</v>
      </c>
      <c r="CB3228" s="53"/>
      <c r="CC3228" s="53"/>
      <c r="CD3228" s="53"/>
      <c r="CE3228" s="53"/>
      <c r="CF3228" s="53"/>
      <c r="CG3228" s="53"/>
      <c r="CH3228" s="53"/>
      <c r="CI3228" s="53"/>
      <c r="CJ3228" s="53"/>
      <c r="CK3228" s="53"/>
      <c r="CL3228" s="53"/>
      <c r="CM3228" s="53"/>
      <c r="CN3228" s="53"/>
    </row>
    <row r="3229" spans="1:92" outlineLevel="1">
      <c r="A3229" s="52" t="s">
        <v>729</v>
      </c>
      <c r="B3229" s="53">
        <v>-48595.5162790697</v>
      </c>
      <c r="C3229" s="53">
        <v>-48595.5162790697</v>
      </c>
      <c r="D3229" s="53">
        <v>-48595.5162790697</v>
      </c>
      <c r="E3229" s="53">
        <v>-48595.5162790697</v>
      </c>
      <c r="F3229" s="53">
        <v>-48595.5162790697</v>
      </c>
      <c r="G3229" s="53">
        <v>-48595.5162790697</v>
      </c>
      <c r="H3229" s="53">
        <v>-48595.5162790697</v>
      </c>
      <c r="I3229" s="53">
        <v>-48595.5162790697</v>
      </c>
      <c r="J3229" s="53">
        <v>-48595.5162790697</v>
      </c>
      <c r="K3229" s="53">
        <v>-48595.5162790697</v>
      </c>
      <c r="L3229" s="53">
        <v>-48595.5162790697</v>
      </c>
      <c r="M3229" s="53">
        <v>-48595.5162790697</v>
      </c>
      <c r="N3229" s="53">
        <v>-583146.19534883695</v>
      </c>
      <c r="O3229" s="53">
        <v>-48595.5162790697</v>
      </c>
      <c r="P3229" s="53">
        <v>-48595.5162790697</v>
      </c>
      <c r="Q3229" s="53">
        <v>-48595.5162790697</v>
      </c>
      <c r="R3229" s="53">
        <v>-48595.5162790697</v>
      </c>
      <c r="S3229" s="53">
        <v>-48595.5162790697</v>
      </c>
      <c r="T3229" s="53">
        <v>-48595.5162790697</v>
      </c>
      <c r="U3229" s="53">
        <v>-48595.5162790697</v>
      </c>
      <c r="V3229" s="53">
        <v>-48595.5162790697</v>
      </c>
      <c r="W3229" s="53">
        <v>-48595.5162790697</v>
      </c>
      <c r="X3229" s="53">
        <v>-48595.5162790697</v>
      </c>
      <c r="Y3229" s="53">
        <v>-48595.5162790697</v>
      </c>
      <c r="Z3229" s="53">
        <v>-48595.5162790697</v>
      </c>
      <c r="AA3229" s="53">
        <v>-583146.19534883695</v>
      </c>
      <c r="AB3229" s="53">
        <v>-48595.516279069801</v>
      </c>
      <c r="AC3229" s="53">
        <v>-48595.516279069801</v>
      </c>
      <c r="AD3229" s="53">
        <v>-48595.516279069801</v>
      </c>
      <c r="AE3229" s="53">
        <v>-48595.516279069801</v>
      </c>
      <c r="AF3229" s="53">
        <v>-48595.516279069801</v>
      </c>
      <c r="AG3229" s="53">
        <v>-48595.516279069801</v>
      </c>
      <c r="AH3229" s="53">
        <v>-48595.516279069801</v>
      </c>
      <c r="AI3229" s="53">
        <v>-48595.516279069801</v>
      </c>
      <c r="AJ3229" s="53">
        <v>-48595.516279069801</v>
      </c>
      <c r="AK3229" s="53">
        <v>-48595.516279069801</v>
      </c>
      <c r="AL3229" s="53">
        <v>-48595.516279069801</v>
      </c>
      <c r="AM3229" s="53">
        <v>-48595.516279069801</v>
      </c>
      <c r="AN3229" s="53">
        <v>-583146.19534883695</v>
      </c>
      <c r="AO3229" s="53">
        <v>-48595.516279069801</v>
      </c>
      <c r="AP3229" s="53">
        <v>-48595.516279069801</v>
      </c>
      <c r="AQ3229" s="53">
        <v>-48595.516279069801</v>
      </c>
      <c r="AR3229" s="53">
        <v>-48595.516279069801</v>
      </c>
      <c r="AS3229" s="53">
        <v>-48595.516279069801</v>
      </c>
      <c r="AT3229" s="53">
        <v>-48595.516279069801</v>
      </c>
      <c r="AU3229" s="53">
        <v>-48595.516279069801</v>
      </c>
      <c r="AV3229" s="53">
        <v>-48595.516279069801</v>
      </c>
      <c r="AW3229" s="53">
        <v>-48595.516279069801</v>
      </c>
      <c r="AX3229" s="53">
        <v>-48595.516279069801</v>
      </c>
      <c r="AY3229" s="53">
        <v>-48595.516279069801</v>
      </c>
      <c r="AZ3229" s="53">
        <v>-48595.516279069801</v>
      </c>
      <c r="BA3229" s="53">
        <v>-583146.19534883799</v>
      </c>
      <c r="BB3229" s="53">
        <v>-48595.516279069801</v>
      </c>
      <c r="BC3229" s="53">
        <v>-48595.516279069801</v>
      </c>
      <c r="BD3229" s="53">
        <v>-48595.516279069801</v>
      </c>
      <c r="BE3229" s="53">
        <v>-48595.516279069801</v>
      </c>
      <c r="BF3229" s="53">
        <v>-48595.516279069801</v>
      </c>
      <c r="BG3229" s="53">
        <v>-48595.516279069801</v>
      </c>
      <c r="BH3229" s="53">
        <v>-48595.516279069801</v>
      </c>
      <c r="BI3229" s="53">
        <v>-48595.516279069801</v>
      </c>
      <c r="BJ3229" s="53">
        <v>-48595.516279069801</v>
      </c>
      <c r="BK3229" s="53">
        <v>-48595.516279069801</v>
      </c>
      <c r="BL3229" s="53">
        <v>-48595.516279069801</v>
      </c>
      <c r="BM3229" s="53">
        <v>-48595.516279069801</v>
      </c>
      <c r="BN3229" s="53">
        <v>-583146.19534883799</v>
      </c>
      <c r="BO3229" s="53">
        <v>-48595.516279069801</v>
      </c>
      <c r="BP3229" s="53">
        <v>-48595.516279069801</v>
      </c>
      <c r="BQ3229" s="53">
        <v>-48595.516279069903</v>
      </c>
      <c r="BR3229" s="53">
        <v>-48595.516279069801</v>
      </c>
      <c r="BS3229" s="53">
        <v>-48595.516279069801</v>
      </c>
      <c r="BT3229" s="53">
        <v>-48595.516279069801</v>
      </c>
      <c r="BU3229" s="53">
        <v>-48595.516279069801</v>
      </c>
      <c r="BV3229" s="53">
        <v>-48595.516279069801</v>
      </c>
      <c r="BW3229" s="53">
        <v>-48595.516279069801</v>
      </c>
      <c r="BX3229" s="53">
        <v>-48595.516279069801</v>
      </c>
      <c r="BY3229" s="53">
        <v>-48595.516279069801</v>
      </c>
      <c r="BZ3229" s="53">
        <v>-48595.516279069801</v>
      </c>
      <c r="CA3229" s="53">
        <v>-583146.19534883799</v>
      </c>
      <c r="CB3229" s="53"/>
      <c r="CC3229" s="53"/>
      <c r="CD3229" s="53"/>
      <c r="CE3229" s="53"/>
      <c r="CF3229" s="53"/>
      <c r="CG3229" s="53"/>
      <c r="CH3229" s="53"/>
      <c r="CI3229" s="53"/>
      <c r="CJ3229" s="53"/>
      <c r="CK3229" s="53"/>
      <c r="CL3229" s="53"/>
      <c r="CM3229" s="53"/>
      <c r="CN3229" s="53"/>
    </row>
    <row r="3230" spans="1:92" outlineLevel="1">
      <c r="A3230" s="52" t="s">
        <v>730</v>
      </c>
      <c r="B3230" s="53">
        <v>-16652.086330935199</v>
      </c>
      <c r="C3230" s="53">
        <v>-16652.086330935199</v>
      </c>
      <c r="D3230" s="53">
        <v>-16652.086330935199</v>
      </c>
      <c r="E3230" s="53">
        <v>-16652.086330935199</v>
      </c>
      <c r="F3230" s="53">
        <v>-16652.086330935199</v>
      </c>
      <c r="G3230" s="53">
        <v>-16652.086330935199</v>
      </c>
      <c r="H3230" s="53">
        <v>-16652.086330935199</v>
      </c>
      <c r="I3230" s="53">
        <v>-16652.086330935199</v>
      </c>
      <c r="J3230" s="53">
        <v>-16652.086330935199</v>
      </c>
      <c r="K3230" s="53">
        <v>-16652.086330935199</v>
      </c>
      <c r="L3230" s="53">
        <v>-16652.086330935199</v>
      </c>
      <c r="M3230" s="53">
        <v>-16652.086330935199</v>
      </c>
      <c r="N3230" s="53">
        <v>-199825.035971223</v>
      </c>
      <c r="O3230" s="53">
        <v>-16652.086330935199</v>
      </c>
      <c r="P3230" s="53">
        <v>-16652.086330935199</v>
      </c>
      <c r="Q3230" s="53">
        <v>-16652.086330935199</v>
      </c>
      <c r="R3230" s="53">
        <v>-16652.086330935199</v>
      </c>
      <c r="S3230" s="53">
        <v>-16652.086330935199</v>
      </c>
      <c r="T3230" s="53">
        <v>-16652.086330935199</v>
      </c>
      <c r="U3230" s="53">
        <v>-16652.086330935199</v>
      </c>
      <c r="V3230" s="53">
        <v>-16652.086330935199</v>
      </c>
      <c r="W3230" s="53">
        <v>-16652.086330935199</v>
      </c>
      <c r="X3230" s="53">
        <v>-16652.086330935199</v>
      </c>
      <c r="Y3230" s="53">
        <v>-16652.086330935199</v>
      </c>
      <c r="Z3230" s="53">
        <v>-16652.086330935199</v>
      </c>
      <c r="AA3230" s="53">
        <v>-199825.035971223</v>
      </c>
      <c r="AB3230" s="53">
        <v>-16652.086330935199</v>
      </c>
      <c r="AC3230" s="53">
        <v>-16652.086330935199</v>
      </c>
      <c r="AD3230" s="53">
        <v>-16652.086330935199</v>
      </c>
      <c r="AE3230" s="53">
        <v>-16652.086330935199</v>
      </c>
      <c r="AF3230" s="53">
        <v>-16652.086330935199</v>
      </c>
      <c r="AG3230" s="53">
        <v>-16652.086330935199</v>
      </c>
      <c r="AH3230" s="53">
        <v>-16652.086330935199</v>
      </c>
      <c r="AI3230" s="53">
        <v>-16652.086330935199</v>
      </c>
      <c r="AJ3230" s="53">
        <v>-16652.086330935199</v>
      </c>
      <c r="AK3230" s="53">
        <v>-16652.086330935199</v>
      </c>
      <c r="AL3230" s="53">
        <v>-16652.086330935199</v>
      </c>
      <c r="AM3230" s="53">
        <v>-16652.086330935199</v>
      </c>
      <c r="AN3230" s="53">
        <v>-199825.035971223</v>
      </c>
      <c r="AO3230" s="53">
        <v>-16652.086330935199</v>
      </c>
      <c r="AP3230" s="53">
        <v>-16652.086330935199</v>
      </c>
      <c r="AQ3230" s="53">
        <v>-16652.086330935199</v>
      </c>
      <c r="AR3230" s="53">
        <v>-16652.086330935199</v>
      </c>
      <c r="AS3230" s="53">
        <v>-16652.086330935199</v>
      </c>
      <c r="AT3230" s="53">
        <v>-16652.086330935199</v>
      </c>
      <c r="AU3230" s="53">
        <v>-16652.086330935199</v>
      </c>
      <c r="AV3230" s="53">
        <v>-16652.086330935199</v>
      </c>
      <c r="AW3230" s="53">
        <v>-16652.086330935199</v>
      </c>
      <c r="AX3230" s="53">
        <v>-16652.086330935199</v>
      </c>
      <c r="AY3230" s="53">
        <v>-16652.086330935199</v>
      </c>
      <c r="AZ3230" s="53">
        <v>-16652.086330935199</v>
      </c>
      <c r="BA3230" s="53">
        <v>-199825.035971223</v>
      </c>
      <c r="BB3230" s="53">
        <v>-16652.086330935199</v>
      </c>
      <c r="BC3230" s="53">
        <v>-16652.086330935199</v>
      </c>
      <c r="BD3230" s="53">
        <v>-16652.086330935199</v>
      </c>
      <c r="BE3230" s="53">
        <v>-16652.086330935199</v>
      </c>
      <c r="BF3230" s="53">
        <v>-16652.086330935199</v>
      </c>
      <c r="BG3230" s="53">
        <v>-16652.086330935199</v>
      </c>
      <c r="BH3230" s="53">
        <v>-16652.086330935199</v>
      </c>
      <c r="BI3230" s="53">
        <v>-16652.086330935199</v>
      </c>
      <c r="BJ3230" s="53">
        <v>-16652.086330935199</v>
      </c>
      <c r="BK3230" s="53">
        <v>-16652.086330935199</v>
      </c>
      <c r="BL3230" s="53">
        <v>-16652.086330935199</v>
      </c>
      <c r="BM3230" s="53">
        <v>-16652.086330935199</v>
      </c>
      <c r="BN3230" s="53">
        <v>-199825.035971223</v>
      </c>
      <c r="BO3230" s="53">
        <v>-16652.086330935199</v>
      </c>
      <c r="BP3230" s="53">
        <v>-16652.086330935199</v>
      </c>
      <c r="BQ3230" s="53">
        <v>-16652.086330935199</v>
      </c>
      <c r="BR3230" s="53">
        <v>-16652.086330935199</v>
      </c>
      <c r="BS3230" s="53">
        <v>-16652.086330935199</v>
      </c>
      <c r="BT3230" s="53">
        <v>-16652.086330935199</v>
      </c>
      <c r="BU3230" s="53">
        <v>-16652.086330935199</v>
      </c>
      <c r="BV3230" s="53">
        <v>-16652.086330935199</v>
      </c>
      <c r="BW3230" s="53">
        <v>-16652.086330935199</v>
      </c>
      <c r="BX3230" s="53">
        <v>-16652.086330935199</v>
      </c>
      <c r="BY3230" s="53">
        <v>-16652.086330935199</v>
      </c>
      <c r="BZ3230" s="53">
        <v>-16652.086330935199</v>
      </c>
      <c r="CA3230" s="53">
        <v>-199825.035971223</v>
      </c>
      <c r="CB3230" s="53"/>
      <c r="CC3230" s="53"/>
      <c r="CD3230" s="53"/>
      <c r="CE3230" s="53"/>
      <c r="CF3230" s="53"/>
      <c r="CG3230" s="53"/>
      <c r="CH3230" s="53"/>
      <c r="CI3230" s="53"/>
      <c r="CJ3230" s="53"/>
      <c r="CK3230" s="53"/>
      <c r="CL3230" s="53"/>
      <c r="CM3230" s="53"/>
      <c r="CN3230" s="53"/>
    </row>
    <row r="3231" spans="1:92" outlineLevel="1">
      <c r="A3231" s="52" t="s">
        <v>1565</v>
      </c>
      <c r="B3231" s="53">
        <v>-11698.0753138075</v>
      </c>
      <c r="C3231" s="53">
        <v>-11698.0753138075</v>
      </c>
      <c r="D3231" s="53">
        <v>-11698.0753138075</v>
      </c>
      <c r="E3231" s="53">
        <v>-11698.0753138075</v>
      </c>
      <c r="F3231" s="53">
        <v>-11698.0753138075</v>
      </c>
      <c r="G3231" s="53">
        <v>-11698.0753138075</v>
      </c>
      <c r="H3231" s="53">
        <v>-11698.0753138075</v>
      </c>
      <c r="I3231" s="53">
        <v>-11698.0753138075</v>
      </c>
      <c r="J3231" s="53">
        <v>-11698.0753138075</v>
      </c>
      <c r="K3231" s="53">
        <v>-11698.0753138075</v>
      </c>
      <c r="L3231" s="53">
        <v>-11698.0753138075</v>
      </c>
      <c r="M3231" s="53">
        <v>-11698.0753138075</v>
      </c>
      <c r="N3231" s="53">
        <v>-140376.90376568999</v>
      </c>
      <c r="O3231" s="53">
        <v>-11698.0753138075</v>
      </c>
      <c r="P3231" s="53">
        <v>-11698.0753138075</v>
      </c>
      <c r="Q3231" s="53">
        <v>-11698.0753138075</v>
      </c>
      <c r="R3231" s="53">
        <v>-11698.0753138075</v>
      </c>
      <c r="S3231" s="53">
        <v>-11698.0753138075</v>
      </c>
      <c r="T3231" s="53">
        <v>-11698.0753138075</v>
      </c>
      <c r="U3231" s="53">
        <v>-11698.0753138075</v>
      </c>
      <c r="V3231" s="53">
        <v>-11698.0753138075</v>
      </c>
      <c r="W3231" s="53">
        <v>-11698.0753138075</v>
      </c>
      <c r="X3231" s="53">
        <v>-11698.0753138075</v>
      </c>
      <c r="Y3231" s="53">
        <v>-11698.0753138075</v>
      </c>
      <c r="Z3231" s="53">
        <v>-11698.0753138075</v>
      </c>
      <c r="AA3231" s="53">
        <v>-140376.90376568999</v>
      </c>
      <c r="AB3231" s="53">
        <v>-11698.0753138075</v>
      </c>
      <c r="AC3231" s="53">
        <v>-11698.0753138075</v>
      </c>
      <c r="AD3231" s="53">
        <v>-11698.0753138075</v>
      </c>
      <c r="AE3231" s="53">
        <v>-11698.0753138075</v>
      </c>
      <c r="AF3231" s="53">
        <v>-11698.0753138075</v>
      </c>
      <c r="AG3231" s="53">
        <v>-11698.0753138075</v>
      </c>
      <c r="AH3231" s="53">
        <v>-11698.0753138075</v>
      </c>
      <c r="AI3231" s="53">
        <v>-11698.0753138075</v>
      </c>
      <c r="AJ3231" s="53">
        <v>-11698.0753138075</v>
      </c>
      <c r="AK3231" s="53">
        <v>-11698.0753138075</v>
      </c>
      <c r="AL3231" s="53">
        <v>-11698.0753138075</v>
      </c>
      <c r="AM3231" s="53">
        <v>-11698.0753138075</v>
      </c>
      <c r="AN3231" s="53">
        <v>-140376.90376568999</v>
      </c>
      <c r="AO3231" s="53">
        <v>-11698.0753138075</v>
      </c>
      <c r="AP3231" s="53">
        <v>-11698.0753138075</v>
      </c>
      <c r="AQ3231" s="53">
        <v>-11698.0753138075</v>
      </c>
      <c r="AR3231" s="53">
        <v>-11698.0753138075</v>
      </c>
      <c r="AS3231" s="53">
        <v>-11698.0753138075</v>
      </c>
      <c r="AT3231" s="53">
        <v>-11698.0753138075</v>
      </c>
      <c r="AU3231" s="53">
        <v>-11698.0753138075</v>
      </c>
      <c r="AV3231" s="53">
        <v>-11698.0753138075</v>
      </c>
      <c r="AW3231" s="53">
        <v>-11698.0753138075</v>
      </c>
      <c r="AX3231" s="53">
        <v>-11698.0753138075</v>
      </c>
      <c r="AY3231" s="53">
        <v>-11698.0753138075</v>
      </c>
      <c r="AZ3231" s="53">
        <v>-11698.0753138075</v>
      </c>
      <c r="BA3231" s="53">
        <v>-140376.90376568999</v>
      </c>
      <c r="BB3231" s="53">
        <v>-11698.0753138075</v>
      </c>
      <c r="BC3231" s="53">
        <v>-11698.0753138075</v>
      </c>
      <c r="BD3231" s="53">
        <v>-11698.0753138075</v>
      </c>
      <c r="BE3231" s="53">
        <v>-11698.0753138075</v>
      </c>
      <c r="BF3231" s="53">
        <v>-11698.0753138075</v>
      </c>
      <c r="BG3231" s="53">
        <v>-11698.0753138075</v>
      </c>
      <c r="BH3231" s="53">
        <v>-11698.0753138075</v>
      </c>
      <c r="BI3231" s="53">
        <v>-11698.0753138075</v>
      </c>
      <c r="BJ3231" s="53">
        <v>-11698.0753138075</v>
      </c>
      <c r="BK3231" s="53">
        <v>-11698.0753138075</v>
      </c>
      <c r="BL3231" s="53">
        <v>-11698.0753138075</v>
      </c>
      <c r="BM3231" s="53">
        <v>-11698.0753138075</v>
      </c>
      <c r="BN3231" s="53">
        <v>-140376.90376568999</v>
      </c>
      <c r="BO3231" s="53">
        <v>-11698.0753138075</v>
      </c>
      <c r="BP3231" s="53">
        <v>-11698.0753138075</v>
      </c>
      <c r="BQ3231" s="53">
        <v>-11698.0753138075</v>
      </c>
      <c r="BR3231" s="53">
        <v>-11698.0753138075</v>
      </c>
      <c r="BS3231" s="53">
        <v>-11698.0753138075</v>
      </c>
      <c r="BT3231" s="53">
        <v>-11698.0753138075</v>
      </c>
      <c r="BU3231" s="53">
        <v>-11698.0753138075</v>
      </c>
      <c r="BV3231" s="53">
        <v>-11698.0753138075</v>
      </c>
      <c r="BW3231" s="53">
        <v>-11698.0753138075</v>
      </c>
      <c r="BX3231" s="53">
        <v>-11698.0753138075</v>
      </c>
      <c r="BY3231" s="53">
        <v>-11698.0753138075</v>
      </c>
      <c r="BZ3231" s="53">
        <v>-11698.0753138075</v>
      </c>
      <c r="CA3231" s="53">
        <v>-140376.90376568999</v>
      </c>
      <c r="CB3231" s="53">
        <v>10635897.274225701</v>
      </c>
      <c r="CC3231" s="53">
        <v>10846350.2420482</v>
      </c>
      <c r="CD3231" s="53">
        <v>10275474.654750301</v>
      </c>
      <c r="CE3231" s="53">
        <v>8764534.2034978997</v>
      </c>
      <c r="CF3231" s="53">
        <v>7751278.7869478604</v>
      </c>
      <c r="CG3231" s="53">
        <v>7236684.0452761399</v>
      </c>
      <c r="CH3231" s="53">
        <v>7225027.4822321301</v>
      </c>
      <c r="CI3231" s="53">
        <v>7223498.5982780801</v>
      </c>
      <c r="CJ3231" s="53">
        <v>7150318.9687357303</v>
      </c>
      <c r="CK3231" s="53">
        <v>7862363.9665323095</v>
      </c>
      <c r="CL3231" s="53">
        <v>9385504.8733291402</v>
      </c>
      <c r="CM3231" s="53">
        <v>8988787.2571279295</v>
      </c>
      <c r="CN3231" s="53">
        <v>103345720.352981</v>
      </c>
    </row>
    <row r="3232" spans="1:92" outlineLevel="1">
      <c r="A3232" s="52" t="s">
        <v>1591</v>
      </c>
      <c r="B3232" s="53"/>
      <c r="C3232" s="53"/>
      <c r="D3232" s="53"/>
      <c r="E3232" s="53"/>
      <c r="F3232" s="53"/>
      <c r="G3232" s="53"/>
      <c r="H3232" s="53"/>
      <c r="I3232" s="53"/>
      <c r="J3232" s="53"/>
      <c r="K3232" s="53"/>
      <c r="L3232" s="53"/>
      <c r="M3232" s="53"/>
      <c r="N3232" s="53"/>
      <c r="O3232" s="53"/>
      <c r="P3232" s="53"/>
      <c r="Q3232" s="53"/>
      <c r="R3232" s="53"/>
      <c r="S3232" s="53"/>
      <c r="T3232" s="53"/>
      <c r="U3232" s="53"/>
      <c r="V3232" s="53"/>
      <c r="W3232" s="53"/>
      <c r="X3232" s="53"/>
      <c r="Y3232" s="53"/>
      <c r="Z3232" s="53"/>
      <c r="AA3232" s="53"/>
      <c r="AB3232" s="53"/>
      <c r="AC3232" s="53"/>
      <c r="AD3232" s="53"/>
      <c r="AE3232" s="53"/>
      <c r="AF3232" s="53"/>
      <c r="AG3232" s="53"/>
      <c r="AH3232" s="53"/>
      <c r="AI3232" s="53"/>
      <c r="AJ3232" s="53"/>
      <c r="AK3232" s="53"/>
      <c r="AL3232" s="53"/>
      <c r="AM3232" s="53"/>
      <c r="AN3232" s="53"/>
      <c r="AO3232" s="53"/>
      <c r="AP3232" s="53"/>
      <c r="AQ3232" s="53"/>
      <c r="AR3232" s="53"/>
      <c r="AS3232" s="53"/>
      <c r="AT3232" s="53"/>
      <c r="AU3232" s="53"/>
      <c r="AV3232" s="53"/>
      <c r="AW3232" s="53"/>
      <c r="AX3232" s="53"/>
      <c r="AY3232" s="53"/>
      <c r="AZ3232" s="53"/>
      <c r="BA3232" s="53"/>
      <c r="BB3232" s="53"/>
      <c r="BC3232" s="53"/>
      <c r="BD3232" s="53"/>
      <c r="BE3232" s="53"/>
      <c r="BF3232" s="53"/>
      <c r="BG3232" s="53"/>
      <c r="BH3232" s="53"/>
      <c r="BI3232" s="53"/>
      <c r="BJ3232" s="53"/>
      <c r="BK3232" s="53"/>
      <c r="BL3232" s="53"/>
      <c r="BM3232" s="53"/>
      <c r="BN3232" s="53"/>
      <c r="BO3232" s="53"/>
      <c r="BP3232" s="53"/>
      <c r="BQ3232" s="53"/>
      <c r="BR3232" s="53"/>
      <c r="BS3232" s="53"/>
      <c r="BT3232" s="53"/>
      <c r="BU3232" s="53"/>
      <c r="BV3232" s="53"/>
      <c r="BW3232" s="53"/>
      <c r="BX3232" s="53"/>
      <c r="BY3232" s="53"/>
      <c r="BZ3232" s="53"/>
      <c r="CA3232" s="53"/>
      <c r="CB3232" s="53"/>
      <c r="CC3232" s="53"/>
      <c r="CD3232" s="53"/>
      <c r="CE3232" s="53"/>
      <c r="CF3232" s="53"/>
      <c r="CG3232" s="53"/>
      <c r="CH3232" s="53"/>
      <c r="CI3232" s="53"/>
      <c r="CJ3232" s="53"/>
      <c r="CK3232" s="53"/>
      <c r="CL3232" s="53"/>
      <c r="CM3232" s="53"/>
      <c r="CN3232" s="53"/>
    </row>
    <row r="3233" spans="1:92" outlineLevel="1">
      <c r="A3233" s="52" t="s">
        <v>711</v>
      </c>
      <c r="B3233" s="53">
        <v>-1213.9344262295001</v>
      </c>
      <c r="C3233" s="53">
        <v>-1213.9344262295001</v>
      </c>
      <c r="D3233" s="53">
        <v>-1213.9344262295001</v>
      </c>
      <c r="E3233" s="53">
        <v>-1213.9344262295001</v>
      </c>
      <c r="F3233" s="53">
        <v>-1213.9344262295001</v>
      </c>
      <c r="G3233" s="53">
        <v>-1213.9344262295001</v>
      </c>
      <c r="H3233" s="53">
        <v>-1213.9344262295001</v>
      </c>
      <c r="I3233" s="53">
        <v>-1213.9344262295001</v>
      </c>
      <c r="J3233" s="53">
        <v>-1213.9344262295001</v>
      </c>
      <c r="K3233" s="53">
        <v>-1213.9344262295001</v>
      </c>
      <c r="L3233" s="53">
        <v>-1213.9344262295001</v>
      </c>
      <c r="M3233" s="53">
        <v>-1213.9344262295001</v>
      </c>
      <c r="N3233" s="53">
        <v>-14567.213114754</v>
      </c>
      <c r="O3233" s="53">
        <v>-1213.9344262295001</v>
      </c>
      <c r="P3233" s="53">
        <v>-1213.9344262295001</v>
      </c>
      <c r="Q3233" s="53">
        <v>-1213.9344262295001</v>
      </c>
      <c r="R3233" s="53">
        <v>-1213.9344262295001</v>
      </c>
      <c r="S3233" s="53">
        <v>-1213.9344262295001</v>
      </c>
      <c r="T3233" s="53">
        <v>-1213.9344262295001</v>
      </c>
      <c r="U3233" s="53">
        <v>-1213.9344262295001</v>
      </c>
      <c r="V3233" s="53">
        <v>-1213.9344262295001</v>
      </c>
      <c r="W3233" s="53">
        <v>-1213.9344262295001</v>
      </c>
      <c r="X3233" s="53">
        <v>-1213.9344262295001</v>
      </c>
      <c r="Y3233" s="53">
        <v>-1213.9344262295001</v>
      </c>
      <c r="Z3233" s="53">
        <v>-1213.9344262295001</v>
      </c>
      <c r="AA3233" s="53">
        <v>-14567.213114754</v>
      </c>
      <c r="AB3233" s="53">
        <v>-1213.9344262295001</v>
      </c>
      <c r="AC3233" s="53">
        <v>-1213.9344262295001</v>
      </c>
      <c r="AD3233" s="53">
        <v>-1213.9344262295001</v>
      </c>
      <c r="AE3233" s="53">
        <v>-1213.9344262295001</v>
      </c>
      <c r="AF3233" s="53">
        <v>-1213.9344262295001</v>
      </c>
      <c r="AG3233" s="53">
        <v>-1213.9344262295001</v>
      </c>
      <c r="AH3233" s="53">
        <v>-1213.9344262295001</v>
      </c>
      <c r="AI3233" s="53">
        <v>-1213.9344262295001</v>
      </c>
      <c r="AJ3233" s="53">
        <v>-1213.9344262295001</v>
      </c>
      <c r="AK3233" s="53">
        <v>-1213.9344262295001</v>
      </c>
      <c r="AL3233" s="53">
        <v>-1213.9344262295001</v>
      </c>
      <c r="AM3233" s="53">
        <v>-1213.9344262295001</v>
      </c>
      <c r="AN3233" s="53">
        <v>-14567.213114754</v>
      </c>
      <c r="AO3233" s="53">
        <v>-1213.9344262295001</v>
      </c>
      <c r="AP3233" s="53">
        <v>-1213.9344262295001</v>
      </c>
      <c r="AQ3233" s="53">
        <v>-1213.9344262295001</v>
      </c>
      <c r="AR3233" s="53">
        <v>-1213.9344262295001</v>
      </c>
      <c r="AS3233" s="53">
        <v>-1213.9344262295001</v>
      </c>
      <c r="AT3233" s="53">
        <v>-1213.9344262295001</v>
      </c>
      <c r="AU3233" s="53">
        <v>-1213.9344262295001</v>
      </c>
      <c r="AV3233" s="53">
        <v>-1213.9344262295001</v>
      </c>
      <c r="AW3233" s="53">
        <v>-1213.9344262295001</v>
      </c>
      <c r="AX3233" s="53">
        <v>-1213.9344262295001</v>
      </c>
      <c r="AY3233" s="53">
        <v>-1213.9344262295001</v>
      </c>
      <c r="AZ3233" s="53">
        <v>-1213.9344262295001</v>
      </c>
      <c r="BA3233" s="53">
        <v>-14567.213114754</v>
      </c>
      <c r="BB3233" s="53">
        <v>-1213.9344262295001</v>
      </c>
      <c r="BC3233" s="53">
        <v>-1213.9344262295001</v>
      </c>
      <c r="BD3233" s="53">
        <v>-1213.9344262295001</v>
      </c>
      <c r="BE3233" s="53">
        <v>-1213.9344262295001</v>
      </c>
      <c r="BF3233" s="53">
        <v>-1213.9344262295001</v>
      </c>
      <c r="BG3233" s="53">
        <v>-1213.9344262295001</v>
      </c>
      <c r="BH3233" s="53">
        <v>-1213.9344262295001</v>
      </c>
      <c r="BI3233" s="53">
        <v>-1213.9344262295001</v>
      </c>
      <c r="BJ3233" s="53">
        <v>-1213.9344262295001</v>
      </c>
      <c r="BK3233" s="53">
        <v>-1213.9344262295001</v>
      </c>
      <c r="BL3233" s="53">
        <v>-1213.9344262295001</v>
      </c>
      <c r="BM3233" s="53">
        <v>-1213.9344262295001</v>
      </c>
      <c r="BN3233" s="53">
        <v>-14567.2131147541</v>
      </c>
      <c r="BO3233" s="53">
        <v>-1213.9344262295001</v>
      </c>
      <c r="BP3233" s="53"/>
      <c r="BQ3233" s="53"/>
      <c r="BR3233" s="53"/>
      <c r="BS3233" s="53"/>
      <c r="BT3233" s="53"/>
      <c r="BU3233" s="53"/>
      <c r="BV3233" s="53"/>
      <c r="BW3233" s="53"/>
      <c r="BX3233" s="53"/>
      <c r="BY3233" s="53"/>
      <c r="BZ3233" s="53"/>
      <c r="CA3233" s="53">
        <v>-1213.9344262295001</v>
      </c>
      <c r="CB3233" s="53"/>
      <c r="CC3233" s="53"/>
      <c r="CD3233" s="53"/>
      <c r="CE3233" s="53"/>
      <c r="CF3233" s="53"/>
      <c r="CG3233" s="53"/>
      <c r="CH3233" s="53"/>
      <c r="CI3233" s="53"/>
      <c r="CJ3233" s="53"/>
      <c r="CK3233" s="53"/>
      <c r="CL3233" s="53"/>
      <c r="CM3233" s="53"/>
      <c r="CN3233" s="53"/>
    </row>
    <row r="3234" spans="1:92" outlineLevel="1">
      <c r="A3234" s="52" t="s">
        <v>712</v>
      </c>
      <c r="B3234" s="53">
        <v>-1583.1557377049101</v>
      </c>
      <c r="C3234" s="53">
        <v>-1583.1557377049101</v>
      </c>
      <c r="D3234" s="53">
        <v>-1583.1557377049101</v>
      </c>
      <c r="E3234" s="53">
        <v>-1583.1557377049101</v>
      </c>
      <c r="F3234" s="53">
        <v>-1583.1557377049101</v>
      </c>
      <c r="G3234" s="53">
        <v>-1583.1557377049101</v>
      </c>
      <c r="H3234" s="53">
        <v>-1583.1557377049101</v>
      </c>
      <c r="I3234" s="53">
        <v>-1583.1557377049101</v>
      </c>
      <c r="J3234" s="53">
        <v>-1583.1557377049101</v>
      </c>
      <c r="K3234" s="53">
        <v>-1583.1557377049101</v>
      </c>
      <c r="L3234" s="53">
        <v>-1583.1557377049101</v>
      </c>
      <c r="M3234" s="53">
        <v>-1583.1557377049101</v>
      </c>
      <c r="N3234" s="53">
        <v>-18997.868852459</v>
      </c>
      <c r="O3234" s="53">
        <v>-1583.1557377049101</v>
      </c>
      <c r="P3234" s="53">
        <v>-1583.1557377049101</v>
      </c>
      <c r="Q3234" s="53">
        <v>-1583.1557377049101</v>
      </c>
      <c r="R3234" s="53">
        <v>-1583.1557377049101</v>
      </c>
      <c r="S3234" s="53">
        <v>-1583.1557377049101</v>
      </c>
      <c r="T3234" s="53">
        <v>-1583.1557377049101</v>
      </c>
      <c r="U3234" s="53">
        <v>-1583.1557377049101</v>
      </c>
      <c r="V3234" s="53">
        <v>-1583.1557377049101</v>
      </c>
      <c r="W3234" s="53">
        <v>-1583.1557377049101</v>
      </c>
      <c r="X3234" s="53">
        <v>-1583.1557377049101</v>
      </c>
      <c r="Y3234" s="53">
        <v>-1583.1557377049101</v>
      </c>
      <c r="Z3234" s="53">
        <v>-1583.1557377049101</v>
      </c>
      <c r="AA3234" s="53">
        <v>-18997.868852459</v>
      </c>
      <c r="AB3234" s="53">
        <v>-1583.1557377049101</v>
      </c>
      <c r="AC3234" s="53">
        <v>-1583.1557377049101</v>
      </c>
      <c r="AD3234" s="53">
        <v>-1583.1557377049101</v>
      </c>
      <c r="AE3234" s="53">
        <v>-1583.1557377049101</v>
      </c>
      <c r="AF3234" s="53">
        <v>-1583.1557377049101</v>
      </c>
      <c r="AG3234" s="53">
        <v>-1583.1557377049101</v>
      </c>
      <c r="AH3234" s="53">
        <v>-1583.1557377049101</v>
      </c>
      <c r="AI3234" s="53">
        <v>-1583.1557377049101</v>
      </c>
      <c r="AJ3234" s="53">
        <v>-1583.1557377049101</v>
      </c>
      <c r="AK3234" s="53">
        <v>-1583.1557377049101</v>
      </c>
      <c r="AL3234" s="53">
        <v>-1583.1557377049101</v>
      </c>
      <c r="AM3234" s="53">
        <v>-1583.1557377049101</v>
      </c>
      <c r="AN3234" s="53">
        <v>-18997.868852459</v>
      </c>
      <c r="AO3234" s="53">
        <v>-1583.1557377049101</v>
      </c>
      <c r="AP3234" s="53">
        <v>-1583.1557377049201</v>
      </c>
      <c r="AQ3234" s="53">
        <v>-1583.1557377049201</v>
      </c>
      <c r="AR3234" s="53">
        <v>-1583.1557377049201</v>
      </c>
      <c r="AS3234" s="53">
        <v>-1583.1557377049201</v>
      </c>
      <c r="AT3234" s="53">
        <v>-1583.1557377049201</v>
      </c>
      <c r="AU3234" s="53">
        <v>-1583.1557377049201</v>
      </c>
      <c r="AV3234" s="53">
        <v>-1583.1557377049201</v>
      </c>
      <c r="AW3234" s="53">
        <v>-1583.1557377049201</v>
      </c>
      <c r="AX3234" s="53">
        <v>-1583.1557377049201</v>
      </c>
      <c r="AY3234" s="53">
        <v>-1583.1557377049201</v>
      </c>
      <c r="AZ3234" s="53">
        <v>-1583.1557377049201</v>
      </c>
      <c r="BA3234" s="53">
        <v>-18997.868852459</v>
      </c>
      <c r="BB3234" s="53">
        <v>-1583.1557377049201</v>
      </c>
      <c r="BC3234" s="53">
        <v>-1583.1557377049201</v>
      </c>
      <c r="BD3234" s="53">
        <v>-1583.1557377049201</v>
      </c>
      <c r="BE3234" s="53">
        <v>-1583.1557377049201</v>
      </c>
      <c r="BF3234" s="53">
        <v>-1583.1557377049201</v>
      </c>
      <c r="BG3234" s="53">
        <v>-1583.1557377049201</v>
      </c>
      <c r="BH3234" s="53">
        <v>-1583.1557377049201</v>
      </c>
      <c r="BI3234" s="53">
        <v>-1583.1557377049201</v>
      </c>
      <c r="BJ3234" s="53">
        <v>-1583.1557377049201</v>
      </c>
      <c r="BK3234" s="53">
        <v>-1583.1557377049201</v>
      </c>
      <c r="BL3234" s="53">
        <v>-1583.1557377049201</v>
      </c>
      <c r="BM3234" s="53">
        <v>-1583.1557377049201</v>
      </c>
      <c r="BN3234" s="53">
        <v>-18997.868852459</v>
      </c>
      <c r="BO3234" s="53">
        <v>-1583.1557377049201</v>
      </c>
      <c r="BP3234" s="53">
        <v>-1583.1557377049201</v>
      </c>
      <c r="BQ3234" s="53">
        <v>-1583.1557377049201</v>
      </c>
      <c r="BR3234" s="53">
        <v>-1583.1557377049201</v>
      </c>
      <c r="BS3234" s="53">
        <v>-1583.1557377049201</v>
      </c>
      <c r="BT3234" s="53">
        <v>-1583.1557377049201</v>
      </c>
      <c r="BU3234" s="53">
        <v>-1583.1557377049201</v>
      </c>
      <c r="BV3234" s="53">
        <v>-1583.1557377049201</v>
      </c>
      <c r="BW3234" s="53">
        <v>-1583.1557377049201</v>
      </c>
      <c r="BX3234" s="53">
        <v>-1583.1557377049201</v>
      </c>
      <c r="BY3234" s="53">
        <v>-1583.1557377049201</v>
      </c>
      <c r="BZ3234" s="53">
        <v>-1583.1557377049201</v>
      </c>
      <c r="CA3234" s="53">
        <v>-18997.868852459</v>
      </c>
      <c r="CB3234" s="53">
        <v>3372083.3333333302</v>
      </c>
      <c r="CC3234" s="53">
        <v>3372083.3333333302</v>
      </c>
      <c r="CD3234" s="53">
        <v>3372083.3333333302</v>
      </c>
      <c r="CE3234" s="53">
        <v>3372083.3333333302</v>
      </c>
      <c r="CF3234" s="53">
        <v>3372083.3333333302</v>
      </c>
      <c r="CG3234" s="53">
        <v>3372083.3333333302</v>
      </c>
      <c r="CH3234" s="53">
        <v>3372083.3333333302</v>
      </c>
      <c r="CI3234" s="53">
        <v>3372083.3333333302</v>
      </c>
      <c r="CJ3234" s="53">
        <v>3372083.3333333302</v>
      </c>
      <c r="CK3234" s="53">
        <v>3372083.3333333302</v>
      </c>
      <c r="CL3234" s="53">
        <v>3372083.3333333302</v>
      </c>
      <c r="CM3234" s="53">
        <v>3372083.3333333302</v>
      </c>
      <c r="CN3234" s="53">
        <v>40465000</v>
      </c>
    </row>
    <row r="3235" spans="1:92" outlineLevel="1">
      <c r="A3235" s="52" t="s">
        <v>713</v>
      </c>
      <c r="B3235" s="53">
        <v>-1833.3881019830001</v>
      </c>
      <c r="C3235" s="53">
        <v>-1833.3881019830001</v>
      </c>
      <c r="D3235" s="53">
        <v>-1833.3881019830001</v>
      </c>
      <c r="E3235" s="53">
        <v>-1833.3881019830001</v>
      </c>
      <c r="F3235" s="53">
        <v>-1833.3881019830001</v>
      </c>
      <c r="G3235" s="53">
        <v>-1833.3881019830001</v>
      </c>
      <c r="H3235" s="53">
        <v>-1833.3881019830001</v>
      </c>
      <c r="I3235" s="53">
        <v>-1833.3881019830001</v>
      </c>
      <c r="J3235" s="53">
        <v>-1833.3881019830001</v>
      </c>
      <c r="K3235" s="53">
        <v>-1833.3881019830001</v>
      </c>
      <c r="L3235" s="53">
        <v>-1833.3881019830001</v>
      </c>
      <c r="M3235" s="53">
        <v>-1833.3881019830001</v>
      </c>
      <c r="N3235" s="53">
        <v>-22000.657223795999</v>
      </c>
      <c r="O3235" s="53">
        <v>-1833.3881019830001</v>
      </c>
      <c r="P3235" s="53">
        <v>-1833.3881019830001</v>
      </c>
      <c r="Q3235" s="53">
        <v>-1833.3881019830001</v>
      </c>
      <c r="R3235" s="53">
        <v>-1833.3881019830001</v>
      </c>
      <c r="S3235" s="53">
        <v>-1833.3881019830001</v>
      </c>
      <c r="T3235" s="53">
        <v>-1833.3881019830001</v>
      </c>
      <c r="U3235" s="53">
        <v>-1833.3881019830001</v>
      </c>
      <c r="V3235" s="53">
        <v>-1833.3881019830001</v>
      </c>
      <c r="W3235" s="53">
        <v>-1833.3881019830001</v>
      </c>
      <c r="X3235" s="53">
        <v>-1833.3881019830001</v>
      </c>
      <c r="Y3235" s="53">
        <v>-1833.3881019830001</v>
      </c>
      <c r="Z3235" s="53">
        <v>-1833.3881019830001</v>
      </c>
      <c r="AA3235" s="53">
        <v>-22000.657223795999</v>
      </c>
      <c r="AB3235" s="53">
        <v>-1833.3881019830001</v>
      </c>
      <c r="AC3235" s="53">
        <v>-1833.3881019830001</v>
      </c>
      <c r="AD3235" s="53">
        <v>-1833.3881019830001</v>
      </c>
      <c r="AE3235" s="53">
        <v>-1833.3881019830001</v>
      </c>
      <c r="AF3235" s="53">
        <v>-1833.3881019829901</v>
      </c>
      <c r="AG3235" s="53">
        <v>-1833.3881019829901</v>
      </c>
      <c r="AH3235" s="53">
        <v>-1833.3881019829901</v>
      </c>
      <c r="AI3235" s="53">
        <v>-1833.3881019829901</v>
      </c>
      <c r="AJ3235" s="53">
        <v>-1833.3881019829901</v>
      </c>
      <c r="AK3235" s="53">
        <v>-1833.3881019829901</v>
      </c>
      <c r="AL3235" s="53">
        <v>-1833.3881019829901</v>
      </c>
      <c r="AM3235" s="53">
        <v>-1833.3881019829901</v>
      </c>
      <c r="AN3235" s="53">
        <v>-22000.657223795999</v>
      </c>
      <c r="AO3235" s="53">
        <v>-1833.3881019829901</v>
      </c>
      <c r="AP3235" s="53">
        <v>-1833.3881019829901</v>
      </c>
      <c r="AQ3235" s="53">
        <v>-1833.3881019829901</v>
      </c>
      <c r="AR3235" s="53">
        <v>-1833.3881019829901</v>
      </c>
      <c r="AS3235" s="53">
        <v>-1833.3881019829901</v>
      </c>
      <c r="AT3235" s="53">
        <v>-1833.3881019829901</v>
      </c>
      <c r="AU3235" s="53">
        <v>-1833.3881019829901</v>
      </c>
      <c r="AV3235" s="53">
        <v>-1833.3881019829901</v>
      </c>
      <c r="AW3235" s="53">
        <v>-1833.3881019829901</v>
      </c>
      <c r="AX3235" s="53">
        <v>-1833.3881019829901</v>
      </c>
      <c r="AY3235" s="53">
        <v>-1833.3881019829901</v>
      </c>
      <c r="AZ3235" s="53">
        <v>-1833.3881019829901</v>
      </c>
      <c r="BA3235" s="53">
        <v>-22000.657223795901</v>
      </c>
      <c r="BB3235" s="53">
        <v>-1833.3881019829901</v>
      </c>
      <c r="BC3235" s="53">
        <v>-1833.3881019829901</v>
      </c>
      <c r="BD3235" s="53">
        <v>-1833.3881019829901</v>
      </c>
      <c r="BE3235" s="53">
        <v>-1833.3881019829901</v>
      </c>
      <c r="BF3235" s="53">
        <v>-1833.3881019829901</v>
      </c>
      <c r="BG3235" s="53">
        <v>-1833.3881019830001</v>
      </c>
      <c r="BH3235" s="53">
        <v>-1833.3881019830001</v>
      </c>
      <c r="BI3235" s="53">
        <v>-1833.3881019830001</v>
      </c>
      <c r="BJ3235" s="53">
        <v>-1833.3881019830001</v>
      </c>
      <c r="BK3235" s="53">
        <v>-1833.3881019830001</v>
      </c>
      <c r="BL3235" s="53">
        <v>-1833.3881019830001</v>
      </c>
      <c r="BM3235" s="53">
        <v>-1833.3881019830001</v>
      </c>
      <c r="BN3235" s="53">
        <v>-22000.657223795999</v>
      </c>
      <c r="BO3235" s="53">
        <v>-1833.3881019830001</v>
      </c>
      <c r="BP3235" s="53">
        <v>-1833.3881019830001</v>
      </c>
      <c r="BQ3235" s="53">
        <v>-1833.3881019830001</v>
      </c>
      <c r="BR3235" s="53">
        <v>-1833.3881019830001</v>
      </c>
      <c r="BS3235" s="53">
        <v>-1833.3881019830001</v>
      </c>
      <c r="BT3235" s="53">
        <v>-1833.3881019830001</v>
      </c>
      <c r="BU3235" s="53">
        <v>-1833.3881019830001</v>
      </c>
      <c r="BV3235" s="53">
        <v>-1833.3881019830001</v>
      </c>
      <c r="BW3235" s="53">
        <v>-1833.3881019830001</v>
      </c>
      <c r="BX3235" s="53">
        <v>-1833.3881019830001</v>
      </c>
      <c r="BY3235" s="53">
        <v>-1833.3881019830001</v>
      </c>
      <c r="BZ3235" s="53">
        <v>-1833.3881019830001</v>
      </c>
      <c r="CA3235" s="53">
        <v>-22000.657223795999</v>
      </c>
      <c r="CB3235" s="53"/>
      <c r="CC3235" s="53"/>
      <c r="CD3235" s="53"/>
      <c r="CE3235" s="53"/>
      <c r="CF3235" s="53"/>
      <c r="CG3235" s="53"/>
      <c r="CH3235" s="53"/>
      <c r="CI3235" s="53"/>
      <c r="CJ3235" s="53"/>
      <c r="CK3235" s="53"/>
      <c r="CL3235" s="53"/>
      <c r="CM3235" s="53"/>
      <c r="CN3235" s="53"/>
    </row>
    <row r="3236" spans="1:92" outlineLevel="1">
      <c r="A3236" s="52" t="s">
        <v>716</v>
      </c>
      <c r="B3236" s="53">
        <v>-11723.4555256064</v>
      </c>
      <c r="C3236" s="53">
        <v>-11723.4555256064</v>
      </c>
      <c r="D3236" s="53">
        <v>-11723.4555256064</v>
      </c>
      <c r="E3236" s="53">
        <v>-11723.4555256064</v>
      </c>
      <c r="F3236" s="53">
        <v>-11723.4555256064</v>
      </c>
      <c r="G3236" s="53">
        <v>-11723.4555256064</v>
      </c>
      <c r="H3236" s="53">
        <v>-11723.4555256064</v>
      </c>
      <c r="I3236" s="53">
        <v>-11723.4555256064</v>
      </c>
      <c r="J3236" s="53">
        <v>-11723.4555256064</v>
      </c>
      <c r="K3236" s="53">
        <v>-11723.4555256064</v>
      </c>
      <c r="L3236" s="53">
        <v>-11723.4555256064</v>
      </c>
      <c r="M3236" s="53">
        <v>-11723.4555256064</v>
      </c>
      <c r="N3236" s="53">
        <v>-140681.46630727701</v>
      </c>
      <c r="O3236" s="53">
        <v>-11723.4555256064</v>
      </c>
      <c r="P3236" s="53">
        <v>-11723.4555256064</v>
      </c>
      <c r="Q3236" s="53">
        <v>-11723.4555256064</v>
      </c>
      <c r="R3236" s="53">
        <v>-11723.4555256064</v>
      </c>
      <c r="S3236" s="53">
        <v>-11723.4555256064</v>
      </c>
      <c r="T3236" s="53">
        <v>-11723.4555256064</v>
      </c>
      <c r="U3236" s="53">
        <v>-11723.4555256064</v>
      </c>
      <c r="V3236" s="53">
        <v>-11723.4555256064</v>
      </c>
      <c r="W3236" s="53">
        <v>-11723.4555256064</v>
      </c>
      <c r="X3236" s="53">
        <v>-11723.4555256064</v>
      </c>
      <c r="Y3236" s="53">
        <v>-11723.4555256064</v>
      </c>
      <c r="Z3236" s="53">
        <v>-11723.4555256064</v>
      </c>
      <c r="AA3236" s="53">
        <v>-140681.46630727701</v>
      </c>
      <c r="AB3236" s="53">
        <v>-11723.4555256064</v>
      </c>
      <c r="AC3236" s="53">
        <v>-11723.4555256064</v>
      </c>
      <c r="AD3236" s="53">
        <v>-11723.4555256064</v>
      </c>
      <c r="AE3236" s="53">
        <v>-11723.4555256064</v>
      </c>
      <c r="AF3236" s="53">
        <v>-11723.4555256064</v>
      </c>
      <c r="AG3236" s="53">
        <v>-11723.4555256064</v>
      </c>
      <c r="AH3236" s="53">
        <v>-11723.4555256064</v>
      </c>
      <c r="AI3236" s="53">
        <v>-11723.4555256064</v>
      </c>
      <c r="AJ3236" s="53">
        <v>-11723.4555256064</v>
      </c>
      <c r="AK3236" s="53">
        <v>-11723.4555256064</v>
      </c>
      <c r="AL3236" s="53">
        <v>-11723.4555256064</v>
      </c>
      <c r="AM3236" s="53">
        <v>-11723.4555256064</v>
      </c>
      <c r="AN3236" s="53">
        <v>-140681.46630727701</v>
      </c>
      <c r="AO3236" s="53">
        <v>-11723.4555256064</v>
      </c>
      <c r="AP3236" s="53">
        <v>-11723.4555256064</v>
      </c>
      <c r="AQ3236" s="53">
        <v>-11723.4555256064</v>
      </c>
      <c r="AR3236" s="53">
        <v>-11723.4555256064</v>
      </c>
      <c r="AS3236" s="53">
        <v>-11723.4555256064</v>
      </c>
      <c r="AT3236" s="53">
        <v>-11723.4555256064</v>
      </c>
      <c r="AU3236" s="53">
        <v>-11723.4555256064</v>
      </c>
      <c r="AV3236" s="53">
        <v>-11723.4555256064</v>
      </c>
      <c r="AW3236" s="53">
        <v>-11723.4555256064</v>
      </c>
      <c r="AX3236" s="53">
        <v>-11723.4555256064</v>
      </c>
      <c r="AY3236" s="53">
        <v>-11723.4555256064</v>
      </c>
      <c r="AZ3236" s="53">
        <v>-11723.4555256064</v>
      </c>
      <c r="BA3236" s="53">
        <v>-140681.46630727701</v>
      </c>
      <c r="BB3236" s="53">
        <v>-11723.4555256064</v>
      </c>
      <c r="BC3236" s="53">
        <v>-11723.4555256064</v>
      </c>
      <c r="BD3236" s="53">
        <v>-11723.4555256064</v>
      </c>
      <c r="BE3236" s="53">
        <v>-11723.4555256064</v>
      </c>
      <c r="BF3236" s="53">
        <v>-11723.4555256064</v>
      </c>
      <c r="BG3236" s="53">
        <v>-11723.4555256064</v>
      </c>
      <c r="BH3236" s="53">
        <v>-11723.4555256064</v>
      </c>
      <c r="BI3236" s="53">
        <v>-11723.4555256064</v>
      </c>
      <c r="BJ3236" s="53">
        <v>-11723.4555256064</v>
      </c>
      <c r="BK3236" s="53">
        <v>-11723.4555256064</v>
      </c>
      <c r="BL3236" s="53">
        <v>-11723.4555256064</v>
      </c>
      <c r="BM3236" s="53">
        <v>-11723.4555256064</v>
      </c>
      <c r="BN3236" s="53">
        <v>-140681.46630727701</v>
      </c>
      <c r="BO3236" s="53">
        <v>-11723.4555256064</v>
      </c>
      <c r="BP3236" s="53">
        <v>-11723.4555256064</v>
      </c>
      <c r="BQ3236" s="53">
        <v>-11723.4555256064</v>
      </c>
      <c r="BR3236" s="53">
        <v>-11723.4555256064</v>
      </c>
      <c r="BS3236" s="53">
        <v>-11723.4555256064</v>
      </c>
      <c r="BT3236" s="53">
        <v>-11723.4555256064</v>
      </c>
      <c r="BU3236" s="53">
        <v>-11723.4555256064</v>
      </c>
      <c r="BV3236" s="53">
        <v>-11723.4555256064</v>
      </c>
      <c r="BW3236" s="53">
        <v>-11723.4555256064</v>
      </c>
      <c r="BX3236" s="53">
        <v>-11723.4555256064</v>
      </c>
      <c r="BY3236" s="53">
        <v>-11723.4555256064</v>
      </c>
      <c r="BZ3236" s="53">
        <v>-11723.4555256064</v>
      </c>
      <c r="CA3236" s="53">
        <v>-140681.46630727701</v>
      </c>
      <c r="CB3236" s="53">
        <v>-1903376.24999999</v>
      </c>
      <c r="CC3236" s="53">
        <v>-1903376.24999999</v>
      </c>
      <c r="CD3236" s="53">
        <v>-1903376.24999999</v>
      </c>
      <c r="CE3236" s="53">
        <v>-1903376.24999999</v>
      </c>
      <c r="CF3236" s="53">
        <v>-1903376.24999999</v>
      </c>
      <c r="CG3236" s="53">
        <v>-1903376.24999999</v>
      </c>
      <c r="CH3236" s="53">
        <v>-1903376.24999999</v>
      </c>
      <c r="CI3236" s="53">
        <v>-1903376.24999999</v>
      </c>
      <c r="CJ3236" s="53">
        <v>-1903376.24999999</v>
      </c>
      <c r="CK3236" s="53">
        <v>-1903376.24999999</v>
      </c>
      <c r="CL3236" s="53">
        <v>-1903376.24999999</v>
      </c>
      <c r="CM3236" s="53">
        <v>-1903376.24999999</v>
      </c>
      <c r="CN3236" s="53">
        <v>-22840515</v>
      </c>
    </row>
    <row r="3237" spans="1:92" outlineLevel="1">
      <c r="A3237" s="52" t="s">
        <v>717</v>
      </c>
      <c r="B3237" s="53">
        <v>-4051.8260869565202</v>
      </c>
      <c r="C3237" s="53">
        <v>-4051.8260869565202</v>
      </c>
      <c r="D3237" s="53">
        <v>-4051.8260869565202</v>
      </c>
      <c r="E3237" s="53">
        <v>-4051.8260869565202</v>
      </c>
      <c r="F3237" s="53">
        <v>-4051.8260869565202</v>
      </c>
      <c r="G3237" s="53">
        <v>-4051.8260869565202</v>
      </c>
      <c r="H3237" s="53">
        <v>-4051.8260869565202</v>
      </c>
      <c r="I3237" s="53">
        <v>-4051.8260869565202</v>
      </c>
      <c r="J3237" s="53">
        <v>-4051.8260869565102</v>
      </c>
      <c r="K3237" s="53">
        <v>-4051.8260869565102</v>
      </c>
      <c r="L3237" s="53">
        <v>-4051.8260869565102</v>
      </c>
      <c r="M3237" s="53">
        <v>-4051.8260869565102</v>
      </c>
      <c r="N3237" s="53">
        <v>-48621.913043478198</v>
      </c>
      <c r="O3237" s="53">
        <v>-4051.8260869565102</v>
      </c>
      <c r="P3237" s="53">
        <v>-4051.8260869565102</v>
      </c>
      <c r="Q3237" s="53">
        <v>-4051.8260869565102</v>
      </c>
      <c r="R3237" s="53">
        <v>-4051.8260869565102</v>
      </c>
      <c r="S3237" s="53">
        <v>-4051.8260869565102</v>
      </c>
      <c r="T3237" s="53">
        <v>-4051.8260869565102</v>
      </c>
      <c r="U3237" s="53">
        <v>-4051.8260869565102</v>
      </c>
      <c r="V3237" s="53">
        <v>-4051.8260869565102</v>
      </c>
      <c r="W3237" s="53">
        <v>-4051.8260869565102</v>
      </c>
      <c r="X3237" s="53">
        <v>-4051.8260869565102</v>
      </c>
      <c r="Y3237" s="53">
        <v>-4051.8260869565102</v>
      </c>
      <c r="Z3237" s="53">
        <v>-4051.8260869565102</v>
      </c>
      <c r="AA3237" s="53">
        <v>-48621.913043478198</v>
      </c>
      <c r="AB3237" s="53">
        <v>-4051.8260869565102</v>
      </c>
      <c r="AC3237" s="53">
        <v>-4051.8260869565102</v>
      </c>
      <c r="AD3237" s="53">
        <v>-4051.8260869565102</v>
      </c>
      <c r="AE3237" s="53">
        <v>-4051.8260869565102</v>
      </c>
      <c r="AF3237" s="53">
        <v>-4051.8260869565102</v>
      </c>
      <c r="AG3237" s="53">
        <v>-4051.8260869565102</v>
      </c>
      <c r="AH3237" s="53">
        <v>-4051.8260869565102</v>
      </c>
      <c r="AI3237" s="53">
        <v>-4051.8260869565102</v>
      </c>
      <c r="AJ3237" s="53">
        <v>-4051.8260869565102</v>
      </c>
      <c r="AK3237" s="53">
        <v>-4051.8260869565102</v>
      </c>
      <c r="AL3237" s="53">
        <v>-4051.8260869565102</v>
      </c>
      <c r="AM3237" s="53">
        <v>-4051.8260869565102</v>
      </c>
      <c r="AN3237" s="53">
        <v>-48621.913043478096</v>
      </c>
      <c r="AO3237" s="53">
        <v>-4051.8260869565102</v>
      </c>
      <c r="AP3237" s="53">
        <v>-4051.8260869565102</v>
      </c>
      <c r="AQ3237" s="53">
        <v>-4051.8260869565102</v>
      </c>
      <c r="AR3237" s="53">
        <v>-4051.8260869565102</v>
      </c>
      <c r="AS3237" s="53">
        <v>-4051.8260869565102</v>
      </c>
      <c r="AT3237" s="53">
        <v>-4051.8260869565102</v>
      </c>
      <c r="AU3237" s="53">
        <v>-4051.8260869565001</v>
      </c>
      <c r="AV3237" s="53">
        <v>-4051.8260869565001</v>
      </c>
      <c r="AW3237" s="53">
        <v>-4051.8260869565001</v>
      </c>
      <c r="AX3237" s="53">
        <v>-4051.8260869565102</v>
      </c>
      <c r="AY3237" s="53">
        <v>-4051.8260869565001</v>
      </c>
      <c r="AZ3237" s="53">
        <v>-4051.8260869565001</v>
      </c>
      <c r="BA3237" s="53">
        <v>-48621.913043478096</v>
      </c>
      <c r="BB3237" s="53">
        <v>-4051.8260869565102</v>
      </c>
      <c r="BC3237" s="53">
        <v>-4051.8260869565001</v>
      </c>
      <c r="BD3237" s="53">
        <v>-4051.8260869565001</v>
      </c>
      <c r="BE3237" s="53">
        <v>-4051.8260869565001</v>
      </c>
      <c r="BF3237" s="53">
        <v>-4051.8260869565001</v>
      </c>
      <c r="BG3237" s="53">
        <v>-4051.8260869565102</v>
      </c>
      <c r="BH3237" s="53">
        <v>-4051.8260869565102</v>
      </c>
      <c r="BI3237" s="53">
        <v>-4051.8260869565001</v>
      </c>
      <c r="BJ3237" s="53">
        <v>-4051.8260869565001</v>
      </c>
      <c r="BK3237" s="53">
        <v>-4051.8260869565102</v>
      </c>
      <c r="BL3237" s="53">
        <v>-4051.8260869565001</v>
      </c>
      <c r="BM3237" s="53">
        <v>-4051.8260869565001</v>
      </c>
      <c r="BN3237" s="53">
        <v>-48621.913043478096</v>
      </c>
      <c r="BO3237" s="53">
        <v>-4051.8260869565001</v>
      </c>
      <c r="BP3237" s="53">
        <v>-4051.8260869565102</v>
      </c>
      <c r="BQ3237" s="53">
        <v>-4051.8260869565001</v>
      </c>
      <c r="BR3237" s="53">
        <v>-4051.8260869565001</v>
      </c>
      <c r="BS3237" s="53">
        <v>-4051.8260869565001</v>
      </c>
      <c r="BT3237" s="53">
        <v>-4051.8260869565102</v>
      </c>
      <c r="BU3237" s="53">
        <v>-4051.8260869565001</v>
      </c>
      <c r="BV3237" s="53">
        <v>-4051.8260869565001</v>
      </c>
      <c r="BW3237" s="53">
        <v>-4051.8260869565102</v>
      </c>
      <c r="BX3237" s="53">
        <v>-4051.8260869565001</v>
      </c>
      <c r="BY3237" s="53">
        <v>-4051.8260869565001</v>
      </c>
      <c r="BZ3237" s="53">
        <v>-4051.8260869565001</v>
      </c>
      <c r="CA3237" s="53">
        <v>-48621.913043478096</v>
      </c>
      <c r="CB3237" s="53"/>
      <c r="CC3237" s="53"/>
      <c r="CD3237" s="53"/>
      <c r="CE3237" s="53"/>
      <c r="CF3237" s="53"/>
      <c r="CG3237" s="53"/>
      <c r="CH3237" s="53"/>
      <c r="CI3237" s="53"/>
      <c r="CJ3237" s="53"/>
      <c r="CK3237" s="53"/>
      <c r="CL3237" s="53"/>
      <c r="CM3237" s="53"/>
      <c r="CN3237" s="53"/>
    </row>
    <row r="3238" spans="1:92" outlineLevel="1">
      <c r="A3238" s="52" t="s">
        <v>718</v>
      </c>
      <c r="B3238" s="53">
        <v>-3523.4088050314399</v>
      </c>
      <c r="C3238" s="53">
        <v>-3523.4088050314399</v>
      </c>
      <c r="D3238" s="53">
        <v>-3523.4088050314399</v>
      </c>
      <c r="E3238" s="53">
        <v>-3523.4088050314399</v>
      </c>
      <c r="F3238" s="53">
        <v>-3523.4088050314399</v>
      </c>
      <c r="G3238" s="53">
        <v>-3523.4088050314399</v>
      </c>
      <c r="H3238" s="53">
        <v>-3523.4088050314399</v>
      </c>
      <c r="I3238" s="53">
        <v>-3523.4088050314399</v>
      </c>
      <c r="J3238" s="53">
        <v>-3523.4088050314399</v>
      </c>
      <c r="K3238" s="53">
        <v>-3523.4088050314399</v>
      </c>
      <c r="L3238" s="53">
        <v>-3523.4088050314399</v>
      </c>
      <c r="M3238" s="53">
        <v>-3523.4088050314399</v>
      </c>
      <c r="N3238" s="53">
        <v>-42280.905660377299</v>
      </c>
      <c r="O3238" s="53">
        <v>-3523.4088050314399</v>
      </c>
      <c r="P3238" s="53">
        <v>-3523.4088050314399</v>
      </c>
      <c r="Q3238" s="53">
        <v>-3523.4088050314399</v>
      </c>
      <c r="R3238" s="53">
        <v>-3523.4088050314399</v>
      </c>
      <c r="S3238" s="53">
        <v>-3523.4088050314399</v>
      </c>
      <c r="T3238" s="53">
        <v>-3523.4088050314399</v>
      </c>
      <c r="U3238" s="53">
        <v>-3523.4088050314499</v>
      </c>
      <c r="V3238" s="53">
        <v>-3523.4088050314399</v>
      </c>
      <c r="W3238" s="53">
        <v>-3523.4088050314499</v>
      </c>
      <c r="X3238" s="53">
        <v>-3523.4088050314499</v>
      </c>
      <c r="Y3238" s="53">
        <v>-3523.4088050314499</v>
      </c>
      <c r="Z3238" s="53">
        <v>-3523.4088050314499</v>
      </c>
      <c r="AA3238" s="53">
        <v>-42280.905660377401</v>
      </c>
      <c r="AB3238" s="53">
        <v>-3523.4088050314499</v>
      </c>
      <c r="AC3238" s="53">
        <v>-3523.4088050314499</v>
      </c>
      <c r="AD3238" s="53">
        <v>-3523.4088050314499</v>
      </c>
      <c r="AE3238" s="53">
        <v>-3523.4088050314499</v>
      </c>
      <c r="AF3238" s="53">
        <v>-3523.4088050314499</v>
      </c>
      <c r="AG3238" s="53">
        <v>-3523.4088050314499</v>
      </c>
      <c r="AH3238" s="53">
        <v>-3523.4088050314499</v>
      </c>
      <c r="AI3238" s="53">
        <v>-3523.4088050314499</v>
      </c>
      <c r="AJ3238" s="53">
        <v>-3523.4088050314499</v>
      </c>
      <c r="AK3238" s="53">
        <v>-3523.4088050314499</v>
      </c>
      <c r="AL3238" s="53">
        <v>-3523.4088050314499</v>
      </c>
      <c r="AM3238" s="53">
        <v>-3523.4088050314499</v>
      </c>
      <c r="AN3238" s="53">
        <v>-42280.905660377401</v>
      </c>
      <c r="AO3238" s="53">
        <v>-3523.4088050314499</v>
      </c>
      <c r="AP3238" s="53">
        <v>-3523.4088050314499</v>
      </c>
      <c r="AQ3238" s="53">
        <v>-3523.4088050314499</v>
      </c>
      <c r="AR3238" s="53">
        <v>-3523.4088050314499</v>
      </c>
      <c r="AS3238" s="53">
        <v>-3523.4088050314499</v>
      </c>
      <c r="AT3238" s="53">
        <v>-3523.4088050314499</v>
      </c>
      <c r="AU3238" s="53">
        <v>-3523.4088050314499</v>
      </c>
      <c r="AV3238" s="53">
        <v>-3523.4088050314499</v>
      </c>
      <c r="AW3238" s="53">
        <v>-3523.4088050314499</v>
      </c>
      <c r="AX3238" s="53">
        <v>-3523.4088050314499</v>
      </c>
      <c r="AY3238" s="53">
        <v>-3523.4088050314499</v>
      </c>
      <c r="AZ3238" s="53">
        <v>-3523.4088050314499</v>
      </c>
      <c r="BA3238" s="53">
        <v>-42280.905660377401</v>
      </c>
      <c r="BB3238" s="53">
        <v>-3523.4088050314499</v>
      </c>
      <c r="BC3238" s="53">
        <v>-3523.4088050314499</v>
      </c>
      <c r="BD3238" s="53">
        <v>-3523.4088050314499</v>
      </c>
      <c r="BE3238" s="53">
        <v>-3523.4088050314499</v>
      </c>
      <c r="BF3238" s="53">
        <v>-3523.4088050314499</v>
      </c>
      <c r="BG3238" s="53">
        <v>-3523.4088050314499</v>
      </c>
      <c r="BH3238" s="53">
        <v>-3523.4088050314499</v>
      </c>
      <c r="BI3238" s="53">
        <v>-3523.4088050314499</v>
      </c>
      <c r="BJ3238" s="53">
        <v>-3523.4088050314499</v>
      </c>
      <c r="BK3238" s="53">
        <v>-3523.4088050314499</v>
      </c>
      <c r="BL3238" s="53">
        <v>-3523.4088050314499</v>
      </c>
      <c r="BM3238" s="53">
        <v>-3523.4088050314499</v>
      </c>
      <c r="BN3238" s="53">
        <v>-42280.905660377401</v>
      </c>
      <c r="BO3238" s="53">
        <v>-3523.4088050314499</v>
      </c>
      <c r="BP3238" s="53">
        <v>-3523.4088050314499</v>
      </c>
      <c r="BQ3238" s="53">
        <v>-3523.4088050314599</v>
      </c>
      <c r="BR3238" s="53">
        <v>-3523.4088050314599</v>
      </c>
      <c r="BS3238" s="53">
        <v>-3523.4088050314599</v>
      </c>
      <c r="BT3238" s="53">
        <v>-3523.4088050314599</v>
      </c>
      <c r="BU3238" s="53">
        <v>-3523.4088050314599</v>
      </c>
      <c r="BV3238" s="53">
        <v>-3523.4088050314599</v>
      </c>
      <c r="BW3238" s="53">
        <v>-3523.4088050314599</v>
      </c>
      <c r="BX3238" s="53">
        <v>-3523.4088050314599</v>
      </c>
      <c r="BY3238" s="53">
        <v>-3523.4088050314599</v>
      </c>
      <c r="BZ3238" s="53">
        <v>-3523.4088050314599</v>
      </c>
      <c r="CA3238" s="53">
        <v>-42280.905660377502</v>
      </c>
      <c r="CB3238" s="53"/>
      <c r="CC3238" s="53"/>
      <c r="CD3238" s="53"/>
      <c r="CE3238" s="53"/>
      <c r="CF3238" s="53"/>
      <c r="CG3238" s="53"/>
      <c r="CH3238" s="53"/>
      <c r="CI3238" s="53"/>
      <c r="CJ3238" s="53"/>
      <c r="CK3238" s="53"/>
      <c r="CL3238" s="53"/>
      <c r="CM3238" s="53"/>
      <c r="CN3238" s="53"/>
    </row>
    <row r="3239" spans="1:92" outlineLevel="1">
      <c r="A3239" s="52" t="s">
        <v>721</v>
      </c>
      <c r="B3239" s="53">
        <v>-9347.6245614034997</v>
      </c>
      <c r="C3239" s="53">
        <v>-9347.6245614034997</v>
      </c>
      <c r="D3239" s="53">
        <v>-9347.6245614035106</v>
      </c>
      <c r="E3239" s="53">
        <v>-9347.6245614035106</v>
      </c>
      <c r="F3239" s="53">
        <v>-9347.6245614035106</v>
      </c>
      <c r="G3239" s="53">
        <v>-9347.6245614035106</v>
      </c>
      <c r="H3239" s="53">
        <v>-9347.6245614035106</v>
      </c>
      <c r="I3239" s="53">
        <v>-9347.6245614035106</v>
      </c>
      <c r="J3239" s="53">
        <v>-9347.6245614035106</v>
      </c>
      <c r="K3239" s="53">
        <v>-9347.6245614035106</v>
      </c>
      <c r="L3239" s="53">
        <v>-9347.6245614035106</v>
      </c>
      <c r="M3239" s="53">
        <v>-9347.6245614035106</v>
      </c>
      <c r="N3239" s="53">
        <v>-112171.494736842</v>
      </c>
      <c r="O3239" s="53">
        <v>-9347.6245614035106</v>
      </c>
      <c r="P3239" s="53">
        <v>-9347.6245614035106</v>
      </c>
      <c r="Q3239" s="53">
        <v>-9347.6245614035106</v>
      </c>
      <c r="R3239" s="53">
        <v>-9347.6245614035197</v>
      </c>
      <c r="S3239" s="53">
        <v>-9347.6245614035197</v>
      </c>
      <c r="T3239" s="53">
        <v>-9347.6245614035197</v>
      </c>
      <c r="U3239" s="53">
        <v>-9347.6245614035197</v>
      </c>
      <c r="V3239" s="53">
        <v>-9347.6245614035197</v>
      </c>
      <c r="W3239" s="53">
        <v>-9347.6245614035197</v>
      </c>
      <c r="X3239" s="53">
        <v>-9347.6245614035197</v>
      </c>
      <c r="Y3239" s="53">
        <v>-9347.6245614035197</v>
      </c>
      <c r="Z3239" s="53">
        <v>-9347.6245614035197</v>
      </c>
      <c r="AA3239" s="53">
        <v>-112171.494736842</v>
      </c>
      <c r="AB3239" s="53">
        <v>-9347.6245614035197</v>
      </c>
      <c r="AC3239" s="53">
        <v>-9347.6245614035197</v>
      </c>
      <c r="AD3239" s="53">
        <v>-9347.6245614035197</v>
      </c>
      <c r="AE3239" s="53">
        <v>-9347.6245614035197</v>
      </c>
      <c r="AF3239" s="53">
        <v>-9347.6245614035197</v>
      </c>
      <c r="AG3239" s="53">
        <v>-9347.6245614035197</v>
      </c>
      <c r="AH3239" s="53">
        <v>-9347.6245614035197</v>
      </c>
      <c r="AI3239" s="53">
        <v>-9347.6245614035197</v>
      </c>
      <c r="AJ3239" s="53">
        <v>-9347.6245614035197</v>
      </c>
      <c r="AK3239" s="53">
        <v>-9347.6245614035197</v>
      </c>
      <c r="AL3239" s="53">
        <v>-9347.6245614035306</v>
      </c>
      <c r="AM3239" s="53">
        <v>-9347.6245614035306</v>
      </c>
      <c r="AN3239" s="53">
        <v>-112171.494736842</v>
      </c>
      <c r="AO3239" s="53">
        <v>-9347.6245614035306</v>
      </c>
      <c r="AP3239" s="53">
        <v>-9347.6245614035306</v>
      </c>
      <c r="AQ3239" s="53">
        <v>-9347.6245614035306</v>
      </c>
      <c r="AR3239" s="53">
        <v>-9347.6245614035306</v>
      </c>
      <c r="AS3239" s="53">
        <v>-9347.6245614035306</v>
      </c>
      <c r="AT3239" s="53">
        <v>-9347.6245614035306</v>
      </c>
      <c r="AU3239" s="53">
        <v>-9347.6245614035306</v>
      </c>
      <c r="AV3239" s="53">
        <v>-9347.6245614035306</v>
      </c>
      <c r="AW3239" s="53">
        <v>-9347.6245614035397</v>
      </c>
      <c r="AX3239" s="53">
        <v>-9347.6245614035397</v>
      </c>
      <c r="AY3239" s="53">
        <v>-9347.6245614035397</v>
      </c>
      <c r="AZ3239" s="53">
        <v>-9347.6245614035397</v>
      </c>
      <c r="BA3239" s="53">
        <v>-112171.494736842</v>
      </c>
      <c r="BB3239" s="53">
        <v>-9347.6245614035397</v>
      </c>
      <c r="BC3239" s="53">
        <v>-9347.6245614035397</v>
      </c>
      <c r="BD3239" s="53">
        <v>-9347.6245614035397</v>
      </c>
      <c r="BE3239" s="53">
        <v>-9347.6245614035397</v>
      </c>
      <c r="BF3239" s="53">
        <v>-9347.6245614035397</v>
      </c>
      <c r="BG3239" s="53">
        <v>-9347.6245614035397</v>
      </c>
      <c r="BH3239" s="53">
        <v>-9347.6245614035397</v>
      </c>
      <c r="BI3239" s="53">
        <v>-9347.6245614035397</v>
      </c>
      <c r="BJ3239" s="53">
        <v>-9347.6245614035397</v>
      </c>
      <c r="BK3239" s="53">
        <v>-9347.6245614035506</v>
      </c>
      <c r="BL3239" s="53">
        <v>-9347.6245614035506</v>
      </c>
      <c r="BM3239" s="53">
        <v>-9347.6245614035506</v>
      </c>
      <c r="BN3239" s="53">
        <v>-112171.494736842</v>
      </c>
      <c r="BO3239" s="53">
        <v>-9347.6245614035506</v>
      </c>
      <c r="BP3239" s="53">
        <v>-9347.6245614035506</v>
      </c>
      <c r="BQ3239" s="53">
        <v>-9347.6245614035506</v>
      </c>
      <c r="BR3239" s="53">
        <v>-9347.6245614035506</v>
      </c>
      <c r="BS3239" s="53">
        <v>-9347.6245614035597</v>
      </c>
      <c r="BT3239" s="53">
        <v>-9347.6245614035506</v>
      </c>
      <c r="BU3239" s="53">
        <v>-9347.6245614035506</v>
      </c>
      <c r="BV3239" s="53">
        <v>-9347.6245614035597</v>
      </c>
      <c r="BW3239" s="53">
        <v>-9347.6245614035597</v>
      </c>
      <c r="BX3239" s="53">
        <v>-9347.6245614035506</v>
      </c>
      <c r="BY3239" s="53">
        <v>-9347.6245614035597</v>
      </c>
      <c r="BZ3239" s="53">
        <v>-9347.6245614035506</v>
      </c>
      <c r="CA3239" s="53">
        <v>-112171.494736842</v>
      </c>
      <c r="CB3239" s="53"/>
      <c r="CC3239" s="53"/>
      <c r="CD3239" s="53"/>
      <c r="CE3239" s="53"/>
      <c r="CF3239" s="53"/>
      <c r="CG3239" s="53"/>
      <c r="CH3239" s="53"/>
      <c r="CI3239" s="53"/>
      <c r="CJ3239" s="53"/>
      <c r="CK3239" s="53"/>
      <c r="CL3239" s="53"/>
      <c r="CM3239" s="53"/>
      <c r="CN3239" s="53"/>
    </row>
    <row r="3240" spans="1:92" outlineLevel="1">
      <c r="A3240" s="52" t="s">
        <v>723</v>
      </c>
      <c r="B3240" s="53">
        <v>-3240.3917525773099</v>
      </c>
      <c r="C3240" s="53">
        <v>-3240.3917525773099</v>
      </c>
      <c r="D3240" s="53">
        <v>-3240.3917525773099</v>
      </c>
      <c r="E3240" s="53">
        <v>-3240.3917525773099</v>
      </c>
      <c r="F3240" s="53">
        <v>-3240.3917525773099</v>
      </c>
      <c r="G3240" s="53">
        <v>-3240.3917525773099</v>
      </c>
      <c r="H3240" s="53">
        <v>-3240.3917525773099</v>
      </c>
      <c r="I3240" s="53">
        <v>-3240.3917525773099</v>
      </c>
      <c r="J3240" s="53">
        <v>-3240.3917525773099</v>
      </c>
      <c r="K3240" s="53">
        <v>-3240.3917525773099</v>
      </c>
      <c r="L3240" s="53">
        <v>-3240.3917525773099</v>
      </c>
      <c r="M3240" s="53">
        <v>-3240.3917525773099</v>
      </c>
      <c r="N3240" s="53">
        <v>-38884.701030927798</v>
      </c>
      <c r="O3240" s="53">
        <v>-3240.3917525773099</v>
      </c>
      <c r="P3240" s="53">
        <v>-3240.3917525773099</v>
      </c>
      <c r="Q3240" s="53">
        <v>-3240.3917525773099</v>
      </c>
      <c r="R3240" s="53">
        <v>-3240.3917525773099</v>
      </c>
      <c r="S3240" s="53">
        <v>-3240.3917525773099</v>
      </c>
      <c r="T3240" s="53">
        <v>-3240.3917525773099</v>
      </c>
      <c r="U3240" s="53">
        <v>-3240.3917525773099</v>
      </c>
      <c r="V3240" s="53">
        <v>-3240.3917525773099</v>
      </c>
      <c r="W3240" s="53">
        <v>-3240.3917525773099</v>
      </c>
      <c r="X3240" s="53">
        <v>-3240.3917525773099</v>
      </c>
      <c r="Y3240" s="53">
        <v>-3240.3917525773099</v>
      </c>
      <c r="Z3240" s="53">
        <v>-3240.3917525773099</v>
      </c>
      <c r="AA3240" s="53">
        <v>-38884.701030927798</v>
      </c>
      <c r="AB3240" s="53">
        <v>-3240.3917525773099</v>
      </c>
      <c r="AC3240" s="53">
        <v>-3240.3917525773099</v>
      </c>
      <c r="AD3240" s="53">
        <v>-3240.3917525773099</v>
      </c>
      <c r="AE3240" s="53">
        <v>-3240.3917525773099</v>
      </c>
      <c r="AF3240" s="53">
        <v>-3240.3917525773099</v>
      </c>
      <c r="AG3240" s="53">
        <v>-3240.3917525773099</v>
      </c>
      <c r="AH3240" s="53">
        <v>-3240.3917525773099</v>
      </c>
      <c r="AI3240" s="53">
        <v>-3240.3917525773099</v>
      </c>
      <c r="AJ3240" s="53">
        <v>-3240.3917525773099</v>
      </c>
      <c r="AK3240" s="53">
        <v>-3240.3917525773099</v>
      </c>
      <c r="AL3240" s="53">
        <v>-3240.3917525773099</v>
      </c>
      <c r="AM3240" s="53">
        <v>-3240.3917525773099</v>
      </c>
      <c r="AN3240" s="53">
        <v>-38884.701030927703</v>
      </c>
      <c r="AO3240" s="53">
        <v>-3240.3917525773099</v>
      </c>
      <c r="AP3240" s="53">
        <v>-3240.3917525773099</v>
      </c>
      <c r="AQ3240" s="53">
        <v>-3240.3917525773099</v>
      </c>
      <c r="AR3240" s="53">
        <v>-3240.3917525773099</v>
      </c>
      <c r="AS3240" s="53">
        <v>-3240.3917525773099</v>
      </c>
      <c r="AT3240" s="53">
        <v>-3240.3917525773099</v>
      </c>
      <c r="AU3240" s="53">
        <v>-3240.3917525773099</v>
      </c>
      <c r="AV3240" s="53">
        <v>-3240.3917525773099</v>
      </c>
      <c r="AW3240" s="53">
        <v>-3240.3917525773099</v>
      </c>
      <c r="AX3240" s="53">
        <v>-3240.3917525773099</v>
      </c>
      <c r="AY3240" s="53">
        <v>-3240.3917525773099</v>
      </c>
      <c r="AZ3240" s="53">
        <v>-3240.3917525773099</v>
      </c>
      <c r="BA3240" s="53">
        <v>-38884.701030927703</v>
      </c>
      <c r="BB3240" s="53">
        <v>-1620.19587628865</v>
      </c>
      <c r="BC3240" s="53"/>
      <c r="BD3240" s="53"/>
      <c r="BE3240" s="53"/>
      <c r="BF3240" s="53"/>
      <c r="BG3240" s="53"/>
      <c r="BH3240" s="53"/>
      <c r="BI3240" s="53"/>
      <c r="BJ3240" s="53"/>
      <c r="BK3240" s="53"/>
      <c r="BL3240" s="53"/>
      <c r="BM3240" s="53"/>
      <c r="BN3240" s="53">
        <v>-1620.19587628865</v>
      </c>
      <c r="BO3240" s="53"/>
      <c r="BP3240" s="53"/>
      <c r="BQ3240" s="53"/>
      <c r="BR3240" s="53"/>
      <c r="BS3240" s="53"/>
      <c r="BT3240" s="53"/>
      <c r="BU3240" s="53"/>
      <c r="BV3240" s="53"/>
      <c r="BW3240" s="53"/>
      <c r="BX3240" s="53"/>
      <c r="BY3240" s="53"/>
      <c r="BZ3240" s="53"/>
      <c r="CA3240" s="53"/>
      <c r="CB3240" s="53">
        <v>-90631.833333333299</v>
      </c>
      <c r="CC3240" s="53">
        <v>-90631.833333333299</v>
      </c>
      <c r="CD3240" s="53">
        <v>-90631.833333333299</v>
      </c>
      <c r="CE3240" s="53">
        <v>-90631.833333333299</v>
      </c>
      <c r="CF3240" s="53">
        <v>-90631.833333333299</v>
      </c>
      <c r="CG3240" s="53">
        <v>-90631.833333333299</v>
      </c>
      <c r="CH3240" s="53">
        <v>-90631.833333333299</v>
      </c>
      <c r="CI3240" s="53">
        <v>-90631.833333333299</v>
      </c>
      <c r="CJ3240" s="53">
        <v>-90631.833333333299</v>
      </c>
      <c r="CK3240" s="53">
        <v>-90631.833333333299</v>
      </c>
      <c r="CL3240" s="53">
        <v>-90631.833333333299</v>
      </c>
      <c r="CM3240" s="53">
        <v>-90631.833333333299</v>
      </c>
      <c r="CN3240" s="53">
        <v>-1087582</v>
      </c>
    </row>
    <row r="3241" spans="1:92" outlineLevel="1">
      <c r="A3241" s="52" t="s">
        <v>724</v>
      </c>
      <c r="B3241" s="53">
        <v>-1540.86460032626</v>
      </c>
      <c r="C3241" s="53">
        <v>-1540.86460032626</v>
      </c>
      <c r="D3241" s="53">
        <v>-1540.86460032626</v>
      </c>
      <c r="E3241" s="53">
        <v>-1540.86460032626</v>
      </c>
      <c r="F3241" s="53">
        <v>-1540.86460032626</v>
      </c>
      <c r="G3241" s="53">
        <v>-1540.86460032626</v>
      </c>
      <c r="H3241" s="53">
        <v>-1540.86460032626</v>
      </c>
      <c r="I3241" s="53">
        <v>-1540.86460032626</v>
      </c>
      <c r="J3241" s="53">
        <v>-1540.86460032626</v>
      </c>
      <c r="K3241" s="53">
        <v>-1540.86460032626</v>
      </c>
      <c r="L3241" s="53">
        <v>-1540.86460032626</v>
      </c>
      <c r="M3241" s="53">
        <v>-1540.86460032626</v>
      </c>
      <c r="N3241" s="53">
        <v>-18490.3752039151</v>
      </c>
      <c r="O3241" s="53">
        <v>-1540.86460032626</v>
      </c>
      <c r="P3241" s="53">
        <v>-1540.86460032626</v>
      </c>
      <c r="Q3241" s="53">
        <v>-1540.86460032626</v>
      </c>
      <c r="R3241" s="53">
        <v>-1540.86460032626</v>
      </c>
      <c r="S3241" s="53">
        <v>-1540.86460032626</v>
      </c>
      <c r="T3241" s="53">
        <v>-1540.86460032626</v>
      </c>
      <c r="U3241" s="53">
        <v>-1540.86460032626</v>
      </c>
      <c r="V3241" s="53">
        <v>-1540.86460032626</v>
      </c>
      <c r="W3241" s="53">
        <v>-1540.86460032626</v>
      </c>
      <c r="X3241" s="53">
        <v>-1540.86460032626</v>
      </c>
      <c r="Y3241" s="53">
        <v>-1540.86460032626</v>
      </c>
      <c r="Z3241" s="53">
        <v>-1540.86460032626</v>
      </c>
      <c r="AA3241" s="53">
        <v>-18490.3752039151</v>
      </c>
      <c r="AB3241" s="53">
        <v>-1540.86460032626</v>
      </c>
      <c r="AC3241" s="53">
        <v>-1540.86460032626</v>
      </c>
      <c r="AD3241" s="53">
        <v>-1540.86460032626</v>
      </c>
      <c r="AE3241" s="53">
        <v>-1540.86460032626</v>
      </c>
      <c r="AF3241" s="53">
        <v>-1540.86460032626</v>
      </c>
      <c r="AG3241" s="53">
        <v>-1540.86460032626</v>
      </c>
      <c r="AH3241" s="53">
        <v>-1540.86460032626</v>
      </c>
      <c r="AI3241" s="53">
        <v>-1540.86460032626</v>
      </c>
      <c r="AJ3241" s="53">
        <v>-1540.86460032626</v>
      </c>
      <c r="AK3241" s="53">
        <v>-1540.86460032626</v>
      </c>
      <c r="AL3241" s="53">
        <v>-1540.86460032626</v>
      </c>
      <c r="AM3241" s="53">
        <v>-1540.86460032626</v>
      </c>
      <c r="AN3241" s="53">
        <v>-18490.3752039151</v>
      </c>
      <c r="AO3241" s="53">
        <v>-1540.86460032626</v>
      </c>
      <c r="AP3241" s="53">
        <v>-1540.86460032626</v>
      </c>
      <c r="AQ3241" s="53">
        <v>-1540.86460032626</v>
      </c>
      <c r="AR3241" s="53">
        <v>-1540.86460032626</v>
      </c>
      <c r="AS3241" s="53">
        <v>-1540.86460032626</v>
      </c>
      <c r="AT3241" s="53">
        <v>-1540.86460032626</v>
      </c>
      <c r="AU3241" s="53">
        <v>-1540.86460032626</v>
      </c>
      <c r="AV3241" s="53">
        <v>-1540.86460032626</v>
      </c>
      <c r="AW3241" s="53">
        <v>-1540.86460032626</v>
      </c>
      <c r="AX3241" s="53">
        <v>-1540.86460032626</v>
      </c>
      <c r="AY3241" s="53">
        <v>-1540.86460032626</v>
      </c>
      <c r="AZ3241" s="53">
        <v>-1540.86460032626</v>
      </c>
      <c r="BA3241" s="53">
        <v>-18490.375203915199</v>
      </c>
      <c r="BB3241" s="53">
        <v>-1540.86460032626</v>
      </c>
      <c r="BC3241" s="53">
        <v>-1540.86460032626</v>
      </c>
      <c r="BD3241" s="53">
        <v>-1540.86460032626</v>
      </c>
      <c r="BE3241" s="53">
        <v>-1540.86460032626</v>
      </c>
      <c r="BF3241" s="53">
        <v>-1540.86460032626</v>
      </c>
      <c r="BG3241" s="53">
        <v>-1540.86460032626</v>
      </c>
      <c r="BH3241" s="53">
        <v>-1540.86460032626</v>
      </c>
      <c r="BI3241" s="53">
        <v>-1540.86460032626</v>
      </c>
      <c r="BJ3241" s="53">
        <v>-1540.86460032626</v>
      </c>
      <c r="BK3241" s="53">
        <v>-1540.86460032626</v>
      </c>
      <c r="BL3241" s="53">
        <v>-1540.86460032626</v>
      </c>
      <c r="BM3241" s="53">
        <v>-1540.86460032626</v>
      </c>
      <c r="BN3241" s="53">
        <v>-18490.375203915199</v>
      </c>
      <c r="BO3241" s="53">
        <v>-1540.86460032626</v>
      </c>
      <c r="BP3241" s="53">
        <v>-1540.86460032626</v>
      </c>
      <c r="BQ3241" s="53">
        <v>-1540.86460032626</v>
      </c>
      <c r="BR3241" s="53">
        <v>-1540.86460032626</v>
      </c>
      <c r="BS3241" s="53">
        <v>-1540.86460032626</v>
      </c>
      <c r="BT3241" s="53">
        <v>-1540.86460032626</v>
      </c>
      <c r="BU3241" s="53">
        <v>-1540.86460032626</v>
      </c>
      <c r="BV3241" s="53">
        <v>-1540.86460032626</v>
      </c>
      <c r="BW3241" s="53">
        <v>-1540.86460032626</v>
      </c>
      <c r="BX3241" s="53">
        <v>-1540.86460032626</v>
      </c>
      <c r="BY3241" s="53">
        <v>-1540.86460032627</v>
      </c>
      <c r="BZ3241" s="53">
        <v>-1540.86460032627</v>
      </c>
      <c r="CA3241" s="53">
        <v>-18490.375203915199</v>
      </c>
      <c r="CB3241" s="53"/>
      <c r="CC3241" s="53"/>
      <c r="CD3241" s="53"/>
      <c r="CE3241" s="53"/>
      <c r="CF3241" s="53"/>
      <c r="CG3241" s="53"/>
      <c r="CH3241" s="53"/>
      <c r="CI3241" s="53"/>
      <c r="CJ3241" s="53"/>
      <c r="CK3241" s="53"/>
      <c r="CL3241" s="53"/>
      <c r="CM3241" s="53"/>
      <c r="CN3241" s="53"/>
    </row>
    <row r="3242" spans="1:92" outlineLevel="1">
      <c r="A3242" s="52" t="s">
        <v>725</v>
      </c>
      <c r="B3242" s="53">
        <v>-9185.2932330827007</v>
      </c>
      <c r="C3242" s="53">
        <v>-9185.2932330827007</v>
      </c>
      <c r="D3242" s="53">
        <v>-9185.2932330827007</v>
      </c>
      <c r="E3242" s="53">
        <v>-9185.2932330827007</v>
      </c>
      <c r="F3242" s="53">
        <v>-9185.2932330827007</v>
      </c>
      <c r="G3242" s="53">
        <v>-9185.2932330827007</v>
      </c>
      <c r="H3242" s="53">
        <v>-9185.2932330827007</v>
      </c>
      <c r="I3242" s="53">
        <v>-9185.2932330827007</v>
      </c>
      <c r="J3242" s="53">
        <v>-9185.2932330827098</v>
      </c>
      <c r="K3242" s="53">
        <v>-9185.2932330827098</v>
      </c>
      <c r="L3242" s="53">
        <v>-9185.2932330827098</v>
      </c>
      <c r="M3242" s="53">
        <v>-9185.2932330827098</v>
      </c>
      <c r="N3242" s="53">
        <v>-110223.51879699199</v>
      </c>
      <c r="O3242" s="53">
        <v>-9185.2932330827098</v>
      </c>
      <c r="P3242" s="53">
        <v>-9185.2932330827098</v>
      </c>
      <c r="Q3242" s="53">
        <v>-9185.2932330827098</v>
      </c>
      <c r="R3242" s="53">
        <v>-9185.2932330827098</v>
      </c>
      <c r="S3242" s="53">
        <v>-9185.2932330827098</v>
      </c>
      <c r="T3242" s="53">
        <v>-9185.2932330827098</v>
      </c>
      <c r="U3242" s="53">
        <v>-9185.2932330827098</v>
      </c>
      <c r="V3242" s="53">
        <v>-9185.2932330827098</v>
      </c>
      <c r="W3242" s="53">
        <v>-9185.2932330827098</v>
      </c>
      <c r="X3242" s="53">
        <v>-9185.2932330827098</v>
      </c>
      <c r="Y3242" s="53">
        <v>-9185.2932330827098</v>
      </c>
      <c r="Z3242" s="53">
        <v>-9185.2932330827098</v>
      </c>
      <c r="AA3242" s="53">
        <v>-110223.51879699199</v>
      </c>
      <c r="AB3242" s="53">
        <v>-9185.2932330827098</v>
      </c>
      <c r="AC3242" s="53">
        <v>-9185.2932330827098</v>
      </c>
      <c r="AD3242" s="53">
        <v>-9185.2932330827098</v>
      </c>
      <c r="AE3242" s="53">
        <v>-9185.2932330827098</v>
      </c>
      <c r="AF3242" s="53">
        <v>-9185.2932330827098</v>
      </c>
      <c r="AG3242" s="53">
        <v>-9185.2932330827098</v>
      </c>
      <c r="AH3242" s="53">
        <v>-9185.2932330827098</v>
      </c>
      <c r="AI3242" s="53">
        <v>-9185.2932330827098</v>
      </c>
      <c r="AJ3242" s="53">
        <v>-9185.2932330827098</v>
      </c>
      <c r="AK3242" s="53">
        <v>-9185.2932330827098</v>
      </c>
      <c r="AL3242" s="53">
        <v>-9185.2932330827098</v>
      </c>
      <c r="AM3242" s="53">
        <v>-9185.2932330827098</v>
      </c>
      <c r="AN3242" s="53">
        <v>-110223.51879699199</v>
      </c>
      <c r="AO3242" s="53">
        <v>-9185.2932330827098</v>
      </c>
      <c r="AP3242" s="53">
        <v>-9185.2932330827098</v>
      </c>
      <c r="AQ3242" s="53">
        <v>-9185.2932330827098</v>
      </c>
      <c r="AR3242" s="53">
        <v>-9185.2932330827098</v>
      </c>
      <c r="AS3242" s="53">
        <v>-9185.2932330827098</v>
      </c>
      <c r="AT3242" s="53">
        <v>-9185.2932330827098</v>
      </c>
      <c r="AU3242" s="53">
        <v>-9185.2932330827098</v>
      </c>
      <c r="AV3242" s="53">
        <v>-9185.2932330827098</v>
      </c>
      <c r="AW3242" s="53">
        <v>-9185.2932330827098</v>
      </c>
      <c r="AX3242" s="53">
        <v>-9185.2932330827098</v>
      </c>
      <c r="AY3242" s="53">
        <v>-9185.2932330827098</v>
      </c>
      <c r="AZ3242" s="53">
        <v>-9185.2932330827098</v>
      </c>
      <c r="BA3242" s="53">
        <v>-110223.51879699199</v>
      </c>
      <c r="BB3242" s="53">
        <v>-9185.2932330827207</v>
      </c>
      <c r="BC3242" s="53">
        <v>-9185.2932330827098</v>
      </c>
      <c r="BD3242" s="53">
        <v>-9185.2932330827207</v>
      </c>
      <c r="BE3242" s="53">
        <v>-9185.2932330827098</v>
      </c>
      <c r="BF3242" s="53">
        <v>-9185.2932330827207</v>
      </c>
      <c r="BG3242" s="53">
        <v>-9185.2932330827098</v>
      </c>
      <c r="BH3242" s="53">
        <v>-9185.2932330827207</v>
      </c>
      <c r="BI3242" s="53">
        <v>-9185.2932330827207</v>
      </c>
      <c r="BJ3242" s="53">
        <v>-9185.2932330827207</v>
      </c>
      <c r="BK3242" s="53">
        <v>-9185.2932330827207</v>
      </c>
      <c r="BL3242" s="53">
        <v>-9185.2932330827207</v>
      </c>
      <c r="BM3242" s="53">
        <v>-9185.2932330827207</v>
      </c>
      <c r="BN3242" s="53">
        <v>-110223.51879699199</v>
      </c>
      <c r="BO3242" s="53">
        <v>-9185.2932330827207</v>
      </c>
      <c r="BP3242" s="53">
        <v>-9185.2932330827207</v>
      </c>
      <c r="BQ3242" s="53">
        <v>-9185.2932330827207</v>
      </c>
      <c r="BR3242" s="53">
        <v>-9185.2932330827207</v>
      </c>
      <c r="BS3242" s="53">
        <v>-9185.2932330827207</v>
      </c>
      <c r="BT3242" s="53">
        <v>-9185.2932330827207</v>
      </c>
      <c r="BU3242" s="53">
        <v>-4592.6466165413603</v>
      </c>
      <c r="BV3242" s="53"/>
      <c r="BW3242" s="53"/>
      <c r="BX3242" s="53"/>
      <c r="BY3242" s="53"/>
      <c r="BZ3242" s="53"/>
      <c r="CA3242" s="53">
        <v>-59704.406015037603</v>
      </c>
      <c r="CB3242" s="53">
        <v>-44492.666666666497</v>
      </c>
      <c r="CC3242" s="53">
        <v>-44492.666666666497</v>
      </c>
      <c r="CD3242" s="53">
        <v>-44492.666666666497</v>
      </c>
      <c r="CE3242" s="53">
        <v>-44492.666666666497</v>
      </c>
      <c r="CF3242" s="53">
        <v>-44492.666666666497</v>
      </c>
      <c r="CG3242" s="53">
        <v>-44492.666666666497</v>
      </c>
      <c r="CH3242" s="53">
        <v>-44492.666666666497</v>
      </c>
      <c r="CI3242" s="53">
        <v>-44492.666666666497</v>
      </c>
      <c r="CJ3242" s="53">
        <v>-44492.666666666497</v>
      </c>
      <c r="CK3242" s="53">
        <v>-44492.666666666497</v>
      </c>
      <c r="CL3242" s="53">
        <v>-44492.666666666497</v>
      </c>
      <c r="CM3242" s="53">
        <v>-44492.666666666497</v>
      </c>
      <c r="CN3242" s="53">
        <v>-533911.99999999895</v>
      </c>
    </row>
    <row r="3243" spans="1:92" outlineLevel="1">
      <c r="A3243" s="52" t="s">
        <v>726</v>
      </c>
      <c r="B3243" s="53">
        <v>-3087.3734939759001</v>
      </c>
      <c r="C3243" s="53">
        <v>-3087.3734939759001</v>
      </c>
      <c r="D3243" s="53">
        <v>-3087.3734939759001</v>
      </c>
      <c r="E3243" s="53">
        <v>-3087.3734939759001</v>
      </c>
      <c r="F3243" s="53">
        <v>-3087.3734939759001</v>
      </c>
      <c r="G3243" s="53">
        <v>-3087.3734939759001</v>
      </c>
      <c r="H3243" s="53">
        <v>-3087.3734939759001</v>
      </c>
      <c r="I3243" s="53">
        <v>-3087.3734939759001</v>
      </c>
      <c r="J3243" s="53">
        <v>-3087.3734939759001</v>
      </c>
      <c r="K3243" s="53">
        <v>-3087.3734939759001</v>
      </c>
      <c r="L3243" s="53">
        <v>-3087.3734939759001</v>
      </c>
      <c r="M3243" s="53">
        <v>-3087.3734939759001</v>
      </c>
      <c r="N3243" s="53">
        <v>-37048.481927710804</v>
      </c>
      <c r="O3243" s="53">
        <v>-3087.3734939759001</v>
      </c>
      <c r="P3243" s="53">
        <v>-3087.3734939759001</v>
      </c>
      <c r="Q3243" s="53">
        <v>-3087.3734939759001</v>
      </c>
      <c r="R3243" s="53">
        <v>-3087.3734939759001</v>
      </c>
      <c r="S3243" s="53">
        <v>-3087.3734939759001</v>
      </c>
      <c r="T3243" s="53">
        <v>-3087.3734939759001</v>
      </c>
      <c r="U3243" s="53">
        <v>-3087.3734939759001</v>
      </c>
      <c r="V3243" s="53">
        <v>-3087.3734939759001</v>
      </c>
      <c r="W3243" s="53">
        <v>-3087.3734939759001</v>
      </c>
      <c r="X3243" s="53">
        <v>-3087.3734939759001</v>
      </c>
      <c r="Y3243" s="53">
        <v>-3087.3734939759001</v>
      </c>
      <c r="Z3243" s="53">
        <v>-3087.3734939759001</v>
      </c>
      <c r="AA3243" s="53">
        <v>-37048.481927710804</v>
      </c>
      <c r="AB3243" s="53">
        <v>-3087.3734939759001</v>
      </c>
      <c r="AC3243" s="53">
        <v>-3087.3734939759001</v>
      </c>
      <c r="AD3243" s="53">
        <v>-3087.3734939759001</v>
      </c>
      <c r="AE3243" s="53">
        <v>-3087.3734939759001</v>
      </c>
      <c r="AF3243" s="53">
        <v>-3087.3734939759001</v>
      </c>
      <c r="AG3243" s="53">
        <v>-3087.3734939759001</v>
      </c>
      <c r="AH3243" s="53">
        <v>-3087.3734939759001</v>
      </c>
      <c r="AI3243" s="53">
        <v>-3087.3734939759001</v>
      </c>
      <c r="AJ3243" s="53">
        <v>-3087.3734939759001</v>
      </c>
      <c r="AK3243" s="53">
        <v>-3087.3734939759001</v>
      </c>
      <c r="AL3243" s="53">
        <v>-3087.3734939759001</v>
      </c>
      <c r="AM3243" s="53">
        <v>-3087.3734939759001</v>
      </c>
      <c r="AN3243" s="53">
        <v>-37048.481927710804</v>
      </c>
      <c r="AO3243" s="53">
        <v>-3087.3734939759001</v>
      </c>
      <c r="AP3243" s="53">
        <v>-3087.3734939759001</v>
      </c>
      <c r="AQ3243" s="53">
        <v>-3087.3734939759001</v>
      </c>
      <c r="AR3243" s="53">
        <v>-3087.3734939759001</v>
      </c>
      <c r="AS3243" s="53">
        <v>-3087.3734939759001</v>
      </c>
      <c r="AT3243" s="53">
        <v>-3087.3734939759001</v>
      </c>
      <c r="AU3243" s="53">
        <v>-3087.3734939759001</v>
      </c>
      <c r="AV3243" s="53">
        <v>-3087.3734939759001</v>
      </c>
      <c r="AW3243" s="53">
        <v>-3087.3734939759001</v>
      </c>
      <c r="AX3243" s="53">
        <v>-3087.3734939759001</v>
      </c>
      <c r="AY3243" s="53">
        <v>-3087.3734939759001</v>
      </c>
      <c r="AZ3243" s="53">
        <v>-3087.3734939759001</v>
      </c>
      <c r="BA3243" s="53">
        <v>-37048.481927710804</v>
      </c>
      <c r="BB3243" s="53">
        <v>-3087.3734939759001</v>
      </c>
      <c r="BC3243" s="53">
        <v>-3087.3734939759001</v>
      </c>
      <c r="BD3243" s="53">
        <v>-3087.3734939759001</v>
      </c>
      <c r="BE3243" s="53">
        <v>-3087.3734939759001</v>
      </c>
      <c r="BF3243" s="53">
        <v>-3087.3734939759001</v>
      </c>
      <c r="BG3243" s="53">
        <v>-3087.3734939759001</v>
      </c>
      <c r="BH3243" s="53">
        <v>-3087.3734939759001</v>
      </c>
      <c r="BI3243" s="53">
        <v>-3087.3734939759001</v>
      </c>
      <c r="BJ3243" s="53">
        <v>-3087.3734939759001</v>
      </c>
      <c r="BK3243" s="53">
        <v>-3087.3734939759001</v>
      </c>
      <c r="BL3243" s="53">
        <v>-3087.3734939759001</v>
      </c>
      <c r="BM3243" s="53">
        <v>-3087.3734939759001</v>
      </c>
      <c r="BN3243" s="53">
        <v>-37048.481927710804</v>
      </c>
      <c r="BO3243" s="53">
        <v>-3087.3734939759001</v>
      </c>
      <c r="BP3243" s="53">
        <v>-3087.3734939759001</v>
      </c>
      <c r="BQ3243" s="53">
        <v>-3087.3734939759001</v>
      </c>
      <c r="BR3243" s="53">
        <v>-3087.3734939759001</v>
      </c>
      <c r="BS3243" s="53">
        <v>-3087.3734939759001</v>
      </c>
      <c r="BT3243" s="53">
        <v>-3087.3734939759001</v>
      </c>
      <c r="BU3243" s="53">
        <v>-3087.3734939759001</v>
      </c>
      <c r="BV3243" s="53">
        <v>-3087.3734939759001</v>
      </c>
      <c r="BW3243" s="53">
        <v>-3087.3734939759001</v>
      </c>
      <c r="BX3243" s="53">
        <v>-3087.3734939759001</v>
      </c>
      <c r="BY3243" s="53">
        <v>-3087.3734939759001</v>
      </c>
      <c r="BZ3243" s="53">
        <v>-3087.3734939759001</v>
      </c>
      <c r="CA3243" s="53">
        <v>-37048.481927710804</v>
      </c>
      <c r="CB3243" s="53"/>
      <c r="CC3243" s="53"/>
      <c r="CD3243" s="53"/>
      <c r="CE3243" s="53"/>
      <c r="CF3243" s="53"/>
      <c r="CG3243" s="53"/>
      <c r="CH3243" s="53"/>
      <c r="CI3243" s="53"/>
      <c r="CJ3243" s="53"/>
      <c r="CK3243" s="53"/>
      <c r="CL3243" s="53"/>
      <c r="CM3243" s="53"/>
      <c r="CN3243" s="53"/>
    </row>
    <row r="3244" spans="1:92" outlineLevel="1">
      <c r="A3244" s="52" t="s">
        <v>728</v>
      </c>
      <c r="B3244" s="53">
        <v>-5700.3240223463599</v>
      </c>
      <c r="C3244" s="53">
        <v>-5700.3240223463599</v>
      </c>
      <c r="D3244" s="53">
        <v>-5700.3240223463599</v>
      </c>
      <c r="E3244" s="53">
        <v>-5700.3240223463599</v>
      </c>
      <c r="F3244" s="53">
        <v>-5700.3240223463599</v>
      </c>
      <c r="G3244" s="53">
        <v>-5700.3240223463599</v>
      </c>
      <c r="H3244" s="53">
        <v>-5700.3240223463599</v>
      </c>
      <c r="I3244" s="53">
        <v>-5700.3240223463599</v>
      </c>
      <c r="J3244" s="53">
        <v>-5700.3240223463599</v>
      </c>
      <c r="K3244" s="53">
        <v>-5700.3240223463599</v>
      </c>
      <c r="L3244" s="53">
        <v>-5700.3240223463599</v>
      </c>
      <c r="M3244" s="53">
        <v>-5700.3240223463599</v>
      </c>
      <c r="N3244" s="53">
        <v>-68403.888268156399</v>
      </c>
      <c r="O3244" s="53">
        <v>-5700.3240223463599</v>
      </c>
      <c r="P3244" s="53">
        <v>-5700.3240223463599</v>
      </c>
      <c r="Q3244" s="53">
        <v>-5700.3240223463599</v>
      </c>
      <c r="R3244" s="53">
        <v>-5700.3240223463599</v>
      </c>
      <c r="S3244" s="53">
        <v>-5700.3240223463599</v>
      </c>
      <c r="T3244" s="53">
        <v>-5700.3240223463599</v>
      </c>
      <c r="U3244" s="53">
        <v>-5700.3240223463599</v>
      </c>
      <c r="V3244" s="53">
        <v>-5700.3240223463599</v>
      </c>
      <c r="W3244" s="53">
        <v>-5700.3240223463599</v>
      </c>
      <c r="X3244" s="53">
        <v>-5700.3240223463599</v>
      </c>
      <c r="Y3244" s="53">
        <v>-5700.3240223463599</v>
      </c>
      <c r="Z3244" s="53">
        <v>-5700.3240223463599</v>
      </c>
      <c r="AA3244" s="53">
        <v>-68403.888268156399</v>
      </c>
      <c r="AB3244" s="53">
        <v>-5700.3240223463599</v>
      </c>
      <c r="AC3244" s="53">
        <v>-5700.3240223463599</v>
      </c>
      <c r="AD3244" s="53">
        <v>-5700.3240223463599</v>
      </c>
      <c r="AE3244" s="53">
        <v>-5700.3240223463699</v>
      </c>
      <c r="AF3244" s="53">
        <v>-5700.3240223463699</v>
      </c>
      <c r="AG3244" s="53">
        <v>-5700.3240223463699</v>
      </c>
      <c r="AH3244" s="53">
        <v>-5700.3240223463699</v>
      </c>
      <c r="AI3244" s="53">
        <v>-5700.3240223463699</v>
      </c>
      <c r="AJ3244" s="53">
        <v>-5700.3240223463699</v>
      </c>
      <c r="AK3244" s="53">
        <v>-5700.3240223463699</v>
      </c>
      <c r="AL3244" s="53">
        <v>-5700.3240223463699</v>
      </c>
      <c r="AM3244" s="53">
        <v>-5700.3240223463699</v>
      </c>
      <c r="AN3244" s="53">
        <v>-68403.888268156399</v>
      </c>
      <c r="AO3244" s="53">
        <v>-5700.3240223463699</v>
      </c>
      <c r="AP3244" s="53">
        <v>-5700.3240223463699</v>
      </c>
      <c r="AQ3244" s="53">
        <v>-5700.3240223463699</v>
      </c>
      <c r="AR3244" s="53">
        <v>-5700.3240223463699</v>
      </c>
      <c r="AS3244" s="53">
        <v>-5700.3240223463699</v>
      </c>
      <c r="AT3244" s="53">
        <v>-5700.3240223463699</v>
      </c>
      <c r="AU3244" s="53">
        <v>-5700.3240223463699</v>
      </c>
      <c r="AV3244" s="53">
        <v>-5700.3240223463699</v>
      </c>
      <c r="AW3244" s="53">
        <v>-5700.3240223463699</v>
      </c>
      <c r="AX3244" s="53">
        <v>-5700.3240223463699</v>
      </c>
      <c r="AY3244" s="53">
        <v>-5700.3240223463699</v>
      </c>
      <c r="AZ3244" s="53">
        <v>-5700.3240223463699</v>
      </c>
      <c r="BA3244" s="53">
        <v>-68403.888268156399</v>
      </c>
      <c r="BB3244" s="53">
        <v>-5700.3240223463699</v>
      </c>
      <c r="BC3244" s="53">
        <v>-5700.3240223463699</v>
      </c>
      <c r="BD3244" s="53">
        <v>-5700.3240223463699</v>
      </c>
      <c r="BE3244" s="53">
        <v>-5700.3240223463699</v>
      </c>
      <c r="BF3244" s="53">
        <v>-5700.3240223463699</v>
      </c>
      <c r="BG3244" s="53">
        <v>-5700.3240223463699</v>
      </c>
      <c r="BH3244" s="53">
        <v>-5700.3240223463699</v>
      </c>
      <c r="BI3244" s="53">
        <v>-5700.3240223463699</v>
      </c>
      <c r="BJ3244" s="53">
        <v>-5700.3240223463699</v>
      </c>
      <c r="BK3244" s="53">
        <v>-5700.3240223463699</v>
      </c>
      <c r="BL3244" s="53">
        <v>-5700.3240223463699</v>
      </c>
      <c r="BM3244" s="53">
        <v>-5700.3240223463699</v>
      </c>
      <c r="BN3244" s="53">
        <v>-68403.888268156399</v>
      </c>
      <c r="BO3244" s="53">
        <v>-5700.3240223463699</v>
      </c>
      <c r="BP3244" s="53">
        <v>-5700.3240223463699</v>
      </c>
      <c r="BQ3244" s="53">
        <v>-5700.3240223463699</v>
      </c>
      <c r="BR3244" s="53">
        <v>-5700.3240223463699</v>
      </c>
      <c r="BS3244" s="53">
        <v>-5700.3240223463699</v>
      </c>
      <c r="BT3244" s="53">
        <v>-5700.3240223463699</v>
      </c>
      <c r="BU3244" s="53">
        <v>-5700.3240223463699</v>
      </c>
      <c r="BV3244" s="53">
        <v>-5700.3240223463699</v>
      </c>
      <c r="BW3244" s="53">
        <v>-5700.3240223463699</v>
      </c>
      <c r="BX3244" s="53">
        <v>-5700.3240223463699</v>
      </c>
      <c r="BY3244" s="53">
        <v>-5700.3240223463699</v>
      </c>
      <c r="BZ3244" s="53">
        <v>-5700.3240223463699</v>
      </c>
      <c r="CA3244" s="53">
        <v>-68403.888268156501</v>
      </c>
      <c r="CB3244" s="53"/>
      <c r="CC3244" s="53"/>
      <c r="CD3244" s="53"/>
      <c r="CE3244" s="53"/>
      <c r="CF3244" s="53"/>
      <c r="CG3244" s="53"/>
      <c r="CH3244" s="53"/>
      <c r="CI3244" s="53"/>
      <c r="CJ3244" s="53"/>
      <c r="CK3244" s="53"/>
      <c r="CL3244" s="53"/>
      <c r="CM3244" s="53"/>
      <c r="CN3244" s="53"/>
    </row>
    <row r="3245" spans="1:92" outlineLevel="1">
      <c r="A3245" s="52" t="s">
        <v>729</v>
      </c>
      <c r="B3245" s="53">
        <v>-8149.6279069767397</v>
      </c>
      <c r="C3245" s="53">
        <v>-8149.6279069767397</v>
      </c>
      <c r="D3245" s="53">
        <v>-8149.6279069767397</v>
      </c>
      <c r="E3245" s="53">
        <v>-8149.6279069767397</v>
      </c>
      <c r="F3245" s="53">
        <v>-8149.6279069767397</v>
      </c>
      <c r="G3245" s="53">
        <v>-8149.6279069767397</v>
      </c>
      <c r="H3245" s="53">
        <v>-8149.6279069767397</v>
      </c>
      <c r="I3245" s="53">
        <v>-8149.6279069767397</v>
      </c>
      <c r="J3245" s="53">
        <v>-8149.6279069767397</v>
      </c>
      <c r="K3245" s="53">
        <v>-8149.6279069767397</v>
      </c>
      <c r="L3245" s="53">
        <v>-8149.6279069767397</v>
      </c>
      <c r="M3245" s="53">
        <v>-8149.6279069767397</v>
      </c>
      <c r="N3245" s="53">
        <v>-97795.534883720902</v>
      </c>
      <c r="O3245" s="53">
        <v>-8149.6279069767397</v>
      </c>
      <c r="P3245" s="53">
        <v>-8149.6279069767397</v>
      </c>
      <c r="Q3245" s="53">
        <v>-8149.6279069767397</v>
      </c>
      <c r="R3245" s="53">
        <v>-8149.6279069767397</v>
      </c>
      <c r="S3245" s="53">
        <v>-8149.6279069767397</v>
      </c>
      <c r="T3245" s="53">
        <v>-8149.6279069767297</v>
      </c>
      <c r="U3245" s="53">
        <v>-8149.6279069767297</v>
      </c>
      <c r="V3245" s="53">
        <v>-8149.6279069767297</v>
      </c>
      <c r="W3245" s="53">
        <v>-8149.6279069767297</v>
      </c>
      <c r="X3245" s="53">
        <v>-8149.6279069767297</v>
      </c>
      <c r="Y3245" s="53">
        <v>-8149.6279069767297</v>
      </c>
      <c r="Z3245" s="53">
        <v>-8149.6279069767297</v>
      </c>
      <c r="AA3245" s="53">
        <v>-97795.5348837208</v>
      </c>
      <c r="AB3245" s="53">
        <v>-8149.6279069767297</v>
      </c>
      <c r="AC3245" s="53">
        <v>-8149.6279069767297</v>
      </c>
      <c r="AD3245" s="53">
        <v>-8149.6279069767297</v>
      </c>
      <c r="AE3245" s="53">
        <v>-8149.6279069767297</v>
      </c>
      <c r="AF3245" s="53">
        <v>-8149.6279069767297</v>
      </c>
      <c r="AG3245" s="53">
        <v>-8149.6279069767297</v>
      </c>
      <c r="AH3245" s="53">
        <v>-8149.6279069767297</v>
      </c>
      <c r="AI3245" s="53">
        <v>-8149.6279069767297</v>
      </c>
      <c r="AJ3245" s="53">
        <v>-8149.6279069767297</v>
      </c>
      <c r="AK3245" s="53">
        <v>-8149.6279069767297</v>
      </c>
      <c r="AL3245" s="53">
        <v>-8149.6279069767297</v>
      </c>
      <c r="AM3245" s="53">
        <v>-8149.6279069767197</v>
      </c>
      <c r="AN3245" s="53">
        <v>-97795.534883720698</v>
      </c>
      <c r="AO3245" s="53">
        <v>-8149.6279069767197</v>
      </c>
      <c r="AP3245" s="53">
        <v>-8149.6279069767197</v>
      </c>
      <c r="AQ3245" s="53">
        <v>-8149.6279069767197</v>
      </c>
      <c r="AR3245" s="53">
        <v>-8149.6279069767197</v>
      </c>
      <c r="AS3245" s="53">
        <v>-8149.6279069767197</v>
      </c>
      <c r="AT3245" s="53">
        <v>-8149.6279069767197</v>
      </c>
      <c r="AU3245" s="53">
        <v>-8149.6279069767197</v>
      </c>
      <c r="AV3245" s="53">
        <v>-8149.6279069767197</v>
      </c>
      <c r="AW3245" s="53">
        <v>-8149.6279069767197</v>
      </c>
      <c r="AX3245" s="53">
        <v>-8149.6279069767197</v>
      </c>
      <c r="AY3245" s="53">
        <v>-8149.6279069767197</v>
      </c>
      <c r="AZ3245" s="53">
        <v>-8149.6279069767197</v>
      </c>
      <c r="BA3245" s="53">
        <v>-97795.534883720698</v>
      </c>
      <c r="BB3245" s="53">
        <v>-8149.6279069767197</v>
      </c>
      <c r="BC3245" s="53">
        <v>-8149.6279069767197</v>
      </c>
      <c r="BD3245" s="53">
        <v>-8149.6279069767197</v>
      </c>
      <c r="BE3245" s="53">
        <v>-8149.6279069767197</v>
      </c>
      <c r="BF3245" s="53">
        <v>-8149.6279069767197</v>
      </c>
      <c r="BG3245" s="53">
        <v>-8149.6279069767197</v>
      </c>
      <c r="BH3245" s="53">
        <v>-8149.6279069767197</v>
      </c>
      <c r="BI3245" s="53">
        <v>-8149.6279069767197</v>
      </c>
      <c r="BJ3245" s="53">
        <v>-8149.6279069767197</v>
      </c>
      <c r="BK3245" s="53">
        <v>-8149.6279069767197</v>
      </c>
      <c r="BL3245" s="53">
        <v>-8149.6279069767197</v>
      </c>
      <c r="BM3245" s="53">
        <v>-8149.6279069767197</v>
      </c>
      <c r="BN3245" s="53">
        <v>-97795.534883720597</v>
      </c>
      <c r="BO3245" s="53">
        <v>-8149.6279069767197</v>
      </c>
      <c r="BP3245" s="53">
        <v>-8149.6279069767197</v>
      </c>
      <c r="BQ3245" s="53">
        <v>-8149.6279069767197</v>
      </c>
      <c r="BR3245" s="53">
        <v>-8149.6279069767197</v>
      </c>
      <c r="BS3245" s="53">
        <v>-8149.6279069767197</v>
      </c>
      <c r="BT3245" s="53">
        <v>-8149.6279069767197</v>
      </c>
      <c r="BU3245" s="53">
        <v>-8149.6279069767197</v>
      </c>
      <c r="BV3245" s="53">
        <v>-8149.6279069767197</v>
      </c>
      <c r="BW3245" s="53">
        <v>-8149.6279069767197</v>
      </c>
      <c r="BX3245" s="53">
        <v>-8149.6279069767197</v>
      </c>
      <c r="BY3245" s="53">
        <v>-8149.6279069767197</v>
      </c>
      <c r="BZ3245" s="53">
        <v>-8149.6279069767197</v>
      </c>
      <c r="CA3245" s="53">
        <v>-97795.534883720698</v>
      </c>
      <c r="CB3245" s="53">
        <v>3562423.1820731498</v>
      </c>
      <c r="CC3245" s="53">
        <v>3620749.77935324</v>
      </c>
      <c r="CD3245" s="53">
        <v>3462532.8113442701</v>
      </c>
      <c r="CE3245" s="53">
        <v>3043778.8440029402</v>
      </c>
      <c r="CF3245" s="53">
        <v>2762957.2369973902</v>
      </c>
      <c r="CG3245" s="53">
        <v>2620338.3869498</v>
      </c>
      <c r="CH3245" s="53">
        <v>2617107.7950252802</v>
      </c>
      <c r="CI3245" s="53">
        <v>2616684.06805389</v>
      </c>
      <c r="CJ3245" s="53">
        <v>2596402.4876818601</v>
      </c>
      <c r="CK3245" s="53">
        <v>2793744.2608177201</v>
      </c>
      <c r="CL3245" s="53">
        <v>3215879.5587457898</v>
      </c>
      <c r="CM3245" s="53">
        <v>3105930.1060319301</v>
      </c>
      <c r="CN3245" s="53">
        <v>36018528.517077297</v>
      </c>
    </row>
    <row r="3246" spans="1:92" outlineLevel="1">
      <c r="A3246" s="52" t="s">
        <v>730</v>
      </c>
      <c r="B3246" s="53">
        <v>-7907.1050359712199</v>
      </c>
      <c r="C3246" s="53">
        <v>-7907.1050359712199</v>
      </c>
      <c r="D3246" s="53">
        <v>-7907.1050359712199</v>
      </c>
      <c r="E3246" s="53">
        <v>-7907.1050359712199</v>
      </c>
      <c r="F3246" s="53">
        <v>-7907.1050359712199</v>
      </c>
      <c r="G3246" s="53">
        <v>-7907.1050359712199</v>
      </c>
      <c r="H3246" s="53">
        <v>-7907.1050359712199</v>
      </c>
      <c r="I3246" s="53">
        <v>-7907.1050359712199</v>
      </c>
      <c r="J3246" s="53">
        <v>-7907.1050359712199</v>
      </c>
      <c r="K3246" s="53">
        <v>-7907.1050359712199</v>
      </c>
      <c r="L3246" s="53">
        <v>-7907.1050359712199</v>
      </c>
      <c r="M3246" s="53">
        <v>-7907.1050359712199</v>
      </c>
      <c r="N3246" s="53">
        <v>-94885.260431654693</v>
      </c>
      <c r="O3246" s="53">
        <v>-7907.1050359712199</v>
      </c>
      <c r="P3246" s="53">
        <v>-7907.1050359712199</v>
      </c>
      <c r="Q3246" s="53">
        <v>-7907.1050359712199</v>
      </c>
      <c r="R3246" s="53">
        <v>-7907.1050359712199</v>
      </c>
      <c r="S3246" s="53">
        <v>-7907.1050359712199</v>
      </c>
      <c r="T3246" s="53">
        <v>-7907.1050359712199</v>
      </c>
      <c r="U3246" s="53">
        <v>-7907.1050359712199</v>
      </c>
      <c r="V3246" s="53">
        <v>-7907.1050359712199</v>
      </c>
      <c r="W3246" s="53">
        <v>-7907.1050359712199</v>
      </c>
      <c r="X3246" s="53">
        <v>-7907.1050359712199</v>
      </c>
      <c r="Y3246" s="53">
        <v>-7907.1050359712199</v>
      </c>
      <c r="Z3246" s="53">
        <v>-7907.1050359712199</v>
      </c>
      <c r="AA3246" s="53">
        <v>-94885.260431654693</v>
      </c>
      <c r="AB3246" s="53">
        <v>-7907.1050359712199</v>
      </c>
      <c r="AC3246" s="53">
        <v>-7907.1050359712199</v>
      </c>
      <c r="AD3246" s="53">
        <v>-7907.1050359712199</v>
      </c>
      <c r="AE3246" s="53">
        <v>-7907.1050359712199</v>
      </c>
      <c r="AF3246" s="53">
        <v>-7907.1050359712199</v>
      </c>
      <c r="AG3246" s="53">
        <v>-7907.1050359712199</v>
      </c>
      <c r="AH3246" s="53">
        <v>-7907.1050359712199</v>
      </c>
      <c r="AI3246" s="53">
        <v>-7907.1050359712199</v>
      </c>
      <c r="AJ3246" s="53">
        <v>-7907.1050359712199</v>
      </c>
      <c r="AK3246" s="53">
        <v>-7907.1050359712199</v>
      </c>
      <c r="AL3246" s="53">
        <v>-7907.1050359712199</v>
      </c>
      <c r="AM3246" s="53">
        <v>-7907.1050359712199</v>
      </c>
      <c r="AN3246" s="53">
        <v>-94885.260431654693</v>
      </c>
      <c r="AO3246" s="53">
        <v>-7907.1050359712199</v>
      </c>
      <c r="AP3246" s="53">
        <v>-7907.1050359712199</v>
      </c>
      <c r="AQ3246" s="53">
        <v>-7907.1050359712199</v>
      </c>
      <c r="AR3246" s="53">
        <v>-7907.1050359712199</v>
      </c>
      <c r="AS3246" s="53">
        <v>-7907.1050359712199</v>
      </c>
      <c r="AT3246" s="53">
        <v>-7907.1050359712199</v>
      </c>
      <c r="AU3246" s="53">
        <v>-7907.1050359712199</v>
      </c>
      <c r="AV3246" s="53">
        <v>-7907.1050359712199</v>
      </c>
      <c r="AW3246" s="53">
        <v>-7907.1050359712199</v>
      </c>
      <c r="AX3246" s="53">
        <v>-7907.1050359712199</v>
      </c>
      <c r="AY3246" s="53">
        <v>-7907.1050359712199</v>
      </c>
      <c r="AZ3246" s="53">
        <v>-7907.1050359712199</v>
      </c>
      <c r="BA3246" s="53">
        <v>-94885.260431654693</v>
      </c>
      <c r="BB3246" s="53">
        <v>-7907.1050359712199</v>
      </c>
      <c r="BC3246" s="53">
        <v>-7907.1050359712199</v>
      </c>
      <c r="BD3246" s="53">
        <v>-7907.1050359712199</v>
      </c>
      <c r="BE3246" s="53">
        <v>-7907.1050359712199</v>
      </c>
      <c r="BF3246" s="53">
        <v>-7907.1050359712199</v>
      </c>
      <c r="BG3246" s="53">
        <v>-7907.1050359712199</v>
      </c>
      <c r="BH3246" s="53">
        <v>-7907.1050359712199</v>
      </c>
      <c r="BI3246" s="53">
        <v>-7907.1050359712199</v>
      </c>
      <c r="BJ3246" s="53">
        <v>-7907.1050359712199</v>
      </c>
      <c r="BK3246" s="53">
        <v>-7907.1050359712199</v>
      </c>
      <c r="BL3246" s="53">
        <v>-7907.1050359712199</v>
      </c>
      <c r="BM3246" s="53">
        <v>-7907.1050359712199</v>
      </c>
      <c r="BN3246" s="53">
        <v>-94885.260431654693</v>
      </c>
      <c r="BO3246" s="53">
        <v>-7907.1050359712199</v>
      </c>
      <c r="BP3246" s="53">
        <v>-7907.1050359712199</v>
      </c>
      <c r="BQ3246" s="53">
        <v>-7907.1050359712199</v>
      </c>
      <c r="BR3246" s="53">
        <v>-7907.1050359712199</v>
      </c>
      <c r="BS3246" s="53">
        <v>-7907.1050359712199</v>
      </c>
      <c r="BT3246" s="53">
        <v>-7907.1050359712199</v>
      </c>
      <c r="BU3246" s="53">
        <v>-7907.1050359712199</v>
      </c>
      <c r="BV3246" s="53">
        <v>-7907.1050359712199</v>
      </c>
      <c r="BW3246" s="53">
        <v>-7907.1050359712199</v>
      </c>
      <c r="BX3246" s="53">
        <v>-7907.1050359712199</v>
      </c>
      <c r="BY3246" s="53">
        <v>-7907.1050359712199</v>
      </c>
      <c r="BZ3246" s="53">
        <v>-7907.1050359712199</v>
      </c>
      <c r="CA3246" s="53">
        <v>-94885.260431654693</v>
      </c>
      <c r="CB3246" s="53"/>
      <c r="CC3246" s="53"/>
      <c r="CD3246" s="53"/>
      <c r="CE3246" s="53"/>
      <c r="CF3246" s="53"/>
      <c r="CG3246" s="53"/>
      <c r="CH3246" s="53"/>
      <c r="CI3246" s="53"/>
      <c r="CJ3246" s="53"/>
      <c r="CK3246" s="53"/>
      <c r="CL3246" s="53"/>
      <c r="CM3246" s="53"/>
      <c r="CN3246" s="53"/>
    </row>
    <row r="3247" spans="1:92" outlineLevel="1">
      <c r="A3247" s="52" t="s">
        <v>1565</v>
      </c>
      <c r="B3247" s="53">
        <v>-8857.0264993026503</v>
      </c>
      <c r="C3247" s="53">
        <v>-8857.0264993026503</v>
      </c>
      <c r="D3247" s="53">
        <v>-8857.0264993026503</v>
      </c>
      <c r="E3247" s="53">
        <v>-8857.0264993026503</v>
      </c>
      <c r="F3247" s="53">
        <v>-8857.0264993026503</v>
      </c>
      <c r="G3247" s="53">
        <v>-8857.0264993026503</v>
      </c>
      <c r="H3247" s="53">
        <v>-8857.0264993026503</v>
      </c>
      <c r="I3247" s="53">
        <v>-8857.0264993026503</v>
      </c>
      <c r="J3247" s="53">
        <v>-8857.0264993026394</v>
      </c>
      <c r="K3247" s="53">
        <v>-8857.0264993026394</v>
      </c>
      <c r="L3247" s="53">
        <v>-8857.0264993026394</v>
      </c>
      <c r="M3247" s="53">
        <v>-8857.0264993026394</v>
      </c>
      <c r="N3247" s="53">
        <v>-106284.317991631</v>
      </c>
      <c r="O3247" s="53">
        <v>-8857.0264993026394</v>
      </c>
      <c r="P3247" s="53">
        <v>-8857.0264993026394</v>
      </c>
      <c r="Q3247" s="53">
        <v>-8857.0264993026394</v>
      </c>
      <c r="R3247" s="53">
        <v>-8857.0264993026394</v>
      </c>
      <c r="S3247" s="53">
        <v>-8857.0264993026394</v>
      </c>
      <c r="T3247" s="53">
        <v>-8857.0264993026394</v>
      </c>
      <c r="U3247" s="53">
        <v>-8857.0264993026394</v>
      </c>
      <c r="V3247" s="53">
        <v>-8857.0264993026394</v>
      </c>
      <c r="W3247" s="53">
        <v>-8857.0264993026394</v>
      </c>
      <c r="X3247" s="53">
        <v>-8857.0264993026394</v>
      </c>
      <c r="Y3247" s="53">
        <v>-8857.0264993026394</v>
      </c>
      <c r="Z3247" s="53">
        <v>-8857.0264993026394</v>
      </c>
      <c r="AA3247" s="53">
        <v>-106284.317991631</v>
      </c>
      <c r="AB3247" s="53">
        <v>-8857.0264993026394</v>
      </c>
      <c r="AC3247" s="53">
        <v>-8857.0264993026394</v>
      </c>
      <c r="AD3247" s="53">
        <v>-8857.0264993026394</v>
      </c>
      <c r="AE3247" s="53">
        <v>-8857.0264993026394</v>
      </c>
      <c r="AF3247" s="53">
        <v>-8857.0264993026394</v>
      </c>
      <c r="AG3247" s="53">
        <v>-8857.0264993026394</v>
      </c>
      <c r="AH3247" s="53">
        <v>-8857.0264993026394</v>
      </c>
      <c r="AI3247" s="53">
        <v>-8857.0264993026394</v>
      </c>
      <c r="AJ3247" s="53">
        <v>-8857.0264993026394</v>
      </c>
      <c r="AK3247" s="53">
        <v>-8857.0264993026394</v>
      </c>
      <c r="AL3247" s="53">
        <v>-8857.0264993026394</v>
      </c>
      <c r="AM3247" s="53">
        <v>-8857.0264993026394</v>
      </c>
      <c r="AN3247" s="53">
        <v>-106284.317991631</v>
      </c>
      <c r="AO3247" s="53">
        <v>-8857.0264993026394</v>
      </c>
      <c r="AP3247" s="53">
        <v>-8857.0264993026394</v>
      </c>
      <c r="AQ3247" s="53">
        <v>-8857.0264993026394</v>
      </c>
      <c r="AR3247" s="53">
        <v>-8857.0264993026394</v>
      </c>
      <c r="AS3247" s="53">
        <v>-8857.0264993026394</v>
      </c>
      <c r="AT3247" s="53">
        <v>-8857.0264993026394</v>
      </c>
      <c r="AU3247" s="53">
        <v>-8857.0264993026394</v>
      </c>
      <c r="AV3247" s="53">
        <v>-8857.0264993026394</v>
      </c>
      <c r="AW3247" s="53">
        <v>-8857.0264993026394</v>
      </c>
      <c r="AX3247" s="53">
        <v>-8857.0264993026394</v>
      </c>
      <c r="AY3247" s="53">
        <v>-8857.0264993026394</v>
      </c>
      <c r="AZ3247" s="53">
        <v>-8857.0264993026394</v>
      </c>
      <c r="BA3247" s="53">
        <v>-106284.317991631</v>
      </c>
      <c r="BB3247" s="53">
        <v>-8857.0264993026394</v>
      </c>
      <c r="BC3247" s="53">
        <v>-8857.0264993026394</v>
      </c>
      <c r="BD3247" s="53">
        <v>-8857.0264993026394</v>
      </c>
      <c r="BE3247" s="53">
        <v>-8857.0264993026394</v>
      </c>
      <c r="BF3247" s="53">
        <v>-8857.0264993026394</v>
      </c>
      <c r="BG3247" s="53">
        <v>-8857.0264993026394</v>
      </c>
      <c r="BH3247" s="53">
        <v>-8857.0264993026303</v>
      </c>
      <c r="BI3247" s="53">
        <v>-8857.0264993026303</v>
      </c>
      <c r="BJ3247" s="53">
        <v>-8857.0264993026303</v>
      </c>
      <c r="BK3247" s="53">
        <v>-8857.0264993026303</v>
      </c>
      <c r="BL3247" s="53">
        <v>-8857.0264993026303</v>
      </c>
      <c r="BM3247" s="53">
        <v>-8857.0264993026303</v>
      </c>
      <c r="BN3247" s="53">
        <v>-106284.317991631</v>
      </c>
      <c r="BO3247" s="53">
        <v>-8857.0264993026303</v>
      </c>
      <c r="BP3247" s="53">
        <v>-8857.0264993026303</v>
      </c>
      <c r="BQ3247" s="53">
        <v>-8857.0264993026303</v>
      </c>
      <c r="BR3247" s="53">
        <v>-8857.0264993026303</v>
      </c>
      <c r="BS3247" s="53">
        <v>-8857.0264993026303</v>
      </c>
      <c r="BT3247" s="53">
        <v>-8857.0264993026303</v>
      </c>
      <c r="BU3247" s="53">
        <v>-8857.0264993026303</v>
      </c>
      <c r="BV3247" s="53">
        <v>-8857.0264993026303</v>
      </c>
      <c r="BW3247" s="53">
        <v>-8857.0264993026303</v>
      </c>
      <c r="BX3247" s="53">
        <v>-8857.0264993026303</v>
      </c>
      <c r="BY3247" s="53">
        <v>-8857.0264993026303</v>
      </c>
      <c r="BZ3247" s="53">
        <v>-8857.0264993026303</v>
      </c>
      <c r="CA3247" s="53">
        <v>-106284.317991631</v>
      </c>
      <c r="CB3247" s="53"/>
      <c r="CC3247" s="53"/>
      <c r="CD3247" s="53"/>
      <c r="CE3247" s="53"/>
      <c r="CF3247" s="53"/>
      <c r="CG3247" s="53"/>
      <c r="CH3247" s="53"/>
      <c r="CI3247" s="53"/>
      <c r="CJ3247" s="53"/>
      <c r="CK3247" s="53"/>
      <c r="CL3247" s="53"/>
      <c r="CM3247" s="53"/>
      <c r="CN3247" s="53"/>
    </row>
    <row r="3248" spans="1:92" outlineLevel="1">
      <c r="A3248" s="52" t="s">
        <v>1376</v>
      </c>
      <c r="B3248" s="53"/>
      <c r="C3248" s="53"/>
      <c r="D3248" s="53"/>
      <c r="E3248" s="53"/>
      <c r="F3248" s="53"/>
      <c r="G3248" s="53"/>
      <c r="H3248" s="53"/>
      <c r="I3248" s="53"/>
      <c r="J3248" s="53"/>
      <c r="K3248" s="53"/>
      <c r="L3248" s="53"/>
      <c r="M3248" s="53"/>
      <c r="N3248" s="53"/>
      <c r="O3248" s="53"/>
      <c r="P3248" s="53"/>
      <c r="Q3248" s="53"/>
      <c r="R3248" s="53"/>
      <c r="S3248" s="53"/>
      <c r="T3248" s="53"/>
      <c r="U3248" s="53"/>
      <c r="V3248" s="53"/>
      <c r="W3248" s="53"/>
      <c r="X3248" s="53"/>
      <c r="Y3248" s="53"/>
      <c r="Z3248" s="53"/>
      <c r="AA3248" s="53"/>
      <c r="AB3248" s="53"/>
      <c r="AC3248" s="53"/>
      <c r="AD3248" s="53"/>
      <c r="AE3248" s="53"/>
      <c r="AF3248" s="53"/>
      <c r="AG3248" s="53"/>
      <c r="AH3248" s="53"/>
      <c r="AI3248" s="53"/>
      <c r="AJ3248" s="53"/>
      <c r="AK3248" s="53"/>
      <c r="AL3248" s="53"/>
      <c r="AM3248" s="53"/>
      <c r="AN3248" s="53"/>
      <c r="AO3248" s="53"/>
      <c r="AP3248" s="53"/>
      <c r="AQ3248" s="53"/>
      <c r="AR3248" s="53"/>
      <c r="AS3248" s="53"/>
      <c r="AT3248" s="53"/>
      <c r="AU3248" s="53"/>
      <c r="AV3248" s="53"/>
      <c r="AW3248" s="53"/>
      <c r="AX3248" s="53"/>
      <c r="AY3248" s="53"/>
      <c r="AZ3248" s="53"/>
      <c r="BA3248" s="53"/>
      <c r="BB3248" s="53"/>
      <c r="BC3248" s="53"/>
      <c r="BD3248" s="53"/>
      <c r="BE3248" s="53"/>
      <c r="BF3248" s="53"/>
      <c r="BG3248" s="53"/>
      <c r="BH3248" s="53"/>
      <c r="BI3248" s="53"/>
      <c r="BJ3248" s="53"/>
      <c r="BK3248" s="53"/>
      <c r="BL3248" s="53"/>
      <c r="BM3248" s="53"/>
      <c r="BN3248" s="53"/>
      <c r="BO3248" s="53"/>
      <c r="BP3248" s="53"/>
      <c r="BQ3248" s="53"/>
      <c r="BR3248" s="53"/>
      <c r="BS3248" s="53"/>
      <c r="BT3248" s="53"/>
      <c r="BU3248" s="53"/>
      <c r="BV3248" s="53"/>
      <c r="BW3248" s="53"/>
      <c r="BX3248" s="53"/>
      <c r="BY3248" s="53"/>
      <c r="BZ3248" s="53"/>
      <c r="CA3248" s="53"/>
      <c r="CB3248" s="53"/>
      <c r="CC3248" s="53"/>
      <c r="CD3248" s="53"/>
      <c r="CE3248" s="53">
        <v>2139049.0324459602</v>
      </c>
      <c r="CF3248" s="53"/>
      <c r="CG3248" s="53">
        <v>2139049.0324459602</v>
      </c>
      <c r="CH3248" s="53"/>
      <c r="CI3248" s="53"/>
      <c r="CJ3248" s="53">
        <v>-389417.81489192997</v>
      </c>
      <c r="CK3248" s="53"/>
      <c r="CL3248" s="53"/>
      <c r="CM3248" s="53">
        <v>6207896.75</v>
      </c>
      <c r="CN3248" s="53">
        <v>10096577</v>
      </c>
    </row>
    <row r="3249" spans="1:92" outlineLevel="1">
      <c r="A3249" s="52" t="s">
        <v>1377</v>
      </c>
      <c r="B3249" s="53"/>
      <c r="C3249" s="53"/>
      <c r="D3249" s="53"/>
      <c r="E3249" s="53"/>
      <c r="F3249" s="53"/>
      <c r="G3249" s="53"/>
      <c r="H3249" s="53"/>
      <c r="I3249" s="53"/>
      <c r="J3249" s="53"/>
      <c r="K3249" s="53"/>
      <c r="L3249" s="53"/>
      <c r="M3249" s="53"/>
      <c r="N3249" s="53"/>
      <c r="O3249" s="53"/>
      <c r="P3249" s="53"/>
      <c r="Q3249" s="53"/>
      <c r="R3249" s="53"/>
      <c r="S3249" s="53"/>
      <c r="T3249" s="53"/>
      <c r="U3249" s="53"/>
      <c r="V3249" s="53"/>
      <c r="W3249" s="53"/>
      <c r="X3249" s="53"/>
      <c r="Y3249" s="53"/>
      <c r="Z3249" s="53"/>
      <c r="AA3249" s="53"/>
      <c r="AB3249" s="53"/>
      <c r="AC3249" s="53"/>
      <c r="AD3249" s="53"/>
      <c r="AE3249" s="53"/>
      <c r="AF3249" s="53"/>
      <c r="AG3249" s="53"/>
      <c r="AH3249" s="53"/>
      <c r="AI3249" s="53"/>
      <c r="AJ3249" s="53"/>
      <c r="AK3249" s="53"/>
      <c r="AL3249" s="53"/>
      <c r="AM3249" s="53"/>
      <c r="AN3249" s="53"/>
      <c r="AO3249" s="53"/>
      <c r="AP3249" s="53"/>
      <c r="AQ3249" s="53"/>
      <c r="AR3249" s="53"/>
      <c r="AS3249" s="53"/>
      <c r="AT3249" s="53"/>
      <c r="AU3249" s="53"/>
      <c r="AV3249" s="53"/>
      <c r="AW3249" s="53"/>
      <c r="AX3249" s="53"/>
      <c r="AY3249" s="53"/>
      <c r="AZ3249" s="53"/>
      <c r="BA3249" s="53"/>
      <c r="BB3249" s="53"/>
      <c r="BC3249" s="53"/>
      <c r="BD3249" s="53"/>
      <c r="BE3249" s="53"/>
      <c r="BF3249" s="53"/>
      <c r="BG3249" s="53"/>
      <c r="BH3249" s="53"/>
      <c r="BI3249" s="53"/>
      <c r="BJ3249" s="53"/>
      <c r="BK3249" s="53"/>
      <c r="BL3249" s="53"/>
      <c r="BM3249" s="53"/>
      <c r="BN3249" s="53"/>
      <c r="BO3249" s="53"/>
      <c r="BP3249" s="53"/>
      <c r="BQ3249" s="53"/>
      <c r="BR3249" s="53"/>
      <c r="BS3249" s="53"/>
      <c r="BT3249" s="53"/>
      <c r="BU3249" s="53"/>
      <c r="BV3249" s="53"/>
      <c r="BW3249" s="53"/>
      <c r="BX3249" s="53"/>
      <c r="BY3249" s="53"/>
      <c r="BZ3249" s="53"/>
      <c r="CA3249" s="53"/>
      <c r="CB3249" s="53"/>
      <c r="CC3249" s="53"/>
      <c r="CD3249" s="53">
        <v>585831.63999823504</v>
      </c>
      <c r="CE3249" s="53"/>
      <c r="CF3249" s="53"/>
      <c r="CG3249" s="53"/>
      <c r="CH3249" s="53"/>
      <c r="CI3249" s="53"/>
      <c r="CJ3249" s="53">
        <v>659574.44485419604</v>
      </c>
      <c r="CK3249" s="53"/>
      <c r="CL3249" s="53"/>
      <c r="CM3249" s="53">
        <v>1678522.3330246501</v>
      </c>
      <c r="CN3249" s="53">
        <v>2923928.4178770799</v>
      </c>
    </row>
    <row r="3250" spans="1:92" outlineLevel="1">
      <c r="A3250" s="52" t="s">
        <v>1378</v>
      </c>
      <c r="B3250" s="53">
        <v>-1092858.8531758301</v>
      </c>
      <c r="C3250" s="53">
        <v>-1100788.4559366601</v>
      </c>
      <c r="D3250" s="53">
        <v>-547623.79020000005</v>
      </c>
      <c r="E3250" s="53">
        <v>-509720.25867333298</v>
      </c>
      <c r="F3250" s="53">
        <v>-1057819.7020399999</v>
      </c>
      <c r="G3250" s="53">
        <v>-3033714.06765666</v>
      </c>
      <c r="H3250" s="53">
        <v>-3055726.1908216602</v>
      </c>
      <c r="I3250" s="53">
        <v>-3077898.0293899998</v>
      </c>
      <c r="J3250" s="53">
        <v>-1034298.744295</v>
      </c>
      <c r="K3250" s="53">
        <v>-595115.44545583299</v>
      </c>
      <c r="L3250" s="53">
        <v>-599433.50796583295</v>
      </c>
      <c r="M3250" s="53">
        <v>-1206811.6939083301</v>
      </c>
      <c r="N3250" s="53">
        <v>-16911808.739519101</v>
      </c>
      <c r="O3250" s="53">
        <v>-1204871.6006449901</v>
      </c>
      <c r="P3250" s="53">
        <v>-1213613.9481673399</v>
      </c>
      <c r="Q3250" s="53">
        <v>-661267.92870625702</v>
      </c>
      <c r="R3250" s="53">
        <v>-624188.97858562798</v>
      </c>
      <c r="S3250" s="53">
        <v>-1173118.9897827399</v>
      </c>
      <c r="T3250" s="53">
        <v>-3149849.9456527801</v>
      </c>
      <c r="U3250" s="53">
        <v>-3172704.7318834402</v>
      </c>
      <c r="V3250" s="53">
        <v>-3195725.34863387</v>
      </c>
      <c r="W3250" s="53">
        <v>-1152980.9991426601</v>
      </c>
      <c r="X3250" s="53">
        <v>-714658.83710894606</v>
      </c>
      <c r="Y3250" s="53">
        <v>-719844.28252120304</v>
      </c>
      <c r="Z3250" s="53">
        <v>-1328096.1526611301</v>
      </c>
      <c r="AA3250" s="53">
        <v>-18310921.743491001</v>
      </c>
      <c r="AB3250" s="53">
        <v>-1326741.92699548</v>
      </c>
      <c r="AC3250" s="53">
        <v>-1336368.5452941</v>
      </c>
      <c r="AD3250" s="53">
        <v>-784913.21273066802</v>
      </c>
      <c r="AE3250" s="53">
        <v>-748731.412183373</v>
      </c>
      <c r="AF3250" s="53">
        <v>3.8769374325073702</v>
      </c>
      <c r="AG3250" s="53">
        <v>3.9050678443614002</v>
      </c>
      <c r="AH3250" s="53">
        <v>3.93340236579545</v>
      </c>
      <c r="AI3250" s="53">
        <v>3.9619424777946</v>
      </c>
      <c r="AJ3250" s="53">
        <v>3.9906896720897298</v>
      </c>
      <c r="AK3250" s="53">
        <v>4.0196454512354602</v>
      </c>
      <c r="AL3250" s="53">
        <v>4.0488113286887204</v>
      </c>
      <c r="AM3250" s="53">
        <v>4.0781888288877903</v>
      </c>
      <c r="AN3250" s="53">
        <v>-4196723.2825182201</v>
      </c>
      <c r="AO3250" s="53">
        <v>4.1077794873320599</v>
      </c>
      <c r="AP3250" s="53">
        <v>4.1375848506622299</v>
      </c>
      <c r="AQ3250" s="53">
        <v>4.1676064767411498</v>
      </c>
      <c r="AR3250" s="53">
        <v>4.1978459347353096</v>
      </c>
      <c r="AS3250" s="53">
        <v>4.2283048051967498</v>
      </c>
      <c r="AT3250" s="53">
        <v>4.2589846801457902</v>
      </c>
      <c r="AU3250" s="53">
        <v>4.28988716315415</v>
      </c>
      <c r="AV3250" s="53">
        <v>4.3210138694287998</v>
      </c>
      <c r="AW3250" s="53">
        <v>4.3523664258963901</v>
      </c>
      <c r="AX3250" s="53">
        <v>4.3839464712882901</v>
      </c>
      <c r="AY3250" s="53">
        <v>4.4157556562262101</v>
      </c>
      <c r="AZ3250" s="53">
        <v>4.4477956433085</v>
      </c>
      <c r="BA3250" s="53">
        <v>51.308871464115597</v>
      </c>
      <c r="BB3250" s="53">
        <v>4.48006810719707</v>
      </c>
      <c r="BC3250" s="53">
        <v>4.5125747347048701</v>
      </c>
      <c r="BD3250" s="53">
        <v>4.5453172248840996</v>
      </c>
      <c r="BE3250" s="53">
        <v>4.57829728911498</v>
      </c>
      <c r="BF3250" s="53">
        <v>4.6115166511952497</v>
      </c>
      <c r="BG3250" s="53">
        <v>4.6449770474302099</v>
      </c>
      <c r="BH3250" s="53">
        <v>4.6786802267235101</v>
      </c>
      <c r="BI3250" s="53">
        <v>4.71262795066857</v>
      </c>
      <c r="BJ3250" s="53">
        <v>4.7468219936406202</v>
      </c>
      <c r="BK3250" s="53">
        <v>4.7812641428894702</v>
      </c>
      <c r="BL3250" s="53">
        <v>4.81595619863291</v>
      </c>
      <c r="BM3250" s="53">
        <v>4.8508999741508196</v>
      </c>
      <c r="BN3250" s="53">
        <v>55.959001541232396</v>
      </c>
      <c r="BO3250" s="53">
        <v>4.8860972958799103</v>
      </c>
      <c r="BP3250" s="53">
        <v>4.9215500035092301</v>
      </c>
      <c r="BQ3250" s="53">
        <v>4.9572599500763399</v>
      </c>
      <c r="BR3250" s="53">
        <v>4.9932290020640604</v>
      </c>
      <c r="BS3250" s="53"/>
      <c r="BT3250" s="53"/>
      <c r="BU3250" s="53"/>
      <c r="BV3250" s="53"/>
      <c r="BW3250" s="53"/>
      <c r="BX3250" s="53"/>
      <c r="BY3250" s="53"/>
      <c r="BZ3250" s="53"/>
      <c r="CA3250" s="53">
        <v>19.7581362515295</v>
      </c>
      <c r="CB3250" s="53"/>
      <c r="CC3250" s="53"/>
      <c r="CD3250" s="53"/>
      <c r="CE3250" s="53"/>
      <c r="CF3250" s="53"/>
      <c r="CG3250" s="53"/>
      <c r="CH3250" s="53"/>
      <c r="CI3250" s="53"/>
      <c r="CJ3250" s="53"/>
      <c r="CK3250" s="53"/>
      <c r="CL3250" s="53"/>
      <c r="CM3250" s="53"/>
      <c r="CN3250" s="53"/>
    </row>
    <row r="3251" spans="1:92" outlineLevel="1">
      <c r="A3251" s="52" t="s">
        <v>1379</v>
      </c>
      <c r="B3251" s="53">
        <v>-289089.632509007</v>
      </c>
      <c r="C3251" s="53">
        <v>-290850.66529097001</v>
      </c>
      <c r="D3251" s="53">
        <v>-292622.43963176099</v>
      </c>
      <c r="E3251" s="53">
        <v>-294404.99022865598</v>
      </c>
      <c r="F3251" s="53">
        <v>-296198.40715600102</v>
      </c>
      <c r="G3251" s="53">
        <v>-298002.75499340898</v>
      </c>
      <c r="H3251" s="53">
        <v>-299818.08483441698</v>
      </c>
      <c r="I3251" s="53">
        <v>-301644.47794360301</v>
      </c>
      <c r="J3251" s="53">
        <v>-303482.00289655698</v>
      </c>
      <c r="K3251" s="53">
        <v>-305330.71414299699</v>
      </c>
      <c r="L3251" s="53">
        <v>-307190.68249075598</v>
      </c>
      <c r="M3251" s="53">
        <v>-309061.98052333301</v>
      </c>
      <c r="N3251" s="53">
        <v>-3587696.8326414698</v>
      </c>
      <c r="O3251" s="53">
        <v>-310944.68276122899</v>
      </c>
      <c r="P3251" s="53">
        <v>-312838.85412038199</v>
      </c>
      <c r="Q3251" s="53">
        <v>-314744.56414006598</v>
      </c>
      <c r="R3251" s="53">
        <v>-316661.88310995197</v>
      </c>
      <c r="S3251" s="53">
        <v>-318590.88174789702</v>
      </c>
      <c r="T3251" s="53">
        <v>-320531.63120254403</v>
      </c>
      <c r="U3251" s="53">
        <v>-322484.20305595302</v>
      </c>
      <c r="V3251" s="53">
        <v>-324448.66932623601</v>
      </c>
      <c r="W3251" s="53">
        <v>-326425.10247021401</v>
      </c>
      <c r="X3251" s="53">
        <v>-328413.57538609498</v>
      </c>
      <c r="Y3251" s="53">
        <v>-330414.16141615598</v>
      </c>
      <c r="Z3251" s="53">
        <v>-332426.934349449</v>
      </c>
      <c r="AA3251" s="53">
        <v>-3858925.1430861698</v>
      </c>
      <c r="AB3251" s="53">
        <v>-334451.96842452802</v>
      </c>
      <c r="AC3251" s="53">
        <v>-336489.33833217999</v>
      </c>
      <c r="AD3251" s="53">
        <v>-338539.119218187</v>
      </c>
      <c r="AE3251" s="53">
        <v>-340601.38668609102</v>
      </c>
      <c r="AF3251" s="53">
        <v>-342676.21679998701</v>
      </c>
      <c r="AG3251" s="53">
        <v>-344763.68608732702</v>
      </c>
      <c r="AH3251" s="53">
        <v>-346863.871541742</v>
      </c>
      <c r="AI3251" s="53">
        <v>-348976.85062588402</v>
      </c>
      <c r="AJ3251" s="53">
        <v>-351102.70127428003</v>
      </c>
      <c r="AK3251" s="53">
        <v>-353241.50189620903</v>
      </c>
      <c r="AL3251" s="53">
        <v>-355393.33137859299</v>
      </c>
      <c r="AM3251" s="53">
        <v>-357558.26908890699</v>
      </c>
      <c r="AN3251" s="53">
        <v>-4150658.24135391</v>
      </c>
      <c r="AO3251" s="53">
        <v>-359736.39487810701</v>
      </c>
      <c r="AP3251" s="53">
        <v>-361927.78908357298</v>
      </c>
      <c r="AQ3251" s="53">
        <v>-364132.53253207402</v>
      </c>
      <c r="AR3251" s="53">
        <v>-366350.70654274803</v>
      </c>
      <c r="AS3251" s="53">
        <v>-368582.39293010399</v>
      </c>
      <c r="AT3251" s="53">
        <v>-370827.67400703701</v>
      </c>
      <c r="AU3251" s="53">
        <v>-373086.63258786203</v>
      </c>
      <c r="AV3251" s="53">
        <v>-375359.35199137701</v>
      </c>
      <c r="AW3251" s="53">
        <v>-377645.91604392399</v>
      </c>
      <c r="AX3251" s="53">
        <v>-379946.40908249101</v>
      </c>
      <c r="AY3251" s="53">
        <v>-382260.91595781897</v>
      </c>
      <c r="AZ3251" s="53">
        <v>-384589.52203752799</v>
      </c>
      <c r="BA3251" s="53">
        <v>-4464446.2376746396</v>
      </c>
      <c r="BB3251" s="53">
        <v>-386932.31320927298</v>
      </c>
      <c r="BC3251" s="53">
        <v>-389289.37588390597</v>
      </c>
      <c r="BD3251" s="53">
        <v>-391660.79699866503</v>
      </c>
      <c r="BE3251" s="53">
        <v>-394046.66402038198</v>
      </c>
      <c r="BF3251" s="53">
        <v>-396447.06494870601</v>
      </c>
      <c r="BG3251" s="53">
        <v>-398862.08831935102</v>
      </c>
      <c r="BH3251" s="53">
        <v>-401291.82320736302</v>
      </c>
      <c r="BI3251" s="53">
        <v>-403736.3592304</v>
      </c>
      <c r="BJ3251" s="53">
        <v>-406195.78655204503</v>
      </c>
      <c r="BK3251" s="53">
        <v>-408670.19588512398</v>
      </c>
      <c r="BL3251" s="53">
        <v>-411159.67849505699</v>
      </c>
      <c r="BM3251" s="53">
        <v>-413664.32620322099</v>
      </c>
      <c r="BN3251" s="53">
        <v>-4801956.47295349</v>
      </c>
      <c r="BO3251" s="53">
        <v>-416184.23139034002</v>
      </c>
      <c r="BP3251" s="53">
        <v>-418719.48699989298</v>
      </c>
      <c r="BQ3251" s="53">
        <v>-421270.186541526</v>
      </c>
      <c r="BR3251" s="53"/>
      <c r="BS3251" s="53"/>
      <c r="BT3251" s="53"/>
      <c r="BU3251" s="53"/>
      <c r="BV3251" s="53"/>
      <c r="BW3251" s="53"/>
      <c r="BX3251" s="53"/>
      <c r="BY3251" s="53"/>
      <c r="BZ3251" s="53"/>
      <c r="CA3251" s="53">
        <v>-1256173.9049317599</v>
      </c>
      <c r="CB3251" s="53"/>
      <c r="CC3251" s="53"/>
      <c r="CD3251" s="53"/>
      <c r="CE3251" s="53"/>
      <c r="CF3251" s="53"/>
      <c r="CG3251" s="53"/>
      <c r="CH3251" s="53"/>
      <c r="CI3251" s="53"/>
      <c r="CJ3251" s="53"/>
      <c r="CK3251" s="53"/>
      <c r="CL3251" s="53"/>
      <c r="CM3251" s="53"/>
      <c r="CN3251" s="53"/>
    </row>
    <row r="3252" spans="1:92" outlineLevel="1">
      <c r="A3252" s="52" t="s">
        <v>1587</v>
      </c>
      <c r="B3252" s="53"/>
      <c r="C3252" s="53"/>
      <c r="D3252" s="53"/>
      <c r="E3252" s="53"/>
      <c r="F3252" s="53"/>
      <c r="G3252" s="53"/>
      <c r="H3252" s="53"/>
      <c r="I3252" s="53"/>
      <c r="J3252" s="53"/>
      <c r="K3252" s="53"/>
      <c r="L3252" s="53"/>
      <c r="M3252" s="53"/>
      <c r="N3252" s="53"/>
      <c r="O3252" s="53"/>
      <c r="P3252" s="53"/>
      <c r="Q3252" s="53"/>
      <c r="R3252" s="53"/>
      <c r="S3252" s="53"/>
      <c r="T3252" s="53"/>
      <c r="U3252" s="53"/>
      <c r="V3252" s="53"/>
      <c r="W3252" s="53"/>
      <c r="X3252" s="53"/>
      <c r="Y3252" s="53"/>
      <c r="Z3252" s="53"/>
      <c r="AA3252" s="53"/>
      <c r="AB3252" s="53"/>
      <c r="AC3252" s="53"/>
      <c r="AD3252" s="53"/>
      <c r="AE3252" s="53"/>
      <c r="AF3252" s="53"/>
      <c r="AG3252" s="53"/>
      <c r="AH3252" s="53"/>
      <c r="AI3252" s="53"/>
      <c r="AJ3252" s="53"/>
      <c r="AK3252" s="53"/>
      <c r="AL3252" s="53"/>
      <c r="AM3252" s="53"/>
      <c r="AN3252" s="53"/>
      <c r="AO3252" s="53"/>
      <c r="AP3252" s="53"/>
      <c r="AQ3252" s="53"/>
      <c r="AR3252" s="53"/>
      <c r="AS3252" s="53"/>
      <c r="AT3252" s="53"/>
      <c r="AU3252" s="53"/>
      <c r="AV3252" s="53"/>
      <c r="AW3252" s="53"/>
      <c r="AX3252" s="53"/>
      <c r="AY3252" s="53"/>
      <c r="AZ3252" s="53"/>
      <c r="BA3252" s="53"/>
      <c r="BB3252" s="53"/>
      <c r="BC3252" s="53"/>
      <c r="BD3252" s="53"/>
      <c r="BE3252" s="53"/>
      <c r="BF3252" s="53"/>
      <c r="BG3252" s="53"/>
      <c r="BH3252" s="53"/>
      <c r="BI3252" s="53"/>
      <c r="BJ3252" s="53"/>
      <c r="BK3252" s="53"/>
      <c r="BL3252" s="53"/>
      <c r="BM3252" s="53"/>
      <c r="BN3252" s="53"/>
      <c r="BO3252" s="53"/>
      <c r="BP3252" s="53"/>
      <c r="BQ3252" s="53"/>
      <c r="BR3252" s="53"/>
      <c r="BS3252" s="53"/>
      <c r="BT3252" s="53"/>
      <c r="BU3252" s="53"/>
      <c r="BV3252" s="53"/>
      <c r="BW3252" s="53"/>
      <c r="BX3252" s="53"/>
      <c r="BY3252" s="53"/>
      <c r="BZ3252" s="53"/>
      <c r="CA3252" s="53"/>
      <c r="CB3252" s="53"/>
      <c r="CC3252" s="53"/>
      <c r="CD3252" s="53"/>
      <c r="CE3252" s="53"/>
      <c r="CF3252" s="53"/>
      <c r="CG3252" s="53"/>
      <c r="CH3252" s="53"/>
      <c r="CI3252" s="53"/>
      <c r="CJ3252" s="53"/>
      <c r="CK3252" s="53"/>
      <c r="CL3252" s="53"/>
      <c r="CM3252" s="53"/>
      <c r="CN3252" s="53"/>
    </row>
    <row r="3253" spans="1:92" outlineLevel="1">
      <c r="A3253" s="52" t="s">
        <v>1378</v>
      </c>
      <c r="B3253" s="53">
        <v>-1204871.6006449901</v>
      </c>
      <c r="C3253" s="53">
        <v>-1213613.9481673399</v>
      </c>
      <c r="D3253" s="53">
        <v>-661267.92870625702</v>
      </c>
      <c r="E3253" s="53">
        <v>-624188.97858562798</v>
      </c>
      <c r="F3253" s="53">
        <v>-1173118.9897827399</v>
      </c>
      <c r="G3253" s="53">
        <v>-3149849.9456527801</v>
      </c>
      <c r="H3253" s="53">
        <v>-3172704.7318834402</v>
      </c>
      <c r="I3253" s="53">
        <v>-3195725.34863387</v>
      </c>
      <c r="J3253" s="53">
        <v>-1152980.9991426601</v>
      </c>
      <c r="K3253" s="53">
        <v>-714658.83710894606</v>
      </c>
      <c r="L3253" s="53">
        <v>-719844.28252120304</v>
      </c>
      <c r="M3253" s="53">
        <v>-1328096.1526611301</v>
      </c>
      <c r="N3253" s="53">
        <v>-18310921.743491001</v>
      </c>
      <c r="O3253" s="53">
        <v>-1326741.92699548</v>
      </c>
      <c r="P3253" s="53">
        <v>-1336368.5452941</v>
      </c>
      <c r="Q3253" s="53">
        <v>-784913.21273066802</v>
      </c>
      <c r="R3253" s="53">
        <v>-748731.412183373</v>
      </c>
      <c r="S3253" s="53">
        <v>3.8769374325073702</v>
      </c>
      <c r="T3253" s="53">
        <v>3.9050678443614002</v>
      </c>
      <c r="U3253" s="53">
        <v>3.93340236579545</v>
      </c>
      <c r="V3253" s="53">
        <v>3.9619424777946</v>
      </c>
      <c r="W3253" s="53">
        <v>3.9906896720897298</v>
      </c>
      <c r="X3253" s="53">
        <v>4.0196454512354602</v>
      </c>
      <c r="Y3253" s="53">
        <v>4.0488113286887204</v>
      </c>
      <c r="Z3253" s="53">
        <v>4.0781888288877903</v>
      </c>
      <c r="AA3253" s="53">
        <v>-4196723.2825182201</v>
      </c>
      <c r="AB3253" s="53">
        <v>4.1077794873320599</v>
      </c>
      <c r="AC3253" s="53">
        <v>4.1375848506622299</v>
      </c>
      <c r="AD3253" s="53">
        <v>4.1676064767411498</v>
      </c>
      <c r="AE3253" s="53">
        <v>4.1978459347353096</v>
      </c>
      <c r="AF3253" s="53">
        <v>4.2283048051967498</v>
      </c>
      <c r="AG3253" s="53">
        <v>4.2589846801457902</v>
      </c>
      <c r="AH3253" s="53">
        <v>4.28988716315415</v>
      </c>
      <c r="AI3253" s="53">
        <v>4.3210138694287998</v>
      </c>
      <c r="AJ3253" s="53">
        <v>4.3523664258963901</v>
      </c>
      <c r="AK3253" s="53">
        <v>4.3839464712882901</v>
      </c>
      <c r="AL3253" s="53">
        <v>4.4157556562262101</v>
      </c>
      <c r="AM3253" s="53">
        <v>4.4477956433085</v>
      </c>
      <c r="AN3253" s="53">
        <v>51.308871464115597</v>
      </c>
      <c r="AO3253" s="53">
        <v>4.48006810719707</v>
      </c>
      <c r="AP3253" s="53">
        <v>4.5125747347048701</v>
      </c>
      <c r="AQ3253" s="53">
        <v>4.5453172248840996</v>
      </c>
      <c r="AR3253" s="53">
        <v>4.57829728911498</v>
      </c>
      <c r="AS3253" s="53">
        <v>4.6115166511952497</v>
      </c>
      <c r="AT3253" s="53">
        <v>4.6449770474302099</v>
      </c>
      <c r="AU3253" s="53">
        <v>4.6786802267235101</v>
      </c>
      <c r="AV3253" s="53">
        <v>4.71262795066857</v>
      </c>
      <c r="AW3253" s="53">
        <v>4.7468219936406202</v>
      </c>
      <c r="AX3253" s="53">
        <v>4.7812641428894702</v>
      </c>
      <c r="AY3253" s="53">
        <v>4.81595619863291</v>
      </c>
      <c r="AZ3253" s="53">
        <v>4.8508999741508196</v>
      </c>
      <c r="BA3253" s="53">
        <v>55.959001541232396</v>
      </c>
      <c r="BB3253" s="53">
        <v>4.8860972958799103</v>
      </c>
      <c r="BC3253" s="53">
        <v>4.9215500035092301</v>
      </c>
      <c r="BD3253" s="53">
        <v>4.9572599500763399</v>
      </c>
      <c r="BE3253" s="53">
        <v>4.9932290020640604</v>
      </c>
      <c r="BF3253" s="53"/>
      <c r="BG3253" s="53"/>
      <c r="BH3253" s="53"/>
      <c r="BI3253" s="53"/>
      <c r="BJ3253" s="53"/>
      <c r="BK3253" s="53"/>
      <c r="BL3253" s="53"/>
      <c r="BM3253" s="53"/>
      <c r="BN3253" s="53">
        <v>19.7581362515295</v>
      </c>
      <c r="BO3253" s="53"/>
      <c r="BP3253" s="53"/>
      <c r="BQ3253" s="53"/>
      <c r="BR3253" s="53"/>
      <c r="BS3253" s="53"/>
      <c r="BT3253" s="53"/>
      <c r="BU3253" s="53"/>
      <c r="BV3253" s="53"/>
      <c r="BW3253" s="53"/>
      <c r="BX3253" s="53"/>
      <c r="BY3253" s="53"/>
      <c r="BZ3253" s="53"/>
      <c r="CA3253" s="53"/>
      <c r="CB3253" s="53"/>
      <c r="CC3253" s="53"/>
      <c r="CD3253" s="53"/>
      <c r="CE3253" s="53"/>
      <c r="CF3253" s="53"/>
      <c r="CG3253" s="53"/>
      <c r="CH3253" s="53"/>
      <c r="CI3253" s="53"/>
      <c r="CJ3253" s="53"/>
      <c r="CK3253" s="53"/>
      <c r="CL3253" s="53"/>
      <c r="CM3253" s="53"/>
      <c r="CN3253" s="53"/>
    </row>
    <row r="3254" spans="1:92" outlineLevel="1">
      <c r="A3254" s="52" t="s">
        <v>1379</v>
      </c>
      <c r="B3254" s="53">
        <v>-310944.68276122899</v>
      </c>
      <c r="C3254" s="53">
        <v>-312838.85412038199</v>
      </c>
      <c r="D3254" s="53">
        <v>-314744.56414006598</v>
      </c>
      <c r="E3254" s="53">
        <v>-316661.88310995197</v>
      </c>
      <c r="F3254" s="53">
        <v>-318590.88174789702</v>
      </c>
      <c r="G3254" s="53">
        <v>-320531.63120254403</v>
      </c>
      <c r="H3254" s="53">
        <v>-322484.20305595302</v>
      </c>
      <c r="I3254" s="53">
        <v>-324448.66932623601</v>
      </c>
      <c r="J3254" s="53">
        <v>-326425.10247021401</v>
      </c>
      <c r="K3254" s="53">
        <v>-328413.57538609498</v>
      </c>
      <c r="L3254" s="53">
        <v>-330414.16141615598</v>
      </c>
      <c r="M3254" s="53">
        <v>-332426.934349449</v>
      </c>
      <c r="N3254" s="53">
        <v>-3858925.1430861698</v>
      </c>
      <c r="O3254" s="53">
        <v>-334451.96842452802</v>
      </c>
      <c r="P3254" s="53">
        <v>-336489.33833217999</v>
      </c>
      <c r="Q3254" s="53">
        <v>-338539.119218187</v>
      </c>
      <c r="R3254" s="53">
        <v>-340601.38668609102</v>
      </c>
      <c r="S3254" s="53">
        <v>-342676.21679998701</v>
      </c>
      <c r="T3254" s="53">
        <v>-344763.68608732702</v>
      </c>
      <c r="U3254" s="53">
        <v>-346863.871541742</v>
      </c>
      <c r="V3254" s="53">
        <v>-348976.85062588402</v>
      </c>
      <c r="W3254" s="53">
        <v>-351102.70127428003</v>
      </c>
      <c r="X3254" s="53">
        <v>-353241.50189620903</v>
      </c>
      <c r="Y3254" s="53">
        <v>-355393.33137859299</v>
      </c>
      <c r="Z3254" s="53">
        <v>-357558.26908890699</v>
      </c>
      <c r="AA3254" s="53">
        <v>-4150658.24135391</v>
      </c>
      <c r="AB3254" s="53">
        <v>-359736.39487810701</v>
      </c>
      <c r="AC3254" s="53">
        <v>-361927.78908357298</v>
      </c>
      <c r="AD3254" s="53">
        <v>-364132.53253207402</v>
      </c>
      <c r="AE3254" s="53">
        <v>-366350.70654274803</v>
      </c>
      <c r="AF3254" s="53">
        <v>-368582.39293010399</v>
      </c>
      <c r="AG3254" s="53">
        <v>-370827.67400703701</v>
      </c>
      <c r="AH3254" s="53">
        <v>-373086.63258786203</v>
      </c>
      <c r="AI3254" s="53">
        <v>-375359.35199137701</v>
      </c>
      <c r="AJ3254" s="53">
        <v>-377645.91604392399</v>
      </c>
      <c r="AK3254" s="53">
        <v>-379946.40908249101</v>
      </c>
      <c r="AL3254" s="53">
        <v>-382260.91595781897</v>
      </c>
      <c r="AM3254" s="53">
        <v>-384589.52203752799</v>
      </c>
      <c r="AN3254" s="53">
        <v>-4464446.2376746396</v>
      </c>
      <c r="AO3254" s="53">
        <v>-386932.31320927298</v>
      </c>
      <c r="AP3254" s="53">
        <v>-389289.37588390597</v>
      </c>
      <c r="AQ3254" s="53">
        <v>-391660.79699866503</v>
      </c>
      <c r="AR3254" s="53">
        <v>-394046.66402038198</v>
      </c>
      <c r="AS3254" s="53">
        <v>-396447.06494870601</v>
      </c>
      <c r="AT3254" s="53">
        <v>-398862.08831935102</v>
      </c>
      <c r="AU3254" s="53">
        <v>-401291.82320736302</v>
      </c>
      <c r="AV3254" s="53">
        <v>-403736.3592304</v>
      </c>
      <c r="AW3254" s="53">
        <v>-406195.78655204503</v>
      </c>
      <c r="AX3254" s="53">
        <v>-408670.19588512398</v>
      </c>
      <c r="AY3254" s="53">
        <v>-411159.67849505699</v>
      </c>
      <c r="AZ3254" s="53">
        <v>-413664.32620322099</v>
      </c>
      <c r="BA3254" s="53">
        <v>-4801956.47295349</v>
      </c>
      <c r="BB3254" s="53">
        <v>-416184.23139034002</v>
      </c>
      <c r="BC3254" s="53">
        <v>-418719.48699989298</v>
      </c>
      <c r="BD3254" s="53">
        <v>-421270.186541526</v>
      </c>
      <c r="BE3254" s="53"/>
      <c r="BF3254" s="53"/>
      <c r="BG3254" s="53"/>
      <c r="BH3254" s="53"/>
      <c r="BI3254" s="53"/>
      <c r="BJ3254" s="53"/>
      <c r="BK3254" s="53"/>
      <c r="BL3254" s="53"/>
      <c r="BM3254" s="53"/>
      <c r="BN3254" s="53">
        <v>-1256173.9049317599</v>
      </c>
      <c r="BO3254" s="53"/>
      <c r="BP3254" s="53"/>
      <c r="BQ3254" s="53"/>
      <c r="BR3254" s="53"/>
      <c r="BS3254" s="53"/>
      <c r="BT3254" s="53"/>
      <c r="BU3254" s="53"/>
      <c r="BV3254" s="53"/>
      <c r="BW3254" s="53"/>
      <c r="BX3254" s="53"/>
      <c r="BY3254" s="53"/>
      <c r="BZ3254" s="53"/>
      <c r="CA3254" s="53"/>
      <c r="CB3254" s="53"/>
      <c r="CC3254" s="53"/>
      <c r="CD3254" s="53"/>
      <c r="CE3254" s="53"/>
      <c r="CF3254" s="53"/>
      <c r="CG3254" s="53"/>
      <c r="CH3254" s="53"/>
      <c r="CI3254" s="53"/>
      <c r="CJ3254" s="53"/>
      <c r="CK3254" s="53"/>
      <c r="CL3254" s="53"/>
      <c r="CM3254" s="53"/>
      <c r="CN3254" s="53"/>
    </row>
    <row r="3255" spans="1:92" outlineLevel="1">
      <c r="A3255" s="52" t="s">
        <v>741</v>
      </c>
      <c r="B3255" s="53"/>
      <c r="C3255" s="53"/>
      <c r="D3255" s="53"/>
      <c r="E3255" s="53"/>
      <c r="F3255" s="53"/>
      <c r="G3255" s="53"/>
      <c r="H3255" s="53"/>
      <c r="I3255" s="53"/>
      <c r="J3255" s="53"/>
      <c r="K3255" s="53"/>
      <c r="L3255" s="53"/>
      <c r="M3255" s="53"/>
      <c r="N3255" s="53"/>
      <c r="O3255" s="53"/>
      <c r="P3255" s="53"/>
      <c r="Q3255" s="53"/>
      <c r="R3255" s="53"/>
      <c r="S3255" s="53"/>
      <c r="T3255" s="53"/>
      <c r="U3255" s="53"/>
      <c r="V3255" s="53"/>
      <c r="W3255" s="53"/>
      <c r="X3255" s="53"/>
      <c r="Y3255" s="53"/>
      <c r="Z3255" s="53"/>
      <c r="AA3255" s="53"/>
      <c r="AB3255" s="53"/>
      <c r="AC3255" s="53"/>
      <c r="AD3255" s="53"/>
      <c r="AE3255" s="53"/>
      <c r="AF3255" s="53"/>
      <c r="AG3255" s="53"/>
      <c r="AH3255" s="53"/>
      <c r="AI3255" s="53"/>
      <c r="AJ3255" s="53"/>
      <c r="AK3255" s="53"/>
      <c r="AL3255" s="53"/>
      <c r="AM3255" s="53"/>
      <c r="AN3255" s="53"/>
      <c r="AO3255" s="53"/>
      <c r="AP3255" s="53"/>
      <c r="AQ3255" s="53"/>
      <c r="AR3255" s="53"/>
      <c r="AS3255" s="53"/>
      <c r="AT3255" s="53"/>
      <c r="AU3255" s="53"/>
      <c r="AV3255" s="53"/>
      <c r="AW3255" s="53"/>
      <c r="AX3255" s="53"/>
      <c r="AY3255" s="53"/>
      <c r="AZ3255" s="53"/>
      <c r="BA3255" s="53"/>
      <c r="BB3255" s="53"/>
      <c r="BC3255" s="53"/>
      <c r="BD3255" s="53"/>
      <c r="BE3255" s="53"/>
      <c r="BF3255" s="53"/>
      <c r="BG3255" s="53"/>
      <c r="BH3255" s="53"/>
      <c r="BI3255" s="53"/>
      <c r="BJ3255" s="53"/>
      <c r="BK3255" s="53"/>
      <c r="BL3255" s="53"/>
      <c r="BM3255" s="53"/>
      <c r="BN3255" s="53"/>
      <c r="BO3255" s="53"/>
      <c r="BP3255" s="53"/>
      <c r="BQ3255" s="53"/>
      <c r="BR3255" s="53"/>
      <c r="BS3255" s="53"/>
      <c r="BT3255" s="53"/>
      <c r="BU3255" s="53"/>
      <c r="BV3255" s="53"/>
      <c r="BW3255" s="53"/>
      <c r="BX3255" s="53"/>
      <c r="BY3255" s="53"/>
      <c r="BZ3255" s="53"/>
      <c r="CA3255" s="53"/>
      <c r="CB3255" s="53"/>
      <c r="CC3255" s="53"/>
      <c r="CD3255" s="53"/>
      <c r="CE3255" s="53"/>
      <c r="CF3255" s="53"/>
      <c r="CG3255" s="53"/>
      <c r="CH3255" s="53"/>
      <c r="CI3255" s="53"/>
      <c r="CJ3255" s="53"/>
      <c r="CK3255" s="53"/>
      <c r="CL3255" s="53"/>
      <c r="CM3255" s="53"/>
      <c r="CN3255" s="53"/>
    </row>
    <row r="3256" spans="1:92" outlineLevel="1">
      <c r="A3256" s="52" t="s">
        <v>1632</v>
      </c>
      <c r="B3256" s="53"/>
      <c r="C3256" s="53"/>
      <c r="D3256" s="53"/>
      <c r="E3256" s="53"/>
      <c r="F3256" s="53"/>
      <c r="G3256" s="53"/>
      <c r="H3256" s="53"/>
      <c r="I3256" s="53"/>
      <c r="J3256" s="53"/>
      <c r="K3256" s="53"/>
      <c r="L3256" s="53"/>
      <c r="M3256" s="53"/>
      <c r="N3256" s="53"/>
      <c r="O3256" s="53"/>
      <c r="P3256" s="53"/>
      <c r="Q3256" s="53"/>
      <c r="R3256" s="53"/>
      <c r="S3256" s="53"/>
      <c r="T3256" s="53"/>
      <c r="U3256" s="53"/>
      <c r="V3256" s="53"/>
      <c r="W3256" s="53"/>
      <c r="X3256" s="53"/>
      <c r="Y3256" s="53"/>
      <c r="Z3256" s="53"/>
      <c r="AA3256" s="53"/>
      <c r="AB3256" s="53"/>
      <c r="AC3256" s="53"/>
      <c r="AD3256" s="53"/>
      <c r="AE3256" s="53"/>
      <c r="AF3256" s="53"/>
      <c r="AG3256" s="53"/>
      <c r="AH3256" s="53"/>
      <c r="AI3256" s="53"/>
      <c r="AJ3256" s="53"/>
      <c r="AK3256" s="53"/>
      <c r="AL3256" s="53"/>
      <c r="AM3256" s="53"/>
      <c r="AN3256" s="53"/>
      <c r="AO3256" s="53"/>
      <c r="AP3256" s="53"/>
      <c r="AQ3256" s="53"/>
      <c r="AR3256" s="53"/>
      <c r="AS3256" s="53"/>
      <c r="AT3256" s="53"/>
      <c r="AU3256" s="53"/>
      <c r="AV3256" s="53"/>
      <c r="AW3256" s="53"/>
      <c r="AX3256" s="53"/>
      <c r="AY3256" s="53"/>
      <c r="AZ3256" s="53"/>
      <c r="BA3256" s="53"/>
      <c r="BB3256" s="53"/>
      <c r="BC3256" s="53"/>
      <c r="BD3256" s="53"/>
      <c r="BE3256" s="53"/>
      <c r="BF3256" s="53"/>
      <c r="BG3256" s="53"/>
      <c r="BH3256" s="53"/>
      <c r="BI3256" s="53"/>
      <c r="BJ3256" s="53"/>
      <c r="BK3256" s="53"/>
      <c r="BL3256" s="53"/>
      <c r="BM3256" s="53"/>
      <c r="BN3256" s="53"/>
      <c r="BO3256" s="53"/>
      <c r="BP3256" s="53"/>
      <c r="BQ3256" s="53"/>
      <c r="BR3256" s="53"/>
      <c r="BS3256" s="53"/>
      <c r="BT3256" s="53"/>
      <c r="BU3256" s="53"/>
      <c r="BV3256" s="53"/>
      <c r="BW3256" s="53"/>
      <c r="BX3256" s="53"/>
      <c r="BY3256" s="53"/>
      <c r="BZ3256" s="53"/>
      <c r="CA3256" s="53"/>
      <c r="CB3256" s="53"/>
      <c r="CC3256" s="53"/>
      <c r="CD3256" s="53"/>
      <c r="CE3256" s="53"/>
      <c r="CF3256" s="53"/>
      <c r="CG3256" s="53"/>
      <c r="CH3256" s="53"/>
      <c r="CI3256" s="53"/>
      <c r="CJ3256" s="53"/>
      <c r="CK3256" s="53"/>
      <c r="CL3256" s="53"/>
      <c r="CM3256" s="53"/>
      <c r="CN3256" s="53"/>
    </row>
    <row r="3257" spans="1:92" outlineLevel="1">
      <c r="A3257" s="52" t="s">
        <v>649</v>
      </c>
      <c r="B3257" s="53"/>
      <c r="C3257" s="53"/>
      <c r="D3257" s="53"/>
      <c r="E3257" s="53"/>
      <c r="F3257" s="53"/>
      <c r="G3257" s="53"/>
      <c r="H3257" s="53"/>
      <c r="I3257" s="53"/>
      <c r="J3257" s="53"/>
      <c r="K3257" s="53"/>
      <c r="L3257" s="53"/>
      <c r="M3257" s="53"/>
      <c r="N3257" s="53"/>
      <c r="O3257" s="53">
        <v>-611879.56999999995</v>
      </c>
      <c r="P3257" s="53"/>
      <c r="Q3257" s="53"/>
      <c r="R3257" s="53"/>
      <c r="S3257" s="53"/>
      <c r="T3257" s="53"/>
      <c r="U3257" s="53"/>
      <c r="V3257" s="53"/>
      <c r="W3257" s="53"/>
      <c r="X3257" s="53"/>
      <c r="Y3257" s="53"/>
      <c r="Z3257" s="53"/>
      <c r="AA3257" s="53">
        <v>-611879.56999999995</v>
      </c>
      <c r="AB3257" s="53">
        <v>-1009241.17999999</v>
      </c>
      <c r="AC3257" s="53"/>
      <c r="AD3257" s="53"/>
      <c r="AE3257" s="53"/>
      <c r="AF3257" s="53"/>
      <c r="AG3257" s="53"/>
      <c r="AH3257" s="53"/>
      <c r="AI3257" s="53"/>
      <c r="AJ3257" s="53"/>
      <c r="AK3257" s="53"/>
      <c r="AL3257" s="53"/>
      <c r="AM3257" s="53"/>
      <c r="AN3257" s="53">
        <v>-1009241.17999999</v>
      </c>
      <c r="AO3257" s="53"/>
      <c r="AP3257" s="53"/>
      <c r="AQ3257" s="53"/>
      <c r="AR3257" s="53"/>
      <c r="AS3257" s="53"/>
      <c r="AT3257" s="53"/>
      <c r="AU3257" s="53"/>
      <c r="AV3257" s="53"/>
      <c r="AW3257" s="53"/>
      <c r="AX3257" s="53"/>
      <c r="AY3257" s="53"/>
      <c r="AZ3257" s="53"/>
      <c r="BA3257" s="53"/>
      <c r="BB3257" s="53"/>
      <c r="BC3257" s="53"/>
      <c r="BD3257" s="53"/>
      <c r="BE3257" s="53"/>
      <c r="BF3257" s="53"/>
      <c r="BG3257" s="53"/>
      <c r="BH3257" s="53"/>
      <c r="BI3257" s="53"/>
      <c r="BJ3257" s="53"/>
      <c r="BK3257" s="53"/>
      <c r="BL3257" s="53"/>
      <c r="BM3257" s="53"/>
      <c r="BN3257" s="53"/>
      <c r="BO3257" s="53"/>
      <c r="BP3257" s="53"/>
      <c r="BQ3257" s="53"/>
      <c r="BR3257" s="53"/>
      <c r="BS3257" s="53"/>
      <c r="BT3257" s="53"/>
      <c r="BU3257" s="53"/>
      <c r="BV3257" s="53"/>
      <c r="BW3257" s="53"/>
      <c r="BX3257" s="53"/>
      <c r="BY3257" s="53"/>
      <c r="BZ3257" s="53"/>
      <c r="CA3257" s="53"/>
      <c r="CB3257" s="53"/>
      <c r="CC3257" s="53"/>
      <c r="CD3257" s="53"/>
      <c r="CE3257" s="53"/>
      <c r="CF3257" s="53"/>
      <c r="CG3257" s="53"/>
      <c r="CH3257" s="53"/>
      <c r="CI3257" s="53"/>
      <c r="CJ3257" s="53"/>
      <c r="CK3257" s="53"/>
      <c r="CL3257" s="53"/>
      <c r="CM3257" s="53"/>
      <c r="CN3257" s="53"/>
    </row>
    <row r="3258" spans="1:92" outlineLevel="1">
      <c r="A3258" s="52" t="s">
        <v>745</v>
      </c>
      <c r="B3258" s="53"/>
      <c r="C3258" s="53"/>
      <c r="D3258" s="53"/>
      <c r="E3258" s="53"/>
      <c r="F3258" s="53"/>
      <c r="G3258" s="53"/>
      <c r="H3258" s="53"/>
      <c r="I3258" s="53"/>
      <c r="J3258" s="53"/>
      <c r="K3258" s="53"/>
      <c r="L3258" s="53"/>
      <c r="M3258" s="53"/>
      <c r="N3258" s="53"/>
      <c r="O3258" s="53"/>
      <c r="P3258" s="53"/>
      <c r="Q3258" s="53"/>
      <c r="R3258" s="53"/>
      <c r="S3258" s="53"/>
      <c r="T3258" s="53"/>
      <c r="U3258" s="53"/>
      <c r="V3258" s="53"/>
      <c r="W3258" s="53"/>
      <c r="X3258" s="53"/>
      <c r="Y3258" s="53"/>
      <c r="Z3258" s="53"/>
      <c r="AA3258" s="53"/>
      <c r="AB3258" s="53"/>
      <c r="AC3258" s="53"/>
      <c r="AD3258" s="53"/>
      <c r="AE3258" s="53"/>
      <c r="AF3258" s="53"/>
      <c r="AG3258" s="53"/>
      <c r="AH3258" s="53"/>
      <c r="AI3258" s="53"/>
      <c r="AJ3258" s="53"/>
      <c r="AK3258" s="53"/>
      <c r="AL3258" s="53"/>
      <c r="AM3258" s="53"/>
      <c r="AN3258" s="53"/>
      <c r="AO3258" s="53"/>
      <c r="AP3258" s="53"/>
      <c r="AQ3258" s="53"/>
      <c r="AR3258" s="53"/>
      <c r="AS3258" s="53"/>
      <c r="AT3258" s="53"/>
      <c r="AU3258" s="53"/>
      <c r="AV3258" s="53"/>
      <c r="AW3258" s="53"/>
      <c r="AX3258" s="53"/>
      <c r="AY3258" s="53"/>
      <c r="AZ3258" s="53"/>
      <c r="BA3258" s="53"/>
      <c r="BB3258" s="53"/>
      <c r="BC3258" s="53"/>
      <c r="BD3258" s="53"/>
      <c r="BE3258" s="53"/>
      <c r="BF3258" s="53"/>
      <c r="BG3258" s="53"/>
      <c r="BH3258" s="53"/>
      <c r="BI3258" s="53"/>
      <c r="BJ3258" s="53"/>
      <c r="BK3258" s="53"/>
      <c r="BL3258" s="53"/>
      <c r="BM3258" s="53"/>
      <c r="BN3258" s="53"/>
      <c r="BO3258" s="53"/>
      <c r="BP3258" s="53"/>
      <c r="BQ3258" s="53"/>
      <c r="BR3258" s="53"/>
      <c r="BS3258" s="53"/>
      <c r="BT3258" s="53"/>
      <c r="BU3258" s="53"/>
      <c r="BV3258" s="53"/>
      <c r="BW3258" s="53"/>
      <c r="BX3258" s="53"/>
      <c r="BY3258" s="53"/>
      <c r="BZ3258" s="53"/>
      <c r="CA3258" s="53"/>
      <c r="CB3258" s="53"/>
      <c r="CC3258" s="53"/>
      <c r="CD3258" s="53"/>
      <c r="CE3258" s="53"/>
      <c r="CF3258" s="53"/>
      <c r="CG3258" s="53"/>
      <c r="CH3258" s="53"/>
      <c r="CI3258" s="53"/>
      <c r="CJ3258" s="53"/>
      <c r="CK3258" s="53"/>
      <c r="CL3258" s="53"/>
      <c r="CM3258" s="53"/>
      <c r="CN3258" s="53"/>
    </row>
    <row r="3259" spans="1:92" outlineLevel="1">
      <c r="A3259" s="52" t="s">
        <v>1536</v>
      </c>
      <c r="B3259" s="53"/>
      <c r="C3259" s="53"/>
      <c r="D3259" s="53"/>
      <c r="E3259" s="53"/>
      <c r="F3259" s="53"/>
      <c r="G3259" s="53"/>
      <c r="H3259" s="53"/>
      <c r="I3259" s="53"/>
      <c r="J3259" s="53"/>
      <c r="K3259" s="53"/>
      <c r="L3259" s="53"/>
      <c r="M3259" s="53"/>
      <c r="N3259" s="53"/>
      <c r="O3259" s="53"/>
      <c r="P3259" s="53"/>
      <c r="Q3259" s="53"/>
      <c r="R3259" s="53"/>
      <c r="S3259" s="53"/>
      <c r="T3259" s="53"/>
      <c r="U3259" s="53"/>
      <c r="V3259" s="53"/>
      <c r="W3259" s="53"/>
      <c r="X3259" s="53"/>
      <c r="Y3259" s="53"/>
      <c r="Z3259" s="53"/>
      <c r="AA3259" s="53"/>
      <c r="AB3259" s="53"/>
      <c r="AC3259" s="53"/>
      <c r="AD3259" s="53"/>
      <c r="AE3259" s="53"/>
      <c r="AF3259" s="53"/>
      <c r="AG3259" s="53"/>
      <c r="AH3259" s="53"/>
      <c r="AI3259" s="53"/>
      <c r="AJ3259" s="53"/>
      <c r="AK3259" s="53"/>
      <c r="AL3259" s="53"/>
      <c r="AM3259" s="53"/>
      <c r="AN3259" s="53"/>
      <c r="AO3259" s="53"/>
      <c r="AP3259" s="53"/>
      <c r="AQ3259" s="53"/>
      <c r="AR3259" s="53"/>
      <c r="AS3259" s="53"/>
      <c r="AT3259" s="53"/>
      <c r="AU3259" s="53"/>
      <c r="AV3259" s="53"/>
      <c r="AW3259" s="53"/>
      <c r="AX3259" s="53"/>
      <c r="AY3259" s="53"/>
      <c r="AZ3259" s="53"/>
      <c r="BA3259" s="53"/>
      <c r="BB3259" s="53"/>
      <c r="BC3259" s="53"/>
      <c r="BD3259" s="53"/>
      <c r="BE3259" s="53"/>
      <c r="BF3259" s="53"/>
      <c r="BG3259" s="53"/>
      <c r="BH3259" s="53"/>
      <c r="BI3259" s="53"/>
      <c r="BJ3259" s="53"/>
      <c r="BK3259" s="53"/>
      <c r="BL3259" s="53"/>
      <c r="BM3259" s="53"/>
      <c r="BN3259" s="53"/>
      <c r="BO3259" s="53"/>
      <c r="BP3259" s="53"/>
      <c r="BQ3259" s="53"/>
      <c r="BR3259" s="53"/>
      <c r="BS3259" s="53"/>
      <c r="BT3259" s="53"/>
      <c r="BU3259" s="53"/>
      <c r="BV3259" s="53"/>
      <c r="BW3259" s="53"/>
      <c r="BX3259" s="53"/>
      <c r="BY3259" s="53"/>
      <c r="BZ3259" s="53"/>
      <c r="CA3259" s="53"/>
      <c r="CB3259" s="53"/>
      <c r="CC3259" s="53"/>
      <c r="CD3259" s="53"/>
      <c r="CE3259" s="53"/>
      <c r="CF3259" s="53"/>
      <c r="CG3259" s="53"/>
      <c r="CH3259" s="53"/>
      <c r="CI3259" s="53"/>
      <c r="CJ3259" s="53"/>
      <c r="CK3259" s="53"/>
      <c r="CL3259" s="53"/>
      <c r="CM3259" s="53"/>
      <c r="CN3259" s="53"/>
    </row>
    <row r="3260" spans="1:92" outlineLevel="1">
      <c r="A3260" s="52" t="s">
        <v>649</v>
      </c>
      <c r="B3260" s="53">
        <v>-198553999.91</v>
      </c>
      <c r="C3260" s="53">
        <v>-469895999.91000003</v>
      </c>
      <c r="D3260" s="53">
        <v>-453197999.91000003</v>
      </c>
      <c r="E3260" s="53">
        <v>-467650999.91000003</v>
      </c>
      <c r="F3260" s="53">
        <v>-538569999.90999997</v>
      </c>
      <c r="G3260" s="53">
        <v>-567609999.90999997</v>
      </c>
      <c r="H3260" s="53">
        <v>-504409999.91000003</v>
      </c>
      <c r="I3260" s="53">
        <v>-660678999.90999997</v>
      </c>
      <c r="J3260" s="53">
        <v>-679318999.90999997</v>
      </c>
      <c r="K3260" s="53">
        <v>-982916999.90999997</v>
      </c>
      <c r="L3260" s="53">
        <v>-320077999.91000003</v>
      </c>
      <c r="M3260" s="53">
        <v>-336523999.91000003</v>
      </c>
      <c r="N3260" s="53">
        <v>-6179405998.9199896</v>
      </c>
      <c r="O3260" s="53">
        <v>-604923999.90999997</v>
      </c>
      <c r="P3260" s="53"/>
      <c r="Q3260" s="53"/>
      <c r="R3260" s="53"/>
      <c r="S3260" s="53"/>
      <c r="T3260" s="53"/>
      <c r="U3260" s="53"/>
      <c r="V3260" s="53"/>
      <c r="W3260" s="53"/>
      <c r="X3260" s="53"/>
      <c r="Y3260" s="53"/>
      <c r="Z3260" s="53"/>
      <c r="AA3260" s="53">
        <v>-604923999.90999997</v>
      </c>
      <c r="AB3260" s="53"/>
      <c r="AC3260" s="53"/>
      <c r="AD3260" s="53"/>
      <c r="AE3260" s="53"/>
      <c r="AF3260" s="53"/>
      <c r="AG3260" s="53"/>
      <c r="AH3260" s="53"/>
      <c r="AI3260" s="53"/>
      <c r="AJ3260" s="53"/>
      <c r="AK3260" s="53"/>
      <c r="AL3260" s="53"/>
      <c r="AM3260" s="53"/>
      <c r="AN3260" s="53"/>
      <c r="AO3260" s="53"/>
      <c r="AP3260" s="53"/>
      <c r="AQ3260" s="53"/>
      <c r="AR3260" s="53"/>
      <c r="AS3260" s="53"/>
      <c r="AT3260" s="53"/>
      <c r="AU3260" s="53"/>
      <c r="AV3260" s="53"/>
      <c r="AW3260" s="53"/>
      <c r="AX3260" s="53"/>
      <c r="AY3260" s="53"/>
      <c r="AZ3260" s="53"/>
      <c r="BA3260" s="53"/>
      <c r="BB3260" s="53"/>
      <c r="BC3260" s="53"/>
      <c r="BD3260" s="53"/>
      <c r="BE3260" s="53"/>
      <c r="BF3260" s="53"/>
      <c r="BG3260" s="53"/>
      <c r="BH3260" s="53"/>
      <c r="BI3260" s="53"/>
      <c r="BJ3260" s="53"/>
      <c r="BK3260" s="53"/>
      <c r="BL3260" s="53"/>
      <c r="BM3260" s="53"/>
      <c r="BN3260" s="53"/>
      <c r="BO3260" s="53"/>
      <c r="BP3260" s="53"/>
      <c r="BQ3260" s="53"/>
      <c r="BR3260" s="53"/>
      <c r="BS3260" s="53"/>
      <c r="BT3260" s="53"/>
      <c r="BU3260" s="53"/>
      <c r="BV3260" s="53"/>
      <c r="BW3260" s="53"/>
      <c r="BX3260" s="53"/>
      <c r="BY3260" s="53"/>
      <c r="BZ3260" s="53"/>
      <c r="CA3260" s="53"/>
      <c r="CB3260" s="53"/>
      <c r="CC3260" s="53"/>
      <c r="CD3260" s="53"/>
      <c r="CE3260" s="53"/>
      <c r="CF3260" s="53"/>
      <c r="CG3260" s="53"/>
      <c r="CH3260" s="53"/>
      <c r="CI3260" s="53"/>
      <c r="CJ3260" s="53"/>
      <c r="CK3260" s="53"/>
      <c r="CL3260" s="53"/>
      <c r="CM3260" s="53"/>
      <c r="CN3260" s="53"/>
    </row>
    <row r="3261" spans="1:92" outlineLevel="1">
      <c r="A3261" s="52" t="s">
        <v>1537</v>
      </c>
      <c r="B3261" s="53"/>
      <c r="C3261" s="53"/>
      <c r="D3261" s="53"/>
      <c r="E3261" s="53"/>
      <c r="F3261" s="53"/>
      <c r="G3261" s="53"/>
      <c r="H3261" s="53"/>
      <c r="I3261" s="53"/>
      <c r="J3261" s="53"/>
      <c r="K3261" s="53"/>
      <c r="L3261" s="53"/>
      <c r="M3261" s="53"/>
      <c r="N3261" s="53"/>
      <c r="O3261" s="53"/>
      <c r="P3261" s="53"/>
      <c r="Q3261" s="53"/>
      <c r="R3261" s="53"/>
      <c r="S3261" s="53"/>
      <c r="T3261" s="53"/>
      <c r="U3261" s="53"/>
      <c r="V3261" s="53"/>
      <c r="W3261" s="53"/>
      <c r="X3261" s="53"/>
      <c r="Y3261" s="53"/>
      <c r="Z3261" s="53"/>
      <c r="AA3261" s="53"/>
      <c r="AB3261" s="53"/>
      <c r="AC3261" s="53"/>
      <c r="AD3261" s="53"/>
      <c r="AE3261" s="53"/>
      <c r="AF3261" s="53"/>
      <c r="AG3261" s="53"/>
      <c r="AH3261" s="53"/>
      <c r="AI3261" s="53"/>
      <c r="AJ3261" s="53"/>
      <c r="AK3261" s="53"/>
      <c r="AL3261" s="53"/>
      <c r="AM3261" s="53"/>
      <c r="AN3261" s="53"/>
      <c r="AO3261" s="53"/>
      <c r="AP3261" s="53"/>
      <c r="AQ3261" s="53"/>
      <c r="AR3261" s="53"/>
      <c r="AS3261" s="53"/>
      <c r="AT3261" s="53"/>
      <c r="AU3261" s="53"/>
      <c r="AV3261" s="53"/>
      <c r="AW3261" s="53"/>
      <c r="AX3261" s="53"/>
      <c r="AY3261" s="53"/>
      <c r="AZ3261" s="53"/>
      <c r="BA3261" s="53"/>
      <c r="BB3261" s="53"/>
      <c r="BC3261" s="53"/>
      <c r="BD3261" s="53"/>
      <c r="BE3261" s="53"/>
      <c r="BF3261" s="53"/>
      <c r="BG3261" s="53"/>
      <c r="BH3261" s="53"/>
      <c r="BI3261" s="53"/>
      <c r="BJ3261" s="53"/>
      <c r="BK3261" s="53"/>
      <c r="BL3261" s="53"/>
      <c r="BM3261" s="53"/>
      <c r="BN3261" s="53"/>
      <c r="BO3261" s="53"/>
      <c r="BP3261" s="53"/>
      <c r="BQ3261" s="53"/>
      <c r="BR3261" s="53"/>
      <c r="BS3261" s="53"/>
      <c r="BT3261" s="53"/>
      <c r="BU3261" s="53"/>
      <c r="BV3261" s="53"/>
      <c r="BW3261" s="53"/>
      <c r="BX3261" s="53"/>
      <c r="BY3261" s="53"/>
      <c r="BZ3261" s="53"/>
      <c r="CA3261" s="53"/>
      <c r="CB3261" s="53">
        <v>853487</v>
      </c>
      <c r="CC3261" s="53">
        <v>853487</v>
      </c>
      <c r="CD3261" s="53">
        <v>853487</v>
      </c>
      <c r="CE3261" s="53">
        <v>853487</v>
      </c>
      <c r="CF3261" s="53">
        <v>853487</v>
      </c>
      <c r="CG3261" s="53">
        <v>853487</v>
      </c>
      <c r="CH3261" s="53">
        <v>853487</v>
      </c>
      <c r="CI3261" s="53">
        <v>853487</v>
      </c>
      <c r="CJ3261" s="53">
        <v>853487</v>
      </c>
      <c r="CK3261" s="53">
        <v>853487</v>
      </c>
      <c r="CL3261" s="53">
        <v>853487</v>
      </c>
      <c r="CM3261" s="53">
        <v>853487</v>
      </c>
      <c r="CN3261" s="53">
        <v>10241843.999999899</v>
      </c>
    </row>
    <row r="3262" spans="1:92" outlineLevel="1">
      <c r="A3262" s="52" t="s">
        <v>649</v>
      </c>
      <c r="B3262" s="53"/>
      <c r="C3262" s="53"/>
      <c r="D3262" s="53"/>
      <c r="E3262" s="53"/>
      <c r="F3262" s="53"/>
      <c r="G3262" s="53"/>
      <c r="H3262" s="53"/>
      <c r="I3262" s="53"/>
      <c r="J3262" s="53"/>
      <c r="K3262" s="53"/>
      <c r="L3262" s="53"/>
      <c r="M3262" s="53"/>
      <c r="N3262" s="53"/>
      <c r="O3262" s="53"/>
      <c r="P3262" s="53">
        <v>-691286528.74057901</v>
      </c>
      <c r="Q3262" s="53">
        <v>-640850776.38673306</v>
      </c>
      <c r="R3262" s="53">
        <v>-747112323.97426796</v>
      </c>
      <c r="S3262" s="53">
        <v>-804127382.51984704</v>
      </c>
      <c r="T3262" s="53">
        <v>-848837587.29495704</v>
      </c>
      <c r="U3262" s="53">
        <v>-266203941.454465</v>
      </c>
      <c r="V3262" s="53">
        <v>-156791960.200288</v>
      </c>
      <c r="W3262" s="53"/>
      <c r="X3262" s="53"/>
      <c r="Y3262" s="53"/>
      <c r="Z3262" s="53"/>
      <c r="AA3262" s="53">
        <v>-4155210500.5711398</v>
      </c>
      <c r="AB3262" s="53">
        <v>-160584988.64838701</v>
      </c>
      <c r="AC3262" s="53">
        <v>-145146799.75453001</v>
      </c>
      <c r="AD3262" s="53">
        <v>-43986462.048842996</v>
      </c>
      <c r="AE3262" s="53">
        <v>-126073770.957846</v>
      </c>
      <c r="AF3262" s="53">
        <v>-958100711.50871003</v>
      </c>
      <c r="AG3262" s="53">
        <v>-997092550.63431501</v>
      </c>
      <c r="AH3262" s="53">
        <v>-1089790129.6900799</v>
      </c>
      <c r="AI3262" s="53">
        <v>-1010243814.99792</v>
      </c>
      <c r="AJ3262" s="53"/>
      <c r="AK3262" s="53"/>
      <c r="AL3262" s="53"/>
      <c r="AM3262" s="53"/>
      <c r="AN3262" s="53">
        <v>-4531019228.2406301</v>
      </c>
      <c r="AO3262" s="53">
        <v>-5938772.7716698796</v>
      </c>
      <c r="AP3262" s="53">
        <v>-37208835.7320804</v>
      </c>
      <c r="AQ3262" s="53">
        <v>-27491554.847943299</v>
      </c>
      <c r="AR3262" s="53">
        <v>-189077993.35148901</v>
      </c>
      <c r="AS3262" s="53">
        <v>-271867626.10165399</v>
      </c>
      <c r="AT3262" s="53">
        <v>-374588955.818542</v>
      </c>
      <c r="AU3262" s="53"/>
      <c r="AV3262" s="53"/>
      <c r="AW3262" s="53"/>
      <c r="AX3262" s="53"/>
      <c r="AY3262" s="53"/>
      <c r="AZ3262" s="53"/>
      <c r="BA3262" s="53">
        <v>-906173738.62337995</v>
      </c>
      <c r="BB3262" s="53">
        <v>-131852214.951662</v>
      </c>
      <c r="BC3262" s="53">
        <v>-196512174.79109901</v>
      </c>
      <c r="BD3262" s="53">
        <v>-168300839.92753699</v>
      </c>
      <c r="BE3262" s="53">
        <v>-279697063.07687598</v>
      </c>
      <c r="BF3262" s="53">
        <v>-284151828.04402</v>
      </c>
      <c r="BG3262" s="53">
        <v>-363591134.76955199</v>
      </c>
      <c r="BH3262" s="53"/>
      <c r="BI3262" s="53"/>
      <c r="BJ3262" s="53"/>
      <c r="BK3262" s="53"/>
      <c r="BL3262" s="53"/>
      <c r="BM3262" s="53"/>
      <c r="BN3262" s="53">
        <v>-1424105255.56074</v>
      </c>
      <c r="BO3262" s="53">
        <v>-180915258.75754201</v>
      </c>
      <c r="BP3262" s="53">
        <v>-888992446.32978797</v>
      </c>
      <c r="BQ3262" s="53">
        <v>-858047614.98357701</v>
      </c>
      <c r="BR3262" s="53">
        <v>-973328736.45499504</v>
      </c>
      <c r="BS3262" s="53">
        <v>-974042396.54382598</v>
      </c>
      <c r="BT3262" s="53">
        <v>-1048936334.2269599</v>
      </c>
      <c r="BU3262" s="53"/>
      <c r="BV3262" s="53"/>
      <c r="BW3262" s="53"/>
      <c r="BX3262" s="53"/>
      <c r="BY3262" s="53"/>
      <c r="BZ3262" s="53"/>
      <c r="CA3262" s="53">
        <v>-4924262787.29669</v>
      </c>
      <c r="CB3262" s="53"/>
      <c r="CC3262" s="53"/>
      <c r="CD3262" s="53"/>
      <c r="CE3262" s="53"/>
      <c r="CF3262" s="53"/>
      <c r="CG3262" s="53"/>
      <c r="CH3262" s="53"/>
      <c r="CI3262" s="53"/>
      <c r="CJ3262" s="53"/>
      <c r="CK3262" s="53"/>
      <c r="CL3262" s="53"/>
      <c r="CM3262" s="53"/>
      <c r="CN3262" s="53"/>
    </row>
    <row r="3263" spans="1:92" outlineLevel="1">
      <c r="A3263" s="52" t="s">
        <v>700</v>
      </c>
      <c r="B3263" s="53"/>
      <c r="C3263" s="53"/>
      <c r="D3263" s="53"/>
      <c r="E3263" s="53"/>
      <c r="F3263" s="53"/>
      <c r="G3263" s="53"/>
      <c r="H3263" s="53"/>
      <c r="I3263" s="53"/>
      <c r="J3263" s="53"/>
      <c r="K3263" s="53"/>
      <c r="L3263" s="53"/>
      <c r="M3263" s="53"/>
      <c r="N3263" s="53"/>
      <c r="O3263" s="53"/>
      <c r="P3263" s="53"/>
      <c r="Q3263" s="53"/>
      <c r="R3263" s="53"/>
      <c r="S3263" s="53"/>
      <c r="T3263" s="53"/>
      <c r="U3263" s="53"/>
      <c r="V3263" s="53"/>
      <c r="W3263" s="53"/>
      <c r="X3263" s="53"/>
      <c r="Y3263" s="53"/>
      <c r="Z3263" s="53"/>
      <c r="AA3263" s="53"/>
      <c r="AB3263" s="53"/>
      <c r="AC3263" s="53"/>
      <c r="AD3263" s="53"/>
      <c r="AE3263" s="53"/>
      <c r="AF3263" s="53"/>
      <c r="AG3263" s="53"/>
      <c r="AH3263" s="53"/>
      <c r="AI3263" s="53"/>
      <c r="AJ3263" s="53"/>
      <c r="AK3263" s="53"/>
      <c r="AL3263" s="53"/>
      <c r="AM3263" s="53"/>
      <c r="AN3263" s="53"/>
      <c r="AO3263" s="53"/>
      <c r="AP3263" s="53"/>
      <c r="AQ3263" s="53"/>
      <c r="AR3263" s="53"/>
      <c r="AS3263" s="53"/>
      <c r="AT3263" s="53"/>
      <c r="AU3263" s="53"/>
      <c r="AV3263" s="53"/>
      <c r="AW3263" s="53"/>
      <c r="AX3263" s="53"/>
      <c r="AY3263" s="53"/>
      <c r="AZ3263" s="53"/>
      <c r="BA3263" s="53"/>
      <c r="BB3263" s="53"/>
      <c r="BC3263" s="53"/>
      <c r="BD3263" s="53"/>
      <c r="BE3263" s="53"/>
      <c r="BF3263" s="53"/>
      <c r="BG3263" s="53"/>
      <c r="BH3263" s="53"/>
      <c r="BI3263" s="53"/>
      <c r="BJ3263" s="53"/>
      <c r="BK3263" s="53"/>
      <c r="BL3263" s="53"/>
      <c r="BM3263" s="53"/>
      <c r="BN3263" s="53"/>
      <c r="BO3263" s="53"/>
      <c r="BP3263" s="53"/>
      <c r="BQ3263" s="53"/>
      <c r="BR3263" s="53"/>
      <c r="BS3263" s="53"/>
      <c r="BT3263" s="53"/>
      <c r="BU3263" s="53"/>
      <c r="BV3263" s="53"/>
      <c r="BW3263" s="53"/>
      <c r="BX3263" s="53"/>
      <c r="BY3263" s="53"/>
      <c r="BZ3263" s="53"/>
      <c r="CA3263" s="53"/>
      <c r="CB3263" s="53">
        <v>256214</v>
      </c>
      <c r="CC3263" s="53">
        <v>256214</v>
      </c>
      <c r="CD3263" s="53">
        <v>256214</v>
      </c>
      <c r="CE3263" s="53">
        <v>256214</v>
      </c>
      <c r="CF3263" s="53">
        <v>256214</v>
      </c>
      <c r="CG3263" s="53">
        <v>256214</v>
      </c>
      <c r="CH3263" s="53">
        <v>256214</v>
      </c>
      <c r="CI3263" s="53">
        <v>256214</v>
      </c>
      <c r="CJ3263" s="53">
        <v>256214</v>
      </c>
      <c r="CK3263" s="53">
        <v>256214</v>
      </c>
      <c r="CL3263" s="53">
        <v>256214</v>
      </c>
      <c r="CM3263" s="53">
        <v>256214</v>
      </c>
      <c r="CN3263" s="53">
        <v>3074567.9999999902</v>
      </c>
    </row>
    <row r="3264" spans="1:92" outlineLevel="1">
      <c r="A3264" s="52" t="s">
        <v>1682</v>
      </c>
      <c r="B3264" s="53"/>
      <c r="C3264" s="53"/>
      <c r="D3264" s="53"/>
      <c r="E3264" s="53"/>
      <c r="F3264" s="53"/>
      <c r="G3264" s="53"/>
      <c r="H3264" s="53"/>
      <c r="I3264" s="53"/>
      <c r="J3264" s="53"/>
      <c r="K3264" s="53"/>
      <c r="L3264" s="53"/>
      <c r="M3264" s="53"/>
      <c r="N3264" s="53"/>
      <c r="O3264" s="53"/>
      <c r="P3264" s="53"/>
      <c r="Q3264" s="53"/>
      <c r="R3264" s="53"/>
      <c r="S3264" s="53"/>
      <c r="T3264" s="53"/>
      <c r="U3264" s="53"/>
      <c r="V3264" s="53"/>
      <c r="W3264" s="53"/>
      <c r="X3264" s="53"/>
      <c r="Y3264" s="53"/>
      <c r="Z3264" s="53"/>
      <c r="AA3264" s="53"/>
      <c r="AB3264" s="53"/>
      <c r="AC3264" s="53"/>
      <c r="AD3264" s="53"/>
      <c r="AE3264" s="53"/>
      <c r="AF3264" s="53"/>
      <c r="AG3264" s="53"/>
      <c r="AH3264" s="53"/>
      <c r="AI3264" s="53"/>
      <c r="AJ3264" s="53"/>
      <c r="AK3264" s="53"/>
      <c r="AL3264" s="53"/>
      <c r="AM3264" s="53"/>
      <c r="AN3264" s="53"/>
      <c r="AO3264" s="53"/>
      <c r="AP3264" s="53"/>
      <c r="AQ3264" s="53"/>
      <c r="AR3264" s="53"/>
      <c r="AS3264" s="53"/>
      <c r="AT3264" s="53"/>
      <c r="AU3264" s="53"/>
      <c r="AV3264" s="53"/>
      <c r="AW3264" s="53"/>
      <c r="AX3264" s="53"/>
      <c r="AY3264" s="53"/>
      <c r="AZ3264" s="53"/>
      <c r="BA3264" s="53"/>
      <c r="BB3264" s="53"/>
      <c r="BC3264" s="53"/>
      <c r="BD3264" s="53"/>
      <c r="BE3264" s="53"/>
      <c r="BF3264" s="53"/>
      <c r="BG3264" s="53"/>
      <c r="BH3264" s="53"/>
      <c r="BI3264" s="53"/>
      <c r="BJ3264" s="53"/>
      <c r="BK3264" s="53"/>
      <c r="BL3264" s="53"/>
      <c r="BM3264" s="53"/>
      <c r="BN3264" s="53"/>
      <c r="BO3264" s="53"/>
      <c r="BP3264" s="53"/>
      <c r="BQ3264" s="53"/>
      <c r="BR3264" s="53"/>
      <c r="BS3264" s="53"/>
      <c r="BT3264" s="53"/>
      <c r="BU3264" s="53"/>
      <c r="BV3264" s="53"/>
      <c r="BW3264" s="53"/>
      <c r="BX3264" s="53"/>
      <c r="BY3264" s="53"/>
      <c r="BZ3264" s="53"/>
      <c r="CA3264" s="53"/>
      <c r="CB3264" s="53"/>
      <c r="CC3264" s="53"/>
      <c r="CD3264" s="53"/>
      <c r="CE3264" s="53"/>
      <c r="CF3264" s="53"/>
      <c r="CG3264" s="53"/>
      <c r="CH3264" s="53"/>
      <c r="CI3264" s="53"/>
      <c r="CJ3264" s="53"/>
      <c r="CK3264" s="53"/>
      <c r="CL3264" s="53"/>
      <c r="CM3264" s="53"/>
      <c r="CN3264" s="53"/>
    </row>
    <row r="3265" spans="1:92" outlineLevel="1">
      <c r="A3265" s="52" t="s">
        <v>649</v>
      </c>
      <c r="B3265" s="53"/>
      <c r="C3265" s="53"/>
      <c r="D3265" s="53"/>
      <c r="E3265" s="53"/>
      <c r="F3265" s="53"/>
      <c r="G3265" s="53"/>
      <c r="H3265" s="53"/>
      <c r="I3265" s="53"/>
      <c r="J3265" s="53"/>
      <c r="K3265" s="53"/>
      <c r="L3265" s="53"/>
      <c r="M3265" s="53"/>
      <c r="N3265" s="53"/>
      <c r="O3265" s="53"/>
      <c r="P3265" s="53"/>
      <c r="Q3265" s="53"/>
      <c r="R3265" s="53"/>
      <c r="S3265" s="53"/>
      <c r="T3265" s="53"/>
      <c r="U3265" s="53"/>
      <c r="V3265" s="53"/>
      <c r="W3265" s="53"/>
      <c r="X3265" s="53"/>
      <c r="Y3265" s="53"/>
      <c r="Z3265" s="53"/>
      <c r="AA3265" s="53"/>
      <c r="AB3265" s="53"/>
      <c r="AC3265" s="53"/>
      <c r="AD3265" s="53"/>
      <c r="AE3265" s="53"/>
      <c r="AF3265" s="53"/>
      <c r="AG3265" s="53"/>
      <c r="AH3265" s="53"/>
      <c r="AI3265" s="53"/>
      <c r="AJ3265" s="53"/>
      <c r="AK3265" s="53"/>
      <c r="AL3265" s="53"/>
      <c r="AM3265" s="53"/>
      <c r="AN3265" s="53"/>
      <c r="AO3265" s="53"/>
      <c r="AP3265" s="53"/>
      <c r="AQ3265" s="53"/>
      <c r="AR3265" s="53"/>
      <c r="AS3265" s="53"/>
      <c r="AT3265" s="53"/>
      <c r="AU3265" s="53"/>
      <c r="AV3265" s="53"/>
      <c r="AW3265" s="53"/>
      <c r="AX3265" s="53"/>
      <c r="AY3265" s="53"/>
      <c r="AZ3265" s="53"/>
      <c r="BA3265" s="53"/>
      <c r="BB3265" s="53"/>
      <c r="BC3265" s="53"/>
      <c r="BD3265" s="53"/>
      <c r="BE3265" s="53"/>
      <c r="BF3265" s="53"/>
      <c r="BG3265" s="53"/>
      <c r="BH3265" s="53"/>
      <c r="BI3265" s="53"/>
      <c r="BJ3265" s="53"/>
      <c r="BK3265" s="53"/>
      <c r="BL3265" s="53"/>
      <c r="BM3265" s="53"/>
      <c r="BN3265" s="53"/>
      <c r="BO3265" s="53"/>
      <c r="BP3265" s="53"/>
      <c r="BQ3265" s="53"/>
      <c r="BR3265" s="53"/>
      <c r="BS3265" s="53"/>
      <c r="BT3265" s="53"/>
      <c r="BU3265" s="53"/>
      <c r="BV3265" s="53"/>
      <c r="BW3265" s="53"/>
      <c r="BX3265" s="53"/>
      <c r="BY3265" s="53"/>
      <c r="BZ3265" s="53">
        <v>-15115948.009687001</v>
      </c>
      <c r="CA3265" s="53">
        <v>-15115948.009687001</v>
      </c>
      <c r="CB3265" s="53"/>
      <c r="CC3265" s="53"/>
      <c r="CD3265" s="53"/>
      <c r="CE3265" s="53"/>
      <c r="CF3265" s="53"/>
      <c r="CG3265" s="53"/>
      <c r="CH3265" s="53"/>
      <c r="CI3265" s="53"/>
      <c r="CJ3265" s="53"/>
      <c r="CK3265" s="53"/>
      <c r="CL3265" s="53"/>
      <c r="CM3265" s="53"/>
      <c r="CN3265" s="53"/>
    </row>
    <row r="3266" spans="1:92" outlineLevel="1">
      <c r="A3266" s="52" t="s">
        <v>1544</v>
      </c>
      <c r="B3266" s="53"/>
      <c r="C3266" s="53"/>
      <c r="D3266" s="53"/>
      <c r="E3266" s="53"/>
      <c r="F3266" s="53"/>
      <c r="G3266" s="53"/>
      <c r="H3266" s="53"/>
      <c r="I3266" s="53"/>
      <c r="J3266" s="53"/>
      <c r="K3266" s="53"/>
      <c r="L3266" s="53"/>
      <c r="M3266" s="53"/>
      <c r="N3266" s="53"/>
      <c r="O3266" s="53"/>
      <c r="P3266" s="53"/>
      <c r="Q3266" s="53"/>
      <c r="R3266" s="53"/>
      <c r="S3266" s="53"/>
      <c r="T3266" s="53"/>
      <c r="U3266" s="53"/>
      <c r="V3266" s="53"/>
      <c r="W3266" s="53"/>
      <c r="X3266" s="53"/>
      <c r="Y3266" s="53"/>
      <c r="Z3266" s="53"/>
      <c r="AA3266" s="53"/>
      <c r="AB3266" s="53"/>
      <c r="AC3266" s="53"/>
      <c r="AD3266" s="53"/>
      <c r="AE3266" s="53"/>
      <c r="AF3266" s="53"/>
      <c r="AG3266" s="53"/>
      <c r="AH3266" s="53"/>
      <c r="AI3266" s="53"/>
      <c r="AJ3266" s="53"/>
      <c r="AK3266" s="53"/>
      <c r="AL3266" s="53"/>
      <c r="AM3266" s="53"/>
      <c r="AN3266" s="53"/>
      <c r="AO3266" s="53"/>
      <c r="AP3266" s="53"/>
      <c r="AQ3266" s="53"/>
      <c r="AR3266" s="53"/>
      <c r="AS3266" s="53"/>
      <c r="AT3266" s="53"/>
      <c r="AU3266" s="53"/>
      <c r="AV3266" s="53"/>
      <c r="AW3266" s="53"/>
      <c r="AX3266" s="53"/>
      <c r="AY3266" s="53"/>
      <c r="AZ3266" s="53"/>
      <c r="BA3266" s="53"/>
      <c r="BB3266" s="53"/>
      <c r="BC3266" s="53"/>
      <c r="BD3266" s="53"/>
      <c r="BE3266" s="53"/>
      <c r="BF3266" s="53"/>
      <c r="BG3266" s="53"/>
      <c r="BH3266" s="53"/>
      <c r="BI3266" s="53"/>
      <c r="BJ3266" s="53"/>
      <c r="BK3266" s="53"/>
      <c r="BL3266" s="53"/>
      <c r="BM3266" s="53"/>
      <c r="BN3266" s="53"/>
      <c r="BO3266" s="53"/>
      <c r="BP3266" s="53"/>
      <c r="BQ3266" s="53"/>
      <c r="BR3266" s="53"/>
      <c r="BS3266" s="53"/>
      <c r="BT3266" s="53"/>
      <c r="BU3266" s="53"/>
      <c r="BV3266" s="53"/>
      <c r="BW3266" s="53"/>
      <c r="BX3266" s="53"/>
      <c r="BY3266" s="53"/>
      <c r="BZ3266" s="53"/>
      <c r="CA3266" s="53"/>
      <c r="CB3266" s="53">
        <v>-3947694.5833333302</v>
      </c>
      <c r="CC3266" s="53">
        <v>-3947694.5833333302</v>
      </c>
      <c r="CD3266" s="53">
        <v>-3947694.5833333302</v>
      </c>
      <c r="CE3266" s="53">
        <v>-3947694.5833333302</v>
      </c>
      <c r="CF3266" s="53">
        <v>-3947694.5833333302</v>
      </c>
      <c r="CG3266" s="53">
        <v>-3947694.5833333302</v>
      </c>
      <c r="CH3266" s="53">
        <v>-3947694.5833333302</v>
      </c>
      <c r="CI3266" s="53">
        <v>-3947694.5833333302</v>
      </c>
      <c r="CJ3266" s="53">
        <v>-3947694.5833333302</v>
      </c>
      <c r="CK3266" s="53">
        <v>-3947694.5833333302</v>
      </c>
      <c r="CL3266" s="53">
        <v>-3947694.5833333302</v>
      </c>
      <c r="CM3266" s="53">
        <v>-3947694.5833333302</v>
      </c>
      <c r="CN3266" s="53">
        <v>-47372334.999999903</v>
      </c>
    </row>
    <row r="3267" spans="1:92" outlineLevel="1">
      <c r="A3267" s="52" t="s">
        <v>649</v>
      </c>
      <c r="B3267" s="53"/>
      <c r="C3267" s="53"/>
      <c r="D3267" s="53">
        <v>47442494.959999897</v>
      </c>
      <c r="E3267" s="53"/>
      <c r="F3267" s="53"/>
      <c r="G3267" s="53">
        <v>2849005.1499999901</v>
      </c>
      <c r="H3267" s="53"/>
      <c r="I3267" s="53"/>
      <c r="J3267" s="53">
        <v>-43119528.619999997</v>
      </c>
      <c r="K3267" s="53"/>
      <c r="L3267" s="53"/>
      <c r="M3267" s="53">
        <v>54722177.339999899</v>
      </c>
      <c r="N3267" s="53">
        <v>61894148.829999901</v>
      </c>
      <c r="O3267" s="53"/>
      <c r="P3267" s="53"/>
      <c r="Q3267" s="53">
        <v>17416192.7099999</v>
      </c>
      <c r="R3267" s="53"/>
      <c r="S3267" s="53"/>
      <c r="T3267" s="53">
        <v>-51488699.856552303</v>
      </c>
      <c r="U3267" s="53"/>
      <c r="V3267" s="53"/>
      <c r="W3267" s="53">
        <v>-91651337.142873898</v>
      </c>
      <c r="X3267" s="53"/>
      <c r="Y3267" s="53"/>
      <c r="Z3267" s="53">
        <v>-158609896.31863701</v>
      </c>
      <c r="AA3267" s="53">
        <v>-284333740.60806298</v>
      </c>
      <c r="AB3267" s="53"/>
      <c r="AC3267" s="53"/>
      <c r="AD3267" s="53">
        <v>-45602349.288865097</v>
      </c>
      <c r="AE3267" s="53"/>
      <c r="AF3267" s="53"/>
      <c r="AG3267" s="53">
        <v>-67646357.598548502</v>
      </c>
      <c r="AH3267" s="53"/>
      <c r="AI3267" s="53"/>
      <c r="AJ3267" s="53">
        <v>-64717956.618295699</v>
      </c>
      <c r="AK3267" s="53"/>
      <c r="AL3267" s="53"/>
      <c r="AM3267" s="53">
        <v>-132584171.778988</v>
      </c>
      <c r="AN3267" s="53">
        <v>-310550835.284697</v>
      </c>
      <c r="AO3267" s="53"/>
      <c r="AP3267" s="53"/>
      <c r="AQ3267" s="53">
        <v>-31498494.791476101</v>
      </c>
      <c r="AR3267" s="53"/>
      <c r="AS3267" s="53"/>
      <c r="AT3267" s="53">
        <v>-3025349.2447274202</v>
      </c>
      <c r="AU3267" s="53"/>
      <c r="AV3267" s="53"/>
      <c r="AW3267" s="53">
        <v>-15179676.673713399</v>
      </c>
      <c r="AX3267" s="53"/>
      <c r="AY3267" s="53"/>
      <c r="AZ3267" s="53">
        <v>-62134762.025497198</v>
      </c>
      <c r="BA3267" s="53">
        <v>-111838282.735414</v>
      </c>
      <c r="BB3267" s="53"/>
      <c r="BC3267" s="53"/>
      <c r="BD3267" s="53">
        <v>1074693.90861633</v>
      </c>
      <c r="BE3267" s="53"/>
      <c r="BF3267" s="53"/>
      <c r="BG3267" s="53">
        <v>1194021.33633054</v>
      </c>
      <c r="BH3267" s="53"/>
      <c r="BI3267" s="53"/>
      <c r="BJ3267" s="53">
        <v>-12176916.617166501</v>
      </c>
      <c r="BK3267" s="53"/>
      <c r="BL3267" s="53"/>
      <c r="BM3267" s="53">
        <v>-57300392.401018597</v>
      </c>
      <c r="BN3267" s="53">
        <v>-67208593.773238301</v>
      </c>
      <c r="BO3267" s="53"/>
      <c r="BP3267" s="53"/>
      <c r="BQ3267" s="53">
        <v>4842215.8415603004</v>
      </c>
      <c r="BR3267" s="53"/>
      <c r="BS3267" s="53"/>
      <c r="BT3267" s="53">
        <v>5006162.9478243198</v>
      </c>
      <c r="BU3267" s="53"/>
      <c r="BV3267" s="53"/>
      <c r="BW3267" s="53">
        <v>-10159887.682525299</v>
      </c>
      <c r="BX3267" s="53"/>
      <c r="BY3267" s="53"/>
      <c r="BZ3267" s="53">
        <v>-56703779.489640497</v>
      </c>
      <c r="CA3267" s="53">
        <v>-57015288.382781297</v>
      </c>
      <c r="CB3267" s="53">
        <v>3819036379.9511299</v>
      </c>
      <c r="CC3267" s="53">
        <v>3818646409.3724298</v>
      </c>
      <c r="CD3267" s="53">
        <v>3818051187.6481299</v>
      </c>
      <c r="CE3267" s="53">
        <v>3818087211.9117298</v>
      </c>
      <c r="CF3267" s="53">
        <v>3817434000.2444501</v>
      </c>
      <c r="CG3267" s="53">
        <v>3816637972.5963101</v>
      </c>
      <c r="CH3267" s="53">
        <v>3814938080.5269499</v>
      </c>
      <c r="CI3267" s="53">
        <v>3813970868.7227602</v>
      </c>
      <c r="CJ3267" s="53">
        <v>3815150621.8919702</v>
      </c>
      <c r="CK3267" s="53">
        <v>3815127679.2508001</v>
      </c>
      <c r="CL3267" s="53">
        <v>3814599732.22401</v>
      </c>
      <c r="CM3267" s="53">
        <v>3822437993.4538598</v>
      </c>
      <c r="CN3267" s="53">
        <v>3822437993.4538598</v>
      </c>
    </row>
    <row r="3268" spans="1:92" outlineLevel="1">
      <c r="A3268" s="52" t="s">
        <v>1365</v>
      </c>
      <c r="B3268" s="53"/>
      <c r="C3268" s="53"/>
      <c r="D3268" s="53"/>
      <c r="E3268" s="53"/>
      <c r="F3268" s="53"/>
      <c r="G3268" s="53"/>
      <c r="H3268" s="53"/>
      <c r="I3268" s="53"/>
      <c r="J3268" s="53"/>
      <c r="K3268" s="53"/>
      <c r="L3268" s="53"/>
      <c r="M3268" s="53"/>
      <c r="N3268" s="53"/>
      <c r="O3268" s="53"/>
      <c r="P3268" s="53"/>
      <c r="Q3268" s="53"/>
      <c r="R3268" s="53"/>
      <c r="S3268" s="53"/>
      <c r="T3268" s="53"/>
      <c r="U3268" s="53"/>
      <c r="V3268" s="53"/>
      <c r="W3268" s="53"/>
      <c r="X3268" s="53"/>
      <c r="Y3268" s="53"/>
      <c r="Z3268" s="53"/>
      <c r="AA3268" s="53"/>
      <c r="AB3268" s="53"/>
      <c r="AC3268" s="53"/>
      <c r="AD3268" s="53"/>
      <c r="AE3268" s="53"/>
      <c r="AF3268" s="53"/>
      <c r="AG3268" s="53"/>
      <c r="AH3268" s="53"/>
      <c r="AI3268" s="53"/>
      <c r="AJ3268" s="53"/>
      <c r="AK3268" s="53"/>
      <c r="AL3268" s="53"/>
      <c r="AM3268" s="53"/>
      <c r="AN3268" s="53"/>
      <c r="AO3268" s="53"/>
      <c r="AP3268" s="53"/>
      <c r="AQ3268" s="53"/>
      <c r="AR3268" s="53"/>
      <c r="AS3268" s="53"/>
      <c r="AT3268" s="53"/>
      <c r="AU3268" s="53"/>
      <c r="AV3268" s="53"/>
      <c r="AW3268" s="53"/>
      <c r="AX3268" s="53"/>
      <c r="AY3268" s="53"/>
      <c r="AZ3268" s="53"/>
      <c r="BA3268" s="53"/>
      <c r="BB3268" s="53"/>
      <c r="BC3268" s="53"/>
      <c r="BD3268" s="53"/>
      <c r="BE3268" s="53"/>
      <c r="BF3268" s="53"/>
      <c r="BG3268" s="53"/>
      <c r="BH3268" s="53"/>
      <c r="BI3268" s="53"/>
      <c r="BJ3268" s="53"/>
      <c r="BK3268" s="53"/>
      <c r="BL3268" s="53"/>
      <c r="BM3268" s="53"/>
      <c r="BN3268" s="53"/>
      <c r="BO3268" s="53"/>
      <c r="BP3268" s="53"/>
      <c r="BQ3268" s="53"/>
      <c r="BR3268" s="53"/>
      <c r="BS3268" s="53"/>
      <c r="BT3268" s="53"/>
      <c r="BU3268" s="53"/>
      <c r="BV3268" s="53"/>
      <c r="BW3268" s="53"/>
      <c r="BX3268" s="53"/>
      <c r="BY3268" s="53"/>
      <c r="BZ3268" s="53"/>
      <c r="CA3268" s="53"/>
      <c r="CB3268" s="53"/>
      <c r="CC3268" s="53"/>
      <c r="CD3268" s="53"/>
      <c r="CE3268" s="53"/>
      <c r="CF3268" s="53"/>
      <c r="CG3268" s="53"/>
      <c r="CH3268" s="53"/>
      <c r="CI3268" s="53"/>
      <c r="CJ3268" s="53"/>
      <c r="CK3268" s="53"/>
      <c r="CL3268" s="53"/>
      <c r="CM3268" s="53"/>
      <c r="CN3268" s="53"/>
    </row>
    <row r="3269" spans="1:92" outlineLevel="1">
      <c r="A3269" s="52" t="s">
        <v>1367</v>
      </c>
      <c r="B3269" s="53"/>
      <c r="C3269" s="53"/>
      <c r="D3269" s="53"/>
      <c r="E3269" s="53"/>
      <c r="F3269" s="53"/>
      <c r="G3269" s="53"/>
      <c r="H3269" s="53"/>
      <c r="I3269" s="53"/>
      <c r="J3269" s="53"/>
      <c r="K3269" s="53"/>
      <c r="L3269" s="53"/>
      <c r="M3269" s="53"/>
      <c r="N3269" s="53"/>
      <c r="O3269" s="53"/>
      <c r="P3269" s="53"/>
      <c r="Q3269" s="53"/>
      <c r="R3269" s="53"/>
      <c r="S3269" s="53"/>
      <c r="T3269" s="53"/>
      <c r="U3269" s="53"/>
      <c r="V3269" s="53"/>
      <c r="W3269" s="53"/>
      <c r="X3269" s="53"/>
      <c r="Y3269" s="53"/>
      <c r="Z3269" s="53"/>
      <c r="AA3269" s="53"/>
      <c r="AB3269" s="53"/>
      <c r="AC3269" s="53"/>
      <c r="AD3269" s="53"/>
      <c r="AE3269" s="53"/>
      <c r="AF3269" s="53"/>
      <c r="AG3269" s="53"/>
      <c r="AH3269" s="53"/>
      <c r="AI3269" s="53"/>
      <c r="AJ3269" s="53"/>
      <c r="AK3269" s="53"/>
      <c r="AL3269" s="53"/>
      <c r="AM3269" s="53"/>
      <c r="AN3269" s="53"/>
      <c r="AO3269" s="53"/>
      <c r="AP3269" s="53"/>
      <c r="AQ3269" s="53"/>
      <c r="AR3269" s="53"/>
      <c r="AS3269" s="53"/>
      <c r="AT3269" s="53"/>
      <c r="AU3269" s="53"/>
      <c r="AV3269" s="53"/>
      <c r="AW3269" s="53"/>
      <c r="AX3269" s="53"/>
      <c r="AY3269" s="53"/>
      <c r="AZ3269" s="53"/>
      <c r="BA3269" s="53"/>
      <c r="BB3269" s="53"/>
      <c r="BC3269" s="53"/>
      <c r="BD3269" s="53"/>
      <c r="BE3269" s="53"/>
      <c r="BF3269" s="53"/>
      <c r="BG3269" s="53"/>
      <c r="BH3269" s="53"/>
      <c r="BI3269" s="53"/>
      <c r="BJ3269" s="53"/>
      <c r="BK3269" s="53"/>
      <c r="BL3269" s="53"/>
      <c r="BM3269" s="53"/>
      <c r="BN3269" s="53"/>
      <c r="BO3269" s="53"/>
      <c r="BP3269" s="53"/>
      <c r="BQ3269" s="53"/>
      <c r="BR3269" s="53"/>
      <c r="BS3269" s="53"/>
      <c r="BT3269" s="53"/>
      <c r="BU3269" s="53"/>
      <c r="BV3269" s="53"/>
      <c r="BW3269" s="53"/>
      <c r="BX3269" s="53"/>
      <c r="BY3269" s="53"/>
      <c r="BZ3269" s="53"/>
      <c r="CA3269" s="53"/>
      <c r="CB3269" s="53">
        <v>15680897434.907301</v>
      </c>
      <c r="CC3269" s="53">
        <v>15714234856.475201</v>
      </c>
      <c r="CD3269" s="53">
        <v>15755671054.7369</v>
      </c>
      <c r="CE3269" s="53">
        <v>15798012380.0373</v>
      </c>
      <c r="CF3269" s="53">
        <v>15821084320.359501</v>
      </c>
      <c r="CG3269" s="53">
        <v>15866496137.769699</v>
      </c>
      <c r="CH3269" s="53">
        <v>16491139876.1078</v>
      </c>
      <c r="CI3269" s="53">
        <v>16437951400.0721</v>
      </c>
      <c r="CJ3269" s="53">
        <v>16489654411.101101</v>
      </c>
      <c r="CK3269" s="53">
        <v>16480209434.403099</v>
      </c>
      <c r="CL3269" s="53">
        <v>16523985201.497801</v>
      </c>
      <c r="CM3269" s="53">
        <v>16341175251.958401</v>
      </c>
      <c r="CN3269" s="53">
        <v>15680897434.907301</v>
      </c>
    </row>
    <row r="3270" spans="1:92" outlineLevel="1">
      <c r="A3270" s="52" t="s">
        <v>649</v>
      </c>
      <c r="B3270" s="53"/>
      <c r="C3270" s="53"/>
      <c r="D3270" s="53"/>
      <c r="E3270" s="53"/>
      <c r="F3270" s="53"/>
      <c r="G3270" s="53"/>
      <c r="H3270" s="53"/>
      <c r="I3270" s="53"/>
      <c r="J3270" s="53"/>
      <c r="K3270" s="53"/>
      <c r="L3270" s="53"/>
      <c r="M3270" s="53"/>
      <c r="N3270" s="53"/>
      <c r="O3270" s="53"/>
      <c r="P3270" s="53"/>
      <c r="Q3270" s="53"/>
      <c r="R3270" s="53"/>
      <c r="S3270" s="53"/>
      <c r="T3270" s="53"/>
      <c r="U3270" s="53"/>
      <c r="V3270" s="53"/>
      <c r="W3270" s="53"/>
      <c r="X3270" s="53"/>
      <c r="Y3270" s="53"/>
      <c r="Z3270" s="53">
        <v>-2452678.4923239001</v>
      </c>
      <c r="AA3270" s="53">
        <v>-2452678.4923239001</v>
      </c>
      <c r="AB3270" s="53"/>
      <c r="AC3270" s="53"/>
      <c r="AD3270" s="53"/>
      <c r="AE3270" s="53"/>
      <c r="AF3270" s="53"/>
      <c r="AG3270" s="53"/>
      <c r="AH3270" s="53"/>
      <c r="AI3270" s="53"/>
      <c r="AJ3270" s="53"/>
      <c r="AK3270" s="53"/>
      <c r="AL3270" s="53"/>
      <c r="AM3270" s="53">
        <v>-12211613.409646699</v>
      </c>
      <c r="AN3270" s="53">
        <v>-12211613.409646699</v>
      </c>
      <c r="AO3270" s="53"/>
      <c r="AP3270" s="53"/>
      <c r="AQ3270" s="53"/>
      <c r="AR3270" s="53"/>
      <c r="AS3270" s="53"/>
      <c r="AT3270" s="53"/>
      <c r="AU3270" s="53"/>
      <c r="AV3270" s="53"/>
      <c r="AW3270" s="53"/>
      <c r="AX3270" s="53"/>
      <c r="AY3270" s="53"/>
      <c r="AZ3270" s="53">
        <v>-1032080.95795413</v>
      </c>
      <c r="BA3270" s="53">
        <v>-1032080.95795413</v>
      </c>
      <c r="BB3270" s="53"/>
      <c r="BC3270" s="53"/>
      <c r="BD3270" s="53"/>
      <c r="BE3270" s="53"/>
      <c r="BF3270" s="53"/>
      <c r="BG3270" s="53"/>
      <c r="BH3270" s="53"/>
      <c r="BI3270" s="53"/>
      <c r="BJ3270" s="53"/>
      <c r="BK3270" s="53"/>
      <c r="BL3270" s="53"/>
      <c r="BM3270" s="53"/>
      <c r="BN3270" s="53"/>
      <c r="BO3270" s="53"/>
      <c r="BP3270" s="53"/>
      <c r="BQ3270" s="53"/>
      <c r="BR3270" s="53"/>
      <c r="BS3270" s="53"/>
      <c r="BT3270" s="53"/>
      <c r="BU3270" s="53"/>
      <c r="BV3270" s="53"/>
      <c r="BW3270" s="53"/>
      <c r="BX3270" s="53"/>
      <c r="BY3270" s="53"/>
      <c r="BZ3270" s="53">
        <v>-55635372.030196197</v>
      </c>
      <c r="CA3270" s="53">
        <v>-55635372.030196197</v>
      </c>
      <c r="CB3270" s="53"/>
      <c r="CC3270" s="53"/>
      <c r="CD3270" s="53"/>
      <c r="CE3270" s="53"/>
      <c r="CF3270" s="53"/>
      <c r="CG3270" s="53"/>
      <c r="CH3270" s="53"/>
      <c r="CI3270" s="53"/>
      <c r="CJ3270" s="53"/>
      <c r="CK3270" s="53"/>
      <c r="CL3270" s="53"/>
      <c r="CM3270" s="53"/>
      <c r="CN3270" s="53"/>
    </row>
    <row r="3271" spans="1:92" outlineLevel="1">
      <c r="A3271" s="52" t="s">
        <v>1683</v>
      </c>
      <c r="B3271" s="53"/>
      <c r="C3271" s="53"/>
      <c r="D3271" s="53"/>
      <c r="E3271" s="53"/>
      <c r="F3271" s="53"/>
      <c r="G3271" s="53"/>
      <c r="H3271" s="53"/>
      <c r="I3271" s="53"/>
      <c r="J3271" s="53"/>
      <c r="K3271" s="53"/>
      <c r="L3271" s="53"/>
      <c r="M3271" s="53"/>
      <c r="N3271" s="53"/>
      <c r="O3271" s="53"/>
      <c r="P3271" s="53"/>
      <c r="Q3271" s="53"/>
      <c r="R3271" s="53"/>
      <c r="S3271" s="53"/>
      <c r="T3271" s="53"/>
      <c r="U3271" s="53"/>
      <c r="V3271" s="53"/>
      <c r="W3271" s="53"/>
      <c r="X3271" s="53"/>
      <c r="Y3271" s="53"/>
      <c r="Z3271" s="53"/>
      <c r="AA3271" s="53"/>
      <c r="AB3271" s="53"/>
      <c r="AC3271" s="53"/>
      <c r="AD3271" s="53"/>
      <c r="AE3271" s="53"/>
      <c r="AF3271" s="53"/>
      <c r="AG3271" s="53"/>
      <c r="AH3271" s="53"/>
      <c r="AI3271" s="53"/>
      <c r="AJ3271" s="53"/>
      <c r="AK3271" s="53"/>
      <c r="AL3271" s="53"/>
      <c r="AM3271" s="53"/>
      <c r="AN3271" s="53"/>
      <c r="AO3271" s="53"/>
      <c r="AP3271" s="53"/>
      <c r="AQ3271" s="53"/>
      <c r="AR3271" s="53"/>
      <c r="AS3271" s="53"/>
      <c r="AT3271" s="53"/>
      <c r="AU3271" s="53"/>
      <c r="AV3271" s="53"/>
      <c r="AW3271" s="53"/>
      <c r="AX3271" s="53"/>
      <c r="AY3271" s="53"/>
      <c r="AZ3271" s="53"/>
      <c r="BA3271" s="53"/>
      <c r="BB3271" s="53"/>
      <c r="BC3271" s="53"/>
      <c r="BD3271" s="53"/>
      <c r="BE3271" s="53"/>
      <c r="BF3271" s="53"/>
      <c r="BG3271" s="53"/>
      <c r="BH3271" s="53"/>
      <c r="BI3271" s="53"/>
      <c r="BJ3271" s="53"/>
      <c r="BK3271" s="53"/>
      <c r="BL3271" s="53"/>
      <c r="BM3271" s="53"/>
      <c r="BN3271" s="53"/>
      <c r="BO3271" s="53"/>
      <c r="BP3271" s="53"/>
      <c r="BQ3271" s="53"/>
      <c r="BR3271" s="53"/>
      <c r="BS3271" s="53"/>
      <c r="BT3271" s="53"/>
      <c r="BU3271" s="53"/>
      <c r="BV3271" s="53"/>
      <c r="BW3271" s="53"/>
      <c r="BX3271" s="53"/>
      <c r="BY3271" s="53"/>
      <c r="BZ3271" s="53"/>
      <c r="CA3271" s="53"/>
      <c r="CB3271" s="53"/>
      <c r="CC3271" s="53"/>
      <c r="CD3271" s="53"/>
      <c r="CE3271" s="53"/>
      <c r="CF3271" s="53"/>
      <c r="CG3271" s="53"/>
      <c r="CH3271" s="53"/>
      <c r="CI3271" s="53"/>
      <c r="CJ3271" s="53"/>
      <c r="CK3271" s="53"/>
      <c r="CL3271" s="53"/>
      <c r="CM3271" s="53"/>
      <c r="CN3271" s="53"/>
    </row>
    <row r="3272" spans="1:92" outlineLevel="1">
      <c r="A3272" s="52" t="s">
        <v>649</v>
      </c>
      <c r="B3272" s="53"/>
      <c r="C3272" s="53"/>
      <c r="D3272" s="53">
        <v>5742246</v>
      </c>
      <c r="E3272" s="53"/>
      <c r="F3272" s="53"/>
      <c r="G3272" s="53">
        <v>5742246</v>
      </c>
      <c r="H3272" s="53"/>
      <c r="I3272" s="53"/>
      <c r="J3272" s="53">
        <v>5742246</v>
      </c>
      <c r="K3272" s="53"/>
      <c r="L3272" s="53">
        <v>3828164</v>
      </c>
      <c r="M3272" s="53">
        <v>22968984</v>
      </c>
      <c r="N3272" s="53">
        <v>44023886</v>
      </c>
      <c r="O3272" s="53">
        <v>1722498.58333333</v>
      </c>
      <c r="P3272" s="53">
        <v>1722498.58333333</v>
      </c>
      <c r="Q3272" s="53">
        <v>1722498.58333333</v>
      </c>
      <c r="R3272" s="53">
        <v>1722498.58333333</v>
      </c>
      <c r="S3272" s="53">
        <v>1722498.58333333</v>
      </c>
      <c r="T3272" s="53">
        <v>1722498.58333333</v>
      </c>
      <c r="U3272" s="53">
        <v>1722498.58333333</v>
      </c>
      <c r="V3272" s="53">
        <v>1722498.58333333</v>
      </c>
      <c r="W3272" s="53">
        <v>1722498.58333333</v>
      </c>
      <c r="X3272" s="53">
        <v>1722498.58333333</v>
      </c>
      <c r="Y3272" s="53">
        <v>1722498.58333333</v>
      </c>
      <c r="Z3272" s="53">
        <v>1722498.58333333</v>
      </c>
      <c r="AA3272" s="53">
        <v>20669983</v>
      </c>
      <c r="AB3272" s="53">
        <v>1758987.74999999</v>
      </c>
      <c r="AC3272" s="53">
        <v>1758987.74999999</v>
      </c>
      <c r="AD3272" s="53">
        <v>1758987.74999999</v>
      </c>
      <c r="AE3272" s="53">
        <v>1758987.74999999</v>
      </c>
      <c r="AF3272" s="53">
        <v>1758987.74999999</v>
      </c>
      <c r="AG3272" s="53">
        <v>1758987.74999999</v>
      </c>
      <c r="AH3272" s="53">
        <v>1758987.74999999</v>
      </c>
      <c r="AI3272" s="53">
        <v>1758987.74999999</v>
      </c>
      <c r="AJ3272" s="53">
        <v>1758987.74999999</v>
      </c>
      <c r="AK3272" s="53">
        <v>1758987.74999999</v>
      </c>
      <c r="AL3272" s="53">
        <v>1758987.74999999</v>
      </c>
      <c r="AM3272" s="53">
        <v>1758987.74999999</v>
      </c>
      <c r="AN3272" s="53">
        <v>21107853</v>
      </c>
      <c r="AO3272" s="53">
        <v>1792607.99999999</v>
      </c>
      <c r="AP3272" s="53">
        <v>1792607.99999999</v>
      </c>
      <c r="AQ3272" s="53">
        <v>1792607.99999999</v>
      </c>
      <c r="AR3272" s="53">
        <v>1792607.99999999</v>
      </c>
      <c r="AS3272" s="53">
        <v>1792607.99999999</v>
      </c>
      <c r="AT3272" s="53">
        <v>1792607.99999999</v>
      </c>
      <c r="AU3272" s="53">
        <v>1792607.99999999</v>
      </c>
      <c r="AV3272" s="53">
        <v>1792607.99999999</v>
      </c>
      <c r="AW3272" s="53">
        <v>1792607.99999999</v>
      </c>
      <c r="AX3272" s="53">
        <v>1792607.99999999</v>
      </c>
      <c r="AY3272" s="53">
        <v>1792607.99999999</v>
      </c>
      <c r="AZ3272" s="53">
        <v>1792607.99999999</v>
      </c>
      <c r="BA3272" s="53">
        <v>21511296</v>
      </c>
      <c r="BB3272" s="53">
        <v>1874453.91666666</v>
      </c>
      <c r="BC3272" s="53">
        <v>1874453.91666666</v>
      </c>
      <c r="BD3272" s="53">
        <v>1874453.91666666</v>
      </c>
      <c r="BE3272" s="53">
        <v>1874453.91666666</v>
      </c>
      <c r="BF3272" s="53">
        <v>1874453.91666666</v>
      </c>
      <c r="BG3272" s="53">
        <v>1874453.91666666</v>
      </c>
      <c r="BH3272" s="53">
        <v>1874453.91666666</v>
      </c>
      <c r="BI3272" s="53">
        <v>1874453.91666666</v>
      </c>
      <c r="BJ3272" s="53">
        <v>1874453.91666666</v>
      </c>
      <c r="BK3272" s="53">
        <v>1874453.91666666</v>
      </c>
      <c r="BL3272" s="53">
        <v>1874453.91666666</v>
      </c>
      <c r="BM3272" s="53">
        <v>1874453.91666666</v>
      </c>
      <c r="BN3272" s="53">
        <v>22493446.999999899</v>
      </c>
      <c r="BO3272" s="53">
        <v>1905986.91666666</v>
      </c>
      <c r="BP3272" s="53">
        <v>1905986.91666666</v>
      </c>
      <c r="BQ3272" s="53">
        <v>1905986.91666666</v>
      </c>
      <c r="BR3272" s="53">
        <v>1905986.91666666</v>
      </c>
      <c r="BS3272" s="53">
        <v>1905986.91666666</v>
      </c>
      <c r="BT3272" s="53">
        <v>1905986.91666666</v>
      </c>
      <c r="BU3272" s="53">
        <v>1905986.91666666</v>
      </c>
      <c r="BV3272" s="53">
        <v>1905986.91666666</v>
      </c>
      <c r="BW3272" s="53">
        <v>1905986.91666666</v>
      </c>
      <c r="BX3272" s="53">
        <v>1905986.91666666</v>
      </c>
      <c r="BY3272" s="53">
        <v>1905986.91666666</v>
      </c>
      <c r="BZ3272" s="53">
        <v>1905986.91666666</v>
      </c>
      <c r="CA3272" s="53">
        <v>22871843</v>
      </c>
      <c r="CB3272" s="53"/>
      <c r="CC3272" s="53"/>
      <c r="CD3272" s="53"/>
      <c r="CE3272" s="53"/>
      <c r="CF3272" s="53"/>
      <c r="CG3272" s="53"/>
      <c r="CH3272" s="53"/>
      <c r="CI3272" s="53"/>
      <c r="CJ3272" s="53"/>
      <c r="CK3272" s="53"/>
      <c r="CL3272" s="53"/>
      <c r="CM3272" s="53"/>
      <c r="CN3272" s="53"/>
    </row>
    <row r="3273" spans="1:92" outlineLevel="1">
      <c r="A3273" s="52" t="s">
        <v>1684</v>
      </c>
      <c r="B3273" s="53"/>
      <c r="C3273" s="53"/>
      <c r="D3273" s="53"/>
      <c r="E3273" s="53"/>
      <c r="F3273" s="53"/>
      <c r="G3273" s="53"/>
      <c r="H3273" s="53"/>
      <c r="I3273" s="53"/>
      <c r="J3273" s="53"/>
      <c r="K3273" s="53"/>
      <c r="L3273" s="53"/>
      <c r="M3273" s="53"/>
      <c r="N3273" s="53"/>
      <c r="O3273" s="53"/>
      <c r="P3273" s="53"/>
      <c r="Q3273" s="53"/>
      <c r="R3273" s="53"/>
      <c r="S3273" s="53"/>
      <c r="T3273" s="53"/>
      <c r="U3273" s="53"/>
      <c r="V3273" s="53"/>
      <c r="W3273" s="53"/>
      <c r="X3273" s="53"/>
      <c r="Y3273" s="53"/>
      <c r="Z3273" s="53"/>
      <c r="AA3273" s="53"/>
      <c r="AB3273" s="53"/>
      <c r="AC3273" s="53"/>
      <c r="AD3273" s="53"/>
      <c r="AE3273" s="53"/>
      <c r="AF3273" s="53"/>
      <c r="AG3273" s="53"/>
      <c r="AH3273" s="53"/>
      <c r="AI3273" s="53"/>
      <c r="AJ3273" s="53"/>
      <c r="AK3273" s="53"/>
      <c r="AL3273" s="53"/>
      <c r="AM3273" s="53"/>
      <c r="AN3273" s="53"/>
      <c r="AO3273" s="53"/>
      <c r="AP3273" s="53"/>
      <c r="AQ3273" s="53"/>
      <c r="AR3273" s="53"/>
      <c r="AS3273" s="53"/>
      <c r="AT3273" s="53"/>
      <c r="AU3273" s="53"/>
      <c r="AV3273" s="53"/>
      <c r="AW3273" s="53"/>
      <c r="AX3273" s="53"/>
      <c r="AY3273" s="53"/>
      <c r="AZ3273" s="53"/>
      <c r="BA3273" s="53"/>
      <c r="BB3273" s="53"/>
      <c r="BC3273" s="53"/>
      <c r="BD3273" s="53"/>
      <c r="BE3273" s="53"/>
      <c r="BF3273" s="53"/>
      <c r="BG3273" s="53"/>
      <c r="BH3273" s="53"/>
      <c r="BI3273" s="53"/>
      <c r="BJ3273" s="53"/>
      <c r="BK3273" s="53"/>
      <c r="BL3273" s="53"/>
      <c r="BM3273" s="53"/>
      <c r="BN3273" s="53"/>
      <c r="BO3273" s="53"/>
      <c r="BP3273" s="53"/>
      <c r="BQ3273" s="53"/>
      <c r="BR3273" s="53"/>
      <c r="BS3273" s="53"/>
      <c r="BT3273" s="53"/>
      <c r="BU3273" s="53"/>
      <c r="BV3273" s="53"/>
      <c r="BW3273" s="53"/>
      <c r="BX3273" s="53"/>
      <c r="BY3273" s="53"/>
      <c r="BZ3273" s="53"/>
      <c r="CA3273" s="53"/>
      <c r="CB3273" s="53">
        <v>-8862311.0487578698</v>
      </c>
      <c r="CC3273" s="53">
        <v>-9517177.7608454004</v>
      </c>
      <c r="CD3273" s="53">
        <v>-10580143.5419979</v>
      </c>
      <c r="CE3273" s="53">
        <v>-10608489.2905655</v>
      </c>
      <c r="CF3273" s="53">
        <v>-9906548.2787426002</v>
      </c>
      <c r="CG3273" s="53">
        <v>-9920691.9940579999</v>
      </c>
      <c r="CH3273" s="53">
        <v>-9803136.0555846002</v>
      </c>
      <c r="CI3273" s="53">
        <v>-9125686.0586299002</v>
      </c>
      <c r="CJ3273" s="53">
        <v>-8651325.0956799705</v>
      </c>
      <c r="CK3273" s="53">
        <v>-9384248.3921816796</v>
      </c>
      <c r="CL3273" s="53">
        <v>-8944815.07152717</v>
      </c>
      <c r="CM3273" s="53">
        <v>-8382254.2809268702</v>
      </c>
      <c r="CN3273" s="53">
        <v>-113686826.869497</v>
      </c>
    </row>
    <row r="3274" spans="1:92" outlineLevel="1">
      <c r="A3274" s="52" t="s">
        <v>649</v>
      </c>
      <c r="B3274" s="53"/>
      <c r="C3274" s="53"/>
      <c r="D3274" s="53">
        <v>8949540</v>
      </c>
      <c r="E3274" s="53"/>
      <c r="F3274" s="53"/>
      <c r="G3274" s="53">
        <v>8949540</v>
      </c>
      <c r="H3274" s="53"/>
      <c r="I3274" s="53"/>
      <c r="J3274" s="53">
        <v>8949540</v>
      </c>
      <c r="K3274" s="53"/>
      <c r="L3274" s="53">
        <v>5966360</v>
      </c>
      <c r="M3274" s="53">
        <v>35798160</v>
      </c>
      <c r="N3274" s="53">
        <v>68613140</v>
      </c>
      <c r="O3274" s="53"/>
      <c r="P3274" s="53"/>
      <c r="Q3274" s="53"/>
      <c r="R3274" s="53"/>
      <c r="S3274" s="53"/>
      <c r="T3274" s="53"/>
      <c r="U3274" s="53"/>
      <c r="V3274" s="53"/>
      <c r="W3274" s="53"/>
      <c r="X3274" s="53"/>
      <c r="Y3274" s="53"/>
      <c r="Z3274" s="53"/>
      <c r="AA3274" s="53"/>
      <c r="AB3274" s="53"/>
      <c r="AC3274" s="53"/>
      <c r="AD3274" s="53"/>
      <c r="AE3274" s="53"/>
      <c r="AF3274" s="53"/>
      <c r="AG3274" s="53"/>
      <c r="AH3274" s="53"/>
      <c r="AI3274" s="53"/>
      <c r="AJ3274" s="53"/>
      <c r="AK3274" s="53"/>
      <c r="AL3274" s="53"/>
      <c r="AM3274" s="53"/>
      <c r="AN3274" s="53"/>
      <c r="AO3274" s="53"/>
      <c r="AP3274" s="53"/>
      <c r="AQ3274" s="53"/>
      <c r="AR3274" s="53"/>
      <c r="AS3274" s="53"/>
      <c r="AT3274" s="53"/>
      <c r="AU3274" s="53"/>
      <c r="AV3274" s="53"/>
      <c r="AW3274" s="53"/>
      <c r="AX3274" s="53"/>
      <c r="AY3274" s="53"/>
      <c r="AZ3274" s="53"/>
      <c r="BA3274" s="53"/>
      <c r="BB3274" s="53"/>
      <c r="BC3274" s="53"/>
      <c r="BD3274" s="53"/>
      <c r="BE3274" s="53"/>
      <c r="BF3274" s="53"/>
      <c r="BG3274" s="53"/>
      <c r="BH3274" s="53"/>
      <c r="BI3274" s="53"/>
      <c r="BJ3274" s="53"/>
      <c r="BK3274" s="53"/>
      <c r="BL3274" s="53"/>
      <c r="BM3274" s="53"/>
      <c r="BN3274" s="53"/>
      <c r="BO3274" s="53"/>
      <c r="BP3274" s="53"/>
      <c r="BQ3274" s="53"/>
      <c r="BR3274" s="53"/>
      <c r="BS3274" s="53"/>
      <c r="BT3274" s="53"/>
      <c r="BU3274" s="53"/>
      <c r="BV3274" s="53"/>
      <c r="BW3274" s="53"/>
      <c r="BX3274" s="53"/>
      <c r="BY3274" s="53"/>
      <c r="BZ3274" s="53"/>
      <c r="CA3274" s="53"/>
      <c r="CB3274" s="53">
        <v>-8862311.0487578698</v>
      </c>
      <c r="CC3274" s="53">
        <v>-9517177.7608454004</v>
      </c>
      <c r="CD3274" s="53">
        <v>-10580143.5419979</v>
      </c>
      <c r="CE3274" s="53">
        <v>-10608489.2905655</v>
      </c>
      <c r="CF3274" s="53">
        <v>-9906548.2787426002</v>
      </c>
      <c r="CG3274" s="53">
        <v>-9920691.9940579999</v>
      </c>
      <c r="CH3274" s="53">
        <v>-9803136.0555846002</v>
      </c>
      <c r="CI3274" s="53">
        <v>-9125686.0586299002</v>
      </c>
      <c r="CJ3274" s="53">
        <v>-8651325.0956799705</v>
      </c>
      <c r="CK3274" s="53">
        <v>-9384248.3921816796</v>
      </c>
      <c r="CL3274" s="53">
        <v>-8944815.07152717</v>
      </c>
      <c r="CM3274" s="53">
        <v>-8382254.2809268702</v>
      </c>
      <c r="CN3274" s="53">
        <v>-113686826.869497</v>
      </c>
    </row>
    <row r="3275" spans="1:92" outlineLevel="1">
      <c r="A3275" s="52" t="s">
        <v>1685</v>
      </c>
      <c r="B3275" s="53"/>
      <c r="C3275" s="53"/>
      <c r="D3275" s="53"/>
      <c r="E3275" s="53"/>
      <c r="F3275" s="53"/>
      <c r="G3275" s="53"/>
      <c r="H3275" s="53"/>
      <c r="I3275" s="53"/>
      <c r="J3275" s="53"/>
      <c r="K3275" s="53"/>
      <c r="L3275" s="53"/>
      <c r="M3275" s="53"/>
      <c r="N3275" s="53"/>
      <c r="O3275" s="53"/>
      <c r="P3275" s="53"/>
      <c r="Q3275" s="53"/>
      <c r="R3275" s="53"/>
      <c r="S3275" s="53"/>
      <c r="T3275" s="53"/>
      <c r="U3275" s="53"/>
      <c r="V3275" s="53"/>
      <c r="W3275" s="53"/>
      <c r="X3275" s="53"/>
      <c r="Y3275" s="53"/>
      <c r="Z3275" s="53"/>
      <c r="AA3275" s="53"/>
      <c r="AB3275" s="53"/>
      <c r="AC3275" s="53"/>
      <c r="AD3275" s="53"/>
      <c r="AE3275" s="53"/>
      <c r="AF3275" s="53"/>
      <c r="AG3275" s="53"/>
      <c r="AH3275" s="53"/>
      <c r="AI3275" s="53"/>
      <c r="AJ3275" s="53"/>
      <c r="AK3275" s="53"/>
      <c r="AL3275" s="53"/>
      <c r="AM3275" s="53"/>
      <c r="AN3275" s="53"/>
      <c r="AO3275" s="53"/>
      <c r="AP3275" s="53"/>
      <c r="AQ3275" s="53"/>
      <c r="AR3275" s="53"/>
      <c r="AS3275" s="53"/>
      <c r="AT3275" s="53"/>
      <c r="AU3275" s="53"/>
      <c r="AV3275" s="53"/>
      <c r="AW3275" s="53"/>
      <c r="AX3275" s="53"/>
      <c r="AY3275" s="53"/>
      <c r="AZ3275" s="53"/>
      <c r="BA3275" s="53"/>
      <c r="BB3275" s="53"/>
      <c r="BC3275" s="53"/>
      <c r="BD3275" s="53"/>
      <c r="BE3275" s="53"/>
      <c r="BF3275" s="53"/>
      <c r="BG3275" s="53"/>
      <c r="BH3275" s="53"/>
      <c r="BI3275" s="53"/>
      <c r="BJ3275" s="53"/>
      <c r="BK3275" s="53"/>
      <c r="BL3275" s="53"/>
      <c r="BM3275" s="53"/>
      <c r="BN3275" s="53"/>
      <c r="BO3275" s="53"/>
      <c r="BP3275" s="53"/>
      <c r="BQ3275" s="53"/>
      <c r="BR3275" s="53"/>
      <c r="BS3275" s="53"/>
      <c r="BT3275" s="53"/>
      <c r="BU3275" s="53"/>
      <c r="BV3275" s="53"/>
      <c r="BW3275" s="53"/>
      <c r="BX3275" s="53"/>
      <c r="BY3275" s="53"/>
      <c r="BZ3275" s="53"/>
      <c r="CA3275" s="53"/>
      <c r="CB3275" s="53"/>
      <c r="CC3275" s="53"/>
      <c r="CD3275" s="53"/>
      <c r="CE3275" s="53"/>
      <c r="CF3275" s="53"/>
      <c r="CG3275" s="53"/>
      <c r="CH3275" s="53"/>
      <c r="CI3275" s="53"/>
      <c r="CJ3275" s="53"/>
      <c r="CK3275" s="53"/>
      <c r="CL3275" s="53"/>
      <c r="CM3275" s="53"/>
      <c r="CN3275" s="53"/>
    </row>
    <row r="3276" spans="1:92" outlineLevel="1">
      <c r="A3276" s="52" t="s">
        <v>649</v>
      </c>
      <c r="B3276" s="53"/>
      <c r="C3276" s="53"/>
      <c r="D3276" s="53"/>
      <c r="E3276" s="53"/>
      <c r="F3276" s="53"/>
      <c r="G3276" s="53"/>
      <c r="H3276" s="53"/>
      <c r="I3276" s="53"/>
      <c r="J3276" s="53"/>
      <c r="K3276" s="53"/>
      <c r="L3276" s="53"/>
      <c r="M3276" s="53"/>
      <c r="N3276" s="53"/>
      <c r="O3276" s="53">
        <v>90657.833333333299</v>
      </c>
      <c r="P3276" s="53">
        <v>90657.833333333299</v>
      </c>
      <c r="Q3276" s="53">
        <v>90657.833333333299</v>
      </c>
      <c r="R3276" s="53">
        <v>90657.833333333299</v>
      </c>
      <c r="S3276" s="53">
        <v>90657.833333333299</v>
      </c>
      <c r="T3276" s="53">
        <v>90657.833333333299</v>
      </c>
      <c r="U3276" s="53">
        <v>90657.833333333299</v>
      </c>
      <c r="V3276" s="53">
        <v>90657.833333333299</v>
      </c>
      <c r="W3276" s="53">
        <v>90657.833333333299</v>
      </c>
      <c r="X3276" s="53">
        <v>90657.833333333299</v>
      </c>
      <c r="Y3276" s="53">
        <v>90657.833333333299</v>
      </c>
      <c r="Z3276" s="53">
        <v>90657.833333333299</v>
      </c>
      <c r="AA3276" s="53">
        <v>1087894</v>
      </c>
      <c r="AB3276" s="53">
        <v>68152.333333333299</v>
      </c>
      <c r="AC3276" s="53">
        <v>68152.333333333299</v>
      </c>
      <c r="AD3276" s="53">
        <v>68152.333333333299</v>
      </c>
      <c r="AE3276" s="53">
        <v>68152.333333333299</v>
      </c>
      <c r="AF3276" s="53">
        <v>68152.333333333299</v>
      </c>
      <c r="AG3276" s="53">
        <v>68152.333333333299</v>
      </c>
      <c r="AH3276" s="53">
        <v>68152.333333333299</v>
      </c>
      <c r="AI3276" s="53">
        <v>68152.333333333299</v>
      </c>
      <c r="AJ3276" s="53">
        <v>68152.333333333299</v>
      </c>
      <c r="AK3276" s="53">
        <v>68152.333333333299</v>
      </c>
      <c r="AL3276" s="53">
        <v>68152.333333333299</v>
      </c>
      <c r="AM3276" s="53">
        <v>68152.333333333299</v>
      </c>
      <c r="AN3276" s="53">
        <v>817828</v>
      </c>
      <c r="AO3276" s="53">
        <v>69454.916666666599</v>
      </c>
      <c r="AP3276" s="53">
        <v>69454.916666666599</v>
      </c>
      <c r="AQ3276" s="53">
        <v>69454.916666666599</v>
      </c>
      <c r="AR3276" s="53">
        <v>69454.916666666599</v>
      </c>
      <c r="AS3276" s="53">
        <v>69454.916666666599</v>
      </c>
      <c r="AT3276" s="53">
        <v>69454.916666666599</v>
      </c>
      <c r="AU3276" s="53">
        <v>69454.916666666599</v>
      </c>
      <c r="AV3276" s="53">
        <v>69454.916666666599</v>
      </c>
      <c r="AW3276" s="53">
        <v>69454.916666666599</v>
      </c>
      <c r="AX3276" s="53">
        <v>69454.916666666599</v>
      </c>
      <c r="AY3276" s="53">
        <v>69454.916666666599</v>
      </c>
      <c r="AZ3276" s="53">
        <v>69454.916666666599</v>
      </c>
      <c r="BA3276" s="53">
        <v>833459</v>
      </c>
      <c r="BB3276" s="53">
        <v>72626.083333333299</v>
      </c>
      <c r="BC3276" s="53">
        <v>72626.083333333299</v>
      </c>
      <c r="BD3276" s="53">
        <v>72626.083333333299</v>
      </c>
      <c r="BE3276" s="53">
        <v>72626.083333333299</v>
      </c>
      <c r="BF3276" s="53">
        <v>72626.083333333299</v>
      </c>
      <c r="BG3276" s="53">
        <v>72626.083333333299</v>
      </c>
      <c r="BH3276" s="53">
        <v>72626.083333333299</v>
      </c>
      <c r="BI3276" s="53">
        <v>72626.083333333299</v>
      </c>
      <c r="BJ3276" s="53">
        <v>72626.083333333299</v>
      </c>
      <c r="BK3276" s="53">
        <v>72626.083333333299</v>
      </c>
      <c r="BL3276" s="53">
        <v>72626.083333333299</v>
      </c>
      <c r="BM3276" s="53">
        <v>72626.083333333299</v>
      </c>
      <c r="BN3276" s="53">
        <v>871512.99999999895</v>
      </c>
      <c r="BO3276" s="53">
        <v>73847.833333333299</v>
      </c>
      <c r="BP3276" s="53">
        <v>73847.833333333299</v>
      </c>
      <c r="BQ3276" s="53">
        <v>73847.833333333299</v>
      </c>
      <c r="BR3276" s="53">
        <v>73847.833333333299</v>
      </c>
      <c r="BS3276" s="53">
        <v>73847.833333333299</v>
      </c>
      <c r="BT3276" s="53">
        <v>73847.833333333299</v>
      </c>
      <c r="BU3276" s="53">
        <v>73847.833333333299</v>
      </c>
      <c r="BV3276" s="53">
        <v>73847.833333333299</v>
      </c>
      <c r="BW3276" s="53">
        <v>73847.833333333299</v>
      </c>
      <c r="BX3276" s="53">
        <v>73847.833333333299</v>
      </c>
      <c r="BY3276" s="53">
        <v>73847.833333333299</v>
      </c>
      <c r="BZ3276" s="53">
        <v>73847.833333333299</v>
      </c>
      <c r="CA3276" s="53">
        <v>886174</v>
      </c>
      <c r="CB3276" s="53"/>
      <c r="CC3276" s="53"/>
      <c r="CD3276" s="53"/>
      <c r="CE3276" s="53"/>
      <c r="CF3276" s="53"/>
      <c r="CG3276" s="53"/>
      <c r="CH3276" s="53"/>
      <c r="CI3276" s="53"/>
      <c r="CJ3276" s="53"/>
      <c r="CK3276" s="53"/>
      <c r="CL3276" s="53"/>
      <c r="CM3276" s="53"/>
      <c r="CN3276" s="53"/>
    </row>
    <row r="3277" spans="1:92" outlineLevel="1">
      <c r="A3277" s="52" t="s">
        <v>1686</v>
      </c>
      <c r="B3277" s="53"/>
      <c r="C3277" s="53"/>
      <c r="D3277" s="53"/>
      <c r="E3277" s="53"/>
      <c r="F3277" s="53"/>
      <c r="G3277" s="53"/>
      <c r="H3277" s="53"/>
      <c r="I3277" s="53"/>
      <c r="J3277" s="53"/>
      <c r="K3277" s="53"/>
      <c r="L3277" s="53"/>
      <c r="M3277" s="53"/>
      <c r="N3277" s="53"/>
      <c r="O3277" s="53"/>
      <c r="P3277" s="53"/>
      <c r="Q3277" s="53"/>
      <c r="R3277" s="53"/>
      <c r="S3277" s="53"/>
      <c r="T3277" s="53"/>
      <c r="U3277" s="53"/>
      <c r="V3277" s="53"/>
      <c r="W3277" s="53"/>
      <c r="X3277" s="53"/>
      <c r="Y3277" s="53"/>
      <c r="Z3277" s="53"/>
      <c r="AA3277" s="53"/>
      <c r="AB3277" s="53"/>
      <c r="AC3277" s="53"/>
      <c r="AD3277" s="53"/>
      <c r="AE3277" s="53"/>
      <c r="AF3277" s="53"/>
      <c r="AG3277" s="53"/>
      <c r="AH3277" s="53"/>
      <c r="AI3277" s="53"/>
      <c r="AJ3277" s="53"/>
      <c r="AK3277" s="53"/>
      <c r="AL3277" s="53"/>
      <c r="AM3277" s="53"/>
      <c r="AN3277" s="53"/>
      <c r="AO3277" s="53"/>
      <c r="AP3277" s="53"/>
      <c r="AQ3277" s="53"/>
      <c r="AR3277" s="53"/>
      <c r="AS3277" s="53"/>
      <c r="AT3277" s="53"/>
      <c r="AU3277" s="53"/>
      <c r="AV3277" s="53"/>
      <c r="AW3277" s="53"/>
      <c r="AX3277" s="53"/>
      <c r="AY3277" s="53"/>
      <c r="AZ3277" s="53"/>
      <c r="BA3277" s="53"/>
      <c r="BB3277" s="53"/>
      <c r="BC3277" s="53"/>
      <c r="BD3277" s="53"/>
      <c r="BE3277" s="53"/>
      <c r="BF3277" s="53"/>
      <c r="BG3277" s="53"/>
      <c r="BH3277" s="53"/>
      <c r="BI3277" s="53"/>
      <c r="BJ3277" s="53"/>
      <c r="BK3277" s="53"/>
      <c r="BL3277" s="53"/>
      <c r="BM3277" s="53"/>
      <c r="BN3277" s="53"/>
      <c r="BO3277" s="53"/>
      <c r="BP3277" s="53"/>
      <c r="BQ3277" s="53"/>
      <c r="BR3277" s="53"/>
      <c r="BS3277" s="53"/>
      <c r="BT3277" s="53"/>
      <c r="BU3277" s="53"/>
      <c r="BV3277" s="53"/>
      <c r="BW3277" s="53"/>
      <c r="BX3277" s="53"/>
      <c r="BY3277" s="53"/>
      <c r="BZ3277" s="53"/>
      <c r="CA3277" s="53"/>
      <c r="CB3277" s="53">
        <v>-99137.488866953703</v>
      </c>
      <c r="CC3277" s="53">
        <v>-99137.488866953703</v>
      </c>
      <c r="CD3277" s="53">
        <v>-99137.488866953703</v>
      </c>
      <c r="CE3277" s="53">
        <v>-99137.488866953703</v>
      </c>
      <c r="CF3277" s="53">
        <v>-99137.488866953703</v>
      </c>
      <c r="CG3277" s="53">
        <v>-99137.488866953703</v>
      </c>
      <c r="CH3277" s="53">
        <v>-99137.488866953703</v>
      </c>
      <c r="CI3277" s="53">
        <v>-99137.488866953703</v>
      </c>
      <c r="CJ3277" s="53">
        <v>-99137.488866953703</v>
      </c>
      <c r="CK3277" s="53">
        <v>-99137.488866953703</v>
      </c>
      <c r="CL3277" s="53">
        <v>-99137.488866953703</v>
      </c>
      <c r="CM3277" s="53">
        <v>-99137.488866953703</v>
      </c>
      <c r="CN3277" s="53">
        <v>-1189649.86640344</v>
      </c>
    </row>
    <row r="3278" spans="1:92" outlineLevel="1">
      <c r="A3278" s="52" t="s">
        <v>649</v>
      </c>
      <c r="B3278" s="53"/>
      <c r="C3278" s="53"/>
      <c r="D3278" s="53"/>
      <c r="E3278" s="53"/>
      <c r="F3278" s="53"/>
      <c r="G3278" s="53"/>
      <c r="H3278" s="53"/>
      <c r="I3278" s="53"/>
      <c r="J3278" s="53"/>
      <c r="K3278" s="53"/>
      <c r="L3278" s="53"/>
      <c r="M3278" s="53"/>
      <c r="N3278" s="53"/>
      <c r="O3278" s="53">
        <v>174277.58333333299</v>
      </c>
      <c r="P3278" s="53">
        <v>174277.58333333299</v>
      </c>
      <c r="Q3278" s="53">
        <v>174277.58333333299</v>
      </c>
      <c r="R3278" s="53">
        <v>174277.58333333299</v>
      </c>
      <c r="S3278" s="53">
        <v>174277.58333333299</v>
      </c>
      <c r="T3278" s="53">
        <v>174277.58333333299</v>
      </c>
      <c r="U3278" s="53">
        <v>174277.58333333299</v>
      </c>
      <c r="V3278" s="53">
        <v>174277.58333333299</v>
      </c>
      <c r="W3278" s="53">
        <v>174277.58333333299</v>
      </c>
      <c r="X3278" s="53">
        <v>174277.58333333299</v>
      </c>
      <c r="Y3278" s="53">
        <v>174277.58333333299</v>
      </c>
      <c r="Z3278" s="53">
        <v>174277.58333333299</v>
      </c>
      <c r="AA3278" s="53">
        <v>2091330.99999999</v>
      </c>
      <c r="AB3278" s="53">
        <v>173444.25</v>
      </c>
      <c r="AC3278" s="53">
        <v>173444.25</v>
      </c>
      <c r="AD3278" s="53">
        <v>173444.25</v>
      </c>
      <c r="AE3278" s="53">
        <v>173444.25</v>
      </c>
      <c r="AF3278" s="53">
        <v>173444.25</v>
      </c>
      <c r="AG3278" s="53">
        <v>173444.25</v>
      </c>
      <c r="AH3278" s="53">
        <v>173444.25</v>
      </c>
      <c r="AI3278" s="53">
        <v>173444.25</v>
      </c>
      <c r="AJ3278" s="53">
        <v>173444.25</v>
      </c>
      <c r="AK3278" s="53">
        <v>173444.25</v>
      </c>
      <c r="AL3278" s="53">
        <v>173444.25</v>
      </c>
      <c r="AM3278" s="53">
        <v>173444.25</v>
      </c>
      <c r="AN3278" s="53">
        <v>2081331</v>
      </c>
      <c r="AO3278" s="53">
        <v>72615.666666666599</v>
      </c>
      <c r="AP3278" s="53">
        <v>72615.666666666599</v>
      </c>
      <c r="AQ3278" s="53">
        <v>72615.666666666599</v>
      </c>
      <c r="AR3278" s="53">
        <v>72615.666666666599</v>
      </c>
      <c r="AS3278" s="53">
        <v>72615.666666666599</v>
      </c>
      <c r="AT3278" s="53">
        <v>72615.666666666599</v>
      </c>
      <c r="AU3278" s="53">
        <v>72615.666666666599</v>
      </c>
      <c r="AV3278" s="53">
        <v>72615.666666666599</v>
      </c>
      <c r="AW3278" s="53">
        <v>72615.666666666599</v>
      </c>
      <c r="AX3278" s="53">
        <v>72615.666666666599</v>
      </c>
      <c r="AY3278" s="53">
        <v>72615.666666666599</v>
      </c>
      <c r="AZ3278" s="53">
        <v>72615.666666666599</v>
      </c>
      <c r="BA3278" s="53">
        <v>871388</v>
      </c>
      <c r="BB3278" s="53"/>
      <c r="BC3278" s="53"/>
      <c r="BD3278" s="53"/>
      <c r="BE3278" s="53"/>
      <c r="BF3278" s="53"/>
      <c r="BG3278" s="53"/>
      <c r="BH3278" s="53"/>
      <c r="BI3278" s="53"/>
      <c r="BJ3278" s="53"/>
      <c r="BK3278" s="53"/>
      <c r="BL3278" s="53"/>
      <c r="BM3278" s="53"/>
      <c r="BN3278" s="53"/>
      <c r="BO3278" s="53"/>
      <c r="BP3278" s="53"/>
      <c r="BQ3278" s="53"/>
      <c r="BR3278" s="53"/>
      <c r="BS3278" s="53"/>
      <c r="BT3278" s="53"/>
      <c r="BU3278" s="53"/>
      <c r="BV3278" s="53"/>
      <c r="BW3278" s="53"/>
      <c r="BX3278" s="53"/>
      <c r="BY3278" s="53"/>
      <c r="BZ3278" s="53"/>
      <c r="CA3278" s="53"/>
      <c r="CB3278" s="53"/>
      <c r="CC3278" s="53"/>
      <c r="CD3278" s="53"/>
      <c r="CE3278" s="53"/>
      <c r="CF3278" s="53"/>
      <c r="CG3278" s="53"/>
      <c r="CH3278" s="53"/>
      <c r="CI3278" s="53"/>
      <c r="CJ3278" s="53"/>
      <c r="CK3278" s="53"/>
      <c r="CL3278" s="53"/>
      <c r="CM3278" s="53"/>
      <c r="CN3278" s="53"/>
    </row>
    <row r="3279" spans="1:92" outlineLevel="1">
      <c r="A3279" s="52" t="s">
        <v>703</v>
      </c>
      <c r="B3279" s="53"/>
      <c r="C3279" s="53"/>
      <c r="D3279" s="53"/>
      <c r="E3279" s="53"/>
      <c r="F3279" s="53"/>
      <c r="G3279" s="53"/>
      <c r="H3279" s="53"/>
      <c r="I3279" s="53"/>
      <c r="J3279" s="53"/>
      <c r="K3279" s="53"/>
      <c r="L3279" s="53"/>
      <c r="M3279" s="53"/>
      <c r="N3279" s="53"/>
      <c r="O3279" s="53"/>
      <c r="P3279" s="53"/>
      <c r="Q3279" s="53"/>
      <c r="R3279" s="53"/>
      <c r="S3279" s="53"/>
      <c r="T3279" s="53"/>
      <c r="U3279" s="53"/>
      <c r="V3279" s="53"/>
      <c r="W3279" s="53"/>
      <c r="X3279" s="53"/>
      <c r="Y3279" s="53"/>
      <c r="Z3279" s="53"/>
      <c r="AA3279" s="53"/>
      <c r="AB3279" s="53"/>
      <c r="AC3279" s="53"/>
      <c r="AD3279" s="53"/>
      <c r="AE3279" s="53"/>
      <c r="AF3279" s="53"/>
      <c r="AG3279" s="53"/>
      <c r="AH3279" s="53"/>
      <c r="AI3279" s="53"/>
      <c r="AJ3279" s="53"/>
      <c r="AK3279" s="53"/>
      <c r="AL3279" s="53"/>
      <c r="AM3279" s="53"/>
      <c r="AN3279" s="53"/>
      <c r="AO3279" s="53"/>
      <c r="AP3279" s="53"/>
      <c r="AQ3279" s="53"/>
      <c r="AR3279" s="53"/>
      <c r="AS3279" s="53"/>
      <c r="AT3279" s="53"/>
      <c r="AU3279" s="53"/>
      <c r="AV3279" s="53"/>
      <c r="AW3279" s="53"/>
      <c r="AX3279" s="53"/>
      <c r="AY3279" s="53"/>
      <c r="AZ3279" s="53"/>
      <c r="BA3279" s="53"/>
      <c r="BB3279" s="53"/>
      <c r="BC3279" s="53"/>
      <c r="BD3279" s="53"/>
      <c r="BE3279" s="53"/>
      <c r="BF3279" s="53"/>
      <c r="BG3279" s="53"/>
      <c r="BH3279" s="53"/>
      <c r="BI3279" s="53"/>
      <c r="BJ3279" s="53"/>
      <c r="BK3279" s="53"/>
      <c r="BL3279" s="53"/>
      <c r="BM3279" s="53"/>
      <c r="BN3279" s="53"/>
      <c r="BO3279" s="53"/>
      <c r="BP3279" s="53"/>
      <c r="BQ3279" s="53"/>
      <c r="BR3279" s="53"/>
      <c r="BS3279" s="53"/>
      <c r="BT3279" s="53"/>
      <c r="BU3279" s="53"/>
      <c r="BV3279" s="53"/>
      <c r="BW3279" s="53"/>
      <c r="BX3279" s="53"/>
      <c r="BY3279" s="53"/>
      <c r="BZ3279" s="53"/>
      <c r="CA3279" s="53"/>
      <c r="CB3279" s="53"/>
      <c r="CC3279" s="53"/>
      <c r="CD3279" s="53"/>
      <c r="CE3279" s="53"/>
      <c r="CF3279" s="53"/>
      <c r="CG3279" s="53"/>
      <c r="CH3279" s="53"/>
      <c r="CI3279" s="53"/>
      <c r="CJ3279" s="53"/>
      <c r="CK3279" s="53"/>
      <c r="CL3279" s="53"/>
      <c r="CM3279" s="53"/>
      <c r="CN3279" s="53"/>
    </row>
    <row r="3280" spans="1:92" outlineLevel="1">
      <c r="A3280" s="52" t="s">
        <v>1547</v>
      </c>
      <c r="B3280" s="53"/>
      <c r="C3280" s="53"/>
      <c r="D3280" s="53"/>
      <c r="E3280" s="53"/>
      <c r="F3280" s="53"/>
      <c r="G3280" s="53"/>
      <c r="H3280" s="53"/>
      <c r="I3280" s="53"/>
      <c r="J3280" s="53"/>
      <c r="K3280" s="53"/>
      <c r="L3280" s="53"/>
      <c r="M3280" s="53"/>
      <c r="N3280" s="53"/>
      <c r="O3280" s="53"/>
      <c r="P3280" s="53"/>
      <c r="Q3280" s="53"/>
      <c r="R3280" s="53"/>
      <c r="S3280" s="53"/>
      <c r="T3280" s="53"/>
      <c r="U3280" s="53"/>
      <c r="V3280" s="53"/>
      <c r="W3280" s="53"/>
      <c r="X3280" s="53"/>
      <c r="Y3280" s="53"/>
      <c r="Z3280" s="53"/>
      <c r="AA3280" s="53"/>
      <c r="AB3280" s="53"/>
      <c r="AC3280" s="53"/>
      <c r="AD3280" s="53"/>
      <c r="AE3280" s="53"/>
      <c r="AF3280" s="53"/>
      <c r="AG3280" s="53"/>
      <c r="AH3280" s="53"/>
      <c r="AI3280" s="53"/>
      <c r="AJ3280" s="53"/>
      <c r="AK3280" s="53"/>
      <c r="AL3280" s="53"/>
      <c r="AM3280" s="53"/>
      <c r="AN3280" s="53"/>
      <c r="AO3280" s="53"/>
      <c r="AP3280" s="53"/>
      <c r="AQ3280" s="53"/>
      <c r="AR3280" s="53"/>
      <c r="AS3280" s="53"/>
      <c r="AT3280" s="53"/>
      <c r="AU3280" s="53"/>
      <c r="AV3280" s="53"/>
      <c r="AW3280" s="53"/>
      <c r="AX3280" s="53"/>
      <c r="AY3280" s="53"/>
      <c r="AZ3280" s="53"/>
      <c r="BA3280" s="53"/>
      <c r="BB3280" s="53"/>
      <c r="BC3280" s="53"/>
      <c r="BD3280" s="53"/>
      <c r="BE3280" s="53"/>
      <c r="BF3280" s="53"/>
      <c r="BG3280" s="53"/>
      <c r="BH3280" s="53"/>
      <c r="BI3280" s="53"/>
      <c r="BJ3280" s="53"/>
      <c r="BK3280" s="53"/>
      <c r="BL3280" s="53"/>
      <c r="BM3280" s="53"/>
      <c r="BN3280" s="53"/>
      <c r="BO3280" s="53"/>
      <c r="BP3280" s="53"/>
      <c r="BQ3280" s="53"/>
      <c r="BR3280" s="53"/>
      <c r="BS3280" s="53"/>
      <c r="BT3280" s="53"/>
      <c r="BU3280" s="53"/>
      <c r="BV3280" s="53"/>
      <c r="BW3280" s="53"/>
      <c r="BX3280" s="53"/>
      <c r="BY3280" s="53"/>
      <c r="BZ3280" s="53"/>
      <c r="CA3280" s="53"/>
      <c r="CB3280" s="53"/>
      <c r="CC3280" s="53"/>
      <c r="CD3280" s="53"/>
      <c r="CE3280" s="53"/>
      <c r="CF3280" s="53"/>
      <c r="CG3280" s="53"/>
      <c r="CH3280" s="53"/>
      <c r="CI3280" s="53"/>
      <c r="CJ3280" s="53"/>
      <c r="CK3280" s="53"/>
      <c r="CL3280" s="53">
        <v>-224995855.50060099</v>
      </c>
      <c r="CM3280" s="53"/>
      <c r="CN3280" s="53">
        <v>-224995855.50060099</v>
      </c>
    </row>
    <row r="3281" spans="1:92" outlineLevel="1">
      <c r="A3281" s="52" t="s">
        <v>705</v>
      </c>
      <c r="B3281" s="53"/>
      <c r="C3281" s="53"/>
      <c r="D3281" s="53"/>
      <c r="E3281" s="53"/>
      <c r="F3281" s="53"/>
      <c r="G3281" s="53"/>
      <c r="H3281" s="53"/>
      <c r="I3281" s="53"/>
      <c r="J3281" s="53"/>
      <c r="K3281" s="53"/>
      <c r="L3281" s="53"/>
      <c r="M3281" s="53"/>
      <c r="N3281" s="53"/>
      <c r="O3281" s="53"/>
      <c r="P3281" s="53"/>
      <c r="Q3281" s="53"/>
      <c r="R3281" s="53">
        <v>-21115885.815483801</v>
      </c>
      <c r="S3281" s="53"/>
      <c r="T3281" s="53">
        <v>-21115885.815483801</v>
      </c>
      <c r="U3281" s="53"/>
      <c r="V3281" s="53"/>
      <c r="W3281" s="53">
        <v>-21115885.815483801</v>
      </c>
      <c r="X3281" s="53"/>
      <c r="Y3281" s="53"/>
      <c r="Z3281" s="53">
        <v>-21115885.8154837</v>
      </c>
      <c r="AA3281" s="53">
        <v>-84463543.261935204</v>
      </c>
      <c r="AB3281" s="53"/>
      <c r="AC3281" s="53"/>
      <c r="AD3281" s="53"/>
      <c r="AE3281" s="53">
        <v>-18549290.819289401</v>
      </c>
      <c r="AF3281" s="53"/>
      <c r="AG3281" s="53">
        <v>-18549290.819289401</v>
      </c>
      <c r="AH3281" s="53"/>
      <c r="AI3281" s="53"/>
      <c r="AJ3281" s="53">
        <v>-18549290.819289401</v>
      </c>
      <c r="AK3281" s="53"/>
      <c r="AL3281" s="53"/>
      <c r="AM3281" s="53">
        <v>-18549290.789416101</v>
      </c>
      <c r="AN3281" s="53">
        <v>-74197163.247284502</v>
      </c>
      <c r="AO3281" s="53"/>
      <c r="AP3281" s="53"/>
      <c r="AQ3281" s="53"/>
      <c r="AR3281" s="53">
        <v>-5181213.0702855801</v>
      </c>
      <c r="AS3281" s="53"/>
      <c r="AT3281" s="53">
        <v>-5181213.0702855801</v>
      </c>
      <c r="AU3281" s="53"/>
      <c r="AV3281" s="53"/>
      <c r="AW3281" s="53">
        <v>-5181213.0702855801</v>
      </c>
      <c r="AX3281" s="53"/>
      <c r="AY3281" s="53"/>
      <c r="AZ3281" s="53">
        <v>-5181212.70085287</v>
      </c>
      <c r="BA3281" s="53">
        <v>-20724851.911709599</v>
      </c>
      <c r="BB3281" s="53"/>
      <c r="BC3281" s="53"/>
      <c r="BD3281" s="53"/>
      <c r="BE3281" s="53">
        <v>-4282253.5964552602</v>
      </c>
      <c r="BF3281" s="53"/>
      <c r="BG3281" s="53">
        <v>-4282253.5964552602</v>
      </c>
      <c r="BH3281" s="53"/>
      <c r="BI3281" s="53"/>
      <c r="BJ3281" s="53">
        <v>-4282253.5964552602</v>
      </c>
      <c r="BK3281" s="53"/>
      <c r="BL3281" s="53"/>
      <c r="BM3281" s="53">
        <v>-4282253.5826190598</v>
      </c>
      <c r="BN3281" s="53">
        <v>-17129014.371984798</v>
      </c>
      <c r="BO3281" s="53"/>
      <c r="BP3281" s="53"/>
      <c r="BQ3281" s="53"/>
      <c r="BR3281" s="53">
        <v>-2425387.3572138199</v>
      </c>
      <c r="BS3281" s="53"/>
      <c r="BT3281" s="53">
        <v>-2425387.3572138199</v>
      </c>
      <c r="BU3281" s="53"/>
      <c r="BV3281" s="53"/>
      <c r="BW3281" s="53">
        <v>-2425387.3572138199</v>
      </c>
      <c r="BX3281" s="53"/>
      <c r="BY3281" s="53"/>
      <c r="BZ3281" s="53">
        <v>-2425387.0805535698</v>
      </c>
      <c r="CA3281" s="53">
        <v>-9701549.1521950494</v>
      </c>
      <c r="CB3281" s="53"/>
      <c r="CC3281" s="53"/>
      <c r="CD3281" s="53"/>
      <c r="CE3281" s="53"/>
      <c r="CF3281" s="53"/>
      <c r="CG3281" s="53"/>
      <c r="CH3281" s="53"/>
      <c r="CI3281" s="53"/>
      <c r="CJ3281" s="53"/>
      <c r="CK3281" s="53"/>
      <c r="CL3281" s="53"/>
      <c r="CM3281" s="53"/>
      <c r="CN3281" s="53"/>
    </row>
    <row r="3282" spans="1:92" outlineLevel="1">
      <c r="A3282" s="52" t="s">
        <v>1615</v>
      </c>
      <c r="B3282" s="53"/>
      <c r="C3282" s="53"/>
      <c r="D3282" s="53"/>
      <c r="E3282" s="53"/>
      <c r="F3282" s="53"/>
      <c r="G3282" s="53"/>
      <c r="H3282" s="53"/>
      <c r="I3282" s="53"/>
      <c r="J3282" s="53"/>
      <c r="K3282" s="53"/>
      <c r="L3282" s="53"/>
      <c r="M3282" s="53"/>
      <c r="N3282" s="53"/>
      <c r="O3282" s="53"/>
      <c r="P3282" s="53"/>
      <c r="Q3282" s="53"/>
      <c r="R3282" s="53"/>
      <c r="S3282" s="53"/>
      <c r="T3282" s="53"/>
      <c r="U3282" s="53"/>
      <c r="V3282" s="53"/>
      <c r="W3282" s="53"/>
      <c r="X3282" s="53"/>
      <c r="Y3282" s="53"/>
      <c r="Z3282" s="53"/>
      <c r="AA3282" s="53"/>
      <c r="AB3282" s="53"/>
      <c r="AC3282" s="53"/>
      <c r="AD3282" s="53"/>
      <c r="AE3282" s="53"/>
      <c r="AF3282" s="53"/>
      <c r="AG3282" s="53"/>
      <c r="AH3282" s="53"/>
      <c r="AI3282" s="53"/>
      <c r="AJ3282" s="53"/>
      <c r="AK3282" s="53"/>
      <c r="AL3282" s="53"/>
      <c r="AM3282" s="53"/>
      <c r="AN3282" s="53"/>
      <c r="AO3282" s="53"/>
      <c r="AP3282" s="53"/>
      <c r="AQ3282" s="53"/>
      <c r="AR3282" s="53"/>
      <c r="AS3282" s="53"/>
      <c r="AT3282" s="53"/>
      <c r="AU3282" s="53"/>
      <c r="AV3282" s="53"/>
      <c r="AW3282" s="53"/>
      <c r="AX3282" s="53"/>
      <c r="AY3282" s="53"/>
      <c r="AZ3282" s="53"/>
      <c r="BA3282" s="53"/>
      <c r="BB3282" s="53"/>
      <c r="BC3282" s="53"/>
      <c r="BD3282" s="53"/>
      <c r="BE3282" s="53"/>
      <c r="BF3282" s="53"/>
      <c r="BG3282" s="53"/>
      <c r="BH3282" s="53"/>
      <c r="BI3282" s="53"/>
      <c r="BJ3282" s="53"/>
      <c r="BK3282" s="53"/>
      <c r="BL3282" s="53"/>
      <c r="BM3282" s="53"/>
      <c r="BN3282" s="53"/>
      <c r="BO3282" s="53"/>
      <c r="BP3282" s="53"/>
      <c r="BQ3282" s="53"/>
      <c r="BR3282" s="53"/>
      <c r="BS3282" s="53"/>
      <c r="BT3282" s="53"/>
      <c r="BU3282" s="53"/>
      <c r="BV3282" s="53"/>
      <c r="BW3282" s="53"/>
      <c r="BX3282" s="53"/>
      <c r="BY3282" s="53"/>
      <c r="BZ3282" s="53"/>
      <c r="CA3282" s="53"/>
      <c r="CB3282" s="53"/>
      <c r="CC3282" s="53"/>
      <c r="CD3282" s="53"/>
      <c r="CE3282" s="53"/>
      <c r="CF3282" s="53"/>
      <c r="CG3282" s="53"/>
      <c r="CH3282" s="53"/>
      <c r="CI3282" s="53"/>
      <c r="CJ3282" s="53"/>
      <c r="CK3282" s="53"/>
      <c r="CL3282" s="53"/>
      <c r="CM3282" s="53"/>
      <c r="CN3282" s="53"/>
    </row>
    <row r="3283" spans="1:92" outlineLevel="1">
      <c r="A3283" s="52" t="s">
        <v>1616</v>
      </c>
      <c r="B3283" s="53"/>
      <c r="C3283" s="53"/>
      <c r="D3283" s="53"/>
      <c r="E3283" s="53"/>
      <c r="F3283" s="53"/>
      <c r="G3283" s="53"/>
      <c r="H3283" s="53"/>
      <c r="I3283" s="53"/>
      <c r="J3283" s="53"/>
      <c r="K3283" s="53"/>
      <c r="L3283" s="53"/>
      <c r="M3283" s="53"/>
      <c r="N3283" s="53"/>
      <c r="O3283" s="53"/>
      <c r="P3283" s="53"/>
      <c r="Q3283" s="53"/>
      <c r="R3283" s="53"/>
      <c r="S3283" s="53"/>
      <c r="T3283" s="53"/>
      <c r="U3283" s="53"/>
      <c r="V3283" s="53"/>
      <c r="W3283" s="53"/>
      <c r="X3283" s="53"/>
      <c r="Y3283" s="53"/>
      <c r="Z3283" s="53"/>
      <c r="AA3283" s="53"/>
      <c r="AB3283" s="53"/>
      <c r="AC3283" s="53"/>
      <c r="AD3283" s="53"/>
      <c r="AE3283" s="53"/>
      <c r="AF3283" s="53"/>
      <c r="AG3283" s="53"/>
      <c r="AH3283" s="53"/>
      <c r="AI3283" s="53"/>
      <c r="AJ3283" s="53"/>
      <c r="AK3283" s="53"/>
      <c r="AL3283" s="53"/>
      <c r="AM3283" s="53"/>
      <c r="AN3283" s="53"/>
      <c r="AO3283" s="53"/>
      <c r="AP3283" s="53"/>
      <c r="AQ3283" s="53"/>
      <c r="AR3283" s="53"/>
      <c r="AS3283" s="53"/>
      <c r="AT3283" s="53"/>
      <c r="AU3283" s="53"/>
      <c r="AV3283" s="53"/>
      <c r="AW3283" s="53"/>
      <c r="AX3283" s="53"/>
      <c r="AY3283" s="53"/>
      <c r="AZ3283" s="53"/>
      <c r="BA3283" s="53"/>
      <c r="BB3283" s="53"/>
      <c r="BC3283" s="53"/>
      <c r="BD3283" s="53"/>
      <c r="BE3283" s="53"/>
      <c r="BF3283" s="53"/>
      <c r="BG3283" s="53"/>
      <c r="BH3283" s="53"/>
      <c r="BI3283" s="53"/>
      <c r="BJ3283" s="53"/>
      <c r="BK3283" s="53"/>
      <c r="BL3283" s="53"/>
      <c r="BM3283" s="53"/>
      <c r="BN3283" s="53"/>
      <c r="BO3283" s="53"/>
      <c r="BP3283" s="53"/>
      <c r="BQ3283" s="53"/>
      <c r="BR3283" s="53"/>
      <c r="BS3283" s="53"/>
      <c r="BT3283" s="53"/>
      <c r="BU3283" s="53"/>
      <c r="BV3283" s="53"/>
      <c r="BW3283" s="53"/>
      <c r="BX3283" s="53"/>
      <c r="BY3283" s="53"/>
      <c r="BZ3283" s="53"/>
      <c r="CA3283" s="53"/>
      <c r="CB3283" s="53">
        <v>-4885623.74</v>
      </c>
      <c r="CC3283" s="53">
        <v>-6821191.2000000002</v>
      </c>
      <c r="CD3283" s="53">
        <v>-9361606.4399999995</v>
      </c>
      <c r="CE3283" s="53">
        <v>-11484163.4099999</v>
      </c>
      <c r="CF3283" s="53">
        <v>-15932844.34</v>
      </c>
      <c r="CG3283" s="53">
        <v>-19003359.25</v>
      </c>
      <c r="CH3283" s="53">
        <v>-22266829.359999999</v>
      </c>
      <c r="CI3283" s="53">
        <v>-21989061.1199999</v>
      </c>
      <c r="CJ3283" s="53">
        <v>-19896695.09</v>
      </c>
      <c r="CK3283" s="53">
        <v>-14892568.92</v>
      </c>
      <c r="CL3283" s="53">
        <v>-7069373.5300000003</v>
      </c>
      <c r="CM3283" s="53">
        <v>-2914802.36</v>
      </c>
      <c r="CN3283" s="53">
        <v>-156518118.75999999</v>
      </c>
    </row>
    <row r="3284" spans="1:92" outlineLevel="1">
      <c r="A3284" s="52" t="s">
        <v>649</v>
      </c>
      <c r="B3284" s="53"/>
      <c r="C3284" s="53"/>
      <c r="D3284" s="53">
        <v>-18368678.310159098</v>
      </c>
      <c r="E3284" s="53"/>
      <c r="F3284" s="53"/>
      <c r="G3284" s="53"/>
      <c r="H3284" s="53"/>
      <c r="I3284" s="53"/>
      <c r="J3284" s="53"/>
      <c r="K3284" s="53"/>
      <c r="L3284" s="53"/>
      <c r="M3284" s="53"/>
      <c r="N3284" s="53">
        <v>-18368678.310159098</v>
      </c>
      <c r="O3284" s="53"/>
      <c r="P3284" s="53"/>
      <c r="Q3284" s="53">
        <v>-30073063.440000001</v>
      </c>
      <c r="R3284" s="53"/>
      <c r="S3284" s="53"/>
      <c r="T3284" s="53"/>
      <c r="U3284" s="53"/>
      <c r="V3284" s="53"/>
      <c r="W3284" s="53"/>
      <c r="X3284" s="53"/>
      <c r="Y3284" s="53"/>
      <c r="Z3284" s="53"/>
      <c r="AA3284" s="53">
        <v>-30073063.440000001</v>
      </c>
      <c r="AB3284" s="53"/>
      <c r="AC3284" s="53"/>
      <c r="AD3284" s="53">
        <v>-9325982.9999999907</v>
      </c>
      <c r="AE3284" s="53"/>
      <c r="AF3284" s="53"/>
      <c r="AG3284" s="53"/>
      <c r="AH3284" s="53"/>
      <c r="AI3284" s="53"/>
      <c r="AJ3284" s="53"/>
      <c r="AK3284" s="53"/>
      <c r="AL3284" s="53"/>
      <c r="AM3284" s="53"/>
      <c r="AN3284" s="53">
        <v>-9325982.9999999907</v>
      </c>
      <c r="AO3284" s="53"/>
      <c r="AP3284" s="53"/>
      <c r="AQ3284" s="53">
        <v>-9672873.9999999907</v>
      </c>
      <c r="AR3284" s="53"/>
      <c r="AS3284" s="53"/>
      <c r="AT3284" s="53"/>
      <c r="AU3284" s="53"/>
      <c r="AV3284" s="53"/>
      <c r="AW3284" s="53"/>
      <c r="AX3284" s="53"/>
      <c r="AY3284" s="53"/>
      <c r="AZ3284" s="53"/>
      <c r="BA3284" s="53">
        <v>-9672873.9999999907</v>
      </c>
      <c r="BB3284" s="53"/>
      <c r="BC3284" s="53"/>
      <c r="BD3284" s="53">
        <v>-9672874</v>
      </c>
      <c r="BE3284" s="53"/>
      <c r="BF3284" s="53"/>
      <c r="BG3284" s="53"/>
      <c r="BH3284" s="53"/>
      <c r="BI3284" s="53"/>
      <c r="BJ3284" s="53"/>
      <c r="BK3284" s="53"/>
      <c r="BL3284" s="53"/>
      <c r="BM3284" s="53"/>
      <c r="BN3284" s="53">
        <v>-9672874</v>
      </c>
      <c r="BO3284" s="53"/>
      <c r="BP3284" s="53"/>
      <c r="BQ3284" s="53">
        <v>-9672874</v>
      </c>
      <c r="BR3284" s="53"/>
      <c r="BS3284" s="53"/>
      <c r="BT3284" s="53"/>
      <c r="BU3284" s="53"/>
      <c r="BV3284" s="53"/>
      <c r="BW3284" s="53"/>
      <c r="BX3284" s="53"/>
      <c r="BY3284" s="53"/>
      <c r="BZ3284" s="53"/>
      <c r="CA3284" s="53">
        <v>-9672874</v>
      </c>
      <c r="CB3284" s="53"/>
      <c r="CC3284" s="53"/>
      <c r="CD3284" s="53"/>
      <c r="CE3284" s="53"/>
      <c r="CF3284" s="53"/>
      <c r="CG3284" s="53"/>
      <c r="CH3284" s="53"/>
      <c r="CI3284" s="53"/>
      <c r="CJ3284" s="53"/>
      <c r="CK3284" s="53"/>
      <c r="CL3284" s="53"/>
      <c r="CM3284" s="53"/>
      <c r="CN3284" s="53"/>
    </row>
    <row r="3285" spans="1:92" outlineLevel="1">
      <c r="A3285" s="52" t="s">
        <v>1617</v>
      </c>
      <c r="B3285" s="53"/>
      <c r="C3285" s="53"/>
      <c r="D3285" s="53"/>
      <c r="E3285" s="53"/>
      <c r="F3285" s="53"/>
      <c r="G3285" s="53"/>
      <c r="H3285" s="53"/>
      <c r="I3285" s="53"/>
      <c r="J3285" s="53"/>
      <c r="K3285" s="53"/>
      <c r="L3285" s="53"/>
      <c r="M3285" s="53"/>
      <c r="N3285" s="53"/>
      <c r="O3285" s="53"/>
      <c r="P3285" s="53"/>
      <c r="Q3285" s="53"/>
      <c r="R3285" s="53"/>
      <c r="S3285" s="53"/>
      <c r="T3285" s="53"/>
      <c r="U3285" s="53"/>
      <c r="V3285" s="53"/>
      <c r="W3285" s="53"/>
      <c r="X3285" s="53"/>
      <c r="Y3285" s="53"/>
      <c r="Z3285" s="53"/>
      <c r="AA3285" s="53"/>
      <c r="AB3285" s="53"/>
      <c r="AC3285" s="53"/>
      <c r="AD3285" s="53"/>
      <c r="AE3285" s="53"/>
      <c r="AF3285" s="53"/>
      <c r="AG3285" s="53"/>
      <c r="AH3285" s="53"/>
      <c r="AI3285" s="53"/>
      <c r="AJ3285" s="53"/>
      <c r="AK3285" s="53"/>
      <c r="AL3285" s="53"/>
      <c r="AM3285" s="53"/>
      <c r="AN3285" s="53"/>
      <c r="AO3285" s="53"/>
      <c r="AP3285" s="53"/>
      <c r="AQ3285" s="53"/>
      <c r="AR3285" s="53"/>
      <c r="AS3285" s="53"/>
      <c r="AT3285" s="53"/>
      <c r="AU3285" s="53"/>
      <c r="AV3285" s="53"/>
      <c r="AW3285" s="53"/>
      <c r="AX3285" s="53"/>
      <c r="AY3285" s="53"/>
      <c r="AZ3285" s="53"/>
      <c r="BA3285" s="53"/>
      <c r="BB3285" s="53"/>
      <c r="BC3285" s="53"/>
      <c r="BD3285" s="53"/>
      <c r="BE3285" s="53"/>
      <c r="BF3285" s="53"/>
      <c r="BG3285" s="53"/>
      <c r="BH3285" s="53"/>
      <c r="BI3285" s="53"/>
      <c r="BJ3285" s="53"/>
      <c r="BK3285" s="53"/>
      <c r="BL3285" s="53"/>
      <c r="BM3285" s="53"/>
      <c r="BN3285" s="53"/>
      <c r="BO3285" s="53"/>
      <c r="BP3285" s="53"/>
      <c r="BQ3285" s="53"/>
      <c r="BR3285" s="53"/>
      <c r="BS3285" s="53"/>
      <c r="BT3285" s="53"/>
      <c r="BU3285" s="53"/>
      <c r="BV3285" s="53"/>
      <c r="BW3285" s="53"/>
      <c r="BX3285" s="53"/>
      <c r="BY3285" s="53"/>
      <c r="BZ3285" s="53"/>
      <c r="CA3285" s="53"/>
      <c r="CB3285" s="53">
        <v>-2555737.2999999998</v>
      </c>
      <c r="CC3285" s="53">
        <v>-2709377.53</v>
      </c>
      <c r="CD3285" s="53">
        <v>-2658425.8399999901</v>
      </c>
      <c r="CE3285" s="53">
        <v>-2110044.13</v>
      </c>
      <c r="CF3285" s="53">
        <v>-2302031.2799999998</v>
      </c>
      <c r="CG3285" s="53">
        <v>-2465152</v>
      </c>
      <c r="CH3285" s="53">
        <v>-2104715.75</v>
      </c>
      <c r="CI3285" s="53">
        <v>-3265984</v>
      </c>
      <c r="CJ3285" s="53">
        <v>-2673102.46</v>
      </c>
      <c r="CK3285" s="53">
        <v>-2398012.0199999898</v>
      </c>
      <c r="CL3285" s="53">
        <v>-2879835.02</v>
      </c>
      <c r="CM3285" s="53">
        <v>-2813547.2099999902</v>
      </c>
      <c r="CN3285" s="53">
        <v>-30935964.539999899</v>
      </c>
    </row>
    <row r="3286" spans="1:92" outlineLevel="1">
      <c r="A3286" s="52" t="s">
        <v>649</v>
      </c>
      <c r="B3286" s="53"/>
      <c r="C3286" s="53"/>
      <c r="D3286" s="53">
        <v>-9115615.0960685201</v>
      </c>
      <c r="E3286" s="53"/>
      <c r="F3286" s="53"/>
      <c r="G3286" s="53"/>
      <c r="H3286" s="53"/>
      <c r="I3286" s="53"/>
      <c r="J3286" s="53"/>
      <c r="K3286" s="53"/>
      <c r="L3286" s="53"/>
      <c r="M3286" s="53"/>
      <c r="N3286" s="53">
        <v>-9115615.0960685201</v>
      </c>
      <c r="O3286" s="53"/>
      <c r="P3286" s="53"/>
      <c r="Q3286" s="53"/>
      <c r="R3286" s="53"/>
      <c r="S3286" s="53"/>
      <c r="T3286" s="53"/>
      <c r="U3286" s="53"/>
      <c r="V3286" s="53"/>
      <c r="W3286" s="53"/>
      <c r="X3286" s="53"/>
      <c r="Y3286" s="53"/>
      <c r="Z3286" s="53"/>
      <c r="AA3286" s="53"/>
      <c r="AB3286" s="53"/>
      <c r="AC3286" s="53"/>
      <c r="AD3286" s="53">
        <v>-9607062</v>
      </c>
      <c r="AE3286" s="53"/>
      <c r="AF3286" s="53"/>
      <c r="AG3286" s="53"/>
      <c r="AH3286" s="53"/>
      <c r="AI3286" s="53"/>
      <c r="AJ3286" s="53"/>
      <c r="AK3286" s="53"/>
      <c r="AL3286" s="53"/>
      <c r="AM3286" s="53"/>
      <c r="AN3286" s="53">
        <v>-9607062</v>
      </c>
      <c r="AO3286" s="53"/>
      <c r="AP3286" s="53"/>
      <c r="AQ3286" s="53">
        <v>-10062894.999999899</v>
      </c>
      <c r="AR3286" s="53"/>
      <c r="AS3286" s="53"/>
      <c r="AT3286" s="53"/>
      <c r="AU3286" s="53"/>
      <c r="AV3286" s="53"/>
      <c r="AW3286" s="53"/>
      <c r="AX3286" s="53"/>
      <c r="AY3286" s="53"/>
      <c r="AZ3286" s="53"/>
      <c r="BA3286" s="53">
        <v>-10062894.999999899</v>
      </c>
      <c r="BB3286" s="53"/>
      <c r="BC3286" s="53"/>
      <c r="BD3286" s="53">
        <v>-10062894</v>
      </c>
      <c r="BE3286" s="53"/>
      <c r="BF3286" s="53"/>
      <c r="BG3286" s="53"/>
      <c r="BH3286" s="53"/>
      <c r="BI3286" s="53"/>
      <c r="BJ3286" s="53"/>
      <c r="BK3286" s="53"/>
      <c r="BL3286" s="53"/>
      <c r="BM3286" s="53"/>
      <c r="BN3286" s="53">
        <v>-10062894</v>
      </c>
      <c r="BO3286" s="53"/>
      <c r="BP3286" s="53"/>
      <c r="BQ3286" s="53">
        <v>-10062894</v>
      </c>
      <c r="BR3286" s="53"/>
      <c r="BS3286" s="53"/>
      <c r="BT3286" s="53"/>
      <c r="BU3286" s="53"/>
      <c r="BV3286" s="53"/>
      <c r="BW3286" s="53"/>
      <c r="BX3286" s="53"/>
      <c r="BY3286" s="53"/>
      <c r="BZ3286" s="53"/>
      <c r="CA3286" s="53">
        <v>-10062894</v>
      </c>
      <c r="CB3286" s="53"/>
      <c r="CC3286" s="53"/>
      <c r="CD3286" s="53"/>
      <c r="CE3286" s="53"/>
      <c r="CF3286" s="53"/>
      <c r="CG3286" s="53"/>
      <c r="CH3286" s="53"/>
      <c r="CI3286" s="53"/>
      <c r="CJ3286" s="53"/>
      <c r="CK3286" s="53"/>
      <c r="CL3286" s="53"/>
      <c r="CM3286" s="53"/>
      <c r="CN3286" s="53"/>
    </row>
    <row r="3287" spans="1:92" outlineLevel="1">
      <c r="A3287" s="52" t="s">
        <v>1618</v>
      </c>
      <c r="B3287" s="53"/>
      <c r="C3287" s="53"/>
      <c r="D3287" s="53"/>
      <c r="E3287" s="53"/>
      <c r="F3287" s="53"/>
      <c r="G3287" s="53"/>
      <c r="H3287" s="53"/>
      <c r="I3287" s="53"/>
      <c r="J3287" s="53"/>
      <c r="K3287" s="53"/>
      <c r="L3287" s="53"/>
      <c r="M3287" s="53"/>
      <c r="N3287" s="53"/>
      <c r="O3287" s="53"/>
      <c r="P3287" s="53"/>
      <c r="Q3287" s="53"/>
      <c r="R3287" s="53"/>
      <c r="S3287" s="53"/>
      <c r="T3287" s="53"/>
      <c r="U3287" s="53"/>
      <c r="V3287" s="53"/>
      <c r="W3287" s="53"/>
      <c r="X3287" s="53"/>
      <c r="Y3287" s="53"/>
      <c r="Z3287" s="53"/>
      <c r="AA3287" s="53"/>
      <c r="AB3287" s="53"/>
      <c r="AC3287" s="53"/>
      <c r="AD3287" s="53"/>
      <c r="AE3287" s="53"/>
      <c r="AF3287" s="53"/>
      <c r="AG3287" s="53"/>
      <c r="AH3287" s="53"/>
      <c r="AI3287" s="53"/>
      <c r="AJ3287" s="53"/>
      <c r="AK3287" s="53"/>
      <c r="AL3287" s="53"/>
      <c r="AM3287" s="53"/>
      <c r="AN3287" s="53"/>
      <c r="AO3287" s="53"/>
      <c r="AP3287" s="53"/>
      <c r="AQ3287" s="53"/>
      <c r="AR3287" s="53"/>
      <c r="AS3287" s="53"/>
      <c r="AT3287" s="53"/>
      <c r="AU3287" s="53"/>
      <c r="AV3287" s="53"/>
      <c r="AW3287" s="53"/>
      <c r="AX3287" s="53"/>
      <c r="AY3287" s="53"/>
      <c r="AZ3287" s="53"/>
      <c r="BA3287" s="53"/>
      <c r="BB3287" s="53"/>
      <c r="BC3287" s="53"/>
      <c r="BD3287" s="53"/>
      <c r="BE3287" s="53"/>
      <c r="BF3287" s="53"/>
      <c r="BG3287" s="53"/>
      <c r="BH3287" s="53"/>
      <c r="BI3287" s="53"/>
      <c r="BJ3287" s="53"/>
      <c r="BK3287" s="53"/>
      <c r="BL3287" s="53"/>
      <c r="BM3287" s="53"/>
      <c r="BN3287" s="53"/>
      <c r="BO3287" s="53"/>
      <c r="BP3287" s="53"/>
      <c r="BQ3287" s="53"/>
      <c r="BR3287" s="53"/>
      <c r="BS3287" s="53"/>
      <c r="BT3287" s="53"/>
      <c r="BU3287" s="53"/>
      <c r="BV3287" s="53"/>
      <c r="BW3287" s="53"/>
      <c r="BX3287" s="53"/>
      <c r="BY3287" s="53"/>
      <c r="BZ3287" s="53"/>
      <c r="CA3287" s="53"/>
      <c r="CB3287" s="53">
        <v>-96801882.019999996</v>
      </c>
      <c r="CC3287" s="53">
        <v>-82686144.709999993</v>
      </c>
      <c r="CD3287" s="53">
        <v>-84040742.510000005</v>
      </c>
      <c r="CE3287" s="53">
        <v>-75622199.959999993</v>
      </c>
      <c r="CF3287" s="53">
        <v>-89792007.289999902</v>
      </c>
      <c r="CG3287" s="53">
        <v>-95721055.140000001</v>
      </c>
      <c r="CH3287" s="53">
        <v>-101577896.73999999</v>
      </c>
      <c r="CI3287" s="53">
        <v>-101850854.92</v>
      </c>
      <c r="CJ3287" s="53">
        <v>-97561165.279999897</v>
      </c>
      <c r="CK3287" s="53">
        <v>-87880748.609999999</v>
      </c>
      <c r="CL3287" s="53">
        <v>-81465344.129999995</v>
      </c>
      <c r="CM3287" s="53">
        <v>-93850456.6199999</v>
      </c>
      <c r="CN3287" s="53">
        <v>-1088850497.9299901</v>
      </c>
    </row>
    <row r="3288" spans="1:92" outlineLevel="1">
      <c r="A3288" s="52" t="s">
        <v>649</v>
      </c>
      <c r="B3288" s="53"/>
      <c r="C3288" s="53"/>
      <c r="D3288" s="53">
        <v>-10815639.5637723</v>
      </c>
      <c r="E3288" s="53"/>
      <c r="F3288" s="53"/>
      <c r="G3288" s="53"/>
      <c r="H3288" s="53"/>
      <c r="I3288" s="53"/>
      <c r="J3288" s="53"/>
      <c r="K3288" s="53"/>
      <c r="L3288" s="53"/>
      <c r="M3288" s="53"/>
      <c r="N3288" s="53">
        <v>-10815639.5637723</v>
      </c>
      <c r="O3288" s="53"/>
      <c r="P3288" s="53"/>
      <c r="Q3288" s="53"/>
      <c r="R3288" s="53"/>
      <c r="S3288" s="53"/>
      <c r="T3288" s="53"/>
      <c r="U3288" s="53"/>
      <c r="V3288" s="53"/>
      <c r="W3288" s="53"/>
      <c r="X3288" s="53"/>
      <c r="Y3288" s="53"/>
      <c r="Z3288" s="53"/>
      <c r="AA3288" s="53"/>
      <c r="AB3288" s="53"/>
      <c r="AC3288" s="53"/>
      <c r="AD3288" s="53">
        <v>-5622279</v>
      </c>
      <c r="AE3288" s="53"/>
      <c r="AF3288" s="53"/>
      <c r="AG3288" s="53"/>
      <c r="AH3288" s="53"/>
      <c r="AI3288" s="53"/>
      <c r="AJ3288" s="53"/>
      <c r="AK3288" s="53"/>
      <c r="AL3288" s="53"/>
      <c r="AM3288" s="53"/>
      <c r="AN3288" s="53">
        <v>-5622279</v>
      </c>
      <c r="AO3288" s="53"/>
      <c r="AP3288" s="53"/>
      <c r="AQ3288" s="53">
        <v>-5682246.9999999898</v>
      </c>
      <c r="AR3288" s="53"/>
      <c r="AS3288" s="53"/>
      <c r="AT3288" s="53"/>
      <c r="AU3288" s="53"/>
      <c r="AV3288" s="53"/>
      <c r="AW3288" s="53"/>
      <c r="AX3288" s="53"/>
      <c r="AY3288" s="53"/>
      <c r="AZ3288" s="53"/>
      <c r="BA3288" s="53">
        <v>-5682246.9999999898</v>
      </c>
      <c r="BB3288" s="53"/>
      <c r="BC3288" s="53"/>
      <c r="BD3288" s="53">
        <v>-5682248</v>
      </c>
      <c r="BE3288" s="53"/>
      <c r="BF3288" s="53"/>
      <c r="BG3288" s="53"/>
      <c r="BH3288" s="53"/>
      <c r="BI3288" s="53"/>
      <c r="BJ3288" s="53"/>
      <c r="BK3288" s="53"/>
      <c r="BL3288" s="53"/>
      <c r="BM3288" s="53"/>
      <c r="BN3288" s="53">
        <v>-5682248</v>
      </c>
      <c r="BO3288" s="53"/>
      <c r="BP3288" s="53"/>
      <c r="BQ3288" s="53">
        <v>-5682248</v>
      </c>
      <c r="BR3288" s="53"/>
      <c r="BS3288" s="53"/>
      <c r="BT3288" s="53"/>
      <c r="BU3288" s="53"/>
      <c r="BV3288" s="53"/>
      <c r="BW3288" s="53"/>
      <c r="BX3288" s="53"/>
      <c r="BY3288" s="53"/>
      <c r="BZ3288" s="53"/>
      <c r="CA3288" s="53">
        <v>-5682248</v>
      </c>
      <c r="CB3288" s="53"/>
      <c r="CC3288" s="53"/>
      <c r="CD3288" s="53"/>
      <c r="CE3288" s="53"/>
      <c r="CF3288" s="53"/>
      <c r="CG3288" s="53"/>
      <c r="CH3288" s="53"/>
      <c r="CI3288" s="53"/>
      <c r="CJ3288" s="53"/>
      <c r="CK3288" s="53"/>
      <c r="CL3288" s="53"/>
      <c r="CM3288" s="53"/>
      <c r="CN3288" s="53"/>
    </row>
    <row r="3289" spans="1:92" outlineLevel="1">
      <c r="A3289" s="52" t="s">
        <v>1619</v>
      </c>
      <c r="B3289" s="53"/>
      <c r="C3289" s="53"/>
      <c r="D3289" s="53"/>
      <c r="E3289" s="53"/>
      <c r="F3289" s="53"/>
      <c r="G3289" s="53"/>
      <c r="H3289" s="53"/>
      <c r="I3289" s="53"/>
      <c r="J3289" s="53"/>
      <c r="K3289" s="53"/>
      <c r="L3289" s="53"/>
      <c r="M3289" s="53"/>
      <c r="N3289" s="53"/>
      <c r="O3289" s="53"/>
      <c r="P3289" s="53"/>
      <c r="Q3289" s="53"/>
      <c r="R3289" s="53"/>
      <c r="S3289" s="53"/>
      <c r="T3289" s="53"/>
      <c r="U3289" s="53"/>
      <c r="V3289" s="53"/>
      <c r="W3289" s="53"/>
      <c r="X3289" s="53"/>
      <c r="Y3289" s="53"/>
      <c r="Z3289" s="53"/>
      <c r="AA3289" s="53"/>
      <c r="AB3289" s="53"/>
      <c r="AC3289" s="53"/>
      <c r="AD3289" s="53"/>
      <c r="AE3289" s="53"/>
      <c r="AF3289" s="53"/>
      <c r="AG3289" s="53"/>
      <c r="AH3289" s="53"/>
      <c r="AI3289" s="53"/>
      <c r="AJ3289" s="53"/>
      <c r="AK3289" s="53"/>
      <c r="AL3289" s="53"/>
      <c r="AM3289" s="53"/>
      <c r="AN3289" s="53"/>
      <c r="AO3289" s="53"/>
      <c r="AP3289" s="53"/>
      <c r="AQ3289" s="53"/>
      <c r="AR3289" s="53"/>
      <c r="AS3289" s="53"/>
      <c r="AT3289" s="53"/>
      <c r="AU3289" s="53"/>
      <c r="AV3289" s="53"/>
      <c r="AW3289" s="53"/>
      <c r="AX3289" s="53"/>
      <c r="AY3289" s="53"/>
      <c r="AZ3289" s="53"/>
      <c r="BA3289" s="53"/>
      <c r="BB3289" s="53"/>
      <c r="BC3289" s="53"/>
      <c r="BD3289" s="53"/>
      <c r="BE3289" s="53"/>
      <c r="BF3289" s="53"/>
      <c r="BG3289" s="53"/>
      <c r="BH3289" s="53"/>
      <c r="BI3289" s="53"/>
      <c r="BJ3289" s="53"/>
      <c r="BK3289" s="53"/>
      <c r="BL3289" s="53"/>
      <c r="BM3289" s="53"/>
      <c r="BN3289" s="53"/>
      <c r="BO3289" s="53"/>
      <c r="BP3289" s="53"/>
      <c r="BQ3289" s="53"/>
      <c r="BR3289" s="53"/>
      <c r="BS3289" s="53"/>
      <c r="BT3289" s="53"/>
      <c r="BU3289" s="53"/>
      <c r="BV3289" s="53"/>
      <c r="BW3289" s="53"/>
      <c r="BX3289" s="53"/>
      <c r="BY3289" s="53"/>
      <c r="BZ3289" s="53"/>
      <c r="CA3289" s="53"/>
      <c r="CB3289" s="53"/>
      <c r="CC3289" s="53"/>
      <c r="CD3289" s="53"/>
      <c r="CE3289" s="53"/>
      <c r="CF3289" s="53"/>
      <c r="CG3289" s="53"/>
      <c r="CH3289" s="53"/>
      <c r="CI3289" s="53"/>
      <c r="CJ3289" s="53"/>
      <c r="CK3289" s="53"/>
      <c r="CL3289" s="53"/>
      <c r="CM3289" s="53"/>
      <c r="CN3289" s="53"/>
    </row>
    <row r="3290" spans="1:92" outlineLevel="1">
      <c r="A3290" s="52" t="s">
        <v>649</v>
      </c>
      <c r="B3290" s="53"/>
      <c r="C3290" s="53"/>
      <c r="D3290" s="53">
        <v>-2387928.1803206801</v>
      </c>
      <c r="E3290" s="53"/>
      <c r="F3290" s="53"/>
      <c r="G3290" s="53"/>
      <c r="H3290" s="53"/>
      <c r="I3290" s="53"/>
      <c r="J3290" s="53"/>
      <c r="K3290" s="53"/>
      <c r="L3290" s="53"/>
      <c r="M3290" s="53"/>
      <c r="N3290" s="53">
        <v>-2387928.1803206801</v>
      </c>
      <c r="O3290" s="53"/>
      <c r="P3290" s="53"/>
      <c r="Q3290" s="53">
        <v>-3909498.2472000001</v>
      </c>
      <c r="R3290" s="53"/>
      <c r="S3290" s="53"/>
      <c r="T3290" s="53"/>
      <c r="U3290" s="53"/>
      <c r="V3290" s="53"/>
      <c r="W3290" s="53"/>
      <c r="X3290" s="53"/>
      <c r="Y3290" s="53"/>
      <c r="Z3290" s="53"/>
      <c r="AA3290" s="53">
        <v>-3909498.2472000001</v>
      </c>
      <c r="AB3290" s="53"/>
      <c r="AC3290" s="53"/>
      <c r="AD3290" s="53">
        <v>-1212377.78999999</v>
      </c>
      <c r="AE3290" s="53"/>
      <c r="AF3290" s="53"/>
      <c r="AG3290" s="53"/>
      <c r="AH3290" s="53"/>
      <c r="AI3290" s="53"/>
      <c r="AJ3290" s="53"/>
      <c r="AK3290" s="53"/>
      <c r="AL3290" s="53"/>
      <c r="AM3290" s="53"/>
      <c r="AN3290" s="53">
        <v>-1212377.78999999</v>
      </c>
      <c r="AO3290" s="53"/>
      <c r="AP3290" s="53"/>
      <c r="AQ3290" s="53">
        <v>-1257473.6199999901</v>
      </c>
      <c r="AR3290" s="53"/>
      <c r="AS3290" s="53"/>
      <c r="AT3290" s="53"/>
      <c r="AU3290" s="53"/>
      <c r="AV3290" s="53"/>
      <c r="AW3290" s="53"/>
      <c r="AX3290" s="53"/>
      <c r="AY3290" s="53"/>
      <c r="AZ3290" s="53"/>
      <c r="BA3290" s="53">
        <v>-1257473.6199999901</v>
      </c>
      <c r="BB3290" s="53"/>
      <c r="BC3290" s="53"/>
      <c r="BD3290" s="53">
        <v>-1257473.6200000001</v>
      </c>
      <c r="BE3290" s="53"/>
      <c r="BF3290" s="53"/>
      <c r="BG3290" s="53"/>
      <c r="BH3290" s="53"/>
      <c r="BI3290" s="53"/>
      <c r="BJ3290" s="53"/>
      <c r="BK3290" s="53"/>
      <c r="BL3290" s="53"/>
      <c r="BM3290" s="53"/>
      <c r="BN3290" s="53">
        <v>-1257473.6200000001</v>
      </c>
      <c r="BO3290" s="53"/>
      <c r="BP3290" s="53"/>
      <c r="BQ3290" s="53">
        <v>-1257473.6200000001</v>
      </c>
      <c r="BR3290" s="53"/>
      <c r="BS3290" s="53"/>
      <c r="BT3290" s="53"/>
      <c r="BU3290" s="53"/>
      <c r="BV3290" s="53"/>
      <c r="BW3290" s="53"/>
      <c r="BX3290" s="53"/>
      <c r="BY3290" s="53"/>
      <c r="BZ3290" s="53"/>
      <c r="CA3290" s="53">
        <v>-1257473.6200000001</v>
      </c>
      <c r="CB3290" s="53"/>
      <c r="CC3290" s="53"/>
      <c r="CD3290" s="53"/>
      <c r="CE3290" s="53"/>
      <c r="CF3290" s="53"/>
      <c r="CG3290" s="53"/>
      <c r="CH3290" s="53"/>
      <c r="CI3290" s="53"/>
      <c r="CJ3290" s="53"/>
      <c r="CK3290" s="53"/>
      <c r="CL3290" s="53"/>
      <c r="CM3290" s="53"/>
      <c r="CN3290" s="53"/>
    </row>
    <row r="3291" spans="1:92" outlineLevel="1">
      <c r="A3291" s="52" t="s">
        <v>1620</v>
      </c>
      <c r="B3291" s="53"/>
      <c r="C3291" s="53"/>
      <c r="D3291" s="53"/>
      <c r="E3291" s="53"/>
      <c r="F3291" s="53"/>
      <c r="G3291" s="53"/>
      <c r="H3291" s="53"/>
      <c r="I3291" s="53"/>
      <c r="J3291" s="53"/>
      <c r="K3291" s="53"/>
      <c r="L3291" s="53"/>
      <c r="M3291" s="53"/>
      <c r="N3291" s="53"/>
      <c r="O3291" s="53"/>
      <c r="P3291" s="53"/>
      <c r="Q3291" s="53"/>
      <c r="R3291" s="53"/>
      <c r="S3291" s="53"/>
      <c r="T3291" s="53"/>
      <c r="U3291" s="53"/>
      <c r="V3291" s="53"/>
      <c r="W3291" s="53"/>
      <c r="X3291" s="53"/>
      <c r="Y3291" s="53"/>
      <c r="Z3291" s="53"/>
      <c r="AA3291" s="53"/>
      <c r="AB3291" s="53"/>
      <c r="AC3291" s="53"/>
      <c r="AD3291" s="53"/>
      <c r="AE3291" s="53"/>
      <c r="AF3291" s="53"/>
      <c r="AG3291" s="53"/>
      <c r="AH3291" s="53"/>
      <c r="AI3291" s="53"/>
      <c r="AJ3291" s="53"/>
      <c r="AK3291" s="53"/>
      <c r="AL3291" s="53"/>
      <c r="AM3291" s="53"/>
      <c r="AN3291" s="53"/>
      <c r="AO3291" s="53"/>
      <c r="AP3291" s="53"/>
      <c r="AQ3291" s="53"/>
      <c r="AR3291" s="53"/>
      <c r="AS3291" s="53"/>
      <c r="AT3291" s="53"/>
      <c r="AU3291" s="53"/>
      <c r="AV3291" s="53"/>
      <c r="AW3291" s="53"/>
      <c r="AX3291" s="53"/>
      <c r="AY3291" s="53"/>
      <c r="AZ3291" s="53"/>
      <c r="BA3291" s="53"/>
      <c r="BB3291" s="53"/>
      <c r="BC3291" s="53"/>
      <c r="BD3291" s="53"/>
      <c r="BE3291" s="53"/>
      <c r="BF3291" s="53"/>
      <c r="BG3291" s="53"/>
      <c r="BH3291" s="53"/>
      <c r="BI3291" s="53"/>
      <c r="BJ3291" s="53"/>
      <c r="BK3291" s="53"/>
      <c r="BL3291" s="53"/>
      <c r="BM3291" s="53"/>
      <c r="BN3291" s="53"/>
      <c r="BO3291" s="53"/>
      <c r="BP3291" s="53"/>
      <c r="BQ3291" s="53"/>
      <c r="BR3291" s="53"/>
      <c r="BS3291" s="53"/>
      <c r="BT3291" s="53"/>
      <c r="BU3291" s="53"/>
      <c r="BV3291" s="53"/>
      <c r="BW3291" s="53"/>
      <c r="BX3291" s="53"/>
      <c r="BY3291" s="53"/>
      <c r="BZ3291" s="53"/>
      <c r="CA3291" s="53"/>
      <c r="CB3291" s="53"/>
      <c r="CC3291" s="53"/>
      <c r="CD3291" s="53"/>
      <c r="CE3291" s="53"/>
      <c r="CF3291" s="53"/>
      <c r="CG3291" s="53"/>
      <c r="CH3291" s="53"/>
      <c r="CI3291" s="53"/>
      <c r="CJ3291" s="53"/>
      <c r="CK3291" s="53"/>
      <c r="CL3291" s="53"/>
      <c r="CM3291" s="53"/>
      <c r="CN3291" s="53"/>
    </row>
    <row r="3292" spans="1:92" outlineLevel="1">
      <c r="A3292" s="52" t="s">
        <v>649</v>
      </c>
      <c r="B3292" s="53"/>
      <c r="C3292" s="53"/>
      <c r="D3292" s="53">
        <v>-1185029.9624888999</v>
      </c>
      <c r="E3292" s="53"/>
      <c r="F3292" s="53"/>
      <c r="G3292" s="53"/>
      <c r="H3292" s="53"/>
      <c r="I3292" s="53"/>
      <c r="J3292" s="53"/>
      <c r="K3292" s="53"/>
      <c r="L3292" s="53"/>
      <c r="M3292" s="53"/>
      <c r="N3292" s="53">
        <v>-1185029.9624888999</v>
      </c>
      <c r="O3292" s="53"/>
      <c r="P3292" s="53"/>
      <c r="Q3292" s="53"/>
      <c r="R3292" s="53"/>
      <c r="S3292" s="53"/>
      <c r="T3292" s="53"/>
      <c r="U3292" s="53"/>
      <c r="V3292" s="53"/>
      <c r="W3292" s="53"/>
      <c r="X3292" s="53"/>
      <c r="Y3292" s="53"/>
      <c r="Z3292" s="53"/>
      <c r="AA3292" s="53"/>
      <c r="AB3292" s="53"/>
      <c r="AC3292" s="53"/>
      <c r="AD3292" s="53">
        <v>-1248918.06</v>
      </c>
      <c r="AE3292" s="53"/>
      <c r="AF3292" s="53"/>
      <c r="AG3292" s="53"/>
      <c r="AH3292" s="53"/>
      <c r="AI3292" s="53"/>
      <c r="AJ3292" s="53"/>
      <c r="AK3292" s="53"/>
      <c r="AL3292" s="53"/>
      <c r="AM3292" s="53"/>
      <c r="AN3292" s="53">
        <v>-1248918.06</v>
      </c>
      <c r="AO3292" s="53"/>
      <c r="AP3292" s="53"/>
      <c r="AQ3292" s="53">
        <v>-1308176.3499999901</v>
      </c>
      <c r="AR3292" s="53"/>
      <c r="AS3292" s="53"/>
      <c r="AT3292" s="53"/>
      <c r="AU3292" s="53"/>
      <c r="AV3292" s="53"/>
      <c r="AW3292" s="53"/>
      <c r="AX3292" s="53"/>
      <c r="AY3292" s="53"/>
      <c r="AZ3292" s="53"/>
      <c r="BA3292" s="53">
        <v>-1308176.3499999901</v>
      </c>
      <c r="BB3292" s="53"/>
      <c r="BC3292" s="53"/>
      <c r="BD3292" s="53">
        <v>-1308176.22</v>
      </c>
      <c r="BE3292" s="53"/>
      <c r="BF3292" s="53"/>
      <c r="BG3292" s="53"/>
      <c r="BH3292" s="53"/>
      <c r="BI3292" s="53"/>
      <c r="BJ3292" s="53"/>
      <c r="BK3292" s="53"/>
      <c r="BL3292" s="53"/>
      <c r="BM3292" s="53"/>
      <c r="BN3292" s="53">
        <v>-1308176.22</v>
      </c>
      <c r="BO3292" s="53"/>
      <c r="BP3292" s="53"/>
      <c r="BQ3292" s="53">
        <v>-1308176.22</v>
      </c>
      <c r="BR3292" s="53"/>
      <c r="BS3292" s="53"/>
      <c r="BT3292" s="53"/>
      <c r="BU3292" s="53"/>
      <c r="BV3292" s="53"/>
      <c r="BW3292" s="53"/>
      <c r="BX3292" s="53"/>
      <c r="BY3292" s="53"/>
      <c r="BZ3292" s="53"/>
      <c r="CA3292" s="53">
        <v>-1308176.22</v>
      </c>
      <c r="CB3292" s="53"/>
      <c r="CC3292" s="53"/>
      <c r="CD3292" s="53"/>
      <c r="CE3292" s="53"/>
      <c r="CF3292" s="53"/>
      <c r="CG3292" s="53"/>
      <c r="CH3292" s="53"/>
      <c r="CI3292" s="53"/>
      <c r="CJ3292" s="53"/>
      <c r="CK3292" s="53"/>
      <c r="CL3292" s="53"/>
      <c r="CM3292" s="53"/>
      <c r="CN3292" s="53"/>
    </row>
    <row r="3293" spans="1:92" outlineLevel="1">
      <c r="A3293" s="52" t="s">
        <v>1621</v>
      </c>
      <c r="B3293" s="53"/>
      <c r="C3293" s="53"/>
      <c r="D3293" s="53"/>
      <c r="E3293" s="53"/>
      <c r="F3293" s="53"/>
      <c r="G3293" s="53"/>
      <c r="H3293" s="53"/>
      <c r="I3293" s="53"/>
      <c r="J3293" s="53"/>
      <c r="K3293" s="53"/>
      <c r="L3293" s="53"/>
      <c r="M3293" s="53"/>
      <c r="N3293" s="53"/>
      <c r="O3293" s="53"/>
      <c r="P3293" s="53"/>
      <c r="Q3293" s="53"/>
      <c r="R3293" s="53"/>
      <c r="S3293" s="53"/>
      <c r="T3293" s="53"/>
      <c r="U3293" s="53"/>
      <c r="V3293" s="53"/>
      <c r="W3293" s="53"/>
      <c r="X3293" s="53"/>
      <c r="Y3293" s="53"/>
      <c r="Z3293" s="53"/>
      <c r="AA3293" s="53"/>
      <c r="AB3293" s="53"/>
      <c r="AC3293" s="53"/>
      <c r="AD3293" s="53"/>
      <c r="AE3293" s="53"/>
      <c r="AF3293" s="53"/>
      <c r="AG3293" s="53"/>
      <c r="AH3293" s="53"/>
      <c r="AI3293" s="53"/>
      <c r="AJ3293" s="53"/>
      <c r="AK3293" s="53"/>
      <c r="AL3293" s="53"/>
      <c r="AM3293" s="53"/>
      <c r="AN3293" s="53"/>
      <c r="AO3293" s="53"/>
      <c r="AP3293" s="53"/>
      <c r="AQ3293" s="53"/>
      <c r="AR3293" s="53"/>
      <c r="AS3293" s="53"/>
      <c r="AT3293" s="53"/>
      <c r="AU3293" s="53"/>
      <c r="AV3293" s="53"/>
      <c r="AW3293" s="53"/>
      <c r="AX3293" s="53"/>
      <c r="AY3293" s="53"/>
      <c r="AZ3293" s="53"/>
      <c r="BA3293" s="53"/>
      <c r="BB3293" s="53"/>
      <c r="BC3293" s="53"/>
      <c r="BD3293" s="53"/>
      <c r="BE3293" s="53"/>
      <c r="BF3293" s="53"/>
      <c r="BG3293" s="53"/>
      <c r="BH3293" s="53"/>
      <c r="BI3293" s="53"/>
      <c r="BJ3293" s="53"/>
      <c r="BK3293" s="53"/>
      <c r="BL3293" s="53"/>
      <c r="BM3293" s="53"/>
      <c r="BN3293" s="53"/>
      <c r="BO3293" s="53"/>
      <c r="BP3293" s="53"/>
      <c r="BQ3293" s="53"/>
      <c r="BR3293" s="53"/>
      <c r="BS3293" s="53"/>
      <c r="BT3293" s="53"/>
      <c r="BU3293" s="53"/>
      <c r="BV3293" s="53"/>
      <c r="BW3293" s="53"/>
      <c r="BX3293" s="53"/>
      <c r="BY3293" s="53"/>
      <c r="BZ3293" s="53"/>
      <c r="CA3293" s="53"/>
      <c r="CB3293" s="53"/>
      <c r="CC3293" s="53"/>
      <c r="CD3293" s="53"/>
      <c r="CE3293" s="53"/>
      <c r="CF3293" s="53"/>
      <c r="CG3293" s="53"/>
      <c r="CH3293" s="53"/>
      <c r="CI3293" s="53"/>
      <c r="CJ3293" s="53"/>
      <c r="CK3293" s="53"/>
      <c r="CL3293" s="53"/>
      <c r="CM3293" s="53"/>
      <c r="CN3293" s="53"/>
    </row>
    <row r="3294" spans="1:92" outlineLevel="1">
      <c r="A3294" s="52" t="s">
        <v>649</v>
      </c>
      <c r="B3294" s="53"/>
      <c r="C3294" s="53"/>
      <c r="D3294" s="53">
        <v>-1406033.1432904</v>
      </c>
      <c r="E3294" s="53"/>
      <c r="F3294" s="53"/>
      <c r="G3294" s="53"/>
      <c r="H3294" s="53"/>
      <c r="I3294" s="53"/>
      <c r="J3294" s="53"/>
      <c r="K3294" s="53"/>
      <c r="L3294" s="53"/>
      <c r="M3294" s="53"/>
      <c r="N3294" s="53">
        <v>-1406033.1432904</v>
      </c>
      <c r="O3294" s="53"/>
      <c r="P3294" s="53"/>
      <c r="Q3294" s="53"/>
      <c r="R3294" s="53"/>
      <c r="S3294" s="53"/>
      <c r="T3294" s="53"/>
      <c r="U3294" s="53"/>
      <c r="V3294" s="53"/>
      <c r="W3294" s="53"/>
      <c r="X3294" s="53"/>
      <c r="Y3294" s="53"/>
      <c r="Z3294" s="53"/>
      <c r="AA3294" s="53"/>
      <c r="AB3294" s="53"/>
      <c r="AC3294" s="53"/>
      <c r="AD3294" s="53">
        <v>-730896.27</v>
      </c>
      <c r="AE3294" s="53"/>
      <c r="AF3294" s="53"/>
      <c r="AG3294" s="53"/>
      <c r="AH3294" s="53"/>
      <c r="AI3294" s="53"/>
      <c r="AJ3294" s="53"/>
      <c r="AK3294" s="53"/>
      <c r="AL3294" s="53"/>
      <c r="AM3294" s="53"/>
      <c r="AN3294" s="53">
        <v>-730896.27</v>
      </c>
      <c r="AO3294" s="53"/>
      <c r="AP3294" s="53"/>
      <c r="AQ3294" s="53">
        <v>-738692.11</v>
      </c>
      <c r="AR3294" s="53"/>
      <c r="AS3294" s="53"/>
      <c r="AT3294" s="53"/>
      <c r="AU3294" s="53"/>
      <c r="AV3294" s="53"/>
      <c r="AW3294" s="53"/>
      <c r="AX3294" s="53"/>
      <c r="AY3294" s="53"/>
      <c r="AZ3294" s="53"/>
      <c r="BA3294" s="53">
        <v>-738692.11</v>
      </c>
      <c r="BB3294" s="53"/>
      <c r="BC3294" s="53"/>
      <c r="BD3294" s="53">
        <v>-738692.24</v>
      </c>
      <c r="BE3294" s="53"/>
      <c r="BF3294" s="53"/>
      <c r="BG3294" s="53"/>
      <c r="BH3294" s="53"/>
      <c r="BI3294" s="53"/>
      <c r="BJ3294" s="53"/>
      <c r="BK3294" s="53"/>
      <c r="BL3294" s="53"/>
      <c r="BM3294" s="53"/>
      <c r="BN3294" s="53">
        <v>-738692.24</v>
      </c>
      <c r="BO3294" s="53"/>
      <c r="BP3294" s="53"/>
      <c r="BQ3294" s="53">
        <v>-738692.24</v>
      </c>
      <c r="BR3294" s="53"/>
      <c r="BS3294" s="53"/>
      <c r="BT3294" s="53"/>
      <c r="BU3294" s="53"/>
      <c r="BV3294" s="53"/>
      <c r="BW3294" s="53"/>
      <c r="BX3294" s="53"/>
      <c r="BY3294" s="53"/>
      <c r="BZ3294" s="53"/>
      <c r="CA3294" s="53">
        <v>-738692.24</v>
      </c>
      <c r="CB3294" s="53"/>
      <c r="CC3294" s="53"/>
      <c r="CD3294" s="53"/>
      <c r="CE3294" s="53"/>
      <c r="CF3294" s="53"/>
      <c r="CG3294" s="53"/>
      <c r="CH3294" s="53"/>
      <c r="CI3294" s="53"/>
      <c r="CJ3294" s="53"/>
      <c r="CK3294" s="53"/>
      <c r="CL3294" s="53"/>
      <c r="CM3294" s="53"/>
      <c r="CN3294" s="53"/>
    </row>
    <row r="3295" spans="1:92" outlineLevel="1">
      <c r="A3295" s="52" t="s">
        <v>650</v>
      </c>
      <c r="B3295" s="53"/>
      <c r="C3295" s="53"/>
      <c r="D3295" s="53"/>
      <c r="E3295" s="53"/>
      <c r="F3295" s="53"/>
      <c r="G3295" s="53"/>
      <c r="H3295" s="53"/>
      <c r="I3295" s="53"/>
      <c r="J3295" s="53"/>
      <c r="K3295" s="53"/>
      <c r="L3295" s="53"/>
      <c r="M3295" s="53"/>
      <c r="N3295" s="53"/>
      <c r="O3295" s="53"/>
      <c r="P3295" s="53"/>
      <c r="Q3295" s="53"/>
      <c r="R3295" s="53"/>
      <c r="S3295" s="53"/>
      <c r="T3295" s="53"/>
      <c r="U3295" s="53"/>
      <c r="V3295" s="53"/>
      <c r="W3295" s="53"/>
      <c r="X3295" s="53"/>
      <c r="Y3295" s="53"/>
      <c r="Z3295" s="53"/>
      <c r="AA3295" s="53"/>
      <c r="AB3295" s="53"/>
      <c r="AC3295" s="53"/>
      <c r="AD3295" s="53"/>
      <c r="AE3295" s="53"/>
      <c r="AF3295" s="53"/>
      <c r="AG3295" s="53"/>
      <c r="AH3295" s="53"/>
      <c r="AI3295" s="53"/>
      <c r="AJ3295" s="53"/>
      <c r="AK3295" s="53"/>
      <c r="AL3295" s="53"/>
      <c r="AM3295" s="53"/>
      <c r="AN3295" s="53"/>
      <c r="AO3295" s="53"/>
      <c r="AP3295" s="53"/>
      <c r="AQ3295" s="53"/>
      <c r="AR3295" s="53"/>
      <c r="AS3295" s="53"/>
      <c r="AT3295" s="53"/>
      <c r="AU3295" s="53"/>
      <c r="AV3295" s="53"/>
      <c r="AW3295" s="53"/>
      <c r="AX3295" s="53"/>
      <c r="AY3295" s="53"/>
      <c r="AZ3295" s="53"/>
      <c r="BA3295" s="53"/>
      <c r="BB3295" s="53"/>
      <c r="BC3295" s="53"/>
      <c r="BD3295" s="53"/>
      <c r="BE3295" s="53"/>
      <c r="BF3295" s="53"/>
      <c r="BG3295" s="53"/>
      <c r="BH3295" s="53"/>
      <c r="BI3295" s="53"/>
      <c r="BJ3295" s="53"/>
      <c r="BK3295" s="53"/>
      <c r="BL3295" s="53"/>
      <c r="BM3295" s="53"/>
      <c r="BN3295" s="53"/>
      <c r="BO3295" s="53"/>
      <c r="BP3295" s="53"/>
      <c r="BQ3295" s="53"/>
      <c r="BR3295" s="53"/>
      <c r="BS3295" s="53"/>
      <c r="BT3295" s="53"/>
      <c r="BU3295" s="53"/>
      <c r="BV3295" s="53"/>
      <c r="BW3295" s="53"/>
      <c r="BX3295" s="53"/>
      <c r="BY3295" s="53"/>
      <c r="BZ3295" s="53"/>
      <c r="CA3295" s="53"/>
      <c r="CB3295" s="53"/>
      <c r="CC3295" s="53"/>
      <c r="CD3295" s="53"/>
      <c r="CE3295" s="53"/>
      <c r="CF3295" s="53"/>
      <c r="CG3295" s="53"/>
      <c r="CH3295" s="53"/>
      <c r="CI3295" s="53"/>
      <c r="CJ3295" s="53"/>
      <c r="CK3295" s="53"/>
      <c r="CL3295" s="53"/>
      <c r="CM3295" s="53"/>
      <c r="CN3295" s="53"/>
    </row>
    <row r="3296" spans="1:92" outlineLevel="1">
      <c r="A3296" s="52" t="s">
        <v>1735</v>
      </c>
      <c r="B3296" s="53"/>
      <c r="C3296" s="53"/>
      <c r="D3296" s="53"/>
      <c r="E3296" s="53"/>
      <c r="F3296" s="53"/>
      <c r="G3296" s="53"/>
      <c r="H3296" s="53"/>
      <c r="I3296" s="53"/>
      <c r="J3296" s="53"/>
      <c r="K3296" s="53"/>
      <c r="L3296" s="53"/>
      <c r="M3296" s="53"/>
      <c r="N3296" s="53"/>
      <c r="O3296" s="53"/>
      <c r="P3296" s="53"/>
      <c r="Q3296" s="53"/>
      <c r="R3296" s="53"/>
      <c r="S3296" s="53"/>
      <c r="T3296" s="53"/>
      <c r="U3296" s="53"/>
      <c r="V3296" s="53"/>
      <c r="W3296" s="53"/>
      <c r="X3296" s="53"/>
      <c r="Y3296" s="53"/>
      <c r="Z3296" s="53"/>
      <c r="AA3296" s="53"/>
      <c r="AB3296" s="53"/>
      <c r="AC3296" s="53"/>
      <c r="AD3296" s="53"/>
      <c r="AE3296" s="53"/>
      <c r="AF3296" s="53"/>
      <c r="AG3296" s="53"/>
      <c r="AH3296" s="53"/>
      <c r="AI3296" s="53"/>
      <c r="AJ3296" s="53"/>
      <c r="AK3296" s="53"/>
      <c r="AL3296" s="53"/>
      <c r="AM3296" s="53"/>
      <c r="AN3296" s="53"/>
      <c r="AO3296" s="53"/>
      <c r="AP3296" s="53"/>
      <c r="AQ3296" s="53"/>
      <c r="AR3296" s="53"/>
      <c r="AS3296" s="53"/>
      <c r="AT3296" s="53"/>
      <c r="AU3296" s="53"/>
      <c r="AV3296" s="53"/>
      <c r="AW3296" s="53"/>
      <c r="AX3296" s="53"/>
      <c r="AY3296" s="53"/>
      <c r="AZ3296" s="53"/>
      <c r="BA3296" s="53"/>
      <c r="BB3296" s="53"/>
      <c r="BC3296" s="53"/>
      <c r="BD3296" s="53"/>
      <c r="BE3296" s="53"/>
      <c r="BF3296" s="53"/>
      <c r="BG3296" s="53"/>
      <c r="BH3296" s="53"/>
      <c r="BI3296" s="53"/>
      <c r="BJ3296" s="53"/>
      <c r="BK3296" s="53"/>
      <c r="BL3296" s="53"/>
      <c r="BM3296" s="53"/>
      <c r="BN3296" s="53"/>
      <c r="BO3296" s="53"/>
      <c r="BP3296" s="53"/>
      <c r="BQ3296" s="53"/>
      <c r="BR3296" s="53"/>
      <c r="BS3296" s="53"/>
      <c r="BT3296" s="53"/>
      <c r="BU3296" s="53"/>
      <c r="BV3296" s="53"/>
      <c r="BW3296" s="53"/>
      <c r="BX3296" s="53"/>
      <c r="BY3296" s="53"/>
      <c r="BZ3296" s="53"/>
      <c r="CA3296" s="53"/>
      <c r="CB3296" s="53"/>
      <c r="CC3296" s="53"/>
      <c r="CD3296" s="53"/>
      <c r="CE3296" s="53"/>
      <c r="CF3296" s="53"/>
      <c r="CG3296" s="53"/>
      <c r="CH3296" s="53"/>
      <c r="CI3296" s="53"/>
      <c r="CJ3296" s="53"/>
      <c r="CK3296" s="53"/>
      <c r="CL3296" s="53"/>
      <c r="CM3296" s="53"/>
      <c r="CN3296" s="53"/>
    </row>
    <row r="3297" spans="1:92" outlineLevel="1">
      <c r="A3297" s="52" t="s">
        <v>649</v>
      </c>
      <c r="B3297" s="53"/>
      <c r="C3297" s="53"/>
      <c r="D3297" s="53"/>
      <c r="E3297" s="53"/>
      <c r="F3297" s="53"/>
      <c r="G3297" s="53"/>
      <c r="H3297" s="53"/>
      <c r="I3297" s="53"/>
      <c r="J3297" s="53"/>
      <c r="K3297" s="53"/>
      <c r="L3297" s="53"/>
      <c r="M3297" s="53"/>
      <c r="N3297" s="53"/>
      <c r="O3297" s="53"/>
      <c r="P3297" s="53"/>
      <c r="Q3297" s="53">
        <v>-18433204.1047558</v>
      </c>
      <c r="R3297" s="53"/>
      <c r="S3297" s="53"/>
      <c r="T3297" s="53">
        <v>-18433204.1047558</v>
      </c>
      <c r="U3297" s="53"/>
      <c r="V3297" s="53"/>
      <c r="W3297" s="53">
        <v>-18433204.1047558</v>
      </c>
      <c r="X3297" s="53"/>
      <c r="Y3297" s="53"/>
      <c r="Z3297" s="53">
        <v>-18433204.1047558</v>
      </c>
      <c r="AA3297" s="53">
        <v>-73732816.419023201</v>
      </c>
      <c r="AB3297" s="53"/>
      <c r="AC3297" s="53"/>
      <c r="AD3297" s="53">
        <v>-7066796.7144867899</v>
      </c>
      <c r="AE3297" s="53"/>
      <c r="AF3297" s="53"/>
      <c r="AG3297" s="53">
        <v>-7066796.7144867899</v>
      </c>
      <c r="AH3297" s="53"/>
      <c r="AI3297" s="53"/>
      <c r="AJ3297" s="53">
        <v>-7066796.7144867899</v>
      </c>
      <c r="AK3297" s="53"/>
      <c r="AL3297" s="53"/>
      <c r="AM3297" s="53">
        <v>-7066796.7144867899</v>
      </c>
      <c r="AN3297" s="53">
        <v>-28267186.8579471</v>
      </c>
      <c r="AO3297" s="53"/>
      <c r="AP3297" s="53"/>
      <c r="AQ3297" s="53"/>
      <c r="AR3297" s="53"/>
      <c r="AS3297" s="53"/>
      <c r="AT3297" s="53"/>
      <c r="AU3297" s="53"/>
      <c r="AV3297" s="53"/>
      <c r="AW3297" s="53"/>
      <c r="AX3297" s="53"/>
      <c r="AY3297" s="53"/>
      <c r="AZ3297" s="53"/>
      <c r="BA3297" s="53"/>
      <c r="BB3297" s="53"/>
      <c r="BC3297" s="53"/>
      <c r="BD3297" s="53"/>
      <c r="BE3297" s="53"/>
      <c r="BF3297" s="53"/>
      <c r="BG3297" s="53"/>
      <c r="BH3297" s="53"/>
      <c r="BI3297" s="53"/>
      <c r="BJ3297" s="53"/>
      <c r="BK3297" s="53"/>
      <c r="BL3297" s="53"/>
      <c r="BM3297" s="53"/>
      <c r="BN3297" s="53"/>
      <c r="BO3297" s="53"/>
      <c r="BP3297" s="53"/>
      <c r="BQ3297" s="53"/>
      <c r="BR3297" s="53"/>
      <c r="BS3297" s="53"/>
      <c r="BT3297" s="53"/>
      <c r="BU3297" s="53"/>
      <c r="BV3297" s="53"/>
      <c r="BW3297" s="53"/>
      <c r="BX3297" s="53"/>
      <c r="BY3297" s="53"/>
      <c r="BZ3297" s="53"/>
      <c r="CA3297" s="53"/>
      <c r="CB3297" s="53"/>
      <c r="CC3297" s="53"/>
      <c r="CD3297" s="53"/>
      <c r="CE3297" s="53"/>
      <c r="CF3297" s="53"/>
      <c r="CG3297" s="53"/>
      <c r="CH3297" s="53"/>
      <c r="CI3297" s="53"/>
      <c r="CJ3297" s="53"/>
      <c r="CK3297" s="53"/>
      <c r="CL3297" s="53"/>
      <c r="CM3297" s="53"/>
      <c r="CN3297" s="53"/>
    </row>
    <row r="3298" spans="1:92" outlineLevel="1">
      <c r="A3298" s="52" t="s">
        <v>1736</v>
      </c>
      <c r="B3298" s="53"/>
      <c r="C3298" s="53"/>
      <c r="D3298" s="53"/>
      <c r="E3298" s="53"/>
      <c r="F3298" s="53"/>
      <c r="G3298" s="53"/>
      <c r="H3298" s="53"/>
      <c r="I3298" s="53"/>
      <c r="J3298" s="53"/>
      <c r="K3298" s="53"/>
      <c r="L3298" s="53"/>
      <c r="M3298" s="53"/>
      <c r="N3298" s="53"/>
      <c r="O3298" s="53"/>
      <c r="P3298" s="53"/>
      <c r="Q3298" s="53"/>
      <c r="R3298" s="53"/>
      <c r="S3298" s="53"/>
      <c r="T3298" s="53"/>
      <c r="U3298" s="53"/>
      <c r="V3298" s="53"/>
      <c r="W3298" s="53"/>
      <c r="X3298" s="53"/>
      <c r="Y3298" s="53"/>
      <c r="Z3298" s="53"/>
      <c r="AA3298" s="53"/>
      <c r="AB3298" s="53"/>
      <c r="AC3298" s="53"/>
      <c r="AD3298" s="53"/>
      <c r="AE3298" s="53"/>
      <c r="AF3298" s="53"/>
      <c r="AG3298" s="53"/>
      <c r="AH3298" s="53"/>
      <c r="AI3298" s="53"/>
      <c r="AJ3298" s="53"/>
      <c r="AK3298" s="53"/>
      <c r="AL3298" s="53"/>
      <c r="AM3298" s="53"/>
      <c r="AN3298" s="53"/>
      <c r="AO3298" s="53"/>
      <c r="AP3298" s="53"/>
      <c r="AQ3298" s="53"/>
      <c r="AR3298" s="53"/>
      <c r="AS3298" s="53"/>
      <c r="AT3298" s="53"/>
      <c r="AU3298" s="53"/>
      <c r="AV3298" s="53"/>
      <c r="AW3298" s="53"/>
      <c r="AX3298" s="53"/>
      <c r="AY3298" s="53"/>
      <c r="AZ3298" s="53"/>
      <c r="BA3298" s="53"/>
      <c r="BB3298" s="53"/>
      <c r="BC3298" s="53"/>
      <c r="BD3298" s="53"/>
      <c r="BE3298" s="53"/>
      <c r="BF3298" s="53"/>
      <c r="BG3298" s="53"/>
      <c r="BH3298" s="53"/>
      <c r="BI3298" s="53"/>
      <c r="BJ3298" s="53"/>
      <c r="BK3298" s="53"/>
      <c r="BL3298" s="53"/>
      <c r="BM3298" s="53"/>
      <c r="BN3298" s="53"/>
      <c r="BO3298" s="53"/>
      <c r="BP3298" s="53"/>
      <c r="BQ3298" s="53"/>
      <c r="BR3298" s="53"/>
      <c r="BS3298" s="53"/>
      <c r="BT3298" s="53"/>
      <c r="BU3298" s="53"/>
      <c r="BV3298" s="53"/>
      <c r="BW3298" s="53"/>
      <c r="BX3298" s="53"/>
      <c r="BY3298" s="53"/>
      <c r="BZ3298" s="53"/>
      <c r="CA3298" s="53"/>
      <c r="CB3298" s="53"/>
      <c r="CC3298" s="53"/>
      <c r="CD3298" s="53"/>
      <c r="CE3298" s="53"/>
      <c r="CF3298" s="53"/>
      <c r="CG3298" s="53"/>
      <c r="CH3298" s="53"/>
      <c r="CI3298" s="53"/>
      <c r="CJ3298" s="53"/>
      <c r="CK3298" s="53"/>
      <c r="CL3298" s="53"/>
      <c r="CM3298" s="53"/>
      <c r="CN3298" s="53"/>
    </row>
    <row r="3299" spans="1:92" outlineLevel="1">
      <c r="A3299" s="52" t="s">
        <v>649</v>
      </c>
      <c r="B3299" s="53"/>
      <c r="C3299" s="53"/>
      <c r="D3299" s="53"/>
      <c r="E3299" s="53"/>
      <c r="F3299" s="53"/>
      <c r="G3299" s="53"/>
      <c r="H3299" s="53"/>
      <c r="I3299" s="53"/>
      <c r="J3299" s="53"/>
      <c r="K3299" s="53"/>
      <c r="L3299" s="53"/>
      <c r="M3299" s="53"/>
      <c r="N3299" s="53"/>
      <c r="O3299" s="53"/>
      <c r="P3299" s="53"/>
      <c r="Q3299" s="53">
        <v>-12830954.793979799</v>
      </c>
      <c r="R3299" s="53"/>
      <c r="S3299" s="53"/>
      <c r="T3299" s="53">
        <v>-12830954.793979799</v>
      </c>
      <c r="U3299" s="53"/>
      <c r="V3299" s="53"/>
      <c r="W3299" s="53">
        <v>-12830954.793979799</v>
      </c>
      <c r="X3299" s="53"/>
      <c r="Y3299" s="53"/>
      <c r="Z3299" s="53">
        <v>-12830954.793979799</v>
      </c>
      <c r="AA3299" s="53">
        <v>-51323819.175919197</v>
      </c>
      <c r="AB3299" s="53"/>
      <c r="AC3299" s="53"/>
      <c r="AD3299" s="53">
        <v>-4919044.3867776096</v>
      </c>
      <c r="AE3299" s="53"/>
      <c r="AF3299" s="53"/>
      <c r="AG3299" s="53">
        <v>-4919044.3867776096</v>
      </c>
      <c r="AH3299" s="53"/>
      <c r="AI3299" s="53"/>
      <c r="AJ3299" s="53">
        <v>-4919044.3867776096</v>
      </c>
      <c r="AK3299" s="53"/>
      <c r="AL3299" s="53"/>
      <c r="AM3299" s="53">
        <v>-4919044.3867776096</v>
      </c>
      <c r="AN3299" s="53">
        <v>-19676177.547110401</v>
      </c>
      <c r="AO3299" s="53"/>
      <c r="AP3299" s="53"/>
      <c r="AQ3299" s="53"/>
      <c r="AR3299" s="53"/>
      <c r="AS3299" s="53"/>
      <c r="AT3299" s="53"/>
      <c r="AU3299" s="53"/>
      <c r="AV3299" s="53"/>
      <c r="AW3299" s="53"/>
      <c r="AX3299" s="53"/>
      <c r="AY3299" s="53"/>
      <c r="AZ3299" s="53"/>
      <c r="BA3299" s="53"/>
      <c r="BB3299" s="53"/>
      <c r="BC3299" s="53"/>
      <c r="BD3299" s="53"/>
      <c r="BE3299" s="53"/>
      <c r="BF3299" s="53"/>
      <c r="BG3299" s="53"/>
      <c r="BH3299" s="53"/>
      <c r="BI3299" s="53"/>
      <c r="BJ3299" s="53"/>
      <c r="BK3299" s="53"/>
      <c r="BL3299" s="53"/>
      <c r="BM3299" s="53"/>
      <c r="BN3299" s="53"/>
      <c r="BO3299" s="53"/>
      <c r="BP3299" s="53"/>
      <c r="BQ3299" s="53"/>
      <c r="BR3299" s="53"/>
      <c r="BS3299" s="53"/>
      <c r="BT3299" s="53"/>
      <c r="BU3299" s="53"/>
      <c r="BV3299" s="53"/>
      <c r="BW3299" s="53"/>
      <c r="BX3299" s="53"/>
      <c r="BY3299" s="53"/>
      <c r="BZ3299" s="53"/>
      <c r="CA3299" s="53"/>
      <c r="CB3299" s="53"/>
      <c r="CC3299" s="53"/>
      <c r="CD3299" s="53"/>
      <c r="CE3299" s="53"/>
      <c r="CF3299" s="53"/>
      <c r="CG3299" s="53"/>
      <c r="CH3299" s="53"/>
      <c r="CI3299" s="53"/>
      <c r="CJ3299" s="53"/>
      <c r="CK3299" s="53"/>
      <c r="CL3299" s="53"/>
      <c r="CM3299" s="53"/>
      <c r="CN3299" s="53"/>
    </row>
    <row r="3300" spans="1:92" outlineLevel="1">
      <c r="A3300" s="52" t="s">
        <v>1358</v>
      </c>
      <c r="B3300" s="53"/>
      <c r="C3300" s="53"/>
      <c r="D3300" s="53"/>
      <c r="E3300" s="53"/>
      <c r="F3300" s="53"/>
      <c r="G3300" s="53"/>
      <c r="H3300" s="53"/>
      <c r="I3300" s="53"/>
      <c r="J3300" s="53"/>
      <c r="K3300" s="53"/>
      <c r="L3300" s="53"/>
      <c r="M3300" s="53"/>
      <c r="N3300" s="53"/>
      <c r="O3300" s="53"/>
      <c r="P3300" s="53"/>
      <c r="Q3300" s="53"/>
      <c r="R3300" s="53"/>
      <c r="S3300" s="53"/>
      <c r="T3300" s="53"/>
      <c r="U3300" s="53"/>
      <c r="V3300" s="53"/>
      <c r="W3300" s="53"/>
      <c r="X3300" s="53"/>
      <c r="Y3300" s="53"/>
      <c r="Z3300" s="53"/>
      <c r="AA3300" s="53"/>
      <c r="AB3300" s="53"/>
      <c r="AC3300" s="53"/>
      <c r="AD3300" s="53"/>
      <c r="AE3300" s="53"/>
      <c r="AF3300" s="53"/>
      <c r="AG3300" s="53"/>
      <c r="AH3300" s="53"/>
      <c r="AI3300" s="53"/>
      <c r="AJ3300" s="53"/>
      <c r="AK3300" s="53"/>
      <c r="AL3300" s="53"/>
      <c r="AM3300" s="53"/>
      <c r="AN3300" s="53"/>
      <c r="AO3300" s="53"/>
      <c r="AP3300" s="53"/>
      <c r="AQ3300" s="53"/>
      <c r="AR3300" s="53"/>
      <c r="AS3300" s="53"/>
      <c r="AT3300" s="53"/>
      <c r="AU3300" s="53"/>
      <c r="AV3300" s="53"/>
      <c r="AW3300" s="53"/>
      <c r="AX3300" s="53"/>
      <c r="AY3300" s="53"/>
      <c r="AZ3300" s="53"/>
      <c r="BA3300" s="53"/>
      <c r="BB3300" s="53"/>
      <c r="BC3300" s="53"/>
      <c r="BD3300" s="53"/>
      <c r="BE3300" s="53"/>
      <c r="BF3300" s="53"/>
      <c r="BG3300" s="53"/>
      <c r="BH3300" s="53"/>
      <c r="BI3300" s="53"/>
      <c r="BJ3300" s="53"/>
      <c r="BK3300" s="53"/>
      <c r="BL3300" s="53"/>
      <c r="BM3300" s="53"/>
      <c r="BN3300" s="53"/>
      <c r="BO3300" s="53"/>
      <c r="BP3300" s="53"/>
      <c r="BQ3300" s="53"/>
      <c r="BR3300" s="53"/>
      <c r="BS3300" s="53"/>
      <c r="BT3300" s="53"/>
      <c r="BU3300" s="53"/>
      <c r="BV3300" s="53"/>
      <c r="BW3300" s="53"/>
      <c r="BX3300" s="53"/>
      <c r="BY3300" s="53"/>
      <c r="BZ3300" s="53"/>
      <c r="CA3300" s="53"/>
      <c r="CB3300" s="53"/>
      <c r="CC3300" s="53"/>
      <c r="CD3300" s="53"/>
      <c r="CE3300" s="53"/>
      <c r="CF3300" s="53"/>
      <c r="CG3300" s="53"/>
      <c r="CH3300" s="53"/>
      <c r="CI3300" s="53"/>
      <c r="CJ3300" s="53"/>
      <c r="CK3300" s="53"/>
      <c r="CL3300" s="53"/>
      <c r="CM3300" s="53"/>
      <c r="CN3300" s="53"/>
    </row>
    <row r="3301" spans="1:92" outlineLevel="1">
      <c r="A3301" s="52" t="s">
        <v>649</v>
      </c>
      <c r="B3301" s="53">
        <v>-355385</v>
      </c>
      <c r="C3301" s="53">
        <v>-355385</v>
      </c>
      <c r="D3301" s="53">
        <v>-355385</v>
      </c>
      <c r="E3301" s="53">
        <v>-355385</v>
      </c>
      <c r="F3301" s="53">
        <v>-355385</v>
      </c>
      <c r="G3301" s="53">
        <v>-355385</v>
      </c>
      <c r="H3301" s="53">
        <v>-355385</v>
      </c>
      <c r="I3301" s="53">
        <v>-355385</v>
      </c>
      <c r="J3301" s="53">
        <v>-355385</v>
      </c>
      <c r="K3301" s="53">
        <v>-355385</v>
      </c>
      <c r="L3301" s="53">
        <v>-355385</v>
      </c>
      <c r="M3301" s="53">
        <v>-355385</v>
      </c>
      <c r="N3301" s="53">
        <v>-4264620</v>
      </c>
      <c r="O3301" s="53">
        <v>-355385</v>
      </c>
      <c r="P3301" s="53">
        <v>-355385</v>
      </c>
      <c r="Q3301" s="53">
        <v>-355385</v>
      </c>
      <c r="R3301" s="53">
        <v>-355385</v>
      </c>
      <c r="S3301" s="53">
        <v>-355385</v>
      </c>
      <c r="T3301" s="53">
        <v>-355385</v>
      </c>
      <c r="U3301" s="53">
        <v>-355385</v>
      </c>
      <c r="V3301" s="53">
        <v>-355385</v>
      </c>
      <c r="W3301" s="53">
        <v>-355385</v>
      </c>
      <c r="X3301" s="53">
        <v>-355385</v>
      </c>
      <c r="Y3301" s="53">
        <v>-355385</v>
      </c>
      <c r="Z3301" s="53">
        <v>-355385</v>
      </c>
      <c r="AA3301" s="53">
        <v>-4264620</v>
      </c>
      <c r="AB3301" s="53">
        <v>-355385</v>
      </c>
      <c r="AC3301" s="53">
        <v>-355385</v>
      </c>
      <c r="AD3301" s="53">
        <v>-355385</v>
      </c>
      <c r="AE3301" s="53">
        <v>-355385</v>
      </c>
      <c r="AF3301" s="53">
        <v>-355385</v>
      </c>
      <c r="AG3301" s="53">
        <v>-355385</v>
      </c>
      <c r="AH3301" s="53">
        <v>-355385</v>
      </c>
      <c r="AI3301" s="53">
        <v>-355385</v>
      </c>
      <c r="AJ3301" s="53">
        <v>-355385</v>
      </c>
      <c r="AK3301" s="53">
        <v>-355385</v>
      </c>
      <c r="AL3301" s="53">
        <v>-355385</v>
      </c>
      <c r="AM3301" s="53">
        <v>-355385</v>
      </c>
      <c r="AN3301" s="53">
        <v>-4264620</v>
      </c>
      <c r="AO3301" s="53">
        <v>-355385</v>
      </c>
      <c r="AP3301" s="53">
        <v>-355385</v>
      </c>
      <c r="AQ3301" s="53">
        <v>-355385</v>
      </c>
      <c r="AR3301" s="53">
        <v>-355385</v>
      </c>
      <c r="AS3301" s="53">
        <v>-355385</v>
      </c>
      <c r="AT3301" s="53">
        <v>-355385</v>
      </c>
      <c r="AU3301" s="53">
        <v>-355385</v>
      </c>
      <c r="AV3301" s="53">
        <v>-355385</v>
      </c>
      <c r="AW3301" s="53">
        <v>-355385</v>
      </c>
      <c r="AX3301" s="53">
        <v>-355385</v>
      </c>
      <c r="AY3301" s="53">
        <v>-355385</v>
      </c>
      <c r="AZ3301" s="53">
        <v>-355385</v>
      </c>
      <c r="BA3301" s="53">
        <v>-4264620</v>
      </c>
      <c r="BB3301" s="53">
        <v>-355385</v>
      </c>
      <c r="BC3301" s="53">
        <v>-355385</v>
      </c>
      <c r="BD3301" s="53">
        <v>-355385</v>
      </c>
      <c r="BE3301" s="53">
        <v>-355385</v>
      </c>
      <c r="BF3301" s="53">
        <v>-355385</v>
      </c>
      <c r="BG3301" s="53">
        <v>-355385</v>
      </c>
      <c r="BH3301" s="53">
        <v>-355385</v>
      </c>
      <c r="BI3301" s="53">
        <v>-355385</v>
      </c>
      <c r="BJ3301" s="53">
        <v>-355385</v>
      </c>
      <c r="BK3301" s="53">
        <v>-355385</v>
      </c>
      <c r="BL3301" s="53">
        <v>-355385</v>
      </c>
      <c r="BM3301" s="53">
        <v>-355385</v>
      </c>
      <c r="BN3301" s="53">
        <v>-4264620</v>
      </c>
      <c r="BO3301" s="53">
        <v>-355385</v>
      </c>
      <c r="BP3301" s="53">
        <v>-355385</v>
      </c>
      <c r="BQ3301" s="53">
        <v>-355385</v>
      </c>
      <c r="BR3301" s="53">
        <v>-355385</v>
      </c>
      <c r="BS3301" s="53">
        <v>-355385</v>
      </c>
      <c r="BT3301" s="53">
        <v>-355385</v>
      </c>
      <c r="BU3301" s="53">
        <v>-355385</v>
      </c>
      <c r="BV3301" s="53">
        <v>-355385</v>
      </c>
      <c r="BW3301" s="53">
        <v>-355385</v>
      </c>
      <c r="BX3301" s="53">
        <v>-355385</v>
      </c>
      <c r="BY3301" s="53">
        <v>-355385</v>
      </c>
      <c r="BZ3301" s="53">
        <v>-355385</v>
      </c>
      <c r="CA3301" s="53">
        <v>-4264620</v>
      </c>
      <c r="CB3301" s="53"/>
      <c r="CC3301" s="53"/>
      <c r="CD3301" s="53"/>
      <c r="CE3301" s="53"/>
      <c r="CF3301" s="53"/>
      <c r="CG3301" s="53"/>
      <c r="CH3301" s="53"/>
      <c r="CI3301" s="53"/>
      <c r="CJ3301" s="53"/>
      <c r="CK3301" s="53"/>
      <c r="CL3301" s="53"/>
      <c r="CM3301" s="53"/>
      <c r="CN3301" s="53"/>
    </row>
    <row r="3302" spans="1:92" outlineLevel="1">
      <c r="A3302" s="52" t="s">
        <v>1294</v>
      </c>
      <c r="B3302" s="53"/>
      <c r="C3302" s="53"/>
      <c r="D3302" s="53"/>
      <c r="E3302" s="53"/>
      <c r="F3302" s="53"/>
      <c r="G3302" s="53"/>
      <c r="H3302" s="53"/>
      <c r="I3302" s="53"/>
      <c r="J3302" s="53"/>
      <c r="K3302" s="53"/>
      <c r="L3302" s="53"/>
      <c r="M3302" s="53"/>
      <c r="N3302" s="53"/>
      <c r="O3302" s="53"/>
      <c r="P3302" s="53"/>
      <c r="Q3302" s="53"/>
      <c r="R3302" s="53"/>
      <c r="S3302" s="53"/>
      <c r="T3302" s="53"/>
      <c r="U3302" s="53"/>
      <c r="V3302" s="53"/>
      <c r="W3302" s="53"/>
      <c r="X3302" s="53"/>
      <c r="Y3302" s="53"/>
      <c r="Z3302" s="53"/>
      <c r="AA3302" s="53"/>
      <c r="AB3302" s="53"/>
      <c r="AC3302" s="53"/>
      <c r="AD3302" s="53"/>
      <c r="AE3302" s="53"/>
      <c r="AF3302" s="53"/>
      <c r="AG3302" s="53"/>
      <c r="AH3302" s="53"/>
      <c r="AI3302" s="53"/>
      <c r="AJ3302" s="53"/>
      <c r="AK3302" s="53"/>
      <c r="AL3302" s="53"/>
      <c r="AM3302" s="53"/>
      <c r="AN3302" s="53"/>
      <c r="AO3302" s="53"/>
      <c r="AP3302" s="53"/>
      <c r="AQ3302" s="53"/>
      <c r="AR3302" s="53"/>
      <c r="AS3302" s="53"/>
      <c r="AT3302" s="53"/>
      <c r="AU3302" s="53"/>
      <c r="AV3302" s="53"/>
      <c r="AW3302" s="53"/>
      <c r="AX3302" s="53"/>
      <c r="AY3302" s="53"/>
      <c r="AZ3302" s="53"/>
      <c r="BA3302" s="53"/>
      <c r="BB3302" s="53"/>
      <c r="BC3302" s="53"/>
      <c r="BD3302" s="53"/>
      <c r="BE3302" s="53"/>
      <c r="BF3302" s="53"/>
      <c r="BG3302" s="53"/>
      <c r="BH3302" s="53"/>
      <c r="BI3302" s="53"/>
      <c r="BJ3302" s="53"/>
      <c r="BK3302" s="53"/>
      <c r="BL3302" s="53"/>
      <c r="BM3302" s="53"/>
      <c r="BN3302" s="53"/>
      <c r="BO3302" s="53"/>
      <c r="BP3302" s="53"/>
      <c r="BQ3302" s="53"/>
      <c r="BR3302" s="53"/>
      <c r="BS3302" s="53"/>
      <c r="BT3302" s="53"/>
      <c r="BU3302" s="53"/>
      <c r="BV3302" s="53"/>
      <c r="BW3302" s="53"/>
      <c r="BX3302" s="53"/>
      <c r="BY3302" s="53"/>
      <c r="BZ3302" s="53"/>
      <c r="CA3302" s="53"/>
      <c r="CB3302" s="53"/>
      <c r="CC3302" s="53"/>
      <c r="CD3302" s="53"/>
      <c r="CE3302" s="53"/>
      <c r="CF3302" s="53"/>
      <c r="CG3302" s="53"/>
      <c r="CH3302" s="53"/>
      <c r="CI3302" s="53"/>
      <c r="CJ3302" s="53"/>
      <c r="CK3302" s="53"/>
      <c r="CL3302" s="53"/>
      <c r="CM3302" s="53"/>
      <c r="CN3302" s="53"/>
    </row>
    <row r="3303" spans="1:92" outlineLevel="1">
      <c r="A3303" s="52" t="s">
        <v>649</v>
      </c>
      <c r="B3303" s="53"/>
      <c r="C3303" s="53"/>
      <c r="D3303" s="53"/>
      <c r="E3303" s="53"/>
      <c r="F3303" s="53"/>
      <c r="G3303" s="53"/>
      <c r="H3303" s="53"/>
      <c r="I3303" s="53"/>
      <c r="J3303" s="53"/>
      <c r="K3303" s="53"/>
      <c r="L3303" s="53"/>
      <c r="M3303" s="53"/>
      <c r="N3303" s="53"/>
      <c r="O3303" s="53">
        <v>13011993.853433199</v>
      </c>
      <c r="P3303" s="53"/>
      <c r="Q3303" s="53"/>
      <c r="R3303" s="53"/>
      <c r="S3303" s="53"/>
      <c r="T3303" s="53"/>
      <c r="U3303" s="53"/>
      <c r="V3303" s="53"/>
      <c r="W3303" s="53"/>
      <c r="X3303" s="53"/>
      <c r="Y3303" s="53"/>
      <c r="Z3303" s="53"/>
      <c r="AA3303" s="53">
        <v>13011993.853433199</v>
      </c>
      <c r="AB3303" s="53"/>
      <c r="AC3303" s="53"/>
      <c r="AD3303" s="53"/>
      <c r="AE3303" s="53"/>
      <c r="AF3303" s="53"/>
      <c r="AG3303" s="53"/>
      <c r="AH3303" s="53"/>
      <c r="AI3303" s="53"/>
      <c r="AJ3303" s="53"/>
      <c r="AK3303" s="53"/>
      <c r="AL3303" s="53"/>
      <c r="AM3303" s="53"/>
      <c r="AN3303" s="53"/>
      <c r="AO3303" s="53"/>
      <c r="AP3303" s="53"/>
      <c r="AQ3303" s="53"/>
      <c r="AR3303" s="53"/>
      <c r="AS3303" s="53"/>
      <c r="AT3303" s="53"/>
      <c r="AU3303" s="53"/>
      <c r="AV3303" s="53"/>
      <c r="AW3303" s="53"/>
      <c r="AX3303" s="53"/>
      <c r="AY3303" s="53"/>
      <c r="AZ3303" s="53"/>
      <c r="BA3303" s="53"/>
      <c r="BB3303" s="53"/>
      <c r="BC3303" s="53"/>
      <c r="BD3303" s="53"/>
      <c r="BE3303" s="53"/>
      <c r="BF3303" s="53"/>
      <c r="BG3303" s="53"/>
      <c r="BH3303" s="53"/>
      <c r="BI3303" s="53"/>
      <c r="BJ3303" s="53"/>
      <c r="BK3303" s="53"/>
      <c r="BL3303" s="53"/>
      <c r="BM3303" s="53"/>
      <c r="BN3303" s="53"/>
      <c r="BO3303" s="53"/>
      <c r="BP3303" s="53"/>
      <c r="BQ3303" s="53"/>
      <c r="BR3303" s="53"/>
      <c r="BS3303" s="53"/>
      <c r="BT3303" s="53"/>
      <c r="BU3303" s="53"/>
      <c r="BV3303" s="53"/>
      <c r="BW3303" s="53"/>
      <c r="BX3303" s="53"/>
      <c r="BY3303" s="53"/>
      <c r="BZ3303" s="53"/>
      <c r="CA3303" s="53"/>
      <c r="CB3303" s="53"/>
      <c r="CC3303" s="53"/>
      <c r="CD3303" s="53"/>
      <c r="CE3303" s="53"/>
      <c r="CF3303" s="53"/>
      <c r="CG3303" s="53"/>
      <c r="CH3303" s="53"/>
      <c r="CI3303" s="53"/>
      <c r="CJ3303" s="53"/>
      <c r="CK3303" s="53"/>
      <c r="CL3303" s="53"/>
      <c r="CM3303" s="53"/>
      <c r="CN3303" s="53"/>
    </row>
    <row r="3304" spans="1:92" outlineLevel="1">
      <c r="A3304" s="52" t="s">
        <v>1289</v>
      </c>
      <c r="B3304" s="53"/>
      <c r="C3304" s="53"/>
      <c r="D3304" s="53"/>
      <c r="E3304" s="53"/>
      <c r="F3304" s="53"/>
      <c r="G3304" s="53"/>
      <c r="H3304" s="53"/>
      <c r="I3304" s="53"/>
      <c r="J3304" s="53"/>
      <c r="K3304" s="53"/>
      <c r="L3304" s="53"/>
      <c r="M3304" s="53"/>
      <c r="N3304" s="53"/>
      <c r="O3304" s="53"/>
      <c r="P3304" s="53"/>
      <c r="Q3304" s="53"/>
      <c r="R3304" s="53"/>
      <c r="S3304" s="53"/>
      <c r="T3304" s="53"/>
      <c r="U3304" s="53"/>
      <c r="V3304" s="53"/>
      <c r="W3304" s="53"/>
      <c r="X3304" s="53"/>
      <c r="Y3304" s="53"/>
      <c r="Z3304" s="53"/>
      <c r="AA3304" s="53"/>
      <c r="AB3304" s="53"/>
      <c r="AC3304" s="53"/>
      <c r="AD3304" s="53"/>
      <c r="AE3304" s="53"/>
      <c r="AF3304" s="53"/>
      <c r="AG3304" s="53"/>
      <c r="AH3304" s="53"/>
      <c r="AI3304" s="53"/>
      <c r="AJ3304" s="53"/>
      <c r="AK3304" s="53"/>
      <c r="AL3304" s="53"/>
      <c r="AM3304" s="53"/>
      <c r="AN3304" s="53"/>
      <c r="AO3304" s="53"/>
      <c r="AP3304" s="53"/>
      <c r="AQ3304" s="53"/>
      <c r="AR3304" s="53"/>
      <c r="AS3304" s="53"/>
      <c r="AT3304" s="53"/>
      <c r="AU3304" s="53"/>
      <c r="AV3304" s="53"/>
      <c r="AW3304" s="53"/>
      <c r="AX3304" s="53"/>
      <c r="AY3304" s="53"/>
      <c r="AZ3304" s="53"/>
      <c r="BA3304" s="53"/>
      <c r="BB3304" s="53"/>
      <c r="BC3304" s="53"/>
      <c r="BD3304" s="53"/>
      <c r="BE3304" s="53"/>
      <c r="BF3304" s="53"/>
      <c r="BG3304" s="53"/>
      <c r="BH3304" s="53"/>
      <c r="BI3304" s="53"/>
      <c r="BJ3304" s="53"/>
      <c r="BK3304" s="53"/>
      <c r="BL3304" s="53"/>
      <c r="BM3304" s="53"/>
      <c r="BN3304" s="53"/>
      <c r="BO3304" s="53"/>
      <c r="BP3304" s="53"/>
      <c r="BQ3304" s="53"/>
      <c r="BR3304" s="53"/>
      <c r="BS3304" s="53"/>
      <c r="BT3304" s="53"/>
      <c r="BU3304" s="53"/>
      <c r="BV3304" s="53"/>
      <c r="BW3304" s="53"/>
      <c r="BX3304" s="53"/>
      <c r="BY3304" s="53"/>
      <c r="BZ3304" s="53"/>
      <c r="CA3304" s="53"/>
      <c r="CB3304" s="53"/>
      <c r="CC3304" s="53"/>
      <c r="CD3304" s="53"/>
      <c r="CE3304" s="53"/>
      <c r="CF3304" s="53"/>
      <c r="CG3304" s="53"/>
      <c r="CH3304" s="53"/>
      <c r="CI3304" s="53"/>
      <c r="CJ3304" s="53"/>
      <c r="CK3304" s="53"/>
      <c r="CL3304" s="53"/>
      <c r="CM3304" s="53"/>
      <c r="CN3304" s="53"/>
    </row>
    <row r="3305" spans="1:92" outlineLevel="1">
      <c r="A3305" s="52" t="s">
        <v>649</v>
      </c>
      <c r="B3305" s="53">
        <v>-166666.66666666701</v>
      </c>
      <c r="C3305" s="53">
        <v>-166666.66666666701</v>
      </c>
      <c r="D3305" s="53">
        <v>-166666.66666666701</v>
      </c>
      <c r="E3305" s="53">
        <v>-166666.66666666701</v>
      </c>
      <c r="F3305" s="53">
        <v>-166666.66666666701</v>
      </c>
      <c r="G3305" s="53">
        <v>-166666.66666666701</v>
      </c>
      <c r="H3305" s="53">
        <v>-166666.66666666701</v>
      </c>
      <c r="I3305" s="53">
        <v>-166666.66666666701</v>
      </c>
      <c r="J3305" s="53">
        <v>-166666.66666666701</v>
      </c>
      <c r="K3305" s="53">
        <v>-166666.66666666701</v>
      </c>
      <c r="L3305" s="53">
        <v>-166666.66666666701</v>
      </c>
      <c r="M3305" s="53">
        <v>-166666.66666666701</v>
      </c>
      <c r="N3305" s="53">
        <v>-2000000</v>
      </c>
      <c r="O3305" s="53">
        <v>-13011993.853433199</v>
      </c>
      <c r="P3305" s="53"/>
      <c r="Q3305" s="53"/>
      <c r="R3305" s="53"/>
      <c r="S3305" s="53"/>
      <c r="T3305" s="53"/>
      <c r="U3305" s="53"/>
      <c r="V3305" s="53"/>
      <c r="W3305" s="53"/>
      <c r="X3305" s="53"/>
      <c r="Y3305" s="53"/>
      <c r="Z3305" s="53"/>
      <c r="AA3305" s="53">
        <v>-13011993.853433199</v>
      </c>
      <c r="AB3305" s="53"/>
      <c r="AC3305" s="53"/>
      <c r="AD3305" s="53"/>
      <c r="AE3305" s="53"/>
      <c r="AF3305" s="53"/>
      <c r="AG3305" s="53"/>
      <c r="AH3305" s="53"/>
      <c r="AI3305" s="53"/>
      <c r="AJ3305" s="53"/>
      <c r="AK3305" s="53"/>
      <c r="AL3305" s="53"/>
      <c r="AM3305" s="53"/>
      <c r="AN3305" s="53"/>
      <c r="AO3305" s="53"/>
      <c r="AP3305" s="53"/>
      <c r="AQ3305" s="53"/>
      <c r="AR3305" s="53"/>
      <c r="AS3305" s="53"/>
      <c r="AT3305" s="53"/>
      <c r="AU3305" s="53"/>
      <c r="AV3305" s="53"/>
      <c r="AW3305" s="53"/>
      <c r="AX3305" s="53"/>
      <c r="AY3305" s="53"/>
      <c r="AZ3305" s="53"/>
      <c r="BA3305" s="53"/>
      <c r="BB3305" s="53"/>
      <c r="BC3305" s="53"/>
      <c r="BD3305" s="53"/>
      <c r="BE3305" s="53"/>
      <c r="BF3305" s="53"/>
      <c r="BG3305" s="53"/>
      <c r="BH3305" s="53"/>
      <c r="BI3305" s="53"/>
      <c r="BJ3305" s="53"/>
      <c r="BK3305" s="53"/>
      <c r="BL3305" s="53"/>
      <c r="BM3305" s="53"/>
      <c r="BN3305" s="53"/>
      <c r="BO3305" s="53"/>
      <c r="BP3305" s="53"/>
      <c r="BQ3305" s="53"/>
      <c r="BR3305" s="53"/>
      <c r="BS3305" s="53"/>
      <c r="BT3305" s="53"/>
      <c r="BU3305" s="53"/>
      <c r="BV3305" s="53"/>
      <c r="BW3305" s="53"/>
      <c r="BX3305" s="53"/>
      <c r="BY3305" s="53"/>
      <c r="BZ3305" s="53"/>
      <c r="CA3305" s="53"/>
      <c r="CB3305" s="53"/>
      <c r="CC3305" s="53">
        <v>-5062500</v>
      </c>
      <c r="CD3305" s="53"/>
      <c r="CE3305" s="53"/>
      <c r="CF3305" s="53"/>
      <c r="CG3305" s="53"/>
      <c r="CH3305" s="53"/>
      <c r="CI3305" s="53">
        <v>-5062500</v>
      </c>
      <c r="CJ3305" s="53"/>
      <c r="CK3305" s="53"/>
      <c r="CL3305" s="53"/>
      <c r="CM3305" s="53"/>
      <c r="CN3305" s="53">
        <v>-10125000</v>
      </c>
    </row>
    <row r="3306" spans="1:92" outlineLevel="1">
      <c r="A3306" s="52" t="s">
        <v>1287</v>
      </c>
      <c r="B3306" s="53"/>
      <c r="C3306" s="53"/>
      <c r="D3306" s="53"/>
      <c r="E3306" s="53"/>
      <c r="F3306" s="53"/>
      <c r="G3306" s="53"/>
      <c r="H3306" s="53"/>
      <c r="I3306" s="53"/>
      <c r="J3306" s="53"/>
      <c r="K3306" s="53"/>
      <c r="L3306" s="53"/>
      <c r="M3306" s="53"/>
      <c r="N3306" s="53"/>
      <c r="O3306" s="53"/>
      <c r="P3306" s="53"/>
      <c r="Q3306" s="53"/>
      <c r="R3306" s="53"/>
      <c r="S3306" s="53"/>
      <c r="T3306" s="53"/>
      <c r="U3306" s="53"/>
      <c r="V3306" s="53"/>
      <c r="W3306" s="53"/>
      <c r="X3306" s="53"/>
      <c r="Y3306" s="53"/>
      <c r="Z3306" s="53"/>
      <c r="AA3306" s="53"/>
      <c r="AB3306" s="53"/>
      <c r="AC3306" s="53"/>
      <c r="AD3306" s="53"/>
      <c r="AE3306" s="53"/>
      <c r="AF3306" s="53"/>
      <c r="AG3306" s="53"/>
      <c r="AH3306" s="53"/>
      <c r="AI3306" s="53"/>
      <c r="AJ3306" s="53"/>
      <c r="AK3306" s="53"/>
      <c r="AL3306" s="53"/>
      <c r="AM3306" s="53"/>
      <c r="AN3306" s="53"/>
      <c r="AO3306" s="53"/>
      <c r="AP3306" s="53"/>
      <c r="AQ3306" s="53"/>
      <c r="AR3306" s="53"/>
      <c r="AS3306" s="53"/>
      <c r="AT3306" s="53"/>
      <c r="AU3306" s="53"/>
      <c r="AV3306" s="53"/>
      <c r="AW3306" s="53"/>
      <c r="AX3306" s="53"/>
      <c r="AY3306" s="53"/>
      <c r="AZ3306" s="53"/>
      <c r="BA3306" s="53"/>
      <c r="BB3306" s="53"/>
      <c r="BC3306" s="53"/>
      <c r="BD3306" s="53"/>
      <c r="BE3306" s="53"/>
      <c r="BF3306" s="53"/>
      <c r="BG3306" s="53"/>
      <c r="BH3306" s="53"/>
      <c r="BI3306" s="53"/>
      <c r="BJ3306" s="53"/>
      <c r="BK3306" s="53"/>
      <c r="BL3306" s="53"/>
      <c r="BM3306" s="53"/>
      <c r="BN3306" s="53"/>
      <c r="BO3306" s="53"/>
      <c r="BP3306" s="53"/>
      <c r="BQ3306" s="53"/>
      <c r="BR3306" s="53"/>
      <c r="BS3306" s="53"/>
      <c r="BT3306" s="53"/>
      <c r="BU3306" s="53"/>
      <c r="BV3306" s="53"/>
      <c r="BW3306" s="53"/>
      <c r="BX3306" s="53"/>
      <c r="BY3306" s="53"/>
      <c r="BZ3306" s="53"/>
      <c r="CA3306" s="53"/>
      <c r="CB3306" s="53"/>
      <c r="CC3306" s="53"/>
      <c r="CD3306" s="53">
        <v>-6637500</v>
      </c>
      <c r="CE3306" s="53"/>
      <c r="CF3306" s="53"/>
      <c r="CG3306" s="53"/>
      <c r="CH3306" s="53"/>
      <c r="CI3306" s="53"/>
      <c r="CJ3306" s="53">
        <v>-6637500</v>
      </c>
      <c r="CK3306" s="53"/>
      <c r="CL3306" s="53"/>
      <c r="CM3306" s="53"/>
      <c r="CN3306" s="53">
        <v>-13275000</v>
      </c>
    </row>
    <row r="3307" spans="1:92" outlineLevel="1">
      <c r="A3307" s="52" t="s">
        <v>649</v>
      </c>
      <c r="B3307" s="53">
        <v>-16854.599999999999</v>
      </c>
      <c r="C3307" s="53">
        <v>-8567.7999999999993</v>
      </c>
      <c r="D3307" s="53">
        <v>-1641.6</v>
      </c>
      <c r="E3307" s="53">
        <v>-4957</v>
      </c>
      <c r="F3307" s="53">
        <v>-16777.400000000001</v>
      </c>
      <c r="G3307" s="53">
        <v>395.1</v>
      </c>
      <c r="H3307" s="53">
        <v>113.6</v>
      </c>
      <c r="I3307" s="53">
        <v>-455.2</v>
      </c>
      <c r="J3307" s="53">
        <v>-2129</v>
      </c>
      <c r="K3307" s="53">
        <v>-1834.8999999999901</v>
      </c>
      <c r="L3307" s="53">
        <v>-8.6969565163599292</v>
      </c>
      <c r="M3307" s="53">
        <v>-6925.2</v>
      </c>
      <c r="N3307" s="53">
        <v>-59642.696956516302</v>
      </c>
      <c r="O3307" s="53">
        <v>26972252.3807608</v>
      </c>
      <c r="P3307" s="53">
        <v>12342.963667496701</v>
      </c>
      <c r="Q3307" s="53">
        <v>107477.202463333</v>
      </c>
      <c r="R3307" s="53">
        <v>107264.92164589401</v>
      </c>
      <c r="S3307" s="53">
        <v>87254.804872237801</v>
      </c>
      <c r="T3307" s="53">
        <v>56618.983309157898</v>
      </c>
      <c r="U3307" s="53">
        <v>66423.5662530962</v>
      </c>
      <c r="V3307" s="53">
        <v>57434.5205439364</v>
      </c>
      <c r="W3307" s="53">
        <v>58357.588991040197</v>
      </c>
      <c r="X3307" s="53">
        <v>76317.635634432503</v>
      </c>
      <c r="Y3307" s="53">
        <v>-8353.6205669180599</v>
      </c>
      <c r="Z3307" s="53">
        <v>-9266.0006087423099</v>
      </c>
      <c r="AA3307" s="53">
        <v>27584124.946965698</v>
      </c>
      <c r="AB3307" s="53">
        <v>19566.449826817901</v>
      </c>
      <c r="AC3307" s="53">
        <v>33703.264818216499</v>
      </c>
      <c r="AD3307" s="53">
        <v>-35567.587871606302</v>
      </c>
      <c r="AE3307" s="53">
        <v>5642.2607364955602</v>
      </c>
      <c r="AF3307" s="53">
        <v>-60900.837342934603</v>
      </c>
      <c r="AG3307" s="53">
        <v>-73746.685166889001</v>
      </c>
      <c r="AH3307" s="53">
        <v>-26884.298339926499</v>
      </c>
      <c r="AI3307" s="53">
        <v>77031.902905713301</v>
      </c>
      <c r="AJ3307" s="53">
        <v>44708.705025899697</v>
      </c>
      <c r="AK3307" s="53">
        <v>53810.013761321403</v>
      </c>
      <c r="AL3307" s="53">
        <v>-5011.6688384317404</v>
      </c>
      <c r="AM3307" s="53">
        <v>-22556.548018615998</v>
      </c>
      <c r="AN3307" s="53">
        <v>9794.9714960601395</v>
      </c>
      <c r="AO3307" s="53">
        <v>-16592.636564938301</v>
      </c>
      <c r="AP3307" s="53">
        <v>-24403.5073785116</v>
      </c>
      <c r="AQ3307" s="53">
        <v>-84752.463028330603</v>
      </c>
      <c r="AR3307" s="53">
        <v>-44264.936813268498</v>
      </c>
      <c r="AS3307" s="53">
        <v>-94468.629338087398</v>
      </c>
      <c r="AT3307" s="53">
        <v>-103709.355246443</v>
      </c>
      <c r="AU3307" s="53">
        <v>-56280.2952303407</v>
      </c>
      <c r="AV3307" s="53">
        <v>70896.193023423199</v>
      </c>
      <c r="AW3307" s="53">
        <v>43270.8060995552</v>
      </c>
      <c r="AX3307" s="53">
        <v>13107.5833478512</v>
      </c>
      <c r="AY3307" s="53">
        <v>-18262.825693200899</v>
      </c>
      <c r="AZ3307" s="53">
        <v>-20087.004303966602</v>
      </c>
      <c r="BA3307" s="53">
        <v>-335547.071126258</v>
      </c>
      <c r="BB3307" s="53">
        <v>-15829.759425570999</v>
      </c>
      <c r="BC3307" s="53">
        <v>-20453.762957928098</v>
      </c>
      <c r="BD3307" s="53">
        <v>-58907.947855812403</v>
      </c>
      <c r="BE3307" s="53">
        <v>-32315.685607551099</v>
      </c>
      <c r="BF3307" s="53">
        <v>-79736.355696440995</v>
      </c>
      <c r="BG3307" s="53">
        <v>-76219.210612762297</v>
      </c>
      <c r="BH3307" s="53">
        <v>-44241.617582025399</v>
      </c>
      <c r="BI3307" s="53">
        <v>93594.184419023804</v>
      </c>
      <c r="BJ3307" s="53">
        <v>82810.495379220796</v>
      </c>
      <c r="BK3307" s="53">
        <v>49982.634886036998</v>
      </c>
      <c r="BL3307" s="53">
        <v>23808.6058711197</v>
      </c>
      <c r="BM3307" s="53">
        <v>21308.695381128899</v>
      </c>
      <c r="BN3307" s="53">
        <v>-56199.7238015611</v>
      </c>
      <c r="BO3307" s="53">
        <v>10423.2427628449</v>
      </c>
      <c r="BP3307" s="53">
        <v>597.35156434180703</v>
      </c>
      <c r="BQ3307" s="53">
        <v>-23318.967840968999</v>
      </c>
      <c r="BR3307" s="53">
        <v>-15157.073525915501</v>
      </c>
      <c r="BS3307" s="53">
        <v>-49889.174690979402</v>
      </c>
      <c r="BT3307" s="53">
        <v>-41408.2619443652</v>
      </c>
      <c r="BU3307" s="53">
        <v>-32623.451761930399</v>
      </c>
      <c r="BV3307" s="53">
        <v>114032.39609742</v>
      </c>
      <c r="BW3307" s="53">
        <v>102229.043502389</v>
      </c>
      <c r="BX3307" s="53">
        <v>66725.321171368705</v>
      </c>
      <c r="BY3307" s="53">
        <v>47441.8958135211</v>
      </c>
      <c r="BZ3307" s="53">
        <v>45557.996967385399</v>
      </c>
      <c r="CA3307" s="53">
        <v>224610.31811511199</v>
      </c>
      <c r="CB3307" s="53"/>
      <c r="CC3307" s="53"/>
      <c r="CD3307" s="53">
        <v>-15875000</v>
      </c>
      <c r="CE3307" s="53"/>
      <c r="CF3307" s="53"/>
      <c r="CG3307" s="53"/>
      <c r="CH3307" s="53"/>
      <c r="CI3307" s="53"/>
      <c r="CJ3307" s="53">
        <v>-15875000</v>
      </c>
      <c r="CK3307" s="53"/>
      <c r="CL3307" s="53"/>
      <c r="CM3307" s="53"/>
      <c r="CN3307" s="53">
        <v>-31750000</v>
      </c>
    </row>
    <row r="3308" spans="1:92" outlineLevel="1">
      <c r="A3308" s="52" t="s">
        <v>1291</v>
      </c>
      <c r="B3308" s="53"/>
      <c r="C3308" s="53"/>
      <c r="D3308" s="53"/>
      <c r="E3308" s="53"/>
      <c r="F3308" s="53"/>
      <c r="G3308" s="53"/>
      <c r="H3308" s="53"/>
      <c r="I3308" s="53"/>
      <c r="J3308" s="53"/>
      <c r="K3308" s="53"/>
      <c r="L3308" s="53"/>
      <c r="M3308" s="53"/>
      <c r="N3308" s="53"/>
      <c r="O3308" s="53"/>
      <c r="P3308" s="53"/>
      <c r="Q3308" s="53"/>
      <c r="R3308" s="53"/>
      <c r="S3308" s="53"/>
      <c r="T3308" s="53"/>
      <c r="U3308" s="53"/>
      <c r="V3308" s="53"/>
      <c r="W3308" s="53"/>
      <c r="X3308" s="53"/>
      <c r="Y3308" s="53"/>
      <c r="Z3308" s="53"/>
      <c r="AA3308" s="53"/>
      <c r="AB3308" s="53"/>
      <c r="AC3308" s="53"/>
      <c r="AD3308" s="53"/>
      <c r="AE3308" s="53"/>
      <c r="AF3308" s="53"/>
      <c r="AG3308" s="53"/>
      <c r="AH3308" s="53"/>
      <c r="AI3308" s="53"/>
      <c r="AJ3308" s="53"/>
      <c r="AK3308" s="53"/>
      <c r="AL3308" s="53"/>
      <c r="AM3308" s="53"/>
      <c r="AN3308" s="53"/>
      <c r="AO3308" s="53"/>
      <c r="AP3308" s="53"/>
      <c r="AQ3308" s="53"/>
      <c r="AR3308" s="53"/>
      <c r="AS3308" s="53"/>
      <c r="AT3308" s="53"/>
      <c r="AU3308" s="53"/>
      <c r="AV3308" s="53"/>
      <c r="AW3308" s="53"/>
      <c r="AX3308" s="53"/>
      <c r="AY3308" s="53"/>
      <c r="AZ3308" s="53"/>
      <c r="BA3308" s="53"/>
      <c r="BB3308" s="53"/>
      <c r="BC3308" s="53"/>
      <c r="BD3308" s="53"/>
      <c r="BE3308" s="53"/>
      <c r="BF3308" s="53"/>
      <c r="BG3308" s="53"/>
      <c r="BH3308" s="53"/>
      <c r="BI3308" s="53"/>
      <c r="BJ3308" s="53"/>
      <c r="BK3308" s="53"/>
      <c r="BL3308" s="53"/>
      <c r="BM3308" s="53"/>
      <c r="BN3308" s="53"/>
      <c r="BO3308" s="53"/>
      <c r="BP3308" s="53"/>
      <c r="BQ3308" s="53"/>
      <c r="BR3308" s="53"/>
      <c r="BS3308" s="53"/>
      <c r="BT3308" s="53"/>
      <c r="BU3308" s="53"/>
      <c r="BV3308" s="53"/>
      <c r="BW3308" s="53"/>
      <c r="BX3308" s="53"/>
      <c r="BY3308" s="53"/>
      <c r="BZ3308" s="53"/>
      <c r="CA3308" s="53"/>
      <c r="CB3308" s="53"/>
      <c r="CC3308" s="53"/>
      <c r="CD3308" s="53"/>
      <c r="CE3308" s="53"/>
      <c r="CF3308" s="53"/>
      <c r="CG3308" s="53"/>
      <c r="CH3308" s="53"/>
      <c r="CI3308" s="53"/>
      <c r="CJ3308" s="53"/>
      <c r="CK3308" s="53"/>
      <c r="CL3308" s="53"/>
      <c r="CM3308" s="53"/>
      <c r="CN3308" s="53"/>
    </row>
    <row r="3309" spans="1:92" outlineLevel="1">
      <c r="A3309" s="52" t="s">
        <v>649</v>
      </c>
      <c r="B3309" s="53">
        <v>-720000.74046040897</v>
      </c>
      <c r="C3309" s="53">
        <v>-720000.74046040897</v>
      </c>
      <c r="D3309" s="53">
        <v>-720000.74046040897</v>
      </c>
      <c r="E3309" s="53">
        <v>-720000.74046040897</v>
      </c>
      <c r="F3309" s="53">
        <v>-720000.74046040897</v>
      </c>
      <c r="G3309" s="53">
        <v>-720000.74046040897</v>
      </c>
      <c r="H3309" s="53">
        <v>-720000.74046040897</v>
      </c>
      <c r="I3309" s="53">
        <v>-720000.74046040897</v>
      </c>
      <c r="J3309" s="53">
        <v>-720000.74046040897</v>
      </c>
      <c r="K3309" s="53">
        <v>-720000.74046040897</v>
      </c>
      <c r="L3309" s="53">
        <v>-720000.74046040897</v>
      </c>
      <c r="M3309" s="53">
        <v>-720000.74046040897</v>
      </c>
      <c r="N3309" s="53">
        <v>-8640008.8855249099</v>
      </c>
      <c r="O3309" s="53">
        <v>-837739.11872719799</v>
      </c>
      <c r="P3309" s="53">
        <v>14366131.421122599</v>
      </c>
      <c r="Q3309" s="53">
        <v>6636112.9663426802</v>
      </c>
      <c r="R3309" s="53">
        <v>-17382.418596622301</v>
      </c>
      <c r="S3309" s="53">
        <v>-1320420.1621185499</v>
      </c>
      <c r="T3309" s="53">
        <v>-1222762.59542939</v>
      </c>
      <c r="U3309" s="53">
        <v>-1246933.72720965</v>
      </c>
      <c r="V3309" s="53">
        <v>-1198618.65355461</v>
      </c>
      <c r="W3309" s="53">
        <v>-816607.97157991305</v>
      </c>
      <c r="X3309" s="53">
        <v>-78969.734516533194</v>
      </c>
      <c r="Y3309" s="53"/>
      <c r="Z3309" s="53"/>
      <c r="AA3309" s="53">
        <v>14262810.005732801</v>
      </c>
      <c r="AB3309" s="53">
        <v>-159396.98351845299</v>
      </c>
      <c r="AC3309" s="53">
        <v>-7655.8406842814302</v>
      </c>
      <c r="AD3309" s="53"/>
      <c r="AE3309" s="53">
        <v>-97255.291564477404</v>
      </c>
      <c r="AF3309" s="53">
        <v>-776917.36263051303</v>
      </c>
      <c r="AG3309" s="53">
        <v>-738188.55743353197</v>
      </c>
      <c r="AH3309" s="53">
        <v>-708003.12641932396</v>
      </c>
      <c r="AI3309" s="53">
        <v>-812705.60911089601</v>
      </c>
      <c r="AJ3309" s="53">
        <v>-406740.82915997098</v>
      </c>
      <c r="AK3309" s="53">
        <v>-183173.97711180101</v>
      </c>
      <c r="AL3309" s="53">
        <v>-267465.69639317802</v>
      </c>
      <c r="AM3309" s="53"/>
      <c r="AN3309" s="53">
        <v>-4157503.27402642</v>
      </c>
      <c r="AO3309" s="53">
        <v>-31914.462826986</v>
      </c>
      <c r="AP3309" s="53">
        <v>-8623.9390217233395</v>
      </c>
      <c r="AQ3309" s="53">
        <v>-321708.75747491699</v>
      </c>
      <c r="AR3309" s="53">
        <v>-149778.38290843501</v>
      </c>
      <c r="AS3309" s="53">
        <v>-340894.52444876998</v>
      </c>
      <c r="AT3309" s="53">
        <v>-351551.61753155699</v>
      </c>
      <c r="AU3309" s="53">
        <v>-330216.15992824099</v>
      </c>
      <c r="AV3309" s="53">
        <v>-231424.09819176799</v>
      </c>
      <c r="AW3309" s="53">
        <v>-217062.36264681499</v>
      </c>
      <c r="AX3309" s="53">
        <v>-114785.01584178599</v>
      </c>
      <c r="AY3309" s="53"/>
      <c r="AZ3309" s="53"/>
      <c r="BA3309" s="53">
        <v>-2097959.32082099</v>
      </c>
      <c r="BB3309" s="53">
        <v>-54835.355413437399</v>
      </c>
      <c r="BC3309" s="53">
        <v>-5999.9016805231804</v>
      </c>
      <c r="BD3309" s="53"/>
      <c r="BE3309" s="53">
        <v>-3534.66142005345</v>
      </c>
      <c r="BF3309" s="53">
        <v>-446186.69961813401</v>
      </c>
      <c r="BG3309" s="53">
        <v>-457606.463671531</v>
      </c>
      <c r="BH3309" s="53">
        <v>-439080.89468070801</v>
      </c>
      <c r="BI3309" s="53">
        <v>-401082.65208509698</v>
      </c>
      <c r="BJ3309" s="53">
        <v>-342254.75542270602</v>
      </c>
      <c r="BK3309" s="53">
        <v>-377762.24580325698</v>
      </c>
      <c r="BL3309" s="53">
        <v>-108007.46336428</v>
      </c>
      <c r="BM3309" s="53"/>
      <c r="BN3309" s="53">
        <v>-2636351.0931597198</v>
      </c>
      <c r="BO3309" s="53">
        <v>-42811.950860384997</v>
      </c>
      <c r="BP3309" s="53">
        <v>-21507.163226604502</v>
      </c>
      <c r="BQ3309" s="53">
        <v>-201253.810403068</v>
      </c>
      <c r="BR3309" s="53">
        <v>-2741.34073271125</v>
      </c>
      <c r="BS3309" s="53">
        <v>-289003.657767025</v>
      </c>
      <c r="BT3309" s="53">
        <v>-285680.66946936602</v>
      </c>
      <c r="BU3309" s="53">
        <v>-288034.81392021099</v>
      </c>
      <c r="BV3309" s="53">
        <v>-251776.877214943</v>
      </c>
      <c r="BW3309" s="53">
        <v>-225111.941258292</v>
      </c>
      <c r="BX3309" s="53">
        <v>-167914.45636721599</v>
      </c>
      <c r="BY3309" s="53"/>
      <c r="BZ3309" s="53">
        <v>-4270.7639702566703</v>
      </c>
      <c r="CA3309" s="53">
        <v>-1780107.44519007</v>
      </c>
      <c r="CB3309" s="53"/>
      <c r="CC3309" s="53"/>
      <c r="CD3309" s="53"/>
      <c r="CE3309" s="53"/>
      <c r="CF3309" s="53"/>
      <c r="CG3309" s="53"/>
      <c r="CH3309" s="53"/>
      <c r="CI3309" s="53"/>
      <c r="CJ3309" s="53"/>
      <c r="CK3309" s="53"/>
      <c r="CL3309" s="53"/>
      <c r="CM3309" s="53"/>
      <c r="CN3309" s="53"/>
    </row>
    <row r="3310" spans="1:92" outlineLevel="1">
      <c r="A3310" s="52" t="s">
        <v>1292</v>
      </c>
      <c r="B3310" s="53"/>
      <c r="C3310" s="53"/>
      <c r="D3310" s="53"/>
      <c r="E3310" s="53"/>
      <c r="F3310" s="53"/>
      <c r="G3310" s="53"/>
      <c r="H3310" s="53"/>
      <c r="I3310" s="53"/>
      <c r="J3310" s="53"/>
      <c r="K3310" s="53"/>
      <c r="L3310" s="53"/>
      <c r="M3310" s="53"/>
      <c r="N3310" s="53"/>
      <c r="O3310" s="53"/>
      <c r="P3310" s="53"/>
      <c r="Q3310" s="53"/>
      <c r="R3310" s="53"/>
      <c r="S3310" s="53"/>
      <c r="T3310" s="53"/>
      <c r="U3310" s="53"/>
      <c r="V3310" s="53"/>
      <c r="W3310" s="53"/>
      <c r="X3310" s="53"/>
      <c r="Y3310" s="53"/>
      <c r="Z3310" s="53"/>
      <c r="AA3310" s="53"/>
      <c r="AB3310" s="53"/>
      <c r="AC3310" s="53"/>
      <c r="AD3310" s="53"/>
      <c r="AE3310" s="53"/>
      <c r="AF3310" s="53"/>
      <c r="AG3310" s="53"/>
      <c r="AH3310" s="53"/>
      <c r="AI3310" s="53"/>
      <c r="AJ3310" s="53"/>
      <c r="AK3310" s="53"/>
      <c r="AL3310" s="53"/>
      <c r="AM3310" s="53"/>
      <c r="AN3310" s="53"/>
      <c r="AO3310" s="53"/>
      <c r="AP3310" s="53"/>
      <c r="AQ3310" s="53"/>
      <c r="AR3310" s="53"/>
      <c r="AS3310" s="53"/>
      <c r="AT3310" s="53"/>
      <c r="AU3310" s="53"/>
      <c r="AV3310" s="53"/>
      <c r="AW3310" s="53"/>
      <c r="AX3310" s="53"/>
      <c r="AY3310" s="53"/>
      <c r="AZ3310" s="53"/>
      <c r="BA3310" s="53"/>
      <c r="BB3310" s="53"/>
      <c r="BC3310" s="53"/>
      <c r="BD3310" s="53"/>
      <c r="BE3310" s="53"/>
      <c r="BF3310" s="53"/>
      <c r="BG3310" s="53"/>
      <c r="BH3310" s="53"/>
      <c r="BI3310" s="53"/>
      <c r="BJ3310" s="53"/>
      <c r="BK3310" s="53"/>
      <c r="BL3310" s="53"/>
      <c r="BM3310" s="53"/>
      <c r="BN3310" s="53"/>
      <c r="BO3310" s="53"/>
      <c r="BP3310" s="53"/>
      <c r="BQ3310" s="53"/>
      <c r="BR3310" s="53"/>
      <c r="BS3310" s="53"/>
      <c r="BT3310" s="53"/>
      <c r="BU3310" s="53"/>
      <c r="BV3310" s="53"/>
      <c r="BW3310" s="53"/>
      <c r="BX3310" s="53"/>
      <c r="BY3310" s="53"/>
      <c r="BZ3310" s="53"/>
      <c r="CA3310" s="53"/>
      <c r="CB3310" s="53"/>
      <c r="CC3310" s="53"/>
      <c r="CD3310" s="53"/>
      <c r="CE3310" s="53"/>
      <c r="CF3310" s="53"/>
      <c r="CG3310" s="53">
        <v>-32000000</v>
      </c>
      <c r="CH3310" s="53"/>
      <c r="CI3310" s="53"/>
      <c r="CJ3310" s="53"/>
      <c r="CK3310" s="53"/>
      <c r="CL3310" s="53"/>
      <c r="CM3310" s="53">
        <v>-31999999.999999899</v>
      </c>
      <c r="CN3310" s="53">
        <v>-64000000</v>
      </c>
    </row>
    <row r="3311" spans="1:92" outlineLevel="1">
      <c r="A3311" s="52" t="s">
        <v>649</v>
      </c>
      <c r="B3311" s="53">
        <v>228698.20629999999</v>
      </c>
      <c r="C3311" s="53">
        <v>117870.7846</v>
      </c>
      <c r="D3311" s="53">
        <v>62151.5</v>
      </c>
      <c r="E3311" s="53">
        <v>36723.769999999997</v>
      </c>
      <c r="F3311" s="53">
        <v>66655.3</v>
      </c>
      <c r="G3311" s="53">
        <v>-1206775</v>
      </c>
      <c r="H3311" s="53">
        <v>-1170593.8</v>
      </c>
      <c r="I3311" s="53">
        <v>-1213492.29999999</v>
      </c>
      <c r="J3311" s="53">
        <v>-1231131.8999999999</v>
      </c>
      <c r="K3311" s="53">
        <v>-1234847.6000000001</v>
      </c>
      <c r="L3311" s="53">
        <v>-1244708.5999999901</v>
      </c>
      <c r="M3311" s="53">
        <v>-4505441.3999999901</v>
      </c>
      <c r="N3311" s="53">
        <v>-11294891.0390999</v>
      </c>
      <c r="O3311" s="53"/>
      <c r="P3311" s="53"/>
      <c r="Q3311" s="53"/>
      <c r="R3311" s="53"/>
      <c r="S3311" s="53"/>
      <c r="T3311" s="53"/>
      <c r="U3311" s="53"/>
      <c r="V3311" s="53"/>
      <c r="W3311" s="53"/>
      <c r="X3311" s="53"/>
      <c r="Y3311" s="53"/>
      <c r="Z3311" s="53"/>
      <c r="AA3311" s="53"/>
      <c r="AB3311" s="53"/>
      <c r="AC3311" s="53"/>
      <c r="AD3311" s="53"/>
      <c r="AE3311" s="53"/>
      <c r="AF3311" s="53"/>
      <c r="AG3311" s="53"/>
      <c r="AH3311" s="53"/>
      <c r="AI3311" s="53"/>
      <c r="AJ3311" s="53"/>
      <c r="AK3311" s="53"/>
      <c r="AL3311" s="53"/>
      <c r="AM3311" s="53"/>
      <c r="AN3311" s="53"/>
      <c r="AO3311" s="53"/>
      <c r="AP3311" s="53"/>
      <c r="AQ3311" s="53"/>
      <c r="AR3311" s="53"/>
      <c r="AS3311" s="53"/>
      <c r="AT3311" s="53"/>
      <c r="AU3311" s="53"/>
      <c r="AV3311" s="53"/>
      <c r="AW3311" s="53"/>
      <c r="AX3311" s="53"/>
      <c r="AY3311" s="53"/>
      <c r="AZ3311" s="53"/>
      <c r="BA3311" s="53"/>
      <c r="BB3311" s="53"/>
      <c r="BC3311" s="53"/>
      <c r="BD3311" s="53"/>
      <c r="BE3311" s="53"/>
      <c r="BF3311" s="53"/>
      <c r="BG3311" s="53"/>
      <c r="BH3311" s="53"/>
      <c r="BI3311" s="53"/>
      <c r="BJ3311" s="53"/>
      <c r="BK3311" s="53"/>
      <c r="BL3311" s="53"/>
      <c r="BM3311" s="53"/>
      <c r="BN3311" s="53"/>
      <c r="BO3311" s="53"/>
      <c r="BP3311" s="53"/>
      <c r="BQ3311" s="53"/>
      <c r="BR3311" s="53"/>
      <c r="BS3311" s="53"/>
      <c r="BT3311" s="53"/>
      <c r="BU3311" s="53"/>
      <c r="BV3311" s="53"/>
      <c r="BW3311" s="53"/>
      <c r="BX3311" s="53"/>
      <c r="BY3311" s="53"/>
      <c r="BZ3311" s="53"/>
      <c r="CA3311" s="53"/>
      <c r="CB3311" s="53"/>
      <c r="CC3311" s="53"/>
      <c r="CD3311" s="53"/>
      <c r="CE3311" s="53">
        <v>-9887500</v>
      </c>
      <c r="CF3311" s="53"/>
      <c r="CG3311" s="53"/>
      <c r="CH3311" s="53"/>
      <c r="CI3311" s="53"/>
      <c r="CJ3311" s="53"/>
      <c r="CK3311" s="53">
        <v>-9887500</v>
      </c>
      <c r="CL3311" s="53"/>
      <c r="CM3311" s="53"/>
      <c r="CN3311" s="53">
        <v>-19775000</v>
      </c>
    </row>
    <row r="3312" spans="1:92" outlineLevel="1">
      <c r="A3312" s="52" t="s">
        <v>1652</v>
      </c>
      <c r="B3312" s="53"/>
      <c r="C3312" s="53"/>
      <c r="D3312" s="53"/>
      <c r="E3312" s="53"/>
      <c r="F3312" s="53"/>
      <c r="G3312" s="53"/>
      <c r="H3312" s="53"/>
      <c r="I3312" s="53"/>
      <c r="J3312" s="53"/>
      <c r="K3312" s="53"/>
      <c r="L3312" s="53"/>
      <c r="M3312" s="53"/>
      <c r="N3312" s="53"/>
      <c r="O3312" s="53"/>
      <c r="P3312" s="53"/>
      <c r="Q3312" s="53"/>
      <c r="R3312" s="53"/>
      <c r="S3312" s="53"/>
      <c r="T3312" s="53"/>
      <c r="U3312" s="53"/>
      <c r="V3312" s="53"/>
      <c r="W3312" s="53"/>
      <c r="X3312" s="53"/>
      <c r="Y3312" s="53"/>
      <c r="Z3312" s="53"/>
      <c r="AA3312" s="53"/>
      <c r="AB3312" s="53"/>
      <c r="AC3312" s="53"/>
      <c r="AD3312" s="53"/>
      <c r="AE3312" s="53"/>
      <c r="AF3312" s="53"/>
      <c r="AG3312" s="53"/>
      <c r="AH3312" s="53"/>
      <c r="AI3312" s="53"/>
      <c r="AJ3312" s="53"/>
      <c r="AK3312" s="53"/>
      <c r="AL3312" s="53"/>
      <c r="AM3312" s="53"/>
      <c r="AN3312" s="53"/>
      <c r="AO3312" s="53"/>
      <c r="AP3312" s="53"/>
      <c r="AQ3312" s="53"/>
      <c r="AR3312" s="53"/>
      <c r="AS3312" s="53"/>
      <c r="AT3312" s="53"/>
      <c r="AU3312" s="53"/>
      <c r="AV3312" s="53"/>
      <c r="AW3312" s="53"/>
      <c r="AX3312" s="53"/>
      <c r="AY3312" s="53"/>
      <c r="AZ3312" s="53"/>
      <c r="BA3312" s="53"/>
      <c r="BB3312" s="53"/>
      <c r="BC3312" s="53"/>
      <c r="BD3312" s="53"/>
      <c r="BE3312" s="53"/>
      <c r="BF3312" s="53"/>
      <c r="BG3312" s="53"/>
      <c r="BH3312" s="53"/>
      <c r="BI3312" s="53"/>
      <c r="BJ3312" s="53"/>
      <c r="BK3312" s="53"/>
      <c r="BL3312" s="53"/>
      <c r="BM3312" s="53"/>
      <c r="BN3312" s="53"/>
      <c r="BO3312" s="53"/>
      <c r="BP3312" s="53"/>
      <c r="BQ3312" s="53"/>
      <c r="BR3312" s="53"/>
      <c r="BS3312" s="53"/>
      <c r="BT3312" s="53"/>
      <c r="BU3312" s="53"/>
      <c r="BV3312" s="53"/>
      <c r="BW3312" s="53"/>
      <c r="BX3312" s="53"/>
      <c r="BY3312" s="53"/>
      <c r="BZ3312" s="53"/>
      <c r="CA3312" s="53"/>
      <c r="CB3312" s="53"/>
      <c r="CC3312" s="53"/>
      <c r="CD3312" s="53"/>
      <c r="CE3312" s="53"/>
      <c r="CF3312" s="53">
        <v>-7699999.9999999898</v>
      </c>
      <c r="CG3312" s="53"/>
      <c r="CH3312" s="53"/>
      <c r="CI3312" s="53"/>
      <c r="CJ3312" s="53"/>
      <c r="CK3312" s="53"/>
      <c r="CL3312" s="53">
        <v>-7700000</v>
      </c>
      <c r="CM3312" s="53"/>
      <c r="CN3312" s="53">
        <v>-15400000</v>
      </c>
    </row>
    <row r="3313" spans="1:92" outlineLevel="1">
      <c r="A3313" s="52" t="s">
        <v>649</v>
      </c>
      <c r="B3313" s="53"/>
      <c r="C3313" s="53"/>
      <c r="D3313" s="53"/>
      <c r="E3313" s="53"/>
      <c r="F3313" s="53"/>
      <c r="G3313" s="53"/>
      <c r="H3313" s="53"/>
      <c r="I3313" s="53"/>
      <c r="J3313" s="53"/>
      <c r="K3313" s="53"/>
      <c r="L3313" s="53"/>
      <c r="M3313" s="53"/>
      <c r="N3313" s="53"/>
      <c r="O3313" s="53"/>
      <c r="P3313" s="53"/>
      <c r="Q3313" s="53"/>
      <c r="R3313" s="53"/>
      <c r="S3313" s="53"/>
      <c r="T3313" s="53"/>
      <c r="U3313" s="53"/>
      <c r="V3313" s="53"/>
      <c r="W3313" s="53"/>
      <c r="X3313" s="53"/>
      <c r="Y3313" s="53"/>
      <c r="Z3313" s="53"/>
      <c r="AA3313" s="53"/>
      <c r="AB3313" s="53"/>
      <c r="AC3313" s="53"/>
      <c r="AD3313" s="53"/>
      <c r="AE3313" s="53"/>
      <c r="AF3313" s="53">
        <v>-5700000</v>
      </c>
      <c r="AG3313" s="53"/>
      <c r="AH3313" s="53"/>
      <c r="AI3313" s="53"/>
      <c r="AJ3313" s="53"/>
      <c r="AK3313" s="53"/>
      <c r="AL3313" s="53"/>
      <c r="AM3313" s="53"/>
      <c r="AN3313" s="53">
        <v>-5700000</v>
      </c>
      <c r="AO3313" s="53"/>
      <c r="AP3313" s="53"/>
      <c r="AQ3313" s="53"/>
      <c r="AR3313" s="53"/>
      <c r="AS3313" s="53"/>
      <c r="AT3313" s="53"/>
      <c r="AU3313" s="53"/>
      <c r="AV3313" s="53"/>
      <c r="AW3313" s="53"/>
      <c r="AX3313" s="53"/>
      <c r="AY3313" s="53"/>
      <c r="AZ3313" s="53"/>
      <c r="BA3313" s="53"/>
      <c r="BB3313" s="53"/>
      <c r="BC3313" s="53"/>
      <c r="BD3313" s="53"/>
      <c r="BE3313" s="53"/>
      <c r="BF3313" s="53"/>
      <c r="BG3313" s="53"/>
      <c r="BH3313" s="53"/>
      <c r="BI3313" s="53"/>
      <c r="BJ3313" s="53"/>
      <c r="BK3313" s="53"/>
      <c r="BL3313" s="53"/>
      <c r="BM3313" s="53"/>
      <c r="BN3313" s="53"/>
      <c r="BO3313" s="53"/>
      <c r="BP3313" s="53"/>
      <c r="BQ3313" s="53"/>
      <c r="BR3313" s="53"/>
      <c r="BS3313" s="53"/>
      <c r="BT3313" s="53"/>
      <c r="BU3313" s="53"/>
      <c r="BV3313" s="53"/>
      <c r="BW3313" s="53"/>
      <c r="BX3313" s="53"/>
      <c r="BY3313" s="53"/>
      <c r="BZ3313" s="53"/>
      <c r="CA3313" s="53"/>
      <c r="CB3313" s="53">
        <v>-468750</v>
      </c>
      <c r="CC3313" s="53">
        <v>-489583.33333333302</v>
      </c>
      <c r="CD3313" s="53">
        <v>-489583.33333333302</v>
      </c>
      <c r="CE3313" s="53">
        <v>-489583.33333333302</v>
      </c>
      <c r="CF3313" s="53">
        <v>-489583.33333333302</v>
      </c>
      <c r="CG3313" s="53">
        <v>-489583.33333333302</v>
      </c>
      <c r="CH3313" s="53">
        <v>-489583.33333333302</v>
      </c>
      <c r="CI3313" s="53">
        <v>-489583.33333333302</v>
      </c>
      <c r="CJ3313" s="53">
        <v>-489583.33333333302</v>
      </c>
      <c r="CK3313" s="53">
        <v>-489583.33333333302</v>
      </c>
      <c r="CL3313" s="53">
        <v>-489583.33333333302</v>
      </c>
      <c r="CM3313" s="53">
        <v>-489583.33333333302</v>
      </c>
      <c r="CN3313" s="53">
        <v>-5854166.6666666605</v>
      </c>
    </row>
    <row r="3314" spans="1:92" outlineLevel="1">
      <c r="A3314" s="52" t="s">
        <v>1722</v>
      </c>
      <c r="B3314" s="53"/>
      <c r="C3314" s="53"/>
      <c r="D3314" s="53"/>
      <c r="E3314" s="53"/>
      <c r="F3314" s="53"/>
      <c r="G3314" s="53"/>
      <c r="H3314" s="53"/>
      <c r="I3314" s="53"/>
      <c r="J3314" s="53"/>
      <c r="K3314" s="53"/>
      <c r="L3314" s="53"/>
      <c r="M3314" s="53"/>
      <c r="N3314" s="53"/>
      <c r="O3314" s="53"/>
      <c r="P3314" s="53"/>
      <c r="Q3314" s="53"/>
      <c r="R3314" s="53"/>
      <c r="S3314" s="53"/>
      <c r="T3314" s="53"/>
      <c r="U3314" s="53"/>
      <c r="V3314" s="53"/>
      <c r="W3314" s="53"/>
      <c r="X3314" s="53"/>
      <c r="Y3314" s="53"/>
      <c r="Z3314" s="53"/>
      <c r="AA3314" s="53"/>
      <c r="AB3314" s="53"/>
      <c r="AC3314" s="53"/>
      <c r="AD3314" s="53"/>
      <c r="AE3314" s="53"/>
      <c r="AF3314" s="53"/>
      <c r="AG3314" s="53"/>
      <c r="AH3314" s="53"/>
      <c r="AI3314" s="53"/>
      <c r="AJ3314" s="53"/>
      <c r="AK3314" s="53"/>
      <c r="AL3314" s="53"/>
      <c r="AM3314" s="53"/>
      <c r="AN3314" s="53"/>
      <c r="AO3314" s="53"/>
      <c r="AP3314" s="53"/>
      <c r="AQ3314" s="53"/>
      <c r="AR3314" s="53"/>
      <c r="AS3314" s="53"/>
      <c r="AT3314" s="53"/>
      <c r="AU3314" s="53"/>
      <c r="AV3314" s="53"/>
      <c r="AW3314" s="53"/>
      <c r="AX3314" s="53"/>
      <c r="AY3314" s="53"/>
      <c r="AZ3314" s="53"/>
      <c r="BA3314" s="53"/>
      <c r="BB3314" s="53"/>
      <c r="BC3314" s="53"/>
      <c r="BD3314" s="53"/>
      <c r="BE3314" s="53"/>
      <c r="BF3314" s="53"/>
      <c r="BG3314" s="53"/>
      <c r="BH3314" s="53"/>
      <c r="BI3314" s="53"/>
      <c r="BJ3314" s="53"/>
      <c r="BK3314" s="53"/>
      <c r="BL3314" s="53"/>
      <c r="BM3314" s="53"/>
      <c r="BN3314" s="53"/>
      <c r="BO3314" s="53"/>
      <c r="BP3314" s="53"/>
      <c r="BQ3314" s="53"/>
      <c r="BR3314" s="53"/>
      <c r="BS3314" s="53"/>
      <c r="BT3314" s="53"/>
      <c r="BU3314" s="53"/>
      <c r="BV3314" s="53"/>
      <c r="BW3314" s="53"/>
      <c r="BX3314" s="53"/>
      <c r="BY3314" s="53"/>
      <c r="BZ3314" s="53"/>
      <c r="CA3314" s="53"/>
      <c r="CB3314" s="53"/>
      <c r="CC3314" s="53"/>
      <c r="CD3314" s="53"/>
      <c r="CE3314" s="53"/>
      <c r="CF3314" s="53"/>
      <c r="CG3314" s="53"/>
      <c r="CH3314" s="53"/>
      <c r="CI3314" s="53"/>
      <c r="CJ3314" s="53"/>
      <c r="CK3314" s="53"/>
      <c r="CL3314" s="53"/>
      <c r="CM3314" s="53"/>
      <c r="CN3314" s="53"/>
    </row>
    <row r="3315" spans="1:92" outlineLevel="1">
      <c r="A3315" s="52" t="s">
        <v>649</v>
      </c>
      <c r="B3315" s="53"/>
      <c r="C3315" s="53"/>
      <c r="D3315" s="53">
        <v>-9259099.3000000007</v>
      </c>
      <c r="E3315" s="53">
        <v>-12892250</v>
      </c>
      <c r="F3315" s="53">
        <v>-6848650.7000000002</v>
      </c>
      <c r="G3315" s="53"/>
      <c r="H3315" s="53"/>
      <c r="I3315" s="53"/>
      <c r="J3315" s="53"/>
      <c r="K3315" s="53"/>
      <c r="L3315" s="53"/>
      <c r="M3315" s="53"/>
      <c r="N3315" s="53">
        <v>-29000000</v>
      </c>
      <c r="O3315" s="53"/>
      <c r="P3315" s="53"/>
      <c r="Q3315" s="53"/>
      <c r="R3315" s="53"/>
      <c r="S3315" s="53"/>
      <c r="T3315" s="53"/>
      <c r="U3315" s="53"/>
      <c r="V3315" s="53"/>
      <c r="W3315" s="53"/>
      <c r="X3315" s="53"/>
      <c r="Y3315" s="53"/>
      <c r="Z3315" s="53"/>
      <c r="AA3315" s="53"/>
      <c r="AB3315" s="53"/>
      <c r="AC3315" s="53"/>
      <c r="AD3315" s="53"/>
      <c r="AE3315" s="53"/>
      <c r="AF3315" s="53"/>
      <c r="AG3315" s="53"/>
      <c r="AH3315" s="53"/>
      <c r="AI3315" s="53"/>
      <c r="AJ3315" s="53"/>
      <c r="AK3315" s="53"/>
      <c r="AL3315" s="53"/>
      <c r="AM3315" s="53"/>
      <c r="AN3315" s="53"/>
      <c r="AO3315" s="53"/>
      <c r="AP3315" s="53"/>
      <c r="AQ3315" s="53"/>
      <c r="AR3315" s="53"/>
      <c r="AS3315" s="53"/>
      <c r="AT3315" s="53"/>
      <c r="AU3315" s="53"/>
      <c r="AV3315" s="53"/>
      <c r="AW3315" s="53"/>
      <c r="AX3315" s="53"/>
      <c r="AY3315" s="53"/>
      <c r="AZ3315" s="53"/>
      <c r="BA3315" s="53"/>
      <c r="BB3315" s="53"/>
      <c r="BC3315" s="53"/>
      <c r="BD3315" s="53"/>
      <c r="BE3315" s="53"/>
      <c r="BF3315" s="53"/>
      <c r="BG3315" s="53"/>
      <c r="BH3315" s="53"/>
      <c r="BI3315" s="53"/>
      <c r="BJ3315" s="53"/>
      <c r="BK3315" s="53"/>
      <c r="BL3315" s="53"/>
      <c r="BM3315" s="53"/>
      <c r="BN3315" s="53"/>
      <c r="BO3315" s="53"/>
      <c r="BP3315" s="53"/>
      <c r="BQ3315" s="53"/>
      <c r="BR3315" s="53"/>
      <c r="BS3315" s="53"/>
      <c r="BT3315" s="53"/>
      <c r="BU3315" s="53"/>
      <c r="BV3315" s="53"/>
      <c r="BW3315" s="53"/>
      <c r="BX3315" s="53"/>
      <c r="BY3315" s="53"/>
      <c r="BZ3315" s="53"/>
      <c r="CA3315" s="53"/>
      <c r="CB3315" s="53"/>
      <c r="CC3315" s="53"/>
      <c r="CD3315" s="53"/>
      <c r="CE3315" s="53">
        <v>-10200000</v>
      </c>
      <c r="CF3315" s="53"/>
      <c r="CG3315" s="53"/>
      <c r="CH3315" s="53"/>
      <c r="CI3315" s="53"/>
      <c r="CJ3315" s="53"/>
      <c r="CK3315" s="53">
        <v>-10200000</v>
      </c>
      <c r="CL3315" s="53"/>
      <c r="CM3315" s="53"/>
      <c r="CN3315" s="53">
        <v>-20400000</v>
      </c>
    </row>
    <row r="3316" spans="1:92" outlineLevel="1">
      <c r="A3316" s="52" t="s">
        <v>1436</v>
      </c>
      <c r="B3316" s="53"/>
      <c r="C3316" s="53"/>
      <c r="D3316" s="53"/>
      <c r="E3316" s="53"/>
      <c r="F3316" s="53"/>
      <c r="G3316" s="53"/>
      <c r="H3316" s="53"/>
      <c r="I3316" s="53"/>
      <c r="J3316" s="53"/>
      <c r="K3316" s="53"/>
      <c r="L3316" s="53"/>
      <c r="M3316" s="53"/>
      <c r="N3316" s="53"/>
      <c r="O3316" s="53"/>
      <c r="P3316" s="53"/>
      <c r="Q3316" s="53"/>
      <c r="R3316" s="53"/>
      <c r="S3316" s="53"/>
      <c r="T3316" s="53"/>
      <c r="U3316" s="53"/>
      <c r="V3316" s="53"/>
      <c r="W3316" s="53"/>
      <c r="X3316" s="53"/>
      <c r="Y3316" s="53"/>
      <c r="Z3316" s="53"/>
      <c r="AA3316" s="53"/>
      <c r="AB3316" s="53"/>
      <c r="AC3316" s="53"/>
      <c r="AD3316" s="53"/>
      <c r="AE3316" s="53"/>
      <c r="AF3316" s="53"/>
      <c r="AG3316" s="53"/>
      <c r="AH3316" s="53"/>
      <c r="AI3316" s="53"/>
      <c r="AJ3316" s="53"/>
      <c r="AK3316" s="53"/>
      <c r="AL3316" s="53"/>
      <c r="AM3316" s="53"/>
      <c r="AN3316" s="53"/>
      <c r="AO3316" s="53"/>
      <c r="AP3316" s="53"/>
      <c r="AQ3316" s="53"/>
      <c r="AR3316" s="53"/>
      <c r="AS3316" s="53"/>
      <c r="AT3316" s="53"/>
      <c r="AU3316" s="53"/>
      <c r="AV3316" s="53"/>
      <c r="AW3316" s="53"/>
      <c r="AX3316" s="53"/>
      <c r="AY3316" s="53"/>
      <c r="AZ3316" s="53"/>
      <c r="BA3316" s="53"/>
      <c r="BB3316" s="53"/>
      <c r="BC3316" s="53"/>
      <c r="BD3316" s="53"/>
      <c r="BE3316" s="53"/>
      <c r="BF3316" s="53"/>
      <c r="BG3316" s="53"/>
      <c r="BH3316" s="53"/>
      <c r="BI3316" s="53"/>
      <c r="BJ3316" s="53"/>
      <c r="BK3316" s="53"/>
      <c r="BL3316" s="53"/>
      <c r="BM3316" s="53"/>
      <c r="BN3316" s="53"/>
      <c r="BO3316" s="53"/>
      <c r="BP3316" s="53"/>
      <c r="BQ3316" s="53"/>
      <c r="BR3316" s="53"/>
      <c r="BS3316" s="53"/>
      <c r="BT3316" s="53"/>
      <c r="BU3316" s="53"/>
      <c r="BV3316" s="53"/>
      <c r="BW3316" s="53"/>
      <c r="BX3316" s="53"/>
      <c r="BY3316" s="53"/>
      <c r="BZ3316" s="53"/>
      <c r="CA3316" s="53"/>
      <c r="CB3316" s="53"/>
      <c r="CC3316" s="53"/>
      <c r="CD3316" s="53"/>
      <c r="CE3316" s="53"/>
      <c r="CF3316" s="53"/>
      <c r="CG3316" s="53"/>
      <c r="CH3316" s="53"/>
      <c r="CI3316" s="53"/>
      <c r="CJ3316" s="53"/>
      <c r="CK3316" s="53"/>
      <c r="CL3316" s="53"/>
      <c r="CM3316" s="53"/>
      <c r="CN3316" s="53"/>
    </row>
    <row r="3317" spans="1:92" outlineLevel="1">
      <c r="A3317" s="52" t="s">
        <v>649</v>
      </c>
      <c r="B3317" s="53"/>
      <c r="C3317" s="53"/>
      <c r="D3317" s="53"/>
      <c r="E3317" s="53"/>
      <c r="F3317" s="53"/>
      <c r="G3317" s="53"/>
      <c r="H3317" s="53"/>
      <c r="I3317" s="53"/>
      <c r="J3317" s="53"/>
      <c r="K3317" s="53"/>
      <c r="L3317" s="53"/>
      <c r="M3317" s="53"/>
      <c r="N3317" s="53"/>
      <c r="O3317" s="53"/>
      <c r="P3317" s="53"/>
      <c r="Q3317" s="53"/>
      <c r="R3317" s="53"/>
      <c r="S3317" s="53"/>
      <c r="T3317" s="53"/>
      <c r="U3317" s="53"/>
      <c r="V3317" s="53"/>
      <c r="W3317" s="53"/>
      <c r="X3317" s="53"/>
      <c r="Y3317" s="53"/>
      <c r="Z3317" s="53"/>
      <c r="AA3317" s="53"/>
      <c r="AB3317" s="53"/>
      <c r="AC3317" s="53"/>
      <c r="AD3317" s="53"/>
      <c r="AE3317" s="53"/>
      <c r="AF3317" s="53"/>
      <c r="AG3317" s="53"/>
      <c r="AH3317" s="53"/>
      <c r="AI3317" s="53"/>
      <c r="AJ3317" s="53"/>
      <c r="AK3317" s="53"/>
      <c r="AL3317" s="53"/>
      <c r="AM3317" s="53"/>
      <c r="AN3317" s="53"/>
      <c r="AO3317" s="53">
        <v>-29000000</v>
      </c>
      <c r="AP3317" s="53"/>
      <c r="AQ3317" s="53"/>
      <c r="AR3317" s="53"/>
      <c r="AS3317" s="53"/>
      <c r="AT3317" s="53"/>
      <c r="AU3317" s="53"/>
      <c r="AV3317" s="53"/>
      <c r="AW3317" s="53"/>
      <c r="AX3317" s="53"/>
      <c r="AY3317" s="53"/>
      <c r="AZ3317" s="53"/>
      <c r="BA3317" s="53">
        <v>-29000000</v>
      </c>
      <c r="BB3317" s="53"/>
      <c r="BC3317" s="53"/>
      <c r="BD3317" s="53"/>
      <c r="BE3317" s="53"/>
      <c r="BF3317" s="53"/>
      <c r="BG3317" s="53"/>
      <c r="BH3317" s="53"/>
      <c r="BI3317" s="53"/>
      <c r="BJ3317" s="53"/>
      <c r="BK3317" s="53"/>
      <c r="BL3317" s="53"/>
      <c r="BM3317" s="53"/>
      <c r="BN3317" s="53"/>
      <c r="BO3317" s="53"/>
      <c r="BP3317" s="53"/>
      <c r="BQ3317" s="53"/>
      <c r="BR3317" s="53"/>
      <c r="BS3317" s="53"/>
      <c r="BT3317" s="53"/>
      <c r="BU3317" s="53"/>
      <c r="BV3317" s="53"/>
      <c r="BW3317" s="53"/>
      <c r="BX3317" s="53"/>
      <c r="BY3317" s="53"/>
      <c r="BZ3317" s="53"/>
      <c r="CA3317" s="53"/>
      <c r="CB3317" s="53">
        <v>-10400000</v>
      </c>
      <c r="CC3317" s="53"/>
      <c r="CD3317" s="53"/>
      <c r="CE3317" s="53"/>
      <c r="CF3317" s="53"/>
      <c r="CG3317" s="53"/>
      <c r="CH3317" s="53">
        <v>-10400000</v>
      </c>
      <c r="CI3317" s="53"/>
      <c r="CJ3317" s="53"/>
      <c r="CK3317" s="53"/>
      <c r="CL3317" s="53"/>
      <c r="CM3317" s="53"/>
      <c r="CN3317" s="53">
        <v>-20800000</v>
      </c>
    </row>
    <row r="3318" spans="1:92" outlineLevel="1">
      <c r="A3318" s="52" t="s">
        <v>1715</v>
      </c>
      <c r="B3318" s="53"/>
      <c r="C3318" s="53"/>
      <c r="D3318" s="53"/>
      <c r="E3318" s="53"/>
      <c r="F3318" s="53"/>
      <c r="G3318" s="53"/>
      <c r="H3318" s="53"/>
      <c r="I3318" s="53"/>
      <c r="J3318" s="53"/>
      <c r="K3318" s="53"/>
      <c r="L3318" s="53"/>
      <c r="M3318" s="53"/>
      <c r="N3318" s="53"/>
      <c r="O3318" s="53"/>
      <c r="P3318" s="53"/>
      <c r="Q3318" s="53"/>
      <c r="R3318" s="53"/>
      <c r="S3318" s="53"/>
      <c r="T3318" s="53"/>
      <c r="U3318" s="53"/>
      <c r="V3318" s="53"/>
      <c r="W3318" s="53"/>
      <c r="X3318" s="53"/>
      <c r="Y3318" s="53"/>
      <c r="Z3318" s="53"/>
      <c r="AA3318" s="53"/>
      <c r="AB3318" s="53"/>
      <c r="AC3318" s="53"/>
      <c r="AD3318" s="53"/>
      <c r="AE3318" s="53"/>
      <c r="AF3318" s="53"/>
      <c r="AG3318" s="53"/>
      <c r="AH3318" s="53"/>
      <c r="AI3318" s="53"/>
      <c r="AJ3318" s="53"/>
      <c r="AK3318" s="53"/>
      <c r="AL3318" s="53"/>
      <c r="AM3318" s="53"/>
      <c r="AN3318" s="53"/>
      <c r="AO3318" s="53"/>
      <c r="AP3318" s="53"/>
      <c r="AQ3318" s="53"/>
      <c r="AR3318" s="53"/>
      <c r="AS3318" s="53"/>
      <c r="AT3318" s="53"/>
      <c r="AU3318" s="53"/>
      <c r="AV3318" s="53"/>
      <c r="AW3318" s="53"/>
      <c r="AX3318" s="53"/>
      <c r="AY3318" s="53"/>
      <c r="AZ3318" s="53"/>
      <c r="BA3318" s="53"/>
      <c r="BB3318" s="53"/>
      <c r="BC3318" s="53"/>
      <c r="BD3318" s="53"/>
      <c r="BE3318" s="53"/>
      <c r="BF3318" s="53"/>
      <c r="BG3318" s="53"/>
      <c r="BH3318" s="53"/>
      <c r="BI3318" s="53"/>
      <c r="BJ3318" s="53"/>
      <c r="BK3318" s="53"/>
      <c r="BL3318" s="53"/>
      <c r="BM3318" s="53"/>
      <c r="BN3318" s="53"/>
      <c r="BO3318" s="53"/>
      <c r="BP3318" s="53"/>
      <c r="BQ3318" s="53"/>
      <c r="BR3318" s="53"/>
      <c r="BS3318" s="53"/>
      <c r="BT3318" s="53"/>
      <c r="BU3318" s="53"/>
      <c r="BV3318" s="53"/>
      <c r="BW3318" s="53"/>
      <c r="BX3318" s="53"/>
      <c r="BY3318" s="53"/>
      <c r="BZ3318" s="53"/>
      <c r="CA3318" s="53"/>
      <c r="CB3318" s="53">
        <v>-8400000</v>
      </c>
      <c r="CC3318" s="53"/>
      <c r="CD3318" s="53"/>
      <c r="CE3318" s="53"/>
      <c r="CF3318" s="53"/>
      <c r="CG3318" s="53"/>
      <c r="CH3318" s="53">
        <v>-8400000</v>
      </c>
      <c r="CI3318" s="53"/>
      <c r="CJ3318" s="53"/>
      <c r="CK3318" s="53"/>
      <c r="CL3318" s="53"/>
      <c r="CM3318" s="53"/>
      <c r="CN3318" s="53">
        <v>-16800000</v>
      </c>
    </row>
    <row r="3319" spans="1:92" outlineLevel="1">
      <c r="A3319" s="52" t="s">
        <v>649</v>
      </c>
      <c r="B3319" s="53">
        <v>-11550666.699999999</v>
      </c>
      <c r="C3319" s="53">
        <v>-11550666.699999999</v>
      </c>
      <c r="D3319" s="53">
        <v>-11550666.699999999</v>
      </c>
      <c r="E3319" s="53">
        <v>-11550666.699999999</v>
      </c>
      <c r="F3319" s="53">
        <v>-11550666.699999999</v>
      </c>
      <c r="G3319" s="53">
        <v>-11550666.699999999</v>
      </c>
      <c r="H3319" s="53">
        <v>-11550666.699999999</v>
      </c>
      <c r="I3319" s="53">
        <v>-11550666.699999999</v>
      </c>
      <c r="J3319" s="53">
        <v>-11550666.699999999</v>
      </c>
      <c r="K3319" s="53">
        <v>-11550666.699999999</v>
      </c>
      <c r="L3319" s="53">
        <v>-11550666.699999999</v>
      </c>
      <c r="M3319" s="53">
        <v>-11550666.699999999</v>
      </c>
      <c r="N3319" s="53">
        <v>-138608000.39999899</v>
      </c>
      <c r="O3319" s="53">
        <v>-8782250</v>
      </c>
      <c r="P3319" s="53">
        <v>-8782250</v>
      </c>
      <c r="Q3319" s="53">
        <v>-8782250</v>
      </c>
      <c r="R3319" s="53">
        <v>-8782250</v>
      </c>
      <c r="S3319" s="53">
        <v>-8782250</v>
      </c>
      <c r="T3319" s="53">
        <v>-8782250</v>
      </c>
      <c r="U3319" s="53">
        <v>-8782250</v>
      </c>
      <c r="V3319" s="53">
        <v>-8782250</v>
      </c>
      <c r="W3319" s="53">
        <v>-8782250</v>
      </c>
      <c r="X3319" s="53">
        <v>-8782250</v>
      </c>
      <c r="Y3319" s="53">
        <v>-8782250</v>
      </c>
      <c r="Z3319" s="53">
        <v>-8782250</v>
      </c>
      <c r="AA3319" s="53">
        <v>-105387000</v>
      </c>
      <c r="AB3319" s="53">
        <v>-5564166.6666666698</v>
      </c>
      <c r="AC3319" s="53">
        <v>-5564166.6666666698</v>
      </c>
      <c r="AD3319" s="53">
        <v>-5564166.6666666698</v>
      </c>
      <c r="AE3319" s="53">
        <v>-5564166.6666666698</v>
      </c>
      <c r="AF3319" s="53">
        <v>-5564166.6666666698</v>
      </c>
      <c r="AG3319" s="53">
        <v>-5564166.6666666698</v>
      </c>
      <c r="AH3319" s="53">
        <v>-5564166.6666666698</v>
      </c>
      <c r="AI3319" s="53">
        <v>-5564166.6666666698</v>
      </c>
      <c r="AJ3319" s="53">
        <v>-5564166.6666666698</v>
      </c>
      <c r="AK3319" s="53">
        <v>-5564166.6666666698</v>
      </c>
      <c r="AL3319" s="53">
        <v>-5564166.6666666698</v>
      </c>
      <c r="AM3319" s="53">
        <v>-5564166.6666666698</v>
      </c>
      <c r="AN3319" s="53">
        <v>-66770000</v>
      </c>
      <c r="AO3319" s="53">
        <v>-4253666.6666666698</v>
      </c>
      <c r="AP3319" s="53">
        <v>-4253666.6666666698</v>
      </c>
      <c r="AQ3319" s="53">
        <v>-4253666.6666666698</v>
      </c>
      <c r="AR3319" s="53">
        <v>-4253666.6666666698</v>
      </c>
      <c r="AS3319" s="53">
        <v>-4253666.6666666698</v>
      </c>
      <c r="AT3319" s="53">
        <v>-4253666.6666666698</v>
      </c>
      <c r="AU3319" s="53">
        <v>-4253666.6666666698</v>
      </c>
      <c r="AV3319" s="53">
        <v>-4253666.6666666698</v>
      </c>
      <c r="AW3319" s="53">
        <v>-4253666.6666666698</v>
      </c>
      <c r="AX3319" s="53">
        <v>-4253666.6666666698</v>
      </c>
      <c r="AY3319" s="53">
        <v>-4253666.6666666698</v>
      </c>
      <c r="AZ3319" s="53">
        <v>-4253666.6666666698</v>
      </c>
      <c r="BA3319" s="53">
        <v>-51044000</v>
      </c>
      <c r="BB3319" s="53">
        <v>-3086666.6666666698</v>
      </c>
      <c r="BC3319" s="53">
        <v>-3086666.6666666698</v>
      </c>
      <c r="BD3319" s="53">
        <v>-3086666.6666666698</v>
      </c>
      <c r="BE3319" s="53">
        <v>-3086666.6666666698</v>
      </c>
      <c r="BF3319" s="53">
        <v>-3086666.6666666698</v>
      </c>
      <c r="BG3319" s="53">
        <v>-3086666.6666666698</v>
      </c>
      <c r="BH3319" s="53">
        <v>-3086666.6666666698</v>
      </c>
      <c r="BI3319" s="53">
        <v>-3086666.6666666698</v>
      </c>
      <c r="BJ3319" s="53">
        <v>-3086666.6666666698</v>
      </c>
      <c r="BK3319" s="53">
        <v>-3086666.6666666698</v>
      </c>
      <c r="BL3319" s="53">
        <v>-3086666.6666666698</v>
      </c>
      <c r="BM3319" s="53">
        <v>-3086666.6666666698</v>
      </c>
      <c r="BN3319" s="53">
        <v>-37040000</v>
      </c>
      <c r="BO3319" s="53"/>
      <c r="BP3319" s="53"/>
      <c r="BQ3319" s="53"/>
      <c r="BR3319" s="53"/>
      <c r="BS3319" s="53"/>
      <c r="BT3319" s="53"/>
      <c r="BU3319" s="53"/>
      <c r="BV3319" s="53"/>
      <c r="BW3319" s="53"/>
      <c r="BX3319" s="53"/>
      <c r="BY3319" s="53"/>
      <c r="BZ3319" s="53"/>
      <c r="CA3319" s="53"/>
      <c r="CB3319" s="53">
        <v>-11400000</v>
      </c>
      <c r="CC3319" s="53"/>
      <c r="CD3319" s="53"/>
      <c r="CE3319" s="53"/>
      <c r="CF3319" s="53"/>
      <c r="CG3319" s="53"/>
      <c r="CH3319" s="53">
        <v>-11400000</v>
      </c>
      <c r="CI3319" s="53"/>
      <c r="CJ3319" s="53"/>
      <c r="CK3319" s="53"/>
      <c r="CL3319" s="53"/>
      <c r="CM3319" s="53"/>
      <c r="CN3319" s="53">
        <v>-22800000</v>
      </c>
    </row>
    <row r="3320" spans="1:92" outlineLevel="1">
      <c r="A3320" s="52" t="s">
        <v>1737</v>
      </c>
      <c r="B3320" s="53"/>
      <c r="C3320" s="53"/>
      <c r="D3320" s="53"/>
      <c r="E3320" s="53"/>
      <c r="F3320" s="53"/>
      <c r="G3320" s="53"/>
      <c r="H3320" s="53"/>
      <c r="I3320" s="53"/>
      <c r="J3320" s="53"/>
      <c r="K3320" s="53"/>
      <c r="L3320" s="53"/>
      <c r="M3320" s="53"/>
      <c r="N3320" s="53"/>
      <c r="O3320" s="53"/>
      <c r="P3320" s="53"/>
      <c r="Q3320" s="53"/>
      <c r="R3320" s="53"/>
      <c r="S3320" s="53"/>
      <c r="T3320" s="53"/>
      <c r="U3320" s="53"/>
      <c r="V3320" s="53"/>
      <c r="W3320" s="53"/>
      <c r="X3320" s="53"/>
      <c r="Y3320" s="53"/>
      <c r="Z3320" s="53"/>
      <c r="AA3320" s="53"/>
      <c r="AB3320" s="53"/>
      <c r="AC3320" s="53"/>
      <c r="AD3320" s="53"/>
      <c r="AE3320" s="53"/>
      <c r="AF3320" s="53"/>
      <c r="AG3320" s="53"/>
      <c r="AH3320" s="53"/>
      <c r="AI3320" s="53"/>
      <c r="AJ3320" s="53"/>
      <c r="AK3320" s="53"/>
      <c r="AL3320" s="53"/>
      <c r="AM3320" s="53"/>
      <c r="AN3320" s="53"/>
      <c r="AO3320" s="53"/>
      <c r="AP3320" s="53"/>
      <c r="AQ3320" s="53"/>
      <c r="AR3320" s="53"/>
      <c r="AS3320" s="53"/>
      <c r="AT3320" s="53"/>
      <c r="AU3320" s="53"/>
      <c r="AV3320" s="53"/>
      <c r="AW3320" s="53"/>
      <c r="AX3320" s="53"/>
      <c r="AY3320" s="53"/>
      <c r="AZ3320" s="53"/>
      <c r="BA3320" s="53"/>
      <c r="BB3320" s="53"/>
      <c r="BC3320" s="53"/>
      <c r="BD3320" s="53"/>
      <c r="BE3320" s="53"/>
      <c r="BF3320" s="53"/>
      <c r="BG3320" s="53"/>
      <c r="BH3320" s="53"/>
      <c r="BI3320" s="53"/>
      <c r="BJ3320" s="53"/>
      <c r="BK3320" s="53"/>
      <c r="BL3320" s="53"/>
      <c r="BM3320" s="53"/>
      <c r="BN3320" s="53"/>
      <c r="BO3320" s="53"/>
      <c r="BP3320" s="53"/>
      <c r="BQ3320" s="53"/>
      <c r="BR3320" s="53"/>
      <c r="BS3320" s="53"/>
      <c r="BT3320" s="53"/>
      <c r="BU3320" s="53"/>
      <c r="BV3320" s="53"/>
      <c r="BW3320" s="53"/>
      <c r="BX3320" s="53"/>
      <c r="BY3320" s="53"/>
      <c r="BZ3320" s="53"/>
      <c r="CA3320" s="53"/>
      <c r="CB3320" s="53"/>
      <c r="CC3320" s="53"/>
      <c r="CD3320" s="53"/>
      <c r="CE3320" s="53"/>
      <c r="CF3320" s="53"/>
      <c r="CG3320" s="53">
        <v>-8750000</v>
      </c>
      <c r="CH3320" s="53"/>
      <c r="CI3320" s="53"/>
      <c r="CJ3320" s="53"/>
      <c r="CK3320" s="53"/>
      <c r="CL3320" s="53"/>
      <c r="CM3320" s="53">
        <v>-8750000</v>
      </c>
      <c r="CN3320" s="53">
        <v>-17500000</v>
      </c>
    </row>
    <row r="3321" spans="1:92" outlineLevel="1">
      <c r="A3321" s="52" t="s">
        <v>649</v>
      </c>
      <c r="B3321" s="53"/>
      <c r="C3321" s="53"/>
      <c r="D3321" s="53"/>
      <c r="E3321" s="53"/>
      <c r="F3321" s="53"/>
      <c r="G3321" s="53"/>
      <c r="H3321" s="53"/>
      <c r="I3321" s="53"/>
      <c r="J3321" s="53"/>
      <c r="K3321" s="53"/>
      <c r="L3321" s="53"/>
      <c r="M3321" s="53">
        <v>71000000</v>
      </c>
      <c r="N3321" s="53">
        <v>71000000</v>
      </c>
      <c r="O3321" s="53"/>
      <c r="P3321" s="53"/>
      <c r="Q3321" s="53"/>
      <c r="R3321" s="53"/>
      <c r="S3321" s="53"/>
      <c r="T3321" s="53"/>
      <c r="U3321" s="53"/>
      <c r="V3321" s="53"/>
      <c r="W3321" s="53"/>
      <c r="X3321" s="53"/>
      <c r="Y3321" s="53"/>
      <c r="Z3321" s="53"/>
      <c r="AA3321" s="53"/>
      <c r="AB3321" s="53"/>
      <c r="AC3321" s="53"/>
      <c r="AD3321" s="53"/>
      <c r="AE3321" s="53"/>
      <c r="AF3321" s="53"/>
      <c r="AG3321" s="53"/>
      <c r="AH3321" s="53"/>
      <c r="AI3321" s="53"/>
      <c r="AJ3321" s="53"/>
      <c r="AK3321" s="53"/>
      <c r="AL3321" s="53"/>
      <c r="AM3321" s="53"/>
      <c r="AN3321" s="53"/>
      <c r="AO3321" s="53"/>
      <c r="AP3321" s="53"/>
      <c r="AQ3321" s="53"/>
      <c r="AR3321" s="53"/>
      <c r="AS3321" s="53"/>
      <c r="AT3321" s="53"/>
      <c r="AU3321" s="53"/>
      <c r="AV3321" s="53"/>
      <c r="AW3321" s="53"/>
      <c r="AX3321" s="53"/>
      <c r="AY3321" s="53"/>
      <c r="AZ3321" s="53"/>
      <c r="BA3321" s="53"/>
      <c r="BB3321" s="53"/>
      <c r="BC3321" s="53"/>
      <c r="BD3321" s="53"/>
      <c r="BE3321" s="53"/>
      <c r="BF3321" s="53"/>
      <c r="BG3321" s="53"/>
      <c r="BH3321" s="53"/>
      <c r="BI3321" s="53"/>
      <c r="BJ3321" s="53"/>
      <c r="BK3321" s="53"/>
      <c r="BL3321" s="53"/>
      <c r="BM3321" s="53"/>
      <c r="BN3321" s="53"/>
      <c r="BO3321" s="53"/>
      <c r="BP3321" s="53"/>
      <c r="BQ3321" s="53"/>
      <c r="BR3321" s="53"/>
      <c r="BS3321" s="53"/>
      <c r="BT3321" s="53"/>
      <c r="BU3321" s="53"/>
      <c r="BV3321" s="53"/>
      <c r="BW3321" s="53"/>
      <c r="BX3321" s="53"/>
      <c r="BY3321" s="53"/>
      <c r="BZ3321" s="53"/>
      <c r="CA3321" s="53"/>
      <c r="CB3321" s="53"/>
      <c r="CC3321" s="53"/>
      <c r="CD3321" s="53"/>
      <c r="CE3321" s="53"/>
      <c r="CF3321" s="53"/>
      <c r="CG3321" s="53"/>
      <c r="CH3321" s="53"/>
      <c r="CI3321" s="53"/>
      <c r="CJ3321" s="53"/>
      <c r="CK3321" s="53"/>
      <c r="CL3321" s="53"/>
      <c r="CM3321" s="53"/>
      <c r="CN3321" s="53"/>
    </row>
    <row r="3322" spans="1:92" outlineLevel="1">
      <c r="A3322" s="52" t="s">
        <v>1702</v>
      </c>
      <c r="B3322" s="53"/>
      <c r="C3322" s="53"/>
      <c r="D3322" s="53"/>
      <c r="E3322" s="53"/>
      <c r="F3322" s="53"/>
      <c r="G3322" s="53"/>
      <c r="H3322" s="53"/>
      <c r="I3322" s="53"/>
      <c r="J3322" s="53"/>
      <c r="K3322" s="53"/>
      <c r="L3322" s="53"/>
      <c r="M3322" s="53"/>
      <c r="N3322" s="53"/>
      <c r="O3322" s="53"/>
      <c r="P3322" s="53"/>
      <c r="Q3322" s="53"/>
      <c r="R3322" s="53"/>
      <c r="S3322" s="53"/>
      <c r="T3322" s="53"/>
      <c r="U3322" s="53"/>
      <c r="V3322" s="53"/>
      <c r="W3322" s="53"/>
      <c r="X3322" s="53"/>
      <c r="Y3322" s="53"/>
      <c r="Z3322" s="53"/>
      <c r="AA3322" s="53"/>
      <c r="AB3322" s="53"/>
      <c r="AC3322" s="53"/>
      <c r="AD3322" s="53"/>
      <c r="AE3322" s="53"/>
      <c r="AF3322" s="53"/>
      <c r="AG3322" s="53"/>
      <c r="AH3322" s="53"/>
      <c r="AI3322" s="53"/>
      <c r="AJ3322" s="53"/>
      <c r="AK3322" s="53"/>
      <c r="AL3322" s="53"/>
      <c r="AM3322" s="53"/>
      <c r="AN3322" s="53"/>
      <c r="AO3322" s="53"/>
      <c r="AP3322" s="53"/>
      <c r="AQ3322" s="53"/>
      <c r="AR3322" s="53"/>
      <c r="AS3322" s="53"/>
      <c r="AT3322" s="53"/>
      <c r="AU3322" s="53"/>
      <c r="AV3322" s="53"/>
      <c r="AW3322" s="53"/>
      <c r="AX3322" s="53"/>
      <c r="AY3322" s="53"/>
      <c r="AZ3322" s="53"/>
      <c r="BA3322" s="53"/>
      <c r="BB3322" s="53"/>
      <c r="BC3322" s="53"/>
      <c r="BD3322" s="53"/>
      <c r="BE3322" s="53"/>
      <c r="BF3322" s="53"/>
      <c r="BG3322" s="53"/>
      <c r="BH3322" s="53"/>
      <c r="BI3322" s="53"/>
      <c r="BJ3322" s="53"/>
      <c r="BK3322" s="53"/>
      <c r="BL3322" s="53"/>
      <c r="BM3322" s="53"/>
      <c r="BN3322" s="53"/>
      <c r="BO3322" s="53"/>
      <c r="BP3322" s="53"/>
      <c r="BQ3322" s="53"/>
      <c r="BR3322" s="53"/>
      <c r="BS3322" s="53"/>
      <c r="BT3322" s="53"/>
      <c r="BU3322" s="53"/>
      <c r="BV3322" s="53"/>
      <c r="BW3322" s="53"/>
      <c r="BX3322" s="53"/>
      <c r="BY3322" s="53"/>
      <c r="BZ3322" s="53"/>
      <c r="CA3322" s="53"/>
      <c r="CB3322" s="53"/>
      <c r="CC3322" s="53"/>
      <c r="CD3322" s="53"/>
      <c r="CE3322" s="53"/>
      <c r="CF3322" s="53"/>
      <c r="CG3322" s="53">
        <v>-4375000</v>
      </c>
      <c r="CH3322" s="53"/>
      <c r="CI3322" s="53"/>
      <c r="CJ3322" s="53"/>
      <c r="CK3322" s="53"/>
      <c r="CL3322" s="53"/>
      <c r="CM3322" s="53">
        <v>-4375000</v>
      </c>
      <c r="CN3322" s="53">
        <v>-8750000</v>
      </c>
    </row>
    <row r="3323" spans="1:92" outlineLevel="1">
      <c r="A3323" s="52" t="s">
        <v>1703</v>
      </c>
      <c r="B3323" s="53"/>
      <c r="C3323" s="53"/>
      <c r="D3323" s="53"/>
      <c r="E3323" s="53"/>
      <c r="F3323" s="53"/>
      <c r="G3323" s="53"/>
      <c r="H3323" s="53"/>
      <c r="I3323" s="53"/>
      <c r="J3323" s="53"/>
      <c r="K3323" s="53"/>
      <c r="L3323" s="53"/>
      <c r="M3323" s="53"/>
      <c r="N3323" s="53"/>
      <c r="O3323" s="53"/>
      <c r="P3323" s="53"/>
      <c r="Q3323" s="53"/>
      <c r="R3323" s="53"/>
      <c r="S3323" s="53"/>
      <c r="T3323" s="53"/>
      <c r="U3323" s="53"/>
      <c r="V3323" s="53"/>
      <c r="W3323" s="53"/>
      <c r="X3323" s="53"/>
      <c r="Y3323" s="53"/>
      <c r="Z3323" s="53"/>
      <c r="AA3323" s="53"/>
      <c r="AB3323" s="53"/>
      <c r="AC3323" s="53"/>
      <c r="AD3323" s="53"/>
      <c r="AE3323" s="53"/>
      <c r="AF3323" s="53"/>
      <c r="AG3323" s="53"/>
      <c r="AH3323" s="53"/>
      <c r="AI3323" s="53"/>
      <c r="AJ3323" s="53"/>
      <c r="AK3323" s="53"/>
      <c r="AL3323" s="53"/>
      <c r="AM3323" s="53"/>
      <c r="AN3323" s="53"/>
      <c r="AO3323" s="53"/>
      <c r="AP3323" s="53"/>
      <c r="AQ3323" s="53"/>
      <c r="AR3323" s="53"/>
      <c r="AS3323" s="53"/>
      <c r="AT3323" s="53"/>
      <c r="AU3323" s="53"/>
      <c r="AV3323" s="53"/>
      <c r="AW3323" s="53"/>
      <c r="AX3323" s="53"/>
      <c r="AY3323" s="53"/>
      <c r="AZ3323" s="53"/>
      <c r="BA3323" s="53"/>
      <c r="BB3323" s="53"/>
      <c r="BC3323" s="53"/>
      <c r="BD3323" s="53"/>
      <c r="BE3323" s="53"/>
      <c r="BF3323" s="53"/>
      <c r="BG3323" s="53"/>
      <c r="BH3323" s="53"/>
      <c r="BI3323" s="53"/>
      <c r="BJ3323" s="53"/>
      <c r="BK3323" s="53"/>
      <c r="BL3323" s="53"/>
      <c r="BM3323" s="53"/>
      <c r="BN3323" s="53"/>
      <c r="BO3323" s="53"/>
      <c r="BP3323" s="53"/>
      <c r="BQ3323" s="53"/>
      <c r="BR3323" s="53"/>
      <c r="BS3323" s="53"/>
      <c r="BT3323" s="53"/>
      <c r="BU3323" s="53"/>
      <c r="BV3323" s="53"/>
      <c r="BW3323" s="53"/>
      <c r="BX3323" s="53"/>
      <c r="BY3323" s="53"/>
      <c r="BZ3323" s="53"/>
      <c r="CA3323" s="53"/>
      <c r="CB3323" s="53"/>
      <c r="CC3323" s="53"/>
      <c r="CD3323" s="53"/>
      <c r="CE3323" s="53"/>
      <c r="CF3323" s="53"/>
      <c r="CG3323" s="53">
        <v>-7800000</v>
      </c>
      <c r="CH3323" s="53"/>
      <c r="CI3323" s="53"/>
      <c r="CJ3323" s="53"/>
      <c r="CK3323" s="53"/>
      <c r="CL3323" s="53"/>
      <c r="CM3323" s="53">
        <v>-7800000</v>
      </c>
      <c r="CN3323" s="53">
        <v>-15600000</v>
      </c>
    </row>
    <row r="3324" spans="1:92" outlineLevel="1">
      <c r="A3324" s="52" t="s">
        <v>649</v>
      </c>
      <c r="B3324" s="53"/>
      <c r="C3324" s="53"/>
      <c r="D3324" s="53"/>
      <c r="E3324" s="53"/>
      <c r="F3324" s="53"/>
      <c r="G3324" s="53"/>
      <c r="H3324" s="53"/>
      <c r="I3324" s="53"/>
      <c r="J3324" s="53"/>
      <c r="K3324" s="53"/>
      <c r="L3324" s="53"/>
      <c r="M3324" s="53"/>
      <c r="N3324" s="53"/>
      <c r="O3324" s="53"/>
      <c r="P3324" s="53"/>
      <c r="Q3324" s="53"/>
      <c r="R3324" s="53"/>
      <c r="S3324" s="53"/>
      <c r="T3324" s="53"/>
      <c r="U3324" s="53"/>
      <c r="V3324" s="53"/>
      <c r="W3324" s="53">
        <v>-24200000</v>
      </c>
      <c r="X3324" s="53"/>
      <c r="Y3324" s="53"/>
      <c r="Z3324" s="53"/>
      <c r="AA3324" s="53">
        <v>-24200000</v>
      </c>
      <c r="AB3324" s="53"/>
      <c r="AC3324" s="53"/>
      <c r="AD3324" s="53"/>
      <c r="AE3324" s="53"/>
      <c r="AF3324" s="53"/>
      <c r="AG3324" s="53"/>
      <c r="AH3324" s="53"/>
      <c r="AI3324" s="53"/>
      <c r="AJ3324" s="53"/>
      <c r="AK3324" s="53"/>
      <c r="AL3324" s="53"/>
      <c r="AM3324" s="53"/>
      <c r="AN3324" s="53"/>
      <c r="AO3324" s="53"/>
      <c r="AP3324" s="53"/>
      <c r="AQ3324" s="53"/>
      <c r="AR3324" s="53"/>
      <c r="AS3324" s="53"/>
      <c r="AT3324" s="53"/>
      <c r="AU3324" s="53"/>
      <c r="AV3324" s="53"/>
      <c r="AW3324" s="53"/>
      <c r="AX3324" s="53"/>
      <c r="AY3324" s="53"/>
      <c r="AZ3324" s="53"/>
      <c r="BA3324" s="53"/>
      <c r="BB3324" s="53"/>
      <c r="BC3324" s="53"/>
      <c r="BD3324" s="53"/>
      <c r="BE3324" s="53"/>
      <c r="BF3324" s="53"/>
      <c r="BG3324" s="53"/>
      <c r="BH3324" s="53"/>
      <c r="BI3324" s="53"/>
      <c r="BJ3324" s="53"/>
      <c r="BK3324" s="53"/>
      <c r="BL3324" s="53"/>
      <c r="BM3324" s="53"/>
      <c r="BN3324" s="53"/>
      <c r="BO3324" s="53"/>
      <c r="BP3324" s="53"/>
      <c r="BQ3324" s="53"/>
      <c r="BR3324" s="53"/>
      <c r="BS3324" s="53"/>
      <c r="BT3324" s="53"/>
      <c r="BU3324" s="53"/>
      <c r="BV3324" s="53"/>
      <c r="BW3324" s="53"/>
      <c r="BX3324" s="53"/>
      <c r="BY3324" s="53"/>
      <c r="BZ3324" s="53"/>
      <c r="CA3324" s="53"/>
      <c r="CB3324" s="53"/>
      <c r="CC3324" s="53"/>
      <c r="CD3324" s="53"/>
      <c r="CE3324" s="53"/>
      <c r="CF3324" s="53"/>
      <c r="CG3324" s="53">
        <v>-7499999.9999999898</v>
      </c>
      <c r="CH3324" s="53"/>
      <c r="CI3324" s="53"/>
      <c r="CJ3324" s="53"/>
      <c r="CK3324" s="53"/>
      <c r="CL3324" s="53"/>
      <c r="CM3324" s="53">
        <v>-7499999.9999999898</v>
      </c>
      <c r="CN3324" s="53">
        <v>-14999999.999999899</v>
      </c>
    </row>
    <row r="3325" spans="1:92" outlineLevel="1">
      <c r="A3325" s="52" t="s">
        <v>670</v>
      </c>
      <c r="B3325" s="53"/>
      <c r="C3325" s="53"/>
      <c r="D3325" s="53"/>
      <c r="E3325" s="53"/>
      <c r="F3325" s="53"/>
      <c r="G3325" s="53"/>
      <c r="H3325" s="53"/>
      <c r="I3325" s="53"/>
      <c r="J3325" s="53"/>
      <c r="K3325" s="53"/>
      <c r="L3325" s="53"/>
      <c r="M3325" s="53"/>
      <c r="N3325" s="53"/>
      <c r="O3325" s="53"/>
      <c r="P3325" s="53"/>
      <c r="Q3325" s="53"/>
      <c r="R3325" s="53"/>
      <c r="S3325" s="53"/>
      <c r="T3325" s="53"/>
      <c r="U3325" s="53"/>
      <c r="V3325" s="53"/>
      <c r="W3325" s="53"/>
      <c r="X3325" s="53"/>
      <c r="Y3325" s="53"/>
      <c r="Z3325" s="53"/>
      <c r="AA3325" s="53"/>
      <c r="AB3325" s="53"/>
      <c r="AC3325" s="53"/>
      <c r="AD3325" s="53"/>
      <c r="AE3325" s="53"/>
      <c r="AF3325" s="53"/>
      <c r="AG3325" s="53"/>
      <c r="AH3325" s="53"/>
      <c r="AI3325" s="53"/>
      <c r="AJ3325" s="53"/>
      <c r="AK3325" s="53"/>
      <c r="AL3325" s="53"/>
      <c r="AM3325" s="53"/>
      <c r="AN3325" s="53"/>
      <c r="AO3325" s="53"/>
      <c r="AP3325" s="53"/>
      <c r="AQ3325" s="53"/>
      <c r="AR3325" s="53"/>
      <c r="AS3325" s="53"/>
      <c r="AT3325" s="53"/>
      <c r="AU3325" s="53"/>
      <c r="AV3325" s="53"/>
      <c r="AW3325" s="53"/>
      <c r="AX3325" s="53"/>
      <c r="AY3325" s="53"/>
      <c r="AZ3325" s="53"/>
      <c r="BA3325" s="53"/>
      <c r="BB3325" s="53"/>
      <c r="BC3325" s="53"/>
      <c r="BD3325" s="53"/>
      <c r="BE3325" s="53"/>
      <c r="BF3325" s="53"/>
      <c r="BG3325" s="53"/>
      <c r="BH3325" s="53"/>
      <c r="BI3325" s="53"/>
      <c r="BJ3325" s="53"/>
      <c r="BK3325" s="53"/>
      <c r="BL3325" s="53"/>
      <c r="BM3325" s="53"/>
      <c r="BN3325" s="53"/>
      <c r="BO3325" s="53"/>
      <c r="BP3325" s="53"/>
      <c r="BQ3325" s="53"/>
      <c r="BR3325" s="53"/>
      <c r="BS3325" s="53"/>
      <c r="BT3325" s="53"/>
      <c r="BU3325" s="53"/>
      <c r="BV3325" s="53"/>
      <c r="BW3325" s="53"/>
      <c r="BX3325" s="53"/>
      <c r="BY3325" s="53"/>
      <c r="BZ3325" s="53"/>
      <c r="CA3325" s="53"/>
      <c r="CB3325" s="53"/>
      <c r="CC3325" s="53"/>
      <c r="CD3325" s="53"/>
      <c r="CE3325" s="53"/>
      <c r="CF3325" s="53"/>
      <c r="CG3325" s="53"/>
      <c r="CH3325" s="53"/>
      <c r="CI3325" s="53"/>
      <c r="CJ3325" s="53"/>
      <c r="CK3325" s="53"/>
      <c r="CL3325" s="53"/>
      <c r="CM3325" s="53"/>
      <c r="CN3325" s="53"/>
    </row>
    <row r="3326" spans="1:92" outlineLevel="1">
      <c r="A3326" s="52" t="s">
        <v>671</v>
      </c>
      <c r="B3326" s="53"/>
      <c r="C3326" s="53"/>
      <c r="D3326" s="53"/>
      <c r="E3326" s="53"/>
      <c r="F3326" s="53"/>
      <c r="G3326" s="53"/>
      <c r="H3326" s="53"/>
      <c r="I3326" s="53"/>
      <c r="J3326" s="53"/>
      <c r="K3326" s="53"/>
      <c r="L3326" s="53"/>
      <c r="M3326" s="53"/>
      <c r="N3326" s="53"/>
      <c r="O3326" s="53"/>
      <c r="P3326" s="53"/>
      <c r="Q3326" s="53"/>
      <c r="R3326" s="53"/>
      <c r="S3326" s="53"/>
      <c r="T3326" s="53"/>
      <c r="U3326" s="53"/>
      <c r="V3326" s="53"/>
      <c r="W3326" s="53"/>
      <c r="X3326" s="53"/>
      <c r="Y3326" s="53"/>
      <c r="Z3326" s="53"/>
      <c r="AA3326" s="53"/>
      <c r="AB3326" s="53"/>
      <c r="AC3326" s="53"/>
      <c r="AD3326" s="53"/>
      <c r="AE3326" s="53"/>
      <c r="AF3326" s="53"/>
      <c r="AG3326" s="53"/>
      <c r="AH3326" s="53"/>
      <c r="AI3326" s="53"/>
      <c r="AJ3326" s="53"/>
      <c r="AK3326" s="53"/>
      <c r="AL3326" s="53"/>
      <c r="AM3326" s="53"/>
      <c r="AN3326" s="53"/>
      <c r="AO3326" s="53"/>
      <c r="AP3326" s="53"/>
      <c r="AQ3326" s="53"/>
      <c r="AR3326" s="53"/>
      <c r="AS3326" s="53"/>
      <c r="AT3326" s="53"/>
      <c r="AU3326" s="53"/>
      <c r="AV3326" s="53"/>
      <c r="AW3326" s="53"/>
      <c r="AX3326" s="53"/>
      <c r="AY3326" s="53"/>
      <c r="AZ3326" s="53"/>
      <c r="BA3326" s="53"/>
      <c r="BB3326" s="53"/>
      <c r="BC3326" s="53"/>
      <c r="BD3326" s="53"/>
      <c r="BE3326" s="53"/>
      <c r="BF3326" s="53"/>
      <c r="BG3326" s="53"/>
      <c r="BH3326" s="53"/>
      <c r="BI3326" s="53"/>
      <c r="BJ3326" s="53"/>
      <c r="BK3326" s="53"/>
      <c r="BL3326" s="53"/>
      <c r="BM3326" s="53"/>
      <c r="BN3326" s="53"/>
      <c r="BO3326" s="53"/>
      <c r="BP3326" s="53"/>
      <c r="BQ3326" s="53"/>
      <c r="BR3326" s="53"/>
      <c r="BS3326" s="53"/>
      <c r="BT3326" s="53"/>
      <c r="BU3326" s="53"/>
      <c r="BV3326" s="53"/>
      <c r="BW3326" s="53"/>
      <c r="BX3326" s="53"/>
      <c r="BY3326" s="53"/>
      <c r="BZ3326" s="53"/>
      <c r="CA3326" s="53"/>
      <c r="CB3326" s="53"/>
      <c r="CC3326" s="53"/>
      <c r="CD3326" s="53"/>
      <c r="CE3326" s="53"/>
      <c r="CF3326" s="53"/>
      <c r="CG3326" s="53"/>
      <c r="CH3326" s="53"/>
      <c r="CI3326" s="53"/>
      <c r="CJ3326" s="53"/>
      <c r="CK3326" s="53"/>
      <c r="CL3326" s="53"/>
      <c r="CM3326" s="53"/>
      <c r="CN3326" s="53"/>
    </row>
    <row r="3327" spans="1:92" outlineLevel="1">
      <c r="A3327" s="52" t="s">
        <v>1249</v>
      </c>
      <c r="B3327" s="53">
        <v>-839692.28799999994</v>
      </c>
      <c r="C3327" s="53">
        <v>-1659457.54999999</v>
      </c>
      <c r="D3327" s="53">
        <v>-1501390.14</v>
      </c>
      <c r="E3327" s="53">
        <v>-1540071.9</v>
      </c>
      <c r="F3327" s="53">
        <v>-1298458.71</v>
      </c>
      <c r="G3327" s="53">
        <v>-1357107.18</v>
      </c>
      <c r="H3327" s="53">
        <v>979270.12</v>
      </c>
      <c r="I3327" s="53">
        <v>-1537353.5699999901</v>
      </c>
      <c r="J3327" s="53">
        <v>-1064526.3399999901</v>
      </c>
      <c r="K3327" s="53">
        <v>-830069.43999999901</v>
      </c>
      <c r="L3327" s="53">
        <v>-428552.45</v>
      </c>
      <c r="M3327" s="53">
        <v>-1792328.1899999899</v>
      </c>
      <c r="N3327" s="53">
        <v>-12869737.638</v>
      </c>
      <c r="O3327" s="53">
        <v>-2577665.14</v>
      </c>
      <c r="P3327" s="53">
        <v>-1288011</v>
      </c>
      <c r="Q3327" s="53">
        <v>-1312759</v>
      </c>
      <c r="R3327" s="53">
        <v>-1320943</v>
      </c>
      <c r="S3327" s="53">
        <v>-1339012</v>
      </c>
      <c r="T3327" s="53">
        <v>-1327680</v>
      </c>
      <c r="U3327" s="53">
        <v>-1573045</v>
      </c>
      <c r="V3327" s="53">
        <v>-1362504</v>
      </c>
      <c r="W3327" s="53">
        <v>-1331174</v>
      </c>
      <c r="X3327" s="53">
        <v>-1319668</v>
      </c>
      <c r="Y3327" s="53">
        <v>-1319596</v>
      </c>
      <c r="Z3327" s="53">
        <v>-1336985</v>
      </c>
      <c r="AA3327" s="53">
        <v>-17409042.1399999</v>
      </c>
      <c r="AB3327" s="53">
        <v>-1563864</v>
      </c>
      <c r="AC3327" s="53">
        <v>-1322735</v>
      </c>
      <c r="AD3327" s="53">
        <v>-1347755</v>
      </c>
      <c r="AE3327" s="53">
        <v>-1361043</v>
      </c>
      <c r="AF3327" s="53">
        <v>-1376515</v>
      </c>
      <c r="AG3327" s="53">
        <v>-1541295</v>
      </c>
      <c r="AH3327" s="53">
        <v>-1442950</v>
      </c>
      <c r="AI3327" s="53">
        <v>-1401889</v>
      </c>
      <c r="AJ3327" s="53">
        <v>-1374728</v>
      </c>
      <c r="AK3327" s="53">
        <v>-1362800</v>
      </c>
      <c r="AL3327" s="53">
        <v>-1360469</v>
      </c>
      <c r="AM3327" s="53">
        <v>-1549908</v>
      </c>
      <c r="AN3327" s="53">
        <v>-17005951</v>
      </c>
      <c r="AO3327" s="53">
        <v>-1433105</v>
      </c>
      <c r="AP3327" s="53">
        <v>-1406265.99999999</v>
      </c>
      <c r="AQ3327" s="53">
        <v>-1406265.99999999</v>
      </c>
      <c r="AR3327" s="53">
        <v>-1406265.99999999</v>
      </c>
      <c r="AS3327" s="53">
        <v>-1406265.99999999</v>
      </c>
      <c r="AT3327" s="53">
        <v>-1406265.99999999</v>
      </c>
      <c r="AU3327" s="53">
        <v>-1406265.99999999</v>
      </c>
      <c r="AV3327" s="53">
        <v>-1406265.99999999</v>
      </c>
      <c r="AW3327" s="53">
        <v>-1406265.99999999</v>
      </c>
      <c r="AX3327" s="53">
        <v>-1406265.99999999</v>
      </c>
      <c r="AY3327" s="53">
        <v>-1406265.99999999</v>
      </c>
      <c r="AZ3327" s="53">
        <v>-1406265.99999999</v>
      </c>
      <c r="BA3327" s="53">
        <v>-16902031</v>
      </c>
      <c r="BB3327" s="53">
        <v>-1406265.99999999</v>
      </c>
      <c r="BC3327" s="53">
        <v>-1406265.99999999</v>
      </c>
      <c r="BD3327" s="53">
        <v>-1406265.99999999</v>
      </c>
      <c r="BE3327" s="53">
        <v>-1406265.99999999</v>
      </c>
      <c r="BF3327" s="53">
        <v>-1406265.99999999</v>
      </c>
      <c r="BG3327" s="53">
        <v>-1406265.99999999</v>
      </c>
      <c r="BH3327" s="53">
        <v>-1406265.99999999</v>
      </c>
      <c r="BI3327" s="53">
        <v>-1406265.99999999</v>
      </c>
      <c r="BJ3327" s="53">
        <v>-1406265.99999999</v>
      </c>
      <c r="BK3327" s="53">
        <v>-1406265.99999999</v>
      </c>
      <c r="BL3327" s="53">
        <v>-1406265.99999999</v>
      </c>
      <c r="BM3327" s="53">
        <v>-1406265.99999999</v>
      </c>
      <c r="BN3327" s="53">
        <v>-16875192</v>
      </c>
      <c r="BO3327" s="53">
        <v>-1406265.99999999</v>
      </c>
      <c r="BP3327" s="53">
        <v>-1406265.99999999</v>
      </c>
      <c r="BQ3327" s="53">
        <v>-1406265.99999999</v>
      </c>
      <c r="BR3327" s="53">
        <v>-1406265.99999999</v>
      </c>
      <c r="BS3327" s="53">
        <v>-1406265.99999999</v>
      </c>
      <c r="BT3327" s="53">
        <v>-1406265.99999999</v>
      </c>
      <c r="BU3327" s="53">
        <v>-1406265.99999999</v>
      </c>
      <c r="BV3327" s="53">
        <v>-1406265.99999999</v>
      </c>
      <c r="BW3327" s="53">
        <v>-1406265.99999999</v>
      </c>
      <c r="BX3327" s="53">
        <v>-1406265.99999999</v>
      </c>
      <c r="BY3327" s="53">
        <v>-1406265.99999999</v>
      </c>
      <c r="BZ3327" s="53">
        <v>-1406265.99999999</v>
      </c>
      <c r="CA3327" s="53">
        <v>-16875192</v>
      </c>
      <c r="CB3327" s="53">
        <v>-650000000</v>
      </c>
      <c r="CC3327" s="53"/>
      <c r="CD3327" s="53"/>
      <c r="CE3327" s="53"/>
      <c r="CF3327" s="53"/>
      <c r="CG3327" s="53"/>
      <c r="CH3327" s="53"/>
      <c r="CI3327" s="53"/>
      <c r="CJ3327" s="53"/>
      <c r="CK3327" s="53"/>
      <c r="CL3327" s="53"/>
      <c r="CM3327" s="53"/>
      <c r="CN3327" s="53">
        <v>-650000000</v>
      </c>
    </row>
    <row r="3328" spans="1:92" outlineLevel="1">
      <c r="A3328" s="52" t="s">
        <v>1548</v>
      </c>
      <c r="B3328" s="53"/>
      <c r="C3328" s="53"/>
      <c r="D3328" s="53"/>
      <c r="E3328" s="53"/>
      <c r="F3328" s="53"/>
      <c r="G3328" s="53"/>
      <c r="H3328" s="53"/>
      <c r="I3328" s="53"/>
      <c r="J3328" s="53"/>
      <c r="K3328" s="53"/>
      <c r="L3328" s="53"/>
      <c r="M3328" s="53"/>
      <c r="N3328" s="53"/>
      <c r="O3328" s="53"/>
      <c r="P3328" s="53"/>
      <c r="Q3328" s="53"/>
      <c r="R3328" s="53"/>
      <c r="S3328" s="53"/>
      <c r="T3328" s="53"/>
      <c r="U3328" s="53"/>
      <c r="V3328" s="53"/>
      <c r="W3328" s="53"/>
      <c r="X3328" s="53"/>
      <c r="Y3328" s="53"/>
      <c r="Z3328" s="53"/>
      <c r="AA3328" s="53"/>
      <c r="AB3328" s="53"/>
      <c r="AC3328" s="53"/>
      <c r="AD3328" s="53"/>
      <c r="AE3328" s="53"/>
      <c r="AF3328" s="53"/>
      <c r="AG3328" s="53"/>
      <c r="AH3328" s="53"/>
      <c r="AI3328" s="53"/>
      <c r="AJ3328" s="53"/>
      <c r="AK3328" s="53"/>
      <c r="AL3328" s="53"/>
      <c r="AM3328" s="53"/>
      <c r="AN3328" s="53"/>
      <c r="AO3328" s="53"/>
      <c r="AP3328" s="53"/>
      <c r="AQ3328" s="53"/>
      <c r="AR3328" s="53"/>
      <c r="AS3328" s="53"/>
      <c r="AT3328" s="53"/>
      <c r="AU3328" s="53"/>
      <c r="AV3328" s="53"/>
      <c r="AW3328" s="53"/>
      <c r="AX3328" s="53"/>
      <c r="AY3328" s="53"/>
      <c r="AZ3328" s="53"/>
      <c r="BA3328" s="53"/>
      <c r="BB3328" s="53"/>
      <c r="BC3328" s="53"/>
      <c r="BD3328" s="53"/>
      <c r="BE3328" s="53"/>
      <c r="BF3328" s="53"/>
      <c r="BG3328" s="53"/>
      <c r="BH3328" s="53"/>
      <c r="BI3328" s="53"/>
      <c r="BJ3328" s="53"/>
      <c r="BK3328" s="53"/>
      <c r="BL3328" s="53"/>
      <c r="BM3328" s="53"/>
      <c r="BN3328" s="53"/>
      <c r="BO3328" s="53"/>
      <c r="BP3328" s="53"/>
      <c r="BQ3328" s="53"/>
      <c r="BR3328" s="53"/>
      <c r="BS3328" s="53"/>
      <c r="BT3328" s="53"/>
      <c r="BU3328" s="53"/>
      <c r="BV3328" s="53"/>
      <c r="BW3328" s="53"/>
      <c r="BX3328" s="53"/>
      <c r="BY3328" s="53"/>
      <c r="BZ3328" s="53"/>
      <c r="CA3328" s="53"/>
      <c r="CB3328" s="53"/>
      <c r="CC3328" s="53"/>
      <c r="CD3328" s="53"/>
      <c r="CE3328" s="53"/>
      <c r="CF3328" s="53"/>
      <c r="CG3328" s="53"/>
      <c r="CH3328" s="53"/>
      <c r="CI3328" s="53"/>
      <c r="CJ3328" s="53"/>
      <c r="CK3328" s="53"/>
      <c r="CL3328" s="53"/>
      <c r="CM3328" s="53"/>
      <c r="CN3328" s="53"/>
    </row>
    <row r="3329" spans="1:92" outlineLevel="1">
      <c r="A3329" s="52" t="s">
        <v>1549</v>
      </c>
      <c r="B3329" s="53"/>
      <c r="C3329" s="53"/>
      <c r="D3329" s="53"/>
      <c r="E3329" s="53"/>
      <c r="F3329" s="53"/>
      <c r="G3329" s="53"/>
      <c r="H3329" s="53"/>
      <c r="I3329" s="53"/>
      <c r="J3329" s="53"/>
      <c r="K3329" s="53"/>
      <c r="L3329" s="53"/>
      <c r="M3329" s="53"/>
      <c r="N3329" s="53"/>
      <c r="O3329" s="53"/>
      <c r="P3329" s="53"/>
      <c r="Q3329" s="53"/>
      <c r="R3329" s="53"/>
      <c r="S3329" s="53"/>
      <c r="T3329" s="53"/>
      <c r="U3329" s="53"/>
      <c r="V3329" s="53"/>
      <c r="W3329" s="53"/>
      <c r="X3329" s="53"/>
      <c r="Y3329" s="53"/>
      <c r="Z3329" s="53"/>
      <c r="AA3329" s="53"/>
      <c r="AB3329" s="53"/>
      <c r="AC3329" s="53"/>
      <c r="AD3329" s="53"/>
      <c r="AE3329" s="53"/>
      <c r="AF3329" s="53"/>
      <c r="AG3329" s="53"/>
      <c r="AH3329" s="53"/>
      <c r="AI3329" s="53"/>
      <c r="AJ3329" s="53"/>
      <c r="AK3329" s="53"/>
      <c r="AL3329" s="53"/>
      <c r="AM3329" s="53"/>
      <c r="AN3329" s="53"/>
      <c r="AO3329" s="53"/>
      <c r="AP3329" s="53"/>
      <c r="AQ3329" s="53"/>
      <c r="AR3329" s="53"/>
      <c r="AS3329" s="53"/>
      <c r="AT3329" s="53"/>
      <c r="AU3329" s="53"/>
      <c r="AV3329" s="53"/>
      <c r="AW3329" s="53"/>
      <c r="AX3329" s="53"/>
      <c r="AY3329" s="53"/>
      <c r="AZ3329" s="53"/>
      <c r="BA3329" s="53"/>
      <c r="BB3329" s="53"/>
      <c r="BC3329" s="53"/>
      <c r="BD3329" s="53"/>
      <c r="BE3329" s="53"/>
      <c r="BF3329" s="53"/>
      <c r="BG3329" s="53"/>
      <c r="BH3329" s="53"/>
      <c r="BI3329" s="53"/>
      <c r="BJ3329" s="53"/>
      <c r="BK3329" s="53"/>
      <c r="BL3329" s="53"/>
      <c r="BM3329" s="53"/>
      <c r="BN3329" s="53"/>
      <c r="BO3329" s="53"/>
      <c r="BP3329" s="53"/>
      <c r="BQ3329" s="53"/>
      <c r="BR3329" s="53"/>
      <c r="BS3329" s="53"/>
      <c r="BT3329" s="53"/>
      <c r="BU3329" s="53"/>
      <c r="BV3329" s="53"/>
      <c r="BW3329" s="53"/>
      <c r="BX3329" s="53"/>
      <c r="BY3329" s="53"/>
      <c r="BZ3329" s="53"/>
      <c r="CA3329" s="53"/>
      <c r="CB3329" s="53"/>
      <c r="CC3329" s="53"/>
      <c r="CD3329" s="53"/>
      <c r="CE3329" s="53"/>
      <c r="CF3329" s="53"/>
      <c r="CG3329" s="53"/>
      <c r="CH3329" s="53"/>
      <c r="CI3329" s="53"/>
      <c r="CJ3329" s="53"/>
      <c r="CK3329" s="53"/>
      <c r="CL3329" s="53"/>
      <c r="CM3329" s="53"/>
      <c r="CN3329" s="53"/>
    </row>
    <row r="3330" spans="1:92" outlineLevel="1">
      <c r="A3330" s="52" t="s">
        <v>649</v>
      </c>
      <c r="B3330" s="53"/>
      <c r="C3330" s="53"/>
      <c r="D3330" s="53"/>
      <c r="E3330" s="53"/>
      <c r="F3330" s="53"/>
      <c r="G3330" s="53"/>
      <c r="H3330" s="53"/>
      <c r="I3330" s="53"/>
      <c r="J3330" s="53"/>
      <c r="K3330" s="53"/>
      <c r="L3330" s="53"/>
      <c r="M3330" s="53"/>
      <c r="N3330" s="53"/>
      <c r="O3330" s="53"/>
      <c r="P3330" s="53"/>
      <c r="Q3330" s="53">
        <v>-916719.75000000105</v>
      </c>
      <c r="R3330" s="53"/>
      <c r="S3330" s="53"/>
      <c r="T3330" s="53"/>
      <c r="U3330" s="53"/>
      <c r="V3330" s="53"/>
      <c r="W3330" s="53"/>
      <c r="X3330" s="53"/>
      <c r="Y3330" s="53"/>
      <c r="Z3330" s="53"/>
      <c r="AA3330" s="53">
        <v>-916719.75000000105</v>
      </c>
      <c r="AB3330" s="53"/>
      <c r="AC3330" s="53"/>
      <c r="AD3330" s="53"/>
      <c r="AE3330" s="53"/>
      <c r="AF3330" s="53"/>
      <c r="AG3330" s="53"/>
      <c r="AH3330" s="53"/>
      <c r="AI3330" s="53"/>
      <c r="AJ3330" s="53"/>
      <c r="AK3330" s="53"/>
      <c r="AL3330" s="53"/>
      <c r="AM3330" s="53"/>
      <c r="AN3330" s="53"/>
      <c r="AO3330" s="53"/>
      <c r="AP3330" s="53"/>
      <c r="AQ3330" s="53"/>
      <c r="AR3330" s="53"/>
      <c r="AS3330" s="53"/>
      <c r="AT3330" s="53"/>
      <c r="AU3330" s="53"/>
      <c r="AV3330" s="53"/>
      <c r="AW3330" s="53"/>
      <c r="AX3330" s="53"/>
      <c r="AY3330" s="53"/>
      <c r="AZ3330" s="53"/>
      <c r="BA3330" s="53"/>
      <c r="BB3330" s="53"/>
      <c r="BC3330" s="53"/>
      <c r="BD3330" s="53"/>
      <c r="BE3330" s="53"/>
      <c r="BF3330" s="53"/>
      <c r="BG3330" s="53"/>
      <c r="BH3330" s="53"/>
      <c r="BI3330" s="53"/>
      <c r="BJ3330" s="53"/>
      <c r="BK3330" s="53"/>
      <c r="BL3330" s="53"/>
      <c r="BM3330" s="53"/>
      <c r="BN3330" s="53"/>
      <c r="BO3330" s="53"/>
      <c r="BP3330" s="53"/>
      <c r="BQ3330" s="53"/>
      <c r="BR3330" s="53"/>
      <c r="BS3330" s="53"/>
      <c r="BT3330" s="53"/>
      <c r="BU3330" s="53"/>
      <c r="BV3330" s="53"/>
      <c r="BW3330" s="53"/>
      <c r="BX3330" s="53"/>
      <c r="BY3330" s="53"/>
      <c r="BZ3330" s="53"/>
      <c r="CA3330" s="53"/>
      <c r="CB3330" s="53">
        <v>-15351.5205479452</v>
      </c>
      <c r="CC3330" s="53">
        <v>-15351.5205479452</v>
      </c>
      <c r="CD3330" s="53">
        <v>-15351.5205479452</v>
      </c>
      <c r="CE3330" s="53">
        <v>-15351.5205479452</v>
      </c>
      <c r="CF3330" s="53">
        <v>-15351.5205479452</v>
      </c>
      <c r="CG3330" s="53">
        <v>-15351.5205479452</v>
      </c>
      <c r="CH3330" s="53">
        <v>-15351.5205479452</v>
      </c>
      <c r="CI3330" s="53">
        <v>-15351.5205479452</v>
      </c>
      <c r="CJ3330" s="53">
        <v>-15351.5205479452</v>
      </c>
      <c r="CK3330" s="53">
        <v>-15351.5205479452</v>
      </c>
      <c r="CL3330" s="53">
        <v>-15351.5205479452</v>
      </c>
      <c r="CM3330" s="53">
        <v>-15351.5205479452</v>
      </c>
      <c r="CN3330" s="53">
        <v>-184218.246575342</v>
      </c>
    </row>
    <row r="3331" spans="1:92" outlineLevel="1">
      <c r="A3331" s="52" t="s">
        <v>1687</v>
      </c>
      <c r="B3331" s="53"/>
      <c r="C3331" s="53"/>
      <c r="D3331" s="53"/>
      <c r="E3331" s="53"/>
      <c r="F3331" s="53"/>
      <c r="G3331" s="53"/>
      <c r="H3331" s="53"/>
      <c r="I3331" s="53"/>
      <c r="J3331" s="53"/>
      <c r="K3331" s="53"/>
      <c r="L3331" s="53"/>
      <c r="M3331" s="53"/>
      <c r="N3331" s="53"/>
      <c r="O3331" s="53"/>
      <c r="P3331" s="53"/>
      <c r="Q3331" s="53"/>
      <c r="R3331" s="53"/>
      <c r="S3331" s="53"/>
      <c r="T3331" s="53"/>
      <c r="U3331" s="53"/>
      <c r="V3331" s="53"/>
      <c r="W3331" s="53"/>
      <c r="X3331" s="53"/>
      <c r="Y3331" s="53"/>
      <c r="Z3331" s="53"/>
      <c r="AA3331" s="53"/>
      <c r="AB3331" s="53"/>
      <c r="AC3331" s="53"/>
      <c r="AD3331" s="53"/>
      <c r="AE3331" s="53"/>
      <c r="AF3331" s="53"/>
      <c r="AG3331" s="53"/>
      <c r="AH3331" s="53"/>
      <c r="AI3331" s="53"/>
      <c r="AJ3331" s="53"/>
      <c r="AK3331" s="53"/>
      <c r="AL3331" s="53"/>
      <c r="AM3331" s="53"/>
      <c r="AN3331" s="53"/>
      <c r="AO3331" s="53"/>
      <c r="AP3331" s="53"/>
      <c r="AQ3331" s="53"/>
      <c r="AR3331" s="53"/>
      <c r="AS3331" s="53"/>
      <c r="AT3331" s="53"/>
      <c r="AU3331" s="53"/>
      <c r="AV3331" s="53"/>
      <c r="AW3331" s="53"/>
      <c r="AX3331" s="53"/>
      <c r="AY3331" s="53"/>
      <c r="AZ3331" s="53"/>
      <c r="BA3331" s="53"/>
      <c r="BB3331" s="53"/>
      <c r="BC3331" s="53"/>
      <c r="BD3331" s="53"/>
      <c r="BE3331" s="53"/>
      <c r="BF3331" s="53"/>
      <c r="BG3331" s="53"/>
      <c r="BH3331" s="53"/>
      <c r="BI3331" s="53"/>
      <c r="BJ3331" s="53"/>
      <c r="BK3331" s="53"/>
      <c r="BL3331" s="53"/>
      <c r="BM3331" s="53"/>
      <c r="BN3331" s="53"/>
      <c r="BO3331" s="53"/>
      <c r="BP3331" s="53"/>
      <c r="BQ3331" s="53"/>
      <c r="BR3331" s="53"/>
      <c r="BS3331" s="53"/>
      <c r="BT3331" s="53"/>
      <c r="BU3331" s="53"/>
      <c r="BV3331" s="53"/>
      <c r="BW3331" s="53"/>
      <c r="BX3331" s="53"/>
      <c r="BY3331" s="53"/>
      <c r="BZ3331" s="53"/>
      <c r="CA3331" s="53"/>
      <c r="CB3331" s="53">
        <v>-8310.1044776119197</v>
      </c>
      <c r="CC3331" s="53">
        <v>-8310.1044776119197</v>
      </c>
      <c r="CD3331" s="53">
        <v>-8310.1044776119197</v>
      </c>
      <c r="CE3331" s="53">
        <v>-8310.1044776119197</v>
      </c>
      <c r="CF3331" s="53">
        <v>-8310.1044776119197</v>
      </c>
      <c r="CG3331" s="53">
        <v>-8310.1044776119197</v>
      </c>
      <c r="CH3331" s="53">
        <v>-8310.1044776119197</v>
      </c>
      <c r="CI3331" s="53">
        <v>-8310.1044776119197</v>
      </c>
      <c r="CJ3331" s="53">
        <v>-8310.1044776119197</v>
      </c>
      <c r="CK3331" s="53">
        <v>-8310.1044776119197</v>
      </c>
      <c r="CL3331" s="53">
        <v>-8310.1044776119197</v>
      </c>
      <c r="CM3331" s="53">
        <v>-8310.1044776119197</v>
      </c>
      <c r="CN3331" s="53">
        <v>-99721.253731343095</v>
      </c>
    </row>
    <row r="3332" spans="1:92" outlineLevel="1">
      <c r="A3332" s="52" t="s">
        <v>1688</v>
      </c>
      <c r="B3332" s="53"/>
      <c r="C3332" s="53"/>
      <c r="D3332" s="53"/>
      <c r="E3332" s="53"/>
      <c r="F3332" s="53"/>
      <c r="G3332" s="53"/>
      <c r="H3332" s="53"/>
      <c r="I3332" s="53"/>
      <c r="J3332" s="53"/>
      <c r="K3332" s="53"/>
      <c r="L3332" s="53"/>
      <c r="M3332" s="53"/>
      <c r="N3332" s="53"/>
      <c r="O3332" s="53"/>
      <c r="P3332" s="53"/>
      <c r="Q3332" s="53"/>
      <c r="R3332" s="53"/>
      <c r="S3332" s="53"/>
      <c r="T3332" s="53"/>
      <c r="U3332" s="53"/>
      <c r="V3332" s="53"/>
      <c r="W3332" s="53"/>
      <c r="X3332" s="53"/>
      <c r="Y3332" s="53"/>
      <c r="Z3332" s="53"/>
      <c r="AA3332" s="53"/>
      <c r="AB3332" s="53"/>
      <c r="AC3332" s="53"/>
      <c r="AD3332" s="53"/>
      <c r="AE3332" s="53"/>
      <c r="AF3332" s="53"/>
      <c r="AG3332" s="53"/>
      <c r="AH3332" s="53"/>
      <c r="AI3332" s="53"/>
      <c r="AJ3332" s="53"/>
      <c r="AK3332" s="53"/>
      <c r="AL3332" s="53"/>
      <c r="AM3332" s="53"/>
      <c r="AN3332" s="53"/>
      <c r="AO3332" s="53"/>
      <c r="AP3332" s="53"/>
      <c r="AQ3332" s="53"/>
      <c r="AR3332" s="53"/>
      <c r="AS3332" s="53"/>
      <c r="AT3332" s="53"/>
      <c r="AU3332" s="53"/>
      <c r="AV3332" s="53"/>
      <c r="AW3332" s="53"/>
      <c r="AX3332" s="53"/>
      <c r="AY3332" s="53"/>
      <c r="AZ3332" s="53"/>
      <c r="BA3332" s="53"/>
      <c r="BB3332" s="53"/>
      <c r="BC3332" s="53"/>
      <c r="BD3332" s="53"/>
      <c r="BE3332" s="53"/>
      <c r="BF3332" s="53"/>
      <c r="BG3332" s="53"/>
      <c r="BH3332" s="53"/>
      <c r="BI3332" s="53"/>
      <c r="BJ3332" s="53"/>
      <c r="BK3332" s="53"/>
      <c r="BL3332" s="53"/>
      <c r="BM3332" s="53"/>
      <c r="BN3332" s="53"/>
      <c r="BO3332" s="53"/>
      <c r="BP3332" s="53"/>
      <c r="BQ3332" s="53"/>
      <c r="BR3332" s="53"/>
      <c r="BS3332" s="53"/>
      <c r="BT3332" s="53"/>
      <c r="BU3332" s="53"/>
      <c r="BV3332" s="53"/>
      <c r="BW3332" s="53"/>
      <c r="BX3332" s="53"/>
      <c r="BY3332" s="53"/>
      <c r="BZ3332" s="53"/>
      <c r="CA3332" s="53"/>
      <c r="CB3332" s="53">
        <v>-18632.710875331501</v>
      </c>
      <c r="CC3332" s="53">
        <v>-18632.710875331501</v>
      </c>
      <c r="CD3332" s="53">
        <v>-18632.710875331501</v>
      </c>
      <c r="CE3332" s="53">
        <v>-18632.710875331501</v>
      </c>
      <c r="CF3332" s="53">
        <v>-18632.710875331501</v>
      </c>
      <c r="CG3332" s="53">
        <v>-18632.710875331501</v>
      </c>
      <c r="CH3332" s="53">
        <v>-18632.710875331501</v>
      </c>
      <c r="CI3332" s="53">
        <v>-18632.710875331501</v>
      </c>
      <c r="CJ3332" s="53">
        <v>-18632.710875331501</v>
      </c>
      <c r="CK3332" s="53">
        <v>-18632.710875331501</v>
      </c>
      <c r="CL3332" s="53">
        <v>-18632.710875331501</v>
      </c>
      <c r="CM3332" s="53">
        <v>-18632.710875331501</v>
      </c>
      <c r="CN3332" s="53">
        <v>-223592.53050397799</v>
      </c>
    </row>
    <row r="3333" spans="1:92" outlineLevel="1">
      <c r="A3333" s="52" t="s">
        <v>649</v>
      </c>
      <c r="B3333" s="53"/>
      <c r="C3333" s="53"/>
      <c r="D3333" s="53"/>
      <c r="E3333" s="53"/>
      <c r="F3333" s="53"/>
      <c r="G3333" s="53"/>
      <c r="H3333" s="53"/>
      <c r="I3333" s="53"/>
      <c r="J3333" s="53"/>
      <c r="K3333" s="53"/>
      <c r="L3333" s="53"/>
      <c r="M3333" s="53"/>
      <c r="N3333" s="53"/>
      <c r="O3333" s="53">
        <v>-2618509.22437499</v>
      </c>
      <c r="P3333" s="53">
        <v>-2618509.22437499</v>
      </c>
      <c r="Q3333" s="53">
        <v>-2618509.22437499</v>
      </c>
      <c r="R3333" s="53">
        <v>-2618509.22437499</v>
      </c>
      <c r="S3333" s="53">
        <v>-2618509.22437499</v>
      </c>
      <c r="T3333" s="53">
        <v>-2618509.22437499</v>
      </c>
      <c r="U3333" s="53">
        <v>-2618509.22437499</v>
      </c>
      <c r="V3333" s="53">
        <v>-2618509.22437499</v>
      </c>
      <c r="W3333" s="53">
        <v>-2618509.22437499</v>
      </c>
      <c r="X3333" s="53">
        <v>-2618509.22437499</v>
      </c>
      <c r="Y3333" s="53">
        <v>-2618509.22437499</v>
      </c>
      <c r="Z3333" s="53">
        <v>-2618509.22437499</v>
      </c>
      <c r="AA3333" s="53">
        <v>-31422110.692499999</v>
      </c>
      <c r="AB3333" s="53">
        <v>-4388870.2495274898</v>
      </c>
      <c r="AC3333" s="53">
        <v>-4388870.2495274898</v>
      </c>
      <c r="AD3333" s="53">
        <v>-4388870.2495274898</v>
      </c>
      <c r="AE3333" s="53">
        <v>-4388870.2495274898</v>
      </c>
      <c r="AF3333" s="53">
        <v>-4388870.2495274898</v>
      </c>
      <c r="AG3333" s="53">
        <v>-4388870.2495274898</v>
      </c>
      <c r="AH3333" s="53">
        <v>-4388870.2495274898</v>
      </c>
      <c r="AI3333" s="53">
        <v>-4388870.2495274898</v>
      </c>
      <c r="AJ3333" s="53">
        <v>-4388870.2495274898</v>
      </c>
      <c r="AK3333" s="53">
        <v>-4388870.2495274898</v>
      </c>
      <c r="AL3333" s="53">
        <v>-4388870.2495274898</v>
      </c>
      <c r="AM3333" s="53">
        <v>-4388870.2495274898</v>
      </c>
      <c r="AN3333" s="53">
        <v>-52666442.9943299</v>
      </c>
      <c r="AO3333" s="53">
        <v>-5253169.3333333302</v>
      </c>
      <c r="AP3333" s="53">
        <v>-5253169.3333333302</v>
      </c>
      <c r="AQ3333" s="53">
        <v>-5253169.3333333302</v>
      </c>
      <c r="AR3333" s="53">
        <v>-5253169.3333333302</v>
      </c>
      <c r="AS3333" s="53">
        <v>-5253169.3333333302</v>
      </c>
      <c r="AT3333" s="53">
        <v>-5253169.3333333302</v>
      </c>
      <c r="AU3333" s="53">
        <v>-5253169.3333333302</v>
      </c>
      <c r="AV3333" s="53">
        <v>-5253169.3333333302</v>
      </c>
      <c r="AW3333" s="53">
        <v>-5253169.3333333302</v>
      </c>
      <c r="AX3333" s="53">
        <v>-5253169.3333333302</v>
      </c>
      <c r="AY3333" s="53">
        <v>-5253169.3333333302</v>
      </c>
      <c r="AZ3333" s="53">
        <v>-5253169.3333333302</v>
      </c>
      <c r="BA3333" s="53">
        <v>-63038031.999999903</v>
      </c>
      <c r="BB3333" s="53">
        <v>-7932402.2177273398</v>
      </c>
      <c r="BC3333" s="53">
        <v>-7932402.2177273398</v>
      </c>
      <c r="BD3333" s="53">
        <v>-7932402.2177273398</v>
      </c>
      <c r="BE3333" s="53">
        <v>-7932402.2177273398</v>
      </c>
      <c r="BF3333" s="53">
        <v>-7932402.2177273398</v>
      </c>
      <c r="BG3333" s="53">
        <v>-7932402.2177273398</v>
      </c>
      <c r="BH3333" s="53">
        <v>-7932402.2177273398</v>
      </c>
      <c r="BI3333" s="53">
        <v>-7932402.2177273398</v>
      </c>
      <c r="BJ3333" s="53">
        <v>-7932402.2177273398</v>
      </c>
      <c r="BK3333" s="53">
        <v>-7932402.2177273398</v>
      </c>
      <c r="BL3333" s="53">
        <v>-7932402.2177273398</v>
      </c>
      <c r="BM3333" s="53">
        <v>-7932402.2177273398</v>
      </c>
      <c r="BN3333" s="53">
        <v>-95188826.612728104</v>
      </c>
      <c r="BO3333" s="53">
        <v>-9706836.634939</v>
      </c>
      <c r="BP3333" s="53">
        <v>-9706836.634939</v>
      </c>
      <c r="BQ3333" s="53">
        <v>-9706836.634939</v>
      </c>
      <c r="BR3333" s="53">
        <v>-9706836.634939</v>
      </c>
      <c r="BS3333" s="53">
        <v>-9706836.634939</v>
      </c>
      <c r="BT3333" s="53">
        <v>-9706836.634939</v>
      </c>
      <c r="BU3333" s="53">
        <v>-9706836.634939</v>
      </c>
      <c r="BV3333" s="53">
        <v>-9706836.634939</v>
      </c>
      <c r="BW3333" s="53">
        <v>-9706836.634939</v>
      </c>
      <c r="BX3333" s="53">
        <v>-9706836.634939</v>
      </c>
      <c r="BY3333" s="53">
        <v>-9706836.634939</v>
      </c>
      <c r="BZ3333" s="53">
        <v>-9706836.634939</v>
      </c>
      <c r="CA3333" s="53">
        <v>-116482039.619267</v>
      </c>
      <c r="CB3333" s="53"/>
      <c r="CC3333" s="53"/>
      <c r="CD3333" s="53"/>
      <c r="CE3333" s="53"/>
      <c r="CF3333" s="53"/>
      <c r="CG3333" s="53"/>
      <c r="CH3333" s="53"/>
      <c r="CI3333" s="53"/>
      <c r="CJ3333" s="53"/>
      <c r="CK3333" s="53"/>
      <c r="CL3333" s="53"/>
      <c r="CM3333" s="53"/>
      <c r="CN3333" s="53"/>
    </row>
    <row r="3334" spans="1:92" outlineLevel="1">
      <c r="A3334" s="52" t="s">
        <v>1725</v>
      </c>
      <c r="B3334" s="53"/>
      <c r="C3334" s="53"/>
      <c r="D3334" s="53"/>
      <c r="E3334" s="53"/>
      <c r="F3334" s="53"/>
      <c r="G3334" s="53"/>
      <c r="H3334" s="53"/>
      <c r="I3334" s="53"/>
      <c r="J3334" s="53"/>
      <c r="K3334" s="53"/>
      <c r="L3334" s="53"/>
      <c r="M3334" s="53"/>
      <c r="N3334" s="53"/>
      <c r="O3334" s="53"/>
      <c r="P3334" s="53"/>
      <c r="Q3334" s="53"/>
      <c r="R3334" s="53"/>
      <c r="S3334" s="53"/>
      <c r="T3334" s="53"/>
      <c r="U3334" s="53"/>
      <c r="V3334" s="53"/>
      <c r="W3334" s="53"/>
      <c r="X3334" s="53"/>
      <c r="Y3334" s="53"/>
      <c r="Z3334" s="53"/>
      <c r="AA3334" s="53"/>
      <c r="AB3334" s="53"/>
      <c r="AC3334" s="53"/>
      <c r="AD3334" s="53"/>
      <c r="AE3334" s="53"/>
      <c r="AF3334" s="53"/>
      <c r="AG3334" s="53"/>
      <c r="AH3334" s="53"/>
      <c r="AI3334" s="53"/>
      <c r="AJ3334" s="53"/>
      <c r="AK3334" s="53"/>
      <c r="AL3334" s="53"/>
      <c r="AM3334" s="53"/>
      <c r="AN3334" s="53"/>
      <c r="AO3334" s="53"/>
      <c r="AP3334" s="53"/>
      <c r="AQ3334" s="53"/>
      <c r="AR3334" s="53"/>
      <c r="AS3334" s="53"/>
      <c r="AT3334" s="53"/>
      <c r="AU3334" s="53"/>
      <c r="AV3334" s="53"/>
      <c r="AW3334" s="53"/>
      <c r="AX3334" s="53"/>
      <c r="AY3334" s="53"/>
      <c r="AZ3334" s="53"/>
      <c r="BA3334" s="53"/>
      <c r="BB3334" s="53"/>
      <c r="BC3334" s="53"/>
      <c r="BD3334" s="53"/>
      <c r="BE3334" s="53"/>
      <c r="BF3334" s="53"/>
      <c r="BG3334" s="53"/>
      <c r="BH3334" s="53"/>
      <c r="BI3334" s="53"/>
      <c r="BJ3334" s="53"/>
      <c r="BK3334" s="53"/>
      <c r="BL3334" s="53"/>
      <c r="BM3334" s="53"/>
      <c r="BN3334" s="53"/>
      <c r="BO3334" s="53"/>
      <c r="BP3334" s="53"/>
      <c r="BQ3334" s="53"/>
      <c r="BR3334" s="53"/>
      <c r="BS3334" s="53"/>
      <c r="BT3334" s="53"/>
      <c r="BU3334" s="53"/>
      <c r="BV3334" s="53"/>
      <c r="BW3334" s="53"/>
      <c r="BX3334" s="53"/>
      <c r="BY3334" s="53"/>
      <c r="BZ3334" s="53"/>
      <c r="CA3334" s="53"/>
      <c r="CB3334" s="53">
        <v>-36488.334177215103</v>
      </c>
      <c r="CC3334" s="53">
        <v>-36488.334177215103</v>
      </c>
      <c r="CD3334" s="53">
        <v>-36488.334177215103</v>
      </c>
      <c r="CE3334" s="53">
        <v>-36488.334177215103</v>
      </c>
      <c r="CF3334" s="53">
        <v>-36488.334177215103</v>
      </c>
      <c r="CG3334" s="53">
        <v>-36488.334177215103</v>
      </c>
      <c r="CH3334" s="53">
        <v>-36488.334177215103</v>
      </c>
      <c r="CI3334" s="53">
        <v>-36488.334177215103</v>
      </c>
      <c r="CJ3334" s="53">
        <v>-36488.334177215103</v>
      </c>
      <c r="CK3334" s="53">
        <v>-36488.334177215103</v>
      </c>
      <c r="CL3334" s="53">
        <v>-36488.334177215103</v>
      </c>
      <c r="CM3334" s="53">
        <v>-36488.334177215103</v>
      </c>
      <c r="CN3334" s="53">
        <v>-437860.010126582</v>
      </c>
    </row>
    <row r="3335" spans="1:92" outlineLevel="1">
      <c r="A3335" s="52" t="s">
        <v>649</v>
      </c>
      <c r="B3335" s="53"/>
      <c r="C3335" s="53"/>
      <c r="D3335" s="53"/>
      <c r="E3335" s="53"/>
      <c r="F3335" s="53"/>
      <c r="G3335" s="53"/>
      <c r="H3335" s="53"/>
      <c r="I3335" s="53"/>
      <c r="J3335" s="53"/>
      <c r="K3335" s="53"/>
      <c r="L3335" s="53"/>
      <c r="M3335" s="53"/>
      <c r="N3335" s="53"/>
      <c r="O3335" s="53">
        <v>-2618509.2243750002</v>
      </c>
      <c r="P3335" s="53">
        <v>-2618509.2243750002</v>
      </c>
      <c r="Q3335" s="53">
        <v>-2618509.2243750002</v>
      </c>
      <c r="R3335" s="53">
        <v>-3765647.7799305599</v>
      </c>
      <c r="S3335" s="53">
        <v>-3765647.7799305599</v>
      </c>
      <c r="T3335" s="53">
        <v>-3765647.7799305599</v>
      </c>
      <c r="U3335" s="53">
        <v>-3765647.7799305599</v>
      </c>
      <c r="V3335" s="53">
        <v>-3765647.7799305599</v>
      </c>
      <c r="W3335" s="53">
        <v>-3765647.7799305599</v>
      </c>
      <c r="X3335" s="53">
        <v>-3765647.7799305599</v>
      </c>
      <c r="Y3335" s="53">
        <v>-3765647.7799305599</v>
      </c>
      <c r="Z3335" s="53">
        <v>-3765647.7799305599</v>
      </c>
      <c r="AA3335" s="53">
        <v>-41746357.692500003</v>
      </c>
      <c r="AB3335" s="53">
        <v>-4388870.2495274898</v>
      </c>
      <c r="AC3335" s="53">
        <v>-4388870.2495274898</v>
      </c>
      <c r="AD3335" s="53">
        <v>-4388870.2495274898</v>
      </c>
      <c r="AE3335" s="53">
        <v>-4388870.2495274898</v>
      </c>
      <c r="AF3335" s="53">
        <v>-4388870.2495274898</v>
      </c>
      <c r="AG3335" s="53">
        <v>-4388870.2495274898</v>
      </c>
      <c r="AH3335" s="53">
        <v>-4388870.2495274898</v>
      </c>
      <c r="AI3335" s="53">
        <v>-4388870.2495274898</v>
      </c>
      <c r="AJ3335" s="53">
        <v>-4388870.2495274898</v>
      </c>
      <c r="AK3335" s="53">
        <v>-4388870.2495274898</v>
      </c>
      <c r="AL3335" s="53">
        <v>-4388870.2495274898</v>
      </c>
      <c r="AM3335" s="53">
        <v>-4388870.2495274898</v>
      </c>
      <c r="AN3335" s="53">
        <v>-52666442.9943299</v>
      </c>
      <c r="AO3335" s="53">
        <v>-5253169.3333333302</v>
      </c>
      <c r="AP3335" s="53">
        <v>-5253169.3333333302</v>
      </c>
      <c r="AQ3335" s="53">
        <v>-5253169.3333333302</v>
      </c>
      <c r="AR3335" s="53">
        <v>-5253169.3333333302</v>
      </c>
      <c r="AS3335" s="53">
        <v>-5253169.3333333302</v>
      </c>
      <c r="AT3335" s="53">
        <v>-5253169.3333333302</v>
      </c>
      <c r="AU3335" s="53">
        <v>-5253169.3333333302</v>
      </c>
      <c r="AV3335" s="53">
        <v>-5253169.3333333302</v>
      </c>
      <c r="AW3335" s="53">
        <v>-5253169.3333333302</v>
      </c>
      <c r="AX3335" s="53">
        <v>-5253169.3333333302</v>
      </c>
      <c r="AY3335" s="53">
        <v>-5253169.3333333302</v>
      </c>
      <c r="AZ3335" s="53">
        <v>-5253169.3333333302</v>
      </c>
      <c r="BA3335" s="53">
        <v>-63038031.999999903</v>
      </c>
      <c r="BB3335" s="53">
        <v>-7932402.2177273501</v>
      </c>
      <c r="BC3335" s="53">
        <v>-7932402.2177273501</v>
      </c>
      <c r="BD3335" s="53">
        <v>-7932402.2177273501</v>
      </c>
      <c r="BE3335" s="53">
        <v>-7932402.2177273501</v>
      </c>
      <c r="BF3335" s="53">
        <v>-7932402.2177273501</v>
      </c>
      <c r="BG3335" s="53">
        <v>-7932402.2177273501</v>
      </c>
      <c r="BH3335" s="53">
        <v>-7932402.2177273501</v>
      </c>
      <c r="BI3335" s="53">
        <v>-7932402.2177273501</v>
      </c>
      <c r="BJ3335" s="53">
        <v>-7932402.2177273501</v>
      </c>
      <c r="BK3335" s="53">
        <v>-7932402.2177273501</v>
      </c>
      <c r="BL3335" s="53">
        <v>-7932402.2177273501</v>
      </c>
      <c r="BM3335" s="53">
        <v>-7932402.2177273501</v>
      </c>
      <c r="BN3335" s="53">
        <v>-95188826.612728104</v>
      </c>
      <c r="BO3335" s="53">
        <v>-9706836.634939</v>
      </c>
      <c r="BP3335" s="53">
        <v>-9706836.634939</v>
      </c>
      <c r="BQ3335" s="53">
        <v>-9706836.634939</v>
      </c>
      <c r="BR3335" s="53">
        <v>-9706836.634939</v>
      </c>
      <c r="BS3335" s="53">
        <v>-9706836.634939</v>
      </c>
      <c r="BT3335" s="53">
        <v>-9706836.634939</v>
      </c>
      <c r="BU3335" s="53">
        <v>-9706836.634939</v>
      </c>
      <c r="BV3335" s="53">
        <v>-9706836.634939</v>
      </c>
      <c r="BW3335" s="53">
        <v>-9706836.634939</v>
      </c>
      <c r="BX3335" s="53">
        <v>-9706836.634939</v>
      </c>
      <c r="BY3335" s="53">
        <v>-9706836.634939</v>
      </c>
      <c r="BZ3335" s="53">
        <v>-9706836.634939</v>
      </c>
      <c r="CA3335" s="53">
        <v>-116482039.619267</v>
      </c>
      <c r="CB3335" s="53">
        <v>-13019.146118721401</v>
      </c>
      <c r="CC3335" s="53">
        <v>-13019.146118721401</v>
      </c>
      <c r="CD3335" s="53">
        <v>-13019.146118721401</v>
      </c>
      <c r="CE3335" s="53">
        <v>-13019.146118721401</v>
      </c>
      <c r="CF3335" s="53">
        <v>-13019.146118721401</v>
      </c>
      <c r="CG3335" s="53">
        <v>-13019.146118721401</v>
      </c>
      <c r="CH3335" s="53">
        <v>-13019.146118721401</v>
      </c>
      <c r="CI3335" s="53">
        <v>-13019.146118721401</v>
      </c>
      <c r="CJ3335" s="53">
        <v>-13019.146118721401</v>
      </c>
      <c r="CK3335" s="53">
        <v>-13019.146118721401</v>
      </c>
      <c r="CL3335" s="53">
        <v>-13019.146118721401</v>
      </c>
      <c r="CM3335" s="53">
        <v>-13019.146118721401</v>
      </c>
      <c r="CN3335" s="53">
        <v>-156229.75342465701</v>
      </c>
    </row>
    <row r="3336" spans="1:92" outlineLevel="1">
      <c r="A3336" s="52" t="s">
        <v>672</v>
      </c>
      <c r="B3336" s="53"/>
      <c r="C3336" s="53"/>
      <c r="D3336" s="53"/>
      <c r="E3336" s="53"/>
      <c r="F3336" s="53"/>
      <c r="G3336" s="53"/>
      <c r="H3336" s="53"/>
      <c r="I3336" s="53"/>
      <c r="J3336" s="53"/>
      <c r="K3336" s="53"/>
      <c r="L3336" s="53"/>
      <c r="M3336" s="53"/>
      <c r="N3336" s="53"/>
      <c r="O3336" s="53"/>
      <c r="P3336" s="53"/>
      <c r="Q3336" s="53"/>
      <c r="R3336" s="53"/>
      <c r="S3336" s="53"/>
      <c r="T3336" s="53"/>
      <c r="U3336" s="53"/>
      <c r="V3336" s="53"/>
      <c r="W3336" s="53"/>
      <c r="X3336" s="53"/>
      <c r="Y3336" s="53"/>
      <c r="Z3336" s="53"/>
      <c r="AA3336" s="53"/>
      <c r="AB3336" s="53"/>
      <c r="AC3336" s="53"/>
      <c r="AD3336" s="53"/>
      <c r="AE3336" s="53"/>
      <c r="AF3336" s="53"/>
      <c r="AG3336" s="53"/>
      <c r="AH3336" s="53"/>
      <c r="AI3336" s="53"/>
      <c r="AJ3336" s="53"/>
      <c r="AK3336" s="53"/>
      <c r="AL3336" s="53"/>
      <c r="AM3336" s="53"/>
      <c r="AN3336" s="53"/>
      <c r="AO3336" s="53"/>
      <c r="AP3336" s="53"/>
      <c r="AQ3336" s="53"/>
      <c r="AR3336" s="53"/>
      <c r="AS3336" s="53"/>
      <c r="AT3336" s="53"/>
      <c r="AU3336" s="53"/>
      <c r="AV3336" s="53"/>
      <c r="AW3336" s="53"/>
      <c r="AX3336" s="53"/>
      <c r="AY3336" s="53"/>
      <c r="AZ3336" s="53"/>
      <c r="BA3336" s="53"/>
      <c r="BB3336" s="53"/>
      <c r="BC3336" s="53"/>
      <c r="BD3336" s="53"/>
      <c r="BE3336" s="53"/>
      <c r="BF3336" s="53"/>
      <c r="BG3336" s="53"/>
      <c r="BH3336" s="53"/>
      <c r="BI3336" s="53"/>
      <c r="BJ3336" s="53"/>
      <c r="BK3336" s="53"/>
      <c r="BL3336" s="53"/>
      <c r="BM3336" s="53"/>
      <c r="BN3336" s="53"/>
      <c r="BO3336" s="53"/>
      <c r="BP3336" s="53"/>
      <c r="BQ3336" s="53"/>
      <c r="BR3336" s="53"/>
      <c r="BS3336" s="53"/>
      <c r="BT3336" s="53"/>
      <c r="BU3336" s="53"/>
      <c r="BV3336" s="53"/>
      <c r="BW3336" s="53"/>
      <c r="BX3336" s="53"/>
      <c r="BY3336" s="53"/>
      <c r="BZ3336" s="53"/>
      <c r="CA3336" s="53"/>
      <c r="CB3336" s="53">
        <v>-13527.6846307385</v>
      </c>
      <c r="CC3336" s="53">
        <v>-13527.6846307385</v>
      </c>
      <c r="CD3336" s="53">
        <v>-13527.6846307385</v>
      </c>
      <c r="CE3336" s="53">
        <v>-13527.6846307385</v>
      </c>
      <c r="CF3336" s="53">
        <v>-13527.6846307385</v>
      </c>
      <c r="CG3336" s="53">
        <v>-13527.6846307385</v>
      </c>
      <c r="CH3336" s="53">
        <v>-13527.6846307385</v>
      </c>
      <c r="CI3336" s="53">
        <v>-13527.6846307385</v>
      </c>
      <c r="CJ3336" s="53">
        <v>-13527.6846307385</v>
      </c>
      <c r="CK3336" s="53">
        <v>-13527.6846307385</v>
      </c>
      <c r="CL3336" s="53">
        <v>-13527.6846307385</v>
      </c>
      <c r="CM3336" s="53">
        <v>-13527.6846307385</v>
      </c>
      <c r="CN3336" s="53">
        <v>-162332.21556886201</v>
      </c>
    </row>
    <row r="3337" spans="1:92" outlineLevel="1">
      <c r="A3337" s="52" t="s">
        <v>673</v>
      </c>
      <c r="B3337" s="53"/>
      <c r="C3337" s="53"/>
      <c r="D3337" s="53"/>
      <c r="E3337" s="53"/>
      <c r="F3337" s="53"/>
      <c r="G3337" s="53"/>
      <c r="H3337" s="53"/>
      <c r="I3337" s="53"/>
      <c r="J3337" s="53"/>
      <c r="K3337" s="53"/>
      <c r="L3337" s="53"/>
      <c r="M3337" s="53"/>
      <c r="N3337" s="53"/>
      <c r="O3337" s="53"/>
      <c r="P3337" s="53"/>
      <c r="Q3337" s="53"/>
      <c r="R3337" s="53"/>
      <c r="S3337" s="53"/>
      <c r="T3337" s="53"/>
      <c r="U3337" s="53"/>
      <c r="V3337" s="53"/>
      <c r="W3337" s="53"/>
      <c r="X3337" s="53"/>
      <c r="Y3337" s="53"/>
      <c r="Z3337" s="53"/>
      <c r="AA3337" s="53"/>
      <c r="AB3337" s="53"/>
      <c r="AC3337" s="53"/>
      <c r="AD3337" s="53"/>
      <c r="AE3337" s="53"/>
      <c r="AF3337" s="53"/>
      <c r="AG3337" s="53"/>
      <c r="AH3337" s="53"/>
      <c r="AI3337" s="53"/>
      <c r="AJ3337" s="53"/>
      <c r="AK3337" s="53"/>
      <c r="AL3337" s="53"/>
      <c r="AM3337" s="53"/>
      <c r="AN3337" s="53"/>
      <c r="AO3337" s="53"/>
      <c r="AP3337" s="53"/>
      <c r="AQ3337" s="53"/>
      <c r="AR3337" s="53"/>
      <c r="AS3337" s="53"/>
      <c r="AT3337" s="53"/>
      <c r="AU3337" s="53"/>
      <c r="AV3337" s="53"/>
      <c r="AW3337" s="53"/>
      <c r="AX3337" s="53"/>
      <c r="AY3337" s="53"/>
      <c r="AZ3337" s="53"/>
      <c r="BA3337" s="53"/>
      <c r="BB3337" s="53"/>
      <c r="BC3337" s="53"/>
      <c r="BD3337" s="53"/>
      <c r="BE3337" s="53"/>
      <c r="BF3337" s="53"/>
      <c r="BG3337" s="53"/>
      <c r="BH3337" s="53"/>
      <c r="BI3337" s="53"/>
      <c r="BJ3337" s="53"/>
      <c r="BK3337" s="53"/>
      <c r="BL3337" s="53"/>
      <c r="BM3337" s="53"/>
      <c r="BN3337" s="53"/>
      <c r="BO3337" s="53"/>
      <c r="BP3337" s="53"/>
      <c r="BQ3337" s="53"/>
      <c r="BR3337" s="53"/>
      <c r="BS3337" s="53"/>
      <c r="BT3337" s="53"/>
      <c r="BU3337" s="53"/>
      <c r="BV3337" s="53"/>
      <c r="BW3337" s="53"/>
      <c r="BX3337" s="53"/>
      <c r="BY3337" s="53"/>
      <c r="BZ3337" s="53"/>
      <c r="CA3337" s="53"/>
      <c r="CB3337" s="53">
        <v>-20148.9797979797</v>
      </c>
      <c r="CC3337" s="53">
        <v>-20148.9797979797</v>
      </c>
      <c r="CD3337" s="53">
        <v>-20148.9797979797</v>
      </c>
      <c r="CE3337" s="53">
        <v>-20148.9797979797</v>
      </c>
      <c r="CF3337" s="53">
        <v>-20148.9797979797</v>
      </c>
      <c r="CG3337" s="53">
        <v>-20148.9797979797</v>
      </c>
      <c r="CH3337" s="53">
        <v>-20148.9797979797</v>
      </c>
      <c r="CI3337" s="53">
        <v>-20148.9797979797</v>
      </c>
      <c r="CJ3337" s="53">
        <v>-20148.9797979797</v>
      </c>
      <c r="CK3337" s="53">
        <v>-20148.9797979797</v>
      </c>
      <c r="CL3337" s="53">
        <v>-20148.9797979797</v>
      </c>
      <c r="CM3337" s="53">
        <v>-20148.9797979797</v>
      </c>
      <c r="CN3337" s="53">
        <v>-241787.75757575699</v>
      </c>
    </row>
    <row r="3338" spans="1:92" outlineLevel="1">
      <c r="A3338" s="52" t="s">
        <v>1520</v>
      </c>
      <c r="B3338" s="53"/>
      <c r="C3338" s="53"/>
      <c r="D3338" s="53"/>
      <c r="E3338" s="53"/>
      <c r="F3338" s="53"/>
      <c r="G3338" s="53"/>
      <c r="H3338" s="53"/>
      <c r="I3338" s="53"/>
      <c r="J3338" s="53"/>
      <c r="K3338" s="53"/>
      <c r="L3338" s="53"/>
      <c r="M3338" s="53"/>
      <c r="N3338" s="53"/>
      <c r="O3338" s="53"/>
      <c r="P3338" s="53"/>
      <c r="Q3338" s="53"/>
      <c r="R3338" s="53"/>
      <c r="S3338" s="53"/>
      <c r="T3338" s="53"/>
      <c r="U3338" s="53"/>
      <c r="V3338" s="53"/>
      <c r="W3338" s="53"/>
      <c r="X3338" s="53"/>
      <c r="Y3338" s="53"/>
      <c r="Z3338" s="53"/>
      <c r="AA3338" s="53"/>
      <c r="AB3338" s="53"/>
      <c r="AC3338" s="53"/>
      <c r="AD3338" s="53"/>
      <c r="AE3338" s="53"/>
      <c r="AF3338" s="53"/>
      <c r="AG3338" s="53"/>
      <c r="AH3338" s="53"/>
      <c r="AI3338" s="53"/>
      <c r="AJ3338" s="53"/>
      <c r="AK3338" s="53"/>
      <c r="AL3338" s="53"/>
      <c r="AM3338" s="53"/>
      <c r="AN3338" s="53"/>
      <c r="AO3338" s="53"/>
      <c r="AP3338" s="53"/>
      <c r="AQ3338" s="53"/>
      <c r="AR3338" s="53"/>
      <c r="AS3338" s="53"/>
      <c r="AT3338" s="53"/>
      <c r="AU3338" s="53"/>
      <c r="AV3338" s="53"/>
      <c r="AW3338" s="53"/>
      <c r="AX3338" s="53"/>
      <c r="AY3338" s="53"/>
      <c r="AZ3338" s="53"/>
      <c r="BA3338" s="53"/>
      <c r="BB3338" s="53"/>
      <c r="BC3338" s="53"/>
      <c r="BD3338" s="53"/>
      <c r="BE3338" s="53"/>
      <c r="BF3338" s="53"/>
      <c r="BG3338" s="53"/>
      <c r="BH3338" s="53"/>
      <c r="BI3338" s="53"/>
      <c r="BJ3338" s="53"/>
      <c r="BK3338" s="53"/>
      <c r="BL3338" s="53"/>
      <c r="BM3338" s="53"/>
      <c r="BN3338" s="53"/>
      <c r="BO3338" s="53"/>
      <c r="BP3338" s="53"/>
      <c r="BQ3338" s="53"/>
      <c r="BR3338" s="53"/>
      <c r="BS3338" s="53"/>
      <c r="BT3338" s="53"/>
      <c r="BU3338" s="53"/>
      <c r="BV3338" s="53"/>
      <c r="BW3338" s="53"/>
      <c r="BX3338" s="53"/>
      <c r="BY3338" s="53"/>
      <c r="BZ3338" s="53"/>
      <c r="CA3338" s="53"/>
      <c r="CB3338" s="53">
        <v>-24699.685950413201</v>
      </c>
      <c r="CC3338" s="53"/>
      <c r="CD3338" s="53"/>
      <c r="CE3338" s="53"/>
      <c r="CF3338" s="53"/>
      <c r="CG3338" s="53"/>
      <c r="CH3338" s="53"/>
      <c r="CI3338" s="53"/>
      <c r="CJ3338" s="53"/>
      <c r="CK3338" s="53"/>
      <c r="CL3338" s="53"/>
      <c r="CM3338" s="53"/>
      <c r="CN3338" s="53">
        <v>-24699.685950413201</v>
      </c>
    </row>
    <row r="3339" spans="1:92" outlineLevel="1">
      <c r="A3339" s="52" t="s">
        <v>649</v>
      </c>
      <c r="B3339" s="53">
        <v>49532600</v>
      </c>
      <c r="C3339" s="53">
        <v>13701929.999999899</v>
      </c>
      <c r="D3339" s="53">
        <v>21369310</v>
      </c>
      <c r="E3339" s="53">
        <v>52134260</v>
      </c>
      <c r="F3339" s="53">
        <v>45052590</v>
      </c>
      <c r="G3339" s="53">
        <v>44743879.999999903</v>
      </c>
      <c r="H3339" s="53">
        <v>19071120</v>
      </c>
      <c r="I3339" s="53">
        <v>20102889.999999899</v>
      </c>
      <c r="J3339" s="53">
        <v>28170880</v>
      </c>
      <c r="K3339" s="53">
        <v>18342059.999999899</v>
      </c>
      <c r="L3339" s="53">
        <v>11259660</v>
      </c>
      <c r="M3339" s="53">
        <v>112475200</v>
      </c>
      <c r="N3339" s="53">
        <v>435956380</v>
      </c>
      <c r="O3339" s="53">
        <v>8142821.3115744004</v>
      </c>
      <c r="P3339" s="53">
        <v>10542594.613081099</v>
      </c>
      <c r="Q3339" s="53">
        <v>12382804.366219301</v>
      </c>
      <c r="R3339" s="53">
        <v>11098361.701905901</v>
      </c>
      <c r="S3339" s="53">
        <v>11762132.9542941</v>
      </c>
      <c r="T3339" s="53">
        <v>11477400.705452699</v>
      </c>
      <c r="U3339" s="53">
        <v>9635670.8464655001</v>
      </c>
      <c r="V3339" s="53">
        <v>9029064.0355952401</v>
      </c>
      <c r="W3339" s="53">
        <v>11223658.545841301</v>
      </c>
      <c r="X3339" s="53">
        <v>13263897.4348695</v>
      </c>
      <c r="Y3339" s="53">
        <v>12352307.531198099</v>
      </c>
      <c r="Z3339" s="53">
        <v>10205959.087228499</v>
      </c>
      <c r="AA3339" s="53">
        <v>131116673.133726</v>
      </c>
      <c r="AB3339" s="53">
        <v>9804773.6157705802</v>
      </c>
      <c r="AC3339" s="53">
        <v>11457866.700318901</v>
      </c>
      <c r="AD3339" s="53">
        <v>12269556.206738301</v>
      </c>
      <c r="AE3339" s="53">
        <v>12060435.753611101</v>
      </c>
      <c r="AF3339" s="53">
        <v>11069931.3451088</v>
      </c>
      <c r="AG3339" s="53">
        <v>11001107.4155141</v>
      </c>
      <c r="AH3339" s="53">
        <v>11220203.889342999</v>
      </c>
      <c r="AI3339" s="53">
        <v>11976627.673650401</v>
      </c>
      <c r="AJ3339" s="53">
        <v>10418595.9307463</v>
      </c>
      <c r="AK3339" s="53">
        <v>10217570.536063701</v>
      </c>
      <c r="AL3339" s="53">
        <v>10304266.1630976</v>
      </c>
      <c r="AM3339" s="53">
        <v>10060591.749775</v>
      </c>
      <c r="AN3339" s="53">
        <v>131861526.979738</v>
      </c>
      <c r="AO3339" s="53">
        <v>10271988.5360114</v>
      </c>
      <c r="AP3339" s="53">
        <v>11260268.9555362</v>
      </c>
      <c r="AQ3339" s="53">
        <v>11471264.2898903</v>
      </c>
      <c r="AR3339" s="53">
        <v>11315478.882906999</v>
      </c>
      <c r="AS3339" s="53">
        <v>10252062.4524568</v>
      </c>
      <c r="AT3339" s="53">
        <v>10153830.120303901</v>
      </c>
      <c r="AU3339" s="53">
        <v>10432124.804749301</v>
      </c>
      <c r="AV3339" s="53">
        <v>11287751.379008001</v>
      </c>
      <c r="AW3339" s="53">
        <v>9949482.9827644303</v>
      </c>
      <c r="AX3339" s="53">
        <v>9790420.6641364004</v>
      </c>
      <c r="AY3339" s="53">
        <v>10141600.451407099</v>
      </c>
      <c r="AZ3339" s="53">
        <v>9355186.5776413698</v>
      </c>
      <c r="BA3339" s="53">
        <v>125681460.09681199</v>
      </c>
      <c r="BB3339" s="53">
        <v>9717895.3637301996</v>
      </c>
      <c r="BC3339" s="53">
        <v>10706400.1599728</v>
      </c>
      <c r="BD3339" s="53">
        <v>10917200.7646276</v>
      </c>
      <c r="BE3339" s="53">
        <v>10761343.194166301</v>
      </c>
      <c r="BF3339" s="53">
        <v>9697937.8399923593</v>
      </c>
      <c r="BG3339" s="53">
        <v>9599833.4168414008</v>
      </c>
      <c r="BH3339" s="53">
        <v>9878150.8865057696</v>
      </c>
      <c r="BI3339" s="53">
        <v>10733979.9137883</v>
      </c>
      <c r="BJ3339" s="53">
        <v>9395379.2524781693</v>
      </c>
      <c r="BK3339" s="53">
        <v>9236278.0370073505</v>
      </c>
      <c r="BL3339" s="53">
        <v>9587493.2421651501</v>
      </c>
      <c r="BM3339" s="53">
        <v>8801018.5987963006</v>
      </c>
      <c r="BN3339" s="53">
        <v>119032910.67007101</v>
      </c>
      <c r="BO3339" s="53">
        <v>9971080.1865897309</v>
      </c>
      <c r="BP3339" s="53">
        <v>10966796.9221568</v>
      </c>
      <c r="BQ3339" s="53">
        <v>11171338.5049794</v>
      </c>
      <c r="BR3339" s="53">
        <v>11013161.4486541</v>
      </c>
      <c r="BS3339" s="53">
        <v>9950112.1092787795</v>
      </c>
      <c r="BT3339" s="53">
        <v>9856118.9503013194</v>
      </c>
      <c r="BU3339" s="53">
        <v>10135168.7847954</v>
      </c>
      <c r="BV3339" s="53">
        <v>10997505.077798501</v>
      </c>
      <c r="BW3339" s="53">
        <v>9648224.7188650705</v>
      </c>
      <c r="BX3339" s="53">
        <v>9487873.2771101091</v>
      </c>
      <c r="BY3339" s="53">
        <v>9840226.8876015507</v>
      </c>
      <c r="BZ3339" s="53">
        <v>9051798.4097553305</v>
      </c>
      <c r="CA3339" s="53">
        <v>122089405.277886</v>
      </c>
      <c r="CB3339" s="53">
        <v>-13370.822605965401</v>
      </c>
      <c r="CC3339" s="53">
        <v>-13370.822605965401</v>
      </c>
      <c r="CD3339" s="53">
        <v>-13370.822605965401</v>
      </c>
      <c r="CE3339" s="53">
        <v>-13370.822605965401</v>
      </c>
      <c r="CF3339" s="53">
        <v>-13370.822605965401</v>
      </c>
      <c r="CG3339" s="53">
        <v>-13370.822605965401</v>
      </c>
      <c r="CH3339" s="53">
        <v>-13370.822605965401</v>
      </c>
      <c r="CI3339" s="53">
        <v>-13370.822605965401</v>
      </c>
      <c r="CJ3339" s="53">
        <v>-13370.822605965401</v>
      </c>
      <c r="CK3339" s="53">
        <v>-13370.822605965401</v>
      </c>
      <c r="CL3339" s="53">
        <v>-13370.822605965401</v>
      </c>
      <c r="CM3339" s="53">
        <v>-13370.822605965401</v>
      </c>
      <c r="CN3339" s="53">
        <v>-160449.871271585</v>
      </c>
    </row>
    <row r="3340" spans="1:92" outlineLevel="1">
      <c r="A3340" s="52" t="s">
        <v>1384</v>
      </c>
      <c r="B3340" s="53"/>
      <c r="C3340" s="53"/>
      <c r="D3340" s="53"/>
      <c r="E3340" s="53"/>
      <c r="F3340" s="53"/>
      <c r="G3340" s="53"/>
      <c r="H3340" s="53"/>
      <c r="I3340" s="53"/>
      <c r="J3340" s="53"/>
      <c r="K3340" s="53"/>
      <c r="L3340" s="53"/>
      <c r="M3340" s="53"/>
      <c r="N3340" s="53"/>
      <c r="O3340" s="53"/>
      <c r="P3340" s="53"/>
      <c r="Q3340" s="53"/>
      <c r="R3340" s="53"/>
      <c r="S3340" s="53"/>
      <c r="T3340" s="53"/>
      <c r="U3340" s="53"/>
      <c r="V3340" s="53"/>
      <c r="W3340" s="53"/>
      <c r="X3340" s="53"/>
      <c r="Y3340" s="53"/>
      <c r="Z3340" s="53"/>
      <c r="AA3340" s="53"/>
      <c r="AB3340" s="53"/>
      <c r="AC3340" s="53"/>
      <c r="AD3340" s="53"/>
      <c r="AE3340" s="53"/>
      <c r="AF3340" s="53"/>
      <c r="AG3340" s="53"/>
      <c r="AH3340" s="53"/>
      <c r="AI3340" s="53"/>
      <c r="AJ3340" s="53"/>
      <c r="AK3340" s="53"/>
      <c r="AL3340" s="53"/>
      <c r="AM3340" s="53"/>
      <c r="AN3340" s="53"/>
      <c r="AO3340" s="53"/>
      <c r="AP3340" s="53"/>
      <c r="AQ3340" s="53"/>
      <c r="AR3340" s="53"/>
      <c r="AS3340" s="53"/>
      <c r="AT3340" s="53"/>
      <c r="AU3340" s="53"/>
      <c r="AV3340" s="53"/>
      <c r="AW3340" s="53"/>
      <c r="AX3340" s="53"/>
      <c r="AY3340" s="53"/>
      <c r="AZ3340" s="53"/>
      <c r="BA3340" s="53"/>
      <c r="BB3340" s="53"/>
      <c r="BC3340" s="53"/>
      <c r="BD3340" s="53"/>
      <c r="BE3340" s="53"/>
      <c r="BF3340" s="53"/>
      <c r="BG3340" s="53"/>
      <c r="BH3340" s="53"/>
      <c r="BI3340" s="53"/>
      <c r="BJ3340" s="53"/>
      <c r="BK3340" s="53"/>
      <c r="BL3340" s="53"/>
      <c r="BM3340" s="53"/>
      <c r="BN3340" s="53"/>
      <c r="BO3340" s="53"/>
      <c r="BP3340" s="53"/>
      <c r="BQ3340" s="53"/>
      <c r="BR3340" s="53"/>
      <c r="BS3340" s="53"/>
      <c r="BT3340" s="53"/>
      <c r="BU3340" s="53"/>
      <c r="BV3340" s="53"/>
      <c r="BW3340" s="53"/>
      <c r="BX3340" s="53"/>
      <c r="BY3340" s="53"/>
      <c r="BZ3340" s="53"/>
      <c r="CA3340" s="53"/>
      <c r="CB3340" s="53">
        <v>-44991.872611464903</v>
      </c>
      <c r="CC3340" s="53">
        <v>-44991.872611464903</v>
      </c>
      <c r="CD3340" s="53">
        <v>-44991.872611464903</v>
      </c>
      <c r="CE3340" s="53">
        <v>-44991.872611464903</v>
      </c>
      <c r="CF3340" s="53">
        <v>-44991.872611464903</v>
      </c>
      <c r="CG3340" s="53">
        <v>-44991.872611464903</v>
      </c>
      <c r="CH3340" s="53">
        <v>-44991.872611464903</v>
      </c>
      <c r="CI3340" s="53">
        <v>-44991.872611464903</v>
      </c>
      <c r="CJ3340" s="53">
        <v>-44991.872611464903</v>
      </c>
      <c r="CK3340" s="53">
        <v>-44991.872611464903</v>
      </c>
      <c r="CL3340" s="53">
        <v>-44991.872611464903</v>
      </c>
      <c r="CM3340" s="53">
        <v>-44991.872611464903</v>
      </c>
      <c r="CN3340" s="53">
        <v>-539902.47133757896</v>
      </c>
    </row>
    <row r="3341" spans="1:92" outlineLevel="1">
      <c r="A3341" s="52" t="s">
        <v>649</v>
      </c>
      <c r="B3341" s="53">
        <v>-554610</v>
      </c>
      <c r="C3341" s="53">
        <v>-39360</v>
      </c>
      <c r="D3341" s="53">
        <v>-7627280</v>
      </c>
      <c r="E3341" s="53">
        <v>-1365350</v>
      </c>
      <c r="F3341" s="53">
        <v>-71813500</v>
      </c>
      <c r="G3341" s="53">
        <v>-2731740</v>
      </c>
      <c r="H3341" s="53">
        <v>-167029.99999999901</v>
      </c>
      <c r="I3341" s="53">
        <v>-253980</v>
      </c>
      <c r="J3341" s="53">
        <v>-608110</v>
      </c>
      <c r="K3341" s="53">
        <v>-54719770</v>
      </c>
      <c r="L3341" s="53">
        <v>-2525649.9999999902</v>
      </c>
      <c r="M3341" s="53">
        <v>6910090</v>
      </c>
      <c r="N3341" s="53">
        <v>-135496290</v>
      </c>
      <c r="O3341" s="53"/>
      <c r="P3341" s="53"/>
      <c r="Q3341" s="53"/>
      <c r="R3341" s="53"/>
      <c r="S3341" s="53"/>
      <c r="T3341" s="53"/>
      <c r="U3341" s="53"/>
      <c r="V3341" s="53"/>
      <c r="W3341" s="53"/>
      <c r="X3341" s="53"/>
      <c r="Y3341" s="53"/>
      <c r="Z3341" s="53"/>
      <c r="AA3341" s="53"/>
      <c r="AB3341" s="53"/>
      <c r="AC3341" s="53"/>
      <c r="AD3341" s="53"/>
      <c r="AE3341" s="53"/>
      <c r="AF3341" s="53"/>
      <c r="AG3341" s="53"/>
      <c r="AH3341" s="53"/>
      <c r="AI3341" s="53"/>
      <c r="AJ3341" s="53"/>
      <c r="AK3341" s="53"/>
      <c r="AL3341" s="53"/>
      <c r="AM3341" s="53"/>
      <c r="AN3341" s="53"/>
      <c r="AO3341" s="53"/>
      <c r="AP3341" s="53"/>
      <c r="AQ3341" s="53"/>
      <c r="AR3341" s="53"/>
      <c r="AS3341" s="53"/>
      <c r="AT3341" s="53"/>
      <c r="AU3341" s="53"/>
      <c r="AV3341" s="53"/>
      <c r="AW3341" s="53"/>
      <c r="AX3341" s="53"/>
      <c r="AY3341" s="53"/>
      <c r="AZ3341" s="53"/>
      <c r="BA3341" s="53"/>
      <c r="BB3341" s="53"/>
      <c r="BC3341" s="53"/>
      <c r="BD3341" s="53"/>
      <c r="BE3341" s="53"/>
      <c r="BF3341" s="53"/>
      <c r="BG3341" s="53"/>
      <c r="BH3341" s="53"/>
      <c r="BI3341" s="53"/>
      <c r="BJ3341" s="53"/>
      <c r="BK3341" s="53"/>
      <c r="BL3341" s="53"/>
      <c r="BM3341" s="53"/>
      <c r="BN3341" s="53"/>
      <c r="BO3341" s="53"/>
      <c r="BP3341" s="53"/>
      <c r="BQ3341" s="53"/>
      <c r="BR3341" s="53"/>
      <c r="BS3341" s="53"/>
      <c r="BT3341" s="53"/>
      <c r="BU3341" s="53"/>
      <c r="BV3341" s="53"/>
      <c r="BW3341" s="53"/>
      <c r="BX3341" s="53"/>
      <c r="BY3341" s="53"/>
      <c r="BZ3341" s="53"/>
      <c r="CA3341" s="53"/>
      <c r="CB3341" s="53">
        <v>-52157.242105263002</v>
      </c>
      <c r="CC3341" s="53">
        <v>-52157.242105263002</v>
      </c>
      <c r="CD3341" s="53">
        <v>-52157.242105263002</v>
      </c>
      <c r="CE3341" s="53">
        <v>-52157.242105263002</v>
      </c>
      <c r="CF3341" s="53">
        <v>-52157.242105263002</v>
      </c>
      <c r="CG3341" s="53">
        <v>-52157.242105263002</v>
      </c>
      <c r="CH3341" s="53">
        <v>-52157.242105263002</v>
      </c>
      <c r="CI3341" s="53">
        <v>-52157.242105263002</v>
      </c>
      <c r="CJ3341" s="53">
        <v>-52157.242105263002</v>
      </c>
      <c r="CK3341" s="53">
        <v>-52157.242105263002</v>
      </c>
      <c r="CL3341" s="53">
        <v>-52157.242105263002</v>
      </c>
      <c r="CM3341" s="53">
        <v>-52157.242105263002</v>
      </c>
      <c r="CN3341" s="53">
        <v>-625886.90526315698</v>
      </c>
    </row>
    <row r="3342" spans="1:92" outlineLevel="1">
      <c r="A3342" s="52" t="s">
        <v>750</v>
      </c>
      <c r="B3342" s="53"/>
      <c r="C3342" s="53"/>
      <c r="D3342" s="53"/>
      <c r="E3342" s="53"/>
      <c r="F3342" s="53"/>
      <c r="G3342" s="53"/>
      <c r="H3342" s="53"/>
      <c r="I3342" s="53"/>
      <c r="J3342" s="53"/>
      <c r="K3342" s="53"/>
      <c r="L3342" s="53"/>
      <c r="M3342" s="53"/>
      <c r="N3342" s="53"/>
      <c r="O3342" s="53"/>
      <c r="P3342" s="53"/>
      <c r="Q3342" s="53"/>
      <c r="R3342" s="53"/>
      <c r="S3342" s="53"/>
      <c r="T3342" s="53"/>
      <c r="U3342" s="53"/>
      <c r="V3342" s="53"/>
      <c r="W3342" s="53"/>
      <c r="X3342" s="53"/>
      <c r="Y3342" s="53"/>
      <c r="Z3342" s="53"/>
      <c r="AA3342" s="53"/>
      <c r="AB3342" s="53"/>
      <c r="AC3342" s="53"/>
      <c r="AD3342" s="53"/>
      <c r="AE3342" s="53"/>
      <c r="AF3342" s="53"/>
      <c r="AG3342" s="53"/>
      <c r="AH3342" s="53"/>
      <c r="AI3342" s="53"/>
      <c r="AJ3342" s="53"/>
      <c r="AK3342" s="53"/>
      <c r="AL3342" s="53"/>
      <c r="AM3342" s="53"/>
      <c r="AN3342" s="53"/>
      <c r="AO3342" s="53"/>
      <c r="AP3342" s="53"/>
      <c r="AQ3342" s="53"/>
      <c r="AR3342" s="53"/>
      <c r="AS3342" s="53"/>
      <c r="AT3342" s="53"/>
      <c r="AU3342" s="53"/>
      <c r="AV3342" s="53"/>
      <c r="AW3342" s="53"/>
      <c r="AX3342" s="53"/>
      <c r="AY3342" s="53"/>
      <c r="AZ3342" s="53"/>
      <c r="BA3342" s="53"/>
      <c r="BB3342" s="53"/>
      <c r="BC3342" s="53"/>
      <c r="BD3342" s="53"/>
      <c r="BE3342" s="53"/>
      <c r="BF3342" s="53"/>
      <c r="BG3342" s="53"/>
      <c r="BH3342" s="53"/>
      <c r="BI3342" s="53"/>
      <c r="BJ3342" s="53"/>
      <c r="BK3342" s="53"/>
      <c r="BL3342" s="53"/>
      <c r="BM3342" s="53"/>
      <c r="BN3342" s="53"/>
      <c r="BO3342" s="53"/>
      <c r="BP3342" s="53"/>
      <c r="BQ3342" s="53"/>
      <c r="BR3342" s="53"/>
      <c r="BS3342" s="53"/>
      <c r="BT3342" s="53"/>
      <c r="BU3342" s="53"/>
      <c r="BV3342" s="53"/>
      <c r="BW3342" s="53"/>
      <c r="BX3342" s="53"/>
      <c r="BY3342" s="53"/>
      <c r="BZ3342" s="53"/>
      <c r="CA3342" s="53"/>
      <c r="CB3342" s="53"/>
      <c r="CC3342" s="53"/>
      <c r="CD3342" s="53"/>
      <c r="CE3342" s="53"/>
      <c r="CF3342" s="53"/>
      <c r="CG3342" s="53"/>
      <c r="CH3342" s="53"/>
      <c r="CI3342" s="53"/>
      <c r="CJ3342" s="53"/>
      <c r="CK3342" s="53"/>
      <c r="CL3342" s="53"/>
      <c r="CM3342" s="53"/>
      <c r="CN3342" s="53"/>
    </row>
    <row r="3343" spans="1:92" outlineLevel="1">
      <c r="A3343" s="52" t="s">
        <v>753</v>
      </c>
      <c r="B3343" s="53"/>
      <c r="C3343" s="53"/>
      <c r="D3343" s="53"/>
      <c r="E3343" s="53"/>
      <c r="F3343" s="53"/>
      <c r="G3343" s="53"/>
      <c r="H3343" s="53"/>
      <c r="I3343" s="53"/>
      <c r="J3343" s="53"/>
      <c r="K3343" s="53"/>
      <c r="L3343" s="53"/>
      <c r="M3343" s="53"/>
      <c r="N3343" s="53"/>
      <c r="O3343" s="53"/>
      <c r="P3343" s="53"/>
      <c r="Q3343" s="53"/>
      <c r="R3343" s="53"/>
      <c r="S3343" s="53"/>
      <c r="T3343" s="53"/>
      <c r="U3343" s="53"/>
      <c r="V3343" s="53"/>
      <c r="W3343" s="53"/>
      <c r="X3343" s="53"/>
      <c r="Y3343" s="53"/>
      <c r="Z3343" s="53"/>
      <c r="AA3343" s="53"/>
      <c r="AB3343" s="53"/>
      <c r="AC3343" s="53"/>
      <c r="AD3343" s="53"/>
      <c r="AE3343" s="53"/>
      <c r="AF3343" s="53"/>
      <c r="AG3343" s="53"/>
      <c r="AH3343" s="53"/>
      <c r="AI3343" s="53"/>
      <c r="AJ3343" s="53"/>
      <c r="AK3343" s="53"/>
      <c r="AL3343" s="53"/>
      <c r="AM3343" s="53"/>
      <c r="AN3343" s="53"/>
      <c r="AO3343" s="53"/>
      <c r="AP3343" s="53"/>
      <c r="AQ3343" s="53"/>
      <c r="AR3343" s="53"/>
      <c r="AS3343" s="53"/>
      <c r="AT3343" s="53"/>
      <c r="AU3343" s="53"/>
      <c r="AV3343" s="53"/>
      <c r="AW3343" s="53"/>
      <c r="AX3343" s="53"/>
      <c r="AY3343" s="53"/>
      <c r="AZ3343" s="53"/>
      <c r="BA3343" s="53"/>
      <c r="BB3343" s="53"/>
      <c r="BC3343" s="53"/>
      <c r="BD3343" s="53"/>
      <c r="BE3343" s="53"/>
      <c r="BF3343" s="53"/>
      <c r="BG3343" s="53"/>
      <c r="BH3343" s="53"/>
      <c r="BI3343" s="53"/>
      <c r="BJ3343" s="53"/>
      <c r="BK3343" s="53"/>
      <c r="BL3343" s="53"/>
      <c r="BM3343" s="53"/>
      <c r="BN3343" s="53"/>
      <c r="BO3343" s="53"/>
      <c r="BP3343" s="53"/>
      <c r="BQ3343" s="53"/>
      <c r="BR3343" s="53"/>
      <c r="BS3343" s="53"/>
      <c r="BT3343" s="53"/>
      <c r="BU3343" s="53"/>
      <c r="BV3343" s="53"/>
      <c r="BW3343" s="53"/>
      <c r="BX3343" s="53"/>
      <c r="BY3343" s="53"/>
      <c r="BZ3343" s="53"/>
      <c r="CA3343" s="53"/>
      <c r="CB3343" s="53">
        <v>-38996.049261083703</v>
      </c>
      <c r="CC3343" s="53">
        <v>-38996.049261083703</v>
      </c>
      <c r="CD3343" s="53">
        <v>-38996.049261083703</v>
      </c>
      <c r="CE3343" s="53">
        <v>-38996.049261083703</v>
      </c>
      <c r="CF3343" s="53">
        <v>-38996.049261083703</v>
      </c>
      <c r="CG3343" s="53">
        <v>-38996.049261083703</v>
      </c>
      <c r="CH3343" s="53">
        <v>-38996.049261083703</v>
      </c>
      <c r="CI3343" s="53">
        <v>-38996.049261083703</v>
      </c>
      <c r="CJ3343" s="53">
        <v>-38996.049261083703</v>
      </c>
      <c r="CK3343" s="53">
        <v>-38996.049261083703</v>
      </c>
      <c r="CL3343" s="53">
        <v>-38996.049261083703</v>
      </c>
      <c r="CM3343" s="53">
        <v>-38996.049261083703</v>
      </c>
      <c r="CN3343" s="53">
        <v>-467952.591133004</v>
      </c>
    </row>
    <row r="3344" spans="1:92" outlineLevel="1">
      <c r="A3344" s="52" t="s">
        <v>649</v>
      </c>
      <c r="B3344" s="53">
        <v>5956650</v>
      </c>
      <c r="C3344" s="53">
        <v>5991170</v>
      </c>
      <c r="D3344" s="53">
        <v>5749080</v>
      </c>
      <c r="E3344" s="53">
        <v>6015240</v>
      </c>
      <c r="F3344" s="53">
        <v>6043800</v>
      </c>
      <c r="G3344" s="53">
        <v>5798460</v>
      </c>
      <c r="H3344" s="53">
        <v>6100360</v>
      </c>
      <c r="I3344" s="53">
        <v>6120639.9999999898</v>
      </c>
      <c r="J3344" s="53">
        <v>5909549.9999999898</v>
      </c>
      <c r="K3344" s="53">
        <v>6173109.9999999898</v>
      </c>
      <c r="L3344" s="53">
        <v>6185509.9999999898</v>
      </c>
      <c r="M3344" s="53">
        <v>5952779.9999999898</v>
      </c>
      <c r="N3344" s="53">
        <v>71996350</v>
      </c>
      <c r="O3344" s="53">
        <v>6319192.0642190203</v>
      </c>
      <c r="P3344" s="53">
        <v>7360541.86776431</v>
      </c>
      <c r="Q3344" s="53">
        <v>7378460.4906525305</v>
      </c>
      <c r="R3344" s="53">
        <v>7445708.7263047099</v>
      </c>
      <c r="S3344" s="53">
        <v>7461926.6665074704</v>
      </c>
      <c r="T3344" s="53">
        <v>7514307.2286579097</v>
      </c>
      <c r="U3344" s="53">
        <v>7556331.4391971398</v>
      </c>
      <c r="V3344" s="53">
        <v>7580989.0145613998</v>
      </c>
      <c r="W3344" s="53">
        <v>7597705.95827334</v>
      </c>
      <c r="X3344" s="53">
        <v>7631567.1460170997</v>
      </c>
      <c r="Y3344" s="53">
        <v>7648065.2002727697</v>
      </c>
      <c r="Z3344" s="53">
        <v>7666034.6098542204</v>
      </c>
      <c r="AA3344" s="53">
        <v>89160830.412281901</v>
      </c>
      <c r="AB3344" s="53">
        <v>7914002.6005074596</v>
      </c>
      <c r="AC3344" s="53">
        <v>7926868.5617945204</v>
      </c>
      <c r="AD3344" s="53">
        <v>8029718.0151607897</v>
      </c>
      <c r="AE3344" s="53">
        <v>8071270.9887854299</v>
      </c>
      <c r="AF3344" s="53">
        <v>8087698.9135041302</v>
      </c>
      <c r="AG3344" s="53">
        <v>8105409.0055210898</v>
      </c>
      <c r="AH3344" s="53">
        <v>8153514.4149436001</v>
      </c>
      <c r="AI3344" s="53">
        <v>8169036.9730889201</v>
      </c>
      <c r="AJ3344" s="53">
        <v>8184366.4264179403</v>
      </c>
      <c r="AK3344" s="53">
        <v>8216897.3170261998</v>
      </c>
      <c r="AL3344" s="53">
        <v>8291111.2237156499</v>
      </c>
      <c r="AM3344" s="53">
        <v>8307622.0743817901</v>
      </c>
      <c r="AN3344" s="53">
        <v>97457516.514847502</v>
      </c>
      <c r="AO3344" s="53">
        <v>8628991.3660780899</v>
      </c>
      <c r="AP3344" s="53">
        <v>8663645.0442195907</v>
      </c>
      <c r="AQ3344" s="53">
        <v>8678688.9939204697</v>
      </c>
      <c r="AR3344" s="53">
        <v>8716645.5037144199</v>
      </c>
      <c r="AS3344" s="53">
        <v>8746931.1134135798</v>
      </c>
      <c r="AT3344" s="53">
        <v>8765498.8277180009</v>
      </c>
      <c r="AU3344" s="53">
        <v>8826183.6524635106</v>
      </c>
      <c r="AV3344" s="53">
        <v>8844591.8049089108</v>
      </c>
      <c r="AW3344" s="53">
        <v>8863409.6941099204</v>
      </c>
      <c r="AX3344" s="53">
        <v>8944606.4296237901</v>
      </c>
      <c r="AY3344" s="53">
        <v>8962589.4467277192</v>
      </c>
      <c r="AZ3344" s="53">
        <v>8978909.4356714003</v>
      </c>
      <c r="BA3344" s="53">
        <v>105620691.31256901</v>
      </c>
      <c r="BB3344" s="53">
        <v>9372238.38647536</v>
      </c>
      <c r="BC3344" s="53">
        <v>9397952.5294049606</v>
      </c>
      <c r="BD3344" s="53">
        <v>9413423.4992784709</v>
      </c>
      <c r="BE3344" s="53">
        <v>9454318.5242468901</v>
      </c>
      <c r="BF3344" s="53">
        <v>9472449.7721980494</v>
      </c>
      <c r="BG3344" s="53">
        <v>9510535.8747160006</v>
      </c>
      <c r="BH3344" s="53">
        <v>9564867.6463295408</v>
      </c>
      <c r="BI3344" s="53">
        <v>9634305.6461628005</v>
      </c>
      <c r="BJ3344" s="53">
        <v>9655911.7044461295</v>
      </c>
      <c r="BK3344" s="53">
        <v>9695286.7399003301</v>
      </c>
      <c r="BL3344" s="53">
        <v>9716034.4693227895</v>
      </c>
      <c r="BM3344" s="53">
        <v>9733988.7181780208</v>
      </c>
      <c r="BN3344" s="53">
        <v>114621313.51065899</v>
      </c>
      <c r="BO3344" s="53">
        <v>9876654.3775159996</v>
      </c>
      <c r="BP3344" s="53">
        <v>9891365.1858431809</v>
      </c>
      <c r="BQ3344" s="53">
        <v>9907319.5416215193</v>
      </c>
      <c r="BR3344" s="53">
        <v>9942099.8921780307</v>
      </c>
      <c r="BS3344" s="53">
        <v>9960550.8379892893</v>
      </c>
      <c r="BT3344" s="53">
        <v>9986300.6969475895</v>
      </c>
      <c r="BU3344" s="53">
        <v>10038500.5612454</v>
      </c>
      <c r="BV3344" s="53">
        <v>10116440.3297581</v>
      </c>
      <c r="BW3344" s="53">
        <v>10137533.5781515</v>
      </c>
      <c r="BX3344" s="53">
        <v>10177772.219191199</v>
      </c>
      <c r="BY3344" s="53">
        <v>10220375.2256312</v>
      </c>
      <c r="BZ3344" s="53">
        <v>10240178.7756714</v>
      </c>
      <c r="CA3344" s="53">
        <v>120495091.221744</v>
      </c>
      <c r="CB3344" s="53">
        <v>-48595.514644351497</v>
      </c>
      <c r="CC3344" s="53">
        <v>-48595.514644351497</v>
      </c>
      <c r="CD3344" s="53">
        <v>-48595.514644351497</v>
      </c>
      <c r="CE3344" s="53">
        <v>-48595.514644351497</v>
      </c>
      <c r="CF3344" s="53">
        <v>-48595.514644351497</v>
      </c>
      <c r="CG3344" s="53">
        <v>-48595.514644351497</v>
      </c>
      <c r="CH3344" s="53">
        <v>-48595.514644351497</v>
      </c>
      <c r="CI3344" s="53">
        <v>-48595.514644351497</v>
      </c>
      <c r="CJ3344" s="53">
        <v>-48595.514644351497</v>
      </c>
      <c r="CK3344" s="53">
        <v>-48595.514644351497</v>
      </c>
      <c r="CL3344" s="53">
        <v>-48595.514644351497</v>
      </c>
      <c r="CM3344" s="53">
        <v>-48595.514644351497</v>
      </c>
      <c r="CN3344" s="53">
        <v>-583146.17573221796</v>
      </c>
    </row>
    <row r="3345" spans="1:92" outlineLevel="1">
      <c r="A3345" s="52" t="s">
        <v>755</v>
      </c>
      <c r="B3345" s="53"/>
      <c r="C3345" s="53"/>
      <c r="D3345" s="53"/>
      <c r="E3345" s="53"/>
      <c r="F3345" s="53"/>
      <c r="G3345" s="53"/>
      <c r="H3345" s="53"/>
      <c r="I3345" s="53"/>
      <c r="J3345" s="53"/>
      <c r="K3345" s="53"/>
      <c r="L3345" s="53"/>
      <c r="M3345" s="53"/>
      <c r="N3345" s="53"/>
      <c r="O3345" s="53"/>
      <c r="P3345" s="53"/>
      <c r="Q3345" s="53"/>
      <c r="R3345" s="53"/>
      <c r="S3345" s="53"/>
      <c r="T3345" s="53"/>
      <c r="U3345" s="53"/>
      <c r="V3345" s="53"/>
      <c r="W3345" s="53"/>
      <c r="X3345" s="53"/>
      <c r="Y3345" s="53"/>
      <c r="Z3345" s="53"/>
      <c r="AA3345" s="53"/>
      <c r="AB3345" s="53"/>
      <c r="AC3345" s="53"/>
      <c r="AD3345" s="53"/>
      <c r="AE3345" s="53"/>
      <c r="AF3345" s="53"/>
      <c r="AG3345" s="53"/>
      <c r="AH3345" s="53"/>
      <c r="AI3345" s="53"/>
      <c r="AJ3345" s="53"/>
      <c r="AK3345" s="53"/>
      <c r="AL3345" s="53"/>
      <c r="AM3345" s="53"/>
      <c r="AN3345" s="53"/>
      <c r="AO3345" s="53"/>
      <c r="AP3345" s="53"/>
      <c r="AQ3345" s="53"/>
      <c r="AR3345" s="53"/>
      <c r="AS3345" s="53"/>
      <c r="AT3345" s="53"/>
      <c r="AU3345" s="53"/>
      <c r="AV3345" s="53"/>
      <c r="AW3345" s="53"/>
      <c r="AX3345" s="53"/>
      <c r="AY3345" s="53"/>
      <c r="AZ3345" s="53"/>
      <c r="BA3345" s="53"/>
      <c r="BB3345" s="53"/>
      <c r="BC3345" s="53"/>
      <c r="BD3345" s="53"/>
      <c r="BE3345" s="53"/>
      <c r="BF3345" s="53"/>
      <c r="BG3345" s="53"/>
      <c r="BH3345" s="53"/>
      <c r="BI3345" s="53"/>
      <c r="BJ3345" s="53"/>
      <c r="BK3345" s="53"/>
      <c r="BL3345" s="53"/>
      <c r="BM3345" s="53"/>
      <c r="BN3345" s="53"/>
      <c r="BO3345" s="53"/>
      <c r="BP3345" s="53"/>
      <c r="BQ3345" s="53"/>
      <c r="BR3345" s="53"/>
      <c r="BS3345" s="53"/>
      <c r="BT3345" s="53"/>
      <c r="BU3345" s="53"/>
      <c r="BV3345" s="53"/>
      <c r="BW3345" s="53"/>
      <c r="BX3345" s="53"/>
      <c r="BY3345" s="53"/>
      <c r="BZ3345" s="53"/>
      <c r="CA3345" s="53"/>
      <c r="CB3345" s="53">
        <v>-16652.086230876201</v>
      </c>
      <c r="CC3345" s="53">
        <v>-16652.086230876201</v>
      </c>
      <c r="CD3345" s="53">
        <v>-16652.086230876201</v>
      </c>
      <c r="CE3345" s="53">
        <v>-16652.086230876201</v>
      </c>
      <c r="CF3345" s="53">
        <v>-16652.086230876201</v>
      </c>
      <c r="CG3345" s="53">
        <v>-16652.086230876201</v>
      </c>
      <c r="CH3345" s="53">
        <v>-16652.086230876201</v>
      </c>
      <c r="CI3345" s="53">
        <v>-16652.086230876201</v>
      </c>
      <c r="CJ3345" s="53">
        <v>-16652.086230876201</v>
      </c>
      <c r="CK3345" s="53">
        <v>-16652.086230876201</v>
      </c>
      <c r="CL3345" s="53">
        <v>-16652.086230876201</v>
      </c>
      <c r="CM3345" s="53">
        <v>-16652.086230876201</v>
      </c>
      <c r="CN3345" s="53">
        <v>-199825.034770514</v>
      </c>
    </row>
    <row r="3346" spans="1:92" outlineLevel="1">
      <c r="A3346" s="52" t="s">
        <v>756</v>
      </c>
      <c r="B3346" s="53"/>
      <c r="C3346" s="53"/>
      <c r="D3346" s="53"/>
      <c r="E3346" s="53"/>
      <c r="F3346" s="53"/>
      <c r="G3346" s="53"/>
      <c r="H3346" s="53"/>
      <c r="I3346" s="53"/>
      <c r="J3346" s="53"/>
      <c r="K3346" s="53"/>
      <c r="L3346" s="53"/>
      <c r="M3346" s="53"/>
      <c r="N3346" s="53"/>
      <c r="O3346" s="53"/>
      <c r="P3346" s="53"/>
      <c r="Q3346" s="53"/>
      <c r="R3346" s="53"/>
      <c r="S3346" s="53"/>
      <c r="T3346" s="53"/>
      <c r="U3346" s="53"/>
      <c r="V3346" s="53"/>
      <c r="W3346" s="53"/>
      <c r="X3346" s="53"/>
      <c r="Y3346" s="53"/>
      <c r="Z3346" s="53"/>
      <c r="AA3346" s="53"/>
      <c r="AB3346" s="53"/>
      <c r="AC3346" s="53"/>
      <c r="AD3346" s="53"/>
      <c r="AE3346" s="53"/>
      <c r="AF3346" s="53"/>
      <c r="AG3346" s="53"/>
      <c r="AH3346" s="53"/>
      <c r="AI3346" s="53"/>
      <c r="AJ3346" s="53"/>
      <c r="AK3346" s="53"/>
      <c r="AL3346" s="53"/>
      <c r="AM3346" s="53"/>
      <c r="AN3346" s="53"/>
      <c r="AO3346" s="53"/>
      <c r="AP3346" s="53"/>
      <c r="AQ3346" s="53"/>
      <c r="AR3346" s="53"/>
      <c r="AS3346" s="53"/>
      <c r="AT3346" s="53"/>
      <c r="AU3346" s="53"/>
      <c r="AV3346" s="53"/>
      <c r="AW3346" s="53"/>
      <c r="AX3346" s="53"/>
      <c r="AY3346" s="53"/>
      <c r="AZ3346" s="53"/>
      <c r="BA3346" s="53"/>
      <c r="BB3346" s="53"/>
      <c r="BC3346" s="53"/>
      <c r="BD3346" s="53"/>
      <c r="BE3346" s="53"/>
      <c r="BF3346" s="53"/>
      <c r="BG3346" s="53"/>
      <c r="BH3346" s="53"/>
      <c r="BI3346" s="53"/>
      <c r="BJ3346" s="53"/>
      <c r="BK3346" s="53"/>
      <c r="BL3346" s="53"/>
      <c r="BM3346" s="53"/>
      <c r="BN3346" s="53"/>
      <c r="BO3346" s="53"/>
      <c r="BP3346" s="53"/>
      <c r="BQ3346" s="53"/>
      <c r="BR3346" s="53"/>
      <c r="BS3346" s="53"/>
      <c r="BT3346" s="53"/>
      <c r="BU3346" s="53"/>
      <c r="BV3346" s="53"/>
      <c r="BW3346" s="53"/>
      <c r="BX3346" s="53"/>
      <c r="BY3346" s="53"/>
      <c r="BZ3346" s="53"/>
      <c r="CA3346" s="53"/>
      <c r="CB3346" s="53"/>
      <c r="CC3346" s="53"/>
      <c r="CD3346" s="53"/>
      <c r="CE3346" s="53"/>
      <c r="CF3346" s="53"/>
      <c r="CG3346" s="53"/>
      <c r="CH3346" s="53"/>
      <c r="CI3346" s="53"/>
      <c r="CJ3346" s="53"/>
      <c r="CK3346" s="53"/>
      <c r="CL3346" s="53"/>
      <c r="CM3346" s="53"/>
      <c r="CN3346" s="53"/>
    </row>
    <row r="3347" spans="1:92" outlineLevel="1">
      <c r="A3347" s="52" t="s">
        <v>757</v>
      </c>
      <c r="B3347" s="53">
        <v>13688873.666666601</v>
      </c>
      <c r="C3347" s="53">
        <v>13688873.666666601</v>
      </c>
      <c r="D3347" s="53">
        <v>13688873.666666601</v>
      </c>
      <c r="E3347" s="53">
        <v>13688873.666666601</v>
      </c>
      <c r="F3347" s="53">
        <v>13688873.666666601</v>
      </c>
      <c r="G3347" s="53">
        <v>13688873.666666601</v>
      </c>
      <c r="H3347" s="53">
        <v>13688873.666666601</v>
      </c>
      <c r="I3347" s="53">
        <v>13688873.666666601</v>
      </c>
      <c r="J3347" s="53">
        <v>13688873.666666601</v>
      </c>
      <c r="K3347" s="53">
        <v>13688873.666666601</v>
      </c>
      <c r="L3347" s="53">
        <v>13688873.666666601</v>
      </c>
      <c r="M3347" s="53">
        <v>13688873.666666601</v>
      </c>
      <c r="N3347" s="53">
        <v>164266484</v>
      </c>
      <c r="O3347" s="53">
        <v>14126772.254375201</v>
      </c>
      <c r="P3347" s="53">
        <v>14126772.254375201</v>
      </c>
      <c r="Q3347" s="53">
        <v>14126772.254375201</v>
      </c>
      <c r="R3347" s="53">
        <v>14126772.254375201</v>
      </c>
      <c r="S3347" s="53">
        <v>14126772.254375201</v>
      </c>
      <c r="T3347" s="53">
        <v>14126772.254375201</v>
      </c>
      <c r="U3347" s="53">
        <v>14126772.254375201</v>
      </c>
      <c r="V3347" s="53">
        <v>14126772.254375201</v>
      </c>
      <c r="W3347" s="53">
        <v>14126772.254375201</v>
      </c>
      <c r="X3347" s="53">
        <v>14126772.254375201</v>
      </c>
      <c r="Y3347" s="53">
        <v>14126772.254375201</v>
      </c>
      <c r="Z3347" s="53">
        <v>14126772.254375201</v>
      </c>
      <c r="AA3347" s="53">
        <v>169521267.05250299</v>
      </c>
      <c r="AB3347" s="53">
        <v>15593108.947459601</v>
      </c>
      <c r="AC3347" s="53">
        <v>15593108.947459601</v>
      </c>
      <c r="AD3347" s="53">
        <v>15593108.947459601</v>
      </c>
      <c r="AE3347" s="53">
        <v>15593108.947459601</v>
      </c>
      <c r="AF3347" s="53">
        <v>15593108.947459601</v>
      </c>
      <c r="AG3347" s="53">
        <v>15593108.947459601</v>
      </c>
      <c r="AH3347" s="53">
        <v>15593108.947459601</v>
      </c>
      <c r="AI3347" s="53">
        <v>15593108.947459601</v>
      </c>
      <c r="AJ3347" s="53">
        <v>15593108.947459601</v>
      </c>
      <c r="AK3347" s="53">
        <v>15593108.947459601</v>
      </c>
      <c r="AL3347" s="53">
        <v>15593108.947459601</v>
      </c>
      <c r="AM3347" s="53">
        <v>15593108.947459601</v>
      </c>
      <c r="AN3347" s="53">
        <v>187117307.36951599</v>
      </c>
      <c r="AO3347" s="53">
        <v>17047149.252494499</v>
      </c>
      <c r="AP3347" s="53">
        <v>17047149.252494499</v>
      </c>
      <c r="AQ3347" s="53">
        <v>17047149.252494499</v>
      </c>
      <c r="AR3347" s="53">
        <v>17047149.252494499</v>
      </c>
      <c r="AS3347" s="53">
        <v>17047149.252494499</v>
      </c>
      <c r="AT3347" s="53">
        <v>17047149.252494499</v>
      </c>
      <c r="AU3347" s="53">
        <v>17047149.252494499</v>
      </c>
      <c r="AV3347" s="53">
        <v>17047149.252494499</v>
      </c>
      <c r="AW3347" s="53">
        <v>17047149.252494499</v>
      </c>
      <c r="AX3347" s="53">
        <v>17047149.252494499</v>
      </c>
      <c r="AY3347" s="53">
        <v>17047149.252494499</v>
      </c>
      <c r="AZ3347" s="53">
        <v>17047149.252494499</v>
      </c>
      <c r="BA3347" s="53">
        <v>204565791.029935</v>
      </c>
      <c r="BB3347" s="53">
        <v>19022617.884772699</v>
      </c>
      <c r="BC3347" s="53">
        <v>19022617.884772699</v>
      </c>
      <c r="BD3347" s="53">
        <v>19022617.884772699</v>
      </c>
      <c r="BE3347" s="53">
        <v>19022617.884772699</v>
      </c>
      <c r="BF3347" s="53">
        <v>19022617.884772699</v>
      </c>
      <c r="BG3347" s="53">
        <v>19022617.884772699</v>
      </c>
      <c r="BH3347" s="53">
        <v>19022617.884772699</v>
      </c>
      <c r="BI3347" s="53">
        <v>19022617.884772699</v>
      </c>
      <c r="BJ3347" s="53">
        <v>19022617.884772699</v>
      </c>
      <c r="BK3347" s="53">
        <v>19022617.884772699</v>
      </c>
      <c r="BL3347" s="53">
        <v>19022617.884772699</v>
      </c>
      <c r="BM3347" s="53">
        <v>19022617.884772699</v>
      </c>
      <c r="BN3347" s="53">
        <v>228271414.61727199</v>
      </c>
      <c r="BO3347" s="53">
        <v>20343678.1158791</v>
      </c>
      <c r="BP3347" s="53">
        <v>20343678.1158791</v>
      </c>
      <c r="BQ3347" s="53">
        <v>20343678.1158791</v>
      </c>
      <c r="BR3347" s="53">
        <v>20343678.1158791</v>
      </c>
      <c r="BS3347" s="53">
        <v>20343678.1158791</v>
      </c>
      <c r="BT3347" s="53">
        <v>20343678.1158791</v>
      </c>
      <c r="BU3347" s="53">
        <v>20343678.1158791</v>
      </c>
      <c r="BV3347" s="53">
        <v>20343678.1158791</v>
      </c>
      <c r="BW3347" s="53">
        <v>20343678.1158791</v>
      </c>
      <c r="BX3347" s="53">
        <v>20343678.1158791</v>
      </c>
      <c r="BY3347" s="53">
        <v>20343678.1158791</v>
      </c>
      <c r="BZ3347" s="53">
        <v>20343678.1158791</v>
      </c>
      <c r="CA3347" s="53">
        <v>244124137.390549</v>
      </c>
      <c r="CB3347" s="53">
        <v>-1213.9315068493099</v>
      </c>
      <c r="CC3347" s="53">
        <v>-1213.9315068493099</v>
      </c>
      <c r="CD3347" s="53">
        <v>-1213.9315068493099</v>
      </c>
      <c r="CE3347" s="53">
        <v>-1213.9315068493099</v>
      </c>
      <c r="CF3347" s="53">
        <v>-1213.9315068493099</v>
      </c>
      <c r="CG3347" s="53">
        <v>-1213.9315068493099</v>
      </c>
      <c r="CH3347" s="53">
        <v>-1213.9315068493099</v>
      </c>
      <c r="CI3347" s="53">
        <v>-1213.9315068493099</v>
      </c>
      <c r="CJ3347" s="53">
        <v>-1213.9315068493099</v>
      </c>
      <c r="CK3347" s="53">
        <v>-1213.9315068493099</v>
      </c>
      <c r="CL3347" s="53">
        <v>-1213.9315068493099</v>
      </c>
      <c r="CM3347" s="53">
        <v>-1213.9315068493099</v>
      </c>
      <c r="CN3347" s="53">
        <v>-14567.1780821917</v>
      </c>
    </row>
    <row r="3348" spans="1:92" outlineLevel="1">
      <c r="A3348" s="52" t="s">
        <v>758</v>
      </c>
      <c r="B3348" s="53"/>
      <c r="C3348" s="53"/>
      <c r="D3348" s="53"/>
      <c r="E3348" s="53"/>
      <c r="F3348" s="53"/>
      <c r="G3348" s="53"/>
      <c r="H3348" s="53"/>
      <c r="I3348" s="53"/>
      <c r="J3348" s="53"/>
      <c r="K3348" s="53"/>
      <c r="L3348" s="53"/>
      <c r="M3348" s="53"/>
      <c r="N3348" s="53"/>
      <c r="O3348" s="53"/>
      <c r="P3348" s="53"/>
      <c r="Q3348" s="53"/>
      <c r="R3348" s="53"/>
      <c r="S3348" s="53"/>
      <c r="T3348" s="53"/>
      <c r="U3348" s="53"/>
      <c r="V3348" s="53"/>
      <c r="W3348" s="53"/>
      <c r="X3348" s="53"/>
      <c r="Y3348" s="53"/>
      <c r="Z3348" s="53"/>
      <c r="AA3348" s="53"/>
      <c r="AB3348" s="53"/>
      <c r="AC3348" s="53"/>
      <c r="AD3348" s="53"/>
      <c r="AE3348" s="53"/>
      <c r="AF3348" s="53"/>
      <c r="AG3348" s="53"/>
      <c r="AH3348" s="53"/>
      <c r="AI3348" s="53"/>
      <c r="AJ3348" s="53"/>
      <c r="AK3348" s="53"/>
      <c r="AL3348" s="53"/>
      <c r="AM3348" s="53"/>
      <c r="AN3348" s="53"/>
      <c r="AO3348" s="53"/>
      <c r="AP3348" s="53"/>
      <c r="AQ3348" s="53"/>
      <c r="AR3348" s="53"/>
      <c r="AS3348" s="53"/>
      <c r="AT3348" s="53"/>
      <c r="AU3348" s="53"/>
      <c r="AV3348" s="53"/>
      <c r="AW3348" s="53"/>
      <c r="AX3348" s="53"/>
      <c r="AY3348" s="53"/>
      <c r="AZ3348" s="53"/>
      <c r="BA3348" s="53"/>
      <c r="BB3348" s="53"/>
      <c r="BC3348" s="53"/>
      <c r="BD3348" s="53"/>
      <c r="BE3348" s="53"/>
      <c r="BF3348" s="53"/>
      <c r="BG3348" s="53"/>
      <c r="BH3348" s="53"/>
      <c r="BI3348" s="53"/>
      <c r="BJ3348" s="53"/>
      <c r="BK3348" s="53"/>
      <c r="BL3348" s="53"/>
      <c r="BM3348" s="53"/>
      <c r="BN3348" s="53"/>
      <c r="BO3348" s="53"/>
      <c r="BP3348" s="53"/>
      <c r="BQ3348" s="53"/>
      <c r="BR3348" s="53"/>
      <c r="BS3348" s="53"/>
      <c r="BT3348" s="53"/>
      <c r="BU3348" s="53"/>
      <c r="BV3348" s="53"/>
      <c r="BW3348" s="53"/>
      <c r="BX3348" s="53"/>
      <c r="BY3348" s="53"/>
      <c r="BZ3348" s="53"/>
      <c r="CA3348" s="53"/>
      <c r="CB3348" s="53">
        <v>-1583.15671641791</v>
      </c>
      <c r="CC3348" s="53">
        <v>-1583.15671641791</v>
      </c>
      <c r="CD3348" s="53">
        <v>-1583.15671641791</v>
      </c>
      <c r="CE3348" s="53">
        <v>-1583.15671641791</v>
      </c>
      <c r="CF3348" s="53">
        <v>-1583.15671641791</v>
      </c>
      <c r="CG3348" s="53">
        <v>-1583.15671641791</v>
      </c>
      <c r="CH3348" s="53">
        <v>-1583.15671641791</v>
      </c>
      <c r="CI3348" s="53">
        <v>-1583.15671641791</v>
      </c>
      <c r="CJ3348" s="53">
        <v>-1583.15671641791</v>
      </c>
      <c r="CK3348" s="53">
        <v>-1583.15671641791</v>
      </c>
      <c r="CL3348" s="53">
        <v>-1583.15671641791</v>
      </c>
      <c r="CM3348" s="53">
        <v>-1583.15671641791</v>
      </c>
      <c r="CN3348" s="53">
        <v>-18997.880597014901</v>
      </c>
    </row>
    <row r="3349" spans="1:92" outlineLevel="1">
      <c r="A3349" s="52" t="s">
        <v>1604</v>
      </c>
      <c r="B3349" s="53"/>
      <c r="C3349" s="53"/>
      <c r="D3349" s="53"/>
      <c r="E3349" s="53"/>
      <c r="F3349" s="53"/>
      <c r="G3349" s="53"/>
      <c r="H3349" s="53"/>
      <c r="I3349" s="53"/>
      <c r="J3349" s="53"/>
      <c r="K3349" s="53"/>
      <c r="L3349" s="53"/>
      <c r="M3349" s="53"/>
      <c r="N3349" s="53"/>
      <c r="O3349" s="53"/>
      <c r="P3349" s="53"/>
      <c r="Q3349" s="53"/>
      <c r="R3349" s="53"/>
      <c r="S3349" s="53"/>
      <c r="T3349" s="53"/>
      <c r="U3349" s="53"/>
      <c r="V3349" s="53"/>
      <c r="W3349" s="53"/>
      <c r="X3349" s="53"/>
      <c r="Y3349" s="53"/>
      <c r="Z3349" s="53"/>
      <c r="AA3349" s="53"/>
      <c r="AB3349" s="53"/>
      <c r="AC3349" s="53"/>
      <c r="AD3349" s="53"/>
      <c r="AE3349" s="53"/>
      <c r="AF3349" s="53"/>
      <c r="AG3349" s="53"/>
      <c r="AH3349" s="53"/>
      <c r="AI3349" s="53"/>
      <c r="AJ3349" s="53"/>
      <c r="AK3349" s="53"/>
      <c r="AL3349" s="53"/>
      <c r="AM3349" s="53"/>
      <c r="AN3349" s="53"/>
      <c r="AO3349" s="53"/>
      <c r="AP3349" s="53"/>
      <c r="AQ3349" s="53"/>
      <c r="AR3349" s="53"/>
      <c r="AS3349" s="53"/>
      <c r="AT3349" s="53"/>
      <c r="AU3349" s="53"/>
      <c r="AV3349" s="53"/>
      <c r="AW3349" s="53"/>
      <c r="AX3349" s="53"/>
      <c r="AY3349" s="53"/>
      <c r="AZ3349" s="53"/>
      <c r="BA3349" s="53"/>
      <c r="BB3349" s="53"/>
      <c r="BC3349" s="53"/>
      <c r="BD3349" s="53"/>
      <c r="BE3349" s="53"/>
      <c r="BF3349" s="53"/>
      <c r="BG3349" s="53"/>
      <c r="BH3349" s="53"/>
      <c r="BI3349" s="53"/>
      <c r="BJ3349" s="53"/>
      <c r="BK3349" s="53"/>
      <c r="BL3349" s="53"/>
      <c r="BM3349" s="53"/>
      <c r="BN3349" s="53"/>
      <c r="BO3349" s="53"/>
      <c r="BP3349" s="53"/>
      <c r="BQ3349" s="53"/>
      <c r="BR3349" s="53"/>
      <c r="BS3349" s="53"/>
      <c r="BT3349" s="53"/>
      <c r="BU3349" s="53"/>
      <c r="BV3349" s="53"/>
      <c r="BW3349" s="53"/>
      <c r="BX3349" s="53"/>
      <c r="BY3349" s="53"/>
      <c r="BZ3349" s="53"/>
      <c r="CA3349" s="53"/>
      <c r="CB3349" s="53">
        <v>-1833.3899204244001</v>
      </c>
      <c r="CC3349" s="53">
        <v>-1833.3899204244001</v>
      </c>
      <c r="CD3349" s="53">
        <v>-1833.3899204244001</v>
      </c>
      <c r="CE3349" s="53">
        <v>-1833.3899204244001</v>
      </c>
      <c r="CF3349" s="53">
        <v>-1833.3899204244001</v>
      </c>
      <c r="CG3349" s="53">
        <v>-1833.3899204244001</v>
      </c>
      <c r="CH3349" s="53">
        <v>-1833.3899204244001</v>
      </c>
      <c r="CI3349" s="53">
        <v>-1833.3899204244001</v>
      </c>
      <c r="CJ3349" s="53">
        <v>-1833.3899204244001</v>
      </c>
      <c r="CK3349" s="53">
        <v>-1833.3899204244001</v>
      </c>
      <c r="CL3349" s="53">
        <v>-1833.3899204244001</v>
      </c>
      <c r="CM3349" s="53">
        <v>-1833.3899204244001</v>
      </c>
      <c r="CN3349" s="53">
        <v>-22000.679045092798</v>
      </c>
    </row>
    <row r="3350" spans="1:92" outlineLevel="1">
      <c r="A3350" s="52" t="s">
        <v>649</v>
      </c>
      <c r="B3350" s="53"/>
      <c r="C3350" s="53"/>
      <c r="D3350" s="53"/>
      <c r="E3350" s="53"/>
      <c r="F3350" s="53"/>
      <c r="G3350" s="53"/>
      <c r="H3350" s="53"/>
      <c r="I3350" s="53"/>
      <c r="J3350" s="53"/>
      <c r="K3350" s="53"/>
      <c r="L3350" s="53"/>
      <c r="M3350" s="53"/>
      <c r="N3350" s="53"/>
      <c r="O3350" s="53">
        <v>-1146882.5597796401</v>
      </c>
      <c r="P3350" s="53">
        <v>-722865.800462496</v>
      </c>
      <c r="Q3350" s="53">
        <v>-784126.88458710897</v>
      </c>
      <c r="R3350" s="53">
        <v>-860357.86625632097</v>
      </c>
      <c r="S3350" s="53">
        <v>-1027930.46849624</v>
      </c>
      <c r="T3350" s="53">
        <v>-1090102.96081228</v>
      </c>
      <c r="U3350" s="53">
        <v>-1144424.9295462801</v>
      </c>
      <c r="V3350" s="53">
        <v>-1425721.4760970999</v>
      </c>
      <c r="W3350" s="53">
        <v>-1064614.5418209401</v>
      </c>
      <c r="X3350" s="53">
        <v>-924770.77023946098</v>
      </c>
      <c r="Y3350" s="53">
        <v>-739947.846671229</v>
      </c>
      <c r="Z3350" s="53">
        <v>-786611.12173092598</v>
      </c>
      <c r="AA3350" s="53">
        <v>-11718357.226500001</v>
      </c>
      <c r="AB3350" s="53"/>
      <c r="AC3350" s="53"/>
      <c r="AD3350" s="53"/>
      <c r="AE3350" s="53"/>
      <c r="AF3350" s="53"/>
      <c r="AG3350" s="53"/>
      <c r="AH3350" s="53"/>
      <c r="AI3350" s="53"/>
      <c r="AJ3350" s="53"/>
      <c r="AK3350" s="53"/>
      <c r="AL3350" s="53"/>
      <c r="AM3350" s="53"/>
      <c r="AN3350" s="53"/>
      <c r="AO3350" s="53"/>
      <c r="AP3350" s="53"/>
      <c r="AQ3350" s="53"/>
      <c r="AR3350" s="53"/>
      <c r="AS3350" s="53"/>
      <c r="AT3350" s="53"/>
      <c r="AU3350" s="53"/>
      <c r="AV3350" s="53"/>
      <c r="AW3350" s="53"/>
      <c r="AX3350" s="53"/>
      <c r="AY3350" s="53"/>
      <c r="AZ3350" s="53"/>
      <c r="BA3350" s="53"/>
      <c r="BB3350" s="53"/>
      <c r="BC3350" s="53"/>
      <c r="BD3350" s="53"/>
      <c r="BE3350" s="53"/>
      <c r="BF3350" s="53"/>
      <c r="BG3350" s="53"/>
      <c r="BH3350" s="53"/>
      <c r="BI3350" s="53"/>
      <c r="BJ3350" s="53"/>
      <c r="BK3350" s="53"/>
      <c r="BL3350" s="53"/>
      <c r="BM3350" s="53"/>
      <c r="BN3350" s="53"/>
      <c r="BO3350" s="53"/>
      <c r="BP3350" s="53"/>
      <c r="BQ3350" s="53"/>
      <c r="BR3350" s="53"/>
      <c r="BS3350" s="53"/>
      <c r="BT3350" s="53"/>
      <c r="BU3350" s="53"/>
      <c r="BV3350" s="53"/>
      <c r="BW3350" s="53"/>
      <c r="BX3350" s="53"/>
      <c r="BY3350" s="53"/>
      <c r="BZ3350" s="53"/>
      <c r="CA3350" s="53"/>
      <c r="CB3350" s="53"/>
      <c r="CC3350" s="53"/>
      <c r="CD3350" s="53"/>
      <c r="CE3350" s="53"/>
      <c r="CF3350" s="53"/>
      <c r="CG3350" s="53"/>
      <c r="CH3350" s="53"/>
      <c r="CI3350" s="53"/>
      <c r="CJ3350" s="53"/>
      <c r="CK3350" s="53"/>
      <c r="CL3350" s="53"/>
      <c r="CM3350" s="53"/>
      <c r="CN3350" s="53"/>
    </row>
    <row r="3351" spans="1:92" outlineLevel="1">
      <c r="A3351" s="52" t="s">
        <v>1738</v>
      </c>
      <c r="B3351" s="53"/>
      <c r="C3351" s="53"/>
      <c r="D3351" s="53"/>
      <c r="E3351" s="53"/>
      <c r="F3351" s="53"/>
      <c r="G3351" s="53"/>
      <c r="H3351" s="53"/>
      <c r="I3351" s="53"/>
      <c r="J3351" s="53"/>
      <c r="K3351" s="53"/>
      <c r="L3351" s="53"/>
      <c r="M3351" s="53"/>
      <c r="N3351" s="53"/>
      <c r="O3351" s="53"/>
      <c r="P3351" s="53"/>
      <c r="Q3351" s="53"/>
      <c r="R3351" s="53"/>
      <c r="S3351" s="53"/>
      <c r="T3351" s="53"/>
      <c r="U3351" s="53"/>
      <c r="V3351" s="53"/>
      <c r="W3351" s="53"/>
      <c r="X3351" s="53"/>
      <c r="Y3351" s="53"/>
      <c r="Z3351" s="53"/>
      <c r="AA3351" s="53"/>
      <c r="AB3351" s="53"/>
      <c r="AC3351" s="53"/>
      <c r="AD3351" s="53"/>
      <c r="AE3351" s="53"/>
      <c r="AF3351" s="53"/>
      <c r="AG3351" s="53"/>
      <c r="AH3351" s="53"/>
      <c r="AI3351" s="53"/>
      <c r="AJ3351" s="53"/>
      <c r="AK3351" s="53"/>
      <c r="AL3351" s="53"/>
      <c r="AM3351" s="53"/>
      <c r="AN3351" s="53"/>
      <c r="AO3351" s="53"/>
      <c r="AP3351" s="53"/>
      <c r="AQ3351" s="53"/>
      <c r="AR3351" s="53"/>
      <c r="AS3351" s="53"/>
      <c r="AT3351" s="53"/>
      <c r="AU3351" s="53"/>
      <c r="AV3351" s="53"/>
      <c r="AW3351" s="53"/>
      <c r="AX3351" s="53"/>
      <c r="AY3351" s="53"/>
      <c r="AZ3351" s="53"/>
      <c r="BA3351" s="53"/>
      <c r="BB3351" s="53"/>
      <c r="BC3351" s="53"/>
      <c r="BD3351" s="53"/>
      <c r="BE3351" s="53"/>
      <c r="BF3351" s="53"/>
      <c r="BG3351" s="53"/>
      <c r="BH3351" s="53"/>
      <c r="BI3351" s="53"/>
      <c r="BJ3351" s="53"/>
      <c r="BK3351" s="53"/>
      <c r="BL3351" s="53"/>
      <c r="BM3351" s="53"/>
      <c r="BN3351" s="53"/>
      <c r="BO3351" s="53"/>
      <c r="BP3351" s="53"/>
      <c r="BQ3351" s="53"/>
      <c r="BR3351" s="53"/>
      <c r="BS3351" s="53"/>
      <c r="BT3351" s="53"/>
      <c r="BU3351" s="53"/>
      <c r="BV3351" s="53"/>
      <c r="BW3351" s="53"/>
      <c r="BX3351" s="53"/>
      <c r="BY3351" s="53"/>
      <c r="BZ3351" s="53"/>
      <c r="CA3351" s="53"/>
      <c r="CB3351" s="53">
        <v>-11723.4531645569</v>
      </c>
      <c r="CC3351" s="53">
        <v>-11723.4531645569</v>
      </c>
      <c r="CD3351" s="53">
        <v>-11723.4531645569</v>
      </c>
      <c r="CE3351" s="53">
        <v>-11723.4531645569</v>
      </c>
      <c r="CF3351" s="53">
        <v>-11723.4531645569</v>
      </c>
      <c r="CG3351" s="53">
        <v>-11723.4531645569</v>
      </c>
      <c r="CH3351" s="53">
        <v>-11723.4531645569</v>
      </c>
      <c r="CI3351" s="53">
        <v>-11723.4531645569</v>
      </c>
      <c r="CJ3351" s="53">
        <v>-11723.4531645569</v>
      </c>
      <c r="CK3351" s="53">
        <v>-11723.4531645569</v>
      </c>
      <c r="CL3351" s="53">
        <v>-11723.4531645569</v>
      </c>
      <c r="CM3351" s="53">
        <v>-11723.4531645569</v>
      </c>
      <c r="CN3351" s="53">
        <v>-140681.43797468301</v>
      </c>
    </row>
    <row r="3352" spans="1:92" outlineLevel="1">
      <c r="A3352" s="52" t="s">
        <v>649</v>
      </c>
      <c r="B3352" s="53">
        <v>-3257912.89</v>
      </c>
      <c r="C3352" s="53">
        <v>-2751410.57</v>
      </c>
      <c r="D3352" s="53">
        <v>-1092236.83</v>
      </c>
      <c r="E3352" s="53">
        <v>-2374489.9500000002</v>
      </c>
      <c r="F3352" s="53">
        <v>1954174.25</v>
      </c>
      <c r="G3352" s="53">
        <v>2892089.96</v>
      </c>
      <c r="H3352" s="53">
        <v>4422757.0699999901</v>
      </c>
      <c r="I3352" s="53">
        <v>6440578.4900000002</v>
      </c>
      <c r="J3352" s="53">
        <v>7487003.6600000001</v>
      </c>
      <c r="K3352" s="53">
        <v>1349785.52</v>
      </c>
      <c r="L3352" s="53">
        <v>-3132992.77</v>
      </c>
      <c r="M3352" s="53">
        <v>-2691606.6799999899</v>
      </c>
      <c r="N3352" s="53">
        <v>9245739.2599999905</v>
      </c>
      <c r="O3352" s="53">
        <v>7060735.6276335102</v>
      </c>
      <c r="P3352" s="53">
        <v>-8869988.2712789699</v>
      </c>
      <c r="Q3352" s="53">
        <v>-5254543.6426555999</v>
      </c>
      <c r="R3352" s="53">
        <v>-2368516.2172534899</v>
      </c>
      <c r="S3352" s="53">
        <v>2686811.4328566501</v>
      </c>
      <c r="T3352" s="53">
        <v>317256.337506885</v>
      </c>
      <c r="U3352" s="53">
        <v>2368473.1048851102</v>
      </c>
      <c r="V3352" s="53">
        <v>12971952.615078099</v>
      </c>
      <c r="W3352" s="53">
        <v>4241417.3931915397</v>
      </c>
      <c r="X3352" s="53">
        <v>111226.13232753699</v>
      </c>
      <c r="Y3352" s="53">
        <v>-6861264.6479175696</v>
      </c>
      <c r="Z3352" s="53">
        <v>-6403559.8643736802</v>
      </c>
      <c r="AA3352" s="53">
        <v>8.3673512563109398E-8</v>
      </c>
      <c r="AB3352" s="53">
        <v>403458.84609849198</v>
      </c>
      <c r="AC3352" s="53">
        <v>-10876798.9060208</v>
      </c>
      <c r="AD3352" s="53">
        <v>-8347428.9156879196</v>
      </c>
      <c r="AE3352" s="53">
        <v>-6209091.6548966998</v>
      </c>
      <c r="AF3352" s="53">
        <v>-789711.02042523399</v>
      </c>
      <c r="AG3352" s="53">
        <v>-1739932.07583537</v>
      </c>
      <c r="AH3352" s="53">
        <v>-220927.21410128</v>
      </c>
      <c r="AI3352" s="53">
        <v>7487906.6481142603</v>
      </c>
      <c r="AJ3352" s="53">
        <v>10072477.8446155</v>
      </c>
      <c r="AK3352" s="53">
        <v>6745536.3198598996</v>
      </c>
      <c r="AL3352" s="53">
        <v>1481072.6712208099</v>
      </c>
      <c r="AM3352" s="53">
        <v>1993437.45705848</v>
      </c>
      <c r="AN3352" s="53">
        <v>6.1845639720559094E-8</v>
      </c>
      <c r="AO3352" s="53">
        <v>2366385.9213756602</v>
      </c>
      <c r="AP3352" s="53">
        <v>-2750831.9010022799</v>
      </c>
      <c r="AQ3352" s="53">
        <v>-1198407.37585127</v>
      </c>
      <c r="AR3352" s="53">
        <v>-318600.92175601103</v>
      </c>
      <c r="AS3352" s="53">
        <v>1083367.9565687899</v>
      </c>
      <c r="AT3352" s="53">
        <v>-907199.33942682797</v>
      </c>
      <c r="AU3352" s="53">
        <v>-196950.25364793901</v>
      </c>
      <c r="AV3352" s="53">
        <v>3117499.6880433802</v>
      </c>
      <c r="AW3352" s="53">
        <v>1740781.3358247101</v>
      </c>
      <c r="AX3352" s="53">
        <v>602937.72149391205</v>
      </c>
      <c r="AY3352" s="53">
        <v>-1658484.0054058901</v>
      </c>
      <c r="AZ3352" s="53">
        <v>-1880498.8262162399</v>
      </c>
      <c r="BA3352" s="53">
        <v>-7.2759576141834201E-9</v>
      </c>
      <c r="BB3352" s="53">
        <v>1116572.1868135501</v>
      </c>
      <c r="BC3352" s="53">
        <v>-704927.91495505394</v>
      </c>
      <c r="BD3352" s="53">
        <v>327726.787325827</v>
      </c>
      <c r="BE3352" s="53">
        <v>628841.21547723596</v>
      </c>
      <c r="BF3352" s="53">
        <v>669155.07786061405</v>
      </c>
      <c r="BG3352" s="53">
        <v>-1832201.25956421</v>
      </c>
      <c r="BH3352" s="53">
        <v>-1574860.59962296</v>
      </c>
      <c r="BI3352" s="53">
        <v>-369610.502006475</v>
      </c>
      <c r="BJ3352" s="53">
        <v>972059.38808851503</v>
      </c>
      <c r="BK3352" s="53">
        <v>1017495.84821511</v>
      </c>
      <c r="BL3352" s="53">
        <v>163097.511211531</v>
      </c>
      <c r="BM3352" s="53">
        <v>-413347.73884367099</v>
      </c>
      <c r="BN3352" s="53">
        <v>9.0949470177292803E-10</v>
      </c>
      <c r="BO3352" s="53">
        <v>-1366014.64176414</v>
      </c>
      <c r="BP3352" s="53">
        <v>-2244766.3620118299</v>
      </c>
      <c r="BQ3352" s="53">
        <v>-1334631.6077107301</v>
      </c>
      <c r="BR3352" s="53">
        <v>-1200796.9349573101</v>
      </c>
      <c r="BS3352" s="53">
        <v>-1565238.8220239901</v>
      </c>
      <c r="BT3352" s="53">
        <v>1229040.4109309099</v>
      </c>
      <c r="BU3352" s="53">
        <v>1341480.1174660199</v>
      </c>
      <c r="BV3352" s="53">
        <v>1894303.67677914</v>
      </c>
      <c r="BW3352" s="53">
        <v>1202564.1737740501</v>
      </c>
      <c r="BX3352" s="53">
        <v>901203.53692559805</v>
      </c>
      <c r="BY3352" s="53">
        <v>516755.73659794498</v>
      </c>
      <c r="BZ3352" s="53">
        <v>626100.71599433594</v>
      </c>
      <c r="CA3352" s="53">
        <v>-2.2737367544323202E-9</v>
      </c>
      <c r="CB3352" s="53">
        <v>-4051.8264840182501</v>
      </c>
      <c r="CC3352" s="53">
        <v>-4051.8264840182401</v>
      </c>
      <c r="CD3352" s="53">
        <v>-4051.8264840182401</v>
      </c>
      <c r="CE3352" s="53">
        <v>-4051.8264840182401</v>
      </c>
      <c r="CF3352" s="53">
        <v>-4051.8264840182401</v>
      </c>
      <c r="CG3352" s="53">
        <v>-4051.8264840182501</v>
      </c>
      <c r="CH3352" s="53">
        <v>-4051.8264840182501</v>
      </c>
      <c r="CI3352" s="53">
        <v>-4051.8264840182401</v>
      </c>
      <c r="CJ3352" s="53">
        <v>-4051.8264840182401</v>
      </c>
      <c r="CK3352" s="53">
        <v>-4051.8264840182501</v>
      </c>
      <c r="CL3352" s="53">
        <v>-4051.8264840182401</v>
      </c>
      <c r="CM3352" s="53">
        <v>-4051.8264840182401</v>
      </c>
      <c r="CN3352" s="53">
        <v>-48621.917808218997</v>
      </c>
    </row>
    <row r="3353" spans="1:92" outlineLevel="1">
      <c r="A3353" s="52" t="s">
        <v>762</v>
      </c>
      <c r="B3353" s="53"/>
      <c r="C3353" s="53"/>
      <c r="D3353" s="53"/>
      <c r="E3353" s="53"/>
      <c r="F3353" s="53"/>
      <c r="G3353" s="53"/>
      <c r="H3353" s="53"/>
      <c r="I3353" s="53"/>
      <c r="J3353" s="53"/>
      <c r="K3353" s="53"/>
      <c r="L3353" s="53"/>
      <c r="M3353" s="53"/>
      <c r="N3353" s="53"/>
      <c r="O3353" s="53"/>
      <c r="P3353" s="53"/>
      <c r="Q3353" s="53"/>
      <c r="R3353" s="53"/>
      <c r="S3353" s="53"/>
      <c r="T3353" s="53"/>
      <c r="U3353" s="53"/>
      <c r="V3353" s="53"/>
      <c r="W3353" s="53"/>
      <c r="X3353" s="53"/>
      <c r="Y3353" s="53"/>
      <c r="Z3353" s="53"/>
      <c r="AA3353" s="53"/>
      <c r="AB3353" s="53"/>
      <c r="AC3353" s="53"/>
      <c r="AD3353" s="53"/>
      <c r="AE3353" s="53"/>
      <c r="AF3353" s="53"/>
      <c r="AG3353" s="53"/>
      <c r="AH3353" s="53"/>
      <c r="AI3353" s="53"/>
      <c r="AJ3353" s="53"/>
      <c r="AK3353" s="53"/>
      <c r="AL3353" s="53"/>
      <c r="AM3353" s="53"/>
      <c r="AN3353" s="53"/>
      <c r="AO3353" s="53"/>
      <c r="AP3353" s="53"/>
      <c r="AQ3353" s="53"/>
      <c r="AR3353" s="53"/>
      <c r="AS3353" s="53"/>
      <c r="AT3353" s="53"/>
      <c r="AU3353" s="53"/>
      <c r="AV3353" s="53"/>
      <c r="AW3353" s="53"/>
      <c r="AX3353" s="53"/>
      <c r="AY3353" s="53"/>
      <c r="AZ3353" s="53"/>
      <c r="BA3353" s="53"/>
      <c r="BB3353" s="53"/>
      <c r="BC3353" s="53"/>
      <c r="BD3353" s="53"/>
      <c r="BE3353" s="53"/>
      <c r="BF3353" s="53"/>
      <c r="BG3353" s="53"/>
      <c r="BH3353" s="53"/>
      <c r="BI3353" s="53"/>
      <c r="BJ3353" s="53"/>
      <c r="BK3353" s="53"/>
      <c r="BL3353" s="53"/>
      <c r="BM3353" s="53"/>
      <c r="BN3353" s="53"/>
      <c r="BO3353" s="53"/>
      <c r="BP3353" s="53"/>
      <c r="BQ3353" s="53"/>
      <c r="BR3353" s="53"/>
      <c r="BS3353" s="53"/>
      <c r="BT3353" s="53"/>
      <c r="BU3353" s="53"/>
      <c r="BV3353" s="53"/>
      <c r="BW3353" s="53"/>
      <c r="BX3353" s="53"/>
      <c r="BY3353" s="53"/>
      <c r="BZ3353" s="53"/>
      <c r="CA3353" s="53"/>
      <c r="CB3353" s="53">
        <v>-3523.40918163673</v>
      </c>
      <c r="CC3353" s="53">
        <v>-3523.40918163673</v>
      </c>
      <c r="CD3353" s="53">
        <v>-3523.40918163673</v>
      </c>
      <c r="CE3353" s="53">
        <v>-3523.40918163673</v>
      </c>
      <c r="CF3353" s="53">
        <v>-3523.40918163673</v>
      </c>
      <c r="CG3353" s="53">
        <v>-3523.40918163673</v>
      </c>
      <c r="CH3353" s="53">
        <v>-3523.40918163673</v>
      </c>
      <c r="CI3353" s="53">
        <v>-3523.40918163673</v>
      </c>
      <c r="CJ3353" s="53">
        <v>-3523.40918163673</v>
      </c>
      <c r="CK3353" s="53">
        <v>-3523.40918163673</v>
      </c>
      <c r="CL3353" s="53">
        <v>-3523.40918163673</v>
      </c>
      <c r="CM3353" s="53">
        <v>-3523.40918163673</v>
      </c>
      <c r="CN3353" s="53">
        <v>-42280.910179640799</v>
      </c>
    </row>
    <row r="3354" spans="1:92" outlineLevel="1">
      <c r="A3354" s="52" t="s">
        <v>1739</v>
      </c>
      <c r="B3354" s="53"/>
      <c r="C3354" s="53"/>
      <c r="D3354" s="53"/>
      <c r="E3354" s="53"/>
      <c r="F3354" s="53"/>
      <c r="G3354" s="53"/>
      <c r="H3354" s="53"/>
      <c r="I3354" s="53"/>
      <c r="J3354" s="53"/>
      <c r="K3354" s="53"/>
      <c r="L3354" s="53"/>
      <c r="M3354" s="53"/>
      <c r="N3354" s="53"/>
      <c r="O3354" s="53"/>
      <c r="P3354" s="53"/>
      <c r="Q3354" s="53"/>
      <c r="R3354" s="53"/>
      <c r="S3354" s="53"/>
      <c r="T3354" s="53"/>
      <c r="U3354" s="53"/>
      <c r="V3354" s="53"/>
      <c r="W3354" s="53"/>
      <c r="X3354" s="53"/>
      <c r="Y3354" s="53"/>
      <c r="Z3354" s="53"/>
      <c r="AA3354" s="53"/>
      <c r="AB3354" s="53"/>
      <c r="AC3354" s="53"/>
      <c r="AD3354" s="53"/>
      <c r="AE3354" s="53"/>
      <c r="AF3354" s="53"/>
      <c r="AG3354" s="53"/>
      <c r="AH3354" s="53"/>
      <c r="AI3354" s="53"/>
      <c r="AJ3354" s="53"/>
      <c r="AK3354" s="53"/>
      <c r="AL3354" s="53"/>
      <c r="AM3354" s="53"/>
      <c r="AN3354" s="53"/>
      <c r="AO3354" s="53"/>
      <c r="AP3354" s="53"/>
      <c r="AQ3354" s="53"/>
      <c r="AR3354" s="53"/>
      <c r="AS3354" s="53"/>
      <c r="AT3354" s="53"/>
      <c r="AU3354" s="53"/>
      <c r="AV3354" s="53"/>
      <c r="AW3354" s="53"/>
      <c r="AX3354" s="53"/>
      <c r="AY3354" s="53"/>
      <c r="AZ3354" s="53"/>
      <c r="BA3354" s="53"/>
      <c r="BB3354" s="53"/>
      <c r="BC3354" s="53"/>
      <c r="BD3354" s="53"/>
      <c r="BE3354" s="53"/>
      <c r="BF3354" s="53"/>
      <c r="BG3354" s="53"/>
      <c r="BH3354" s="53"/>
      <c r="BI3354" s="53"/>
      <c r="BJ3354" s="53"/>
      <c r="BK3354" s="53"/>
      <c r="BL3354" s="53"/>
      <c r="BM3354" s="53"/>
      <c r="BN3354" s="53"/>
      <c r="BO3354" s="53"/>
      <c r="BP3354" s="53"/>
      <c r="BQ3354" s="53"/>
      <c r="BR3354" s="53"/>
      <c r="BS3354" s="53"/>
      <c r="BT3354" s="53"/>
      <c r="BU3354" s="53"/>
      <c r="BV3354" s="53"/>
      <c r="BW3354" s="53"/>
      <c r="BX3354" s="53"/>
      <c r="BY3354" s="53"/>
      <c r="BZ3354" s="53"/>
      <c r="CA3354" s="53"/>
      <c r="CB3354" s="53">
        <v>-9347.6262626262305</v>
      </c>
      <c r="CC3354" s="53">
        <v>-9347.6262626262305</v>
      </c>
      <c r="CD3354" s="53">
        <v>-9347.6262626262305</v>
      </c>
      <c r="CE3354" s="53">
        <v>-9347.6262626262305</v>
      </c>
      <c r="CF3354" s="53">
        <v>-9347.6262626262305</v>
      </c>
      <c r="CG3354" s="53">
        <v>-9347.6262626262305</v>
      </c>
      <c r="CH3354" s="53">
        <v>-9347.6262626262305</v>
      </c>
      <c r="CI3354" s="53">
        <v>-9347.6262626262305</v>
      </c>
      <c r="CJ3354" s="53">
        <v>-9347.6262626262305</v>
      </c>
      <c r="CK3354" s="53">
        <v>-9347.6262626262305</v>
      </c>
      <c r="CL3354" s="53">
        <v>-9347.6262626262305</v>
      </c>
      <c r="CM3354" s="53">
        <v>-9347.6262626262305</v>
      </c>
      <c r="CN3354" s="53">
        <v>-112171.515151514</v>
      </c>
    </row>
    <row r="3355" spans="1:92" outlineLevel="1">
      <c r="A3355" s="52" t="s">
        <v>649</v>
      </c>
      <c r="B3355" s="53">
        <v>482114.77749999898</v>
      </c>
      <c r="C3355" s="53">
        <v>109144.477500002</v>
      </c>
      <c r="D3355" s="53">
        <v>-2173785.8824999998</v>
      </c>
      <c r="E3355" s="53">
        <v>-791417.862499999</v>
      </c>
      <c r="F3355" s="53">
        <v>872425.20750000002</v>
      </c>
      <c r="G3355" s="53">
        <v>3951874.3975</v>
      </c>
      <c r="H3355" s="53">
        <v>1398174.6675</v>
      </c>
      <c r="I3355" s="53">
        <v>2609681.4474999998</v>
      </c>
      <c r="J3355" s="53">
        <v>1992738.1174999999</v>
      </c>
      <c r="K3355" s="53">
        <v>-183861.10249999899</v>
      </c>
      <c r="L3355" s="53">
        <v>-9866886.9824999999</v>
      </c>
      <c r="M3355" s="53">
        <v>-1539579.1325000001</v>
      </c>
      <c r="N3355" s="53">
        <v>-3139377.8699999899</v>
      </c>
      <c r="O3355" s="53">
        <v>1626473.26975044</v>
      </c>
      <c r="P3355" s="53">
        <v>-2735171.2314026402</v>
      </c>
      <c r="Q3355" s="53">
        <v>-2412977.9806600902</v>
      </c>
      <c r="R3355" s="53">
        <v>-708487.43992707203</v>
      </c>
      <c r="S3355" s="53">
        <v>1008678.8777152899</v>
      </c>
      <c r="T3355" s="53">
        <v>1184538.2901788901</v>
      </c>
      <c r="U3355" s="53">
        <v>1529716.85261843</v>
      </c>
      <c r="V3355" s="53">
        <v>4226251.4932887601</v>
      </c>
      <c r="W3355" s="53">
        <v>651760.37052115297</v>
      </c>
      <c r="X3355" s="53">
        <v>-394809.208793931</v>
      </c>
      <c r="Y3355" s="53">
        <v>-2825746.3995930799</v>
      </c>
      <c r="Z3355" s="53">
        <v>-1788646.3647881099</v>
      </c>
      <c r="AA3355" s="53">
        <v>-638419.47109195299</v>
      </c>
      <c r="AB3355" s="53">
        <v>2169627.3688805201</v>
      </c>
      <c r="AC3355" s="53">
        <v>-2344624.1579509298</v>
      </c>
      <c r="AD3355" s="53">
        <v>-2137106.0878325999</v>
      </c>
      <c r="AE3355" s="53">
        <v>-921831.81734483701</v>
      </c>
      <c r="AF3355" s="53">
        <v>983190.26359797094</v>
      </c>
      <c r="AG3355" s="53">
        <v>1344715.3767250199</v>
      </c>
      <c r="AH3355" s="53">
        <v>1704820.4322617799</v>
      </c>
      <c r="AI3355" s="53">
        <v>4622894.11413847</v>
      </c>
      <c r="AJ3355" s="53">
        <v>611244.72146528901</v>
      </c>
      <c r="AK3355" s="53">
        <v>-636664.72350265703</v>
      </c>
      <c r="AL3355" s="53">
        <v>-3286675.1658111401</v>
      </c>
      <c r="AM3355" s="53">
        <v>-2109590.32462689</v>
      </c>
      <c r="AN3355" s="53">
        <v>-1.72803993336856E-8</v>
      </c>
      <c r="AO3355" s="53">
        <v>1707358.8043714501</v>
      </c>
      <c r="AP3355" s="53">
        <v>-2762510.0311361598</v>
      </c>
      <c r="AQ3355" s="53">
        <v>-2083941.3466707401</v>
      </c>
      <c r="AR3355" s="53">
        <v>-1302610.8232311599</v>
      </c>
      <c r="AS3355" s="53">
        <v>548580.72066021804</v>
      </c>
      <c r="AT3355" s="53">
        <v>1269534.87504155</v>
      </c>
      <c r="AU3355" s="53">
        <v>1879779.5548303099</v>
      </c>
      <c r="AV3355" s="53">
        <v>4749087.4061170202</v>
      </c>
      <c r="AW3355" s="53">
        <v>1050406.39045687</v>
      </c>
      <c r="AX3355" s="53">
        <v>-551311.20030368899</v>
      </c>
      <c r="AY3355" s="53">
        <v>-2499218.1013153601</v>
      </c>
      <c r="AZ3355" s="53">
        <v>-2005156.24882031</v>
      </c>
      <c r="BA3355" s="53">
        <v>-1.4551915228366801E-8</v>
      </c>
      <c r="BB3355" s="53">
        <v>1713945.8976274701</v>
      </c>
      <c r="BC3355" s="53">
        <v>-2813781.0794013301</v>
      </c>
      <c r="BD3355" s="53">
        <v>-2172728.41173768</v>
      </c>
      <c r="BE3355" s="53">
        <v>-1373328.6217298801</v>
      </c>
      <c r="BF3355" s="53">
        <v>521328.19762799202</v>
      </c>
      <c r="BG3355" s="53">
        <v>1320642.06188658</v>
      </c>
      <c r="BH3355" s="53">
        <v>1941239.2435903901</v>
      </c>
      <c r="BI3355" s="53">
        <v>4857829.0514438897</v>
      </c>
      <c r="BJ3355" s="53">
        <v>1098166.70816209</v>
      </c>
      <c r="BK3355" s="53">
        <v>-513640.711660325</v>
      </c>
      <c r="BL3355" s="53">
        <v>-2554851.3854476898</v>
      </c>
      <c r="BM3355" s="53">
        <v>-2024890.3952604099</v>
      </c>
      <c r="BN3355" s="53">
        <v>-69.444898883375501</v>
      </c>
      <c r="BO3355" s="53">
        <v>1773464.1562186901</v>
      </c>
      <c r="BP3355" s="53">
        <v>-3016737.8891863301</v>
      </c>
      <c r="BQ3355" s="53">
        <v>-2362248.43365457</v>
      </c>
      <c r="BR3355" s="53">
        <v>-1517635.94777559</v>
      </c>
      <c r="BS3355" s="53">
        <v>534234.87555027998</v>
      </c>
      <c r="BT3355" s="53">
        <v>1422269.75204538</v>
      </c>
      <c r="BU3355" s="53">
        <v>2087902.4734950999</v>
      </c>
      <c r="BV3355" s="53">
        <v>5184293.5942264805</v>
      </c>
      <c r="BW3355" s="53">
        <v>1203275.23549584</v>
      </c>
      <c r="BX3355" s="53">
        <v>-516919.98620855302</v>
      </c>
      <c r="BY3355" s="53">
        <v>-2684878.5650899601</v>
      </c>
      <c r="BZ3355" s="53">
        <v>-2106881.9730591602</v>
      </c>
      <c r="CA3355" s="53">
        <v>137.29205761774199</v>
      </c>
      <c r="CB3355" s="53">
        <v>-1620.19834710743</v>
      </c>
      <c r="CC3355" s="53"/>
      <c r="CD3355" s="53"/>
      <c r="CE3355" s="53"/>
      <c r="CF3355" s="53"/>
      <c r="CG3355" s="53"/>
      <c r="CH3355" s="53"/>
      <c r="CI3355" s="53"/>
      <c r="CJ3355" s="53"/>
      <c r="CK3355" s="53"/>
      <c r="CL3355" s="53"/>
      <c r="CM3355" s="53"/>
      <c r="CN3355" s="53">
        <v>-1620.19834710743</v>
      </c>
    </row>
    <row r="3356" spans="1:92" outlineLevel="1">
      <c r="A3356" s="52" t="s">
        <v>1740</v>
      </c>
      <c r="B3356" s="53"/>
      <c r="C3356" s="53"/>
      <c r="D3356" s="53"/>
      <c r="E3356" s="53"/>
      <c r="F3356" s="53"/>
      <c r="G3356" s="53"/>
      <c r="H3356" s="53"/>
      <c r="I3356" s="53"/>
      <c r="J3356" s="53"/>
      <c r="K3356" s="53"/>
      <c r="L3356" s="53"/>
      <c r="M3356" s="53"/>
      <c r="N3356" s="53"/>
      <c r="O3356" s="53"/>
      <c r="P3356" s="53"/>
      <c r="Q3356" s="53"/>
      <c r="R3356" s="53"/>
      <c r="S3356" s="53"/>
      <c r="T3356" s="53"/>
      <c r="U3356" s="53"/>
      <c r="V3356" s="53"/>
      <c r="W3356" s="53"/>
      <c r="X3356" s="53"/>
      <c r="Y3356" s="53"/>
      <c r="Z3356" s="53"/>
      <c r="AA3356" s="53"/>
      <c r="AB3356" s="53"/>
      <c r="AC3356" s="53"/>
      <c r="AD3356" s="53"/>
      <c r="AE3356" s="53"/>
      <c r="AF3356" s="53"/>
      <c r="AG3356" s="53"/>
      <c r="AH3356" s="53"/>
      <c r="AI3356" s="53"/>
      <c r="AJ3356" s="53"/>
      <c r="AK3356" s="53"/>
      <c r="AL3356" s="53"/>
      <c r="AM3356" s="53"/>
      <c r="AN3356" s="53"/>
      <c r="AO3356" s="53"/>
      <c r="AP3356" s="53"/>
      <c r="AQ3356" s="53"/>
      <c r="AR3356" s="53"/>
      <c r="AS3356" s="53"/>
      <c r="AT3356" s="53"/>
      <c r="AU3356" s="53"/>
      <c r="AV3356" s="53"/>
      <c r="AW3356" s="53"/>
      <c r="AX3356" s="53"/>
      <c r="AY3356" s="53"/>
      <c r="AZ3356" s="53"/>
      <c r="BA3356" s="53"/>
      <c r="BB3356" s="53"/>
      <c r="BC3356" s="53"/>
      <c r="BD3356" s="53"/>
      <c r="BE3356" s="53"/>
      <c r="BF3356" s="53"/>
      <c r="BG3356" s="53"/>
      <c r="BH3356" s="53"/>
      <c r="BI3356" s="53"/>
      <c r="BJ3356" s="53"/>
      <c r="BK3356" s="53"/>
      <c r="BL3356" s="53"/>
      <c r="BM3356" s="53"/>
      <c r="BN3356" s="53"/>
      <c r="BO3356" s="53"/>
      <c r="BP3356" s="53"/>
      <c r="BQ3356" s="53"/>
      <c r="BR3356" s="53"/>
      <c r="BS3356" s="53"/>
      <c r="BT3356" s="53"/>
      <c r="BU3356" s="53"/>
      <c r="BV3356" s="53"/>
      <c r="BW3356" s="53"/>
      <c r="BX3356" s="53"/>
      <c r="BY3356" s="53"/>
      <c r="BZ3356" s="53"/>
      <c r="CA3356" s="53"/>
      <c r="CB3356" s="53">
        <v>-1540.86342229199</v>
      </c>
      <c r="CC3356" s="53">
        <v>-1540.86342229199</v>
      </c>
      <c r="CD3356" s="53">
        <v>-1540.86342229199</v>
      </c>
      <c r="CE3356" s="53">
        <v>-1540.86342229199</v>
      </c>
      <c r="CF3356" s="53">
        <v>-1540.86342229199</v>
      </c>
      <c r="CG3356" s="53">
        <v>-1540.86342229199</v>
      </c>
      <c r="CH3356" s="53">
        <v>-1540.86342229199</v>
      </c>
      <c r="CI3356" s="53">
        <v>-1540.86342229199</v>
      </c>
      <c r="CJ3356" s="53">
        <v>-1540.86342229199</v>
      </c>
      <c r="CK3356" s="53">
        <v>-1540.86342229199</v>
      </c>
      <c r="CL3356" s="53">
        <v>-1540.86342229199</v>
      </c>
      <c r="CM3356" s="53">
        <v>-1540.86342229199</v>
      </c>
      <c r="CN3356" s="53">
        <v>-18490.361067503902</v>
      </c>
    </row>
    <row r="3357" spans="1:92" outlineLevel="1">
      <c r="A3357" s="52" t="s">
        <v>649</v>
      </c>
      <c r="B3357" s="53">
        <v>-1599798.7375</v>
      </c>
      <c r="C3357" s="53">
        <v>-1599798.7375</v>
      </c>
      <c r="D3357" s="53">
        <v>-1599798.7375</v>
      </c>
      <c r="E3357" s="53">
        <v>-1599798.7375</v>
      </c>
      <c r="F3357" s="53">
        <v>-1599798.7375</v>
      </c>
      <c r="G3357" s="53">
        <v>-1599798.7375</v>
      </c>
      <c r="H3357" s="53">
        <v>-1599798.7375</v>
      </c>
      <c r="I3357" s="53">
        <v>-1599798.7375</v>
      </c>
      <c r="J3357" s="53">
        <v>-1599798.7375</v>
      </c>
      <c r="K3357" s="53">
        <v>-1599798.7375</v>
      </c>
      <c r="L3357" s="53">
        <v>-1599798.7375</v>
      </c>
      <c r="M3357" s="53">
        <v>-1599798.7375</v>
      </c>
      <c r="N3357" s="53">
        <v>-19197584.849999901</v>
      </c>
      <c r="O3357" s="53">
        <v>-643791.48916666606</v>
      </c>
      <c r="P3357" s="53">
        <v>-643791.48916666606</v>
      </c>
      <c r="Q3357" s="53">
        <v>-643791.48916666606</v>
      </c>
      <c r="R3357" s="53">
        <v>-643791.48916666606</v>
      </c>
      <c r="S3357" s="53">
        <v>-643791.48916666606</v>
      </c>
      <c r="T3357" s="53">
        <v>-643791.48916666606</v>
      </c>
      <c r="U3357" s="53">
        <v>-643791.48916666606</v>
      </c>
      <c r="V3357" s="53">
        <v>-643791.48916666606</v>
      </c>
      <c r="W3357" s="53">
        <v>-643791.48916666606</v>
      </c>
      <c r="X3357" s="53">
        <v>-643791.48916666606</v>
      </c>
      <c r="Y3357" s="53">
        <v>-643791.48916666606</v>
      </c>
      <c r="Z3357" s="53">
        <v>-643791.48916666606</v>
      </c>
      <c r="AA3357" s="53">
        <v>-7725497.8700000001</v>
      </c>
      <c r="AB3357" s="53">
        <v>53201.622590996099</v>
      </c>
      <c r="AC3357" s="53">
        <v>53201.622590996099</v>
      </c>
      <c r="AD3357" s="53">
        <v>53201.622590996099</v>
      </c>
      <c r="AE3357" s="53">
        <v>53201.622590996099</v>
      </c>
      <c r="AF3357" s="53">
        <v>53201.622590996099</v>
      </c>
      <c r="AG3357" s="53">
        <v>53201.622590996099</v>
      </c>
      <c r="AH3357" s="53">
        <v>53201.622590996099</v>
      </c>
      <c r="AI3357" s="53">
        <v>53201.622590996099</v>
      </c>
      <c r="AJ3357" s="53">
        <v>53201.622590996099</v>
      </c>
      <c r="AK3357" s="53">
        <v>53201.622590996099</v>
      </c>
      <c r="AL3357" s="53">
        <v>53201.622590996099</v>
      </c>
      <c r="AM3357" s="53">
        <v>53201.622590996099</v>
      </c>
      <c r="AN3357" s="53">
        <v>638419.47109195299</v>
      </c>
      <c r="AO3357" s="53">
        <v>1.36128145792705E-9</v>
      </c>
      <c r="AP3357" s="53">
        <v>1.36128145792705E-9</v>
      </c>
      <c r="AQ3357" s="53">
        <v>1.36128145792705E-9</v>
      </c>
      <c r="AR3357" s="53">
        <v>1.36128145792705E-9</v>
      </c>
      <c r="AS3357" s="53">
        <v>1.36128145792705E-9</v>
      </c>
      <c r="AT3357" s="53">
        <v>1.36128145792705E-9</v>
      </c>
      <c r="AU3357" s="53">
        <v>1.36128145792705E-9</v>
      </c>
      <c r="AV3357" s="53">
        <v>1.36128145792705E-9</v>
      </c>
      <c r="AW3357" s="53">
        <v>1.36128145792705E-9</v>
      </c>
      <c r="AX3357" s="53">
        <v>1.36128145792705E-9</v>
      </c>
      <c r="AY3357" s="53">
        <v>1.36128145792705E-9</v>
      </c>
      <c r="AZ3357" s="53">
        <v>1.36128145792705E-9</v>
      </c>
      <c r="BA3357" s="53">
        <v>1.63353774951247E-8</v>
      </c>
      <c r="BB3357" s="53">
        <v>1.36448876888708E-9</v>
      </c>
      <c r="BC3357" s="53">
        <v>1.36448876888708E-9</v>
      </c>
      <c r="BD3357" s="53">
        <v>1.36448876888708E-9</v>
      </c>
      <c r="BE3357" s="53">
        <v>1.36448876888708E-9</v>
      </c>
      <c r="BF3357" s="53">
        <v>1.36448876888708E-9</v>
      </c>
      <c r="BG3357" s="53">
        <v>1.36448876888708E-9</v>
      </c>
      <c r="BH3357" s="53">
        <v>1.36448876888708E-9</v>
      </c>
      <c r="BI3357" s="53">
        <v>1.36448876888708E-9</v>
      </c>
      <c r="BJ3357" s="53">
        <v>1.36448876888708E-9</v>
      </c>
      <c r="BK3357" s="53">
        <v>1.36448876888708E-9</v>
      </c>
      <c r="BL3357" s="53">
        <v>1.36448876888708E-9</v>
      </c>
      <c r="BM3357" s="53">
        <v>1.36448876888708E-9</v>
      </c>
      <c r="BN3357" s="53">
        <v>1.6373865226645001E-8</v>
      </c>
      <c r="BO3357" s="53">
        <v>5.7870749068721503</v>
      </c>
      <c r="BP3357" s="53">
        <v>5.7870749068721503</v>
      </c>
      <c r="BQ3357" s="53">
        <v>5.7870749068721503</v>
      </c>
      <c r="BR3357" s="53">
        <v>5.7870749068721503</v>
      </c>
      <c r="BS3357" s="53">
        <v>5.7870749068721503</v>
      </c>
      <c r="BT3357" s="53">
        <v>5.7870749068721503</v>
      </c>
      <c r="BU3357" s="53">
        <v>5.7870749068721503</v>
      </c>
      <c r="BV3357" s="53">
        <v>5.7870749068721503</v>
      </c>
      <c r="BW3357" s="53">
        <v>5.7870749068721503</v>
      </c>
      <c r="BX3357" s="53">
        <v>5.7870749068721503</v>
      </c>
      <c r="BY3357" s="53">
        <v>5.7870749068721503</v>
      </c>
      <c r="BZ3357" s="53">
        <v>5.7870749068721503</v>
      </c>
      <c r="CA3357" s="53">
        <v>69.444898882465793</v>
      </c>
      <c r="CB3357" s="53">
        <v>-9185.2866242038108</v>
      </c>
      <c r="CC3357" s="53">
        <v>-9185.2866242038108</v>
      </c>
      <c r="CD3357" s="53">
        <v>-9185.2866242038108</v>
      </c>
      <c r="CE3357" s="53">
        <v>-9185.2866242038108</v>
      </c>
      <c r="CF3357" s="53">
        <v>-9185.2866242038108</v>
      </c>
      <c r="CG3357" s="53">
        <v>-9185.2866242038108</v>
      </c>
      <c r="CH3357" s="53">
        <v>-9185.2866242038108</v>
      </c>
      <c r="CI3357" s="53">
        <v>-9185.2866242038108</v>
      </c>
      <c r="CJ3357" s="53">
        <v>-9185.2866242038108</v>
      </c>
      <c r="CK3357" s="53">
        <v>-9185.2866242038108</v>
      </c>
      <c r="CL3357" s="53">
        <v>-9185.2866242038108</v>
      </c>
      <c r="CM3357" s="53">
        <v>-9185.2866242038108</v>
      </c>
      <c r="CN3357" s="53">
        <v>-110223.439490445</v>
      </c>
    </row>
    <row r="3358" spans="1:92" outlineLevel="1">
      <c r="A3358" s="52" t="s">
        <v>765</v>
      </c>
      <c r="B3358" s="53"/>
      <c r="C3358" s="53"/>
      <c r="D3358" s="53"/>
      <c r="E3358" s="53"/>
      <c r="F3358" s="53"/>
      <c r="G3358" s="53"/>
      <c r="H3358" s="53"/>
      <c r="I3358" s="53"/>
      <c r="J3358" s="53"/>
      <c r="K3358" s="53"/>
      <c r="L3358" s="53"/>
      <c r="M3358" s="53"/>
      <c r="N3358" s="53"/>
      <c r="O3358" s="53"/>
      <c r="P3358" s="53"/>
      <c r="Q3358" s="53"/>
      <c r="R3358" s="53"/>
      <c r="S3358" s="53"/>
      <c r="T3358" s="53"/>
      <c r="U3358" s="53"/>
      <c r="V3358" s="53"/>
      <c r="W3358" s="53"/>
      <c r="X3358" s="53"/>
      <c r="Y3358" s="53"/>
      <c r="Z3358" s="53"/>
      <c r="AA3358" s="53"/>
      <c r="AB3358" s="53"/>
      <c r="AC3358" s="53"/>
      <c r="AD3358" s="53"/>
      <c r="AE3358" s="53"/>
      <c r="AF3358" s="53"/>
      <c r="AG3358" s="53"/>
      <c r="AH3358" s="53"/>
      <c r="AI3358" s="53"/>
      <c r="AJ3358" s="53"/>
      <c r="AK3358" s="53"/>
      <c r="AL3358" s="53"/>
      <c r="AM3358" s="53"/>
      <c r="AN3358" s="53"/>
      <c r="AO3358" s="53"/>
      <c r="AP3358" s="53"/>
      <c r="AQ3358" s="53"/>
      <c r="AR3358" s="53"/>
      <c r="AS3358" s="53"/>
      <c r="AT3358" s="53"/>
      <c r="AU3358" s="53"/>
      <c r="AV3358" s="53"/>
      <c r="AW3358" s="53"/>
      <c r="AX3358" s="53"/>
      <c r="AY3358" s="53"/>
      <c r="AZ3358" s="53"/>
      <c r="BA3358" s="53"/>
      <c r="BB3358" s="53"/>
      <c r="BC3358" s="53"/>
      <c r="BD3358" s="53"/>
      <c r="BE3358" s="53"/>
      <c r="BF3358" s="53"/>
      <c r="BG3358" s="53"/>
      <c r="BH3358" s="53"/>
      <c r="BI3358" s="53"/>
      <c r="BJ3358" s="53"/>
      <c r="BK3358" s="53"/>
      <c r="BL3358" s="53"/>
      <c r="BM3358" s="53"/>
      <c r="BN3358" s="53"/>
      <c r="BO3358" s="53"/>
      <c r="BP3358" s="53"/>
      <c r="BQ3358" s="53"/>
      <c r="BR3358" s="53"/>
      <c r="BS3358" s="53"/>
      <c r="BT3358" s="53"/>
      <c r="BU3358" s="53"/>
      <c r="BV3358" s="53"/>
      <c r="BW3358" s="53"/>
      <c r="BX3358" s="53"/>
      <c r="BY3358" s="53"/>
      <c r="BZ3358" s="53"/>
      <c r="CA3358" s="53"/>
      <c r="CB3358" s="53">
        <v>-3087.3789473684201</v>
      </c>
      <c r="CC3358" s="53">
        <v>-3087.3789473684201</v>
      </c>
      <c r="CD3358" s="53">
        <v>-3087.3789473684201</v>
      </c>
      <c r="CE3358" s="53">
        <v>-3087.3789473684201</v>
      </c>
      <c r="CF3358" s="53">
        <v>-3087.3789473684201</v>
      </c>
      <c r="CG3358" s="53">
        <v>-3087.3789473684201</v>
      </c>
      <c r="CH3358" s="53">
        <v>-3087.3789473684201</v>
      </c>
      <c r="CI3358" s="53">
        <v>-3087.3789473684201</v>
      </c>
      <c r="CJ3358" s="53">
        <v>-3087.3789473684201</v>
      </c>
      <c r="CK3358" s="53">
        <v>-3087.3789473684201</v>
      </c>
      <c r="CL3358" s="53">
        <v>-3087.3789473684201</v>
      </c>
      <c r="CM3358" s="53">
        <v>-3087.3789473684201</v>
      </c>
      <c r="CN3358" s="53">
        <v>-37048.547368421001</v>
      </c>
    </row>
    <row r="3359" spans="1:92" outlineLevel="1">
      <c r="A3359" s="52" t="s">
        <v>1741</v>
      </c>
      <c r="B3359" s="53"/>
      <c r="C3359" s="53"/>
      <c r="D3359" s="53"/>
      <c r="E3359" s="53"/>
      <c r="F3359" s="53"/>
      <c r="G3359" s="53"/>
      <c r="H3359" s="53"/>
      <c r="I3359" s="53"/>
      <c r="J3359" s="53"/>
      <c r="K3359" s="53"/>
      <c r="L3359" s="53"/>
      <c r="M3359" s="53"/>
      <c r="N3359" s="53"/>
      <c r="O3359" s="53"/>
      <c r="P3359" s="53"/>
      <c r="Q3359" s="53"/>
      <c r="R3359" s="53"/>
      <c r="S3359" s="53"/>
      <c r="T3359" s="53"/>
      <c r="U3359" s="53"/>
      <c r="V3359" s="53"/>
      <c r="W3359" s="53"/>
      <c r="X3359" s="53"/>
      <c r="Y3359" s="53"/>
      <c r="Z3359" s="53"/>
      <c r="AA3359" s="53"/>
      <c r="AB3359" s="53"/>
      <c r="AC3359" s="53"/>
      <c r="AD3359" s="53"/>
      <c r="AE3359" s="53"/>
      <c r="AF3359" s="53"/>
      <c r="AG3359" s="53"/>
      <c r="AH3359" s="53"/>
      <c r="AI3359" s="53"/>
      <c r="AJ3359" s="53"/>
      <c r="AK3359" s="53"/>
      <c r="AL3359" s="53"/>
      <c r="AM3359" s="53"/>
      <c r="AN3359" s="53"/>
      <c r="AO3359" s="53"/>
      <c r="AP3359" s="53"/>
      <c r="AQ3359" s="53"/>
      <c r="AR3359" s="53"/>
      <c r="AS3359" s="53"/>
      <c r="AT3359" s="53"/>
      <c r="AU3359" s="53"/>
      <c r="AV3359" s="53"/>
      <c r="AW3359" s="53"/>
      <c r="AX3359" s="53"/>
      <c r="AY3359" s="53"/>
      <c r="AZ3359" s="53"/>
      <c r="BA3359" s="53"/>
      <c r="BB3359" s="53"/>
      <c r="BC3359" s="53"/>
      <c r="BD3359" s="53"/>
      <c r="BE3359" s="53"/>
      <c r="BF3359" s="53"/>
      <c r="BG3359" s="53"/>
      <c r="BH3359" s="53"/>
      <c r="BI3359" s="53"/>
      <c r="BJ3359" s="53"/>
      <c r="BK3359" s="53"/>
      <c r="BL3359" s="53"/>
      <c r="BM3359" s="53"/>
      <c r="BN3359" s="53"/>
      <c r="BO3359" s="53"/>
      <c r="BP3359" s="53"/>
      <c r="BQ3359" s="53"/>
      <c r="BR3359" s="53"/>
      <c r="BS3359" s="53"/>
      <c r="BT3359" s="53"/>
      <c r="BU3359" s="53"/>
      <c r="BV3359" s="53"/>
      <c r="BW3359" s="53"/>
      <c r="BX3359" s="53"/>
      <c r="BY3359" s="53"/>
      <c r="BZ3359" s="53"/>
      <c r="CA3359" s="53"/>
      <c r="CB3359" s="53">
        <v>-5700.3251231527101</v>
      </c>
      <c r="CC3359" s="53">
        <v>-5700.3251231527101</v>
      </c>
      <c r="CD3359" s="53">
        <v>-5700.3251231527101</v>
      </c>
      <c r="CE3359" s="53">
        <v>-5700.3251231527101</v>
      </c>
      <c r="CF3359" s="53">
        <v>-5700.3251231527101</v>
      </c>
      <c r="CG3359" s="53">
        <v>-5700.3251231527101</v>
      </c>
      <c r="CH3359" s="53">
        <v>-5700.3251231527101</v>
      </c>
      <c r="CI3359" s="53">
        <v>-5700.3251231527101</v>
      </c>
      <c r="CJ3359" s="53">
        <v>-5700.3251231527101</v>
      </c>
      <c r="CK3359" s="53">
        <v>-5700.3251231527101</v>
      </c>
      <c r="CL3359" s="53">
        <v>-5700.3251231527101</v>
      </c>
      <c r="CM3359" s="53">
        <v>-5700.3251231527101</v>
      </c>
      <c r="CN3359" s="53">
        <v>-68403.901477832507</v>
      </c>
    </row>
    <row r="3360" spans="1:92" outlineLevel="1">
      <c r="A3360" s="52" t="s">
        <v>649</v>
      </c>
      <c r="B3360" s="53">
        <v>397609.16666666698</v>
      </c>
      <c r="C3360" s="53">
        <v>-5403.8333333333003</v>
      </c>
      <c r="D3360" s="53">
        <v>502468.16666666599</v>
      </c>
      <c r="E3360" s="53">
        <v>-331246.83333333198</v>
      </c>
      <c r="F3360" s="53">
        <v>99581.166666666599</v>
      </c>
      <c r="G3360" s="53">
        <v>572137.16666666698</v>
      </c>
      <c r="H3360" s="53">
        <v>200481.16666666599</v>
      </c>
      <c r="I3360" s="53">
        <v>528416.166666665</v>
      </c>
      <c r="J3360" s="53">
        <v>326465.16666666599</v>
      </c>
      <c r="K3360" s="53">
        <v>211325.16666666701</v>
      </c>
      <c r="L3360" s="53">
        <v>-538747.83333333395</v>
      </c>
      <c r="M3360" s="53">
        <v>186087.16666666701</v>
      </c>
      <c r="N3360" s="53">
        <v>2149171.9999999902</v>
      </c>
      <c r="O3360" s="53">
        <v>239206.23633114199</v>
      </c>
      <c r="P3360" s="53">
        <v>-82418.654230739499</v>
      </c>
      <c r="Q3360" s="53">
        <v>-15829.005680685301</v>
      </c>
      <c r="R3360" s="53">
        <v>-76171.115026564599</v>
      </c>
      <c r="S3360" s="53">
        <v>44484.3224890454</v>
      </c>
      <c r="T3360" s="53">
        <v>5449.1947453900502</v>
      </c>
      <c r="U3360" s="53">
        <v>65619.388039130907</v>
      </c>
      <c r="V3360" s="53">
        <v>260133.35009509799</v>
      </c>
      <c r="W3360" s="53">
        <v>42261.9114859033</v>
      </c>
      <c r="X3360" s="53">
        <v>9180.5345127801193</v>
      </c>
      <c r="Y3360" s="53">
        <v>-25022.752279663899</v>
      </c>
      <c r="Z3360" s="53">
        <v>-96674.866910065903</v>
      </c>
      <c r="AA3360" s="53">
        <v>370218.543570771</v>
      </c>
      <c r="AB3360" s="53">
        <v>177141.23564169701</v>
      </c>
      <c r="AC3360" s="53">
        <v>-120233.260024042</v>
      </c>
      <c r="AD3360" s="53">
        <v>-51957.761190505902</v>
      </c>
      <c r="AE3360" s="53">
        <v>-29316.740529094401</v>
      </c>
      <c r="AF3360" s="53">
        <v>76845.161949838206</v>
      </c>
      <c r="AG3360" s="53">
        <v>-13059.818789160199</v>
      </c>
      <c r="AH3360" s="53">
        <v>49361.316240217202</v>
      </c>
      <c r="AI3360" s="53">
        <v>250456.65353355301</v>
      </c>
      <c r="AJ3360" s="53">
        <v>15335.8983279964</v>
      </c>
      <c r="AK3360" s="53">
        <v>-24039.2443432158</v>
      </c>
      <c r="AL3360" s="53">
        <v>-140790.624191788</v>
      </c>
      <c r="AM3360" s="53">
        <v>-189742.816625495</v>
      </c>
      <c r="AN3360" s="53">
        <v>-3.4106051316484799E-10</v>
      </c>
      <c r="AO3360" s="53">
        <v>147125.720324797</v>
      </c>
      <c r="AP3360" s="53">
        <v>-253710.70540185901</v>
      </c>
      <c r="AQ3360" s="53">
        <v>-192174.89290034401</v>
      </c>
      <c r="AR3360" s="53">
        <v>-120143.16900738901</v>
      </c>
      <c r="AS3360" s="53">
        <v>47583.717166806899</v>
      </c>
      <c r="AT3360" s="53">
        <v>113977.088166999</v>
      </c>
      <c r="AU3360" s="53">
        <v>169984.731879889</v>
      </c>
      <c r="AV3360" s="53">
        <v>428760.60016197601</v>
      </c>
      <c r="AW3360" s="53">
        <v>97381.657362074504</v>
      </c>
      <c r="AX3360" s="53">
        <v>-45696.672588984999</v>
      </c>
      <c r="AY3360" s="53">
        <v>-219164.028060563</v>
      </c>
      <c r="AZ3360" s="53">
        <v>-173924.04710340299</v>
      </c>
      <c r="BA3360" s="53">
        <v>-6.8212102632969597E-10</v>
      </c>
      <c r="BB3360" s="53">
        <v>145039.07254220801</v>
      </c>
      <c r="BC3360" s="53">
        <v>-253587.55066168701</v>
      </c>
      <c r="BD3360" s="53">
        <v>-196253.70751827501</v>
      </c>
      <c r="BE3360" s="53">
        <v>-124119.71688159399</v>
      </c>
      <c r="BF3360" s="53">
        <v>44536.775654979603</v>
      </c>
      <c r="BG3360" s="53">
        <v>116611.291089391</v>
      </c>
      <c r="BH3360" s="53">
        <v>172475.96090962901</v>
      </c>
      <c r="BI3360" s="53">
        <v>431204.917778156</v>
      </c>
      <c r="BJ3360" s="53">
        <v>99843.120314680506</v>
      </c>
      <c r="BK3360" s="53">
        <v>-41812.7814737757</v>
      </c>
      <c r="BL3360" s="53">
        <v>-220725.21091428501</v>
      </c>
      <c r="BM3360" s="53">
        <v>-173212.170839425</v>
      </c>
      <c r="BN3360" s="53">
        <v>1.70530256582424E-9</v>
      </c>
      <c r="BO3360" s="53">
        <v>141762.361973127</v>
      </c>
      <c r="BP3360" s="53">
        <v>-256308.64963853901</v>
      </c>
      <c r="BQ3360" s="53">
        <v>-200674.68809399201</v>
      </c>
      <c r="BR3360" s="53">
        <v>-129189.67633088</v>
      </c>
      <c r="BS3360" s="53">
        <v>42615.738404112599</v>
      </c>
      <c r="BT3360" s="53">
        <v>117793.280674116</v>
      </c>
      <c r="BU3360" s="53">
        <v>174538.08424482701</v>
      </c>
      <c r="BV3360" s="53">
        <v>432759.65694205102</v>
      </c>
      <c r="BW3360" s="53">
        <v>103051.139377049</v>
      </c>
      <c r="BX3360" s="53">
        <v>-38942.700383311203</v>
      </c>
      <c r="BY3360" s="53">
        <v>-218114.041093951</v>
      </c>
      <c r="BZ3360" s="53">
        <v>-169290.506074606</v>
      </c>
      <c r="CA3360" s="53">
        <v>3.1832314562052401E-9</v>
      </c>
      <c r="CB3360" s="53">
        <v>-8149.6234309623196</v>
      </c>
      <c r="CC3360" s="53">
        <v>-8149.6234309623196</v>
      </c>
      <c r="CD3360" s="53">
        <v>-8149.6234309623196</v>
      </c>
      <c r="CE3360" s="53">
        <v>-8149.6234309623196</v>
      </c>
      <c r="CF3360" s="53">
        <v>-8149.6234309623196</v>
      </c>
      <c r="CG3360" s="53">
        <v>-8149.6234309623196</v>
      </c>
      <c r="CH3360" s="53">
        <v>-8149.6234309623196</v>
      </c>
      <c r="CI3360" s="53">
        <v>-8149.6234309623196</v>
      </c>
      <c r="CJ3360" s="53">
        <v>-8149.6234309623196</v>
      </c>
      <c r="CK3360" s="53">
        <v>-8149.6234309623196</v>
      </c>
      <c r="CL3360" s="53">
        <v>-8149.6234309623196</v>
      </c>
      <c r="CM3360" s="53">
        <v>-8149.6234309623196</v>
      </c>
      <c r="CN3360" s="53">
        <v>-97795.481171547799</v>
      </c>
    </row>
    <row r="3361" spans="1:92" outlineLevel="1">
      <c r="A3361" s="52" t="s">
        <v>1742</v>
      </c>
      <c r="B3361" s="53"/>
      <c r="C3361" s="53"/>
      <c r="D3361" s="53"/>
      <c r="E3361" s="53"/>
      <c r="F3361" s="53"/>
      <c r="G3361" s="53"/>
      <c r="H3361" s="53"/>
      <c r="I3361" s="53"/>
      <c r="J3361" s="53"/>
      <c r="K3361" s="53"/>
      <c r="L3361" s="53"/>
      <c r="M3361" s="53"/>
      <c r="N3361" s="53"/>
      <c r="O3361" s="53"/>
      <c r="P3361" s="53"/>
      <c r="Q3361" s="53"/>
      <c r="R3361" s="53"/>
      <c r="S3361" s="53"/>
      <c r="T3361" s="53"/>
      <c r="U3361" s="53"/>
      <c r="V3361" s="53"/>
      <c r="W3361" s="53"/>
      <c r="X3361" s="53"/>
      <c r="Y3361" s="53"/>
      <c r="Z3361" s="53"/>
      <c r="AA3361" s="53"/>
      <c r="AB3361" s="53"/>
      <c r="AC3361" s="53"/>
      <c r="AD3361" s="53"/>
      <c r="AE3361" s="53"/>
      <c r="AF3361" s="53"/>
      <c r="AG3361" s="53"/>
      <c r="AH3361" s="53"/>
      <c r="AI3361" s="53"/>
      <c r="AJ3361" s="53"/>
      <c r="AK3361" s="53"/>
      <c r="AL3361" s="53"/>
      <c r="AM3361" s="53"/>
      <c r="AN3361" s="53"/>
      <c r="AO3361" s="53"/>
      <c r="AP3361" s="53"/>
      <c r="AQ3361" s="53"/>
      <c r="AR3361" s="53"/>
      <c r="AS3361" s="53"/>
      <c r="AT3361" s="53"/>
      <c r="AU3361" s="53"/>
      <c r="AV3361" s="53"/>
      <c r="AW3361" s="53"/>
      <c r="AX3361" s="53"/>
      <c r="AY3361" s="53"/>
      <c r="AZ3361" s="53"/>
      <c r="BA3361" s="53"/>
      <c r="BB3361" s="53"/>
      <c r="BC3361" s="53"/>
      <c r="BD3361" s="53"/>
      <c r="BE3361" s="53"/>
      <c r="BF3361" s="53"/>
      <c r="BG3361" s="53"/>
      <c r="BH3361" s="53"/>
      <c r="BI3361" s="53"/>
      <c r="BJ3361" s="53"/>
      <c r="BK3361" s="53"/>
      <c r="BL3361" s="53"/>
      <c r="BM3361" s="53"/>
      <c r="BN3361" s="53"/>
      <c r="BO3361" s="53"/>
      <c r="BP3361" s="53"/>
      <c r="BQ3361" s="53"/>
      <c r="BR3361" s="53"/>
      <c r="BS3361" s="53"/>
      <c r="BT3361" s="53"/>
      <c r="BU3361" s="53"/>
      <c r="BV3361" s="53"/>
      <c r="BW3361" s="53"/>
      <c r="BX3361" s="53"/>
      <c r="BY3361" s="53"/>
      <c r="BZ3361" s="53"/>
      <c r="CA3361" s="53"/>
      <c r="CB3361" s="53">
        <v>-7907.1043115438397</v>
      </c>
      <c r="CC3361" s="53">
        <v>-7907.1043115438397</v>
      </c>
      <c r="CD3361" s="53">
        <v>-7907.1043115438397</v>
      </c>
      <c r="CE3361" s="53">
        <v>-7907.1043115438397</v>
      </c>
      <c r="CF3361" s="53">
        <v>-7907.1043115438397</v>
      </c>
      <c r="CG3361" s="53">
        <v>-7907.1043115438397</v>
      </c>
      <c r="CH3361" s="53">
        <v>-7907.1043115438397</v>
      </c>
      <c r="CI3361" s="53">
        <v>-7907.1043115438397</v>
      </c>
      <c r="CJ3361" s="53">
        <v>-7907.1043115438397</v>
      </c>
      <c r="CK3361" s="53">
        <v>-7907.1043115438397</v>
      </c>
      <c r="CL3361" s="53">
        <v>-7907.1043115438397</v>
      </c>
      <c r="CM3361" s="53">
        <v>-7907.1043115438397</v>
      </c>
      <c r="CN3361" s="53">
        <v>-94885.251738526102</v>
      </c>
    </row>
    <row r="3362" spans="1:92" outlineLevel="1">
      <c r="A3362" s="52" t="s">
        <v>649</v>
      </c>
      <c r="B3362" s="53">
        <v>-184414.16666666701</v>
      </c>
      <c r="C3362" s="53">
        <v>-184414.16666666701</v>
      </c>
      <c r="D3362" s="53">
        <v>-184414.16666666701</v>
      </c>
      <c r="E3362" s="53">
        <v>-184414.16666666701</v>
      </c>
      <c r="F3362" s="53">
        <v>-184414.16666666701</v>
      </c>
      <c r="G3362" s="53">
        <v>-184414.16666666701</v>
      </c>
      <c r="H3362" s="53">
        <v>-184414.16666666701</v>
      </c>
      <c r="I3362" s="53">
        <v>-184414.16666666701</v>
      </c>
      <c r="J3362" s="53">
        <v>-184414.16666666701</v>
      </c>
      <c r="K3362" s="53">
        <v>-184414.16666666701</v>
      </c>
      <c r="L3362" s="53">
        <v>-184414.16666666701</v>
      </c>
      <c r="M3362" s="53">
        <v>-184414.16666666701</v>
      </c>
      <c r="N3362" s="53">
        <v>-2212970</v>
      </c>
      <c r="O3362" s="53">
        <v>-179097.66666666599</v>
      </c>
      <c r="P3362" s="53">
        <v>-179097.66666666599</v>
      </c>
      <c r="Q3362" s="53">
        <v>-179097.66666666599</v>
      </c>
      <c r="R3362" s="53">
        <v>-179097.66666666599</v>
      </c>
      <c r="S3362" s="53">
        <v>-179097.66666666599</v>
      </c>
      <c r="T3362" s="53">
        <v>-179097.66666666599</v>
      </c>
      <c r="U3362" s="53">
        <v>-179097.66666666599</v>
      </c>
      <c r="V3362" s="53">
        <v>-179097.66666666599</v>
      </c>
      <c r="W3362" s="53">
        <v>-179097.66666666599</v>
      </c>
      <c r="X3362" s="53">
        <v>-179097.66666666599</v>
      </c>
      <c r="Y3362" s="53">
        <v>-179097.66666666599</v>
      </c>
      <c r="Z3362" s="53">
        <v>-179097.66666666599</v>
      </c>
      <c r="AA3362" s="53">
        <v>-2149171.9999999902</v>
      </c>
      <c r="AB3362" s="53">
        <v>-30851.5452975644</v>
      </c>
      <c r="AC3362" s="53">
        <v>-30851.5452975644</v>
      </c>
      <c r="AD3362" s="53">
        <v>-30851.5452975644</v>
      </c>
      <c r="AE3362" s="53">
        <v>-30851.5452975644</v>
      </c>
      <c r="AF3362" s="53">
        <v>-30851.5452975644</v>
      </c>
      <c r="AG3362" s="53">
        <v>-30851.5452975644</v>
      </c>
      <c r="AH3362" s="53">
        <v>-30851.5452975644</v>
      </c>
      <c r="AI3362" s="53">
        <v>-30851.5452975644</v>
      </c>
      <c r="AJ3362" s="53">
        <v>-30851.5452975644</v>
      </c>
      <c r="AK3362" s="53">
        <v>-30851.5452975644</v>
      </c>
      <c r="AL3362" s="53">
        <v>-30851.5452975644</v>
      </c>
      <c r="AM3362" s="53">
        <v>-30851.5452975644</v>
      </c>
      <c r="AN3362" s="53">
        <v>-370218.54357077298</v>
      </c>
      <c r="AO3362" s="53">
        <v>2.93098878501041E-11</v>
      </c>
      <c r="AP3362" s="53">
        <v>2.93098878501041E-11</v>
      </c>
      <c r="AQ3362" s="53">
        <v>2.93098878501041E-11</v>
      </c>
      <c r="AR3362" s="53">
        <v>2.93098878501041E-11</v>
      </c>
      <c r="AS3362" s="53">
        <v>2.93098878501041E-11</v>
      </c>
      <c r="AT3362" s="53">
        <v>2.93098878501041E-11</v>
      </c>
      <c r="AU3362" s="53">
        <v>2.93098878501041E-11</v>
      </c>
      <c r="AV3362" s="53">
        <v>2.93098878501041E-11</v>
      </c>
      <c r="AW3362" s="53">
        <v>2.93098878501041E-11</v>
      </c>
      <c r="AX3362" s="53">
        <v>2.93098878501041E-11</v>
      </c>
      <c r="AY3362" s="53">
        <v>2.93098878501041E-11</v>
      </c>
      <c r="AZ3362" s="53">
        <v>2.93098878501041E-11</v>
      </c>
      <c r="BA3362" s="53">
        <v>3.5171865420124902E-10</v>
      </c>
      <c r="BB3362" s="53">
        <v>3.7821597705563597E-11</v>
      </c>
      <c r="BC3362" s="53">
        <v>3.7821597705563597E-11</v>
      </c>
      <c r="BD3362" s="53">
        <v>3.7821597705563597E-11</v>
      </c>
      <c r="BE3362" s="53">
        <v>3.7821597705563597E-11</v>
      </c>
      <c r="BF3362" s="53">
        <v>3.7821597705563597E-11</v>
      </c>
      <c r="BG3362" s="53">
        <v>3.7821597705563597E-11</v>
      </c>
      <c r="BH3362" s="53">
        <v>3.7821597705563597E-11</v>
      </c>
      <c r="BI3362" s="53">
        <v>3.7821597705563597E-11</v>
      </c>
      <c r="BJ3362" s="53">
        <v>3.7821597705563597E-11</v>
      </c>
      <c r="BK3362" s="53">
        <v>3.7821597705563597E-11</v>
      </c>
      <c r="BL3362" s="53">
        <v>3.7821597705563597E-11</v>
      </c>
      <c r="BM3362" s="53">
        <v>3.7821597705563597E-11</v>
      </c>
      <c r="BN3362" s="53">
        <v>4.5385917246676301E-10</v>
      </c>
      <c r="BO3362" s="53">
        <v>-1.52365774318418E-10</v>
      </c>
      <c r="BP3362" s="53">
        <v>-1.52365774318418E-10</v>
      </c>
      <c r="BQ3362" s="53">
        <v>-1.52365774318418E-10</v>
      </c>
      <c r="BR3362" s="53">
        <v>-1.52365774318418E-10</v>
      </c>
      <c r="BS3362" s="53">
        <v>-1.52365774318418E-10</v>
      </c>
      <c r="BT3362" s="53">
        <v>-1.52365774318418E-10</v>
      </c>
      <c r="BU3362" s="53">
        <v>-1.52365774318418E-10</v>
      </c>
      <c r="BV3362" s="53">
        <v>-1.52365774318418E-10</v>
      </c>
      <c r="BW3362" s="53">
        <v>-1.52365774318418E-10</v>
      </c>
      <c r="BX3362" s="53">
        <v>-1.52365774318418E-10</v>
      </c>
      <c r="BY3362" s="53">
        <v>-1.52365774318418E-10</v>
      </c>
      <c r="BZ3362" s="53">
        <v>-1.52365774318418E-10</v>
      </c>
      <c r="CA3362" s="53">
        <v>-1.8283892918210101E-9</v>
      </c>
      <c r="CB3362" s="53"/>
      <c r="CC3362" s="53"/>
      <c r="CD3362" s="53"/>
      <c r="CE3362" s="53"/>
      <c r="CF3362" s="53"/>
      <c r="CG3362" s="53"/>
      <c r="CH3362" s="53"/>
      <c r="CI3362" s="53"/>
      <c r="CJ3362" s="53"/>
      <c r="CK3362" s="53"/>
      <c r="CL3362" s="53"/>
      <c r="CM3362" s="53"/>
      <c r="CN3362" s="53"/>
    </row>
    <row r="3363" spans="1:92" outlineLevel="1">
      <c r="A3363" s="52" t="s">
        <v>769</v>
      </c>
      <c r="B3363" s="53"/>
      <c r="C3363" s="53"/>
      <c r="D3363" s="53"/>
      <c r="E3363" s="53"/>
      <c r="F3363" s="53"/>
      <c r="G3363" s="53"/>
      <c r="H3363" s="53"/>
      <c r="I3363" s="53"/>
      <c r="J3363" s="53"/>
      <c r="K3363" s="53"/>
      <c r="L3363" s="53"/>
      <c r="M3363" s="53"/>
      <c r="N3363" s="53"/>
      <c r="O3363" s="53"/>
      <c r="P3363" s="53"/>
      <c r="Q3363" s="53"/>
      <c r="R3363" s="53"/>
      <c r="S3363" s="53"/>
      <c r="T3363" s="53"/>
      <c r="U3363" s="53"/>
      <c r="V3363" s="53"/>
      <c r="W3363" s="53"/>
      <c r="X3363" s="53"/>
      <c r="Y3363" s="53"/>
      <c r="Z3363" s="53"/>
      <c r="AA3363" s="53"/>
      <c r="AB3363" s="53"/>
      <c r="AC3363" s="53"/>
      <c r="AD3363" s="53"/>
      <c r="AE3363" s="53"/>
      <c r="AF3363" s="53"/>
      <c r="AG3363" s="53"/>
      <c r="AH3363" s="53"/>
      <c r="AI3363" s="53"/>
      <c r="AJ3363" s="53"/>
      <c r="AK3363" s="53"/>
      <c r="AL3363" s="53"/>
      <c r="AM3363" s="53"/>
      <c r="AN3363" s="53"/>
      <c r="AO3363" s="53"/>
      <c r="AP3363" s="53"/>
      <c r="AQ3363" s="53"/>
      <c r="AR3363" s="53"/>
      <c r="AS3363" s="53"/>
      <c r="AT3363" s="53"/>
      <c r="AU3363" s="53"/>
      <c r="AV3363" s="53"/>
      <c r="AW3363" s="53"/>
      <c r="AX3363" s="53"/>
      <c r="AY3363" s="53"/>
      <c r="AZ3363" s="53"/>
      <c r="BA3363" s="53"/>
      <c r="BB3363" s="53"/>
      <c r="BC3363" s="53"/>
      <c r="BD3363" s="53"/>
      <c r="BE3363" s="53"/>
      <c r="BF3363" s="53"/>
      <c r="BG3363" s="53"/>
      <c r="BH3363" s="53"/>
      <c r="BI3363" s="53"/>
      <c r="BJ3363" s="53"/>
      <c r="BK3363" s="53"/>
      <c r="BL3363" s="53"/>
      <c r="BM3363" s="53"/>
      <c r="BN3363" s="53"/>
      <c r="BO3363" s="53"/>
      <c r="BP3363" s="53"/>
      <c r="BQ3363" s="53"/>
      <c r="BR3363" s="53"/>
      <c r="BS3363" s="53"/>
      <c r="BT3363" s="53"/>
      <c r="BU3363" s="53"/>
      <c r="BV3363" s="53"/>
      <c r="BW3363" s="53"/>
      <c r="BX3363" s="53"/>
      <c r="BY3363" s="53"/>
      <c r="BZ3363" s="53"/>
      <c r="CA3363" s="53"/>
      <c r="CB3363" s="53"/>
      <c r="CC3363" s="53"/>
      <c r="CD3363" s="53"/>
      <c r="CE3363" s="53"/>
      <c r="CF3363" s="53"/>
      <c r="CG3363" s="53"/>
      <c r="CH3363" s="53"/>
      <c r="CI3363" s="53"/>
      <c r="CJ3363" s="53"/>
      <c r="CK3363" s="53"/>
      <c r="CL3363" s="53"/>
      <c r="CM3363" s="53"/>
      <c r="CN3363" s="53"/>
    </row>
    <row r="3364" spans="1:92" outlineLevel="1">
      <c r="A3364" s="52" t="s">
        <v>770</v>
      </c>
      <c r="B3364" s="53"/>
      <c r="C3364" s="53"/>
      <c r="D3364" s="53"/>
      <c r="E3364" s="53"/>
      <c r="F3364" s="53"/>
      <c r="G3364" s="53"/>
      <c r="H3364" s="53"/>
      <c r="I3364" s="53"/>
      <c r="J3364" s="53"/>
      <c r="K3364" s="53"/>
      <c r="L3364" s="53"/>
      <c r="M3364" s="53"/>
      <c r="N3364" s="53"/>
      <c r="O3364" s="53"/>
      <c r="P3364" s="53"/>
      <c r="Q3364" s="53"/>
      <c r="R3364" s="53"/>
      <c r="S3364" s="53"/>
      <c r="T3364" s="53"/>
      <c r="U3364" s="53"/>
      <c r="V3364" s="53"/>
      <c r="W3364" s="53"/>
      <c r="X3364" s="53"/>
      <c r="Y3364" s="53"/>
      <c r="Z3364" s="53"/>
      <c r="AA3364" s="53"/>
      <c r="AB3364" s="53"/>
      <c r="AC3364" s="53"/>
      <c r="AD3364" s="53"/>
      <c r="AE3364" s="53"/>
      <c r="AF3364" s="53"/>
      <c r="AG3364" s="53"/>
      <c r="AH3364" s="53"/>
      <c r="AI3364" s="53"/>
      <c r="AJ3364" s="53"/>
      <c r="AK3364" s="53"/>
      <c r="AL3364" s="53"/>
      <c r="AM3364" s="53"/>
      <c r="AN3364" s="53"/>
      <c r="AO3364" s="53"/>
      <c r="AP3364" s="53"/>
      <c r="AQ3364" s="53"/>
      <c r="AR3364" s="53"/>
      <c r="AS3364" s="53"/>
      <c r="AT3364" s="53"/>
      <c r="AU3364" s="53"/>
      <c r="AV3364" s="53"/>
      <c r="AW3364" s="53"/>
      <c r="AX3364" s="53"/>
      <c r="AY3364" s="53"/>
      <c r="AZ3364" s="53"/>
      <c r="BA3364" s="53"/>
      <c r="BB3364" s="53"/>
      <c r="BC3364" s="53"/>
      <c r="BD3364" s="53"/>
      <c r="BE3364" s="53"/>
      <c r="BF3364" s="53"/>
      <c r="BG3364" s="53"/>
      <c r="BH3364" s="53"/>
      <c r="BI3364" s="53"/>
      <c r="BJ3364" s="53"/>
      <c r="BK3364" s="53"/>
      <c r="BL3364" s="53"/>
      <c r="BM3364" s="53"/>
      <c r="BN3364" s="53"/>
      <c r="BO3364" s="53"/>
      <c r="BP3364" s="53"/>
      <c r="BQ3364" s="53"/>
      <c r="BR3364" s="53"/>
      <c r="BS3364" s="53"/>
      <c r="BT3364" s="53"/>
      <c r="BU3364" s="53"/>
      <c r="BV3364" s="53"/>
      <c r="BW3364" s="53"/>
      <c r="BX3364" s="53"/>
      <c r="BY3364" s="53"/>
      <c r="BZ3364" s="53"/>
      <c r="CA3364" s="53"/>
      <c r="CB3364" s="53">
        <v>4.4720973724483297</v>
      </c>
      <c r="CC3364" s="53">
        <v>4.5045461656332497</v>
      </c>
      <c r="CD3364" s="53">
        <v>4.5372304018533898</v>
      </c>
      <c r="CE3364" s="53">
        <v>4.5701517894441599</v>
      </c>
      <c r="CF3364" s="53">
        <v>4.6033120491363997</v>
      </c>
      <c r="CG3364" s="53">
        <v>4.6367129141462602</v>
      </c>
      <c r="CH3364" s="53">
        <v>4.6703561302658096</v>
      </c>
      <c r="CI3364" s="53">
        <v>4.7042434559543196</v>
      </c>
      <c r="CJ3364" s="53">
        <v>4.7383766624301398</v>
      </c>
      <c r="CK3364" s="53">
        <v>4.7727575337632802</v>
      </c>
      <c r="CL3364" s="53">
        <v>4.8073878669686696</v>
      </c>
      <c r="CM3364" s="53">
        <v>4.8422694721000799</v>
      </c>
      <c r="CN3364" s="53">
        <v>55.859441814144098</v>
      </c>
    </row>
    <row r="3365" spans="1:92" outlineLevel="1">
      <c r="A3365" s="52" t="s">
        <v>649</v>
      </c>
      <c r="B3365" s="53">
        <v>56613493.259999998</v>
      </c>
      <c r="C3365" s="53">
        <v>47825393.969999999</v>
      </c>
      <c r="D3365" s="53">
        <v>44538790.159999996</v>
      </c>
      <c r="E3365" s="53">
        <v>28822708.6599999</v>
      </c>
      <c r="F3365" s="53">
        <v>24885311.41</v>
      </c>
      <c r="G3365" s="53">
        <v>22769660.129999999</v>
      </c>
      <c r="H3365" s="53">
        <v>37141707.170000002</v>
      </c>
      <c r="I3365" s="53">
        <v>35851667.979999997</v>
      </c>
      <c r="J3365" s="53">
        <v>40295825.060000002</v>
      </c>
      <c r="K3365" s="53">
        <v>29914819.489999998</v>
      </c>
      <c r="L3365" s="53">
        <v>10856786.35</v>
      </c>
      <c r="M3365" s="53">
        <v>4020351.59</v>
      </c>
      <c r="N3365" s="53">
        <v>383536515.23000002</v>
      </c>
      <c r="O3365" s="53">
        <v>6484847.9900000002</v>
      </c>
      <c r="P3365" s="53">
        <v>5555935.4699999997</v>
      </c>
      <c r="Q3365" s="53">
        <v>10361733.09</v>
      </c>
      <c r="R3365" s="53">
        <v>3442406.19</v>
      </c>
      <c r="S3365" s="53">
        <v>19680039.010000002</v>
      </c>
      <c r="T3365" s="53">
        <v>21630294.1599999</v>
      </c>
      <c r="U3365" s="53">
        <v>26251780.309999999</v>
      </c>
      <c r="V3365" s="53">
        <v>26420150.210000001</v>
      </c>
      <c r="W3365" s="53">
        <v>23537547.07</v>
      </c>
      <c r="X3365" s="53">
        <v>16098354.7999999</v>
      </c>
      <c r="Y3365" s="53">
        <v>13872146.369999999</v>
      </c>
      <c r="Z3365" s="53">
        <v>7963172.8099999903</v>
      </c>
      <c r="AA3365" s="53">
        <v>181298407.47999999</v>
      </c>
      <c r="AB3365" s="53">
        <v>5728202.5699999901</v>
      </c>
      <c r="AC3365" s="53">
        <v>3210094.7699999898</v>
      </c>
      <c r="AD3365" s="53">
        <v>1538372.26999999</v>
      </c>
      <c r="AE3365" s="53">
        <v>8314765.3200000003</v>
      </c>
      <c r="AF3365" s="53">
        <v>19365393</v>
      </c>
      <c r="AG3365" s="53">
        <v>20069279.859999999</v>
      </c>
      <c r="AH3365" s="53">
        <v>23835975.329999998</v>
      </c>
      <c r="AI3365" s="53">
        <v>27905530.800000001</v>
      </c>
      <c r="AJ3365" s="53">
        <v>19972074.969999999</v>
      </c>
      <c r="AK3365" s="53">
        <v>16272585.4599999</v>
      </c>
      <c r="AL3365" s="53">
        <v>11444636.060000001</v>
      </c>
      <c r="AM3365" s="53">
        <v>4789635.57</v>
      </c>
      <c r="AN3365" s="53">
        <v>162446545.97999999</v>
      </c>
      <c r="AO3365" s="53">
        <v>5576383.21</v>
      </c>
      <c r="AP3365" s="53">
        <v>4011587.47</v>
      </c>
      <c r="AQ3365" s="53">
        <v>9666392.5399999991</v>
      </c>
      <c r="AR3365" s="53">
        <v>6179840.1799999997</v>
      </c>
      <c r="AS3365" s="53">
        <v>8819494.9399999995</v>
      </c>
      <c r="AT3365" s="53">
        <v>9532164.6199999992</v>
      </c>
      <c r="AU3365" s="53">
        <v>14918590.849999901</v>
      </c>
      <c r="AV3365" s="53">
        <v>21156870.030000001</v>
      </c>
      <c r="AW3365" s="53">
        <v>17099196.669999901</v>
      </c>
      <c r="AX3365" s="53">
        <v>13315042.699999999</v>
      </c>
      <c r="AY3365" s="53">
        <v>7239552.1799999997</v>
      </c>
      <c r="AZ3365" s="53">
        <v>3496446.96</v>
      </c>
      <c r="BA3365" s="53">
        <v>121011562.34999999</v>
      </c>
      <c r="BB3365" s="53">
        <v>6311320.7800000003</v>
      </c>
      <c r="BC3365" s="53">
        <v>4349404.99</v>
      </c>
      <c r="BD3365" s="53">
        <v>4862191.16</v>
      </c>
      <c r="BE3365" s="53">
        <v>5039601.68</v>
      </c>
      <c r="BF3365" s="53">
        <v>13518226.08</v>
      </c>
      <c r="BG3365" s="53">
        <v>15583061.09</v>
      </c>
      <c r="BH3365" s="53">
        <v>19285200.839999899</v>
      </c>
      <c r="BI3365" s="53">
        <v>22149230.469999999</v>
      </c>
      <c r="BJ3365" s="53">
        <v>18530791.199999999</v>
      </c>
      <c r="BK3365" s="53">
        <v>20243452.300000001</v>
      </c>
      <c r="BL3365" s="53">
        <v>11746712.27</v>
      </c>
      <c r="BM3365" s="53">
        <v>5258108.5599999996</v>
      </c>
      <c r="BN3365" s="53">
        <v>146877301.41999999</v>
      </c>
      <c r="BO3365" s="53">
        <v>6272379.7000000002</v>
      </c>
      <c r="BP3365" s="53">
        <v>4007192.75</v>
      </c>
      <c r="BQ3365" s="53">
        <v>8688162.2300000004</v>
      </c>
      <c r="BR3365" s="53">
        <v>5955970.6399999997</v>
      </c>
      <c r="BS3365" s="53">
        <v>14343028.7099999</v>
      </c>
      <c r="BT3365" s="53">
        <v>17968877.059999999</v>
      </c>
      <c r="BU3365" s="53">
        <v>19637064.370000001</v>
      </c>
      <c r="BV3365" s="53">
        <v>21289464.829999998</v>
      </c>
      <c r="BW3365" s="53">
        <v>17732063.300000001</v>
      </c>
      <c r="BX3365" s="53">
        <v>15785682.439999999</v>
      </c>
      <c r="BY3365" s="53">
        <v>4819984.8199999901</v>
      </c>
      <c r="BZ3365" s="53">
        <v>4782938.5</v>
      </c>
      <c r="CA3365" s="53">
        <v>141282809.34999999</v>
      </c>
      <c r="CB3365" s="53">
        <v>-386932.316836135</v>
      </c>
      <c r="CC3365" s="53">
        <v>-389289.379532861</v>
      </c>
      <c r="CD3365" s="53">
        <v>-391660.80066984898</v>
      </c>
      <c r="CE3365" s="53">
        <v>-394046.66771392903</v>
      </c>
      <c r="CF3365" s="53">
        <v>-396447.06866475299</v>
      </c>
      <c r="CG3365" s="53">
        <v>-398862.09205803502</v>
      </c>
      <c r="CH3365" s="53">
        <v>-401291.82696882199</v>
      </c>
      <c r="CI3365" s="53">
        <v>-403736.363014773</v>
      </c>
      <c r="CJ3365" s="53">
        <v>-406195.79035947099</v>
      </c>
      <c r="CK3365" s="53">
        <v>-408670.19971574302</v>
      </c>
      <c r="CL3365" s="53">
        <v>-411159.68234901101</v>
      </c>
      <c r="CM3365" s="53">
        <v>-413664.33008065203</v>
      </c>
      <c r="CN3365" s="53">
        <v>-4801956.5179640297</v>
      </c>
    </row>
    <row r="3366" spans="1:92" outlineLevel="1">
      <c r="A3366" s="52" t="s">
        <v>771</v>
      </c>
      <c r="B3366" s="53"/>
      <c r="C3366" s="53"/>
      <c r="D3366" s="53"/>
      <c r="E3366" s="53"/>
      <c r="F3366" s="53"/>
      <c r="G3366" s="53"/>
      <c r="H3366" s="53"/>
      <c r="I3366" s="53"/>
      <c r="J3366" s="53"/>
      <c r="K3366" s="53"/>
      <c r="L3366" s="53"/>
      <c r="M3366" s="53"/>
      <c r="N3366" s="53"/>
      <c r="O3366" s="53"/>
      <c r="P3366" s="53"/>
      <c r="Q3366" s="53"/>
      <c r="R3366" s="53"/>
      <c r="S3366" s="53"/>
      <c r="T3366" s="53"/>
      <c r="U3366" s="53"/>
      <c r="V3366" s="53"/>
      <c r="W3366" s="53"/>
      <c r="X3366" s="53"/>
      <c r="Y3366" s="53"/>
      <c r="Z3366" s="53"/>
      <c r="AA3366" s="53"/>
      <c r="AB3366" s="53"/>
      <c r="AC3366" s="53"/>
      <c r="AD3366" s="53"/>
      <c r="AE3366" s="53"/>
      <c r="AF3366" s="53"/>
      <c r="AG3366" s="53"/>
      <c r="AH3366" s="53"/>
      <c r="AI3366" s="53"/>
      <c r="AJ3366" s="53"/>
      <c r="AK3366" s="53"/>
      <c r="AL3366" s="53"/>
      <c r="AM3366" s="53"/>
      <c r="AN3366" s="53"/>
      <c r="AO3366" s="53"/>
      <c r="AP3366" s="53"/>
      <c r="AQ3366" s="53"/>
      <c r="AR3366" s="53"/>
      <c r="AS3366" s="53"/>
      <c r="AT3366" s="53"/>
      <c r="AU3366" s="53"/>
      <c r="AV3366" s="53"/>
      <c r="AW3366" s="53"/>
      <c r="AX3366" s="53"/>
      <c r="AY3366" s="53"/>
      <c r="AZ3366" s="53"/>
      <c r="BA3366" s="53"/>
      <c r="BB3366" s="53"/>
      <c r="BC3366" s="53"/>
      <c r="BD3366" s="53"/>
      <c r="BE3366" s="53"/>
      <c r="BF3366" s="53"/>
      <c r="BG3366" s="53"/>
      <c r="BH3366" s="53"/>
      <c r="BI3366" s="53"/>
      <c r="BJ3366" s="53"/>
      <c r="BK3366" s="53"/>
      <c r="BL3366" s="53"/>
      <c r="BM3366" s="53"/>
      <c r="BN3366" s="53"/>
      <c r="BO3366" s="53"/>
      <c r="BP3366" s="53"/>
      <c r="BQ3366" s="53"/>
      <c r="BR3366" s="53"/>
      <c r="BS3366" s="53"/>
      <c r="BT3366" s="53"/>
      <c r="BU3366" s="53"/>
      <c r="BV3366" s="53"/>
      <c r="BW3366" s="53"/>
      <c r="BX3366" s="53"/>
      <c r="BY3366" s="53"/>
      <c r="BZ3366" s="53"/>
      <c r="CA3366" s="53"/>
      <c r="CB3366" s="53"/>
      <c r="CC3366" s="53"/>
      <c r="CD3366" s="53"/>
      <c r="CE3366" s="53"/>
      <c r="CF3366" s="53"/>
      <c r="CG3366" s="53"/>
      <c r="CH3366" s="53"/>
      <c r="CI3366" s="53"/>
      <c r="CJ3366" s="53"/>
      <c r="CK3366" s="53"/>
      <c r="CL3366" s="53"/>
      <c r="CM3366" s="53"/>
      <c r="CN3366" s="53"/>
    </row>
    <row r="3367" spans="1:92" outlineLevel="1">
      <c r="A3367" s="52" t="s">
        <v>649</v>
      </c>
      <c r="B3367" s="53">
        <v>3789809.94</v>
      </c>
      <c r="C3367" s="53">
        <v>3422268.28</v>
      </c>
      <c r="D3367" s="53">
        <v>3143837.66</v>
      </c>
      <c r="E3367" s="53">
        <v>2093543.46</v>
      </c>
      <c r="F3367" s="53">
        <v>3503076.71999999</v>
      </c>
      <c r="G3367" s="53">
        <v>4028055.1799999899</v>
      </c>
      <c r="H3367" s="53">
        <v>5073254.49</v>
      </c>
      <c r="I3367" s="53">
        <v>5742731.75</v>
      </c>
      <c r="J3367" s="53">
        <v>4862843.8</v>
      </c>
      <c r="K3367" s="53">
        <v>2830850.48</v>
      </c>
      <c r="L3367" s="53">
        <v>4178068.13</v>
      </c>
      <c r="M3367" s="53">
        <v>4837041.5599999996</v>
      </c>
      <c r="N3367" s="53">
        <v>47505381.450000003</v>
      </c>
      <c r="O3367" s="53">
        <v>5141844.54</v>
      </c>
      <c r="P3367" s="53">
        <v>4855313.92</v>
      </c>
      <c r="Q3367" s="53">
        <v>4357533.95</v>
      </c>
      <c r="R3367" s="53">
        <v>2534368.79</v>
      </c>
      <c r="S3367" s="53">
        <v>2700229.93</v>
      </c>
      <c r="T3367" s="53">
        <v>2893365.16</v>
      </c>
      <c r="U3367" s="53">
        <v>2752843.91</v>
      </c>
      <c r="V3367" s="53">
        <v>2924244.46</v>
      </c>
      <c r="W3367" s="53">
        <v>2795109.63</v>
      </c>
      <c r="X3367" s="53">
        <v>2153144.7000000002</v>
      </c>
      <c r="Y3367" s="53">
        <v>5013419.0599999996</v>
      </c>
      <c r="Z3367" s="53">
        <v>5546676.7599999998</v>
      </c>
      <c r="AA3367" s="53">
        <v>43668094.810000002</v>
      </c>
      <c r="AB3367" s="53">
        <v>4471780.09</v>
      </c>
      <c r="AC3367" s="53">
        <v>4081060.52999999</v>
      </c>
      <c r="AD3367" s="53">
        <v>3916406.12</v>
      </c>
      <c r="AE3367" s="53">
        <v>2367178.5899999901</v>
      </c>
      <c r="AF3367" s="53">
        <v>4838483.1100000003</v>
      </c>
      <c r="AG3367" s="53">
        <v>2932146.04</v>
      </c>
      <c r="AH3367" s="53">
        <v>2622953.9799999902</v>
      </c>
      <c r="AI3367" s="53">
        <v>2763822.11</v>
      </c>
      <c r="AJ3367" s="53">
        <v>2721854.29</v>
      </c>
      <c r="AK3367" s="53">
        <v>2478806.4799999902</v>
      </c>
      <c r="AL3367" s="53">
        <v>2545071.83</v>
      </c>
      <c r="AM3367" s="53">
        <v>4647910.3599999901</v>
      </c>
      <c r="AN3367" s="53">
        <v>40387473.530000001</v>
      </c>
      <c r="AO3367" s="53">
        <v>4390621.54</v>
      </c>
      <c r="AP3367" s="53">
        <v>3696168.5399999898</v>
      </c>
      <c r="AQ3367" s="53">
        <v>3535796.98</v>
      </c>
      <c r="AR3367" s="53">
        <v>2379921.96999999</v>
      </c>
      <c r="AS3367" s="53">
        <v>3735262.3999999901</v>
      </c>
      <c r="AT3367" s="53">
        <v>4022527.57</v>
      </c>
      <c r="AU3367" s="53">
        <v>3041052.57</v>
      </c>
      <c r="AV3367" s="53">
        <v>2881264.5699999901</v>
      </c>
      <c r="AW3367" s="53">
        <v>2646040.23</v>
      </c>
      <c r="AX3367" s="53">
        <v>2644422.67</v>
      </c>
      <c r="AY3367" s="53">
        <v>3065965.94</v>
      </c>
      <c r="AZ3367" s="53">
        <v>4345653.6500000004</v>
      </c>
      <c r="BA3367" s="53">
        <v>40384698.629999898</v>
      </c>
      <c r="BB3367" s="53">
        <v>4356287.4000000004</v>
      </c>
      <c r="BC3367" s="53">
        <v>3562652.82</v>
      </c>
      <c r="BD3367" s="53">
        <v>3418987</v>
      </c>
      <c r="BE3367" s="53">
        <v>2627414.4300000002</v>
      </c>
      <c r="BF3367" s="53">
        <v>2605299.6</v>
      </c>
      <c r="BG3367" s="53">
        <v>2770695.12</v>
      </c>
      <c r="BH3367" s="53">
        <v>2424136.56</v>
      </c>
      <c r="BI3367" s="53">
        <v>2686188.02</v>
      </c>
      <c r="BJ3367" s="53">
        <v>2714288.51</v>
      </c>
      <c r="BK3367" s="53">
        <v>2389000.46</v>
      </c>
      <c r="BL3367" s="53">
        <v>2955607.78</v>
      </c>
      <c r="BM3367" s="53">
        <v>4348307.33</v>
      </c>
      <c r="BN3367" s="53">
        <v>36858865.030000001</v>
      </c>
      <c r="BO3367" s="53">
        <v>4190324.37</v>
      </c>
      <c r="BP3367" s="53">
        <v>3861766.5</v>
      </c>
      <c r="BQ3367" s="53">
        <v>3510986.22</v>
      </c>
      <c r="BR3367" s="53">
        <v>2187418.92</v>
      </c>
      <c r="BS3367" s="53">
        <v>2463125.96</v>
      </c>
      <c r="BT3367" s="53">
        <v>2625186.5299999998</v>
      </c>
      <c r="BU3367" s="53">
        <v>2537434.6599999899</v>
      </c>
      <c r="BV3367" s="53">
        <v>2917305.7</v>
      </c>
      <c r="BW3367" s="53">
        <v>2805057.84</v>
      </c>
      <c r="BX3367" s="53">
        <v>2056321.21999999</v>
      </c>
      <c r="BY3367" s="53">
        <v>1113091.3700000001</v>
      </c>
      <c r="BZ3367" s="53">
        <v>1625862.3899999899</v>
      </c>
      <c r="CA3367" s="53">
        <v>31893881.68</v>
      </c>
      <c r="CB3367" s="53">
        <v>4.8774041723446997</v>
      </c>
      <c r="CC3367" s="53">
        <v>4.9127938041185102</v>
      </c>
      <c r="CD3367" s="53">
        <v>4.9484402171622097</v>
      </c>
      <c r="CE3367" s="53">
        <v>4.9843452746378496</v>
      </c>
      <c r="CF3367" s="53"/>
      <c r="CG3367" s="53"/>
      <c r="CH3367" s="53"/>
      <c r="CI3367" s="53"/>
      <c r="CJ3367" s="53"/>
      <c r="CK3367" s="53"/>
      <c r="CL3367" s="53"/>
      <c r="CM3367" s="53"/>
      <c r="CN3367" s="53">
        <v>19.722983468263202</v>
      </c>
    </row>
    <row r="3368" spans="1:92" outlineLevel="1">
      <c r="A3368" s="52" t="s">
        <v>772</v>
      </c>
      <c r="B3368" s="53"/>
      <c r="C3368" s="53"/>
      <c r="D3368" s="53"/>
      <c r="E3368" s="53"/>
      <c r="F3368" s="53"/>
      <c r="G3368" s="53"/>
      <c r="H3368" s="53"/>
      <c r="I3368" s="53"/>
      <c r="J3368" s="53"/>
      <c r="K3368" s="53"/>
      <c r="L3368" s="53"/>
      <c r="M3368" s="53"/>
      <c r="N3368" s="53"/>
      <c r="O3368" s="53"/>
      <c r="P3368" s="53"/>
      <c r="Q3368" s="53"/>
      <c r="R3368" s="53"/>
      <c r="S3368" s="53"/>
      <c r="T3368" s="53"/>
      <c r="U3368" s="53"/>
      <c r="V3368" s="53"/>
      <c r="W3368" s="53"/>
      <c r="X3368" s="53"/>
      <c r="Y3368" s="53"/>
      <c r="Z3368" s="53"/>
      <c r="AA3368" s="53"/>
      <c r="AB3368" s="53"/>
      <c r="AC3368" s="53"/>
      <c r="AD3368" s="53"/>
      <c r="AE3368" s="53"/>
      <c r="AF3368" s="53"/>
      <c r="AG3368" s="53"/>
      <c r="AH3368" s="53"/>
      <c r="AI3368" s="53"/>
      <c r="AJ3368" s="53"/>
      <c r="AK3368" s="53"/>
      <c r="AL3368" s="53"/>
      <c r="AM3368" s="53"/>
      <c r="AN3368" s="53"/>
      <c r="AO3368" s="53"/>
      <c r="AP3368" s="53"/>
      <c r="AQ3368" s="53"/>
      <c r="AR3368" s="53"/>
      <c r="AS3368" s="53"/>
      <c r="AT3368" s="53"/>
      <c r="AU3368" s="53"/>
      <c r="AV3368" s="53"/>
      <c r="AW3368" s="53"/>
      <c r="AX3368" s="53"/>
      <c r="AY3368" s="53"/>
      <c r="AZ3368" s="53"/>
      <c r="BA3368" s="53"/>
      <c r="BB3368" s="53"/>
      <c r="BC3368" s="53"/>
      <c r="BD3368" s="53"/>
      <c r="BE3368" s="53"/>
      <c r="BF3368" s="53"/>
      <c r="BG3368" s="53"/>
      <c r="BH3368" s="53"/>
      <c r="BI3368" s="53"/>
      <c r="BJ3368" s="53"/>
      <c r="BK3368" s="53"/>
      <c r="BL3368" s="53"/>
      <c r="BM3368" s="53"/>
      <c r="BN3368" s="53"/>
      <c r="BO3368" s="53"/>
      <c r="BP3368" s="53"/>
      <c r="BQ3368" s="53"/>
      <c r="BR3368" s="53"/>
      <c r="BS3368" s="53"/>
      <c r="BT3368" s="53"/>
      <c r="BU3368" s="53"/>
      <c r="BV3368" s="53"/>
      <c r="BW3368" s="53"/>
      <c r="BX3368" s="53"/>
      <c r="BY3368" s="53"/>
      <c r="BZ3368" s="53"/>
      <c r="CA3368" s="53"/>
      <c r="CB3368" s="53">
        <v>-416184.23529139103</v>
      </c>
      <c r="CC3368" s="53">
        <v>-418719.49092470802</v>
      </c>
      <c r="CD3368" s="53">
        <v>-421270.19049025001</v>
      </c>
      <c r="CE3368" s="53"/>
      <c r="CF3368" s="53"/>
      <c r="CG3368" s="53"/>
      <c r="CH3368" s="53"/>
      <c r="CI3368" s="53"/>
      <c r="CJ3368" s="53"/>
      <c r="CK3368" s="53"/>
      <c r="CL3368" s="53"/>
      <c r="CM3368" s="53"/>
      <c r="CN3368" s="53">
        <v>-1256173.9167063499</v>
      </c>
    </row>
    <row r="3369" spans="1:92" outlineLevel="1">
      <c r="A3369" s="52" t="s">
        <v>649</v>
      </c>
      <c r="B3369" s="53">
        <v>106318449.72999901</v>
      </c>
      <c r="C3369" s="53">
        <v>100794760.3</v>
      </c>
      <c r="D3369" s="53">
        <v>127940463.469999</v>
      </c>
      <c r="E3369" s="53">
        <v>102737561</v>
      </c>
      <c r="F3369" s="53">
        <v>165531098.33000001</v>
      </c>
      <c r="G3369" s="53">
        <v>188818153.13</v>
      </c>
      <c r="H3369" s="53">
        <v>245991165.06</v>
      </c>
      <c r="I3369" s="53">
        <v>244053514.19999999</v>
      </c>
      <c r="J3369" s="53">
        <v>221759871.77000001</v>
      </c>
      <c r="K3369" s="53">
        <v>205629827.78999999</v>
      </c>
      <c r="L3369" s="53">
        <v>149868013.94999999</v>
      </c>
      <c r="M3369" s="53">
        <v>173142034.31</v>
      </c>
      <c r="N3369" s="53">
        <v>2032584913.04</v>
      </c>
      <c r="O3369" s="53">
        <v>170256544.28999999</v>
      </c>
      <c r="P3369" s="53">
        <v>152994064.80000001</v>
      </c>
      <c r="Q3369" s="53">
        <v>144113365.46000001</v>
      </c>
      <c r="R3369" s="53">
        <v>128691680.13</v>
      </c>
      <c r="S3369" s="53">
        <v>139762662.09</v>
      </c>
      <c r="T3369" s="53">
        <v>151151211.72999999</v>
      </c>
      <c r="U3369" s="53">
        <v>163390006.09</v>
      </c>
      <c r="V3369" s="53">
        <v>159137751.93000001</v>
      </c>
      <c r="W3369" s="53">
        <v>148151117.47999999</v>
      </c>
      <c r="X3369" s="53">
        <v>135366420.88</v>
      </c>
      <c r="Y3369" s="53">
        <v>122532544.019999</v>
      </c>
      <c r="Z3369" s="53">
        <v>141364511.03</v>
      </c>
      <c r="AA3369" s="53">
        <v>1756911879.9300001</v>
      </c>
      <c r="AB3369" s="53">
        <v>145243330.71999899</v>
      </c>
      <c r="AC3369" s="53">
        <v>131565532.47999901</v>
      </c>
      <c r="AD3369" s="53">
        <v>125545250.39999899</v>
      </c>
      <c r="AE3369" s="53">
        <v>107376927.11999901</v>
      </c>
      <c r="AF3369" s="53">
        <v>116035234.78999899</v>
      </c>
      <c r="AG3369" s="53">
        <v>131086793.279999</v>
      </c>
      <c r="AH3369" s="53">
        <v>138610982.09</v>
      </c>
      <c r="AI3369" s="53">
        <v>136039846.30000001</v>
      </c>
      <c r="AJ3369" s="53">
        <v>133505884.06999999</v>
      </c>
      <c r="AK3369" s="53">
        <v>121750731.81999999</v>
      </c>
      <c r="AL3369" s="53">
        <v>109429431.84999999</v>
      </c>
      <c r="AM3369" s="53">
        <v>127332792.81</v>
      </c>
      <c r="AN3369" s="53">
        <v>1523522737.73</v>
      </c>
      <c r="AO3369" s="53">
        <v>128410282.59999999</v>
      </c>
      <c r="AP3369" s="53">
        <v>111936288.529999</v>
      </c>
      <c r="AQ3369" s="53">
        <v>109343936.27</v>
      </c>
      <c r="AR3369" s="53">
        <v>106153748.73</v>
      </c>
      <c r="AS3369" s="53">
        <v>122746868.36</v>
      </c>
      <c r="AT3369" s="53">
        <v>130665780.91</v>
      </c>
      <c r="AU3369" s="53">
        <v>137968389.66999999</v>
      </c>
      <c r="AV3369" s="53">
        <v>133672513.31</v>
      </c>
      <c r="AW3369" s="53">
        <v>129613280.02</v>
      </c>
      <c r="AX3369" s="53">
        <v>115433683.19</v>
      </c>
      <c r="AY3369" s="53">
        <v>106979295.79000001</v>
      </c>
      <c r="AZ3369" s="53">
        <v>124542360.67999899</v>
      </c>
      <c r="BA3369" s="53">
        <v>1457466428.0599999</v>
      </c>
      <c r="BB3369" s="53">
        <v>124667569.92</v>
      </c>
      <c r="BC3369" s="53">
        <v>110298947.2</v>
      </c>
      <c r="BD3369" s="53">
        <v>110241516.25</v>
      </c>
      <c r="BE3369" s="53">
        <v>103431159.14999899</v>
      </c>
      <c r="BF3369" s="53">
        <v>118639841.22</v>
      </c>
      <c r="BG3369" s="53">
        <v>127349680.749999</v>
      </c>
      <c r="BH3369" s="53">
        <v>134189338.11</v>
      </c>
      <c r="BI3369" s="53">
        <v>131504854.22</v>
      </c>
      <c r="BJ3369" s="53">
        <v>127738638.95</v>
      </c>
      <c r="BK3369" s="53">
        <v>109139694.69</v>
      </c>
      <c r="BL3369" s="53">
        <v>103570454.669999</v>
      </c>
      <c r="BM3369" s="53">
        <v>120415089.45</v>
      </c>
      <c r="BN3369" s="53">
        <v>1421186784.5799999</v>
      </c>
      <c r="BO3369" s="53">
        <v>121357488.189999</v>
      </c>
      <c r="BP3369" s="53">
        <v>106517265.29000001</v>
      </c>
      <c r="BQ3369" s="53">
        <v>103255198.59</v>
      </c>
      <c r="BR3369" s="53">
        <v>101450018.38</v>
      </c>
      <c r="BS3369" s="53">
        <v>111594269.02</v>
      </c>
      <c r="BT3369" s="53">
        <v>120582515.699999</v>
      </c>
      <c r="BU3369" s="53">
        <v>128943973.16</v>
      </c>
      <c r="BV3369" s="53">
        <v>127428889.34999999</v>
      </c>
      <c r="BW3369" s="53">
        <v>122933468.55</v>
      </c>
      <c r="BX3369" s="53">
        <v>109816579.059999</v>
      </c>
      <c r="BY3369" s="53">
        <v>103137945.63</v>
      </c>
      <c r="BZ3369" s="53">
        <v>117883663.52</v>
      </c>
      <c r="CA3369" s="53">
        <v>1374901274.43999</v>
      </c>
      <c r="CB3369" s="53"/>
      <c r="CC3369" s="53"/>
      <c r="CD3369" s="53"/>
      <c r="CE3369" s="53"/>
      <c r="CF3369" s="53"/>
      <c r="CG3369" s="53"/>
      <c r="CH3369" s="53"/>
      <c r="CI3369" s="53"/>
      <c r="CJ3369" s="53"/>
      <c r="CK3369" s="53"/>
      <c r="CL3369" s="53"/>
      <c r="CM3369" s="53"/>
      <c r="CN3369" s="53"/>
    </row>
    <row r="3370" spans="1:92" outlineLevel="1">
      <c r="A3370" s="52" t="s">
        <v>709</v>
      </c>
      <c r="B3370" s="53"/>
      <c r="C3370" s="53"/>
      <c r="D3370" s="53"/>
      <c r="E3370" s="53"/>
      <c r="F3370" s="53"/>
      <c r="G3370" s="53"/>
      <c r="H3370" s="53"/>
      <c r="I3370" s="53"/>
      <c r="J3370" s="53"/>
      <c r="K3370" s="53"/>
      <c r="L3370" s="53"/>
      <c r="M3370" s="53"/>
      <c r="N3370" s="53"/>
      <c r="O3370" s="53"/>
      <c r="P3370" s="53"/>
      <c r="Q3370" s="53"/>
      <c r="R3370" s="53"/>
      <c r="S3370" s="53"/>
      <c r="T3370" s="53"/>
      <c r="U3370" s="53"/>
      <c r="V3370" s="53"/>
      <c r="W3370" s="53"/>
      <c r="X3370" s="53"/>
      <c r="Y3370" s="53"/>
      <c r="Z3370" s="53"/>
      <c r="AA3370" s="53"/>
      <c r="AB3370" s="53"/>
      <c r="AC3370" s="53"/>
      <c r="AD3370" s="53"/>
      <c r="AE3370" s="53"/>
      <c r="AF3370" s="53"/>
      <c r="AG3370" s="53"/>
      <c r="AH3370" s="53"/>
      <c r="AI3370" s="53"/>
      <c r="AJ3370" s="53"/>
      <c r="AK3370" s="53"/>
      <c r="AL3370" s="53"/>
      <c r="AM3370" s="53"/>
      <c r="AN3370" s="53"/>
      <c r="AO3370" s="53"/>
      <c r="AP3370" s="53"/>
      <c r="AQ3370" s="53"/>
      <c r="AR3370" s="53"/>
      <c r="AS3370" s="53"/>
      <c r="AT3370" s="53"/>
      <c r="AU3370" s="53"/>
      <c r="AV3370" s="53"/>
      <c r="AW3370" s="53"/>
      <c r="AX3370" s="53"/>
      <c r="AY3370" s="53"/>
      <c r="AZ3370" s="53"/>
      <c r="BA3370" s="53"/>
      <c r="BB3370" s="53"/>
      <c r="BC3370" s="53"/>
      <c r="BD3370" s="53"/>
      <c r="BE3370" s="53"/>
      <c r="BF3370" s="53"/>
      <c r="BG3370" s="53"/>
      <c r="BH3370" s="53"/>
      <c r="BI3370" s="53"/>
      <c r="BJ3370" s="53"/>
      <c r="BK3370" s="53"/>
      <c r="BL3370" s="53"/>
      <c r="BM3370" s="53"/>
      <c r="BN3370" s="53"/>
      <c r="BO3370" s="53"/>
      <c r="BP3370" s="53"/>
      <c r="BQ3370" s="53"/>
      <c r="BR3370" s="53"/>
      <c r="BS3370" s="53"/>
      <c r="BT3370" s="53"/>
      <c r="BU3370" s="53"/>
      <c r="BV3370" s="53"/>
      <c r="BW3370" s="53"/>
      <c r="BX3370" s="53"/>
      <c r="BY3370" s="53"/>
      <c r="BZ3370" s="53"/>
      <c r="CA3370" s="53"/>
      <c r="CB3370" s="53"/>
      <c r="CC3370" s="53"/>
      <c r="CD3370" s="53"/>
      <c r="CE3370" s="53"/>
      <c r="CF3370" s="53"/>
      <c r="CG3370" s="53"/>
      <c r="CH3370" s="53"/>
      <c r="CI3370" s="53"/>
      <c r="CJ3370" s="53"/>
      <c r="CK3370" s="53"/>
      <c r="CL3370" s="53"/>
      <c r="CM3370" s="53"/>
      <c r="CN3370" s="53"/>
    </row>
    <row r="3371" spans="1:92" outlineLevel="1">
      <c r="A3371" s="52" t="s">
        <v>1660</v>
      </c>
      <c r="B3371" s="53"/>
      <c r="C3371" s="53"/>
      <c r="D3371" s="53"/>
      <c r="E3371" s="53"/>
      <c r="F3371" s="53"/>
      <c r="G3371" s="53"/>
      <c r="H3371" s="53"/>
      <c r="I3371" s="53"/>
      <c r="J3371" s="53"/>
      <c r="K3371" s="53"/>
      <c r="L3371" s="53"/>
      <c r="M3371" s="53"/>
      <c r="N3371" s="53"/>
      <c r="O3371" s="53"/>
      <c r="P3371" s="53"/>
      <c r="Q3371" s="53"/>
      <c r="R3371" s="53"/>
      <c r="S3371" s="53"/>
      <c r="T3371" s="53"/>
      <c r="U3371" s="53"/>
      <c r="V3371" s="53"/>
      <c r="W3371" s="53"/>
      <c r="X3371" s="53"/>
      <c r="Y3371" s="53"/>
      <c r="Z3371" s="53"/>
      <c r="AA3371" s="53"/>
      <c r="AB3371" s="53"/>
      <c r="AC3371" s="53"/>
      <c r="AD3371" s="53"/>
      <c r="AE3371" s="53"/>
      <c r="AF3371" s="53"/>
      <c r="AG3371" s="53"/>
      <c r="AH3371" s="53"/>
      <c r="AI3371" s="53"/>
      <c r="AJ3371" s="53"/>
      <c r="AK3371" s="53"/>
      <c r="AL3371" s="53"/>
      <c r="AM3371" s="53"/>
      <c r="AN3371" s="53"/>
      <c r="AO3371" s="53"/>
      <c r="AP3371" s="53"/>
      <c r="AQ3371" s="53"/>
      <c r="AR3371" s="53"/>
      <c r="AS3371" s="53"/>
      <c r="AT3371" s="53"/>
      <c r="AU3371" s="53"/>
      <c r="AV3371" s="53"/>
      <c r="AW3371" s="53"/>
      <c r="AX3371" s="53"/>
      <c r="AY3371" s="53"/>
      <c r="AZ3371" s="53"/>
      <c r="BA3371" s="53"/>
      <c r="BB3371" s="53"/>
      <c r="BC3371" s="53"/>
      <c r="BD3371" s="53"/>
      <c r="BE3371" s="53"/>
      <c r="BF3371" s="53"/>
      <c r="BG3371" s="53"/>
      <c r="BH3371" s="53"/>
      <c r="BI3371" s="53"/>
      <c r="BJ3371" s="53"/>
      <c r="BK3371" s="53"/>
      <c r="BL3371" s="53"/>
      <c r="BM3371" s="53"/>
      <c r="BN3371" s="53"/>
      <c r="BO3371" s="53"/>
      <c r="BP3371" s="53"/>
      <c r="BQ3371" s="53"/>
      <c r="BR3371" s="53"/>
      <c r="BS3371" s="53"/>
      <c r="BT3371" s="53"/>
      <c r="BU3371" s="53"/>
      <c r="BV3371" s="53"/>
      <c r="BW3371" s="53"/>
      <c r="BX3371" s="53"/>
      <c r="BY3371" s="53"/>
      <c r="BZ3371" s="53"/>
      <c r="CA3371" s="53"/>
      <c r="CB3371" s="53"/>
      <c r="CC3371" s="53"/>
      <c r="CD3371" s="53"/>
      <c r="CE3371" s="53"/>
      <c r="CF3371" s="53"/>
      <c r="CG3371" s="53"/>
      <c r="CH3371" s="53"/>
      <c r="CI3371" s="53"/>
      <c r="CJ3371" s="53"/>
      <c r="CK3371" s="53"/>
      <c r="CL3371" s="53"/>
      <c r="CM3371" s="53"/>
      <c r="CN3371" s="53"/>
    </row>
    <row r="3372" spans="1:92" outlineLevel="1">
      <c r="A3372" s="52" t="s">
        <v>1564</v>
      </c>
      <c r="B3372" s="53"/>
      <c r="C3372" s="53"/>
      <c r="D3372" s="53"/>
      <c r="E3372" s="53"/>
      <c r="F3372" s="53"/>
      <c r="G3372" s="53"/>
      <c r="H3372" s="53"/>
      <c r="I3372" s="53"/>
      <c r="J3372" s="53"/>
      <c r="K3372" s="53">
        <v>800000000</v>
      </c>
      <c r="L3372" s="53"/>
      <c r="M3372" s="53"/>
      <c r="N3372" s="53">
        <v>800000000</v>
      </c>
      <c r="O3372" s="53"/>
      <c r="P3372" s="53"/>
      <c r="Q3372" s="53"/>
      <c r="R3372" s="53"/>
      <c r="S3372" s="53"/>
      <c r="T3372" s="53"/>
      <c r="U3372" s="53"/>
      <c r="V3372" s="53"/>
      <c r="W3372" s="53"/>
      <c r="X3372" s="53"/>
      <c r="Y3372" s="53"/>
      <c r="Z3372" s="53"/>
      <c r="AA3372" s="53"/>
      <c r="AB3372" s="53"/>
      <c r="AC3372" s="53"/>
      <c r="AD3372" s="53"/>
      <c r="AE3372" s="53"/>
      <c r="AF3372" s="53"/>
      <c r="AG3372" s="53"/>
      <c r="AH3372" s="53"/>
      <c r="AI3372" s="53"/>
      <c r="AJ3372" s="53"/>
      <c r="AK3372" s="53"/>
      <c r="AL3372" s="53"/>
      <c r="AM3372" s="53"/>
      <c r="AN3372" s="53"/>
      <c r="AO3372" s="53"/>
      <c r="AP3372" s="53"/>
      <c r="AQ3372" s="53"/>
      <c r="AR3372" s="53"/>
      <c r="AS3372" s="53"/>
      <c r="AT3372" s="53"/>
      <c r="AU3372" s="53"/>
      <c r="AV3372" s="53"/>
      <c r="AW3372" s="53"/>
      <c r="AX3372" s="53"/>
      <c r="AY3372" s="53"/>
      <c r="AZ3372" s="53"/>
      <c r="BA3372" s="53"/>
      <c r="BB3372" s="53"/>
      <c r="BC3372" s="53"/>
      <c r="BD3372" s="53"/>
      <c r="BE3372" s="53"/>
      <c r="BF3372" s="53"/>
      <c r="BG3372" s="53"/>
      <c r="BH3372" s="53"/>
      <c r="BI3372" s="53"/>
      <c r="BJ3372" s="53"/>
      <c r="BK3372" s="53"/>
      <c r="BL3372" s="53"/>
      <c r="BM3372" s="53"/>
      <c r="BN3372" s="53"/>
      <c r="BO3372" s="53"/>
      <c r="BP3372" s="53"/>
      <c r="BQ3372" s="53"/>
      <c r="BR3372" s="53"/>
      <c r="BS3372" s="53"/>
      <c r="BT3372" s="53"/>
      <c r="BU3372" s="53"/>
      <c r="BV3372" s="53"/>
      <c r="BW3372" s="53"/>
      <c r="BX3372" s="53"/>
      <c r="BY3372" s="53"/>
      <c r="BZ3372" s="53"/>
      <c r="CA3372" s="53"/>
      <c r="CB3372" s="53"/>
      <c r="CC3372" s="53"/>
      <c r="CD3372" s="53"/>
      <c r="CE3372" s="53"/>
      <c r="CF3372" s="53"/>
      <c r="CG3372" s="53"/>
      <c r="CH3372" s="53"/>
      <c r="CI3372" s="53"/>
      <c r="CJ3372" s="53"/>
      <c r="CK3372" s="53"/>
      <c r="CL3372" s="53"/>
      <c r="CM3372" s="53"/>
      <c r="CN3372" s="53"/>
    </row>
    <row r="3373" spans="1:92" outlineLevel="1">
      <c r="A3373" s="52" t="s">
        <v>1565</v>
      </c>
      <c r="B3373" s="53"/>
      <c r="C3373" s="53"/>
      <c r="D3373" s="53"/>
      <c r="E3373" s="53"/>
      <c r="F3373" s="53"/>
      <c r="G3373" s="53"/>
      <c r="H3373" s="53"/>
      <c r="I3373" s="53"/>
      <c r="J3373" s="53"/>
      <c r="K3373" s="53"/>
      <c r="L3373" s="53">
        <v>500000000</v>
      </c>
      <c r="M3373" s="53"/>
      <c r="N3373" s="53">
        <v>500000000</v>
      </c>
      <c r="O3373" s="53"/>
      <c r="P3373" s="53"/>
      <c r="Q3373" s="53"/>
      <c r="R3373" s="53"/>
      <c r="S3373" s="53"/>
      <c r="T3373" s="53"/>
      <c r="U3373" s="53"/>
      <c r="V3373" s="53"/>
      <c r="W3373" s="53"/>
      <c r="X3373" s="53"/>
      <c r="Y3373" s="53"/>
      <c r="Z3373" s="53"/>
      <c r="AA3373" s="53"/>
      <c r="AB3373" s="53"/>
      <c r="AC3373" s="53"/>
      <c r="AD3373" s="53"/>
      <c r="AE3373" s="53"/>
      <c r="AF3373" s="53"/>
      <c r="AG3373" s="53"/>
      <c r="AH3373" s="53"/>
      <c r="AI3373" s="53"/>
      <c r="AJ3373" s="53"/>
      <c r="AK3373" s="53"/>
      <c r="AL3373" s="53"/>
      <c r="AM3373" s="53"/>
      <c r="AN3373" s="53"/>
      <c r="AO3373" s="53"/>
      <c r="AP3373" s="53"/>
      <c r="AQ3373" s="53"/>
      <c r="AR3373" s="53"/>
      <c r="AS3373" s="53"/>
      <c r="AT3373" s="53"/>
      <c r="AU3373" s="53"/>
      <c r="AV3373" s="53"/>
      <c r="AW3373" s="53"/>
      <c r="AX3373" s="53"/>
      <c r="AY3373" s="53"/>
      <c r="AZ3373" s="53"/>
      <c r="BA3373" s="53"/>
      <c r="BB3373" s="53"/>
      <c r="BC3373" s="53"/>
      <c r="BD3373" s="53"/>
      <c r="BE3373" s="53"/>
      <c r="BF3373" s="53"/>
      <c r="BG3373" s="53"/>
      <c r="BH3373" s="53"/>
      <c r="BI3373" s="53"/>
      <c r="BJ3373" s="53"/>
      <c r="BK3373" s="53"/>
      <c r="BL3373" s="53"/>
      <c r="BM3373" s="53"/>
      <c r="BN3373" s="53"/>
      <c r="BO3373" s="53"/>
      <c r="BP3373" s="53"/>
      <c r="BQ3373" s="53"/>
      <c r="BR3373" s="53"/>
      <c r="BS3373" s="53"/>
      <c r="BT3373" s="53"/>
      <c r="BU3373" s="53"/>
      <c r="BV3373" s="53"/>
      <c r="BW3373" s="53"/>
      <c r="BX3373" s="53"/>
      <c r="BY3373" s="53"/>
      <c r="BZ3373" s="53"/>
      <c r="CA3373" s="53"/>
      <c r="CB3373" s="53"/>
      <c r="CC3373" s="53"/>
      <c r="CD3373" s="53"/>
      <c r="CE3373" s="53"/>
      <c r="CF3373" s="53"/>
      <c r="CG3373" s="53"/>
      <c r="CH3373" s="53"/>
      <c r="CI3373" s="53"/>
      <c r="CJ3373" s="53"/>
      <c r="CK3373" s="53"/>
      <c r="CL3373" s="53"/>
      <c r="CM3373" s="53"/>
      <c r="CN3373" s="53"/>
    </row>
    <row r="3374" spans="1:92" outlineLevel="1">
      <c r="A3374" s="52" t="s">
        <v>710</v>
      </c>
      <c r="B3374" s="53"/>
      <c r="C3374" s="53"/>
      <c r="D3374" s="53"/>
      <c r="E3374" s="53"/>
      <c r="F3374" s="53"/>
      <c r="G3374" s="53"/>
      <c r="H3374" s="53"/>
      <c r="I3374" s="53"/>
      <c r="J3374" s="53"/>
      <c r="K3374" s="53"/>
      <c r="L3374" s="53"/>
      <c r="M3374" s="53"/>
      <c r="N3374" s="53"/>
      <c r="O3374" s="53"/>
      <c r="P3374" s="53"/>
      <c r="Q3374" s="53"/>
      <c r="R3374" s="53"/>
      <c r="S3374" s="53"/>
      <c r="T3374" s="53"/>
      <c r="U3374" s="53"/>
      <c r="V3374" s="53"/>
      <c r="W3374" s="53"/>
      <c r="X3374" s="53"/>
      <c r="Y3374" s="53"/>
      <c r="Z3374" s="53"/>
      <c r="AA3374" s="53"/>
      <c r="AB3374" s="53"/>
      <c r="AC3374" s="53"/>
      <c r="AD3374" s="53"/>
      <c r="AE3374" s="53"/>
      <c r="AF3374" s="53"/>
      <c r="AG3374" s="53"/>
      <c r="AH3374" s="53"/>
      <c r="AI3374" s="53"/>
      <c r="AJ3374" s="53"/>
      <c r="AK3374" s="53"/>
      <c r="AL3374" s="53"/>
      <c r="AM3374" s="53"/>
      <c r="AN3374" s="53"/>
      <c r="AO3374" s="53"/>
      <c r="AP3374" s="53"/>
      <c r="AQ3374" s="53"/>
      <c r="AR3374" s="53"/>
      <c r="AS3374" s="53"/>
      <c r="AT3374" s="53"/>
      <c r="AU3374" s="53"/>
      <c r="AV3374" s="53"/>
      <c r="AW3374" s="53"/>
      <c r="AX3374" s="53"/>
      <c r="AY3374" s="53"/>
      <c r="AZ3374" s="53"/>
      <c r="BA3374" s="53"/>
      <c r="BB3374" s="53"/>
      <c r="BC3374" s="53"/>
      <c r="BD3374" s="53"/>
      <c r="BE3374" s="53"/>
      <c r="BF3374" s="53"/>
      <c r="BG3374" s="53"/>
      <c r="BH3374" s="53"/>
      <c r="BI3374" s="53"/>
      <c r="BJ3374" s="53"/>
      <c r="BK3374" s="53"/>
      <c r="BL3374" s="53"/>
      <c r="BM3374" s="53"/>
      <c r="BN3374" s="53"/>
      <c r="BO3374" s="53"/>
      <c r="BP3374" s="53"/>
      <c r="BQ3374" s="53"/>
      <c r="BR3374" s="53"/>
      <c r="BS3374" s="53"/>
      <c r="BT3374" s="53"/>
      <c r="BU3374" s="53"/>
      <c r="BV3374" s="53"/>
      <c r="BW3374" s="53"/>
      <c r="BX3374" s="53"/>
      <c r="BY3374" s="53"/>
      <c r="BZ3374" s="53"/>
      <c r="CA3374" s="53"/>
      <c r="CB3374" s="53"/>
      <c r="CC3374" s="53"/>
      <c r="CD3374" s="53"/>
      <c r="CE3374" s="53"/>
      <c r="CF3374" s="53"/>
      <c r="CG3374" s="53"/>
      <c r="CH3374" s="53"/>
      <c r="CI3374" s="53"/>
      <c r="CJ3374" s="53"/>
      <c r="CK3374" s="53"/>
      <c r="CL3374" s="53"/>
      <c r="CM3374" s="53"/>
      <c r="CN3374" s="53"/>
    </row>
    <row r="3375" spans="1:92" outlineLevel="1">
      <c r="A3375" s="52" t="s">
        <v>711</v>
      </c>
      <c r="B3375" s="53">
        <v>843750</v>
      </c>
      <c r="C3375" s="53">
        <v>843750</v>
      </c>
      <c r="D3375" s="53">
        <v>843750</v>
      </c>
      <c r="E3375" s="53">
        <v>843750</v>
      </c>
      <c r="F3375" s="53">
        <v>843750</v>
      </c>
      <c r="G3375" s="53">
        <v>843750</v>
      </c>
      <c r="H3375" s="53">
        <v>843750</v>
      </c>
      <c r="I3375" s="53">
        <v>843750</v>
      </c>
      <c r="J3375" s="53">
        <v>843750</v>
      </c>
      <c r="K3375" s="53">
        <v>843750</v>
      </c>
      <c r="L3375" s="53">
        <v>843750</v>
      </c>
      <c r="M3375" s="53">
        <v>843750</v>
      </c>
      <c r="N3375" s="53">
        <v>10125000</v>
      </c>
      <c r="O3375" s="53">
        <v>843750</v>
      </c>
      <c r="P3375" s="53">
        <v>843750</v>
      </c>
      <c r="Q3375" s="53">
        <v>843750</v>
      </c>
      <c r="R3375" s="53">
        <v>843750</v>
      </c>
      <c r="S3375" s="53">
        <v>843750</v>
      </c>
      <c r="T3375" s="53">
        <v>843750</v>
      </c>
      <c r="U3375" s="53">
        <v>843750</v>
      </c>
      <c r="V3375" s="53">
        <v>843750</v>
      </c>
      <c r="W3375" s="53">
        <v>843750</v>
      </c>
      <c r="X3375" s="53">
        <v>843750</v>
      </c>
      <c r="Y3375" s="53">
        <v>843750</v>
      </c>
      <c r="Z3375" s="53">
        <v>843750</v>
      </c>
      <c r="AA3375" s="53">
        <v>10125000</v>
      </c>
      <c r="AB3375" s="53">
        <v>843750</v>
      </c>
      <c r="AC3375" s="53">
        <v>843750</v>
      </c>
      <c r="AD3375" s="53">
        <v>843750</v>
      </c>
      <c r="AE3375" s="53">
        <v>843750</v>
      </c>
      <c r="AF3375" s="53">
        <v>843750</v>
      </c>
      <c r="AG3375" s="53">
        <v>843750</v>
      </c>
      <c r="AH3375" s="53">
        <v>843750</v>
      </c>
      <c r="AI3375" s="53">
        <v>843750</v>
      </c>
      <c r="AJ3375" s="53">
        <v>843750</v>
      </c>
      <c r="AK3375" s="53">
        <v>843750</v>
      </c>
      <c r="AL3375" s="53">
        <v>843750</v>
      </c>
      <c r="AM3375" s="53">
        <v>843750</v>
      </c>
      <c r="AN3375" s="53">
        <v>10125000</v>
      </c>
      <c r="AO3375" s="53">
        <v>843750</v>
      </c>
      <c r="AP3375" s="53">
        <v>843750</v>
      </c>
      <c r="AQ3375" s="53">
        <v>843750</v>
      </c>
      <c r="AR3375" s="53">
        <v>843750</v>
      </c>
      <c r="AS3375" s="53">
        <v>843750</v>
      </c>
      <c r="AT3375" s="53">
        <v>843750</v>
      </c>
      <c r="AU3375" s="53">
        <v>843750</v>
      </c>
      <c r="AV3375" s="53">
        <v>843750</v>
      </c>
      <c r="AW3375" s="53">
        <v>843750</v>
      </c>
      <c r="AX3375" s="53">
        <v>843750</v>
      </c>
      <c r="AY3375" s="53">
        <v>843750</v>
      </c>
      <c r="AZ3375" s="53">
        <v>843750</v>
      </c>
      <c r="BA3375" s="53">
        <v>10125000</v>
      </c>
      <c r="BB3375" s="53">
        <v>843750</v>
      </c>
      <c r="BC3375" s="53">
        <v>843750</v>
      </c>
      <c r="BD3375" s="53">
        <v>843750</v>
      </c>
      <c r="BE3375" s="53">
        <v>843750</v>
      </c>
      <c r="BF3375" s="53">
        <v>843750</v>
      </c>
      <c r="BG3375" s="53">
        <v>843750</v>
      </c>
      <c r="BH3375" s="53">
        <v>843750</v>
      </c>
      <c r="BI3375" s="53">
        <v>843750</v>
      </c>
      <c r="BJ3375" s="53">
        <v>843750</v>
      </c>
      <c r="BK3375" s="53">
        <v>843750</v>
      </c>
      <c r="BL3375" s="53">
        <v>843750</v>
      </c>
      <c r="BM3375" s="53">
        <v>843750</v>
      </c>
      <c r="BN3375" s="53">
        <v>10125000</v>
      </c>
      <c r="BO3375" s="53">
        <v>843750</v>
      </c>
      <c r="BP3375" s="53">
        <v>843750</v>
      </c>
      <c r="BQ3375" s="53">
        <v>843750</v>
      </c>
      <c r="BR3375" s="53">
        <v>843750</v>
      </c>
      <c r="BS3375" s="53">
        <v>843750</v>
      </c>
      <c r="BT3375" s="53">
        <v>843750</v>
      </c>
      <c r="BU3375" s="53">
        <v>843750</v>
      </c>
      <c r="BV3375" s="53">
        <v>843750</v>
      </c>
      <c r="BW3375" s="53">
        <v>843750</v>
      </c>
      <c r="BX3375" s="53">
        <v>843750</v>
      </c>
      <c r="BY3375" s="53">
        <v>843750</v>
      </c>
      <c r="BZ3375" s="53">
        <v>843750</v>
      </c>
      <c r="CA3375" s="53">
        <v>10125000</v>
      </c>
      <c r="CB3375" s="53"/>
      <c r="CC3375" s="53"/>
      <c r="CD3375" s="53"/>
      <c r="CE3375" s="53"/>
      <c r="CF3375" s="53"/>
      <c r="CG3375" s="53"/>
      <c r="CH3375" s="53"/>
      <c r="CI3375" s="53"/>
      <c r="CJ3375" s="53"/>
      <c r="CK3375" s="53"/>
      <c r="CL3375" s="53"/>
      <c r="CM3375" s="53"/>
      <c r="CN3375" s="53"/>
    </row>
    <row r="3376" spans="1:92" outlineLevel="1">
      <c r="A3376" s="52" t="s">
        <v>712</v>
      </c>
      <c r="B3376" s="53">
        <v>1106250</v>
      </c>
      <c r="C3376" s="53">
        <v>1106250</v>
      </c>
      <c r="D3376" s="53">
        <v>1106250</v>
      </c>
      <c r="E3376" s="53">
        <v>1106250</v>
      </c>
      <c r="F3376" s="53">
        <v>1106250</v>
      </c>
      <c r="G3376" s="53">
        <v>1106250</v>
      </c>
      <c r="H3376" s="53">
        <v>1106250</v>
      </c>
      <c r="I3376" s="53">
        <v>1106250</v>
      </c>
      <c r="J3376" s="53">
        <v>1106250</v>
      </c>
      <c r="K3376" s="53">
        <v>1106250</v>
      </c>
      <c r="L3376" s="53">
        <v>1106250</v>
      </c>
      <c r="M3376" s="53">
        <v>1106250</v>
      </c>
      <c r="N3376" s="53">
        <v>13275000</v>
      </c>
      <c r="O3376" s="53">
        <v>1106250</v>
      </c>
      <c r="P3376" s="53">
        <v>1106250</v>
      </c>
      <c r="Q3376" s="53">
        <v>1106250</v>
      </c>
      <c r="R3376" s="53">
        <v>1106250</v>
      </c>
      <c r="S3376" s="53">
        <v>1106250</v>
      </c>
      <c r="T3376" s="53">
        <v>1106250</v>
      </c>
      <c r="U3376" s="53">
        <v>1106250</v>
      </c>
      <c r="V3376" s="53">
        <v>1106250</v>
      </c>
      <c r="W3376" s="53">
        <v>1106250</v>
      </c>
      <c r="X3376" s="53">
        <v>1106250</v>
      </c>
      <c r="Y3376" s="53">
        <v>1106250</v>
      </c>
      <c r="Z3376" s="53">
        <v>1106250</v>
      </c>
      <c r="AA3376" s="53">
        <v>13275000</v>
      </c>
      <c r="AB3376" s="53">
        <v>1106250</v>
      </c>
      <c r="AC3376" s="53">
        <v>1106250</v>
      </c>
      <c r="AD3376" s="53">
        <v>1106250</v>
      </c>
      <c r="AE3376" s="53">
        <v>1106250</v>
      </c>
      <c r="AF3376" s="53">
        <v>1106250</v>
      </c>
      <c r="AG3376" s="53">
        <v>1106250</v>
      </c>
      <c r="AH3376" s="53">
        <v>1106250</v>
      </c>
      <c r="AI3376" s="53">
        <v>1106250</v>
      </c>
      <c r="AJ3376" s="53">
        <v>1106250</v>
      </c>
      <c r="AK3376" s="53">
        <v>1106250</v>
      </c>
      <c r="AL3376" s="53">
        <v>1106250</v>
      </c>
      <c r="AM3376" s="53">
        <v>1106250</v>
      </c>
      <c r="AN3376" s="53">
        <v>13275000</v>
      </c>
      <c r="AO3376" s="53">
        <v>1106250</v>
      </c>
      <c r="AP3376" s="53">
        <v>1106250</v>
      </c>
      <c r="AQ3376" s="53">
        <v>1106250</v>
      </c>
      <c r="AR3376" s="53">
        <v>1106250</v>
      </c>
      <c r="AS3376" s="53">
        <v>1106250</v>
      </c>
      <c r="AT3376" s="53">
        <v>1106250</v>
      </c>
      <c r="AU3376" s="53">
        <v>1106250</v>
      </c>
      <c r="AV3376" s="53">
        <v>1106250</v>
      </c>
      <c r="AW3376" s="53">
        <v>1106250</v>
      </c>
      <c r="AX3376" s="53">
        <v>1106250</v>
      </c>
      <c r="AY3376" s="53">
        <v>1106250</v>
      </c>
      <c r="AZ3376" s="53">
        <v>1106250</v>
      </c>
      <c r="BA3376" s="53">
        <v>13275000</v>
      </c>
      <c r="BB3376" s="53">
        <v>1106250</v>
      </c>
      <c r="BC3376" s="53">
        <v>1106250</v>
      </c>
      <c r="BD3376" s="53">
        <v>1106250</v>
      </c>
      <c r="BE3376" s="53">
        <v>1106250</v>
      </c>
      <c r="BF3376" s="53">
        <v>1106250</v>
      </c>
      <c r="BG3376" s="53">
        <v>1106250</v>
      </c>
      <c r="BH3376" s="53">
        <v>1106250</v>
      </c>
      <c r="BI3376" s="53">
        <v>1106250</v>
      </c>
      <c r="BJ3376" s="53">
        <v>1106250</v>
      </c>
      <c r="BK3376" s="53">
        <v>1106250</v>
      </c>
      <c r="BL3376" s="53">
        <v>1106250</v>
      </c>
      <c r="BM3376" s="53">
        <v>1106250</v>
      </c>
      <c r="BN3376" s="53">
        <v>13275000</v>
      </c>
      <c r="BO3376" s="53">
        <v>1106250</v>
      </c>
      <c r="BP3376" s="53">
        <v>1106250</v>
      </c>
      <c r="BQ3376" s="53">
        <v>1106250</v>
      </c>
      <c r="BR3376" s="53">
        <v>1106250</v>
      </c>
      <c r="BS3376" s="53">
        <v>1106250</v>
      </c>
      <c r="BT3376" s="53">
        <v>1106250</v>
      </c>
      <c r="BU3376" s="53">
        <v>1106250</v>
      </c>
      <c r="BV3376" s="53">
        <v>1106250</v>
      </c>
      <c r="BW3376" s="53">
        <v>1106250</v>
      </c>
      <c r="BX3376" s="53">
        <v>1106250</v>
      </c>
      <c r="BY3376" s="53">
        <v>1106250</v>
      </c>
      <c r="BZ3376" s="53">
        <v>1106250</v>
      </c>
      <c r="CA3376" s="53">
        <v>13275000</v>
      </c>
      <c r="CB3376" s="53">
        <v>-6148015.4214001903</v>
      </c>
      <c r="CC3376" s="53">
        <v>-10014252.445839399</v>
      </c>
      <c r="CD3376" s="53">
        <v>-5695985.3494004598</v>
      </c>
      <c r="CE3376" s="53">
        <v>-56073374.921472199</v>
      </c>
      <c r="CF3376" s="53">
        <v>-55467475.822112098</v>
      </c>
      <c r="CG3376" s="53">
        <v>-38737969.727702603</v>
      </c>
      <c r="CH3376" s="53">
        <v>-129564121.638422</v>
      </c>
      <c r="CI3376" s="53">
        <v>-25424080.3079019</v>
      </c>
      <c r="CJ3376" s="53"/>
      <c r="CK3376" s="53"/>
      <c r="CL3376" s="53"/>
      <c r="CM3376" s="53"/>
      <c r="CN3376" s="53">
        <v>-327125275.634251</v>
      </c>
    </row>
    <row r="3377" spans="1:92" outlineLevel="1">
      <c r="A3377" s="52" t="s">
        <v>713</v>
      </c>
      <c r="B3377" s="53">
        <v>2645833.3333333302</v>
      </c>
      <c r="C3377" s="53">
        <v>2645833.3333333302</v>
      </c>
      <c r="D3377" s="53">
        <v>2645833.3333333302</v>
      </c>
      <c r="E3377" s="53">
        <v>2645833.3333333302</v>
      </c>
      <c r="F3377" s="53">
        <v>2645833.3333333302</v>
      </c>
      <c r="G3377" s="53">
        <v>2645833.3333333302</v>
      </c>
      <c r="H3377" s="53">
        <v>2645833.3333333302</v>
      </c>
      <c r="I3377" s="53">
        <v>2645833.3333333302</v>
      </c>
      <c r="J3377" s="53">
        <v>2645833.3333333302</v>
      </c>
      <c r="K3377" s="53">
        <v>2645833.3333333302</v>
      </c>
      <c r="L3377" s="53">
        <v>2645833.3333333302</v>
      </c>
      <c r="M3377" s="53">
        <v>2645833.3333333302</v>
      </c>
      <c r="N3377" s="53">
        <v>31749999.999999899</v>
      </c>
      <c r="O3377" s="53">
        <v>2645833.3333333302</v>
      </c>
      <c r="P3377" s="53">
        <v>2645833.3333333302</v>
      </c>
      <c r="Q3377" s="53">
        <v>2645833.3333333302</v>
      </c>
      <c r="R3377" s="53">
        <v>2645833.3333333302</v>
      </c>
      <c r="S3377" s="53">
        <v>2645833.3333333302</v>
      </c>
      <c r="T3377" s="53">
        <v>2645833.3333333302</v>
      </c>
      <c r="U3377" s="53">
        <v>2645833.3333333302</v>
      </c>
      <c r="V3377" s="53">
        <v>2645833.3333333302</v>
      </c>
      <c r="W3377" s="53">
        <v>2645833.3333333302</v>
      </c>
      <c r="X3377" s="53">
        <v>2645833.3333333302</v>
      </c>
      <c r="Y3377" s="53">
        <v>2645833.3333333302</v>
      </c>
      <c r="Z3377" s="53">
        <v>2645833.3333333302</v>
      </c>
      <c r="AA3377" s="53">
        <v>31749999.999999899</v>
      </c>
      <c r="AB3377" s="53">
        <v>2645833.3333333302</v>
      </c>
      <c r="AC3377" s="53">
        <v>2645833.3333333302</v>
      </c>
      <c r="AD3377" s="53">
        <v>2645833.3333333302</v>
      </c>
      <c r="AE3377" s="53">
        <v>2645833.3333333302</v>
      </c>
      <c r="AF3377" s="53">
        <v>2645833.3333333302</v>
      </c>
      <c r="AG3377" s="53">
        <v>2645833.3333333302</v>
      </c>
      <c r="AH3377" s="53">
        <v>2645833.3333333302</v>
      </c>
      <c r="AI3377" s="53">
        <v>2645833.3333333302</v>
      </c>
      <c r="AJ3377" s="53">
        <v>2645833.3333333302</v>
      </c>
      <c r="AK3377" s="53">
        <v>2645833.3333333302</v>
      </c>
      <c r="AL3377" s="53">
        <v>2645833.3333333302</v>
      </c>
      <c r="AM3377" s="53">
        <v>2645833.3333333302</v>
      </c>
      <c r="AN3377" s="53">
        <v>31749999.999999899</v>
      </c>
      <c r="AO3377" s="53">
        <v>2645833.3333333302</v>
      </c>
      <c r="AP3377" s="53">
        <v>2645833.3333333302</v>
      </c>
      <c r="AQ3377" s="53">
        <v>2645833.3333333302</v>
      </c>
      <c r="AR3377" s="53">
        <v>2645833.3333333302</v>
      </c>
      <c r="AS3377" s="53">
        <v>2645833.3333333302</v>
      </c>
      <c r="AT3377" s="53">
        <v>2645833.3333333302</v>
      </c>
      <c r="AU3377" s="53">
        <v>2645833.3333333302</v>
      </c>
      <c r="AV3377" s="53">
        <v>2645833.3333333302</v>
      </c>
      <c r="AW3377" s="53">
        <v>2645833.3333333302</v>
      </c>
      <c r="AX3377" s="53">
        <v>2645833.3333333302</v>
      </c>
      <c r="AY3377" s="53">
        <v>2645833.3333333302</v>
      </c>
      <c r="AZ3377" s="53">
        <v>2645833.3333333302</v>
      </c>
      <c r="BA3377" s="53">
        <v>31749999.999999899</v>
      </c>
      <c r="BB3377" s="53">
        <v>2645833.3333333302</v>
      </c>
      <c r="BC3377" s="53">
        <v>2645833.3333333302</v>
      </c>
      <c r="BD3377" s="53">
        <v>2645833.3333333302</v>
      </c>
      <c r="BE3377" s="53">
        <v>2645833.3333333302</v>
      </c>
      <c r="BF3377" s="53">
        <v>2645833.3333333302</v>
      </c>
      <c r="BG3377" s="53">
        <v>2645833.3333333302</v>
      </c>
      <c r="BH3377" s="53">
        <v>2645833.3333333302</v>
      </c>
      <c r="BI3377" s="53">
        <v>2645833.3333333302</v>
      </c>
      <c r="BJ3377" s="53">
        <v>2645833.3333333302</v>
      </c>
      <c r="BK3377" s="53">
        <v>2645833.3333333302</v>
      </c>
      <c r="BL3377" s="53">
        <v>2645833.3333333302</v>
      </c>
      <c r="BM3377" s="53">
        <v>2645833.3333333302</v>
      </c>
      <c r="BN3377" s="53">
        <v>31749999.999999899</v>
      </c>
      <c r="BO3377" s="53">
        <v>2645833.3333333302</v>
      </c>
      <c r="BP3377" s="53">
        <v>2645833.3333333302</v>
      </c>
      <c r="BQ3377" s="53">
        <v>2645833.3333333302</v>
      </c>
      <c r="BR3377" s="53">
        <v>2645833.3333333302</v>
      </c>
      <c r="BS3377" s="53">
        <v>2645833.3333333302</v>
      </c>
      <c r="BT3377" s="53">
        <v>2645833.3333333302</v>
      </c>
      <c r="BU3377" s="53">
        <v>2645833.3333333302</v>
      </c>
      <c r="BV3377" s="53">
        <v>2645833.3333333302</v>
      </c>
      <c r="BW3377" s="53">
        <v>2645833.3333333302</v>
      </c>
      <c r="BX3377" s="53">
        <v>2645833.3333333302</v>
      </c>
      <c r="BY3377" s="53">
        <v>2645833.3333333302</v>
      </c>
      <c r="BZ3377" s="53">
        <v>2645833.3333333302</v>
      </c>
      <c r="CA3377" s="53">
        <v>31749999.999999899</v>
      </c>
      <c r="CB3377" s="53"/>
      <c r="CC3377" s="53"/>
      <c r="CD3377" s="53"/>
      <c r="CE3377" s="53"/>
      <c r="CF3377" s="53"/>
      <c r="CG3377" s="53"/>
      <c r="CH3377" s="53"/>
      <c r="CI3377" s="53"/>
      <c r="CJ3377" s="53"/>
      <c r="CK3377" s="53"/>
      <c r="CL3377" s="53"/>
      <c r="CM3377" s="53"/>
      <c r="CN3377" s="53"/>
    </row>
    <row r="3378" spans="1:92" outlineLevel="1">
      <c r="A3378" s="52" t="s">
        <v>716</v>
      </c>
      <c r="B3378" s="53">
        <v>5333333.3333333302</v>
      </c>
      <c r="C3378" s="53">
        <v>5333333.3333333302</v>
      </c>
      <c r="D3378" s="53">
        <v>5333333.3333333302</v>
      </c>
      <c r="E3378" s="53">
        <v>5333333.3333333302</v>
      </c>
      <c r="F3378" s="53">
        <v>5333333.3333333302</v>
      </c>
      <c r="G3378" s="53">
        <v>5333333.3333333302</v>
      </c>
      <c r="H3378" s="53">
        <v>5333333.3333333302</v>
      </c>
      <c r="I3378" s="53">
        <v>5333333.3333333302</v>
      </c>
      <c r="J3378" s="53">
        <v>5333333.3333333302</v>
      </c>
      <c r="K3378" s="53">
        <v>5333333.3333333302</v>
      </c>
      <c r="L3378" s="53">
        <v>5333333.3333333302</v>
      </c>
      <c r="M3378" s="53">
        <v>5333333.3333333302</v>
      </c>
      <c r="N3378" s="53">
        <v>64000000</v>
      </c>
      <c r="O3378" s="53">
        <v>5333333.3333333302</v>
      </c>
      <c r="P3378" s="53">
        <v>5333333.3333333302</v>
      </c>
      <c r="Q3378" s="53">
        <v>5333333.3333333302</v>
      </c>
      <c r="R3378" s="53">
        <v>5333333.3333333302</v>
      </c>
      <c r="S3378" s="53">
        <v>5333333.3333333302</v>
      </c>
      <c r="T3378" s="53">
        <v>5333333.3333333302</v>
      </c>
      <c r="U3378" s="53">
        <v>5333333.3333333302</v>
      </c>
      <c r="V3378" s="53">
        <v>5333333.3333333302</v>
      </c>
      <c r="W3378" s="53">
        <v>5333333.3333333302</v>
      </c>
      <c r="X3378" s="53">
        <v>5333333.3333333302</v>
      </c>
      <c r="Y3378" s="53">
        <v>5333333.3333333302</v>
      </c>
      <c r="Z3378" s="53">
        <v>5333333.3333333302</v>
      </c>
      <c r="AA3378" s="53">
        <v>64000000</v>
      </c>
      <c r="AB3378" s="53">
        <v>5333333.3333333302</v>
      </c>
      <c r="AC3378" s="53">
        <v>5333333.3333333302</v>
      </c>
      <c r="AD3378" s="53">
        <v>5333333.3333333302</v>
      </c>
      <c r="AE3378" s="53">
        <v>5333333.3333333302</v>
      </c>
      <c r="AF3378" s="53">
        <v>5333333.3333333302</v>
      </c>
      <c r="AG3378" s="53">
        <v>5333333.3333333302</v>
      </c>
      <c r="AH3378" s="53">
        <v>5333333.3333333302</v>
      </c>
      <c r="AI3378" s="53">
        <v>5333333.3333333302</v>
      </c>
      <c r="AJ3378" s="53">
        <v>5333333.3333333302</v>
      </c>
      <c r="AK3378" s="53">
        <v>5333333.3333333302</v>
      </c>
      <c r="AL3378" s="53">
        <v>5333333.3333333302</v>
      </c>
      <c r="AM3378" s="53">
        <v>5333333.3333333302</v>
      </c>
      <c r="AN3378" s="53">
        <v>64000000</v>
      </c>
      <c r="AO3378" s="53">
        <v>5333333.3333333302</v>
      </c>
      <c r="AP3378" s="53">
        <v>5333333.3333333302</v>
      </c>
      <c r="AQ3378" s="53">
        <v>5333333.3333333302</v>
      </c>
      <c r="AR3378" s="53">
        <v>5333333.3333333302</v>
      </c>
      <c r="AS3378" s="53">
        <v>5333333.3333333302</v>
      </c>
      <c r="AT3378" s="53">
        <v>5333333.3333333302</v>
      </c>
      <c r="AU3378" s="53">
        <v>5333333.3333333302</v>
      </c>
      <c r="AV3378" s="53">
        <v>5333333.3333333302</v>
      </c>
      <c r="AW3378" s="53">
        <v>5333333.3333333302</v>
      </c>
      <c r="AX3378" s="53">
        <v>5333333.3333333302</v>
      </c>
      <c r="AY3378" s="53">
        <v>5333333.3333333302</v>
      </c>
      <c r="AZ3378" s="53">
        <v>5333333.3333333302</v>
      </c>
      <c r="BA3378" s="53">
        <v>64000000</v>
      </c>
      <c r="BB3378" s="53">
        <v>5333333.3333333302</v>
      </c>
      <c r="BC3378" s="53">
        <v>5333333.3333333302</v>
      </c>
      <c r="BD3378" s="53">
        <v>5333333.3333333302</v>
      </c>
      <c r="BE3378" s="53">
        <v>5333333.3333333302</v>
      </c>
      <c r="BF3378" s="53">
        <v>5333333.3333333302</v>
      </c>
      <c r="BG3378" s="53">
        <v>5333333.3333333302</v>
      </c>
      <c r="BH3378" s="53">
        <v>5333333.3333333302</v>
      </c>
      <c r="BI3378" s="53">
        <v>5333333.3333333302</v>
      </c>
      <c r="BJ3378" s="53">
        <v>5333333.3333333302</v>
      </c>
      <c r="BK3378" s="53">
        <v>5333333.3333333302</v>
      </c>
      <c r="BL3378" s="53">
        <v>5333333.3333333302</v>
      </c>
      <c r="BM3378" s="53">
        <v>5333333.3333333302</v>
      </c>
      <c r="BN3378" s="53">
        <v>64000000</v>
      </c>
      <c r="BO3378" s="53">
        <v>5333333.3333333302</v>
      </c>
      <c r="BP3378" s="53">
        <v>5333333.3333333302</v>
      </c>
      <c r="BQ3378" s="53">
        <v>5333333.3333333302</v>
      </c>
      <c r="BR3378" s="53">
        <v>5333333.3333333302</v>
      </c>
      <c r="BS3378" s="53">
        <v>5333333.3333333302</v>
      </c>
      <c r="BT3378" s="53">
        <v>5333333.3333333302</v>
      </c>
      <c r="BU3378" s="53">
        <v>5333333.3333333302</v>
      </c>
      <c r="BV3378" s="53">
        <v>5333333.3333333302</v>
      </c>
      <c r="BW3378" s="53">
        <v>5333333.3333333302</v>
      </c>
      <c r="BX3378" s="53">
        <v>5333333.3333333302</v>
      </c>
      <c r="BY3378" s="53">
        <v>5333333.3333333302</v>
      </c>
      <c r="BZ3378" s="53">
        <v>5333333.3333333302</v>
      </c>
      <c r="CA3378" s="53">
        <v>64000000</v>
      </c>
      <c r="CB3378" s="53"/>
      <c r="CC3378" s="53"/>
      <c r="CD3378" s="53"/>
      <c r="CE3378" s="53"/>
      <c r="CF3378" s="53"/>
      <c r="CG3378" s="53"/>
      <c r="CH3378" s="53"/>
      <c r="CI3378" s="53"/>
      <c r="CJ3378" s="53"/>
      <c r="CK3378" s="53"/>
      <c r="CL3378" s="53"/>
      <c r="CM3378" s="53"/>
      <c r="CN3378" s="53"/>
    </row>
    <row r="3379" spans="1:92" outlineLevel="1">
      <c r="A3379" s="52" t="s">
        <v>717</v>
      </c>
      <c r="B3379" s="53">
        <v>1647916.66666666</v>
      </c>
      <c r="C3379" s="53">
        <v>1647916.66666666</v>
      </c>
      <c r="D3379" s="53">
        <v>1647916.66666666</v>
      </c>
      <c r="E3379" s="53">
        <v>1647916.66666666</v>
      </c>
      <c r="F3379" s="53">
        <v>1647916.66666666</v>
      </c>
      <c r="G3379" s="53">
        <v>1647916.66666666</v>
      </c>
      <c r="H3379" s="53">
        <v>1647916.66666666</v>
      </c>
      <c r="I3379" s="53">
        <v>1647916.66666666</v>
      </c>
      <c r="J3379" s="53">
        <v>1647916.66666666</v>
      </c>
      <c r="K3379" s="53">
        <v>1647916.66666666</v>
      </c>
      <c r="L3379" s="53">
        <v>1647916.66666666</v>
      </c>
      <c r="M3379" s="53">
        <v>1647916.66666666</v>
      </c>
      <c r="N3379" s="53">
        <v>19775000</v>
      </c>
      <c r="O3379" s="53">
        <v>1647916.66666666</v>
      </c>
      <c r="P3379" s="53">
        <v>1647916.66666666</v>
      </c>
      <c r="Q3379" s="53">
        <v>1647916.66666666</v>
      </c>
      <c r="R3379" s="53">
        <v>1647916.66666666</v>
      </c>
      <c r="S3379" s="53">
        <v>1647916.66666666</v>
      </c>
      <c r="T3379" s="53">
        <v>1647916.66666666</v>
      </c>
      <c r="U3379" s="53">
        <v>1647916.66666666</v>
      </c>
      <c r="V3379" s="53">
        <v>1647916.66666666</v>
      </c>
      <c r="W3379" s="53">
        <v>1647916.66666666</v>
      </c>
      <c r="X3379" s="53">
        <v>1647916.66666666</v>
      </c>
      <c r="Y3379" s="53">
        <v>1647916.66666666</v>
      </c>
      <c r="Z3379" s="53">
        <v>1647916.66666666</v>
      </c>
      <c r="AA3379" s="53">
        <v>19775000</v>
      </c>
      <c r="AB3379" s="53">
        <v>1647916.66666666</v>
      </c>
      <c r="AC3379" s="53">
        <v>1647916.66666666</v>
      </c>
      <c r="AD3379" s="53">
        <v>1647916.66666666</v>
      </c>
      <c r="AE3379" s="53">
        <v>1647916.66666666</v>
      </c>
      <c r="AF3379" s="53">
        <v>1647916.66666666</v>
      </c>
      <c r="AG3379" s="53">
        <v>1647916.66666666</v>
      </c>
      <c r="AH3379" s="53">
        <v>1647916.66666666</v>
      </c>
      <c r="AI3379" s="53">
        <v>1647916.66666666</v>
      </c>
      <c r="AJ3379" s="53">
        <v>1647916.66666666</v>
      </c>
      <c r="AK3379" s="53">
        <v>1647916.66666666</v>
      </c>
      <c r="AL3379" s="53">
        <v>1647916.66666666</v>
      </c>
      <c r="AM3379" s="53">
        <v>1647916.66666666</v>
      </c>
      <c r="AN3379" s="53">
        <v>19775000</v>
      </c>
      <c r="AO3379" s="53">
        <v>1647916.66666666</v>
      </c>
      <c r="AP3379" s="53">
        <v>1647916.66666666</v>
      </c>
      <c r="AQ3379" s="53">
        <v>1647916.66666666</v>
      </c>
      <c r="AR3379" s="53">
        <v>1647916.66666666</v>
      </c>
      <c r="AS3379" s="53">
        <v>1647916.66666666</v>
      </c>
      <c r="AT3379" s="53">
        <v>1647916.66666666</v>
      </c>
      <c r="AU3379" s="53">
        <v>1647916.66666666</v>
      </c>
      <c r="AV3379" s="53">
        <v>1647916.66666666</v>
      </c>
      <c r="AW3379" s="53">
        <v>1647916.66666666</v>
      </c>
      <c r="AX3379" s="53">
        <v>1647916.66666666</v>
      </c>
      <c r="AY3379" s="53">
        <v>1647916.66666666</v>
      </c>
      <c r="AZ3379" s="53">
        <v>1647916.66666666</v>
      </c>
      <c r="BA3379" s="53">
        <v>19775000</v>
      </c>
      <c r="BB3379" s="53">
        <v>1647916.66666666</v>
      </c>
      <c r="BC3379" s="53">
        <v>1647916.66666666</v>
      </c>
      <c r="BD3379" s="53">
        <v>1647916.66666666</v>
      </c>
      <c r="BE3379" s="53">
        <v>1647916.66666666</v>
      </c>
      <c r="BF3379" s="53">
        <v>1647916.66666666</v>
      </c>
      <c r="BG3379" s="53">
        <v>1647916.66666666</v>
      </c>
      <c r="BH3379" s="53">
        <v>1647916.66666666</v>
      </c>
      <c r="BI3379" s="53">
        <v>1647916.66666666</v>
      </c>
      <c r="BJ3379" s="53">
        <v>1647916.66666666</v>
      </c>
      <c r="BK3379" s="53">
        <v>1647916.66666666</v>
      </c>
      <c r="BL3379" s="53">
        <v>1647916.66666666</v>
      </c>
      <c r="BM3379" s="53">
        <v>1647916.66666666</v>
      </c>
      <c r="BN3379" s="53">
        <v>19775000</v>
      </c>
      <c r="BO3379" s="53">
        <v>1647916.66666666</v>
      </c>
      <c r="BP3379" s="53">
        <v>1647916.66666666</v>
      </c>
      <c r="BQ3379" s="53">
        <v>1647916.66666666</v>
      </c>
      <c r="BR3379" s="53">
        <v>1647916.66666666</v>
      </c>
      <c r="BS3379" s="53">
        <v>1647916.66666666</v>
      </c>
      <c r="BT3379" s="53">
        <v>1647916.66666666</v>
      </c>
      <c r="BU3379" s="53">
        <v>1647916.66666666</v>
      </c>
      <c r="BV3379" s="53">
        <v>1647916.66666666</v>
      </c>
      <c r="BW3379" s="53">
        <v>1647916.66666666</v>
      </c>
      <c r="BX3379" s="53">
        <v>1647916.66666666</v>
      </c>
      <c r="BY3379" s="53">
        <v>1647916.66666666</v>
      </c>
      <c r="BZ3379" s="53">
        <v>1647916.66666666</v>
      </c>
      <c r="CA3379" s="53">
        <v>19775000</v>
      </c>
      <c r="CB3379" s="53"/>
      <c r="CC3379" s="53"/>
      <c r="CD3379" s="53">
        <v>-9665239.1953504495</v>
      </c>
      <c r="CE3379" s="53"/>
      <c r="CF3379" s="53"/>
      <c r="CG3379" s="53">
        <v>-18796138.1368342</v>
      </c>
      <c r="CH3379" s="53"/>
      <c r="CI3379" s="53"/>
      <c r="CJ3379" s="53">
        <v>-52534028.561362997</v>
      </c>
      <c r="CK3379" s="53"/>
      <c r="CL3379" s="53"/>
      <c r="CM3379" s="53">
        <v>-98432353.592288703</v>
      </c>
      <c r="CN3379" s="53">
        <v>-179427759.485836</v>
      </c>
    </row>
    <row r="3380" spans="1:92" outlineLevel="1">
      <c r="A3380" s="52" t="s">
        <v>718</v>
      </c>
      <c r="B3380" s="53">
        <v>1283333.33333333</v>
      </c>
      <c r="C3380" s="53">
        <v>1283333.33333333</v>
      </c>
      <c r="D3380" s="53">
        <v>1283333.33333333</v>
      </c>
      <c r="E3380" s="53">
        <v>1283333.33333333</v>
      </c>
      <c r="F3380" s="53">
        <v>1283333.33333333</v>
      </c>
      <c r="G3380" s="53">
        <v>1283333.33333333</v>
      </c>
      <c r="H3380" s="53">
        <v>1283333.33333333</v>
      </c>
      <c r="I3380" s="53">
        <v>1283333.33333333</v>
      </c>
      <c r="J3380" s="53">
        <v>1283333.33333333</v>
      </c>
      <c r="K3380" s="53">
        <v>1283333.33333333</v>
      </c>
      <c r="L3380" s="53">
        <v>1283333.33333333</v>
      </c>
      <c r="M3380" s="53">
        <v>1283333.33333333</v>
      </c>
      <c r="N3380" s="53">
        <v>15400000</v>
      </c>
      <c r="O3380" s="53">
        <v>1283333.33333333</v>
      </c>
      <c r="P3380" s="53">
        <v>1283333.33333333</v>
      </c>
      <c r="Q3380" s="53">
        <v>1283333.33333333</v>
      </c>
      <c r="R3380" s="53">
        <v>1283333.33333333</v>
      </c>
      <c r="S3380" s="53">
        <v>1283333.33333333</v>
      </c>
      <c r="T3380" s="53">
        <v>1283333.33333333</v>
      </c>
      <c r="U3380" s="53">
        <v>1283333.33333333</v>
      </c>
      <c r="V3380" s="53">
        <v>1283333.33333333</v>
      </c>
      <c r="W3380" s="53">
        <v>1283333.33333333</v>
      </c>
      <c r="X3380" s="53">
        <v>1283333.33333333</v>
      </c>
      <c r="Y3380" s="53">
        <v>1283333.33333333</v>
      </c>
      <c r="Z3380" s="53">
        <v>1283333.33333333</v>
      </c>
      <c r="AA3380" s="53">
        <v>15400000</v>
      </c>
      <c r="AB3380" s="53">
        <v>1283333.33333333</v>
      </c>
      <c r="AC3380" s="53">
        <v>1283333.33333333</v>
      </c>
      <c r="AD3380" s="53">
        <v>1283333.33333333</v>
      </c>
      <c r="AE3380" s="53">
        <v>1283333.33333333</v>
      </c>
      <c r="AF3380" s="53">
        <v>1283333.33333333</v>
      </c>
      <c r="AG3380" s="53">
        <v>1283333.33333333</v>
      </c>
      <c r="AH3380" s="53">
        <v>1283333.33333333</v>
      </c>
      <c r="AI3380" s="53">
        <v>1283333.33333333</v>
      </c>
      <c r="AJ3380" s="53">
        <v>1283333.33333333</v>
      </c>
      <c r="AK3380" s="53">
        <v>1283333.33333333</v>
      </c>
      <c r="AL3380" s="53">
        <v>1283333.33333333</v>
      </c>
      <c r="AM3380" s="53">
        <v>1283333.33333333</v>
      </c>
      <c r="AN3380" s="53">
        <v>15400000</v>
      </c>
      <c r="AO3380" s="53">
        <v>1283333.33333333</v>
      </c>
      <c r="AP3380" s="53">
        <v>1283333.33333333</v>
      </c>
      <c r="AQ3380" s="53">
        <v>1283333.33333333</v>
      </c>
      <c r="AR3380" s="53">
        <v>1283333.33333333</v>
      </c>
      <c r="AS3380" s="53">
        <v>1283333.33333333</v>
      </c>
      <c r="AT3380" s="53">
        <v>1283333.33333333</v>
      </c>
      <c r="AU3380" s="53">
        <v>1283333.33333333</v>
      </c>
      <c r="AV3380" s="53">
        <v>1283333.33333333</v>
      </c>
      <c r="AW3380" s="53">
        <v>1283333.33333333</v>
      </c>
      <c r="AX3380" s="53">
        <v>1283333.33333333</v>
      </c>
      <c r="AY3380" s="53">
        <v>1283333.33333333</v>
      </c>
      <c r="AZ3380" s="53">
        <v>1283333.33333333</v>
      </c>
      <c r="BA3380" s="53">
        <v>15400000</v>
      </c>
      <c r="BB3380" s="53">
        <v>1283333.33333333</v>
      </c>
      <c r="BC3380" s="53">
        <v>1283333.33333333</v>
      </c>
      <c r="BD3380" s="53">
        <v>1283333.33333333</v>
      </c>
      <c r="BE3380" s="53">
        <v>1283333.33333333</v>
      </c>
      <c r="BF3380" s="53">
        <v>1283333.33333333</v>
      </c>
      <c r="BG3380" s="53">
        <v>1283333.33333333</v>
      </c>
      <c r="BH3380" s="53">
        <v>1283333.33333333</v>
      </c>
      <c r="BI3380" s="53">
        <v>1283333.33333333</v>
      </c>
      <c r="BJ3380" s="53">
        <v>1283333.33333333</v>
      </c>
      <c r="BK3380" s="53">
        <v>1283333.33333333</v>
      </c>
      <c r="BL3380" s="53">
        <v>1283333.33333333</v>
      </c>
      <c r="BM3380" s="53">
        <v>1283333.33333333</v>
      </c>
      <c r="BN3380" s="53">
        <v>15400000</v>
      </c>
      <c r="BO3380" s="53">
        <v>1283333.33333333</v>
      </c>
      <c r="BP3380" s="53">
        <v>1283333.33333333</v>
      </c>
      <c r="BQ3380" s="53">
        <v>1283333.33333333</v>
      </c>
      <c r="BR3380" s="53">
        <v>1283333.33333333</v>
      </c>
      <c r="BS3380" s="53">
        <v>1283333.33333333</v>
      </c>
      <c r="BT3380" s="53">
        <v>1283333.33333333</v>
      </c>
      <c r="BU3380" s="53">
        <v>1283333.33333333</v>
      </c>
      <c r="BV3380" s="53">
        <v>1283333.33333333</v>
      </c>
      <c r="BW3380" s="53">
        <v>1283333.33333333</v>
      </c>
      <c r="BX3380" s="53">
        <v>1283333.33333333</v>
      </c>
      <c r="BY3380" s="53">
        <v>1283333.33333333</v>
      </c>
      <c r="BZ3380" s="53">
        <v>1283333.33333333</v>
      </c>
      <c r="CA3380" s="53">
        <v>15400000</v>
      </c>
      <c r="CB3380" s="53"/>
      <c r="CC3380" s="53"/>
      <c r="CD3380" s="53"/>
      <c r="CE3380" s="53"/>
      <c r="CF3380" s="53"/>
      <c r="CG3380" s="53"/>
      <c r="CH3380" s="53"/>
      <c r="CI3380" s="53"/>
      <c r="CJ3380" s="53"/>
      <c r="CK3380" s="53"/>
      <c r="CL3380" s="53"/>
      <c r="CM3380" s="53"/>
      <c r="CN3380" s="53"/>
    </row>
    <row r="3381" spans="1:92" outlineLevel="1">
      <c r="A3381" s="52" t="s">
        <v>1563</v>
      </c>
      <c r="B3381" s="53">
        <v>187500</v>
      </c>
      <c r="C3381" s="53">
        <v>187500</v>
      </c>
      <c r="D3381" s="53">
        <v>187500</v>
      </c>
      <c r="E3381" s="53">
        <v>187500</v>
      </c>
      <c r="F3381" s="53">
        <v>187500</v>
      </c>
      <c r="G3381" s="53">
        <v>187500</v>
      </c>
      <c r="H3381" s="53">
        <v>937500</v>
      </c>
      <c r="I3381" s="53">
        <v>937500</v>
      </c>
      <c r="J3381" s="53">
        <v>937500</v>
      </c>
      <c r="K3381" s="53">
        <v>937500</v>
      </c>
      <c r="L3381" s="53">
        <v>937500</v>
      </c>
      <c r="M3381" s="53">
        <v>937500</v>
      </c>
      <c r="N3381" s="53">
        <v>6750000</v>
      </c>
      <c r="O3381" s="53">
        <v>1052083.33333333</v>
      </c>
      <c r="P3381" s="53">
        <v>1052083.33333333</v>
      </c>
      <c r="Q3381" s="53">
        <v>1052083.33333333</v>
      </c>
      <c r="R3381" s="53">
        <v>1052083.33333333</v>
      </c>
      <c r="S3381" s="53">
        <v>1052083.33333333</v>
      </c>
      <c r="T3381" s="53">
        <v>1052083.33333333</v>
      </c>
      <c r="U3381" s="53">
        <v>1041666.66666666</v>
      </c>
      <c r="V3381" s="53">
        <v>1041666.66666666</v>
      </c>
      <c r="W3381" s="53">
        <v>1041666.66666666</v>
      </c>
      <c r="X3381" s="53">
        <v>1041666.66666666</v>
      </c>
      <c r="Y3381" s="53">
        <v>1041666.66666666</v>
      </c>
      <c r="Z3381" s="53">
        <v>1041666.66666666</v>
      </c>
      <c r="AA3381" s="53">
        <v>12562499.999999899</v>
      </c>
      <c r="AB3381" s="53">
        <v>937500</v>
      </c>
      <c r="AC3381" s="53">
        <v>937500</v>
      </c>
      <c r="AD3381" s="53">
        <v>937500</v>
      </c>
      <c r="AE3381" s="53">
        <v>937500</v>
      </c>
      <c r="AF3381" s="53">
        <v>937500</v>
      </c>
      <c r="AG3381" s="53">
        <v>937500</v>
      </c>
      <c r="AH3381" s="53">
        <v>937500</v>
      </c>
      <c r="AI3381" s="53">
        <v>937500</v>
      </c>
      <c r="AJ3381" s="53">
        <v>937500</v>
      </c>
      <c r="AK3381" s="53">
        <v>937500</v>
      </c>
      <c r="AL3381" s="53">
        <v>937500</v>
      </c>
      <c r="AM3381" s="53">
        <v>937500</v>
      </c>
      <c r="AN3381" s="53">
        <v>11250000</v>
      </c>
      <c r="AO3381" s="53">
        <v>781249.99999999895</v>
      </c>
      <c r="AP3381" s="53">
        <v>781249.99999999895</v>
      </c>
      <c r="AQ3381" s="53">
        <v>781249.99999999895</v>
      </c>
      <c r="AR3381" s="53">
        <v>781249.99999999895</v>
      </c>
      <c r="AS3381" s="53">
        <v>781249.99999999895</v>
      </c>
      <c r="AT3381" s="53">
        <v>781249.99999999895</v>
      </c>
      <c r="AU3381" s="53">
        <v>781249.99999999895</v>
      </c>
      <c r="AV3381" s="53">
        <v>781249.99999999895</v>
      </c>
      <c r="AW3381" s="53">
        <v>781249.99999999895</v>
      </c>
      <c r="AX3381" s="53">
        <v>781249.99999999895</v>
      </c>
      <c r="AY3381" s="53">
        <v>781249.99999999895</v>
      </c>
      <c r="AZ3381" s="53">
        <v>781249.99999999895</v>
      </c>
      <c r="BA3381" s="53">
        <v>9374999.9999999907</v>
      </c>
      <c r="BB3381" s="53">
        <v>760416.66666666605</v>
      </c>
      <c r="BC3381" s="53">
        <v>760416.66666666605</v>
      </c>
      <c r="BD3381" s="53">
        <v>760416.66666666605</v>
      </c>
      <c r="BE3381" s="53">
        <v>760416.66666666605</v>
      </c>
      <c r="BF3381" s="53">
        <v>760416.66666666605</v>
      </c>
      <c r="BG3381" s="53">
        <v>760416.66666666605</v>
      </c>
      <c r="BH3381" s="53">
        <v>760416.66666666605</v>
      </c>
      <c r="BI3381" s="53">
        <v>760416.66666666605</v>
      </c>
      <c r="BJ3381" s="53">
        <v>760416.66666666605</v>
      </c>
      <c r="BK3381" s="53">
        <v>760416.66666666605</v>
      </c>
      <c r="BL3381" s="53">
        <v>760416.66666666605</v>
      </c>
      <c r="BM3381" s="53">
        <v>760416.66666666605</v>
      </c>
      <c r="BN3381" s="53">
        <v>9125000</v>
      </c>
      <c r="BO3381" s="53">
        <v>770833.33333333302</v>
      </c>
      <c r="BP3381" s="53">
        <v>770833.33333333302</v>
      </c>
      <c r="BQ3381" s="53">
        <v>770833.33333333302</v>
      </c>
      <c r="BR3381" s="53">
        <v>770833.33333333302</v>
      </c>
      <c r="BS3381" s="53">
        <v>770833.33333333302</v>
      </c>
      <c r="BT3381" s="53">
        <v>770833.33333333302</v>
      </c>
      <c r="BU3381" s="53">
        <v>770833.33333333302</v>
      </c>
      <c r="BV3381" s="53">
        <v>770833.33333333302</v>
      </c>
      <c r="BW3381" s="53">
        <v>770833.33333333302</v>
      </c>
      <c r="BX3381" s="53">
        <v>770833.33333333302</v>
      </c>
      <c r="BY3381" s="53">
        <v>770833.33333333302</v>
      </c>
      <c r="BZ3381" s="53">
        <v>770833.33333333302</v>
      </c>
      <c r="CA3381" s="53">
        <v>9250000</v>
      </c>
      <c r="CB3381" s="53"/>
      <c r="CC3381" s="53"/>
      <c r="CD3381" s="53"/>
      <c r="CE3381" s="53"/>
      <c r="CF3381" s="53"/>
      <c r="CG3381" s="53"/>
      <c r="CH3381" s="53"/>
      <c r="CI3381" s="53"/>
      <c r="CJ3381" s="53"/>
      <c r="CK3381" s="53"/>
      <c r="CL3381" s="53"/>
      <c r="CM3381" s="53"/>
      <c r="CN3381" s="53"/>
    </row>
    <row r="3382" spans="1:92" outlineLevel="1">
      <c r="A3382" s="52" t="s">
        <v>721</v>
      </c>
      <c r="B3382" s="53">
        <v>1700000</v>
      </c>
      <c r="C3382" s="53">
        <v>1700000</v>
      </c>
      <c r="D3382" s="53">
        <v>1700000</v>
      </c>
      <c r="E3382" s="53">
        <v>1700000</v>
      </c>
      <c r="F3382" s="53">
        <v>1700000</v>
      </c>
      <c r="G3382" s="53">
        <v>1700000</v>
      </c>
      <c r="H3382" s="53">
        <v>1700000</v>
      </c>
      <c r="I3382" s="53">
        <v>1700000</v>
      </c>
      <c r="J3382" s="53">
        <v>1700000</v>
      </c>
      <c r="K3382" s="53">
        <v>1700000</v>
      </c>
      <c r="L3382" s="53">
        <v>1700000</v>
      </c>
      <c r="M3382" s="53">
        <v>1700000</v>
      </c>
      <c r="N3382" s="53">
        <v>20400000</v>
      </c>
      <c r="O3382" s="53">
        <v>1700000</v>
      </c>
      <c r="P3382" s="53">
        <v>1700000</v>
      </c>
      <c r="Q3382" s="53">
        <v>1700000</v>
      </c>
      <c r="R3382" s="53">
        <v>1700000</v>
      </c>
      <c r="S3382" s="53">
        <v>1700000</v>
      </c>
      <c r="T3382" s="53">
        <v>1700000</v>
      </c>
      <c r="U3382" s="53">
        <v>1700000</v>
      </c>
      <c r="V3382" s="53">
        <v>1700000</v>
      </c>
      <c r="W3382" s="53">
        <v>1700000</v>
      </c>
      <c r="X3382" s="53">
        <v>1700000</v>
      </c>
      <c r="Y3382" s="53">
        <v>1700000</v>
      </c>
      <c r="Z3382" s="53">
        <v>1700000</v>
      </c>
      <c r="AA3382" s="53">
        <v>20400000</v>
      </c>
      <c r="AB3382" s="53">
        <v>1700000</v>
      </c>
      <c r="AC3382" s="53">
        <v>1700000</v>
      </c>
      <c r="AD3382" s="53">
        <v>1700000</v>
      </c>
      <c r="AE3382" s="53">
        <v>1700000</v>
      </c>
      <c r="AF3382" s="53">
        <v>1700000</v>
      </c>
      <c r="AG3382" s="53">
        <v>1700000</v>
      </c>
      <c r="AH3382" s="53">
        <v>1700000</v>
      </c>
      <c r="AI3382" s="53">
        <v>1700000</v>
      </c>
      <c r="AJ3382" s="53">
        <v>1700000</v>
      </c>
      <c r="AK3382" s="53">
        <v>1700000</v>
      </c>
      <c r="AL3382" s="53">
        <v>1700000</v>
      </c>
      <c r="AM3382" s="53">
        <v>1700000</v>
      </c>
      <c r="AN3382" s="53">
        <v>20400000</v>
      </c>
      <c r="AO3382" s="53">
        <v>1700000</v>
      </c>
      <c r="AP3382" s="53">
        <v>1700000</v>
      </c>
      <c r="AQ3382" s="53">
        <v>1700000</v>
      </c>
      <c r="AR3382" s="53">
        <v>1700000</v>
      </c>
      <c r="AS3382" s="53">
        <v>1700000</v>
      </c>
      <c r="AT3382" s="53">
        <v>1700000</v>
      </c>
      <c r="AU3382" s="53">
        <v>1700000</v>
      </c>
      <c r="AV3382" s="53">
        <v>1700000</v>
      </c>
      <c r="AW3382" s="53">
        <v>1700000</v>
      </c>
      <c r="AX3382" s="53">
        <v>1700000</v>
      </c>
      <c r="AY3382" s="53">
        <v>1700000</v>
      </c>
      <c r="AZ3382" s="53">
        <v>1700000</v>
      </c>
      <c r="BA3382" s="53">
        <v>20400000</v>
      </c>
      <c r="BB3382" s="53">
        <v>1700000</v>
      </c>
      <c r="BC3382" s="53">
        <v>1700000</v>
      </c>
      <c r="BD3382" s="53">
        <v>1700000</v>
      </c>
      <c r="BE3382" s="53">
        <v>1700000</v>
      </c>
      <c r="BF3382" s="53">
        <v>1700000</v>
      </c>
      <c r="BG3382" s="53">
        <v>1700000</v>
      </c>
      <c r="BH3382" s="53">
        <v>1700000</v>
      </c>
      <c r="BI3382" s="53">
        <v>1700000</v>
      </c>
      <c r="BJ3382" s="53">
        <v>1700000</v>
      </c>
      <c r="BK3382" s="53">
        <v>1700000</v>
      </c>
      <c r="BL3382" s="53">
        <v>1700000</v>
      </c>
      <c r="BM3382" s="53">
        <v>1700000</v>
      </c>
      <c r="BN3382" s="53">
        <v>20400000</v>
      </c>
      <c r="BO3382" s="53">
        <v>1700000</v>
      </c>
      <c r="BP3382" s="53">
        <v>1700000</v>
      </c>
      <c r="BQ3382" s="53">
        <v>1700000</v>
      </c>
      <c r="BR3382" s="53">
        <v>1700000</v>
      </c>
      <c r="BS3382" s="53">
        <v>1700000</v>
      </c>
      <c r="BT3382" s="53">
        <v>1700000</v>
      </c>
      <c r="BU3382" s="53">
        <v>1700000</v>
      </c>
      <c r="BV3382" s="53">
        <v>1700000</v>
      </c>
      <c r="BW3382" s="53">
        <v>1700000</v>
      </c>
      <c r="BX3382" s="53">
        <v>1700000</v>
      </c>
      <c r="BY3382" s="53">
        <v>1700000</v>
      </c>
      <c r="BZ3382" s="53">
        <v>1700000</v>
      </c>
      <c r="CA3382" s="53">
        <v>20400000</v>
      </c>
      <c r="CB3382" s="53">
        <v>-3372083.3333333302</v>
      </c>
      <c r="CC3382" s="53">
        <v>-3372083.3333333302</v>
      </c>
      <c r="CD3382" s="53">
        <v>-3372083.3333333302</v>
      </c>
      <c r="CE3382" s="53">
        <v>-3372083.3333333302</v>
      </c>
      <c r="CF3382" s="53">
        <v>-3372083.3333333302</v>
      </c>
      <c r="CG3382" s="53">
        <v>-3372083.3333333302</v>
      </c>
      <c r="CH3382" s="53">
        <v>-3372083.3333333302</v>
      </c>
      <c r="CI3382" s="53">
        <v>-3372083.3333333302</v>
      </c>
      <c r="CJ3382" s="53">
        <v>-3372083.3333333302</v>
      </c>
      <c r="CK3382" s="53">
        <v>-3372083.3333333302</v>
      </c>
      <c r="CL3382" s="53">
        <v>-3372083.3333333302</v>
      </c>
      <c r="CM3382" s="53">
        <v>-3372083.3333333302</v>
      </c>
      <c r="CN3382" s="53">
        <v>-40465000</v>
      </c>
    </row>
    <row r="3383" spans="1:92" outlineLevel="1">
      <c r="A3383" s="52" t="s">
        <v>723</v>
      </c>
      <c r="B3383" s="53">
        <v>1733333.33333333</v>
      </c>
      <c r="C3383" s="53">
        <v>1733333.33333333</v>
      </c>
      <c r="D3383" s="53">
        <v>1733333.33333333</v>
      </c>
      <c r="E3383" s="53">
        <v>1733333.33333333</v>
      </c>
      <c r="F3383" s="53">
        <v>1733333.33333333</v>
      </c>
      <c r="G3383" s="53">
        <v>1733333.33333333</v>
      </c>
      <c r="H3383" s="53">
        <v>1733333.33333333</v>
      </c>
      <c r="I3383" s="53">
        <v>1733333.33333333</v>
      </c>
      <c r="J3383" s="53">
        <v>1733333.33333333</v>
      </c>
      <c r="K3383" s="53">
        <v>1733333.33333333</v>
      </c>
      <c r="L3383" s="53">
        <v>1733333.33333333</v>
      </c>
      <c r="M3383" s="53">
        <v>1733333.33333333</v>
      </c>
      <c r="N3383" s="53">
        <v>20800000</v>
      </c>
      <c r="O3383" s="53">
        <v>1733333.33333333</v>
      </c>
      <c r="P3383" s="53">
        <v>1733333.33333333</v>
      </c>
      <c r="Q3383" s="53">
        <v>1733333.33333333</v>
      </c>
      <c r="R3383" s="53">
        <v>1733333.33333333</v>
      </c>
      <c r="S3383" s="53">
        <v>1733333.33333333</v>
      </c>
      <c r="T3383" s="53">
        <v>1733333.33333333</v>
      </c>
      <c r="U3383" s="53">
        <v>1733333.33333333</v>
      </c>
      <c r="V3383" s="53">
        <v>1733333.33333333</v>
      </c>
      <c r="W3383" s="53">
        <v>1733333.33333333</v>
      </c>
      <c r="X3383" s="53">
        <v>1733333.33333333</v>
      </c>
      <c r="Y3383" s="53">
        <v>1733333.33333333</v>
      </c>
      <c r="Z3383" s="53">
        <v>1733333.33333333</v>
      </c>
      <c r="AA3383" s="53">
        <v>20800000</v>
      </c>
      <c r="AB3383" s="53">
        <v>1733333.33333333</v>
      </c>
      <c r="AC3383" s="53">
        <v>1733333.33333333</v>
      </c>
      <c r="AD3383" s="53">
        <v>1733333.33333333</v>
      </c>
      <c r="AE3383" s="53">
        <v>1733333.33333333</v>
      </c>
      <c r="AF3383" s="53">
        <v>1733333.33333333</v>
      </c>
      <c r="AG3383" s="53">
        <v>1733333.33333333</v>
      </c>
      <c r="AH3383" s="53">
        <v>1733333.33333333</v>
      </c>
      <c r="AI3383" s="53">
        <v>1733333.33333333</v>
      </c>
      <c r="AJ3383" s="53">
        <v>1733333.33333333</v>
      </c>
      <c r="AK3383" s="53">
        <v>1733333.33333333</v>
      </c>
      <c r="AL3383" s="53">
        <v>1733333.33333333</v>
      </c>
      <c r="AM3383" s="53">
        <v>1733333.33333333</v>
      </c>
      <c r="AN3383" s="53">
        <v>20800000</v>
      </c>
      <c r="AO3383" s="53">
        <v>1733333.33333333</v>
      </c>
      <c r="AP3383" s="53">
        <v>1733333.33333333</v>
      </c>
      <c r="AQ3383" s="53">
        <v>1733333.33333333</v>
      </c>
      <c r="AR3383" s="53">
        <v>1733333.33333333</v>
      </c>
      <c r="AS3383" s="53">
        <v>1733333.33333333</v>
      </c>
      <c r="AT3383" s="53">
        <v>1733333.33333333</v>
      </c>
      <c r="AU3383" s="53">
        <v>1733333.33333333</v>
      </c>
      <c r="AV3383" s="53">
        <v>1733333.33333333</v>
      </c>
      <c r="AW3383" s="53">
        <v>1733333.33333333</v>
      </c>
      <c r="AX3383" s="53">
        <v>1733333.33333333</v>
      </c>
      <c r="AY3383" s="53">
        <v>1733333.33333333</v>
      </c>
      <c r="AZ3383" s="53">
        <v>1733333.33333333</v>
      </c>
      <c r="BA3383" s="53">
        <v>20800000</v>
      </c>
      <c r="BB3383" s="53">
        <v>1733333.33333333</v>
      </c>
      <c r="BC3383" s="53">
        <v>1733333.33333333</v>
      </c>
      <c r="BD3383" s="53">
        <v>1733333.33333333</v>
      </c>
      <c r="BE3383" s="53">
        <v>1733333.33333333</v>
      </c>
      <c r="BF3383" s="53">
        <v>1733333.33333333</v>
      </c>
      <c r="BG3383" s="53">
        <v>1733333.33333333</v>
      </c>
      <c r="BH3383" s="53">
        <v>1733333.33333333</v>
      </c>
      <c r="BI3383" s="53">
        <v>1733333.33333333</v>
      </c>
      <c r="BJ3383" s="53">
        <v>1733333.33333333</v>
      </c>
      <c r="BK3383" s="53">
        <v>1733333.33333333</v>
      </c>
      <c r="BL3383" s="53">
        <v>1733333.33333333</v>
      </c>
      <c r="BM3383" s="53">
        <v>1733333.33333333</v>
      </c>
      <c r="BN3383" s="53">
        <v>20800000</v>
      </c>
      <c r="BO3383" s="53">
        <v>866666.66666666605</v>
      </c>
      <c r="BP3383" s="53"/>
      <c r="BQ3383" s="53"/>
      <c r="BR3383" s="53"/>
      <c r="BS3383" s="53"/>
      <c r="BT3383" s="53"/>
      <c r="BU3383" s="53"/>
      <c r="BV3383" s="53"/>
      <c r="BW3383" s="53"/>
      <c r="BX3383" s="53"/>
      <c r="BY3383" s="53"/>
      <c r="BZ3383" s="53"/>
      <c r="CA3383" s="53">
        <v>866666.66666666605</v>
      </c>
      <c r="CB3383" s="53"/>
      <c r="CC3383" s="53"/>
      <c r="CD3383" s="53"/>
      <c r="CE3383" s="53"/>
      <c r="CF3383" s="53"/>
      <c r="CG3383" s="53"/>
      <c r="CH3383" s="53"/>
      <c r="CI3383" s="53"/>
      <c r="CJ3383" s="53"/>
      <c r="CK3383" s="53"/>
      <c r="CL3383" s="53"/>
      <c r="CM3383" s="53"/>
      <c r="CN3383" s="53"/>
    </row>
    <row r="3384" spans="1:92" outlineLevel="1">
      <c r="A3384" s="52" t="s">
        <v>724</v>
      </c>
      <c r="B3384" s="53">
        <v>1400000</v>
      </c>
      <c r="C3384" s="53">
        <v>1400000</v>
      </c>
      <c r="D3384" s="53">
        <v>1400000</v>
      </c>
      <c r="E3384" s="53">
        <v>1400000</v>
      </c>
      <c r="F3384" s="53">
        <v>1400000</v>
      </c>
      <c r="G3384" s="53">
        <v>1400000</v>
      </c>
      <c r="H3384" s="53">
        <v>1400000</v>
      </c>
      <c r="I3384" s="53">
        <v>1400000</v>
      </c>
      <c r="J3384" s="53">
        <v>1400000</v>
      </c>
      <c r="K3384" s="53">
        <v>1400000</v>
      </c>
      <c r="L3384" s="53">
        <v>1400000</v>
      </c>
      <c r="M3384" s="53">
        <v>1400000</v>
      </c>
      <c r="N3384" s="53">
        <v>16800000</v>
      </c>
      <c r="O3384" s="53">
        <v>1400000</v>
      </c>
      <c r="P3384" s="53">
        <v>1400000</v>
      </c>
      <c r="Q3384" s="53">
        <v>1400000</v>
      </c>
      <c r="R3384" s="53">
        <v>1400000</v>
      </c>
      <c r="S3384" s="53">
        <v>1400000</v>
      </c>
      <c r="T3384" s="53">
        <v>1400000</v>
      </c>
      <c r="U3384" s="53">
        <v>1400000</v>
      </c>
      <c r="V3384" s="53">
        <v>1400000</v>
      </c>
      <c r="W3384" s="53">
        <v>1400000</v>
      </c>
      <c r="X3384" s="53">
        <v>1400000</v>
      </c>
      <c r="Y3384" s="53">
        <v>1400000</v>
      </c>
      <c r="Z3384" s="53">
        <v>1400000</v>
      </c>
      <c r="AA3384" s="53">
        <v>16800000</v>
      </c>
      <c r="AB3384" s="53">
        <v>1400000</v>
      </c>
      <c r="AC3384" s="53">
        <v>1400000</v>
      </c>
      <c r="AD3384" s="53">
        <v>1400000</v>
      </c>
      <c r="AE3384" s="53">
        <v>1400000</v>
      </c>
      <c r="AF3384" s="53">
        <v>1400000</v>
      </c>
      <c r="AG3384" s="53">
        <v>1400000</v>
      </c>
      <c r="AH3384" s="53">
        <v>1400000</v>
      </c>
      <c r="AI3384" s="53">
        <v>1400000</v>
      </c>
      <c r="AJ3384" s="53">
        <v>1400000</v>
      </c>
      <c r="AK3384" s="53">
        <v>1400000</v>
      </c>
      <c r="AL3384" s="53">
        <v>1400000</v>
      </c>
      <c r="AM3384" s="53">
        <v>1400000</v>
      </c>
      <c r="AN3384" s="53">
        <v>16800000</v>
      </c>
      <c r="AO3384" s="53">
        <v>1400000</v>
      </c>
      <c r="AP3384" s="53">
        <v>1400000</v>
      </c>
      <c r="AQ3384" s="53">
        <v>1400000</v>
      </c>
      <c r="AR3384" s="53">
        <v>1400000</v>
      </c>
      <c r="AS3384" s="53">
        <v>1400000</v>
      </c>
      <c r="AT3384" s="53">
        <v>1400000</v>
      </c>
      <c r="AU3384" s="53">
        <v>1400000</v>
      </c>
      <c r="AV3384" s="53">
        <v>1400000</v>
      </c>
      <c r="AW3384" s="53">
        <v>1400000</v>
      </c>
      <c r="AX3384" s="53">
        <v>1400000</v>
      </c>
      <c r="AY3384" s="53">
        <v>1400000</v>
      </c>
      <c r="AZ3384" s="53">
        <v>1400000</v>
      </c>
      <c r="BA3384" s="53">
        <v>16800000</v>
      </c>
      <c r="BB3384" s="53">
        <v>1400000</v>
      </c>
      <c r="BC3384" s="53">
        <v>1400000</v>
      </c>
      <c r="BD3384" s="53">
        <v>1400000</v>
      </c>
      <c r="BE3384" s="53">
        <v>1400000</v>
      </c>
      <c r="BF3384" s="53">
        <v>1400000</v>
      </c>
      <c r="BG3384" s="53">
        <v>1400000</v>
      </c>
      <c r="BH3384" s="53">
        <v>1400000</v>
      </c>
      <c r="BI3384" s="53">
        <v>1400000</v>
      </c>
      <c r="BJ3384" s="53">
        <v>1400000</v>
      </c>
      <c r="BK3384" s="53">
        <v>1400000</v>
      </c>
      <c r="BL3384" s="53">
        <v>1400000</v>
      </c>
      <c r="BM3384" s="53">
        <v>1400000</v>
      </c>
      <c r="BN3384" s="53">
        <v>16800000</v>
      </c>
      <c r="BO3384" s="53">
        <v>1400000</v>
      </c>
      <c r="BP3384" s="53">
        <v>1400000</v>
      </c>
      <c r="BQ3384" s="53">
        <v>1400000</v>
      </c>
      <c r="BR3384" s="53">
        <v>1400000</v>
      </c>
      <c r="BS3384" s="53">
        <v>1400000</v>
      </c>
      <c r="BT3384" s="53">
        <v>1400000</v>
      </c>
      <c r="BU3384" s="53">
        <v>1400000</v>
      </c>
      <c r="BV3384" s="53">
        <v>1400000</v>
      </c>
      <c r="BW3384" s="53">
        <v>1400000</v>
      </c>
      <c r="BX3384" s="53">
        <v>1400000</v>
      </c>
      <c r="BY3384" s="53">
        <v>1400000</v>
      </c>
      <c r="BZ3384" s="53">
        <v>1400000</v>
      </c>
      <c r="CA3384" s="53">
        <v>16800000</v>
      </c>
      <c r="CB3384" s="53">
        <v>1903376.24999999</v>
      </c>
      <c r="CC3384" s="53">
        <v>1903376.24999999</v>
      </c>
      <c r="CD3384" s="53">
        <v>1903376.24999999</v>
      </c>
      <c r="CE3384" s="53">
        <v>1903376.24999999</v>
      </c>
      <c r="CF3384" s="53">
        <v>1903376.24999999</v>
      </c>
      <c r="CG3384" s="53">
        <v>1903376.24999999</v>
      </c>
      <c r="CH3384" s="53">
        <v>1903376.24999999</v>
      </c>
      <c r="CI3384" s="53">
        <v>1903376.24999999</v>
      </c>
      <c r="CJ3384" s="53">
        <v>1903376.24999999</v>
      </c>
      <c r="CK3384" s="53">
        <v>1903376.24999999</v>
      </c>
      <c r="CL3384" s="53">
        <v>1903376.24999999</v>
      </c>
      <c r="CM3384" s="53">
        <v>1903376.24999999</v>
      </c>
      <c r="CN3384" s="53">
        <v>22840515</v>
      </c>
    </row>
    <row r="3385" spans="1:92" outlineLevel="1">
      <c r="A3385" s="52" t="s">
        <v>725</v>
      </c>
      <c r="B3385" s="53">
        <v>1900000</v>
      </c>
      <c r="C3385" s="53">
        <v>1900000</v>
      </c>
      <c r="D3385" s="53">
        <v>1900000</v>
      </c>
      <c r="E3385" s="53">
        <v>1900000</v>
      </c>
      <c r="F3385" s="53">
        <v>1900000</v>
      </c>
      <c r="G3385" s="53">
        <v>1900000</v>
      </c>
      <c r="H3385" s="53">
        <v>1900000</v>
      </c>
      <c r="I3385" s="53">
        <v>1900000</v>
      </c>
      <c r="J3385" s="53">
        <v>1900000</v>
      </c>
      <c r="K3385" s="53">
        <v>1900000</v>
      </c>
      <c r="L3385" s="53">
        <v>1900000</v>
      </c>
      <c r="M3385" s="53">
        <v>1900000</v>
      </c>
      <c r="N3385" s="53">
        <v>22800000</v>
      </c>
      <c r="O3385" s="53">
        <v>1900000</v>
      </c>
      <c r="P3385" s="53">
        <v>1900000</v>
      </c>
      <c r="Q3385" s="53">
        <v>1900000</v>
      </c>
      <c r="R3385" s="53">
        <v>1900000</v>
      </c>
      <c r="S3385" s="53">
        <v>1900000</v>
      </c>
      <c r="T3385" s="53">
        <v>1900000</v>
      </c>
      <c r="U3385" s="53">
        <v>1900000</v>
      </c>
      <c r="V3385" s="53">
        <v>1900000</v>
      </c>
      <c r="W3385" s="53">
        <v>1900000</v>
      </c>
      <c r="X3385" s="53">
        <v>1900000</v>
      </c>
      <c r="Y3385" s="53">
        <v>1900000</v>
      </c>
      <c r="Z3385" s="53">
        <v>1900000</v>
      </c>
      <c r="AA3385" s="53">
        <v>22800000</v>
      </c>
      <c r="AB3385" s="53">
        <v>1900000</v>
      </c>
      <c r="AC3385" s="53">
        <v>1900000</v>
      </c>
      <c r="AD3385" s="53">
        <v>1900000</v>
      </c>
      <c r="AE3385" s="53">
        <v>1900000</v>
      </c>
      <c r="AF3385" s="53">
        <v>1900000</v>
      </c>
      <c r="AG3385" s="53">
        <v>1900000</v>
      </c>
      <c r="AH3385" s="53">
        <v>1900000</v>
      </c>
      <c r="AI3385" s="53">
        <v>1900000</v>
      </c>
      <c r="AJ3385" s="53">
        <v>1900000</v>
      </c>
      <c r="AK3385" s="53">
        <v>1900000</v>
      </c>
      <c r="AL3385" s="53">
        <v>1900000</v>
      </c>
      <c r="AM3385" s="53">
        <v>1900000</v>
      </c>
      <c r="AN3385" s="53">
        <v>22800000</v>
      </c>
      <c r="AO3385" s="53">
        <v>1900000</v>
      </c>
      <c r="AP3385" s="53">
        <v>1900000</v>
      </c>
      <c r="AQ3385" s="53">
        <v>1900000</v>
      </c>
      <c r="AR3385" s="53">
        <v>1900000</v>
      </c>
      <c r="AS3385" s="53">
        <v>1900000</v>
      </c>
      <c r="AT3385" s="53">
        <v>1900000</v>
      </c>
      <c r="AU3385" s="53">
        <v>1900000</v>
      </c>
      <c r="AV3385" s="53">
        <v>1900000</v>
      </c>
      <c r="AW3385" s="53">
        <v>1900000</v>
      </c>
      <c r="AX3385" s="53">
        <v>1900000</v>
      </c>
      <c r="AY3385" s="53">
        <v>1900000</v>
      </c>
      <c r="AZ3385" s="53">
        <v>1900000</v>
      </c>
      <c r="BA3385" s="53">
        <v>22800000</v>
      </c>
      <c r="BB3385" s="53">
        <v>1900000</v>
      </c>
      <c r="BC3385" s="53">
        <v>1900000</v>
      </c>
      <c r="BD3385" s="53">
        <v>1900000</v>
      </c>
      <c r="BE3385" s="53">
        <v>1900000</v>
      </c>
      <c r="BF3385" s="53">
        <v>1900000</v>
      </c>
      <c r="BG3385" s="53">
        <v>1900000</v>
      </c>
      <c r="BH3385" s="53">
        <v>1900000</v>
      </c>
      <c r="BI3385" s="53">
        <v>1900000</v>
      </c>
      <c r="BJ3385" s="53">
        <v>1900000</v>
      </c>
      <c r="BK3385" s="53">
        <v>1900000</v>
      </c>
      <c r="BL3385" s="53">
        <v>1900000</v>
      </c>
      <c r="BM3385" s="53">
        <v>1900000</v>
      </c>
      <c r="BN3385" s="53">
        <v>22800000</v>
      </c>
      <c r="BO3385" s="53">
        <v>1900000</v>
      </c>
      <c r="BP3385" s="53">
        <v>1900000</v>
      </c>
      <c r="BQ3385" s="53">
        <v>1900000</v>
      </c>
      <c r="BR3385" s="53">
        <v>1900000</v>
      </c>
      <c r="BS3385" s="53">
        <v>1900000</v>
      </c>
      <c r="BT3385" s="53">
        <v>1900000</v>
      </c>
      <c r="BU3385" s="53">
        <v>1900000</v>
      </c>
      <c r="BV3385" s="53">
        <v>1900000</v>
      </c>
      <c r="BW3385" s="53">
        <v>1900000</v>
      </c>
      <c r="BX3385" s="53">
        <v>1900000</v>
      </c>
      <c r="BY3385" s="53">
        <v>1900000</v>
      </c>
      <c r="BZ3385" s="53">
        <v>1900000</v>
      </c>
      <c r="CA3385" s="53">
        <v>22800000</v>
      </c>
      <c r="CB3385" s="53"/>
      <c r="CC3385" s="53"/>
      <c r="CD3385" s="53"/>
      <c r="CE3385" s="53"/>
      <c r="CF3385" s="53"/>
      <c r="CG3385" s="53"/>
      <c r="CH3385" s="53"/>
      <c r="CI3385" s="53"/>
      <c r="CJ3385" s="53"/>
      <c r="CK3385" s="53"/>
      <c r="CL3385" s="53"/>
      <c r="CM3385" s="53"/>
      <c r="CN3385" s="53"/>
    </row>
    <row r="3386" spans="1:92" outlineLevel="1">
      <c r="A3386" s="52" t="s">
        <v>726</v>
      </c>
      <c r="B3386" s="53">
        <v>1458333.33333333</v>
      </c>
      <c r="C3386" s="53">
        <v>1458333.33333333</v>
      </c>
      <c r="D3386" s="53">
        <v>1458333.33333333</v>
      </c>
      <c r="E3386" s="53">
        <v>1458333.33333333</v>
      </c>
      <c r="F3386" s="53">
        <v>1458333.33333333</v>
      </c>
      <c r="G3386" s="53">
        <v>1458333.33333333</v>
      </c>
      <c r="H3386" s="53">
        <v>1458333.33333333</v>
      </c>
      <c r="I3386" s="53">
        <v>1458333.33333333</v>
      </c>
      <c r="J3386" s="53">
        <v>1458333.33333333</v>
      </c>
      <c r="K3386" s="53">
        <v>1458333.33333333</v>
      </c>
      <c r="L3386" s="53">
        <v>1458333.33333333</v>
      </c>
      <c r="M3386" s="53">
        <v>1458333.33333333</v>
      </c>
      <c r="N3386" s="53">
        <v>17500000</v>
      </c>
      <c r="O3386" s="53">
        <v>1458333.33333333</v>
      </c>
      <c r="P3386" s="53">
        <v>1458333.33333333</v>
      </c>
      <c r="Q3386" s="53">
        <v>1458333.33333333</v>
      </c>
      <c r="R3386" s="53">
        <v>1458333.33333333</v>
      </c>
      <c r="S3386" s="53">
        <v>1458333.33333333</v>
      </c>
      <c r="T3386" s="53">
        <v>1458333.33333333</v>
      </c>
      <c r="U3386" s="53">
        <v>1458333.33333333</v>
      </c>
      <c r="V3386" s="53">
        <v>1458333.33333333</v>
      </c>
      <c r="W3386" s="53">
        <v>1458333.33333333</v>
      </c>
      <c r="X3386" s="53">
        <v>1458333.33333333</v>
      </c>
      <c r="Y3386" s="53">
        <v>1458333.33333333</v>
      </c>
      <c r="Z3386" s="53">
        <v>1458333.33333333</v>
      </c>
      <c r="AA3386" s="53">
        <v>17500000</v>
      </c>
      <c r="AB3386" s="53">
        <v>1458333.33333333</v>
      </c>
      <c r="AC3386" s="53">
        <v>1458333.33333333</v>
      </c>
      <c r="AD3386" s="53">
        <v>1458333.33333333</v>
      </c>
      <c r="AE3386" s="53">
        <v>1458333.33333333</v>
      </c>
      <c r="AF3386" s="53">
        <v>1458333.33333333</v>
      </c>
      <c r="AG3386" s="53">
        <v>1458333.33333333</v>
      </c>
      <c r="AH3386" s="53">
        <v>1458333.33333333</v>
      </c>
      <c r="AI3386" s="53">
        <v>1458333.33333333</v>
      </c>
      <c r="AJ3386" s="53">
        <v>1458333.33333333</v>
      </c>
      <c r="AK3386" s="53">
        <v>1458333.33333333</v>
      </c>
      <c r="AL3386" s="53">
        <v>1458333.33333333</v>
      </c>
      <c r="AM3386" s="53">
        <v>1458333.33333333</v>
      </c>
      <c r="AN3386" s="53">
        <v>17500000</v>
      </c>
      <c r="AO3386" s="53">
        <v>1458333.33333333</v>
      </c>
      <c r="AP3386" s="53">
        <v>1458333.33333333</v>
      </c>
      <c r="AQ3386" s="53">
        <v>1458333.33333333</v>
      </c>
      <c r="AR3386" s="53">
        <v>1458333.33333333</v>
      </c>
      <c r="AS3386" s="53">
        <v>1458333.33333333</v>
      </c>
      <c r="AT3386" s="53">
        <v>1458333.33333333</v>
      </c>
      <c r="AU3386" s="53">
        <v>1458333.33333333</v>
      </c>
      <c r="AV3386" s="53">
        <v>1458333.33333333</v>
      </c>
      <c r="AW3386" s="53">
        <v>1458333.33333333</v>
      </c>
      <c r="AX3386" s="53">
        <v>1458333.33333333</v>
      </c>
      <c r="AY3386" s="53">
        <v>1458333.33333333</v>
      </c>
      <c r="AZ3386" s="53">
        <v>1458333.33333333</v>
      </c>
      <c r="BA3386" s="53">
        <v>17500000</v>
      </c>
      <c r="BB3386" s="53">
        <v>1458333.33333333</v>
      </c>
      <c r="BC3386" s="53">
        <v>1458333.33333333</v>
      </c>
      <c r="BD3386" s="53">
        <v>1458333.33333333</v>
      </c>
      <c r="BE3386" s="53">
        <v>1458333.33333333</v>
      </c>
      <c r="BF3386" s="53">
        <v>1458333.33333333</v>
      </c>
      <c r="BG3386" s="53">
        <v>1458333.33333333</v>
      </c>
      <c r="BH3386" s="53">
        <v>1458333.33333333</v>
      </c>
      <c r="BI3386" s="53">
        <v>1458333.33333333</v>
      </c>
      <c r="BJ3386" s="53">
        <v>1458333.33333333</v>
      </c>
      <c r="BK3386" s="53">
        <v>1458333.33333333</v>
      </c>
      <c r="BL3386" s="53">
        <v>1458333.33333333</v>
      </c>
      <c r="BM3386" s="53">
        <v>1458333.33333333</v>
      </c>
      <c r="BN3386" s="53">
        <v>17500000</v>
      </c>
      <c r="BO3386" s="53">
        <v>1458333.33333333</v>
      </c>
      <c r="BP3386" s="53">
        <v>1458333.33333333</v>
      </c>
      <c r="BQ3386" s="53">
        <v>1458333.33333333</v>
      </c>
      <c r="BR3386" s="53">
        <v>1458333.33333333</v>
      </c>
      <c r="BS3386" s="53">
        <v>1458333.33333333</v>
      </c>
      <c r="BT3386" s="53">
        <v>1458333.33333333</v>
      </c>
      <c r="BU3386" s="53">
        <v>1458333.33333333</v>
      </c>
      <c r="BV3386" s="53">
        <v>1458333.33333333</v>
      </c>
      <c r="BW3386" s="53">
        <v>1458333.33333333</v>
      </c>
      <c r="BX3386" s="53">
        <v>1458333.33333333</v>
      </c>
      <c r="BY3386" s="53">
        <v>1458333.33333333</v>
      </c>
      <c r="BZ3386" s="53">
        <v>1458333.33333333</v>
      </c>
      <c r="CA3386" s="53">
        <v>17500000</v>
      </c>
      <c r="CB3386" s="53"/>
      <c r="CC3386" s="53"/>
      <c r="CD3386" s="53"/>
      <c r="CE3386" s="53"/>
      <c r="CF3386" s="53"/>
      <c r="CG3386" s="53"/>
      <c r="CH3386" s="53"/>
      <c r="CI3386" s="53"/>
      <c r="CJ3386" s="53"/>
      <c r="CK3386" s="53"/>
      <c r="CL3386" s="53"/>
      <c r="CM3386" s="53"/>
      <c r="CN3386" s="53"/>
    </row>
    <row r="3387" spans="1:92" outlineLevel="1">
      <c r="A3387" s="52" t="s">
        <v>728</v>
      </c>
      <c r="B3387" s="53">
        <v>729166.66666666605</v>
      </c>
      <c r="C3387" s="53">
        <v>729166.66666666605</v>
      </c>
      <c r="D3387" s="53">
        <v>729166.66666666605</v>
      </c>
      <c r="E3387" s="53">
        <v>729166.66666666605</v>
      </c>
      <c r="F3387" s="53">
        <v>729166.66666666605</v>
      </c>
      <c r="G3387" s="53">
        <v>729166.66666666605</v>
      </c>
      <c r="H3387" s="53">
        <v>729166.66666666605</v>
      </c>
      <c r="I3387" s="53">
        <v>729166.66666666605</v>
      </c>
      <c r="J3387" s="53">
        <v>729166.66666666605</v>
      </c>
      <c r="K3387" s="53">
        <v>729166.66666666605</v>
      </c>
      <c r="L3387" s="53">
        <v>729166.66666666605</v>
      </c>
      <c r="M3387" s="53">
        <v>729166.66666666605</v>
      </c>
      <c r="N3387" s="53">
        <v>8750000</v>
      </c>
      <c r="O3387" s="53">
        <v>729166.66666666605</v>
      </c>
      <c r="P3387" s="53">
        <v>729166.66666666605</v>
      </c>
      <c r="Q3387" s="53">
        <v>729166.66666666605</v>
      </c>
      <c r="R3387" s="53">
        <v>729166.66666666605</v>
      </c>
      <c r="S3387" s="53">
        <v>729166.66666666605</v>
      </c>
      <c r="T3387" s="53">
        <v>729166.66666666605</v>
      </c>
      <c r="U3387" s="53">
        <v>729166.66666666605</v>
      </c>
      <c r="V3387" s="53">
        <v>729166.66666666605</v>
      </c>
      <c r="W3387" s="53">
        <v>729166.66666666605</v>
      </c>
      <c r="X3387" s="53">
        <v>729166.66666666605</v>
      </c>
      <c r="Y3387" s="53">
        <v>729166.66666666605</v>
      </c>
      <c r="Z3387" s="53">
        <v>729166.66666666605</v>
      </c>
      <c r="AA3387" s="53">
        <v>8750000</v>
      </c>
      <c r="AB3387" s="53">
        <v>729166.66666666605</v>
      </c>
      <c r="AC3387" s="53">
        <v>729166.66666666605</v>
      </c>
      <c r="AD3387" s="53">
        <v>729166.66666666605</v>
      </c>
      <c r="AE3387" s="53">
        <v>729166.66666666605</v>
      </c>
      <c r="AF3387" s="53">
        <v>729166.66666666605</v>
      </c>
      <c r="AG3387" s="53">
        <v>729166.66666666605</v>
      </c>
      <c r="AH3387" s="53">
        <v>729166.66666666605</v>
      </c>
      <c r="AI3387" s="53">
        <v>729166.66666666605</v>
      </c>
      <c r="AJ3387" s="53">
        <v>729166.66666666605</v>
      </c>
      <c r="AK3387" s="53">
        <v>729166.66666666605</v>
      </c>
      <c r="AL3387" s="53">
        <v>729166.66666666605</v>
      </c>
      <c r="AM3387" s="53">
        <v>729166.66666666605</v>
      </c>
      <c r="AN3387" s="53">
        <v>8750000</v>
      </c>
      <c r="AO3387" s="53">
        <v>729166.66666666605</v>
      </c>
      <c r="AP3387" s="53">
        <v>729166.66666666605</v>
      </c>
      <c r="AQ3387" s="53">
        <v>729166.66666666605</v>
      </c>
      <c r="AR3387" s="53">
        <v>729166.66666666605</v>
      </c>
      <c r="AS3387" s="53">
        <v>729166.66666666605</v>
      </c>
      <c r="AT3387" s="53">
        <v>729166.66666666605</v>
      </c>
      <c r="AU3387" s="53">
        <v>729166.66666666605</v>
      </c>
      <c r="AV3387" s="53">
        <v>729166.66666666605</v>
      </c>
      <c r="AW3387" s="53">
        <v>729166.66666666605</v>
      </c>
      <c r="AX3387" s="53">
        <v>729166.66666666605</v>
      </c>
      <c r="AY3387" s="53">
        <v>729166.66666666605</v>
      </c>
      <c r="AZ3387" s="53">
        <v>729166.66666666605</v>
      </c>
      <c r="BA3387" s="53">
        <v>8750000</v>
      </c>
      <c r="BB3387" s="53">
        <v>729166.66666666605</v>
      </c>
      <c r="BC3387" s="53">
        <v>729166.66666666605</v>
      </c>
      <c r="BD3387" s="53">
        <v>729166.66666666605</v>
      </c>
      <c r="BE3387" s="53">
        <v>729166.66666666605</v>
      </c>
      <c r="BF3387" s="53">
        <v>729166.66666666605</v>
      </c>
      <c r="BG3387" s="53">
        <v>729166.66666666605</v>
      </c>
      <c r="BH3387" s="53">
        <v>729166.66666666605</v>
      </c>
      <c r="BI3387" s="53">
        <v>729166.66666666605</v>
      </c>
      <c r="BJ3387" s="53">
        <v>729166.66666666605</v>
      </c>
      <c r="BK3387" s="53">
        <v>729166.66666666605</v>
      </c>
      <c r="BL3387" s="53">
        <v>729166.66666666605</v>
      </c>
      <c r="BM3387" s="53">
        <v>729166.66666666605</v>
      </c>
      <c r="BN3387" s="53">
        <v>8750000</v>
      </c>
      <c r="BO3387" s="53">
        <v>729166.66666666605</v>
      </c>
      <c r="BP3387" s="53">
        <v>729166.66666666605</v>
      </c>
      <c r="BQ3387" s="53">
        <v>729166.66666666605</v>
      </c>
      <c r="BR3387" s="53">
        <v>729166.66666666605</v>
      </c>
      <c r="BS3387" s="53">
        <v>729166.66666666605</v>
      </c>
      <c r="BT3387" s="53">
        <v>729166.66666666605</v>
      </c>
      <c r="BU3387" s="53">
        <v>729166.66666666605</v>
      </c>
      <c r="BV3387" s="53">
        <v>729166.66666666605</v>
      </c>
      <c r="BW3387" s="53">
        <v>729166.66666666605</v>
      </c>
      <c r="BX3387" s="53">
        <v>729166.66666666605</v>
      </c>
      <c r="BY3387" s="53">
        <v>729166.66666666605</v>
      </c>
      <c r="BZ3387" s="53">
        <v>729166.66666666605</v>
      </c>
      <c r="CA3387" s="53">
        <v>8750000</v>
      </c>
      <c r="CB3387" s="53"/>
      <c r="CC3387" s="53"/>
      <c r="CD3387" s="53"/>
      <c r="CE3387" s="53"/>
      <c r="CF3387" s="53"/>
      <c r="CG3387" s="53"/>
      <c r="CH3387" s="53"/>
      <c r="CI3387" s="53"/>
      <c r="CJ3387" s="53"/>
      <c r="CK3387" s="53"/>
      <c r="CL3387" s="53"/>
      <c r="CM3387" s="53"/>
      <c r="CN3387" s="53"/>
    </row>
    <row r="3388" spans="1:92" outlineLevel="1">
      <c r="A3388" s="52" t="s">
        <v>729</v>
      </c>
      <c r="B3388" s="53">
        <v>1300000</v>
      </c>
      <c r="C3388" s="53">
        <v>1300000</v>
      </c>
      <c r="D3388" s="53">
        <v>1300000</v>
      </c>
      <c r="E3388" s="53">
        <v>1300000</v>
      </c>
      <c r="F3388" s="53">
        <v>1300000</v>
      </c>
      <c r="G3388" s="53">
        <v>1300000</v>
      </c>
      <c r="H3388" s="53">
        <v>1300000</v>
      </c>
      <c r="I3388" s="53">
        <v>1300000</v>
      </c>
      <c r="J3388" s="53">
        <v>1300000</v>
      </c>
      <c r="K3388" s="53">
        <v>1300000</v>
      </c>
      <c r="L3388" s="53">
        <v>1300000</v>
      </c>
      <c r="M3388" s="53">
        <v>1300000</v>
      </c>
      <c r="N3388" s="53">
        <v>15600000</v>
      </c>
      <c r="O3388" s="53">
        <v>1300000</v>
      </c>
      <c r="P3388" s="53">
        <v>1300000</v>
      </c>
      <c r="Q3388" s="53">
        <v>1300000</v>
      </c>
      <c r="R3388" s="53">
        <v>1300000</v>
      </c>
      <c r="S3388" s="53">
        <v>1300000</v>
      </c>
      <c r="T3388" s="53">
        <v>1300000</v>
      </c>
      <c r="U3388" s="53">
        <v>1300000</v>
      </c>
      <c r="V3388" s="53">
        <v>1300000</v>
      </c>
      <c r="W3388" s="53">
        <v>1300000</v>
      </c>
      <c r="X3388" s="53">
        <v>1300000</v>
      </c>
      <c r="Y3388" s="53">
        <v>1300000</v>
      </c>
      <c r="Z3388" s="53">
        <v>1300000</v>
      </c>
      <c r="AA3388" s="53">
        <v>15600000</v>
      </c>
      <c r="AB3388" s="53">
        <v>1300000</v>
      </c>
      <c r="AC3388" s="53">
        <v>1300000</v>
      </c>
      <c r="AD3388" s="53">
        <v>1300000</v>
      </c>
      <c r="AE3388" s="53">
        <v>1300000</v>
      </c>
      <c r="AF3388" s="53">
        <v>1300000</v>
      </c>
      <c r="AG3388" s="53">
        <v>1300000</v>
      </c>
      <c r="AH3388" s="53">
        <v>1300000</v>
      </c>
      <c r="AI3388" s="53">
        <v>1300000</v>
      </c>
      <c r="AJ3388" s="53">
        <v>1300000</v>
      </c>
      <c r="AK3388" s="53">
        <v>1300000</v>
      </c>
      <c r="AL3388" s="53">
        <v>1300000</v>
      </c>
      <c r="AM3388" s="53">
        <v>1300000</v>
      </c>
      <c r="AN3388" s="53">
        <v>15600000</v>
      </c>
      <c r="AO3388" s="53">
        <v>1300000</v>
      </c>
      <c r="AP3388" s="53">
        <v>1300000</v>
      </c>
      <c r="AQ3388" s="53">
        <v>1300000</v>
      </c>
      <c r="AR3388" s="53">
        <v>1300000</v>
      </c>
      <c r="AS3388" s="53">
        <v>1300000</v>
      </c>
      <c r="AT3388" s="53">
        <v>1300000</v>
      </c>
      <c r="AU3388" s="53">
        <v>1300000</v>
      </c>
      <c r="AV3388" s="53">
        <v>1300000</v>
      </c>
      <c r="AW3388" s="53">
        <v>1300000</v>
      </c>
      <c r="AX3388" s="53">
        <v>1300000</v>
      </c>
      <c r="AY3388" s="53">
        <v>1300000</v>
      </c>
      <c r="AZ3388" s="53">
        <v>1300000</v>
      </c>
      <c r="BA3388" s="53">
        <v>15600000</v>
      </c>
      <c r="BB3388" s="53">
        <v>1300000</v>
      </c>
      <c r="BC3388" s="53">
        <v>1300000</v>
      </c>
      <c r="BD3388" s="53">
        <v>1300000</v>
      </c>
      <c r="BE3388" s="53">
        <v>1300000</v>
      </c>
      <c r="BF3388" s="53">
        <v>1300000</v>
      </c>
      <c r="BG3388" s="53">
        <v>1300000</v>
      </c>
      <c r="BH3388" s="53">
        <v>1300000</v>
      </c>
      <c r="BI3388" s="53">
        <v>1300000</v>
      </c>
      <c r="BJ3388" s="53">
        <v>1300000</v>
      </c>
      <c r="BK3388" s="53">
        <v>1300000</v>
      </c>
      <c r="BL3388" s="53">
        <v>1300000</v>
      </c>
      <c r="BM3388" s="53">
        <v>1300000</v>
      </c>
      <c r="BN3388" s="53">
        <v>15600000</v>
      </c>
      <c r="BO3388" s="53">
        <v>1300000</v>
      </c>
      <c r="BP3388" s="53">
        <v>1300000</v>
      </c>
      <c r="BQ3388" s="53">
        <v>1300000</v>
      </c>
      <c r="BR3388" s="53">
        <v>1300000</v>
      </c>
      <c r="BS3388" s="53">
        <v>1300000</v>
      </c>
      <c r="BT3388" s="53">
        <v>1300000</v>
      </c>
      <c r="BU3388" s="53">
        <v>1300000</v>
      </c>
      <c r="BV3388" s="53">
        <v>1300000</v>
      </c>
      <c r="BW3388" s="53">
        <v>1300000</v>
      </c>
      <c r="BX3388" s="53">
        <v>1300000</v>
      </c>
      <c r="BY3388" s="53">
        <v>1300000</v>
      </c>
      <c r="BZ3388" s="53">
        <v>1300000</v>
      </c>
      <c r="CA3388" s="53">
        <v>15600000</v>
      </c>
      <c r="CB3388" s="53">
        <v>90631.833333333299</v>
      </c>
      <c r="CC3388" s="53">
        <v>90631.833333333299</v>
      </c>
      <c r="CD3388" s="53">
        <v>90631.833333333299</v>
      </c>
      <c r="CE3388" s="53">
        <v>90631.833333333299</v>
      </c>
      <c r="CF3388" s="53">
        <v>90631.833333333299</v>
      </c>
      <c r="CG3388" s="53">
        <v>90631.833333333299</v>
      </c>
      <c r="CH3388" s="53">
        <v>90631.833333333299</v>
      </c>
      <c r="CI3388" s="53">
        <v>90631.833333333299</v>
      </c>
      <c r="CJ3388" s="53">
        <v>90631.833333333299</v>
      </c>
      <c r="CK3388" s="53">
        <v>90631.833333333299</v>
      </c>
      <c r="CL3388" s="53">
        <v>90631.833333333299</v>
      </c>
      <c r="CM3388" s="53">
        <v>90631.833333333299</v>
      </c>
      <c r="CN3388" s="53">
        <v>1087582</v>
      </c>
    </row>
    <row r="3389" spans="1:92" outlineLevel="1">
      <c r="A3389" s="52" t="s">
        <v>730</v>
      </c>
      <c r="B3389" s="53">
        <v>1249999.99999999</v>
      </c>
      <c r="C3389" s="53">
        <v>1249999.99999999</v>
      </c>
      <c r="D3389" s="53">
        <v>1249999.99999999</v>
      </c>
      <c r="E3389" s="53">
        <v>1249999.99999999</v>
      </c>
      <c r="F3389" s="53">
        <v>1249999.99999999</v>
      </c>
      <c r="G3389" s="53">
        <v>1249999.99999999</v>
      </c>
      <c r="H3389" s="53">
        <v>1249999.99999999</v>
      </c>
      <c r="I3389" s="53">
        <v>1249999.99999999</v>
      </c>
      <c r="J3389" s="53">
        <v>1249999.99999999</v>
      </c>
      <c r="K3389" s="53">
        <v>1249999.99999999</v>
      </c>
      <c r="L3389" s="53">
        <v>1249999.99999999</v>
      </c>
      <c r="M3389" s="53">
        <v>1249999.99999999</v>
      </c>
      <c r="N3389" s="53">
        <v>14999999.999999899</v>
      </c>
      <c r="O3389" s="53">
        <v>1249999.99999999</v>
      </c>
      <c r="P3389" s="53">
        <v>1249999.99999999</v>
      </c>
      <c r="Q3389" s="53">
        <v>1249999.99999999</v>
      </c>
      <c r="R3389" s="53">
        <v>1249999.99999999</v>
      </c>
      <c r="S3389" s="53">
        <v>1249999.99999999</v>
      </c>
      <c r="T3389" s="53">
        <v>1249999.99999999</v>
      </c>
      <c r="U3389" s="53">
        <v>1249999.99999999</v>
      </c>
      <c r="V3389" s="53">
        <v>1249999.99999999</v>
      </c>
      <c r="W3389" s="53">
        <v>1249999.99999999</v>
      </c>
      <c r="X3389" s="53">
        <v>1249999.99999999</v>
      </c>
      <c r="Y3389" s="53">
        <v>1249999.99999999</v>
      </c>
      <c r="Z3389" s="53">
        <v>1249999.99999999</v>
      </c>
      <c r="AA3389" s="53">
        <v>14999999.999999899</v>
      </c>
      <c r="AB3389" s="53">
        <v>1249999.99999999</v>
      </c>
      <c r="AC3389" s="53">
        <v>1249999.99999999</v>
      </c>
      <c r="AD3389" s="53">
        <v>1249999.99999999</v>
      </c>
      <c r="AE3389" s="53">
        <v>1249999.99999999</v>
      </c>
      <c r="AF3389" s="53">
        <v>1249999.99999999</v>
      </c>
      <c r="AG3389" s="53">
        <v>1249999.99999999</v>
      </c>
      <c r="AH3389" s="53">
        <v>1249999.99999999</v>
      </c>
      <c r="AI3389" s="53">
        <v>1249999.99999999</v>
      </c>
      <c r="AJ3389" s="53">
        <v>1249999.99999999</v>
      </c>
      <c r="AK3389" s="53">
        <v>1249999.99999999</v>
      </c>
      <c r="AL3389" s="53">
        <v>1249999.99999999</v>
      </c>
      <c r="AM3389" s="53">
        <v>1249999.99999999</v>
      </c>
      <c r="AN3389" s="53">
        <v>14999999.999999899</v>
      </c>
      <c r="AO3389" s="53">
        <v>1249999.99999999</v>
      </c>
      <c r="AP3389" s="53">
        <v>1249999.99999999</v>
      </c>
      <c r="AQ3389" s="53">
        <v>1249999.99999999</v>
      </c>
      <c r="AR3389" s="53">
        <v>1249999.99999999</v>
      </c>
      <c r="AS3389" s="53">
        <v>1249999.99999999</v>
      </c>
      <c r="AT3389" s="53">
        <v>1249999.99999999</v>
      </c>
      <c r="AU3389" s="53">
        <v>1249999.99999999</v>
      </c>
      <c r="AV3389" s="53">
        <v>1249999.99999999</v>
      </c>
      <c r="AW3389" s="53">
        <v>1249999.99999999</v>
      </c>
      <c r="AX3389" s="53">
        <v>1249999.99999999</v>
      </c>
      <c r="AY3389" s="53">
        <v>1249999.99999999</v>
      </c>
      <c r="AZ3389" s="53">
        <v>1249999.99999999</v>
      </c>
      <c r="BA3389" s="53">
        <v>14999999.999999899</v>
      </c>
      <c r="BB3389" s="53">
        <v>1249999.99999999</v>
      </c>
      <c r="BC3389" s="53">
        <v>1249999.99999999</v>
      </c>
      <c r="BD3389" s="53">
        <v>1249999.99999999</v>
      </c>
      <c r="BE3389" s="53">
        <v>1249999.99999999</v>
      </c>
      <c r="BF3389" s="53">
        <v>1249999.99999999</v>
      </c>
      <c r="BG3389" s="53">
        <v>1249999.99999999</v>
      </c>
      <c r="BH3389" s="53">
        <v>1249999.99999999</v>
      </c>
      <c r="BI3389" s="53">
        <v>1249999.99999999</v>
      </c>
      <c r="BJ3389" s="53">
        <v>1249999.99999999</v>
      </c>
      <c r="BK3389" s="53">
        <v>1249999.99999999</v>
      </c>
      <c r="BL3389" s="53">
        <v>1249999.99999999</v>
      </c>
      <c r="BM3389" s="53">
        <v>1249999.99999999</v>
      </c>
      <c r="BN3389" s="53">
        <v>14999999.999999899</v>
      </c>
      <c r="BO3389" s="53">
        <v>1249999.99999999</v>
      </c>
      <c r="BP3389" s="53">
        <v>1249999.99999999</v>
      </c>
      <c r="BQ3389" s="53">
        <v>1249999.99999999</v>
      </c>
      <c r="BR3389" s="53">
        <v>1249999.99999999</v>
      </c>
      <c r="BS3389" s="53">
        <v>1249999.99999999</v>
      </c>
      <c r="BT3389" s="53">
        <v>1249999.99999999</v>
      </c>
      <c r="BU3389" s="53">
        <v>1249999.99999999</v>
      </c>
      <c r="BV3389" s="53">
        <v>1249999.99999999</v>
      </c>
      <c r="BW3389" s="53">
        <v>1249999.99999999</v>
      </c>
      <c r="BX3389" s="53">
        <v>1249999.99999999</v>
      </c>
      <c r="BY3389" s="53">
        <v>1249999.99999999</v>
      </c>
      <c r="BZ3389" s="53">
        <v>1249999.99999999</v>
      </c>
      <c r="CA3389" s="53">
        <v>14999999.999999899</v>
      </c>
      <c r="CB3389" s="53"/>
      <c r="CC3389" s="53"/>
      <c r="CD3389" s="53"/>
      <c r="CE3389" s="53"/>
      <c r="CF3389" s="53"/>
      <c r="CG3389" s="53"/>
      <c r="CH3389" s="53"/>
      <c r="CI3389" s="53"/>
      <c r="CJ3389" s="53"/>
      <c r="CK3389" s="53"/>
      <c r="CL3389" s="53"/>
      <c r="CM3389" s="53"/>
      <c r="CN3389" s="53"/>
    </row>
    <row r="3390" spans="1:92" outlineLevel="1">
      <c r="A3390" s="52" t="s">
        <v>1564</v>
      </c>
      <c r="B3390" s="53"/>
      <c r="C3390" s="53"/>
      <c r="D3390" s="53"/>
      <c r="E3390" s="53"/>
      <c r="F3390" s="53"/>
      <c r="G3390" s="53"/>
      <c r="H3390" s="53"/>
      <c r="I3390" s="53"/>
      <c r="J3390" s="53"/>
      <c r="K3390" s="53">
        <v>1718279.56989247</v>
      </c>
      <c r="L3390" s="53">
        <v>3133333.3333333302</v>
      </c>
      <c r="M3390" s="53">
        <v>3133333.3333333302</v>
      </c>
      <c r="N3390" s="53">
        <v>7984946.2365591303</v>
      </c>
      <c r="O3390" s="53">
        <v>3433333.3333333302</v>
      </c>
      <c r="P3390" s="53">
        <v>3433333.3333333302</v>
      </c>
      <c r="Q3390" s="53">
        <v>3433333.3333333302</v>
      </c>
      <c r="R3390" s="53">
        <v>3433333.3333333302</v>
      </c>
      <c r="S3390" s="53">
        <v>3433333.3333333302</v>
      </c>
      <c r="T3390" s="53">
        <v>3433333.3333333302</v>
      </c>
      <c r="U3390" s="53">
        <v>3300000</v>
      </c>
      <c r="V3390" s="53">
        <v>3300000</v>
      </c>
      <c r="W3390" s="53">
        <v>3300000</v>
      </c>
      <c r="X3390" s="53">
        <v>3300000</v>
      </c>
      <c r="Y3390" s="53">
        <v>3300000</v>
      </c>
      <c r="Z3390" s="53">
        <v>3300000</v>
      </c>
      <c r="AA3390" s="53">
        <v>40400000</v>
      </c>
      <c r="AB3390" s="53">
        <v>2933333.3333333302</v>
      </c>
      <c r="AC3390" s="53">
        <v>2933333.3333333302</v>
      </c>
      <c r="AD3390" s="53">
        <v>2933333.3333333302</v>
      </c>
      <c r="AE3390" s="53">
        <v>1368888.8888888799</v>
      </c>
      <c r="AF3390" s="53"/>
      <c r="AG3390" s="53"/>
      <c r="AH3390" s="53"/>
      <c r="AI3390" s="53"/>
      <c r="AJ3390" s="53"/>
      <c r="AK3390" s="53"/>
      <c r="AL3390" s="53"/>
      <c r="AM3390" s="53"/>
      <c r="AN3390" s="53">
        <v>10168888.888888801</v>
      </c>
      <c r="AO3390" s="53"/>
      <c r="AP3390" s="53"/>
      <c r="AQ3390" s="53"/>
      <c r="AR3390" s="53"/>
      <c r="AS3390" s="53"/>
      <c r="AT3390" s="53"/>
      <c r="AU3390" s="53"/>
      <c r="AV3390" s="53"/>
      <c r="AW3390" s="53"/>
      <c r="AX3390" s="53"/>
      <c r="AY3390" s="53"/>
      <c r="AZ3390" s="53"/>
      <c r="BA3390" s="53"/>
      <c r="BB3390" s="53"/>
      <c r="BC3390" s="53"/>
      <c r="BD3390" s="53"/>
      <c r="BE3390" s="53"/>
      <c r="BF3390" s="53"/>
      <c r="BG3390" s="53"/>
      <c r="BH3390" s="53"/>
      <c r="BI3390" s="53"/>
      <c r="BJ3390" s="53"/>
      <c r="BK3390" s="53"/>
      <c r="BL3390" s="53"/>
      <c r="BM3390" s="53"/>
      <c r="BN3390" s="53"/>
      <c r="BO3390" s="53"/>
      <c r="BP3390" s="53"/>
      <c r="BQ3390" s="53"/>
      <c r="BR3390" s="53"/>
      <c r="BS3390" s="53"/>
      <c r="BT3390" s="53"/>
      <c r="BU3390" s="53"/>
      <c r="BV3390" s="53"/>
      <c r="BW3390" s="53"/>
      <c r="BX3390" s="53"/>
      <c r="BY3390" s="53"/>
      <c r="BZ3390" s="53"/>
      <c r="CA3390" s="53"/>
      <c r="CB3390" s="53">
        <v>44492.666666666497</v>
      </c>
      <c r="CC3390" s="53">
        <v>44492.666666666497</v>
      </c>
      <c r="CD3390" s="53">
        <v>44492.666666666497</v>
      </c>
      <c r="CE3390" s="53">
        <v>44492.666666666497</v>
      </c>
      <c r="CF3390" s="53">
        <v>44492.666666666497</v>
      </c>
      <c r="CG3390" s="53">
        <v>44492.666666666497</v>
      </c>
      <c r="CH3390" s="53">
        <v>44492.666666666497</v>
      </c>
      <c r="CI3390" s="53">
        <v>44492.666666666497</v>
      </c>
      <c r="CJ3390" s="53">
        <v>44492.666666666497</v>
      </c>
      <c r="CK3390" s="53">
        <v>44492.666666666497</v>
      </c>
      <c r="CL3390" s="53">
        <v>44492.666666666497</v>
      </c>
      <c r="CM3390" s="53">
        <v>44492.666666666497</v>
      </c>
      <c r="CN3390" s="53">
        <v>533911.99999999895</v>
      </c>
    </row>
    <row r="3391" spans="1:92" outlineLevel="1">
      <c r="A3391" s="52" t="s">
        <v>1565</v>
      </c>
      <c r="B3391" s="53"/>
      <c r="C3391" s="53"/>
      <c r="D3391" s="53"/>
      <c r="E3391" s="53"/>
      <c r="F3391" s="53"/>
      <c r="G3391" s="53"/>
      <c r="H3391" s="53"/>
      <c r="I3391" s="53"/>
      <c r="J3391" s="53"/>
      <c r="K3391" s="53"/>
      <c r="L3391" s="53">
        <v>1652777.7777777701</v>
      </c>
      <c r="M3391" s="53">
        <v>2479166.66666666</v>
      </c>
      <c r="N3391" s="53">
        <v>4131944.4444444398</v>
      </c>
      <c r="O3391" s="53">
        <v>2479166.66666666</v>
      </c>
      <c r="P3391" s="53">
        <v>2479166.66666666</v>
      </c>
      <c r="Q3391" s="53">
        <v>2479166.66666666</v>
      </c>
      <c r="R3391" s="53">
        <v>2479166.66666666</v>
      </c>
      <c r="S3391" s="53">
        <v>2479166.66666666</v>
      </c>
      <c r="T3391" s="53">
        <v>2479166.66666666</v>
      </c>
      <c r="U3391" s="53">
        <v>2479166.66666666</v>
      </c>
      <c r="V3391" s="53">
        <v>2479166.66666666</v>
      </c>
      <c r="W3391" s="53">
        <v>2479166.66666666</v>
      </c>
      <c r="X3391" s="53">
        <v>2479166.66666666</v>
      </c>
      <c r="Y3391" s="53">
        <v>2479166.66666666</v>
      </c>
      <c r="Z3391" s="53">
        <v>2479166.66666666</v>
      </c>
      <c r="AA3391" s="53">
        <v>29750000</v>
      </c>
      <c r="AB3391" s="53">
        <v>2479166.66666666</v>
      </c>
      <c r="AC3391" s="53">
        <v>2479166.66666666</v>
      </c>
      <c r="AD3391" s="53">
        <v>2479166.66666666</v>
      </c>
      <c r="AE3391" s="53">
        <v>2479166.66666666</v>
      </c>
      <c r="AF3391" s="53">
        <v>2479166.66666666</v>
      </c>
      <c r="AG3391" s="53">
        <v>2479166.66666666</v>
      </c>
      <c r="AH3391" s="53">
        <v>2479166.66666666</v>
      </c>
      <c r="AI3391" s="53">
        <v>2479166.66666666</v>
      </c>
      <c r="AJ3391" s="53">
        <v>2479166.66666666</v>
      </c>
      <c r="AK3391" s="53">
        <v>2479166.66666666</v>
      </c>
      <c r="AL3391" s="53">
        <v>2479166.66666666</v>
      </c>
      <c r="AM3391" s="53">
        <v>2479166.66666666</v>
      </c>
      <c r="AN3391" s="53">
        <v>29750000</v>
      </c>
      <c r="AO3391" s="53">
        <v>2479166.66666666</v>
      </c>
      <c r="AP3391" s="53">
        <v>2479166.66666666</v>
      </c>
      <c r="AQ3391" s="53">
        <v>2479166.66666666</v>
      </c>
      <c r="AR3391" s="53">
        <v>2479166.66666666</v>
      </c>
      <c r="AS3391" s="53">
        <v>2479166.66666666</v>
      </c>
      <c r="AT3391" s="53">
        <v>2479166.66666666</v>
      </c>
      <c r="AU3391" s="53">
        <v>2479166.66666666</v>
      </c>
      <c r="AV3391" s="53">
        <v>2479166.66666666</v>
      </c>
      <c r="AW3391" s="53">
        <v>2479166.66666666</v>
      </c>
      <c r="AX3391" s="53">
        <v>2479166.66666666</v>
      </c>
      <c r="AY3391" s="53">
        <v>2479166.66666666</v>
      </c>
      <c r="AZ3391" s="53">
        <v>2479166.66666666</v>
      </c>
      <c r="BA3391" s="53">
        <v>29750000</v>
      </c>
      <c r="BB3391" s="53">
        <v>2479166.66666666</v>
      </c>
      <c r="BC3391" s="53">
        <v>2479166.66666666</v>
      </c>
      <c r="BD3391" s="53">
        <v>2479166.66666666</v>
      </c>
      <c r="BE3391" s="53">
        <v>2479166.66666666</v>
      </c>
      <c r="BF3391" s="53">
        <v>2479166.66666666</v>
      </c>
      <c r="BG3391" s="53">
        <v>2479166.66666666</v>
      </c>
      <c r="BH3391" s="53">
        <v>2479166.66666666</v>
      </c>
      <c r="BI3391" s="53">
        <v>2479166.66666666</v>
      </c>
      <c r="BJ3391" s="53">
        <v>2479166.66666666</v>
      </c>
      <c r="BK3391" s="53">
        <v>2479166.66666666</v>
      </c>
      <c r="BL3391" s="53">
        <v>2479166.66666666</v>
      </c>
      <c r="BM3391" s="53">
        <v>2479166.66666666</v>
      </c>
      <c r="BN3391" s="53">
        <v>29750000</v>
      </c>
      <c r="BO3391" s="53">
        <v>2479166.66666666</v>
      </c>
      <c r="BP3391" s="53">
        <v>2479166.66666666</v>
      </c>
      <c r="BQ3391" s="53">
        <v>2479166.66666666</v>
      </c>
      <c r="BR3391" s="53">
        <v>2479166.66666666</v>
      </c>
      <c r="BS3391" s="53">
        <v>2479166.66666666</v>
      </c>
      <c r="BT3391" s="53">
        <v>2479166.66666666</v>
      </c>
      <c r="BU3391" s="53">
        <v>2479166.66666666</v>
      </c>
      <c r="BV3391" s="53">
        <v>2479166.66666666</v>
      </c>
      <c r="BW3391" s="53">
        <v>2479166.66666666</v>
      </c>
      <c r="BX3391" s="53">
        <v>2479166.66666666</v>
      </c>
      <c r="BY3391" s="53">
        <v>2479166.66666666</v>
      </c>
      <c r="BZ3391" s="53">
        <v>2479166.66666666</v>
      </c>
      <c r="CA3391" s="53">
        <v>29750000</v>
      </c>
      <c r="CB3391" s="53"/>
      <c r="CC3391" s="53"/>
      <c r="CD3391" s="53"/>
      <c r="CE3391" s="53"/>
      <c r="CF3391" s="53"/>
      <c r="CG3391" s="53"/>
      <c r="CH3391" s="53"/>
      <c r="CI3391" s="53"/>
      <c r="CJ3391" s="53"/>
      <c r="CK3391" s="53"/>
      <c r="CL3391" s="53"/>
      <c r="CM3391" s="53"/>
      <c r="CN3391" s="53"/>
    </row>
    <row r="3392" spans="1:92" outlineLevel="1">
      <c r="A3392" s="52" t="s">
        <v>731</v>
      </c>
      <c r="B3392" s="53"/>
      <c r="C3392" s="53"/>
      <c r="D3392" s="53"/>
      <c r="E3392" s="53"/>
      <c r="F3392" s="53"/>
      <c r="G3392" s="53"/>
      <c r="H3392" s="53"/>
      <c r="I3392" s="53"/>
      <c r="J3392" s="53"/>
      <c r="K3392" s="53"/>
      <c r="L3392" s="53"/>
      <c r="M3392" s="53"/>
      <c r="N3392" s="53"/>
      <c r="O3392" s="53"/>
      <c r="P3392" s="53"/>
      <c r="Q3392" s="53"/>
      <c r="R3392" s="53"/>
      <c r="S3392" s="53"/>
      <c r="T3392" s="53"/>
      <c r="U3392" s="53"/>
      <c r="V3392" s="53"/>
      <c r="W3392" s="53"/>
      <c r="X3392" s="53"/>
      <c r="Y3392" s="53"/>
      <c r="Z3392" s="53"/>
      <c r="AA3392" s="53"/>
      <c r="AB3392" s="53"/>
      <c r="AC3392" s="53"/>
      <c r="AD3392" s="53"/>
      <c r="AE3392" s="53"/>
      <c r="AF3392" s="53"/>
      <c r="AG3392" s="53"/>
      <c r="AH3392" s="53"/>
      <c r="AI3392" s="53"/>
      <c r="AJ3392" s="53"/>
      <c r="AK3392" s="53"/>
      <c r="AL3392" s="53"/>
      <c r="AM3392" s="53"/>
      <c r="AN3392" s="53"/>
      <c r="AO3392" s="53"/>
      <c r="AP3392" s="53"/>
      <c r="AQ3392" s="53"/>
      <c r="AR3392" s="53"/>
      <c r="AS3392" s="53"/>
      <c r="AT3392" s="53"/>
      <c r="AU3392" s="53"/>
      <c r="AV3392" s="53"/>
      <c r="AW3392" s="53"/>
      <c r="AX3392" s="53"/>
      <c r="AY3392" s="53"/>
      <c r="AZ3392" s="53"/>
      <c r="BA3392" s="53"/>
      <c r="BB3392" s="53"/>
      <c r="BC3392" s="53"/>
      <c r="BD3392" s="53"/>
      <c r="BE3392" s="53"/>
      <c r="BF3392" s="53"/>
      <c r="BG3392" s="53"/>
      <c r="BH3392" s="53"/>
      <c r="BI3392" s="53"/>
      <c r="BJ3392" s="53"/>
      <c r="BK3392" s="53"/>
      <c r="BL3392" s="53"/>
      <c r="BM3392" s="53"/>
      <c r="BN3392" s="53"/>
      <c r="BO3392" s="53"/>
      <c r="BP3392" s="53"/>
      <c r="BQ3392" s="53"/>
      <c r="BR3392" s="53"/>
      <c r="BS3392" s="53"/>
      <c r="BT3392" s="53"/>
      <c r="BU3392" s="53"/>
      <c r="BV3392" s="53"/>
      <c r="BW3392" s="53"/>
      <c r="BX3392" s="53"/>
      <c r="BY3392" s="53"/>
      <c r="BZ3392" s="53"/>
      <c r="CA3392" s="53"/>
      <c r="CB3392" s="53"/>
      <c r="CC3392" s="53"/>
      <c r="CD3392" s="53"/>
      <c r="CE3392" s="53"/>
      <c r="CF3392" s="53"/>
      <c r="CG3392" s="53"/>
      <c r="CH3392" s="53"/>
      <c r="CI3392" s="53"/>
      <c r="CJ3392" s="53"/>
      <c r="CK3392" s="53"/>
      <c r="CL3392" s="53"/>
      <c r="CM3392" s="53"/>
      <c r="CN3392" s="53"/>
    </row>
    <row r="3393" spans="1:92" outlineLevel="1">
      <c r="A3393" s="52" t="s">
        <v>711</v>
      </c>
      <c r="B3393" s="53">
        <v>15351.5205479452</v>
      </c>
      <c r="C3393" s="53">
        <v>15351.5138888888</v>
      </c>
      <c r="D3393" s="53">
        <v>15351.521126760499</v>
      </c>
      <c r="E3393" s="53">
        <v>15351.5142857142</v>
      </c>
      <c r="F3393" s="53">
        <v>15351.5217391304</v>
      </c>
      <c r="G3393" s="53">
        <v>15351.5147058823</v>
      </c>
      <c r="H3393" s="53">
        <v>15351.5223880596</v>
      </c>
      <c r="I3393" s="53">
        <v>15351.515151515099</v>
      </c>
      <c r="J3393" s="53">
        <v>15351.523076923</v>
      </c>
      <c r="K3393" s="53">
        <v>15351.515625</v>
      </c>
      <c r="L3393" s="53">
        <v>15351.5238095238</v>
      </c>
      <c r="M3393" s="53">
        <v>15351.516129032199</v>
      </c>
      <c r="N3393" s="53">
        <v>184218.22247437501</v>
      </c>
      <c r="O3393" s="53">
        <v>15351.524590163899</v>
      </c>
      <c r="P3393" s="53">
        <v>15351.524590163899</v>
      </c>
      <c r="Q3393" s="53">
        <v>15351.524590163899</v>
      </c>
      <c r="R3393" s="53">
        <v>15351.524590163899</v>
      </c>
      <c r="S3393" s="53">
        <v>15351.524590163899</v>
      </c>
      <c r="T3393" s="53">
        <v>15351.524590163899</v>
      </c>
      <c r="U3393" s="53">
        <v>15351.524590163899</v>
      </c>
      <c r="V3393" s="53">
        <v>15351.524590163899</v>
      </c>
      <c r="W3393" s="53">
        <v>15351.524590163899</v>
      </c>
      <c r="X3393" s="53">
        <v>15351.524590163899</v>
      </c>
      <c r="Y3393" s="53">
        <v>15351.524590163899</v>
      </c>
      <c r="Z3393" s="53">
        <v>15351.524590163899</v>
      </c>
      <c r="AA3393" s="53">
        <v>184218.29508196699</v>
      </c>
      <c r="AB3393" s="53">
        <v>15351.524590163899</v>
      </c>
      <c r="AC3393" s="53">
        <v>15351.524590163899</v>
      </c>
      <c r="AD3393" s="53">
        <v>15351.524590163899</v>
      </c>
      <c r="AE3393" s="53">
        <v>15351.524590163899</v>
      </c>
      <c r="AF3393" s="53">
        <v>15351.524590163899</v>
      </c>
      <c r="AG3393" s="53">
        <v>15351.524590163899</v>
      </c>
      <c r="AH3393" s="53">
        <v>15351.524590163899</v>
      </c>
      <c r="AI3393" s="53">
        <v>15351.524590163899</v>
      </c>
      <c r="AJ3393" s="53">
        <v>15351.524590163899</v>
      </c>
      <c r="AK3393" s="53">
        <v>15351.524590163899</v>
      </c>
      <c r="AL3393" s="53">
        <v>15351.524590163899</v>
      </c>
      <c r="AM3393" s="53">
        <v>15351.524590163899</v>
      </c>
      <c r="AN3393" s="53">
        <v>184218.29508196699</v>
      </c>
      <c r="AO3393" s="53">
        <v>15351.524590163899</v>
      </c>
      <c r="AP3393" s="53">
        <v>15351.524590163899</v>
      </c>
      <c r="AQ3393" s="53">
        <v>15351.524590163899</v>
      </c>
      <c r="AR3393" s="53">
        <v>15351.524590163899</v>
      </c>
      <c r="AS3393" s="53">
        <v>15351.524590163899</v>
      </c>
      <c r="AT3393" s="53">
        <v>15351.524590163899</v>
      </c>
      <c r="AU3393" s="53">
        <v>15351.524590163899</v>
      </c>
      <c r="AV3393" s="53">
        <v>15351.524590163899</v>
      </c>
      <c r="AW3393" s="53">
        <v>15351.524590163899</v>
      </c>
      <c r="AX3393" s="53">
        <v>15351.524590163899</v>
      </c>
      <c r="AY3393" s="53">
        <v>15351.524590163899</v>
      </c>
      <c r="AZ3393" s="53">
        <v>15351.524590163899</v>
      </c>
      <c r="BA3393" s="53">
        <v>184218.29508196699</v>
      </c>
      <c r="BB3393" s="53">
        <v>15351.524590163899</v>
      </c>
      <c r="BC3393" s="53">
        <v>15351.524590163899</v>
      </c>
      <c r="BD3393" s="53">
        <v>15351.524590163899</v>
      </c>
      <c r="BE3393" s="53">
        <v>15351.524590163899</v>
      </c>
      <c r="BF3393" s="53">
        <v>15351.524590163899</v>
      </c>
      <c r="BG3393" s="53">
        <v>15351.524590163899</v>
      </c>
      <c r="BH3393" s="53">
        <v>15351.524590163899</v>
      </c>
      <c r="BI3393" s="53">
        <v>15351.524590163899</v>
      </c>
      <c r="BJ3393" s="53">
        <v>15351.524590163899</v>
      </c>
      <c r="BK3393" s="53">
        <v>15351.524590163899</v>
      </c>
      <c r="BL3393" s="53">
        <v>15351.524590163899</v>
      </c>
      <c r="BM3393" s="53">
        <v>15351.524590163899</v>
      </c>
      <c r="BN3393" s="53">
        <v>184218.29508196699</v>
      </c>
      <c r="BO3393" s="53">
        <v>15351.524590163899</v>
      </c>
      <c r="BP3393" s="53">
        <v>15351.524590163899</v>
      </c>
      <c r="BQ3393" s="53">
        <v>15351.524590163899</v>
      </c>
      <c r="BR3393" s="53">
        <v>15351.524590163899</v>
      </c>
      <c r="BS3393" s="53">
        <v>15351.524590163899</v>
      </c>
      <c r="BT3393" s="53">
        <v>15351.524590163899</v>
      </c>
      <c r="BU3393" s="53">
        <v>15351.524590163899</v>
      </c>
      <c r="BV3393" s="53">
        <v>15351.524590163899</v>
      </c>
      <c r="BW3393" s="53">
        <v>15351.524590163899</v>
      </c>
      <c r="BX3393" s="53">
        <v>15351.524590163899</v>
      </c>
      <c r="BY3393" s="53">
        <v>15351.524590163899</v>
      </c>
      <c r="BZ3393" s="53">
        <v>15351.524590163899</v>
      </c>
      <c r="CA3393" s="53">
        <v>184218.29508196699</v>
      </c>
      <c r="CB3393" s="53"/>
      <c r="CC3393" s="53"/>
      <c r="CD3393" s="53"/>
      <c r="CE3393" s="53">
        <v>-12410706.1507174</v>
      </c>
      <c r="CF3393" s="53"/>
      <c r="CG3393" s="53">
        <v>-12410706.1507174</v>
      </c>
      <c r="CH3393" s="53"/>
      <c r="CI3393" s="53"/>
      <c r="CJ3393" s="53">
        <v>-12410706.1507174</v>
      </c>
      <c r="CK3393" s="53"/>
      <c r="CL3393" s="53"/>
      <c r="CM3393" s="53">
        <v>-12410706.14869</v>
      </c>
      <c r="CN3393" s="53">
        <v>-49642824.600842401</v>
      </c>
    </row>
    <row r="3394" spans="1:92" outlineLevel="1">
      <c r="A3394" s="52" t="s">
        <v>712</v>
      </c>
      <c r="B3394" s="53">
        <v>8310.1044776119397</v>
      </c>
      <c r="C3394" s="53">
        <v>8310.1052631578896</v>
      </c>
      <c r="D3394" s="53">
        <v>8310.1060606060601</v>
      </c>
      <c r="E3394" s="53">
        <v>8310.1068702289995</v>
      </c>
      <c r="F3394" s="53">
        <v>8310.1076923076907</v>
      </c>
      <c r="G3394" s="53">
        <v>8310.1007751937905</v>
      </c>
      <c r="H3394" s="53">
        <v>8310.1015625</v>
      </c>
      <c r="I3394" s="53">
        <v>8310.1023622047196</v>
      </c>
      <c r="J3394" s="53">
        <v>8310.1031746031695</v>
      </c>
      <c r="K3394" s="53">
        <v>8310.1039999999994</v>
      </c>
      <c r="L3394" s="53">
        <v>8310.1048387096707</v>
      </c>
      <c r="M3394" s="53">
        <v>8310.1056910569096</v>
      </c>
      <c r="N3394" s="53">
        <v>99721.252768180799</v>
      </c>
      <c r="O3394" s="53">
        <v>8310.1065573770393</v>
      </c>
      <c r="P3394" s="53">
        <v>8310.1065573770393</v>
      </c>
      <c r="Q3394" s="53">
        <v>8310.1065573770393</v>
      </c>
      <c r="R3394" s="53">
        <v>8310.1065573770393</v>
      </c>
      <c r="S3394" s="53">
        <v>8310.1065573770502</v>
      </c>
      <c r="T3394" s="53">
        <v>8310.1065573770502</v>
      </c>
      <c r="U3394" s="53">
        <v>8310.1065573770502</v>
      </c>
      <c r="V3394" s="53">
        <v>8310.1065573770502</v>
      </c>
      <c r="W3394" s="53">
        <v>8310.1065573770502</v>
      </c>
      <c r="X3394" s="53">
        <v>8310.1065573770502</v>
      </c>
      <c r="Y3394" s="53">
        <v>8310.1065573770502</v>
      </c>
      <c r="Z3394" s="53">
        <v>8310.1065573770502</v>
      </c>
      <c r="AA3394" s="53">
        <v>99721.278688524602</v>
      </c>
      <c r="AB3394" s="53">
        <v>8310.1065573770502</v>
      </c>
      <c r="AC3394" s="53">
        <v>8310.1065573770502</v>
      </c>
      <c r="AD3394" s="53">
        <v>8310.1065573770502</v>
      </c>
      <c r="AE3394" s="53">
        <v>8310.1065573770502</v>
      </c>
      <c r="AF3394" s="53">
        <v>8310.1065573770502</v>
      </c>
      <c r="AG3394" s="53">
        <v>8310.1065573770502</v>
      </c>
      <c r="AH3394" s="53">
        <v>8310.1065573770502</v>
      </c>
      <c r="AI3394" s="53">
        <v>8310.1065573770502</v>
      </c>
      <c r="AJ3394" s="53">
        <v>8310.1065573770502</v>
      </c>
      <c r="AK3394" s="53">
        <v>8310.1065573770502</v>
      </c>
      <c r="AL3394" s="53">
        <v>8310.1065573770502</v>
      </c>
      <c r="AM3394" s="53">
        <v>8310.1065573770502</v>
      </c>
      <c r="AN3394" s="53">
        <v>99721.278688524602</v>
      </c>
      <c r="AO3394" s="53">
        <v>8310.1065573770502</v>
      </c>
      <c r="AP3394" s="53">
        <v>8310.1065573770502</v>
      </c>
      <c r="AQ3394" s="53">
        <v>8310.1065573770502</v>
      </c>
      <c r="AR3394" s="53">
        <v>8310.1065573770502</v>
      </c>
      <c r="AS3394" s="53">
        <v>8310.1065573770502</v>
      </c>
      <c r="AT3394" s="53">
        <v>8310.1065573770502</v>
      </c>
      <c r="AU3394" s="53">
        <v>8310.1065573770502</v>
      </c>
      <c r="AV3394" s="53">
        <v>8310.1065573770502</v>
      </c>
      <c r="AW3394" s="53">
        <v>8310.1065573770502</v>
      </c>
      <c r="AX3394" s="53">
        <v>8310.1065573770502</v>
      </c>
      <c r="AY3394" s="53">
        <v>8310.1065573770502</v>
      </c>
      <c r="AZ3394" s="53">
        <v>8310.1065573770502</v>
      </c>
      <c r="BA3394" s="53">
        <v>99721.278688524602</v>
      </c>
      <c r="BB3394" s="53">
        <v>8310.1065573770593</v>
      </c>
      <c r="BC3394" s="53">
        <v>8310.1065573770593</v>
      </c>
      <c r="BD3394" s="53">
        <v>8310.1065573770593</v>
      </c>
      <c r="BE3394" s="53">
        <v>8310.1065573770593</v>
      </c>
      <c r="BF3394" s="53">
        <v>8310.1065573770593</v>
      </c>
      <c r="BG3394" s="53">
        <v>8310.1065573770593</v>
      </c>
      <c r="BH3394" s="53">
        <v>8310.1065573770593</v>
      </c>
      <c r="BI3394" s="53">
        <v>8310.1065573770593</v>
      </c>
      <c r="BJ3394" s="53">
        <v>8310.1065573770593</v>
      </c>
      <c r="BK3394" s="53">
        <v>8310.1065573770593</v>
      </c>
      <c r="BL3394" s="53">
        <v>8310.1065573770593</v>
      </c>
      <c r="BM3394" s="53">
        <v>8310.1065573770593</v>
      </c>
      <c r="BN3394" s="53">
        <v>99721.278688524704</v>
      </c>
      <c r="BO3394" s="53">
        <v>8310.1065573770593</v>
      </c>
      <c r="BP3394" s="53">
        <v>8310.1065573770593</v>
      </c>
      <c r="BQ3394" s="53">
        <v>8310.1065573770593</v>
      </c>
      <c r="BR3394" s="53">
        <v>8310.1065573770593</v>
      </c>
      <c r="BS3394" s="53">
        <v>8310.1065573770593</v>
      </c>
      <c r="BT3394" s="53">
        <v>8310.1065573770593</v>
      </c>
      <c r="BU3394" s="53">
        <v>8310.1065573770593</v>
      </c>
      <c r="BV3394" s="53">
        <v>8310.1065573770593</v>
      </c>
      <c r="BW3394" s="53">
        <v>8310.1065573770593</v>
      </c>
      <c r="BX3394" s="53">
        <v>8310.1065573770702</v>
      </c>
      <c r="BY3394" s="53">
        <v>8310.1065573770702</v>
      </c>
      <c r="BZ3394" s="53">
        <v>8310.1065573770702</v>
      </c>
      <c r="CA3394" s="53">
        <v>99721.278688524806</v>
      </c>
      <c r="CB3394" s="53"/>
      <c r="CC3394" s="53"/>
      <c r="CD3394" s="53"/>
      <c r="CE3394" s="53"/>
      <c r="CF3394" s="53"/>
      <c r="CG3394" s="53"/>
      <c r="CH3394" s="53"/>
      <c r="CI3394" s="53"/>
      <c r="CJ3394" s="53"/>
      <c r="CK3394" s="53"/>
      <c r="CL3394" s="53"/>
      <c r="CM3394" s="53"/>
      <c r="CN3394" s="53"/>
    </row>
    <row r="3395" spans="1:92" outlineLevel="1">
      <c r="A3395" s="52" t="s">
        <v>713</v>
      </c>
      <c r="B3395" s="53">
        <v>18632.710875331501</v>
      </c>
      <c r="C3395" s="53">
        <v>18632.7093333333</v>
      </c>
      <c r="D3395" s="53">
        <v>18632.713136729199</v>
      </c>
      <c r="E3395" s="53">
        <v>18632.7115902964</v>
      </c>
      <c r="F3395" s="53">
        <v>18632.710027100198</v>
      </c>
      <c r="G3395" s="53">
        <v>18632.7084468664</v>
      </c>
      <c r="H3395" s="53">
        <v>18632.712328767098</v>
      </c>
      <c r="I3395" s="53">
        <v>18632.710743801599</v>
      </c>
      <c r="J3395" s="53">
        <v>18632.709141274201</v>
      </c>
      <c r="K3395" s="53">
        <v>18632.713091922</v>
      </c>
      <c r="L3395" s="53">
        <v>18632.711484593801</v>
      </c>
      <c r="M3395" s="53">
        <v>18632.7098591549</v>
      </c>
      <c r="N3395" s="53">
        <v>223592.530059171</v>
      </c>
      <c r="O3395" s="53">
        <v>18632.7082152974</v>
      </c>
      <c r="P3395" s="53">
        <v>18632.7082152974</v>
      </c>
      <c r="Q3395" s="53">
        <v>18632.7082152974</v>
      </c>
      <c r="R3395" s="53">
        <v>18632.7082152974</v>
      </c>
      <c r="S3395" s="53">
        <v>18632.7082152974</v>
      </c>
      <c r="T3395" s="53">
        <v>18632.7082152974</v>
      </c>
      <c r="U3395" s="53">
        <v>18632.7082152974</v>
      </c>
      <c r="V3395" s="53">
        <v>18632.7082152974</v>
      </c>
      <c r="W3395" s="53">
        <v>18632.7082152974</v>
      </c>
      <c r="X3395" s="53">
        <v>18632.7082152974</v>
      </c>
      <c r="Y3395" s="53">
        <v>18632.7082152974</v>
      </c>
      <c r="Z3395" s="53">
        <v>18632.7082152974</v>
      </c>
      <c r="AA3395" s="53">
        <v>223592.49858356899</v>
      </c>
      <c r="AB3395" s="53">
        <v>18632.7082152974</v>
      </c>
      <c r="AC3395" s="53">
        <v>18632.7082152974</v>
      </c>
      <c r="AD3395" s="53">
        <v>18632.7082152974</v>
      </c>
      <c r="AE3395" s="53">
        <v>18632.7082152974</v>
      </c>
      <c r="AF3395" s="53">
        <v>18632.7082152974</v>
      </c>
      <c r="AG3395" s="53">
        <v>18632.7082152974</v>
      </c>
      <c r="AH3395" s="53">
        <v>18632.7082152974</v>
      </c>
      <c r="AI3395" s="53">
        <v>18632.7082152974</v>
      </c>
      <c r="AJ3395" s="53">
        <v>18632.7082152974</v>
      </c>
      <c r="AK3395" s="53">
        <v>18632.7082152974</v>
      </c>
      <c r="AL3395" s="53">
        <v>18632.7082152974</v>
      </c>
      <c r="AM3395" s="53">
        <v>18632.7082152974</v>
      </c>
      <c r="AN3395" s="53">
        <v>223592.49858356899</v>
      </c>
      <c r="AO3395" s="53">
        <v>18632.7082152974</v>
      </c>
      <c r="AP3395" s="53">
        <v>18632.7082152974</v>
      </c>
      <c r="AQ3395" s="53">
        <v>18632.7082152974</v>
      </c>
      <c r="AR3395" s="53">
        <v>18632.7082152974</v>
      </c>
      <c r="AS3395" s="53">
        <v>18632.7082152974</v>
      </c>
      <c r="AT3395" s="53">
        <v>18632.7082152974</v>
      </c>
      <c r="AU3395" s="53">
        <v>18632.7082152974</v>
      </c>
      <c r="AV3395" s="53">
        <v>18632.7082152974</v>
      </c>
      <c r="AW3395" s="53">
        <v>18632.7082152974</v>
      </c>
      <c r="AX3395" s="53">
        <v>18632.7082152974</v>
      </c>
      <c r="AY3395" s="53">
        <v>18632.7082152974</v>
      </c>
      <c r="AZ3395" s="53">
        <v>18632.7082152974</v>
      </c>
      <c r="BA3395" s="53">
        <v>223592.49858356899</v>
      </c>
      <c r="BB3395" s="53">
        <v>18632.7082152974</v>
      </c>
      <c r="BC3395" s="53">
        <v>18632.7082152974</v>
      </c>
      <c r="BD3395" s="53">
        <v>18632.7082152974</v>
      </c>
      <c r="BE3395" s="53">
        <v>18632.7082152974</v>
      </c>
      <c r="BF3395" s="53">
        <v>18632.7082152974</v>
      </c>
      <c r="BG3395" s="53">
        <v>18632.7082152974</v>
      </c>
      <c r="BH3395" s="53">
        <v>18632.7082152974</v>
      </c>
      <c r="BI3395" s="53">
        <v>18632.7082152974</v>
      </c>
      <c r="BJ3395" s="53">
        <v>18632.7082152974</v>
      </c>
      <c r="BK3395" s="53">
        <v>18632.7082152974</v>
      </c>
      <c r="BL3395" s="53">
        <v>18632.7082152974</v>
      </c>
      <c r="BM3395" s="53">
        <v>18632.7082152974</v>
      </c>
      <c r="BN3395" s="53">
        <v>223592.49858356899</v>
      </c>
      <c r="BO3395" s="53">
        <v>18632.7082152974</v>
      </c>
      <c r="BP3395" s="53">
        <v>18632.7082152974</v>
      </c>
      <c r="BQ3395" s="53">
        <v>18632.7082152974</v>
      </c>
      <c r="BR3395" s="53">
        <v>18632.7082152974</v>
      </c>
      <c r="BS3395" s="53">
        <v>18632.7082152974</v>
      </c>
      <c r="BT3395" s="53">
        <v>18632.7082152974</v>
      </c>
      <c r="BU3395" s="53">
        <v>18632.7082152974</v>
      </c>
      <c r="BV3395" s="53">
        <v>18632.7082152974</v>
      </c>
      <c r="BW3395" s="53">
        <v>18632.7082152974</v>
      </c>
      <c r="BX3395" s="53">
        <v>18632.7082152974</v>
      </c>
      <c r="BY3395" s="53">
        <v>18632.7082152974</v>
      </c>
      <c r="BZ3395" s="53">
        <v>18632.7082152974</v>
      </c>
      <c r="CA3395" s="53">
        <v>223592.49858356899</v>
      </c>
      <c r="CB3395" s="53"/>
      <c r="CC3395" s="53"/>
      <c r="CD3395" s="53"/>
      <c r="CE3395" s="53"/>
      <c r="CF3395" s="53"/>
      <c r="CG3395" s="53"/>
      <c r="CH3395" s="53"/>
      <c r="CI3395" s="53"/>
      <c r="CJ3395" s="53"/>
      <c r="CK3395" s="53"/>
      <c r="CL3395" s="53"/>
      <c r="CM3395" s="53"/>
      <c r="CN3395" s="53"/>
    </row>
    <row r="3396" spans="1:92" outlineLevel="1">
      <c r="A3396" s="52" t="s">
        <v>716</v>
      </c>
      <c r="B3396" s="53">
        <v>36488.334177215103</v>
      </c>
      <c r="C3396" s="53">
        <v>36488.335877862599</v>
      </c>
      <c r="D3396" s="53">
        <v>36488.332480818397</v>
      </c>
      <c r="E3396" s="53">
        <v>36488.334190231297</v>
      </c>
      <c r="F3396" s="53">
        <v>36488.335917312601</v>
      </c>
      <c r="G3396" s="53">
        <v>36488.332467532397</v>
      </c>
      <c r="H3396" s="53">
        <v>36488.3342036553</v>
      </c>
      <c r="I3396" s="53">
        <v>36488.335958005198</v>
      </c>
      <c r="J3396" s="53">
        <v>36488.332453825802</v>
      </c>
      <c r="K3396" s="53">
        <v>36488.334217506599</v>
      </c>
      <c r="L3396" s="53">
        <v>36488.335999999901</v>
      </c>
      <c r="M3396" s="53">
        <v>36488.332439678197</v>
      </c>
      <c r="N3396" s="53">
        <v>437860.01038364402</v>
      </c>
      <c r="O3396" s="53">
        <v>36488.3342318059</v>
      </c>
      <c r="P3396" s="53">
        <v>36488.3342318059</v>
      </c>
      <c r="Q3396" s="53">
        <v>36488.3342318059</v>
      </c>
      <c r="R3396" s="53">
        <v>36488.3342318059</v>
      </c>
      <c r="S3396" s="53">
        <v>36488.3342318059</v>
      </c>
      <c r="T3396" s="53">
        <v>36488.3342318059</v>
      </c>
      <c r="U3396" s="53">
        <v>36488.3342318059</v>
      </c>
      <c r="V3396" s="53">
        <v>36488.3342318059</v>
      </c>
      <c r="W3396" s="53">
        <v>36488.3342318059</v>
      </c>
      <c r="X3396" s="53">
        <v>36488.3342318059</v>
      </c>
      <c r="Y3396" s="53">
        <v>36488.3342318059</v>
      </c>
      <c r="Z3396" s="53">
        <v>36488.3342318059</v>
      </c>
      <c r="AA3396" s="53">
        <v>437860.01078167098</v>
      </c>
      <c r="AB3396" s="53">
        <v>36488.3342318059</v>
      </c>
      <c r="AC3396" s="53">
        <v>36488.3342318059</v>
      </c>
      <c r="AD3396" s="53">
        <v>36488.3342318059</v>
      </c>
      <c r="AE3396" s="53">
        <v>36488.3342318059</v>
      </c>
      <c r="AF3396" s="53">
        <v>36488.3342318059</v>
      </c>
      <c r="AG3396" s="53">
        <v>36488.3342318059</v>
      </c>
      <c r="AH3396" s="53">
        <v>36488.3342318059</v>
      </c>
      <c r="AI3396" s="53">
        <v>36488.3342318059</v>
      </c>
      <c r="AJ3396" s="53">
        <v>36488.334231805798</v>
      </c>
      <c r="AK3396" s="53">
        <v>36488.334231805798</v>
      </c>
      <c r="AL3396" s="53">
        <v>36488.334231805798</v>
      </c>
      <c r="AM3396" s="53">
        <v>36488.334231805798</v>
      </c>
      <c r="AN3396" s="53">
        <v>437860.01078166999</v>
      </c>
      <c r="AO3396" s="53">
        <v>36488.334231805798</v>
      </c>
      <c r="AP3396" s="53">
        <v>36488.334231805798</v>
      </c>
      <c r="AQ3396" s="53">
        <v>36488.334231805798</v>
      </c>
      <c r="AR3396" s="53">
        <v>36488.334231805798</v>
      </c>
      <c r="AS3396" s="53">
        <v>36488.334231805798</v>
      </c>
      <c r="AT3396" s="53">
        <v>36488.334231805798</v>
      </c>
      <c r="AU3396" s="53">
        <v>36488.334231805798</v>
      </c>
      <c r="AV3396" s="53">
        <v>36488.334231805798</v>
      </c>
      <c r="AW3396" s="53">
        <v>36488.334231805798</v>
      </c>
      <c r="AX3396" s="53">
        <v>36488.334231805798</v>
      </c>
      <c r="AY3396" s="53">
        <v>36488.334231805798</v>
      </c>
      <c r="AZ3396" s="53">
        <v>36488.334231805798</v>
      </c>
      <c r="BA3396" s="53">
        <v>437860.01078166999</v>
      </c>
      <c r="BB3396" s="53">
        <v>36488.334231805798</v>
      </c>
      <c r="BC3396" s="53">
        <v>36488.334231805798</v>
      </c>
      <c r="BD3396" s="53">
        <v>36488.334231805798</v>
      </c>
      <c r="BE3396" s="53">
        <v>36488.334231805798</v>
      </c>
      <c r="BF3396" s="53">
        <v>36488.334231805798</v>
      </c>
      <c r="BG3396" s="53">
        <v>36488.334231805798</v>
      </c>
      <c r="BH3396" s="53">
        <v>36488.334231805798</v>
      </c>
      <c r="BI3396" s="53">
        <v>36488.334231805798</v>
      </c>
      <c r="BJ3396" s="53">
        <v>36488.334231805798</v>
      </c>
      <c r="BK3396" s="53">
        <v>36488.334231805798</v>
      </c>
      <c r="BL3396" s="53">
        <v>36488.334231805798</v>
      </c>
      <c r="BM3396" s="53">
        <v>36488.334231805798</v>
      </c>
      <c r="BN3396" s="53">
        <v>437860.01078166999</v>
      </c>
      <c r="BO3396" s="53">
        <v>36488.334231805798</v>
      </c>
      <c r="BP3396" s="53">
        <v>36488.334231805798</v>
      </c>
      <c r="BQ3396" s="53">
        <v>36488.334231805798</v>
      </c>
      <c r="BR3396" s="53">
        <v>36488.334231805798</v>
      </c>
      <c r="BS3396" s="53">
        <v>36488.334231805798</v>
      </c>
      <c r="BT3396" s="53">
        <v>36488.334231805798</v>
      </c>
      <c r="BU3396" s="53">
        <v>36488.334231805798</v>
      </c>
      <c r="BV3396" s="53">
        <v>36488.334231805798</v>
      </c>
      <c r="BW3396" s="53">
        <v>36488.334231805798</v>
      </c>
      <c r="BX3396" s="53">
        <v>36488.334231805798</v>
      </c>
      <c r="BY3396" s="53">
        <v>36488.334231805798</v>
      </c>
      <c r="BZ3396" s="53">
        <v>36488.334231805697</v>
      </c>
      <c r="CA3396" s="53">
        <v>437860.010781669</v>
      </c>
      <c r="CB3396" s="53"/>
      <c r="CC3396" s="53"/>
      <c r="CD3396" s="53">
        <v>-22892803</v>
      </c>
      <c r="CE3396" s="53"/>
      <c r="CF3396" s="53"/>
      <c r="CG3396" s="53"/>
      <c r="CH3396" s="53"/>
      <c r="CI3396" s="53"/>
      <c r="CJ3396" s="53"/>
      <c r="CK3396" s="53"/>
      <c r="CL3396" s="53"/>
      <c r="CM3396" s="53"/>
      <c r="CN3396" s="53">
        <v>-22892803</v>
      </c>
    </row>
    <row r="3397" spans="1:92" outlineLevel="1">
      <c r="A3397" s="52" t="s">
        <v>717</v>
      </c>
      <c r="B3397" s="53">
        <v>13019.146118721401</v>
      </c>
      <c r="C3397" s="53">
        <v>13019.1467889908</v>
      </c>
      <c r="D3397" s="53">
        <v>13019.1474654377</v>
      </c>
      <c r="E3397" s="53">
        <v>13019.148148148101</v>
      </c>
      <c r="F3397" s="53">
        <v>13019.1441860465</v>
      </c>
      <c r="G3397" s="53">
        <v>13019.144859812999</v>
      </c>
      <c r="H3397" s="53">
        <v>13019.1455399061</v>
      </c>
      <c r="I3397" s="53">
        <v>13019.146226415</v>
      </c>
      <c r="J3397" s="53">
        <v>13019.146919431199</v>
      </c>
      <c r="K3397" s="53">
        <v>13019.147619047601</v>
      </c>
      <c r="L3397" s="53">
        <v>13019.148325358799</v>
      </c>
      <c r="M3397" s="53">
        <v>13019.1442307692</v>
      </c>
      <c r="N3397" s="53">
        <v>156229.756428086</v>
      </c>
      <c r="O3397" s="53">
        <v>13019.144927536199</v>
      </c>
      <c r="P3397" s="53">
        <v>13019.144927536199</v>
      </c>
      <c r="Q3397" s="53">
        <v>13019.144927536199</v>
      </c>
      <c r="R3397" s="53">
        <v>13019.144927536199</v>
      </c>
      <c r="S3397" s="53">
        <v>13019.144927536199</v>
      </c>
      <c r="T3397" s="53">
        <v>13019.144927536199</v>
      </c>
      <c r="U3397" s="53">
        <v>13019.144927536199</v>
      </c>
      <c r="V3397" s="53">
        <v>13019.144927536199</v>
      </c>
      <c r="W3397" s="53">
        <v>13019.144927536199</v>
      </c>
      <c r="X3397" s="53">
        <v>13019.144927536199</v>
      </c>
      <c r="Y3397" s="53">
        <v>13019.144927536199</v>
      </c>
      <c r="Z3397" s="53">
        <v>13019.144927536199</v>
      </c>
      <c r="AA3397" s="53">
        <v>156229.739130434</v>
      </c>
      <c r="AB3397" s="53">
        <v>13019.144927536199</v>
      </c>
      <c r="AC3397" s="53">
        <v>13019.144927536199</v>
      </c>
      <c r="AD3397" s="53">
        <v>13019.144927536199</v>
      </c>
      <c r="AE3397" s="53">
        <v>13019.144927536199</v>
      </c>
      <c r="AF3397" s="53">
        <v>13019.144927536199</v>
      </c>
      <c r="AG3397" s="53">
        <v>13019.144927536199</v>
      </c>
      <c r="AH3397" s="53">
        <v>13019.144927536199</v>
      </c>
      <c r="AI3397" s="53">
        <v>13019.144927536199</v>
      </c>
      <c r="AJ3397" s="53">
        <v>13019.144927536199</v>
      </c>
      <c r="AK3397" s="53">
        <v>13019.144927536199</v>
      </c>
      <c r="AL3397" s="53">
        <v>13019.144927536199</v>
      </c>
      <c r="AM3397" s="53">
        <v>13019.144927536199</v>
      </c>
      <c r="AN3397" s="53">
        <v>156229.739130434</v>
      </c>
      <c r="AO3397" s="53">
        <v>13019.144927536199</v>
      </c>
      <c r="AP3397" s="53">
        <v>13019.144927536199</v>
      </c>
      <c r="AQ3397" s="53">
        <v>13019.144927536199</v>
      </c>
      <c r="AR3397" s="53">
        <v>13019.144927536199</v>
      </c>
      <c r="AS3397" s="53">
        <v>13019.144927536199</v>
      </c>
      <c r="AT3397" s="53">
        <v>13019.144927536199</v>
      </c>
      <c r="AU3397" s="53">
        <v>13019.144927536199</v>
      </c>
      <c r="AV3397" s="53">
        <v>13019.144927536199</v>
      </c>
      <c r="AW3397" s="53">
        <v>13019.144927536199</v>
      </c>
      <c r="AX3397" s="53">
        <v>13019.144927536199</v>
      </c>
      <c r="AY3397" s="53">
        <v>13019.144927536199</v>
      </c>
      <c r="AZ3397" s="53">
        <v>13019.144927536199</v>
      </c>
      <c r="BA3397" s="53">
        <v>156229.739130434</v>
      </c>
      <c r="BB3397" s="53">
        <v>13019.144927536199</v>
      </c>
      <c r="BC3397" s="53">
        <v>13019.144927536199</v>
      </c>
      <c r="BD3397" s="53">
        <v>13019.144927536199</v>
      </c>
      <c r="BE3397" s="53">
        <v>13019.144927536199</v>
      </c>
      <c r="BF3397" s="53">
        <v>13019.144927536199</v>
      </c>
      <c r="BG3397" s="53">
        <v>13019.144927536199</v>
      </c>
      <c r="BH3397" s="53">
        <v>13019.144927536199</v>
      </c>
      <c r="BI3397" s="53">
        <v>13019.144927536199</v>
      </c>
      <c r="BJ3397" s="53">
        <v>13019.144927536199</v>
      </c>
      <c r="BK3397" s="53">
        <v>13019.144927536199</v>
      </c>
      <c r="BL3397" s="53">
        <v>13019.144927536199</v>
      </c>
      <c r="BM3397" s="53">
        <v>13019.144927536199</v>
      </c>
      <c r="BN3397" s="53">
        <v>156229.739130434</v>
      </c>
      <c r="BO3397" s="53">
        <v>13019.144927536199</v>
      </c>
      <c r="BP3397" s="53">
        <v>13019.144927536199</v>
      </c>
      <c r="BQ3397" s="53">
        <v>13019.144927536199</v>
      </c>
      <c r="BR3397" s="53">
        <v>13019.144927536199</v>
      </c>
      <c r="BS3397" s="53">
        <v>13019.144927536199</v>
      </c>
      <c r="BT3397" s="53">
        <v>13019.144927536199</v>
      </c>
      <c r="BU3397" s="53">
        <v>13019.144927536199</v>
      </c>
      <c r="BV3397" s="53">
        <v>13019.144927536199</v>
      </c>
      <c r="BW3397" s="53">
        <v>13019.144927536199</v>
      </c>
      <c r="BX3397" s="53">
        <v>13019.144927536199</v>
      </c>
      <c r="BY3397" s="53">
        <v>13019.144927536199</v>
      </c>
      <c r="BZ3397" s="53">
        <v>13019.144927536199</v>
      </c>
      <c r="CA3397" s="53">
        <v>156229.739130434</v>
      </c>
      <c r="CB3397" s="53"/>
      <c r="CC3397" s="53"/>
      <c r="CD3397" s="53"/>
      <c r="CE3397" s="53"/>
      <c r="CF3397" s="53"/>
      <c r="CG3397" s="53"/>
      <c r="CH3397" s="53"/>
      <c r="CI3397" s="53"/>
      <c r="CJ3397" s="53"/>
      <c r="CK3397" s="53"/>
      <c r="CL3397" s="53"/>
      <c r="CM3397" s="53"/>
      <c r="CN3397" s="53"/>
    </row>
    <row r="3398" spans="1:92" outlineLevel="1">
      <c r="A3398" s="52" t="s">
        <v>718</v>
      </c>
      <c r="B3398" s="53">
        <v>13527.6846307385</v>
      </c>
      <c r="C3398" s="53">
        <v>13527.683366733399</v>
      </c>
      <c r="D3398" s="53">
        <v>13527.686116700201</v>
      </c>
      <c r="E3398" s="53">
        <v>13527.6848484848</v>
      </c>
      <c r="F3398" s="53">
        <v>13527.683569979699</v>
      </c>
      <c r="G3398" s="53">
        <v>13527.6863543788</v>
      </c>
      <c r="H3398" s="53">
        <v>13527.6850715746</v>
      </c>
      <c r="I3398" s="53">
        <v>13527.683778234001</v>
      </c>
      <c r="J3398" s="53">
        <v>13527.6865979381</v>
      </c>
      <c r="K3398" s="53">
        <v>13527.685300207</v>
      </c>
      <c r="L3398" s="53">
        <v>13527.6839916839</v>
      </c>
      <c r="M3398" s="53">
        <v>13527.682672233799</v>
      </c>
      <c r="N3398" s="53">
        <v>162332.21629888701</v>
      </c>
      <c r="O3398" s="53">
        <v>13527.685534591101</v>
      </c>
      <c r="P3398" s="53">
        <v>13527.685534591101</v>
      </c>
      <c r="Q3398" s="53">
        <v>13527.685534591101</v>
      </c>
      <c r="R3398" s="53">
        <v>13527.685534591101</v>
      </c>
      <c r="S3398" s="53">
        <v>13527.685534591101</v>
      </c>
      <c r="T3398" s="53">
        <v>13527.685534591101</v>
      </c>
      <c r="U3398" s="53">
        <v>13527.685534591101</v>
      </c>
      <c r="V3398" s="53">
        <v>13527.685534591201</v>
      </c>
      <c r="W3398" s="53">
        <v>13527.685534591201</v>
      </c>
      <c r="X3398" s="53">
        <v>13527.685534591201</v>
      </c>
      <c r="Y3398" s="53">
        <v>13527.685534591201</v>
      </c>
      <c r="Z3398" s="53">
        <v>13527.685534591201</v>
      </c>
      <c r="AA3398" s="53">
        <v>162332.22641509399</v>
      </c>
      <c r="AB3398" s="53">
        <v>13527.685534591201</v>
      </c>
      <c r="AC3398" s="53">
        <v>13527.685534591201</v>
      </c>
      <c r="AD3398" s="53">
        <v>13527.685534591201</v>
      </c>
      <c r="AE3398" s="53">
        <v>13527.685534591201</v>
      </c>
      <c r="AF3398" s="53">
        <v>13527.685534591201</v>
      </c>
      <c r="AG3398" s="53">
        <v>13527.685534591201</v>
      </c>
      <c r="AH3398" s="53">
        <v>13527.685534591201</v>
      </c>
      <c r="AI3398" s="53">
        <v>13527.685534591201</v>
      </c>
      <c r="AJ3398" s="53">
        <v>13527.685534591201</v>
      </c>
      <c r="AK3398" s="53">
        <v>13527.685534591201</v>
      </c>
      <c r="AL3398" s="53">
        <v>13527.685534591201</v>
      </c>
      <c r="AM3398" s="53">
        <v>13527.685534591201</v>
      </c>
      <c r="AN3398" s="53">
        <v>162332.22641509399</v>
      </c>
      <c r="AO3398" s="53">
        <v>13527.685534591201</v>
      </c>
      <c r="AP3398" s="53">
        <v>13527.685534591201</v>
      </c>
      <c r="AQ3398" s="53">
        <v>13527.685534591201</v>
      </c>
      <c r="AR3398" s="53">
        <v>13527.685534591201</v>
      </c>
      <c r="AS3398" s="53">
        <v>13527.685534591201</v>
      </c>
      <c r="AT3398" s="53">
        <v>13527.685534591201</v>
      </c>
      <c r="AU3398" s="53">
        <v>13527.685534591201</v>
      </c>
      <c r="AV3398" s="53">
        <v>13527.685534591201</v>
      </c>
      <c r="AW3398" s="53">
        <v>13527.685534591201</v>
      </c>
      <c r="AX3398" s="53">
        <v>13527.685534591201</v>
      </c>
      <c r="AY3398" s="53">
        <v>13527.685534591201</v>
      </c>
      <c r="AZ3398" s="53">
        <v>13527.685534591201</v>
      </c>
      <c r="BA3398" s="53">
        <v>162332.22641509399</v>
      </c>
      <c r="BB3398" s="53">
        <v>13527.685534591201</v>
      </c>
      <c r="BC3398" s="53">
        <v>13527.685534591201</v>
      </c>
      <c r="BD3398" s="53">
        <v>13527.685534591201</v>
      </c>
      <c r="BE3398" s="53">
        <v>13527.685534591201</v>
      </c>
      <c r="BF3398" s="53">
        <v>13527.685534591201</v>
      </c>
      <c r="BG3398" s="53">
        <v>13527.685534591201</v>
      </c>
      <c r="BH3398" s="53">
        <v>13527.685534591201</v>
      </c>
      <c r="BI3398" s="53">
        <v>13527.685534591201</v>
      </c>
      <c r="BJ3398" s="53">
        <v>13527.685534591201</v>
      </c>
      <c r="BK3398" s="53">
        <v>13527.685534591201</v>
      </c>
      <c r="BL3398" s="53">
        <v>13527.685534591201</v>
      </c>
      <c r="BM3398" s="53">
        <v>13527.685534591201</v>
      </c>
      <c r="BN3398" s="53">
        <v>162332.22641509399</v>
      </c>
      <c r="BO3398" s="53">
        <v>13527.685534591201</v>
      </c>
      <c r="BP3398" s="53">
        <v>13527.685534591201</v>
      </c>
      <c r="BQ3398" s="53">
        <v>13527.685534591201</v>
      </c>
      <c r="BR3398" s="53">
        <v>13527.685534591201</v>
      </c>
      <c r="BS3398" s="53">
        <v>13527.685534591201</v>
      </c>
      <c r="BT3398" s="53">
        <v>13527.685534591201</v>
      </c>
      <c r="BU3398" s="53">
        <v>13527.685534591201</v>
      </c>
      <c r="BV3398" s="53">
        <v>13527.685534591201</v>
      </c>
      <c r="BW3398" s="53">
        <v>13527.685534591201</v>
      </c>
      <c r="BX3398" s="53">
        <v>13527.685534591201</v>
      </c>
      <c r="BY3398" s="53">
        <v>13527.685534591201</v>
      </c>
      <c r="BZ3398" s="53">
        <v>13527.685534591201</v>
      </c>
      <c r="CA3398" s="53">
        <v>162332.22641509399</v>
      </c>
      <c r="CB3398" s="53"/>
      <c r="CC3398" s="53"/>
      <c r="CD3398" s="53"/>
      <c r="CE3398" s="53"/>
      <c r="CF3398" s="53"/>
      <c r="CG3398" s="53"/>
      <c r="CH3398" s="53"/>
      <c r="CI3398" s="53"/>
      <c r="CJ3398" s="53"/>
      <c r="CK3398" s="53"/>
      <c r="CL3398" s="53"/>
      <c r="CM3398" s="53"/>
      <c r="CN3398" s="53"/>
    </row>
    <row r="3399" spans="1:92" outlineLevel="1">
      <c r="A3399" s="52" t="s">
        <v>721</v>
      </c>
      <c r="B3399" s="53">
        <v>20148.979797979799</v>
      </c>
      <c r="C3399" s="53">
        <v>20148.979729729701</v>
      </c>
      <c r="D3399" s="53">
        <v>20148.9796610169</v>
      </c>
      <c r="E3399" s="53">
        <v>20148.979591836702</v>
      </c>
      <c r="F3399" s="53">
        <v>20148.979522184301</v>
      </c>
      <c r="G3399" s="53">
        <v>20148.9794520547</v>
      </c>
      <c r="H3399" s="53">
        <v>20148.979381443201</v>
      </c>
      <c r="I3399" s="53">
        <v>20148.979310344799</v>
      </c>
      <c r="J3399" s="53">
        <v>20148.979238754298</v>
      </c>
      <c r="K3399" s="53">
        <v>20148.979166666599</v>
      </c>
      <c r="L3399" s="53">
        <v>20148.9790940766</v>
      </c>
      <c r="M3399" s="53">
        <v>20148.979020979001</v>
      </c>
      <c r="N3399" s="53">
        <v>241787.752967067</v>
      </c>
      <c r="O3399" s="53">
        <v>20148.9789473684</v>
      </c>
      <c r="P3399" s="53">
        <v>20148.9789473684</v>
      </c>
      <c r="Q3399" s="53">
        <v>20148.9789473684</v>
      </c>
      <c r="R3399" s="53">
        <v>20148.9789473684</v>
      </c>
      <c r="S3399" s="53">
        <v>20148.9789473684</v>
      </c>
      <c r="T3399" s="53">
        <v>20148.9789473684</v>
      </c>
      <c r="U3399" s="53">
        <v>20148.9789473684</v>
      </c>
      <c r="V3399" s="53">
        <v>20148.9789473684</v>
      </c>
      <c r="W3399" s="53">
        <v>20148.9789473684</v>
      </c>
      <c r="X3399" s="53">
        <v>20148.9789473684</v>
      </c>
      <c r="Y3399" s="53">
        <v>20148.9789473684</v>
      </c>
      <c r="Z3399" s="53">
        <v>20148.9789473684</v>
      </c>
      <c r="AA3399" s="53">
        <v>241787.747368421</v>
      </c>
      <c r="AB3399" s="53">
        <v>20148.9789473684</v>
      </c>
      <c r="AC3399" s="53">
        <v>20148.9789473684</v>
      </c>
      <c r="AD3399" s="53">
        <v>20148.9789473684</v>
      </c>
      <c r="AE3399" s="53">
        <v>20148.9789473684</v>
      </c>
      <c r="AF3399" s="53">
        <v>20148.9789473684</v>
      </c>
      <c r="AG3399" s="53">
        <v>20148.9789473684</v>
      </c>
      <c r="AH3399" s="53">
        <v>20148.9789473684</v>
      </c>
      <c r="AI3399" s="53">
        <v>20148.9789473684</v>
      </c>
      <c r="AJ3399" s="53">
        <v>20148.9789473684</v>
      </c>
      <c r="AK3399" s="53">
        <v>20148.9789473684</v>
      </c>
      <c r="AL3399" s="53">
        <v>20148.9789473684</v>
      </c>
      <c r="AM3399" s="53">
        <v>20148.9789473684</v>
      </c>
      <c r="AN3399" s="53">
        <v>241787.747368421</v>
      </c>
      <c r="AO3399" s="53">
        <v>20148.9789473684</v>
      </c>
      <c r="AP3399" s="53">
        <v>20148.9789473684</v>
      </c>
      <c r="AQ3399" s="53">
        <v>20148.9789473684</v>
      </c>
      <c r="AR3399" s="53">
        <v>20148.9789473684</v>
      </c>
      <c r="AS3399" s="53">
        <v>20148.9789473684</v>
      </c>
      <c r="AT3399" s="53">
        <v>20148.9789473684</v>
      </c>
      <c r="AU3399" s="53">
        <v>20148.9789473684</v>
      </c>
      <c r="AV3399" s="53">
        <v>20148.9789473684</v>
      </c>
      <c r="AW3399" s="53">
        <v>20148.9789473684</v>
      </c>
      <c r="AX3399" s="53">
        <v>20148.9789473684</v>
      </c>
      <c r="AY3399" s="53">
        <v>20148.9789473684</v>
      </c>
      <c r="AZ3399" s="53">
        <v>20148.9789473684</v>
      </c>
      <c r="BA3399" s="53">
        <v>241787.747368421</v>
      </c>
      <c r="BB3399" s="53">
        <v>20148.9789473684</v>
      </c>
      <c r="BC3399" s="53">
        <v>20148.9789473684</v>
      </c>
      <c r="BD3399" s="53">
        <v>20148.9789473684</v>
      </c>
      <c r="BE3399" s="53">
        <v>20148.9789473684</v>
      </c>
      <c r="BF3399" s="53">
        <v>20148.9789473684</v>
      </c>
      <c r="BG3399" s="53">
        <v>20148.9789473684</v>
      </c>
      <c r="BH3399" s="53">
        <v>20148.9789473684</v>
      </c>
      <c r="BI3399" s="53">
        <v>20148.9789473684</v>
      </c>
      <c r="BJ3399" s="53">
        <v>20148.9789473684</v>
      </c>
      <c r="BK3399" s="53">
        <v>20148.9789473684</v>
      </c>
      <c r="BL3399" s="53">
        <v>20148.9789473684</v>
      </c>
      <c r="BM3399" s="53">
        <v>20148.9789473684</v>
      </c>
      <c r="BN3399" s="53">
        <v>241787.747368421</v>
      </c>
      <c r="BO3399" s="53">
        <v>20148.9789473684</v>
      </c>
      <c r="BP3399" s="53">
        <v>20148.9789473684</v>
      </c>
      <c r="BQ3399" s="53">
        <v>20148.9789473684</v>
      </c>
      <c r="BR3399" s="53">
        <v>20148.978947368501</v>
      </c>
      <c r="BS3399" s="53">
        <v>20148.978947368501</v>
      </c>
      <c r="BT3399" s="53">
        <v>20148.978947368501</v>
      </c>
      <c r="BU3399" s="53">
        <v>20148.978947368501</v>
      </c>
      <c r="BV3399" s="53">
        <v>20148.978947368501</v>
      </c>
      <c r="BW3399" s="53">
        <v>20148.978947368501</v>
      </c>
      <c r="BX3399" s="53">
        <v>20148.978947368501</v>
      </c>
      <c r="BY3399" s="53">
        <v>20148.978947368501</v>
      </c>
      <c r="BZ3399" s="53">
        <v>20148.978947368501</v>
      </c>
      <c r="CA3399" s="53">
        <v>241787.74736842199</v>
      </c>
      <c r="CB3399" s="53"/>
      <c r="CC3399" s="53"/>
      <c r="CD3399" s="53"/>
      <c r="CE3399" s="53"/>
      <c r="CF3399" s="53"/>
      <c r="CG3399" s="53"/>
      <c r="CH3399" s="53"/>
      <c r="CI3399" s="53"/>
      <c r="CJ3399" s="53"/>
      <c r="CK3399" s="53"/>
      <c r="CL3399" s="53"/>
      <c r="CM3399" s="53"/>
      <c r="CN3399" s="53"/>
    </row>
    <row r="3400" spans="1:92" outlineLevel="1">
      <c r="A3400" s="52" t="s">
        <v>723</v>
      </c>
      <c r="B3400" s="53">
        <v>49399.371900826402</v>
      </c>
      <c r="C3400" s="53">
        <v>49399.378151260498</v>
      </c>
      <c r="D3400" s="53">
        <v>49399.367521367501</v>
      </c>
      <c r="E3400" s="53">
        <v>49399.373913043397</v>
      </c>
      <c r="F3400" s="53">
        <v>49399.380530973402</v>
      </c>
      <c r="G3400" s="53">
        <v>49399.369369369299</v>
      </c>
      <c r="H3400" s="53">
        <v>49399.376146788898</v>
      </c>
      <c r="I3400" s="53">
        <v>49399.364485981299</v>
      </c>
      <c r="J3400" s="53">
        <v>49399.371428571401</v>
      </c>
      <c r="K3400" s="53">
        <v>49399.378640776697</v>
      </c>
      <c r="L3400" s="53">
        <v>49399.366336633597</v>
      </c>
      <c r="M3400" s="53">
        <v>49399.373737373702</v>
      </c>
      <c r="N3400" s="53">
        <v>592792.47216296603</v>
      </c>
      <c r="O3400" s="53">
        <v>49399.381443298902</v>
      </c>
      <c r="P3400" s="53">
        <v>49399.381443298902</v>
      </c>
      <c r="Q3400" s="53">
        <v>49399.381443298902</v>
      </c>
      <c r="R3400" s="53">
        <v>49399.381443298902</v>
      </c>
      <c r="S3400" s="53">
        <v>49399.381443298902</v>
      </c>
      <c r="T3400" s="53">
        <v>49399.381443298902</v>
      </c>
      <c r="U3400" s="53">
        <v>49399.381443298902</v>
      </c>
      <c r="V3400" s="53">
        <v>49399.381443298997</v>
      </c>
      <c r="W3400" s="53">
        <v>49399.381443298902</v>
      </c>
      <c r="X3400" s="53">
        <v>49399.381443298902</v>
      </c>
      <c r="Y3400" s="53">
        <v>49399.381443298902</v>
      </c>
      <c r="Z3400" s="53">
        <v>49399.381443298902</v>
      </c>
      <c r="AA3400" s="53">
        <v>592792.577319587</v>
      </c>
      <c r="AB3400" s="53">
        <v>49399.381443298902</v>
      </c>
      <c r="AC3400" s="53">
        <v>49399.381443298902</v>
      </c>
      <c r="AD3400" s="53">
        <v>49399.381443298902</v>
      </c>
      <c r="AE3400" s="53">
        <v>49399.381443298902</v>
      </c>
      <c r="AF3400" s="53">
        <v>49399.381443298902</v>
      </c>
      <c r="AG3400" s="53">
        <v>49399.381443298902</v>
      </c>
      <c r="AH3400" s="53">
        <v>49399.381443298902</v>
      </c>
      <c r="AI3400" s="53">
        <v>49399.381443298902</v>
      </c>
      <c r="AJ3400" s="53">
        <v>49399.381443298902</v>
      </c>
      <c r="AK3400" s="53">
        <v>49399.381443298902</v>
      </c>
      <c r="AL3400" s="53">
        <v>49399.381443298902</v>
      </c>
      <c r="AM3400" s="53">
        <v>49399.381443298902</v>
      </c>
      <c r="AN3400" s="53">
        <v>592792.577319587</v>
      </c>
      <c r="AO3400" s="53">
        <v>49399.381443298902</v>
      </c>
      <c r="AP3400" s="53">
        <v>49399.381443298902</v>
      </c>
      <c r="AQ3400" s="53">
        <v>49399.381443298902</v>
      </c>
      <c r="AR3400" s="53">
        <v>49399.381443298902</v>
      </c>
      <c r="AS3400" s="53">
        <v>49399.381443298902</v>
      </c>
      <c r="AT3400" s="53">
        <v>49399.381443298902</v>
      </c>
      <c r="AU3400" s="53">
        <v>49399.381443298902</v>
      </c>
      <c r="AV3400" s="53">
        <v>49399.381443298902</v>
      </c>
      <c r="AW3400" s="53">
        <v>49399.381443298902</v>
      </c>
      <c r="AX3400" s="53">
        <v>49399.381443298902</v>
      </c>
      <c r="AY3400" s="53">
        <v>49399.381443298902</v>
      </c>
      <c r="AZ3400" s="53">
        <v>49399.381443298902</v>
      </c>
      <c r="BA3400" s="53">
        <v>592792.577319587</v>
      </c>
      <c r="BB3400" s="53">
        <v>49399.381443298902</v>
      </c>
      <c r="BC3400" s="53">
        <v>49399.381443298902</v>
      </c>
      <c r="BD3400" s="53">
        <v>49399.381443298902</v>
      </c>
      <c r="BE3400" s="53">
        <v>49399.381443298902</v>
      </c>
      <c r="BF3400" s="53">
        <v>49399.381443298902</v>
      </c>
      <c r="BG3400" s="53">
        <v>49399.381443298902</v>
      </c>
      <c r="BH3400" s="53">
        <v>49399.381443298902</v>
      </c>
      <c r="BI3400" s="53">
        <v>49399.381443298902</v>
      </c>
      <c r="BJ3400" s="53">
        <v>49399.381443298902</v>
      </c>
      <c r="BK3400" s="53">
        <v>49399.381443298902</v>
      </c>
      <c r="BL3400" s="53">
        <v>49399.381443298902</v>
      </c>
      <c r="BM3400" s="53">
        <v>49399.381443298902</v>
      </c>
      <c r="BN3400" s="53">
        <v>592792.577319587</v>
      </c>
      <c r="BO3400" s="53">
        <v>24699.6907216494</v>
      </c>
      <c r="BP3400" s="53"/>
      <c r="BQ3400" s="53"/>
      <c r="BR3400" s="53"/>
      <c r="BS3400" s="53"/>
      <c r="BT3400" s="53"/>
      <c r="BU3400" s="53"/>
      <c r="BV3400" s="53"/>
      <c r="BW3400" s="53"/>
      <c r="BX3400" s="53"/>
      <c r="BY3400" s="53"/>
      <c r="BZ3400" s="53"/>
      <c r="CA3400" s="53">
        <v>24699.6907216494</v>
      </c>
      <c r="CB3400" s="53"/>
      <c r="CC3400" s="53"/>
      <c r="CD3400" s="53"/>
      <c r="CE3400" s="53"/>
      <c r="CF3400" s="53"/>
      <c r="CG3400" s="53"/>
      <c r="CH3400" s="53"/>
      <c r="CI3400" s="53"/>
      <c r="CJ3400" s="53"/>
      <c r="CK3400" s="53"/>
      <c r="CL3400" s="53"/>
      <c r="CM3400" s="53"/>
      <c r="CN3400" s="53"/>
    </row>
    <row r="3401" spans="1:92" outlineLevel="1">
      <c r="A3401" s="52" t="s">
        <v>724</v>
      </c>
      <c r="B3401" s="53">
        <v>13370.822605965401</v>
      </c>
      <c r="C3401" s="53">
        <v>13370.822047244001</v>
      </c>
      <c r="D3401" s="53">
        <v>13370.821484992101</v>
      </c>
      <c r="E3401" s="53">
        <v>13370.824088748001</v>
      </c>
      <c r="F3401" s="53">
        <v>13370.8235294117</v>
      </c>
      <c r="G3401" s="53">
        <v>13370.822966507099</v>
      </c>
      <c r="H3401" s="53">
        <v>13370.822399999999</v>
      </c>
      <c r="I3401" s="53">
        <v>13370.8218298555</v>
      </c>
      <c r="J3401" s="53">
        <v>13370.8212560386</v>
      </c>
      <c r="K3401" s="53">
        <v>13370.8239095315</v>
      </c>
      <c r="L3401" s="53">
        <v>13370.8233387358</v>
      </c>
      <c r="M3401" s="53">
        <v>13370.8227642276</v>
      </c>
      <c r="N3401" s="53">
        <v>160449.87222125701</v>
      </c>
      <c r="O3401" s="53">
        <v>13370.822185970599</v>
      </c>
      <c r="P3401" s="53">
        <v>13370.822185970599</v>
      </c>
      <c r="Q3401" s="53">
        <v>13370.822185970599</v>
      </c>
      <c r="R3401" s="53">
        <v>13370.822185970599</v>
      </c>
      <c r="S3401" s="53">
        <v>13370.822185970599</v>
      </c>
      <c r="T3401" s="53">
        <v>13370.822185970599</v>
      </c>
      <c r="U3401" s="53">
        <v>13370.822185970599</v>
      </c>
      <c r="V3401" s="53">
        <v>13370.822185970599</v>
      </c>
      <c r="W3401" s="53">
        <v>13370.822185970599</v>
      </c>
      <c r="X3401" s="53">
        <v>13370.822185970599</v>
      </c>
      <c r="Y3401" s="53">
        <v>13370.822185970599</v>
      </c>
      <c r="Z3401" s="53">
        <v>13370.822185970599</v>
      </c>
      <c r="AA3401" s="53">
        <v>160449.866231647</v>
      </c>
      <c r="AB3401" s="53">
        <v>13370.822185970599</v>
      </c>
      <c r="AC3401" s="53">
        <v>13370.822185970599</v>
      </c>
      <c r="AD3401" s="53">
        <v>13370.822185970599</v>
      </c>
      <c r="AE3401" s="53">
        <v>13370.822185970599</v>
      </c>
      <c r="AF3401" s="53">
        <v>13370.822185970599</v>
      </c>
      <c r="AG3401" s="53">
        <v>13370.822185970599</v>
      </c>
      <c r="AH3401" s="53">
        <v>13370.822185970599</v>
      </c>
      <c r="AI3401" s="53">
        <v>13370.822185970599</v>
      </c>
      <c r="AJ3401" s="53">
        <v>13370.822185970599</v>
      </c>
      <c r="AK3401" s="53">
        <v>13370.822185970599</v>
      </c>
      <c r="AL3401" s="53">
        <v>13370.822185970599</v>
      </c>
      <c r="AM3401" s="53">
        <v>13370.822185970599</v>
      </c>
      <c r="AN3401" s="53">
        <v>160449.866231647</v>
      </c>
      <c r="AO3401" s="53">
        <v>13370.822185970599</v>
      </c>
      <c r="AP3401" s="53">
        <v>13370.822185970599</v>
      </c>
      <c r="AQ3401" s="53">
        <v>13370.822185970599</v>
      </c>
      <c r="AR3401" s="53">
        <v>13370.822185970599</v>
      </c>
      <c r="AS3401" s="53">
        <v>13370.822185970599</v>
      </c>
      <c r="AT3401" s="53">
        <v>13370.822185970599</v>
      </c>
      <c r="AU3401" s="53">
        <v>13370.822185970599</v>
      </c>
      <c r="AV3401" s="53">
        <v>13370.822185970599</v>
      </c>
      <c r="AW3401" s="53">
        <v>13370.822185970599</v>
      </c>
      <c r="AX3401" s="53">
        <v>13370.822185970599</v>
      </c>
      <c r="AY3401" s="53">
        <v>13370.822185970599</v>
      </c>
      <c r="AZ3401" s="53">
        <v>13370.822185970599</v>
      </c>
      <c r="BA3401" s="53">
        <v>160449.866231647</v>
      </c>
      <c r="BB3401" s="53">
        <v>13370.822185970599</v>
      </c>
      <c r="BC3401" s="53">
        <v>13370.822185970599</v>
      </c>
      <c r="BD3401" s="53">
        <v>13370.822185970599</v>
      </c>
      <c r="BE3401" s="53">
        <v>13370.822185970599</v>
      </c>
      <c r="BF3401" s="53">
        <v>13370.822185970599</v>
      </c>
      <c r="BG3401" s="53">
        <v>13370.822185970599</v>
      </c>
      <c r="BH3401" s="53">
        <v>13370.822185970599</v>
      </c>
      <c r="BI3401" s="53">
        <v>13370.822185970599</v>
      </c>
      <c r="BJ3401" s="53">
        <v>13370.822185970599</v>
      </c>
      <c r="BK3401" s="53">
        <v>13370.822185970599</v>
      </c>
      <c r="BL3401" s="53">
        <v>13370.822185970599</v>
      </c>
      <c r="BM3401" s="53">
        <v>13370.822185970599</v>
      </c>
      <c r="BN3401" s="53">
        <v>160449.866231647</v>
      </c>
      <c r="BO3401" s="53">
        <v>13370.822185970599</v>
      </c>
      <c r="BP3401" s="53">
        <v>13370.822185970599</v>
      </c>
      <c r="BQ3401" s="53">
        <v>13370.822185970599</v>
      </c>
      <c r="BR3401" s="53">
        <v>13370.822185970599</v>
      </c>
      <c r="BS3401" s="53">
        <v>13370.822185970599</v>
      </c>
      <c r="BT3401" s="53">
        <v>13370.822185970599</v>
      </c>
      <c r="BU3401" s="53">
        <v>13370.822185970599</v>
      </c>
      <c r="BV3401" s="53">
        <v>13370.822185970599</v>
      </c>
      <c r="BW3401" s="53">
        <v>13370.822185970599</v>
      </c>
      <c r="BX3401" s="53">
        <v>13370.822185970599</v>
      </c>
      <c r="BY3401" s="53">
        <v>13370.822185970599</v>
      </c>
      <c r="BZ3401" s="53">
        <v>13370.822185970599</v>
      </c>
      <c r="CA3401" s="53">
        <v>160449.866231647</v>
      </c>
      <c r="CB3401" s="53"/>
      <c r="CC3401" s="53"/>
      <c r="CD3401" s="53"/>
      <c r="CE3401" s="53"/>
      <c r="CF3401" s="53"/>
      <c r="CG3401" s="53"/>
      <c r="CH3401" s="53"/>
      <c r="CI3401" s="53"/>
      <c r="CJ3401" s="53"/>
      <c r="CK3401" s="53"/>
      <c r="CL3401" s="53"/>
      <c r="CM3401" s="53"/>
      <c r="CN3401" s="53"/>
    </row>
    <row r="3402" spans="1:92" outlineLevel="1">
      <c r="A3402" s="52" t="s">
        <v>725</v>
      </c>
      <c r="B3402" s="53">
        <v>44991.872611464903</v>
      </c>
      <c r="C3402" s="53">
        <v>44991.870967741903</v>
      </c>
      <c r="D3402" s="53">
        <v>44991.8692810457</v>
      </c>
      <c r="E3402" s="53">
        <v>44991.867549668801</v>
      </c>
      <c r="F3402" s="53">
        <v>44991.879194630797</v>
      </c>
      <c r="G3402" s="53">
        <v>44991.8775510204</v>
      </c>
      <c r="H3402" s="53">
        <v>44991.875862068897</v>
      </c>
      <c r="I3402" s="53">
        <v>44991.874125874099</v>
      </c>
      <c r="J3402" s="53">
        <v>44991.8723404255</v>
      </c>
      <c r="K3402" s="53">
        <v>44991.8705035971</v>
      </c>
      <c r="L3402" s="53">
        <v>44991.868613138598</v>
      </c>
      <c r="M3402" s="53">
        <v>44991.866666666603</v>
      </c>
      <c r="N3402" s="53">
        <v>539902.46526734298</v>
      </c>
      <c r="O3402" s="53">
        <v>44991.8796992481</v>
      </c>
      <c r="P3402" s="53">
        <v>44991.8796992481</v>
      </c>
      <c r="Q3402" s="53">
        <v>44991.8796992481</v>
      </c>
      <c r="R3402" s="53">
        <v>44991.8796992481</v>
      </c>
      <c r="S3402" s="53">
        <v>44991.8796992481</v>
      </c>
      <c r="T3402" s="53">
        <v>44991.8796992481</v>
      </c>
      <c r="U3402" s="53">
        <v>44991.8796992481</v>
      </c>
      <c r="V3402" s="53">
        <v>44991.8796992481</v>
      </c>
      <c r="W3402" s="53">
        <v>44991.8796992481</v>
      </c>
      <c r="X3402" s="53">
        <v>44991.8796992481</v>
      </c>
      <c r="Y3402" s="53">
        <v>44991.8796992481</v>
      </c>
      <c r="Z3402" s="53">
        <v>44991.8796992481</v>
      </c>
      <c r="AA3402" s="53">
        <v>539902.556390977</v>
      </c>
      <c r="AB3402" s="53">
        <v>44991.8796992481</v>
      </c>
      <c r="AC3402" s="53">
        <v>44991.8796992481</v>
      </c>
      <c r="AD3402" s="53">
        <v>44991.8796992481</v>
      </c>
      <c r="AE3402" s="53">
        <v>44991.8796992481</v>
      </c>
      <c r="AF3402" s="53">
        <v>44991.8796992481</v>
      </c>
      <c r="AG3402" s="53">
        <v>44991.8796992481</v>
      </c>
      <c r="AH3402" s="53">
        <v>44991.8796992481</v>
      </c>
      <c r="AI3402" s="53">
        <v>44991.8796992481</v>
      </c>
      <c r="AJ3402" s="53">
        <v>44991.8796992481</v>
      </c>
      <c r="AK3402" s="53">
        <v>44991.8796992481</v>
      </c>
      <c r="AL3402" s="53">
        <v>44991.8796992481</v>
      </c>
      <c r="AM3402" s="53">
        <v>44991.8796992481</v>
      </c>
      <c r="AN3402" s="53">
        <v>539902.556390977</v>
      </c>
      <c r="AO3402" s="53">
        <v>44991.8796992481</v>
      </c>
      <c r="AP3402" s="53">
        <v>44991.8796992481</v>
      </c>
      <c r="AQ3402" s="53">
        <v>44991.8796992481</v>
      </c>
      <c r="AR3402" s="53">
        <v>44991.8796992481</v>
      </c>
      <c r="AS3402" s="53">
        <v>44991.8796992481</v>
      </c>
      <c r="AT3402" s="53">
        <v>44991.8796992481</v>
      </c>
      <c r="AU3402" s="53">
        <v>44991.8796992481</v>
      </c>
      <c r="AV3402" s="53">
        <v>44991.8796992481</v>
      </c>
      <c r="AW3402" s="53">
        <v>44991.8796992481</v>
      </c>
      <c r="AX3402" s="53">
        <v>44991.8796992481</v>
      </c>
      <c r="AY3402" s="53">
        <v>44991.8796992481</v>
      </c>
      <c r="AZ3402" s="53">
        <v>44991.8796992481</v>
      </c>
      <c r="BA3402" s="53">
        <v>539902.556390977</v>
      </c>
      <c r="BB3402" s="53">
        <v>44991.8796992481</v>
      </c>
      <c r="BC3402" s="53">
        <v>44991.8796992481</v>
      </c>
      <c r="BD3402" s="53">
        <v>44991.8796992481</v>
      </c>
      <c r="BE3402" s="53">
        <v>44991.8796992481</v>
      </c>
      <c r="BF3402" s="53">
        <v>44991.8796992481</v>
      </c>
      <c r="BG3402" s="53">
        <v>44991.8796992481</v>
      </c>
      <c r="BH3402" s="53">
        <v>44991.8796992481</v>
      </c>
      <c r="BI3402" s="53">
        <v>44991.8796992481</v>
      </c>
      <c r="BJ3402" s="53">
        <v>44991.8796992481</v>
      </c>
      <c r="BK3402" s="53">
        <v>44991.8796992481</v>
      </c>
      <c r="BL3402" s="53">
        <v>44991.8796992481</v>
      </c>
      <c r="BM3402" s="53">
        <v>44991.8796992481</v>
      </c>
      <c r="BN3402" s="53">
        <v>539902.556390977</v>
      </c>
      <c r="BO3402" s="53">
        <v>44991.8796992481</v>
      </c>
      <c r="BP3402" s="53">
        <v>44991.8796992481</v>
      </c>
      <c r="BQ3402" s="53">
        <v>44991.8796992481</v>
      </c>
      <c r="BR3402" s="53">
        <v>44991.8796992481</v>
      </c>
      <c r="BS3402" s="53">
        <v>44991.8796992481</v>
      </c>
      <c r="BT3402" s="53">
        <v>44991.8796992481</v>
      </c>
      <c r="BU3402" s="53">
        <v>44991.8796992481</v>
      </c>
      <c r="BV3402" s="53">
        <v>44991.8796992481</v>
      </c>
      <c r="BW3402" s="53">
        <v>44991.8796992481</v>
      </c>
      <c r="BX3402" s="53">
        <v>44991.8796992481</v>
      </c>
      <c r="BY3402" s="53">
        <v>44991.8796992481</v>
      </c>
      <c r="BZ3402" s="53">
        <v>44991.8796992481</v>
      </c>
      <c r="CA3402" s="53">
        <v>539902.556390977</v>
      </c>
      <c r="CB3402" s="53"/>
      <c r="CC3402" s="53"/>
      <c r="CD3402" s="53">
        <v>-2976064.39</v>
      </c>
      <c r="CE3402" s="53"/>
      <c r="CF3402" s="53"/>
      <c r="CG3402" s="53"/>
      <c r="CH3402" s="53"/>
      <c r="CI3402" s="53"/>
      <c r="CJ3402" s="53"/>
      <c r="CK3402" s="53"/>
      <c r="CL3402" s="53"/>
      <c r="CM3402" s="53"/>
      <c r="CN3402" s="53">
        <v>-2976064.39</v>
      </c>
    </row>
    <row r="3403" spans="1:92" outlineLevel="1">
      <c r="A3403" s="52" t="s">
        <v>726</v>
      </c>
      <c r="B3403" s="53">
        <v>52157.242105263103</v>
      </c>
      <c r="C3403" s="53">
        <v>52157.244680850999</v>
      </c>
      <c r="D3403" s="53">
        <v>52157.247311827901</v>
      </c>
      <c r="E3403" s="53">
        <v>52157.239130434697</v>
      </c>
      <c r="F3403" s="53">
        <v>52157.241758241697</v>
      </c>
      <c r="G3403" s="53">
        <v>52157.244444444397</v>
      </c>
      <c r="H3403" s="53">
        <v>52157.2471910112</v>
      </c>
      <c r="I3403" s="53">
        <v>52157.238636363603</v>
      </c>
      <c r="J3403" s="53">
        <v>52157.241379310297</v>
      </c>
      <c r="K3403" s="53">
        <v>52157.244186046497</v>
      </c>
      <c r="L3403" s="53">
        <v>52157.247058823501</v>
      </c>
      <c r="M3403" s="53">
        <v>52157.238095237997</v>
      </c>
      <c r="N3403" s="53">
        <v>625886.91597785603</v>
      </c>
      <c r="O3403" s="53">
        <v>52157.240963855402</v>
      </c>
      <c r="P3403" s="53">
        <v>52157.240963855402</v>
      </c>
      <c r="Q3403" s="53">
        <v>52157.240963855402</v>
      </c>
      <c r="R3403" s="53">
        <v>52157.240963855402</v>
      </c>
      <c r="S3403" s="53">
        <v>52157.240963855402</v>
      </c>
      <c r="T3403" s="53">
        <v>52157.240963855402</v>
      </c>
      <c r="U3403" s="53">
        <v>52157.240963855402</v>
      </c>
      <c r="V3403" s="53">
        <v>52157.240963855402</v>
      </c>
      <c r="W3403" s="53">
        <v>52157.240963855402</v>
      </c>
      <c r="X3403" s="53">
        <v>52157.240963855402</v>
      </c>
      <c r="Y3403" s="53">
        <v>52157.240963855402</v>
      </c>
      <c r="Z3403" s="53">
        <v>52157.240963855402</v>
      </c>
      <c r="AA3403" s="53">
        <v>625886.89156626503</v>
      </c>
      <c r="AB3403" s="53">
        <v>52157.240963855402</v>
      </c>
      <c r="AC3403" s="53">
        <v>52157.240963855402</v>
      </c>
      <c r="AD3403" s="53">
        <v>52157.240963855402</v>
      </c>
      <c r="AE3403" s="53">
        <v>52157.240963855402</v>
      </c>
      <c r="AF3403" s="53">
        <v>52157.240963855402</v>
      </c>
      <c r="AG3403" s="53">
        <v>52157.240963855402</v>
      </c>
      <c r="AH3403" s="53">
        <v>52157.240963855402</v>
      </c>
      <c r="AI3403" s="53">
        <v>52157.240963855402</v>
      </c>
      <c r="AJ3403" s="53">
        <v>52157.240963855402</v>
      </c>
      <c r="AK3403" s="53">
        <v>52157.240963855402</v>
      </c>
      <c r="AL3403" s="53">
        <v>52157.240963855402</v>
      </c>
      <c r="AM3403" s="53">
        <v>52157.240963855402</v>
      </c>
      <c r="AN3403" s="53">
        <v>625886.89156626503</v>
      </c>
      <c r="AO3403" s="53">
        <v>52157.240963855402</v>
      </c>
      <c r="AP3403" s="53">
        <v>52157.240963855402</v>
      </c>
      <c r="AQ3403" s="53">
        <v>52157.240963855402</v>
      </c>
      <c r="AR3403" s="53">
        <v>52157.240963855402</v>
      </c>
      <c r="AS3403" s="53">
        <v>52157.240963855402</v>
      </c>
      <c r="AT3403" s="53">
        <v>52157.240963855402</v>
      </c>
      <c r="AU3403" s="53">
        <v>52157.240963855402</v>
      </c>
      <c r="AV3403" s="53">
        <v>52157.240963855402</v>
      </c>
      <c r="AW3403" s="53">
        <v>52157.240963855402</v>
      </c>
      <c r="AX3403" s="53">
        <v>52157.240963855402</v>
      </c>
      <c r="AY3403" s="53">
        <v>52157.240963855402</v>
      </c>
      <c r="AZ3403" s="53">
        <v>52157.240963855402</v>
      </c>
      <c r="BA3403" s="53">
        <v>625886.89156626503</v>
      </c>
      <c r="BB3403" s="53">
        <v>52157.240963855402</v>
      </c>
      <c r="BC3403" s="53">
        <v>52157.240963855402</v>
      </c>
      <c r="BD3403" s="53">
        <v>52157.240963855402</v>
      </c>
      <c r="BE3403" s="53">
        <v>52157.240963855402</v>
      </c>
      <c r="BF3403" s="53">
        <v>52157.240963855402</v>
      </c>
      <c r="BG3403" s="53">
        <v>52157.240963855402</v>
      </c>
      <c r="BH3403" s="53">
        <v>52157.240963855402</v>
      </c>
      <c r="BI3403" s="53">
        <v>52157.240963855402</v>
      </c>
      <c r="BJ3403" s="53">
        <v>52157.240963855402</v>
      </c>
      <c r="BK3403" s="53">
        <v>52157.240963855402</v>
      </c>
      <c r="BL3403" s="53">
        <v>52157.240963855402</v>
      </c>
      <c r="BM3403" s="53">
        <v>52157.240963855402</v>
      </c>
      <c r="BN3403" s="53">
        <v>625886.89156626503</v>
      </c>
      <c r="BO3403" s="53">
        <v>52157.240963855402</v>
      </c>
      <c r="BP3403" s="53">
        <v>52157.240963855402</v>
      </c>
      <c r="BQ3403" s="53">
        <v>52157.240963855402</v>
      </c>
      <c r="BR3403" s="53">
        <v>52157.240963855402</v>
      </c>
      <c r="BS3403" s="53">
        <v>52157.240963855402</v>
      </c>
      <c r="BT3403" s="53">
        <v>52157.240963855402</v>
      </c>
      <c r="BU3403" s="53">
        <v>52157.240963855402</v>
      </c>
      <c r="BV3403" s="53">
        <v>52157.240963855402</v>
      </c>
      <c r="BW3403" s="53">
        <v>52157.240963855402</v>
      </c>
      <c r="BX3403" s="53">
        <v>52157.240963855402</v>
      </c>
      <c r="BY3403" s="53">
        <v>52157.240963855402</v>
      </c>
      <c r="BZ3403" s="53">
        <v>52157.240963855402</v>
      </c>
      <c r="CA3403" s="53">
        <v>625886.89156626503</v>
      </c>
      <c r="CB3403" s="53"/>
      <c r="CC3403" s="53"/>
      <c r="CD3403" s="53"/>
      <c r="CE3403" s="53"/>
      <c r="CF3403" s="53"/>
      <c r="CG3403" s="53"/>
      <c r="CH3403" s="53"/>
      <c r="CI3403" s="53"/>
      <c r="CJ3403" s="53"/>
      <c r="CK3403" s="53"/>
      <c r="CL3403" s="53"/>
      <c r="CM3403" s="53"/>
      <c r="CN3403" s="53"/>
    </row>
    <row r="3404" spans="1:92" outlineLevel="1">
      <c r="A3404" s="52" t="s">
        <v>728</v>
      </c>
      <c r="B3404" s="53">
        <v>38996.049261083703</v>
      </c>
      <c r="C3404" s="53">
        <v>38996.0497512437</v>
      </c>
      <c r="D3404" s="53">
        <v>38996.050251256202</v>
      </c>
      <c r="E3404" s="53">
        <v>38996.050761421298</v>
      </c>
      <c r="F3404" s="53">
        <v>38996.051282051201</v>
      </c>
      <c r="G3404" s="53">
        <v>38996.051813471502</v>
      </c>
      <c r="H3404" s="53">
        <v>38996.052356020897</v>
      </c>
      <c r="I3404" s="53">
        <v>38996.052910052902</v>
      </c>
      <c r="J3404" s="53">
        <v>38996.053475935798</v>
      </c>
      <c r="K3404" s="53">
        <v>38996.054054054002</v>
      </c>
      <c r="L3404" s="53">
        <v>38996.054644808697</v>
      </c>
      <c r="M3404" s="53">
        <v>38996.044198894997</v>
      </c>
      <c r="N3404" s="53">
        <v>467952.61476029502</v>
      </c>
      <c r="O3404" s="53">
        <v>38996.0446927374</v>
      </c>
      <c r="P3404" s="53">
        <v>38996.0446927374</v>
      </c>
      <c r="Q3404" s="53">
        <v>38996.0446927374</v>
      </c>
      <c r="R3404" s="53">
        <v>38996.0446927374</v>
      </c>
      <c r="S3404" s="53">
        <v>38996.0446927374</v>
      </c>
      <c r="T3404" s="53">
        <v>38996.0446927374</v>
      </c>
      <c r="U3404" s="53">
        <v>38996.0446927374</v>
      </c>
      <c r="V3404" s="53">
        <v>38996.0446927374</v>
      </c>
      <c r="W3404" s="53">
        <v>38996.0446927374</v>
      </c>
      <c r="X3404" s="53">
        <v>38996.0446927374</v>
      </c>
      <c r="Y3404" s="53">
        <v>38996.0446927374</v>
      </c>
      <c r="Z3404" s="53">
        <v>38996.0446927374</v>
      </c>
      <c r="AA3404" s="53">
        <v>467952.53631284903</v>
      </c>
      <c r="AB3404" s="53">
        <v>38996.0446927374</v>
      </c>
      <c r="AC3404" s="53">
        <v>38996.0446927374</v>
      </c>
      <c r="AD3404" s="53">
        <v>38996.0446927374</v>
      </c>
      <c r="AE3404" s="53">
        <v>38996.0446927374</v>
      </c>
      <c r="AF3404" s="53">
        <v>38996.0446927374</v>
      </c>
      <c r="AG3404" s="53">
        <v>38996.0446927374</v>
      </c>
      <c r="AH3404" s="53">
        <v>38996.0446927374</v>
      </c>
      <c r="AI3404" s="53">
        <v>38996.0446927374</v>
      </c>
      <c r="AJ3404" s="53">
        <v>38996.0446927374</v>
      </c>
      <c r="AK3404" s="53">
        <v>38996.0446927374</v>
      </c>
      <c r="AL3404" s="53">
        <v>38996.0446927374</v>
      </c>
      <c r="AM3404" s="53">
        <v>38996.044692737298</v>
      </c>
      <c r="AN3404" s="53">
        <v>467952.53631284798</v>
      </c>
      <c r="AO3404" s="53">
        <v>38996.044692737298</v>
      </c>
      <c r="AP3404" s="53">
        <v>38996.044692737298</v>
      </c>
      <c r="AQ3404" s="53">
        <v>38996.044692737298</v>
      </c>
      <c r="AR3404" s="53">
        <v>38996.044692737298</v>
      </c>
      <c r="AS3404" s="53">
        <v>38996.044692737298</v>
      </c>
      <c r="AT3404" s="53">
        <v>38996.044692737298</v>
      </c>
      <c r="AU3404" s="53">
        <v>38996.044692737298</v>
      </c>
      <c r="AV3404" s="53">
        <v>38996.044692737298</v>
      </c>
      <c r="AW3404" s="53">
        <v>38996.044692737298</v>
      </c>
      <c r="AX3404" s="53">
        <v>38996.044692737298</v>
      </c>
      <c r="AY3404" s="53">
        <v>38996.044692737298</v>
      </c>
      <c r="AZ3404" s="53">
        <v>38996.044692737298</v>
      </c>
      <c r="BA3404" s="53">
        <v>467952.53631284798</v>
      </c>
      <c r="BB3404" s="53">
        <v>38996.044692737298</v>
      </c>
      <c r="BC3404" s="53">
        <v>38996.044692737298</v>
      </c>
      <c r="BD3404" s="53">
        <v>38996.044692737298</v>
      </c>
      <c r="BE3404" s="53">
        <v>38996.044692737298</v>
      </c>
      <c r="BF3404" s="53">
        <v>38996.044692737298</v>
      </c>
      <c r="BG3404" s="53">
        <v>38996.044692737298</v>
      </c>
      <c r="BH3404" s="53">
        <v>38996.044692737298</v>
      </c>
      <c r="BI3404" s="53">
        <v>38996.044692737298</v>
      </c>
      <c r="BJ3404" s="53">
        <v>38996.044692737298</v>
      </c>
      <c r="BK3404" s="53">
        <v>38996.044692737298</v>
      </c>
      <c r="BL3404" s="53">
        <v>38996.044692737298</v>
      </c>
      <c r="BM3404" s="53">
        <v>38996.044692737298</v>
      </c>
      <c r="BN3404" s="53">
        <v>467952.53631284798</v>
      </c>
      <c r="BO3404" s="53">
        <v>38996.044692737298</v>
      </c>
      <c r="BP3404" s="53">
        <v>38996.044692737298</v>
      </c>
      <c r="BQ3404" s="53">
        <v>38996.044692737298</v>
      </c>
      <c r="BR3404" s="53">
        <v>38996.044692737298</v>
      </c>
      <c r="BS3404" s="53">
        <v>38996.044692737298</v>
      </c>
      <c r="BT3404" s="53">
        <v>38996.044692737298</v>
      </c>
      <c r="BU3404" s="53">
        <v>38996.044692737298</v>
      </c>
      <c r="BV3404" s="53">
        <v>38996.044692737298</v>
      </c>
      <c r="BW3404" s="53">
        <v>38996.044692737298</v>
      </c>
      <c r="BX3404" s="53">
        <v>38996.044692737298</v>
      </c>
      <c r="BY3404" s="53">
        <v>38996.044692737298</v>
      </c>
      <c r="BZ3404" s="53">
        <v>38996.044692737298</v>
      </c>
      <c r="CA3404" s="53">
        <v>467952.53631284798</v>
      </c>
      <c r="CB3404" s="53"/>
      <c r="CC3404" s="53"/>
      <c r="CD3404" s="53"/>
      <c r="CE3404" s="53"/>
      <c r="CF3404" s="53"/>
      <c r="CG3404" s="53"/>
      <c r="CH3404" s="53"/>
      <c r="CI3404" s="53"/>
      <c r="CJ3404" s="53"/>
      <c r="CK3404" s="53"/>
      <c r="CL3404" s="53"/>
      <c r="CM3404" s="53"/>
      <c r="CN3404" s="53"/>
    </row>
    <row r="3405" spans="1:92" outlineLevel="1">
      <c r="A3405" s="52" t="s">
        <v>729</v>
      </c>
      <c r="B3405" s="53">
        <v>48595.514644351402</v>
      </c>
      <c r="C3405" s="53">
        <v>48595.510548523198</v>
      </c>
      <c r="D3405" s="53">
        <v>48595.514893617001</v>
      </c>
      <c r="E3405" s="53">
        <v>48595.510729613699</v>
      </c>
      <c r="F3405" s="53">
        <v>48595.515151515101</v>
      </c>
      <c r="G3405" s="53">
        <v>48595.5109170305</v>
      </c>
      <c r="H3405" s="53">
        <v>48595.515418502197</v>
      </c>
      <c r="I3405" s="53">
        <v>48595.511111111096</v>
      </c>
      <c r="J3405" s="53">
        <v>48595.515695067203</v>
      </c>
      <c r="K3405" s="53">
        <v>48595.511312217197</v>
      </c>
      <c r="L3405" s="53">
        <v>48595.515981735101</v>
      </c>
      <c r="M3405" s="53">
        <v>48595.511520737302</v>
      </c>
      <c r="N3405" s="53">
        <v>583146.15792402101</v>
      </c>
      <c r="O3405" s="53">
        <v>48595.5162790697</v>
      </c>
      <c r="P3405" s="53">
        <v>48595.5162790697</v>
      </c>
      <c r="Q3405" s="53">
        <v>48595.5162790697</v>
      </c>
      <c r="R3405" s="53">
        <v>48595.5162790697</v>
      </c>
      <c r="S3405" s="53">
        <v>48595.5162790697</v>
      </c>
      <c r="T3405" s="53">
        <v>48595.5162790697</v>
      </c>
      <c r="U3405" s="53">
        <v>48595.5162790697</v>
      </c>
      <c r="V3405" s="53">
        <v>48595.5162790697</v>
      </c>
      <c r="W3405" s="53">
        <v>48595.5162790697</v>
      </c>
      <c r="X3405" s="53">
        <v>48595.5162790697</v>
      </c>
      <c r="Y3405" s="53">
        <v>48595.5162790697</v>
      </c>
      <c r="Z3405" s="53">
        <v>48595.5162790697</v>
      </c>
      <c r="AA3405" s="53">
        <v>583146.19534883695</v>
      </c>
      <c r="AB3405" s="53">
        <v>48595.5162790697</v>
      </c>
      <c r="AC3405" s="53">
        <v>48595.5162790697</v>
      </c>
      <c r="AD3405" s="53">
        <v>48595.5162790697</v>
      </c>
      <c r="AE3405" s="53">
        <v>48595.5162790697</v>
      </c>
      <c r="AF3405" s="53">
        <v>48595.5162790697</v>
      </c>
      <c r="AG3405" s="53">
        <v>48595.5162790697</v>
      </c>
      <c r="AH3405" s="53">
        <v>48595.5162790697</v>
      </c>
      <c r="AI3405" s="53">
        <v>48595.5162790697</v>
      </c>
      <c r="AJ3405" s="53">
        <v>48595.5162790697</v>
      </c>
      <c r="AK3405" s="53">
        <v>48595.5162790697</v>
      </c>
      <c r="AL3405" s="53">
        <v>48595.5162790697</v>
      </c>
      <c r="AM3405" s="53">
        <v>48595.5162790697</v>
      </c>
      <c r="AN3405" s="53">
        <v>583146.19534883695</v>
      </c>
      <c r="AO3405" s="53">
        <v>48595.516279069801</v>
      </c>
      <c r="AP3405" s="53">
        <v>48595.516279069801</v>
      </c>
      <c r="AQ3405" s="53">
        <v>48595.516279069801</v>
      </c>
      <c r="AR3405" s="53">
        <v>48595.516279069801</v>
      </c>
      <c r="AS3405" s="53">
        <v>48595.516279069801</v>
      </c>
      <c r="AT3405" s="53">
        <v>48595.516279069801</v>
      </c>
      <c r="AU3405" s="53">
        <v>48595.516279069801</v>
      </c>
      <c r="AV3405" s="53">
        <v>48595.516279069801</v>
      </c>
      <c r="AW3405" s="53">
        <v>48595.516279069801</v>
      </c>
      <c r="AX3405" s="53">
        <v>48595.516279069801</v>
      </c>
      <c r="AY3405" s="53">
        <v>48595.516279069801</v>
      </c>
      <c r="AZ3405" s="53">
        <v>48595.516279069801</v>
      </c>
      <c r="BA3405" s="53">
        <v>583146.19534883695</v>
      </c>
      <c r="BB3405" s="53">
        <v>48595.516279069801</v>
      </c>
      <c r="BC3405" s="53">
        <v>48595.516279069801</v>
      </c>
      <c r="BD3405" s="53">
        <v>48595.516279069801</v>
      </c>
      <c r="BE3405" s="53">
        <v>48595.516279069801</v>
      </c>
      <c r="BF3405" s="53">
        <v>48595.516279069801</v>
      </c>
      <c r="BG3405" s="53">
        <v>48595.516279069801</v>
      </c>
      <c r="BH3405" s="53">
        <v>48595.516279069801</v>
      </c>
      <c r="BI3405" s="53">
        <v>48595.516279069801</v>
      </c>
      <c r="BJ3405" s="53">
        <v>48595.516279069801</v>
      </c>
      <c r="BK3405" s="53">
        <v>48595.516279069801</v>
      </c>
      <c r="BL3405" s="53">
        <v>48595.516279069801</v>
      </c>
      <c r="BM3405" s="53">
        <v>48595.516279069801</v>
      </c>
      <c r="BN3405" s="53">
        <v>583146.19534883799</v>
      </c>
      <c r="BO3405" s="53">
        <v>48595.516279069801</v>
      </c>
      <c r="BP3405" s="53">
        <v>48595.516279069801</v>
      </c>
      <c r="BQ3405" s="53">
        <v>48595.516279069801</v>
      </c>
      <c r="BR3405" s="53">
        <v>48595.516279069801</v>
      </c>
      <c r="BS3405" s="53">
        <v>48595.516279069801</v>
      </c>
      <c r="BT3405" s="53">
        <v>48595.516279069801</v>
      </c>
      <c r="BU3405" s="53">
        <v>48595.516279069801</v>
      </c>
      <c r="BV3405" s="53">
        <v>48595.516279069801</v>
      </c>
      <c r="BW3405" s="53">
        <v>48595.516279069801</v>
      </c>
      <c r="BX3405" s="53">
        <v>48595.516279069801</v>
      </c>
      <c r="BY3405" s="53">
        <v>48595.516279069801</v>
      </c>
      <c r="BZ3405" s="53">
        <v>48595.516279069801</v>
      </c>
      <c r="CA3405" s="53">
        <v>583146.19534883799</v>
      </c>
      <c r="CB3405" s="53"/>
      <c r="CC3405" s="53"/>
      <c r="CD3405" s="53"/>
      <c r="CE3405" s="53"/>
      <c r="CF3405" s="53"/>
      <c r="CG3405" s="53"/>
      <c r="CH3405" s="53"/>
      <c r="CI3405" s="53"/>
      <c r="CJ3405" s="53"/>
      <c r="CK3405" s="53"/>
      <c r="CL3405" s="53"/>
      <c r="CM3405" s="53"/>
      <c r="CN3405" s="53"/>
    </row>
    <row r="3406" spans="1:92" outlineLevel="1">
      <c r="A3406" s="52" t="s">
        <v>730</v>
      </c>
      <c r="B3406" s="53">
        <v>16652.086230876201</v>
      </c>
      <c r="C3406" s="53">
        <v>16652.086471408598</v>
      </c>
      <c r="D3406" s="53">
        <v>16652.086713286699</v>
      </c>
      <c r="E3406" s="53">
        <v>16652.0869565217</v>
      </c>
      <c r="F3406" s="53">
        <v>16652.087201125101</v>
      </c>
      <c r="G3406" s="53">
        <v>16652.087447108599</v>
      </c>
      <c r="H3406" s="53">
        <v>16652.0848656294</v>
      </c>
      <c r="I3406" s="53">
        <v>16652.0851063829</v>
      </c>
      <c r="J3406" s="53">
        <v>16652.0853485064</v>
      </c>
      <c r="K3406" s="53">
        <v>16652.085592011401</v>
      </c>
      <c r="L3406" s="53">
        <v>16652.085836909799</v>
      </c>
      <c r="M3406" s="53">
        <v>16652.0860832137</v>
      </c>
      <c r="N3406" s="53">
        <v>199825.03385298001</v>
      </c>
      <c r="O3406" s="53">
        <v>16652.086330935199</v>
      </c>
      <c r="P3406" s="53">
        <v>16652.086330935199</v>
      </c>
      <c r="Q3406" s="53">
        <v>16652.086330935199</v>
      </c>
      <c r="R3406" s="53">
        <v>16652.086330935199</v>
      </c>
      <c r="S3406" s="53">
        <v>16652.086330935199</v>
      </c>
      <c r="T3406" s="53">
        <v>16652.086330935199</v>
      </c>
      <c r="U3406" s="53">
        <v>16652.086330935199</v>
      </c>
      <c r="V3406" s="53">
        <v>16652.086330935199</v>
      </c>
      <c r="W3406" s="53">
        <v>16652.086330935199</v>
      </c>
      <c r="X3406" s="53">
        <v>16652.086330935199</v>
      </c>
      <c r="Y3406" s="53">
        <v>16652.086330935199</v>
      </c>
      <c r="Z3406" s="53">
        <v>16652.086330935199</v>
      </c>
      <c r="AA3406" s="53">
        <v>199825.035971223</v>
      </c>
      <c r="AB3406" s="53">
        <v>16652.086330935199</v>
      </c>
      <c r="AC3406" s="53">
        <v>16652.086330935199</v>
      </c>
      <c r="AD3406" s="53">
        <v>16652.086330935199</v>
      </c>
      <c r="AE3406" s="53">
        <v>16652.086330935199</v>
      </c>
      <c r="AF3406" s="53">
        <v>16652.086330935199</v>
      </c>
      <c r="AG3406" s="53">
        <v>16652.086330935199</v>
      </c>
      <c r="AH3406" s="53">
        <v>16652.086330935199</v>
      </c>
      <c r="AI3406" s="53">
        <v>16652.086330935199</v>
      </c>
      <c r="AJ3406" s="53">
        <v>16652.086330935199</v>
      </c>
      <c r="AK3406" s="53">
        <v>16652.086330935199</v>
      </c>
      <c r="AL3406" s="53">
        <v>16652.086330935199</v>
      </c>
      <c r="AM3406" s="53">
        <v>16652.086330935199</v>
      </c>
      <c r="AN3406" s="53">
        <v>199825.035971223</v>
      </c>
      <c r="AO3406" s="53">
        <v>16652.086330935199</v>
      </c>
      <c r="AP3406" s="53">
        <v>16652.086330935199</v>
      </c>
      <c r="AQ3406" s="53">
        <v>16652.086330935199</v>
      </c>
      <c r="AR3406" s="53">
        <v>16652.086330935199</v>
      </c>
      <c r="AS3406" s="53">
        <v>16652.086330935199</v>
      </c>
      <c r="AT3406" s="53">
        <v>16652.086330935199</v>
      </c>
      <c r="AU3406" s="53">
        <v>16652.086330935199</v>
      </c>
      <c r="AV3406" s="53">
        <v>16652.086330935199</v>
      </c>
      <c r="AW3406" s="53">
        <v>16652.086330935199</v>
      </c>
      <c r="AX3406" s="53">
        <v>16652.086330935199</v>
      </c>
      <c r="AY3406" s="53">
        <v>16652.086330935199</v>
      </c>
      <c r="AZ3406" s="53">
        <v>16652.086330935199</v>
      </c>
      <c r="BA3406" s="53">
        <v>199825.035971223</v>
      </c>
      <c r="BB3406" s="53">
        <v>16652.086330935199</v>
      </c>
      <c r="BC3406" s="53">
        <v>16652.086330935199</v>
      </c>
      <c r="BD3406" s="53">
        <v>16652.086330935199</v>
      </c>
      <c r="BE3406" s="53">
        <v>16652.086330935199</v>
      </c>
      <c r="BF3406" s="53">
        <v>16652.086330935199</v>
      </c>
      <c r="BG3406" s="53">
        <v>16652.086330935199</v>
      </c>
      <c r="BH3406" s="53">
        <v>16652.086330935199</v>
      </c>
      <c r="BI3406" s="53">
        <v>16652.086330935199</v>
      </c>
      <c r="BJ3406" s="53">
        <v>16652.086330935199</v>
      </c>
      <c r="BK3406" s="53">
        <v>16652.086330935199</v>
      </c>
      <c r="BL3406" s="53">
        <v>16652.086330935199</v>
      </c>
      <c r="BM3406" s="53">
        <v>16652.086330935199</v>
      </c>
      <c r="BN3406" s="53">
        <v>199825.035971223</v>
      </c>
      <c r="BO3406" s="53">
        <v>16652.086330935199</v>
      </c>
      <c r="BP3406" s="53">
        <v>16652.086330935199</v>
      </c>
      <c r="BQ3406" s="53">
        <v>16652.086330935199</v>
      </c>
      <c r="BR3406" s="53">
        <v>16652.086330935199</v>
      </c>
      <c r="BS3406" s="53">
        <v>16652.086330935199</v>
      </c>
      <c r="BT3406" s="53">
        <v>16652.086330935199</v>
      </c>
      <c r="BU3406" s="53">
        <v>16652.086330935199</v>
      </c>
      <c r="BV3406" s="53">
        <v>16652.086330935199</v>
      </c>
      <c r="BW3406" s="53">
        <v>16652.086330935199</v>
      </c>
      <c r="BX3406" s="53">
        <v>16652.086330935199</v>
      </c>
      <c r="BY3406" s="53">
        <v>16652.086330935199</v>
      </c>
      <c r="BZ3406" s="53">
        <v>16652.086330935199</v>
      </c>
      <c r="CA3406" s="53">
        <v>199825.035971223</v>
      </c>
      <c r="CB3406" s="53"/>
      <c r="CC3406" s="53"/>
      <c r="CD3406" s="53"/>
      <c r="CE3406" s="53"/>
      <c r="CF3406" s="53"/>
      <c r="CG3406" s="53"/>
      <c r="CH3406" s="53"/>
      <c r="CI3406" s="53"/>
      <c r="CJ3406" s="53"/>
      <c r="CK3406" s="53"/>
      <c r="CL3406" s="53"/>
      <c r="CM3406" s="53"/>
      <c r="CN3406" s="53"/>
    </row>
    <row r="3407" spans="1:92" outlineLevel="1">
      <c r="A3407" s="52" t="s">
        <v>1565</v>
      </c>
      <c r="B3407" s="53"/>
      <c r="C3407" s="53"/>
      <c r="D3407" s="53"/>
      <c r="E3407" s="53"/>
      <c r="F3407" s="53"/>
      <c r="G3407" s="53"/>
      <c r="H3407" s="53"/>
      <c r="I3407" s="53"/>
      <c r="J3407" s="53"/>
      <c r="K3407" s="53"/>
      <c r="L3407" s="53">
        <v>7791.4932963476604</v>
      </c>
      <c r="M3407" s="53">
        <v>11698.0778859527</v>
      </c>
      <c r="N3407" s="53">
        <v>19489.5711823003</v>
      </c>
      <c r="O3407" s="53">
        <v>11698.0753138075</v>
      </c>
      <c r="P3407" s="53">
        <v>11698.0753138075</v>
      </c>
      <c r="Q3407" s="53">
        <v>11698.0753138075</v>
      </c>
      <c r="R3407" s="53">
        <v>11698.0753138075</v>
      </c>
      <c r="S3407" s="53">
        <v>11698.0753138075</v>
      </c>
      <c r="T3407" s="53">
        <v>11698.0753138075</v>
      </c>
      <c r="U3407" s="53">
        <v>11698.0753138075</v>
      </c>
      <c r="V3407" s="53">
        <v>11698.0753138075</v>
      </c>
      <c r="W3407" s="53">
        <v>11698.0753138075</v>
      </c>
      <c r="X3407" s="53">
        <v>11698.0753138075</v>
      </c>
      <c r="Y3407" s="53">
        <v>11698.0753138075</v>
      </c>
      <c r="Z3407" s="53">
        <v>11698.0753138075</v>
      </c>
      <c r="AA3407" s="53">
        <v>140376.90376568999</v>
      </c>
      <c r="AB3407" s="53">
        <v>11698.0753138075</v>
      </c>
      <c r="AC3407" s="53">
        <v>11698.0753138075</v>
      </c>
      <c r="AD3407" s="53">
        <v>11698.0753138075</v>
      </c>
      <c r="AE3407" s="53">
        <v>11698.0753138075</v>
      </c>
      <c r="AF3407" s="53">
        <v>11698.0753138075</v>
      </c>
      <c r="AG3407" s="53">
        <v>11698.0753138075</v>
      </c>
      <c r="AH3407" s="53">
        <v>11698.0753138075</v>
      </c>
      <c r="AI3407" s="53">
        <v>11698.0753138075</v>
      </c>
      <c r="AJ3407" s="53">
        <v>11698.0753138075</v>
      </c>
      <c r="AK3407" s="53">
        <v>11698.0753138075</v>
      </c>
      <c r="AL3407" s="53">
        <v>11698.0753138075</v>
      </c>
      <c r="AM3407" s="53">
        <v>11698.0753138075</v>
      </c>
      <c r="AN3407" s="53">
        <v>140376.90376568999</v>
      </c>
      <c r="AO3407" s="53">
        <v>11698.0753138075</v>
      </c>
      <c r="AP3407" s="53">
        <v>11698.0753138075</v>
      </c>
      <c r="AQ3407" s="53">
        <v>11698.0753138075</v>
      </c>
      <c r="AR3407" s="53">
        <v>11698.0753138075</v>
      </c>
      <c r="AS3407" s="53">
        <v>11698.0753138075</v>
      </c>
      <c r="AT3407" s="53">
        <v>11698.0753138075</v>
      </c>
      <c r="AU3407" s="53">
        <v>11698.0753138075</v>
      </c>
      <c r="AV3407" s="53">
        <v>11698.0753138075</v>
      </c>
      <c r="AW3407" s="53">
        <v>11698.0753138075</v>
      </c>
      <c r="AX3407" s="53">
        <v>11698.0753138075</v>
      </c>
      <c r="AY3407" s="53">
        <v>11698.0753138075</v>
      </c>
      <c r="AZ3407" s="53">
        <v>11698.0753138075</v>
      </c>
      <c r="BA3407" s="53">
        <v>140376.90376568999</v>
      </c>
      <c r="BB3407" s="53">
        <v>11698.0753138075</v>
      </c>
      <c r="BC3407" s="53">
        <v>11698.0753138075</v>
      </c>
      <c r="BD3407" s="53">
        <v>11698.0753138075</v>
      </c>
      <c r="BE3407" s="53">
        <v>11698.0753138075</v>
      </c>
      <c r="BF3407" s="53">
        <v>11698.0753138075</v>
      </c>
      <c r="BG3407" s="53">
        <v>11698.0753138075</v>
      </c>
      <c r="BH3407" s="53">
        <v>11698.0753138075</v>
      </c>
      <c r="BI3407" s="53">
        <v>11698.0753138075</v>
      </c>
      <c r="BJ3407" s="53">
        <v>11698.0753138075</v>
      </c>
      <c r="BK3407" s="53">
        <v>11698.0753138075</v>
      </c>
      <c r="BL3407" s="53">
        <v>11698.0753138075</v>
      </c>
      <c r="BM3407" s="53">
        <v>11698.0753138075</v>
      </c>
      <c r="BN3407" s="53">
        <v>140376.90376568999</v>
      </c>
      <c r="BO3407" s="53">
        <v>11698.0753138075</v>
      </c>
      <c r="BP3407" s="53">
        <v>11698.0753138075</v>
      </c>
      <c r="BQ3407" s="53">
        <v>11698.0753138075</v>
      </c>
      <c r="BR3407" s="53">
        <v>11698.0753138075</v>
      </c>
      <c r="BS3407" s="53">
        <v>11698.0753138075</v>
      </c>
      <c r="BT3407" s="53">
        <v>11698.0753138075</v>
      </c>
      <c r="BU3407" s="53">
        <v>11698.0753138075</v>
      </c>
      <c r="BV3407" s="53">
        <v>11698.0753138075</v>
      </c>
      <c r="BW3407" s="53">
        <v>11698.0753138075</v>
      </c>
      <c r="BX3407" s="53">
        <v>11698.0753138075</v>
      </c>
      <c r="BY3407" s="53">
        <v>11698.0753138075</v>
      </c>
      <c r="BZ3407" s="53">
        <v>11698.0753138075</v>
      </c>
      <c r="CA3407" s="53">
        <v>140376.90376568999</v>
      </c>
      <c r="CB3407" s="53"/>
      <c r="CC3407" s="53"/>
      <c r="CD3407" s="53"/>
      <c r="CE3407" s="53"/>
      <c r="CF3407" s="53"/>
      <c r="CG3407" s="53"/>
      <c r="CH3407" s="53"/>
      <c r="CI3407" s="53"/>
      <c r="CJ3407" s="53"/>
      <c r="CK3407" s="53"/>
      <c r="CL3407" s="53"/>
      <c r="CM3407" s="53"/>
      <c r="CN3407" s="53"/>
    </row>
    <row r="3408" spans="1:92" outlineLevel="1">
      <c r="A3408" s="52" t="s">
        <v>732</v>
      </c>
      <c r="B3408" s="53"/>
      <c r="C3408" s="53"/>
      <c r="D3408" s="53"/>
      <c r="E3408" s="53"/>
      <c r="F3408" s="53"/>
      <c r="G3408" s="53"/>
      <c r="H3408" s="53"/>
      <c r="I3408" s="53"/>
      <c r="J3408" s="53"/>
      <c r="K3408" s="53"/>
      <c r="L3408" s="53"/>
      <c r="M3408" s="53"/>
      <c r="N3408" s="53"/>
      <c r="O3408" s="53"/>
      <c r="P3408" s="53"/>
      <c r="Q3408" s="53"/>
      <c r="R3408" s="53"/>
      <c r="S3408" s="53"/>
      <c r="T3408" s="53"/>
      <c r="U3408" s="53"/>
      <c r="V3408" s="53"/>
      <c r="W3408" s="53"/>
      <c r="X3408" s="53"/>
      <c r="Y3408" s="53"/>
      <c r="Z3408" s="53"/>
      <c r="AA3408" s="53"/>
      <c r="AB3408" s="53"/>
      <c r="AC3408" s="53"/>
      <c r="AD3408" s="53"/>
      <c r="AE3408" s="53"/>
      <c r="AF3408" s="53"/>
      <c r="AG3408" s="53"/>
      <c r="AH3408" s="53"/>
      <c r="AI3408" s="53"/>
      <c r="AJ3408" s="53"/>
      <c r="AK3408" s="53"/>
      <c r="AL3408" s="53"/>
      <c r="AM3408" s="53"/>
      <c r="AN3408" s="53"/>
      <c r="AO3408" s="53"/>
      <c r="AP3408" s="53"/>
      <c r="AQ3408" s="53"/>
      <c r="AR3408" s="53"/>
      <c r="AS3408" s="53"/>
      <c r="AT3408" s="53"/>
      <c r="AU3408" s="53"/>
      <c r="AV3408" s="53"/>
      <c r="AW3408" s="53"/>
      <c r="AX3408" s="53"/>
      <c r="AY3408" s="53"/>
      <c r="AZ3408" s="53"/>
      <c r="BA3408" s="53"/>
      <c r="BB3408" s="53"/>
      <c r="BC3408" s="53"/>
      <c r="BD3408" s="53"/>
      <c r="BE3408" s="53"/>
      <c r="BF3408" s="53"/>
      <c r="BG3408" s="53"/>
      <c r="BH3408" s="53"/>
      <c r="BI3408" s="53"/>
      <c r="BJ3408" s="53"/>
      <c r="BK3408" s="53"/>
      <c r="BL3408" s="53"/>
      <c r="BM3408" s="53"/>
      <c r="BN3408" s="53"/>
      <c r="BO3408" s="53"/>
      <c r="BP3408" s="53"/>
      <c r="BQ3408" s="53"/>
      <c r="BR3408" s="53"/>
      <c r="BS3408" s="53"/>
      <c r="BT3408" s="53"/>
      <c r="BU3408" s="53"/>
      <c r="BV3408" s="53"/>
      <c r="BW3408" s="53"/>
      <c r="BX3408" s="53"/>
      <c r="BY3408" s="53"/>
      <c r="BZ3408" s="53"/>
      <c r="CA3408" s="53"/>
      <c r="CB3408" s="53"/>
      <c r="CC3408" s="53"/>
      <c r="CD3408" s="53"/>
      <c r="CE3408" s="53"/>
      <c r="CF3408" s="53"/>
      <c r="CG3408" s="53"/>
      <c r="CH3408" s="53"/>
      <c r="CI3408" s="53"/>
      <c r="CJ3408" s="53"/>
      <c r="CK3408" s="53"/>
      <c r="CL3408" s="53"/>
      <c r="CM3408" s="53"/>
      <c r="CN3408" s="53"/>
    </row>
    <row r="3409" spans="1:92" outlineLevel="1">
      <c r="A3409" s="52" t="s">
        <v>711</v>
      </c>
      <c r="B3409" s="53">
        <v>1213.9315068493099</v>
      </c>
      <c r="C3409" s="53">
        <v>1213.93055555555</v>
      </c>
      <c r="D3409" s="53">
        <v>1213.9295774647801</v>
      </c>
      <c r="E3409" s="53">
        <v>1213.92857142857</v>
      </c>
      <c r="F3409" s="53">
        <v>1213.9275362318799</v>
      </c>
      <c r="G3409" s="53">
        <v>1213.9264705882299</v>
      </c>
      <c r="H3409" s="53">
        <v>1213.9253731343199</v>
      </c>
      <c r="I3409" s="53">
        <v>1213.92424242424</v>
      </c>
      <c r="J3409" s="53">
        <v>1213.9384615384599</v>
      </c>
      <c r="K3409" s="53">
        <v>1213.9375</v>
      </c>
      <c r="L3409" s="53">
        <v>1213.9365079365</v>
      </c>
      <c r="M3409" s="53">
        <v>1213.9354838709601</v>
      </c>
      <c r="N3409" s="53">
        <v>14567.1717870228</v>
      </c>
      <c r="O3409" s="53">
        <v>1213.9344262295001</v>
      </c>
      <c r="P3409" s="53">
        <v>1213.9344262295001</v>
      </c>
      <c r="Q3409" s="53">
        <v>1213.9344262295001</v>
      </c>
      <c r="R3409" s="53">
        <v>1213.9344262295001</v>
      </c>
      <c r="S3409" s="53">
        <v>1213.9344262295001</v>
      </c>
      <c r="T3409" s="53">
        <v>1213.9344262295001</v>
      </c>
      <c r="U3409" s="53">
        <v>1213.9344262295001</v>
      </c>
      <c r="V3409" s="53">
        <v>1213.9344262295001</v>
      </c>
      <c r="W3409" s="53">
        <v>1213.9344262295001</v>
      </c>
      <c r="X3409" s="53">
        <v>1213.9344262295001</v>
      </c>
      <c r="Y3409" s="53">
        <v>1213.9344262295001</v>
      </c>
      <c r="Z3409" s="53">
        <v>1213.9344262295001</v>
      </c>
      <c r="AA3409" s="53">
        <v>14567.213114754</v>
      </c>
      <c r="AB3409" s="53">
        <v>1213.9344262295001</v>
      </c>
      <c r="AC3409" s="53">
        <v>1213.9344262295001</v>
      </c>
      <c r="AD3409" s="53">
        <v>1213.9344262295001</v>
      </c>
      <c r="AE3409" s="53">
        <v>1213.9344262295001</v>
      </c>
      <c r="AF3409" s="53">
        <v>1213.9344262295001</v>
      </c>
      <c r="AG3409" s="53">
        <v>1213.9344262295001</v>
      </c>
      <c r="AH3409" s="53">
        <v>1213.9344262295001</v>
      </c>
      <c r="AI3409" s="53">
        <v>1213.9344262295001</v>
      </c>
      <c r="AJ3409" s="53">
        <v>1213.9344262295001</v>
      </c>
      <c r="AK3409" s="53">
        <v>1213.9344262295001</v>
      </c>
      <c r="AL3409" s="53">
        <v>1213.9344262295001</v>
      </c>
      <c r="AM3409" s="53">
        <v>1213.9344262295001</v>
      </c>
      <c r="AN3409" s="53">
        <v>14567.213114754</v>
      </c>
      <c r="AO3409" s="53">
        <v>1213.9344262295001</v>
      </c>
      <c r="AP3409" s="53">
        <v>1213.9344262295001</v>
      </c>
      <c r="AQ3409" s="53">
        <v>1213.9344262295001</v>
      </c>
      <c r="AR3409" s="53">
        <v>1213.9344262295001</v>
      </c>
      <c r="AS3409" s="53">
        <v>1213.9344262295001</v>
      </c>
      <c r="AT3409" s="53">
        <v>1213.9344262295001</v>
      </c>
      <c r="AU3409" s="53">
        <v>1213.9344262295001</v>
      </c>
      <c r="AV3409" s="53">
        <v>1213.9344262295001</v>
      </c>
      <c r="AW3409" s="53">
        <v>1213.9344262295001</v>
      </c>
      <c r="AX3409" s="53">
        <v>1213.9344262295001</v>
      </c>
      <c r="AY3409" s="53">
        <v>1213.9344262295001</v>
      </c>
      <c r="AZ3409" s="53">
        <v>1213.9344262295001</v>
      </c>
      <c r="BA3409" s="53">
        <v>14567.213114754</v>
      </c>
      <c r="BB3409" s="53">
        <v>1213.9344262295001</v>
      </c>
      <c r="BC3409" s="53">
        <v>1213.9344262295001</v>
      </c>
      <c r="BD3409" s="53">
        <v>1213.9344262295001</v>
      </c>
      <c r="BE3409" s="53">
        <v>1213.9344262295001</v>
      </c>
      <c r="BF3409" s="53">
        <v>1213.9344262295001</v>
      </c>
      <c r="BG3409" s="53">
        <v>1213.9344262295001</v>
      </c>
      <c r="BH3409" s="53">
        <v>1213.9344262295001</v>
      </c>
      <c r="BI3409" s="53">
        <v>1213.9344262295001</v>
      </c>
      <c r="BJ3409" s="53">
        <v>1213.9344262295001</v>
      </c>
      <c r="BK3409" s="53">
        <v>1213.9344262295001</v>
      </c>
      <c r="BL3409" s="53">
        <v>1213.9344262295001</v>
      </c>
      <c r="BM3409" s="53">
        <v>1213.9344262295001</v>
      </c>
      <c r="BN3409" s="53">
        <v>14567.213114754</v>
      </c>
      <c r="BO3409" s="53">
        <v>1213.9344262295001</v>
      </c>
      <c r="BP3409" s="53">
        <v>1213.9344262295001</v>
      </c>
      <c r="BQ3409" s="53">
        <v>1213.9344262295001</v>
      </c>
      <c r="BR3409" s="53">
        <v>1213.9344262295001</v>
      </c>
      <c r="BS3409" s="53">
        <v>1213.9344262295001</v>
      </c>
      <c r="BT3409" s="53">
        <v>1213.9344262295001</v>
      </c>
      <c r="BU3409" s="53">
        <v>1213.9344262295001</v>
      </c>
      <c r="BV3409" s="53">
        <v>1213.9344262295001</v>
      </c>
      <c r="BW3409" s="53">
        <v>1213.9344262295001</v>
      </c>
      <c r="BX3409" s="53">
        <v>1213.9344262295001</v>
      </c>
      <c r="BY3409" s="53">
        <v>1213.9344262295001</v>
      </c>
      <c r="BZ3409" s="53">
        <v>1213.9344262295001</v>
      </c>
      <c r="CA3409" s="53">
        <v>14567.2131147541</v>
      </c>
      <c r="CB3409" s="53"/>
      <c r="CC3409" s="53"/>
      <c r="CD3409" s="53"/>
      <c r="CE3409" s="53"/>
      <c r="CF3409" s="53"/>
      <c r="CG3409" s="53"/>
      <c r="CH3409" s="53"/>
      <c r="CI3409" s="53"/>
      <c r="CJ3409" s="53"/>
      <c r="CK3409" s="53"/>
      <c r="CL3409" s="53"/>
      <c r="CM3409" s="53"/>
      <c r="CN3409" s="53"/>
    </row>
    <row r="3410" spans="1:92" outlineLevel="1">
      <c r="A3410" s="52" t="s">
        <v>712</v>
      </c>
      <c r="B3410" s="53">
        <v>1583.15671641791</v>
      </c>
      <c r="C3410" s="53">
        <v>1583.15789473684</v>
      </c>
      <c r="D3410" s="53">
        <v>1583.1590909090901</v>
      </c>
      <c r="E3410" s="53">
        <v>1583.1603053435099</v>
      </c>
      <c r="F3410" s="53">
        <v>1583.15384615384</v>
      </c>
      <c r="G3410" s="53">
        <v>1583.1550387596899</v>
      </c>
      <c r="H3410" s="53">
        <v>1583.15625</v>
      </c>
      <c r="I3410" s="53">
        <v>1583.1574803149599</v>
      </c>
      <c r="J3410" s="53">
        <v>1583.1587301587299</v>
      </c>
      <c r="K3410" s="53">
        <v>1583.16</v>
      </c>
      <c r="L3410" s="53">
        <v>1583.1532258064501</v>
      </c>
      <c r="M3410" s="53">
        <v>1583.1544715447101</v>
      </c>
      <c r="N3410" s="53">
        <v>18997.883050145701</v>
      </c>
      <c r="O3410" s="53">
        <v>1583.1557377049101</v>
      </c>
      <c r="P3410" s="53">
        <v>1583.1557377049101</v>
      </c>
      <c r="Q3410" s="53">
        <v>1583.1557377049101</v>
      </c>
      <c r="R3410" s="53">
        <v>1583.1557377049101</v>
      </c>
      <c r="S3410" s="53">
        <v>1583.1557377049101</v>
      </c>
      <c r="T3410" s="53">
        <v>1583.1557377049101</v>
      </c>
      <c r="U3410" s="53">
        <v>1583.1557377049101</v>
      </c>
      <c r="V3410" s="53">
        <v>1583.1557377049101</v>
      </c>
      <c r="W3410" s="53">
        <v>1583.1557377049101</v>
      </c>
      <c r="X3410" s="53">
        <v>1583.1557377049101</v>
      </c>
      <c r="Y3410" s="53">
        <v>1583.1557377049101</v>
      </c>
      <c r="Z3410" s="53">
        <v>1583.1557377049101</v>
      </c>
      <c r="AA3410" s="53">
        <v>18997.868852459</v>
      </c>
      <c r="AB3410" s="53">
        <v>1583.1557377049101</v>
      </c>
      <c r="AC3410" s="53">
        <v>1583.1557377049101</v>
      </c>
      <c r="AD3410" s="53">
        <v>1583.1557377049101</v>
      </c>
      <c r="AE3410" s="53">
        <v>1583.1557377049101</v>
      </c>
      <c r="AF3410" s="53">
        <v>1583.1557377049101</v>
      </c>
      <c r="AG3410" s="53">
        <v>1583.1557377049101</v>
      </c>
      <c r="AH3410" s="53">
        <v>1583.1557377049101</v>
      </c>
      <c r="AI3410" s="53">
        <v>1583.1557377049101</v>
      </c>
      <c r="AJ3410" s="53">
        <v>1583.1557377049101</v>
      </c>
      <c r="AK3410" s="53">
        <v>1583.1557377049101</v>
      </c>
      <c r="AL3410" s="53">
        <v>1583.1557377049101</v>
      </c>
      <c r="AM3410" s="53">
        <v>1583.1557377049101</v>
      </c>
      <c r="AN3410" s="53">
        <v>18997.868852459</v>
      </c>
      <c r="AO3410" s="53">
        <v>1583.1557377049101</v>
      </c>
      <c r="AP3410" s="53">
        <v>1583.1557377049101</v>
      </c>
      <c r="AQ3410" s="53">
        <v>1583.1557377049101</v>
      </c>
      <c r="AR3410" s="53">
        <v>1583.1557377049101</v>
      </c>
      <c r="AS3410" s="53">
        <v>1583.1557377049101</v>
      </c>
      <c r="AT3410" s="53">
        <v>1583.1557377049101</v>
      </c>
      <c r="AU3410" s="53">
        <v>1583.1557377049101</v>
      </c>
      <c r="AV3410" s="53">
        <v>1583.1557377049101</v>
      </c>
      <c r="AW3410" s="53">
        <v>1583.1557377049101</v>
      </c>
      <c r="AX3410" s="53">
        <v>1583.1557377049101</v>
      </c>
      <c r="AY3410" s="53">
        <v>1583.1557377049101</v>
      </c>
      <c r="AZ3410" s="53">
        <v>1583.1557377049101</v>
      </c>
      <c r="BA3410" s="53">
        <v>18997.868852459</v>
      </c>
      <c r="BB3410" s="53">
        <v>1583.1557377049101</v>
      </c>
      <c r="BC3410" s="53">
        <v>1583.1557377049201</v>
      </c>
      <c r="BD3410" s="53">
        <v>1583.1557377049201</v>
      </c>
      <c r="BE3410" s="53">
        <v>1583.1557377049201</v>
      </c>
      <c r="BF3410" s="53">
        <v>1583.1557377049201</v>
      </c>
      <c r="BG3410" s="53">
        <v>1583.1557377049201</v>
      </c>
      <c r="BH3410" s="53">
        <v>1583.1557377049201</v>
      </c>
      <c r="BI3410" s="53">
        <v>1583.1557377049201</v>
      </c>
      <c r="BJ3410" s="53">
        <v>1583.1557377049201</v>
      </c>
      <c r="BK3410" s="53">
        <v>1583.1557377049201</v>
      </c>
      <c r="BL3410" s="53">
        <v>1583.1557377049201</v>
      </c>
      <c r="BM3410" s="53">
        <v>1583.1557377049201</v>
      </c>
      <c r="BN3410" s="53">
        <v>18997.868852459</v>
      </c>
      <c r="BO3410" s="53">
        <v>1583.1557377049201</v>
      </c>
      <c r="BP3410" s="53">
        <v>1583.1557377049201</v>
      </c>
      <c r="BQ3410" s="53">
        <v>1583.1557377049201</v>
      </c>
      <c r="BR3410" s="53">
        <v>1583.1557377049201</v>
      </c>
      <c r="BS3410" s="53">
        <v>1583.1557377049201</v>
      </c>
      <c r="BT3410" s="53">
        <v>1583.1557377049201</v>
      </c>
      <c r="BU3410" s="53">
        <v>1583.1557377049201</v>
      </c>
      <c r="BV3410" s="53">
        <v>1583.1557377049201</v>
      </c>
      <c r="BW3410" s="53">
        <v>1583.1557377049201</v>
      </c>
      <c r="BX3410" s="53">
        <v>1583.1557377049201</v>
      </c>
      <c r="BY3410" s="53">
        <v>1583.1557377049201</v>
      </c>
      <c r="BZ3410" s="53">
        <v>1583.1557377049201</v>
      </c>
      <c r="CA3410" s="53">
        <v>18997.868852459</v>
      </c>
      <c r="CB3410" s="53"/>
      <c r="CC3410" s="53"/>
      <c r="CD3410" s="53"/>
      <c r="CE3410" s="53"/>
      <c r="CF3410" s="53"/>
      <c r="CG3410" s="53"/>
      <c r="CH3410" s="53"/>
      <c r="CI3410" s="53"/>
      <c r="CJ3410" s="53"/>
      <c r="CK3410" s="53"/>
      <c r="CL3410" s="53"/>
      <c r="CM3410" s="53"/>
      <c r="CN3410" s="53"/>
    </row>
    <row r="3411" spans="1:92" outlineLevel="1">
      <c r="A3411" s="52" t="s">
        <v>713</v>
      </c>
      <c r="B3411" s="53">
        <v>1833.3899204244001</v>
      </c>
      <c r="C3411" s="53">
        <v>1833.3920000000001</v>
      </c>
      <c r="D3411" s="53">
        <v>1833.3887399463799</v>
      </c>
      <c r="E3411" s="53">
        <v>1833.3908355795099</v>
      </c>
      <c r="F3411" s="53">
        <v>1833.3875338753301</v>
      </c>
      <c r="G3411" s="53">
        <v>1833.38964577656</v>
      </c>
      <c r="H3411" s="53">
        <v>1833.3917808219101</v>
      </c>
      <c r="I3411" s="53">
        <v>1833.3884297520599</v>
      </c>
      <c r="J3411" s="53">
        <v>1833.39058171745</v>
      </c>
      <c r="K3411" s="53">
        <v>1833.3871866295201</v>
      </c>
      <c r="L3411" s="53">
        <v>1833.38935574229</v>
      </c>
      <c r="M3411" s="53">
        <v>1833.3915492957699</v>
      </c>
      <c r="N3411" s="53">
        <v>22000.677559561202</v>
      </c>
      <c r="O3411" s="53">
        <v>1833.3881019830001</v>
      </c>
      <c r="P3411" s="53">
        <v>1833.3881019830001</v>
      </c>
      <c r="Q3411" s="53">
        <v>1833.3881019830001</v>
      </c>
      <c r="R3411" s="53">
        <v>1833.3881019830001</v>
      </c>
      <c r="S3411" s="53">
        <v>1833.3881019830001</v>
      </c>
      <c r="T3411" s="53">
        <v>1833.3881019830001</v>
      </c>
      <c r="U3411" s="53">
        <v>1833.3881019830001</v>
      </c>
      <c r="V3411" s="53">
        <v>1833.3881019830001</v>
      </c>
      <c r="W3411" s="53">
        <v>1833.3881019830001</v>
      </c>
      <c r="X3411" s="53">
        <v>1833.3881019830001</v>
      </c>
      <c r="Y3411" s="53">
        <v>1833.3881019830001</v>
      </c>
      <c r="Z3411" s="53">
        <v>1833.3881019830001</v>
      </c>
      <c r="AA3411" s="53">
        <v>22000.657223795999</v>
      </c>
      <c r="AB3411" s="53">
        <v>1833.3881019830001</v>
      </c>
      <c r="AC3411" s="53">
        <v>1833.3881019830001</v>
      </c>
      <c r="AD3411" s="53">
        <v>1833.3881019830001</v>
      </c>
      <c r="AE3411" s="53">
        <v>1833.3881019830001</v>
      </c>
      <c r="AF3411" s="53">
        <v>1833.3881019830001</v>
      </c>
      <c r="AG3411" s="53">
        <v>1833.3881019830001</v>
      </c>
      <c r="AH3411" s="53">
        <v>1833.3881019830001</v>
      </c>
      <c r="AI3411" s="53">
        <v>1833.3881019830001</v>
      </c>
      <c r="AJ3411" s="53">
        <v>1833.3881019830001</v>
      </c>
      <c r="AK3411" s="53">
        <v>1833.3881019830001</v>
      </c>
      <c r="AL3411" s="53">
        <v>1833.3881019830001</v>
      </c>
      <c r="AM3411" s="53">
        <v>1833.3881019830001</v>
      </c>
      <c r="AN3411" s="53">
        <v>22000.657223795999</v>
      </c>
      <c r="AO3411" s="53">
        <v>1833.3881019830001</v>
      </c>
      <c r="AP3411" s="53">
        <v>1833.3881019830001</v>
      </c>
      <c r="AQ3411" s="53">
        <v>1833.3881019830001</v>
      </c>
      <c r="AR3411" s="53">
        <v>1833.3881019830001</v>
      </c>
      <c r="AS3411" s="53">
        <v>1833.3881019829901</v>
      </c>
      <c r="AT3411" s="53">
        <v>1833.3881019829901</v>
      </c>
      <c r="AU3411" s="53">
        <v>1833.3881019829901</v>
      </c>
      <c r="AV3411" s="53">
        <v>1833.3881019829901</v>
      </c>
      <c r="AW3411" s="53">
        <v>1833.3881019829901</v>
      </c>
      <c r="AX3411" s="53">
        <v>1833.3881019829901</v>
      </c>
      <c r="AY3411" s="53">
        <v>1833.3881019829901</v>
      </c>
      <c r="AZ3411" s="53">
        <v>1833.3881019829901</v>
      </c>
      <c r="BA3411" s="53">
        <v>22000.657223795999</v>
      </c>
      <c r="BB3411" s="53">
        <v>1833.3881019829901</v>
      </c>
      <c r="BC3411" s="53">
        <v>1833.3881019829901</v>
      </c>
      <c r="BD3411" s="53">
        <v>1833.3881019829901</v>
      </c>
      <c r="BE3411" s="53">
        <v>1833.3881019829901</v>
      </c>
      <c r="BF3411" s="53">
        <v>1833.3881019829901</v>
      </c>
      <c r="BG3411" s="53">
        <v>1833.3881019829901</v>
      </c>
      <c r="BH3411" s="53">
        <v>1833.3881019829901</v>
      </c>
      <c r="BI3411" s="53">
        <v>1833.3881019829901</v>
      </c>
      <c r="BJ3411" s="53">
        <v>1833.3881019829901</v>
      </c>
      <c r="BK3411" s="53">
        <v>1833.3881019829901</v>
      </c>
      <c r="BL3411" s="53">
        <v>1833.3881019829901</v>
      </c>
      <c r="BM3411" s="53">
        <v>1833.3881019829901</v>
      </c>
      <c r="BN3411" s="53">
        <v>22000.657223795901</v>
      </c>
      <c r="BO3411" s="53">
        <v>1833.3881019829901</v>
      </c>
      <c r="BP3411" s="53">
        <v>1833.3881019829901</v>
      </c>
      <c r="BQ3411" s="53">
        <v>1833.3881019829901</v>
      </c>
      <c r="BR3411" s="53">
        <v>1833.3881019829901</v>
      </c>
      <c r="BS3411" s="53">
        <v>1833.3881019829901</v>
      </c>
      <c r="BT3411" s="53">
        <v>1833.3881019830001</v>
      </c>
      <c r="BU3411" s="53">
        <v>1833.3881019830001</v>
      </c>
      <c r="BV3411" s="53">
        <v>1833.3881019830001</v>
      </c>
      <c r="BW3411" s="53">
        <v>1833.3881019830001</v>
      </c>
      <c r="BX3411" s="53">
        <v>1833.3881019830001</v>
      </c>
      <c r="BY3411" s="53">
        <v>1833.3881019830001</v>
      </c>
      <c r="BZ3411" s="53">
        <v>1833.3881019830001</v>
      </c>
      <c r="CA3411" s="53">
        <v>22000.657223795999</v>
      </c>
      <c r="CB3411" s="53"/>
      <c r="CC3411" s="53"/>
      <c r="CD3411" s="53"/>
      <c r="CE3411" s="53"/>
      <c r="CF3411" s="53"/>
      <c r="CG3411" s="53"/>
      <c r="CH3411" s="53"/>
      <c r="CI3411" s="53"/>
      <c r="CJ3411" s="53"/>
      <c r="CK3411" s="53"/>
      <c r="CL3411" s="53"/>
      <c r="CM3411" s="53"/>
      <c r="CN3411" s="53"/>
    </row>
    <row r="3412" spans="1:92" outlineLevel="1">
      <c r="A3412" s="52" t="s">
        <v>716</v>
      </c>
      <c r="B3412" s="53">
        <v>11723.4531645569</v>
      </c>
      <c r="C3412" s="53">
        <v>11723.455470737899</v>
      </c>
      <c r="D3412" s="53">
        <v>11723.4526854219</v>
      </c>
      <c r="E3412" s="53">
        <v>11723.455012853399</v>
      </c>
      <c r="F3412" s="53">
        <v>11723.452196382401</v>
      </c>
      <c r="G3412" s="53">
        <v>11723.4545454545</v>
      </c>
      <c r="H3412" s="53">
        <v>11723.451697127901</v>
      </c>
      <c r="I3412" s="53">
        <v>11723.454068241401</v>
      </c>
      <c r="J3412" s="53">
        <v>11723.451187335</v>
      </c>
      <c r="K3412" s="53">
        <v>11723.4535809018</v>
      </c>
      <c r="L3412" s="53">
        <v>11723.4506666666</v>
      </c>
      <c r="M3412" s="53">
        <v>11723.4530831099</v>
      </c>
      <c r="N3412" s="53">
        <v>140681.43735878999</v>
      </c>
      <c r="O3412" s="53">
        <v>11723.4555256064</v>
      </c>
      <c r="P3412" s="53">
        <v>11723.4555256064</v>
      </c>
      <c r="Q3412" s="53">
        <v>11723.4555256064</v>
      </c>
      <c r="R3412" s="53">
        <v>11723.4555256064</v>
      </c>
      <c r="S3412" s="53">
        <v>11723.4555256064</v>
      </c>
      <c r="T3412" s="53">
        <v>11723.4555256064</v>
      </c>
      <c r="U3412" s="53">
        <v>11723.4555256064</v>
      </c>
      <c r="V3412" s="53">
        <v>11723.4555256064</v>
      </c>
      <c r="W3412" s="53">
        <v>11723.4555256064</v>
      </c>
      <c r="X3412" s="53">
        <v>11723.4555256064</v>
      </c>
      <c r="Y3412" s="53">
        <v>11723.4555256064</v>
      </c>
      <c r="Z3412" s="53">
        <v>11723.4555256064</v>
      </c>
      <c r="AA3412" s="53">
        <v>140681.46630727701</v>
      </c>
      <c r="AB3412" s="53">
        <v>11723.4555256064</v>
      </c>
      <c r="AC3412" s="53">
        <v>11723.4555256064</v>
      </c>
      <c r="AD3412" s="53">
        <v>11723.4555256064</v>
      </c>
      <c r="AE3412" s="53">
        <v>11723.4555256064</v>
      </c>
      <c r="AF3412" s="53">
        <v>11723.4555256064</v>
      </c>
      <c r="AG3412" s="53">
        <v>11723.4555256064</v>
      </c>
      <c r="AH3412" s="53">
        <v>11723.4555256064</v>
      </c>
      <c r="AI3412" s="53">
        <v>11723.4555256064</v>
      </c>
      <c r="AJ3412" s="53">
        <v>11723.4555256064</v>
      </c>
      <c r="AK3412" s="53">
        <v>11723.4555256064</v>
      </c>
      <c r="AL3412" s="53">
        <v>11723.4555256064</v>
      </c>
      <c r="AM3412" s="53">
        <v>11723.4555256064</v>
      </c>
      <c r="AN3412" s="53">
        <v>140681.46630727701</v>
      </c>
      <c r="AO3412" s="53">
        <v>11723.4555256064</v>
      </c>
      <c r="AP3412" s="53">
        <v>11723.4555256064</v>
      </c>
      <c r="AQ3412" s="53">
        <v>11723.4555256064</v>
      </c>
      <c r="AR3412" s="53">
        <v>11723.4555256064</v>
      </c>
      <c r="AS3412" s="53">
        <v>11723.4555256064</v>
      </c>
      <c r="AT3412" s="53">
        <v>11723.4555256064</v>
      </c>
      <c r="AU3412" s="53">
        <v>11723.4555256064</v>
      </c>
      <c r="AV3412" s="53">
        <v>11723.4555256064</v>
      </c>
      <c r="AW3412" s="53">
        <v>11723.4555256064</v>
      </c>
      <c r="AX3412" s="53">
        <v>11723.4555256064</v>
      </c>
      <c r="AY3412" s="53">
        <v>11723.4555256064</v>
      </c>
      <c r="AZ3412" s="53">
        <v>11723.4555256064</v>
      </c>
      <c r="BA3412" s="53">
        <v>140681.46630727701</v>
      </c>
      <c r="BB3412" s="53">
        <v>11723.4555256064</v>
      </c>
      <c r="BC3412" s="53">
        <v>11723.4555256064</v>
      </c>
      <c r="BD3412" s="53">
        <v>11723.4555256064</v>
      </c>
      <c r="BE3412" s="53">
        <v>11723.4555256064</v>
      </c>
      <c r="BF3412" s="53">
        <v>11723.4555256064</v>
      </c>
      <c r="BG3412" s="53">
        <v>11723.4555256064</v>
      </c>
      <c r="BH3412" s="53">
        <v>11723.4555256064</v>
      </c>
      <c r="BI3412" s="53">
        <v>11723.4555256064</v>
      </c>
      <c r="BJ3412" s="53">
        <v>11723.4555256064</v>
      </c>
      <c r="BK3412" s="53">
        <v>11723.4555256064</v>
      </c>
      <c r="BL3412" s="53">
        <v>11723.4555256064</v>
      </c>
      <c r="BM3412" s="53">
        <v>11723.4555256064</v>
      </c>
      <c r="BN3412" s="53">
        <v>140681.46630727701</v>
      </c>
      <c r="BO3412" s="53">
        <v>11723.4555256064</v>
      </c>
      <c r="BP3412" s="53">
        <v>11723.4555256064</v>
      </c>
      <c r="BQ3412" s="53">
        <v>11723.4555256064</v>
      </c>
      <c r="BR3412" s="53">
        <v>11723.4555256064</v>
      </c>
      <c r="BS3412" s="53">
        <v>11723.4555256064</v>
      </c>
      <c r="BT3412" s="53">
        <v>11723.4555256064</v>
      </c>
      <c r="BU3412" s="53">
        <v>11723.4555256064</v>
      </c>
      <c r="BV3412" s="53">
        <v>11723.4555256064</v>
      </c>
      <c r="BW3412" s="53">
        <v>11723.4555256064</v>
      </c>
      <c r="BX3412" s="53">
        <v>11723.4555256064</v>
      </c>
      <c r="BY3412" s="53">
        <v>11723.4555256064</v>
      </c>
      <c r="BZ3412" s="53">
        <v>11723.4555256064</v>
      </c>
      <c r="CA3412" s="53">
        <v>140681.46630727701</v>
      </c>
      <c r="CB3412" s="53"/>
      <c r="CC3412" s="53"/>
      <c r="CD3412" s="53"/>
      <c r="CE3412" s="53"/>
      <c r="CF3412" s="53"/>
      <c r="CG3412" s="53"/>
      <c r="CH3412" s="53"/>
      <c r="CI3412" s="53"/>
      <c r="CJ3412" s="53"/>
      <c r="CK3412" s="53"/>
      <c r="CL3412" s="53"/>
      <c r="CM3412" s="53"/>
      <c r="CN3412" s="53"/>
    </row>
    <row r="3413" spans="1:92" outlineLevel="1">
      <c r="A3413" s="52" t="s">
        <v>717</v>
      </c>
      <c r="B3413" s="53">
        <v>4051.8264840182601</v>
      </c>
      <c r="C3413" s="53">
        <v>4051.8256880733902</v>
      </c>
      <c r="D3413" s="53">
        <v>4051.8248847926202</v>
      </c>
      <c r="E3413" s="53">
        <v>4051.8287037036998</v>
      </c>
      <c r="F3413" s="53">
        <v>4051.82790697674</v>
      </c>
      <c r="G3413" s="53">
        <v>4051.8271028037302</v>
      </c>
      <c r="H3413" s="53">
        <v>4051.8262910798098</v>
      </c>
      <c r="I3413" s="53">
        <v>4051.8254716981101</v>
      </c>
      <c r="J3413" s="53">
        <v>4051.8246445497598</v>
      </c>
      <c r="K3413" s="53">
        <v>4051.8285714285698</v>
      </c>
      <c r="L3413" s="53">
        <v>4051.8277511961701</v>
      </c>
      <c r="M3413" s="53">
        <v>4051.8269230769201</v>
      </c>
      <c r="N3413" s="53">
        <v>48621.920423397802</v>
      </c>
      <c r="O3413" s="53">
        <v>4051.8260869565202</v>
      </c>
      <c r="P3413" s="53">
        <v>4051.8260869565202</v>
      </c>
      <c r="Q3413" s="53">
        <v>4051.8260869565202</v>
      </c>
      <c r="R3413" s="53">
        <v>4051.8260869565202</v>
      </c>
      <c r="S3413" s="53">
        <v>4051.8260869565202</v>
      </c>
      <c r="T3413" s="53">
        <v>4051.8260869565202</v>
      </c>
      <c r="U3413" s="53">
        <v>4051.8260869565202</v>
      </c>
      <c r="V3413" s="53">
        <v>4051.8260869565202</v>
      </c>
      <c r="W3413" s="53">
        <v>4051.8260869565102</v>
      </c>
      <c r="X3413" s="53">
        <v>4051.8260869565102</v>
      </c>
      <c r="Y3413" s="53">
        <v>4051.8260869565102</v>
      </c>
      <c r="Z3413" s="53">
        <v>4051.8260869565102</v>
      </c>
      <c r="AA3413" s="53">
        <v>48621.913043478198</v>
      </c>
      <c r="AB3413" s="53">
        <v>4051.8260869565102</v>
      </c>
      <c r="AC3413" s="53">
        <v>4051.8260869565102</v>
      </c>
      <c r="AD3413" s="53">
        <v>4051.8260869565102</v>
      </c>
      <c r="AE3413" s="53">
        <v>4051.8260869565102</v>
      </c>
      <c r="AF3413" s="53">
        <v>4051.8260869565102</v>
      </c>
      <c r="AG3413" s="53">
        <v>4051.8260869565102</v>
      </c>
      <c r="AH3413" s="53">
        <v>4051.8260869565102</v>
      </c>
      <c r="AI3413" s="53">
        <v>4051.8260869565102</v>
      </c>
      <c r="AJ3413" s="53">
        <v>4051.8260869565102</v>
      </c>
      <c r="AK3413" s="53">
        <v>4051.8260869565102</v>
      </c>
      <c r="AL3413" s="53">
        <v>4051.8260869565102</v>
      </c>
      <c r="AM3413" s="53">
        <v>4051.8260869565102</v>
      </c>
      <c r="AN3413" s="53">
        <v>48621.913043478198</v>
      </c>
      <c r="AO3413" s="53">
        <v>4051.8260869565102</v>
      </c>
      <c r="AP3413" s="53">
        <v>4051.8260869565102</v>
      </c>
      <c r="AQ3413" s="53">
        <v>4051.8260869565102</v>
      </c>
      <c r="AR3413" s="53">
        <v>4051.8260869565102</v>
      </c>
      <c r="AS3413" s="53">
        <v>4051.8260869565102</v>
      </c>
      <c r="AT3413" s="53">
        <v>4051.8260869565102</v>
      </c>
      <c r="AU3413" s="53">
        <v>4051.8260869565102</v>
      </c>
      <c r="AV3413" s="53">
        <v>4051.8260869565102</v>
      </c>
      <c r="AW3413" s="53">
        <v>4051.8260869565102</v>
      </c>
      <c r="AX3413" s="53">
        <v>4051.8260869565102</v>
      </c>
      <c r="AY3413" s="53">
        <v>4051.8260869565102</v>
      </c>
      <c r="AZ3413" s="53">
        <v>4051.8260869565102</v>
      </c>
      <c r="BA3413" s="53">
        <v>48621.913043478096</v>
      </c>
      <c r="BB3413" s="53">
        <v>4051.8260869565102</v>
      </c>
      <c r="BC3413" s="53">
        <v>4051.8260869565102</v>
      </c>
      <c r="BD3413" s="53">
        <v>4051.8260869565102</v>
      </c>
      <c r="BE3413" s="53">
        <v>4051.8260869565102</v>
      </c>
      <c r="BF3413" s="53">
        <v>4051.8260869565102</v>
      </c>
      <c r="BG3413" s="53">
        <v>4051.8260869565102</v>
      </c>
      <c r="BH3413" s="53">
        <v>4051.8260869565001</v>
      </c>
      <c r="BI3413" s="53">
        <v>4051.8260869565001</v>
      </c>
      <c r="BJ3413" s="53">
        <v>4051.8260869565001</v>
      </c>
      <c r="BK3413" s="53">
        <v>4051.8260869565102</v>
      </c>
      <c r="BL3413" s="53">
        <v>4051.8260869565001</v>
      </c>
      <c r="BM3413" s="53">
        <v>4051.8260869565001</v>
      </c>
      <c r="BN3413" s="53">
        <v>48621.913043478096</v>
      </c>
      <c r="BO3413" s="53">
        <v>4051.8260869565102</v>
      </c>
      <c r="BP3413" s="53">
        <v>4051.8260869565001</v>
      </c>
      <c r="BQ3413" s="53">
        <v>4051.8260869565001</v>
      </c>
      <c r="BR3413" s="53">
        <v>4051.8260869565001</v>
      </c>
      <c r="BS3413" s="53">
        <v>4051.8260869565001</v>
      </c>
      <c r="BT3413" s="53">
        <v>4051.8260869565102</v>
      </c>
      <c r="BU3413" s="53">
        <v>4051.8260869565102</v>
      </c>
      <c r="BV3413" s="53">
        <v>4051.8260869565001</v>
      </c>
      <c r="BW3413" s="53">
        <v>4051.8260869565001</v>
      </c>
      <c r="BX3413" s="53">
        <v>4051.8260869565102</v>
      </c>
      <c r="BY3413" s="53">
        <v>4051.8260869565001</v>
      </c>
      <c r="BZ3413" s="53">
        <v>4051.8260869565001</v>
      </c>
      <c r="CA3413" s="53">
        <v>48621.913043478096</v>
      </c>
      <c r="CB3413" s="53"/>
      <c r="CC3413" s="53"/>
      <c r="CD3413" s="53"/>
      <c r="CE3413" s="53"/>
      <c r="CF3413" s="53"/>
      <c r="CG3413" s="53"/>
      <c r="CH3413" s="53"/>
      <c r="CI3413" s="53"/>
      <c r="CJ3413" s="53"/>
      <c r="CK3413" s="53"/>
      <c r="CL3413" s="53"/>
      <c r="CM3413" s="53"/>
      <c r="CN3413" s="53"/>
    </row>
    <row r="3414" spans="1:92" outlineLevel="1">
      <c r="A3414" s="52" t="s">
        <v>718</v>
      </c>
      <c r="B3414" s="53">
        <v>3523.4091816367199</v>
      </c>
      <c r="C3414" s="53">
        <v>3523.4108216432801</v>
      </c>
      <c r="D3414" s="53">
        <v>3523.4084507042198</v>
      </c>
      <c r="E3414" s="53">
        <v>3523.4101010100999</v>
      </c>
      <c r="F3414" s="53">
        <v>3523.4077079107501</v>
      </c>
      <c r="G3414" s="53">
        <v>3523.4093686354299</v>
      </c>
      <c r="H3414" s="53">
        <v>3523.4110429447801</v>
      </c>
      <c r="I3414" s="53">
        <v>3523.40862422997</v>
      </c>
      <c r="J3414" s="53">
        <v>3523.4103092783498</v>
      </c>
      <c r="K3414" s="53">
        <v>3523.40786749482</v>
      </c>
      <c r="L3414" s="53">
        <v>3523.4095634095602</v>
      </c>
      <c r="M3414" s="53">
        <v>3523.4070981210798</v>
      </c>
      <c r="N3414" s="53">
        <v>42280.910137019098</v>
      </c>
      <c r="O3414" s="53">
        <v>3523.4088050314399</v>
      </c>
      <c r="P3414" s="53">
        <v>3523.4088050314399</v>
      </c>
      <c r="Q3414" s="53">
        <v>3523.4088050314399</v>
      </c>
      <c r="R3414" s="53">
        <v>3523.4088050314399</v>
      </c>
      <c r="S3414" s="53">
        <v>3523.4088050314399</v>
      </c>
      <c r="T3414" s="53">
        <v>3523.4088050314399</v>
      </c>
      <c r="U3414" s="53">
        <v>3523.4088050314399</v>
      </c>
      <c r="V3414" s="53">
        <v>3523.4088050314399</v>
      </c>
      <c r="W3414" s="53">
        <v>3523.4088050314399</v>
      </c>
      <c r="X3414" s="53">
        <v>3523.4088050314399</v>
      </c>
      <c r="Y3414" s="53">
        <v>3523.4088050314399</v>
      </c>
      <c r="Z3414" s="53">
        <v>3523.4088050314399</v>
      </c>
      <c r="AA3414" s="53">
        <v>42280.905660377299</v>
      </c>
      <c r="AB3414" s="53">
        <v>3523.4088050314399</v>
      </c>
      <c r="AC3414" s="53">
        <v>3523.4088050314399</v>
      </c>
      <c r="AD3414" s="53">
        <v>3523.4088050314399</v>
      </c>
      <c r="AE3414" s="53">
        <v>3523.4088050314399</v>
      </c>
      <c r="AF3414" s="53">
        <v>3523.4088050314399</v>
      </c>
      <c r="AG3414" s="53">
        <v>3523.4088050314399</v>
      </c>
      <c r="AH3414" s="53">
        <v>3523.4088050314499</v>
      </c>
      <c r="AI3414" s="53">
        <v>3523.4088050314399</v>
      </c>
      <c r="AJ3414" s="53">
        <v>3523.4088050314499</v>
      </c>
      <c r="AK3414" s="53">
        <v>3523.4088050314499</v>
      </c>
      <c r="AL3414" s="53">
        <v>3523.4088050314499</v>
      </c>
      <c r="AM3414" s="53">
        <v>3523.4088050314499</v>
      </c>
      <c r="AN3414" s="53">
        <v>42280.905660377401</v>
      </c>
      <c r="AO3414" s="53">
        <v>3523.4088050314499</v>
      </c>
      <c r="AP3414" s="53">
        <v>3523.4088050314499</v>
      </c>
      <c r="AQ3414" s="53">
        <v>3523.4088050314499</v>
      </c>
      <c r="AR3414" s="53">
        <v>3523.4088050314499</v>
      </c>
      <c r="AS3414" s="53">
        <v>3523.4088050314499</v>
      </c>
      <c r="AT3414" s="53">
        <v>3523.4088050314499</v>
      </c>
      <c r="AU3414" s="53">
        <v>3523.4088050314499</v>
      </c>
      <c r="AV3414" s="53">
        <v>3523.4088050314499</v>
      </c>
      <c r="AW3414" s="53">
        <v>3523.4088050314499</v>
      </c>
      <c r="AX3414" s="53">
        <v>3523.4088050314499</v>
      </c>
      <c r="AY3414" s="53">
        <v>3523.4088050314499</v>
      </c>
      <c r="AZ3414" s="53">
        <v>3523.4088050314499</v>
      </c>
      <c r="BA3414" s="53">
        <v>42280.905660377401</v>
      </c>
      <c r="BB3414" s="53">
        <v>3523.4088050314499</v>
      </c>
      <c r="BC3414" s="53">
        <v>3523.4088050314499</v>
      </c>
      <c r="BD3414" s="53">
        <v>3523.4088050314499</v>
      </c>
      <c r="BE3414" s="53">
        <v>3523.4088050314499</v>
      </c>
      <c r="BF3414" s="53">
        <v>3523.4088050314499</v>
      </c>
      <c r="BG3414" s="53">
        <v>3523.4088050314499</v>
      </c>
      <c r="BH3414" s="53">
        <v>3523.4088050314499</v>
      </c>
      <c r="BI3414" s="53">
        <v>3523.4088050314499</v>
      </c>
      <c r="BJ3414" s="53">
        <v>3523.4088050314499</v>
      </c>
      <c r="BK3414" s="53">
        <v>3523.4088050314499</v>
      </c>
      <c r="BL3414" s="53">
        <v>3523.4088050314499</v>
      </c>
      <c r="BM3414" s="53">
        <v>3523.4088050314499</v>
      </c>
      <c r="BN3414" s="53">
        <v>42280.905660377401</v>
      </c>
      <c r="BO3414" s="53">
        <v>3523.4088050314499</v>
      </c>
      <c r="BP3414" s="53">
        <v>3523.4088050314499</v>
      </c>
      <c r="BQ3414" s="53">
        <v>3523.4088050314499</v>
      </c>
      <c r="BR3414" s="53">
        <v>3523.4088050314499</v>
      </c>
      <c r="BS3414" s="53">
        <v>3523.4088050314499</v>
      </c>
      <c r="BT3414" s="53">
        <v>3523.4088050314499</v>
      </c>
      <c r="BU3414" s="53">
        <v>3523.4088050314499</v>
      </c>
      <c r="BV3414" s="53">
        <v>3523.4088050314499</v>
      </c>
      <c r="BW3414" s="53">
        <v>3523.4088050314499</v>
      </c>
      <c r="BX3414" s="53">
        <v>3523.4088050314499</v>
      </c>
      <c r="BY3414" s="53">
        <v>3523.4088050314499</v>
      </c>
      <c r="BZ3414" s="53">
        <v>3523.4088050314499</v>
      </c>
      <c r="CA3414" s="53">
        <v>42280.905660377401</v>
      </c>
      <c r="CB3414" s="53"/>
      <c r="CC3414" s="53"/>
      <c r="CD3414" s="53"/>
      <c r="CE3414" s="53"/>
      <c r="CF3414" s="53"/>
      <c r="CG3414" s="53"/>
      <c r="CH3414" s="53"/>
      <c r="CI3414" s="53"/>
      <c r="CJ3414" s="53"/>
      <c r="CK3414" s="53"/>
      <c r="CL3414" s="53"/>
      <c r="CM3414" s="53"/>
      <c r="CN3414" s="53"/>
    </row>
    <row r="3415" spans="1:92" outlineLevel="1">
      <c r="A3415" s="52" t="s">
        <v>721</v>
      </c>
      <c r="B3415" s="53">
        <v>9347.6262626262596</v>
      </c>
      <c r="C3415" s="53">
        <v>9347.625</v>
      </c>
      <c r="D3415" s="53">
        <v>9347.6271186440608</v>
      </c>
      <c r="E3415" s="53">
        <v>9347.6258503401295</v>
      </c>
      <c r="F3415" s="53">
        <v>9347.6245733788401</v>
      </c>
      <c r="G3415" s="53">
        <v>9347.6267123287598</v>
      </c>
      <c r="H3415" s="53">
        <v>9347.6254295532599</v>
      </c>
      <c r="I3415" s="53">
        <v>9347.6275862068906</v>
      </c>
      <c r="J3415" s="53">
        <v>9347.62629757785</v>
      </c>
      <c r="K3415" s="53">
        <v>9347.6249999999909</v>
      </c>
      <c r="L3415" s="53">
        <v>9347.6271777003403</v>
      </c>
      <c r="M3415" s="53">
        <v>9347.6258741258698</v>
      </c>
      <c r="N3415" s="53">
        <v>112171.512882482</v>
      </c>
      <c r="O3415" s="53">
        <v>9347.6245614034997</v>
      </c>
      <c r="P3415" s="53">
        <v>9347.6245614034997</v>
      </c>
      <c r="Q3415" s="53">
        <v>9347.6245614035106</v>
      </c>
      <c r="R3415" s="53">
        <v>9347.6245614035106</v>
      </c>
      <c r="S3415" s="53">
        <v>9347.6245614035106</v>
      </c>
      <c r="T3415" s="53">
        <v>9347.6245614035106</v>
      </c>
      <c r="U3415" s="53">
        <v>9347.6245614035106</v>
      </c>
      <c r="V3415" s="53">
        <v>9347.6245614035106</v>
      </c>
      <c r="W3415" s="53">
        <v>9347.6245614035106</v>
      </c>
      <c r="X3415" s="53">
        <v>9347.6245614035106</v>
      </c>
      <c r="Y3415" s="53">
        <v>9347.6245614035106</v>
      </c>
      <c r="Z3415" s="53">
        <v>9347.6245614035106</v>
      </c>
      <c r="AA3415" s="53">
        <v>112171.494736842</v>
      </c>
      <c r="AB3415" s="53">
        <v>9347.6245614035106</v>
      </c>
      <c r="AC3415" s="53">
        <v>9347.6245614035106</v>
      </c>
      <c r="AD3415" s="53">
        <v>9347.6245614035106</v>
      </c>
      <c r="AE3415" s="53">
        <v>9347.6245614035197</v>
      </c>
      <c r="AF3415" s="53">
        <v>9347.6245614035197</v>
      </c>
      <c r="AG3415" s="53">
        <v>9347.6245614035197</v>
      </c>
      <c r="AH3415" s="53">
        <v>9347.6245614035197</v>
      </c>
      <c r="AI3415" s="53">
        <v>9347.6245614035197</v>
      </c>
      <c r="AJ3415" s="53">
        <v>9347.6245614035197</v>
      </c>
      <c r="AK3415" s="53">
        <v>9347.6245614035197</v>
      </c>
      <c r="AL3415" s="53">
        <v>9347.6245614035197</v>
      </c>
      <c r="AM3415" s="53">
        <v>9347.6245614035197</v>
      </c>
      <c r="AN3415" s="53">
        <v>112171.494736842</v>
      </c>
      <c r="AO3415" s="53">
        <v>9347.6245614035197</v>
      </c>
      <c r="AP3415" s="53">
        <v>9347.6245614035197</v>
      </c>
      <c r="AQ3415" s="53">
        <v>9347.6245614035197</v>
      </c>
      <c r="AR3415" s="53">
        <v>9347.6245614035197</v>
      </c>
      <c r="AS3415" s="53">
        <v>9347.6245614035197</v>
      </c>
      <c r="AT3415" s="53">
        <v>9347.6245614035197</v>
      </c>
      <c r="AU3415" s="53">
        <v>9347.6245614035197</v>
      </c>
      <c r="AV3415" s="53">
        <v>9347.6245614035197</v>
      </c>
      <c r="AW3415" s="53">
        <v>9347.6245614035197</v>
      </c>
      <c r="AX3415" s="53">
        <v>9347.6245614035197</v>
      </c>
      <c r="AY3415" s="53">
        <v>9347.6245614035306</v>
      </c>
      <c r="AZ3415" s="53">
        <v>9347.6245614035306</v>
      </c>
      <c r="BA3415" s="53">
        <v>112171.494736842</v>
      </c>
      <c r="BB3415" s="53">
        <v>9347.6245614035306</v>
      </c>
      <c r="BC3415" s="53">
        <v>9347.6245614035306</v>
      </c>
      <c r="BD3415" s="53">
        <v>9347.6245614035306</v>
      </c>
      <c r="BE3415" s="53">
        <v>9347.6245614035306</v>
      </c>
      <c r="BF3415" s="53">
        <v>9347.6245614035306</v>
      </c>
      <c r="BG3415" s="53">
        <v>9347.6245614035306</v>
      </c>
      <c r="BH3415" s="53">
        <v>9347.6245614035306</v>
      </c>
      <c r="BI3415" s="53">
        <v>9347.6245614035306</v>
      </c>
      <c r="BJ3415" s="53">
        <v>9347.6245614035397</v>
      </c>
      <c r="BK3415" s="53">
        <v>9347.6245614035397</v>
      </c>
      <c r="BL3415" s="53">
        <v>9347.6245614035397</v>
      </c>
      <c r="BM3415" s="53">
        <v>9347.6245614035397</v>
      </c>
      <c r="BN3415" s="53">
        <v>112171.494736842</v>
      </c>
      <c r="BO3415" s="53">
        <v>9347.6245614035397</v>
      </c>
      <c r="BP3415" s="53">
        <v>9347.6245614035397</v>
      </c>
      <c r="BQ3415" s="53">
        <v>9347.6245614035397</v>
      </c>
      <c r="BR3415" s="53">
        <v>9347.6245614035397</v>
      </c>
      <c r="BS3415" s="53">
        <v>9347.6245614035397</v>
      </c>
      <c r="BT3415" s="53">
        <v>9347.6245614035397</v>
      </c>
      <c r="BU3415" s="53">
        <v>9347.6245614035397</v>
      </c>
      <c r="BV3415" s="53">
        <v>9347.6245614035397</v>
      </c>
      <c r="BW3415" s="53">
        <v>9347.6245614035397</v>
      </c>
      <c r="BX3415" s="53">
        <v>9347.6245614035506</v>
      </c>
      <c r="BY3415" s="53">
        <v>9347.6245614035506</v>
      </c>
      <c r="BZ3415" s="53">
        <v>9347.6245614035506</v>
      </c>
      <c r="CA3415" s="53">
        <v>112171.494736842</v>
      </c>
      <c r="CB3415" s="53">
        <v>-355385</v>
      </c>
      <c r="CC3415" s="53">
        <v>-355385</v>
      </c>
      <c r="CD3415" s="53">
        <v>-355385</v>
      </c>
      <c r="CE3415" s="53">
        <v>-355385</v>
      </c>
      <c r="CF3415" s="53">
        <v>-355385</v>
      </c>
      <c r="CG3415" s="53">
        <v>-355385</v>
      </c>
      <c r="CH3415" s="53">
        <v>-355385</v>
      </c>
      <c r="CI3415" s="53">
        <v>-355385</v>
      </c>
      <c r="CJ3415" s="53">
        <v>-355385</v>
      </c>
      <c r="CK3415" s="53">
        <v>-355385</v>
      </c>
      <c r="CL3415" s="53">
        <v>-355385</v>
      </c>
      <c r="CM3415" s="53">
        <v>-355385</v>
      </c>
      <c r="CN3415" s="53">
        <v>-4264620</v>
      </c>
    </row>
    <row r="3416" spans="1:92" outlineLevel="1">
      <c r="A3416" s="52" t="s">
        <v>723</v>
      </c>
      <c r="B3416" s="53">
        <v>3240.39669421487</v>
      </c>
      <c r="C3416" s="53">
        <v>3240.4033613445299</v>
      </c>
      <c r="D3416" s="53">
        <v>3240.3931623931599</v>
      </c>
      <c r="E3416" s="53">
        <v>3240.4</v>
      </c>
      <c r="F3416" s="53">
        <v>3240.3893805309699</v>
      </c>
      <c r="G3416" s="53">
        <v>3240.3963963963902</v>
      </c>
      <c r="H3416" s="53">
        <v>3240.4036697247702</v>
      </c>
      <c r="I3416" s="53">
        <v>3240.39252336448</v>
      </c>
      <c r="J3416" s="53">
        <v>3240.4</v>
      </c>
      <c r="K3416" s="53">
        <v>3240.3883495145601</v>
      </c>
      <c r="L3416" s="53">
        <v>3240.3960396039602</v>
      </c>
      <c r="M3416" s="53">
        <v>3240.4040404040402</v>
      </c>
      <c r="N3416" s="53">
        <v>38884.763617491699</v>
      </c>
      <c r="O3416" s="53">
        <v>3240.3917525773099</v>
      </c>
      <c r="P3416" s="53">
        <v>3240.3917525773099</v>
      </c>
      <c r="Q3416" s="53">
        <v>3240.3917525773099</v>
      </c>
      <c r="R3416" s="53">
        <v>3240.3917525773099</v>
      </c>
      <c r="S3416" s="53">
        <v>3240.3917525773099</v>
      </c>
      <c r="T3416" s="53">
        <v>3240.3917525773099</v>
      </c>
      <c r="U3416" s="53">
        <v>3240.3917525773099</v>
      </c>
      <c r="V3416" s="53">
        <v>3240.3917525773099</v>
      </c>
      <c r="W3416" s="53">
        <v>3240.3917525773099</v>
      </c>
      <c r="X3416" s="53">
        <v>3240.3917525773099</v>
      </c>
      <c r="Y3416" s="53">
        <v>3240.3917525773099</v>
      </c>
      <c r="Z3416" s="53">
        <v>3240.3917525773099</v>
      </c>
      <c r="AA3416" s="53">
        <v>38884.701030927798</v>
      </c>
      <c r="AB3416" s="53">
        <v>3240.3917525773099</v>
      </c>
      <c r="AC3416" s="53">
        <v>3240.3917525773099</v>
      </c>
      <c r="AD3416" s="53">
        <v>3240.3917525773099</v>
      </c>
      <c r="AE3416" s="53">
        <v>3240.3917525773099</v>
      </c>
      <c r="AF3416" s="53">
        <v>3240.3917525773099</v>
      </c>
      <c r="AG3416" s="53">
        <v>3240.3917525773099</v>
      </c>
      <c r="AH3416" s="53">
        <v>3240.3917525773099</v>
      </c>
      <c r="AI3416" s="53">
        <v>3240.3917525773099</v>
      </c>
      <c r="AJ3416" s="53">
        <v>3240.3917525773099</v>
      </c>
      <c r="AK3416" s="53">
        <v>3240.3917525773099</v>
      </c>
      <c r="AL3416" s="53">
        <v>3240.3917525773099</v>
      </c>
      <c r="AM3416" s="53">
        <v>3240.3917525773099</v>
      </c>
      <c r="AN3416" s="53">
        <v>38884.701030927798</v>
      </c>
      <c r="AO3416" s="53">
        <v>3240.3917525773099</v>
      </c>
      <c r="AP3416" s="53">
        <v>3240.3917525773099</v>
      </c>
      <c r="AQ3416" s="53">
        <v>3240.3917525773099</v>
      </c>
      <c r="AR3416" s="53">
        <v>3240.3917525773099</v>
      </c>
      <c r="AS3416" s="53">
        <v>3240.3917525773099</v>
      </c>
      <c r="AT3416" s="53">
        <v>3240.3917525773099</v>
      </c>
      <c r="AU3416" s="53">
        <v>3240.3917525773099</v>
      </c>
      <c r="AV3416" s="53">
        <v>3240.3917525773099</v>
      </c>
      <c r="AW3416" s="53">
        <v>3240.3917525773099</v>
      </c>
      <c r="AX3416" s="53">
        <v>3240.3917525773099</v>
      </c>
      <c r="AY3416" s="53">
        <v>3240.3917525773099</v>
      </c>
      <c r="AZ3416" s="53">
        <v>3240.3917525773099</v>
      </c>
      <c r="BA3416" s="53">
        <v>38884.701030927703</v>
      </c>
      <c r="BB3416" s="53">
        <v>3240.3917525773099</v>
      </c>
      <c r="BC3416" s="53">
        <v>3240.3917525773099</v>
      </c>
      <c r="BD3416" s="53">
        <v>3240.3917525773099</v>
      </c>
      <c r="BE3416" s="53">
        <v>3240.3917525773099</v>
      </c>
      <c r="BF3416" s="53">
        <v>3240.3917525773099</v>
      </c>
      <c r="BG3416" s="53">
        <v>3240.3917525773099</v>
      </c>
      <c r="BH3416" s="53">
        <v>3240.3917525773099</v>
      </c>
      <c r="BI3416" s="53">
        <v>3240.3917525773099</v>
      </c>
      <c r="BJ3416" s="53">
        <v>3240.3917525773099</v>
      </c>
      <c r="BK3416" s="53">
        <v>3240.3917525773099</v>
      </c>
      <c r="BL3416" s="53">
        <v>3240.3917525773099</v>
      </c>
      <c r="BM3416" s="53">
        <v>3240.3917525773099</v>
      </c>
      <c r="BN3416" s="53">
        <v>38884.701030927703</v>
      </c>
      <c r="BO3416" s="53">
        <v>1620.19587628865</v>
      </c>
      <c r="BP3416" s="53"/>
      <c r="BQ3416" s="53"/>
      <c r="BR3416" s="53"/>
      <c r="BS3416" s="53"/>
      <c r="BT3416" s="53"/>
      <c r="BU3416" s="53"/>
      <c r="BV3416" s="53"/>
      <c r="BW3416" s="53"/>
      <c r="BX3416" s="53"/>
      <c r="BY3416" s="53"/>
      <c r="BZ3416" s="53"/>
      <c r="CA3416" s="53">
        <v>1620.19587628865</v>
      </c>
      <c r="CB3416" s="53"/>
      <c r="CC3416" s="53"/>
      <c r="CD3416" s="53"/>
      <c r="CE3416" s="53"/>
      <c r="CF3416" s="53"/>
      <c r="CG3416" s="53"/>
      <c r="CH3416" s="53"/>
      <c r="CI3416" s="53"/>
      <c r="CJ3416" s="53"/>
      <c r="CK3416" s="53"/>
      <c r="CL3416" s="53"/>
      <c r="CM3416" s="53"/>
      <c r="CN3416" s="53"/>
    </row>
    <row r="3417" spans="1:92" outlineLevel="1">
      <c r="A3417" s="52" t="s">
        <v>724</v>
      </c>
      <c r="B3417" s="53">
        <v>1540.86342229199</v>
      </c>
      <c r="C3417" s="53">
        <v>1540.8629921259801</v>
      </c>
      <c r="D3417" s="53">
        <v>1540.8625592417</v>
      </c>
      <c r="E3417" s="53">
        <v>1540.8621236133099</v>
      </c>
      <c r="F3417" s="53">
        <v>1540.86486486486</v>
      </c>
      <c r="G3417" s="53">
        <v>1540.8644338117999</v>
      </c>
      <c r="H3417" s="53">
        <v>1540.864</v>
      </c>
      <c r="I3417" s="53">
        <v>1540.8635634028799</v>
      </c>
      <c r="J3417" s="53">
        <v>1540.8631239935501</v>
      </c>
      <c r="K3417" s="53">
        <v>1540.86268174474</v>
      </c>
      <c r="L3417" s="53">
        <v>1540.86223662884</v>
      </c>
      <c r="M3417" s="53">
        <v>1540.8650406504</v>
      </c>
      <c r="N3417" s="53">
        <v>18490.361042370099</v>
      </c>
      <c r="O3417" s="53">
        <v>1540.86460032626</v>
      </c>
      <c r="P3417" s="53">
        <v>1540.86460032626</v>
      </c>
      <c r="Q3417" s="53">
        <v>1540.86460032626</v>
      </c>
      <c r="R3417" s="53">
        <v>1540.86460032626</v>
      </c>
      <c r="S3417" s="53">
        <v>1540.86460032626</v>
      </c>
      <c r="T3417" s="53">
        <v>1540.86460032626</v>
      </c>
      <c r="U3417" s="53">
        <v>1540.86460032626</v>
      </c>
      <c r="V3417" s="53">
        <v>1540.86460032626</v>
      </c>
      <c r="W3417" s="53">
        <v>1540.86460032626</v>
      </c>
      <c r="X3417" s="53">
        <v>1540.86460032626</v>
      </c>
      <c r="Y3417" s="53">
        <v>1540.86460032626</v>
      </c>
      <c r="Z3417" s="53">
        <v>1540.86460032626</v>
      </c>
      <c r="AA3417" s="53">
        <v>18490.3752039151</v>
      </c>
      <c r="AB3417" s="53">
        <v>1540.86460032626</v>
      </c>
      <c r="AC3417" s="53">
        <v>1540.86460032626</v>
      </c>
      <c r="AD3417" s="53">
        <v>1540.86460032626</v>
      </c>
      <c r="AE3417" s="53">
        <v>1540.86460032626</v>
      </c>
      <c r="AF3417" s="53">
        <v>1540.86460032626</v>
      </c>
      <c r="AG3417" s="53">
        <v>1540.86460032626</v>
      </c>
      <c r="AH3417" s="53">
        <v>1540.86460032626</v>
      </c>
      <c r="AI3417" s="53">
        <v>1540.86460032626</v>
      </c>
      <c r="AJ3417" s="53">
        <v>1540.86460032626</v>
      </c>
      <c r="AK3417" s="53">
        <v>1540.86460032626</v>
      </c>
      <c r="AL3417" s="53">
        <v>1540.86460032626</v>
      </c>
      <c r="AM3417" s="53">
        <v>1540.86460032626</v>
      </c>
      <c r="AN3417" s="53">
        <v>18490.3752039151</v>
      </c>
      <c r="AO3417" s="53">
        <v>1540.86460032626</v>
      </c>
      <c r="AP3417" s="53">
        <v>1540.86460032626</v>
      </c>
      <c r="AQ3417" s="53">
        <v>1540.86460032626</v>
      </c>
      <c r="AR3417" s="53">
        <v>1540.86460032626</v>
      </c>
      <c r="AS3417" s="53">
        <v>1540.86460032626</v>
      </c>
      <c r="AT3417" s="53">
        <v>1540.86460032626</v>
      </c>
      <c r="AU3417" s="53">
        <v>1540.86460032626</v>
      </c>
      <c r="AV3417" s="53">
        <v>1540.86460032626</v>
      </c>
      <c r="AW3417" s="53">
        <v>1540.86460032626</v>
      </c>
      <c r="AX3417" s="53">
        <v>1540.86460032626</v>
      </c>
      <c r="AY3417" s="53">
        <v>1540.86460032626</v>
      </c>
      <c r="AZ3417" s="53">
        <v>1540.86460032626</v>
      </c>
      <c r="BA3417" s="53">
        <v>18490.3752039151</v>
      </c>
      <c r="BB3417" s="53">
        <v>1540.86460032626</v>
      </c>
      <c r="BC3417" s="53">
        <v>1540.86460032626</v>
      </c>
      <c r="BD3417" s="53">
        <v>1540.86460032626</v>
      </c>
      <c r="BE3417" s="53">
        <v>1540.86460032626</v>
      </c>
      <c r="BF3417" s="53">
        <v>1540.86460032626</v>
      </c>
      <c r="BG3417" s="53">
        <v>1540.86460032626</v>
      </c>
      <c r="BH3417" s="53">
        <v>1540.86460032626</v>
      </c>
      <c r="BI3417" s="53">
        <v>1540.86460032626</v>
      </c>
      <c r="BJ3417" s="53">
        <v>1540.86460032626</v>
      </c>
      <c r="BK3417" s="53">
        <v>1540.86460032626</v>
      </c>
      <c r="BL3417" s="53">
        <v>1540.86460032626</v>
      </c>
      <c r="BM3417" s="53">
        <v>1540.86460032626</v>
      </c>
      <c r="BN3417" s="53">
        <v>18490.375203915199</v>
      </c>
      <c r="BO3417" s="53">
        <v>1540.86460032626</v>
      </c>
      <c r="BP3417" s="53">
        <v>1540.86460032626</v>
      </c>
      <c r="BQ3417" s="53">
        <v>1540.86460032626</v>
      </c>
      <c r="BR3417" s="53">
        <v>1540.86460032626</v>
      </c>
      <c r="BS3417" s="53">
        <v>1540.86460032626</v>
      </c>
      <c r="BT3417" s="53">
        <v>1540.86460032626</v>
      </c>
      <c r="BU3417" s="53">
        <v>1540.86460032626</v>
      </c>
      <c r="BV3417" s="53">
        <v>1540.86460032626</v>
      </c>
      <c r="BW3417" s="53">
        <v>1540.86460032626</v>
      </c>
      <c r="BX3417" s="53">
        <v>1540.86460032626</v>
      </c>
      <c r="BY3417" s="53">
        <v>1540.86460032626</v>
      </c>
      <c r="BZ3417" s="53">
        <v>1540.86460032626</v>
      </c>
      <c r="CA3417" s="53">
        <v>18490.375203915199</v>
      </c>
      <c r="CB3417" s="53"/>
      <c r="CC3417" s="53"/>
      <c r="CD3417" s="53"/>
      <c r="CE3417" s="53"/>
      <c r="CF3417" s="53"/>
      <c r="CG3417" s="53"/>
      <c r="CH3417" s="53"/>
      <c r="CI3417" s="53"/>
      <c r="CJ3417" s="53"/>
      <c r="CK3417" s="53"/>
      <c r="CL3417" s="53"/>
      <c r="CM3417" s="53"/>
      <c r="CN3417" s="53"/>
    </row>
    <row r="3418" spans="1:92" outlineLevel="1">
      <c r="A3418" s="52" t="s">
        <v>725</v>
      </c>
      <c r="B3418" s="53">
        <v>9185.2866242038199</v>
      </c>
      <c r="C3418" s="53">
        <v>9185.2903225806403</v>
      </c>
      <c r="D3418" s="53">
        <v>9185.2810457516298</v>
      </c>
      <c r="E3418" s="53">
        <v>9185.2847682119209</v>
      </c>
      <c r="F3418" s="53">
        <v>9185.2885906040192</v>
      </c>
      <c r="G3418" s="53">
        <v>9185.2925170067992</v>
      </c>
      <c r="H3418" s="53">
        <v>9185.2827586206895</v>
      </c>
      <c r="I3418" s="53">
        <v>9185.2867132867104</v>
      </c>
      <c r="J3418" s="53">
        <v>9185.2907801418405</v>
      </c>
      <c r="K3418" s="53">
        <v>9185.2805755395693</v>
      </c>
      <c r="L3418" s="53">
        <v>9185.2846715328396</v>
      </c>
      <c r="M3418" s="53">
        <v>9185.2888888888792</v>
      </c>
      <c r="N3418" s="53">
        <v>110223.438256369</v>
      </c>
      <c r="O3418" s="53">
        <v>9185.2932330827007</v>
      </c>
      <c r="P3418" s="53">
        <v>9185.2932330827007</v>
      </c>
      <c r="Q3418" s="53">
        <v>9185.2932330827007</v>
      </c>
      <c r="R3418" s="53">
        <v>9185.2932330827007</v>
      </c>
      <c r="S3418" s="53">
        <v>9185.2932330827007</v>
      </c>
      <c r="T3418" s="53">
        <v>9185.2932330827007</v>
      </c>
      <c r="U3418" s="53">
        <v>9185.2932330827007</v>
      </c>
      <c r="V3418" s="53">
        <v>9185.2932330827007</v>
      </c>
      <c r="W3418" s="53">
        <v>9185.2932330827098</v>
      </c>
      <c r="X3418" s="53">
        <v>9185.2932330827098</v>
      </c>
      <c r="Y3418" s="53">
        <v>9185.2932330827098</v>
      </c>
      <c r="Z3418" s="53">
        <v>9185.2932330827098</v>
      </c>
      <c r="AA3418" s="53">
        <v>110223.51879699199</v>
      </c>
      <c r="AB3418" s="53">
        <v>9185.2932330827098</v>
      </c>
      <c r="AC3418" s="53">
        <v>9185.2932330827098</v>
      </c>
      <c r="AD3418" s="53">
        <v>9185.2932330827098</v>
      </c>
      <c r="AE3418" s="53">
        <v>9185.2932330827098</v>
      </c>
      <c r="AF3418" s="53">
        <v>9185.2932330827098</v>
      </c>
      <c r="AG3418" s="53">
        <v>9185.2932330827098</v>
      </c>
      <c r="AH3418" s="53">
        <v>9185.2932330827098</v>
      </c>
      <c r="AI3418" s="53">
        <v>9185.2932330827098</v>
      </c>
      <c r="AJ3418" s="53">
        <v>9185.2932330827098</v>
      </c>
      <c r="AK3418" s="53">
        <v>9185.2932330827098</v>
      </c>
      <c r="AL3418" s="53">
        <v>9185.2932330827098</v>
      </c>
      <c r="AM3418" s="53">
        <v>9185.2932330827098</v>
      </c>
      <c r="AN3418" s="53">
        <v>110223.51879699199</v>
      </c>
      <c r="AO3418" s="53">
        <v>9185.2932330827098</v>
      </c>
      <c r="AP3418" s="53">
        <v>9185.2932330827098</v>
      </c>
      <c r="AQ3418" s="53">
        <v>9185.2932330827098</v>
      </c>
      <c r="AR3418" s="53">
        <v>9185.2932330827098</v>
      </c>
      <c r="AS3418" s="53">
        <v>9185.2932330827098</v>
      </c>
      <c r="AT3418" s="53">
        <v>9185.2932330827098</v>
      </c>
      <c r="AU3418" s="53">
        <v>9185.2932330827098</v>
      </c>
      <c r="AV3418" s="53">
        <v>9185.2932330827098</v>
      </c>
      <c r="AW3418" s="53">
        <v>9185.2932330827098</v>
      </c>
      <c r="AX3418" s="53">
        <v>9185.2932330827098</v>
      </c>
      <c r="AY3418" s="53">
        <v>9185.2932330827098</v>
      </c>
      <c r="AZ3418" s="53">
        <v>9185.2932330827098</v>
      </c>
      <c r="BA3418" s="53">
        <v>110223.51879699199</v>
      </c>
      <c r="BB3418" s="53">
        <v>9185.2932330827098</v>
      </c>
      <c r="BC3418" s="53">
        <v>9185.2932330827098</v>
      </c>
      <c r="BD3418" s="53">
        <v>9185.2932330827098</v>
      </c>
      <c r="BE3418" s="53">
        <v>9185.2932330827098</v>
      </c>
      <c r="BF3418" s="53">
        <v>9185.2932330827098</v>
      </c>
      <c r="BG3418" s="53">
        <v>9185.2932330827098</v>
      </c>
      <c r="BH3418" s="53">
        <v>9185.2932330827098</v>
      </c>
      <c r="BI3418" s="53">
        <v>9185.2932330827098</v>
      </c>
      <c r="BJ3418" s="53">
        <v>9185.2932330827098</v>
      </c>
      <c r="BK3418" s="53">
        <v>9185.2932330827098</v>
      </c>
      <c r="BL3418" s="53">
        <v>9185.2932330827098</v>
      </c>
      <c r="BM3418" s="53">
        <v>9185.2932330827098</v>
      </c>
      <c r="BN3418" s="53">
        <v>110223.51879699199</v>
      </c>
      <c r="BO3418" s="53">
        <v>9185.2932330827207</v>
      </c>
      <c r="BP3418" s="53">
        <v>9185.2932330827098</v>
      </c>
      <c r="BQ3418" s="53">
        <v>9185.2932330827207</v>
      </c>
      <c r="BR3418" s="53">
        <v>9185.2932330827098</v>
      </c>
      <c r="BS3418" s="53">
        <v>9185.2932330827207</v>
      </c>
      <c r="BT3418" s="53">
        <v>9185.2932330827098</v>
      </c>
      <c r="BU3418" s="53">
        <v>9185.2932330827207</v>
      </c>
      <c r="BV3418" s="53">
        <v>9185.2932330827207</v>
      </c>
      <c r="BW3418" s="53">
        <v>9185.2932330827207</v>
      </c>
      <c r="BX3418" s="53">
        <v>9185.2932330827207</v>
      </c>
      <c r="BY3418" s="53">
        <v>9185.2932330827207</v>
      </c>
      <c r="BZ3418" s="53">
        <v>9185.2932330827207</v>
      </c>
      <c r="CA3418" s="53">
        <v>110223.51879699199</v>
      </c>
      <c r="CB3418" s="53"/>
      <c r="CC3418" s="53"/>
      <c r="CD3418" s="53"/>
      <c r="CE3418" s="53"/>
      <c r="CF3418" s="53"/>
      <c r="CG3418" s="53"/>
      <c r="CH3418" s="53"/>
      <c r="CI3418" s="53"/>
      <c r="CJ3418" s="53"/>
      <c r="CK3418" s="53"/>
      <c r="CL3418" s="53"/>
      <c r="CM3418" s="53"/>
      <c r="CN3418" s="53"/>
    </row>
    <row r="3419" spans="1:92" outlineLevel="1">
      <c r="A3419" s="52" t="s">
        <v>726</v>
      </c>
      <c r="B3419" s="53">
        <v>3087.3789473684201</v>
      </c>
      <c r="C3419" s="53">
        <v>3087.3829787233999</v>
      </c>
      <c r="D3419" s="53">
        <v>3087.3763440860198</v>
      </c>
      <c r="E3419" s="53">
        <v>3087.3804347825999</v>
      </c>
      <c r="F3419" s="53">
        <v>3087.37362637362</v>
      </c>
      <c r="G3419" s="53">
        <v>3087.37777777777</v>
      </c>
      <c r="H3419" s="53">
        <v>3087.3820224719002</v>
      </c>
      <c r="I3419" s="53">
        <v>3087.375</v>
      </c>
      <c r="J3419" s="53">
        <v>3087.3793103448202</v>
      </c>
      <c r="K3419" s="53">
        <v>3087.3837209302301</v>
      </c>
      <c r="L3419" s="53">
        <v>3087.3764705882299</v>
      </c>
      <c r="M3419" s="53">
        <v>3087.38095238095</v>
      </c>
      <c r="N3419" s="53">
        <v>37048.547585827997</v>
      </c>
      <c r="O3419" s="53">
        <v>3087.3734939759001</v>
      </c>
      <c r="P3419" s="53">
        <v>3087.3734939759001</v>
      </c>
      <c r="Q3419" s="53">
        <v>3087.3734939759001</v>
      </c>
      <c r="R3419" s="53">
        <v>3087.3734939759001</v>
      </c>
      <c r="S3419" s="53">
        <v>3087.3734939759001</v>
      </c>
      <c r="T3419" s="53">
        <v>3087.3734939759001</v>
      </c>
      <c r="U3419" s="53">
        <v>3087.3734939759001</v>
      </c>
      <c r="V3419" s="53">
        <v>3087.3734939759001</v>
      </c>
      <c r="W3419" s="53">
        <v>3087.3734939759001</v>
      </c>
      <c r="X3419" s="53">
        <v>3087.3734939759001</v>
      </c>
      <c r="Y3419" s="53">
        <v>3087.3734939759001</v>
      </c>
      <c r="Z3419" s="53">
        <v>3087.3734939759001</v>
      </c>
      <c r="AA3419" s="53">
        <v>37048.481927710804</v>
      </c>
      <c r="AB3419" s="53">
        <v>3087.3734939759001</v>
      </c>
      <c r="AC3419" s="53">
        <v>3087.3734939759001</v>
      </c>
      <c r="AD3419" s="53">
        <v>3087.3734939759001</v>
      </c>
      <c r="AE3419" s="53">
        <v>3087.3734939759001</v>
      </c>
      <c r="AF3419" s="53">
        <v>3087.3734939759001</v>
      </c>
      <c r="AG3419" s="53">
        <v>3087.3734939759001</v>
      </c>
      <c r="AH3419" s="53">
        <v>3087.3734939759001</v>
      </c>
      <c r="AI3419" s="53">
        <v>3087.3734939759001</v>
      </c>
      <c r="AJ3419" s="53">
        <v>3087.3734939759001</v>
      </c>
      <c r="AK3419" s="53">
        <v>3087.3734939759001</v>
      </c>
      <c r="AL3419" s="53">
        <v>3087.3734939759001</v>
      </c>
      <c r="AM3419" s="53">
        <v>3087.3734939759001</v>
      </c>
      <c r="AN3419" s="53">
        <v>37048.481927710804</v>
      </c>
      <c r="AO3419" s="53">
        <v>3087.3734939759001</v>
      </c>
      <c r="AP3419" s="53">
        <v>3087.3734939759001</v>
      </c>
      <c r="AQ3419" s="53">
        <v>3087.3734939759001</v>
      </c>
      <c r="AR3419" s="53">
        <v>3087.3734939759001</v>
      </c>
      <c r="AS3419" s="53">
        <v>3087.3734939759001</v>
      </c>
      <c r="AT3419" s="53">
        <v>3087.3734939759001</v>
      </c>
      <c r="AU3419" s="53">
        <v>3087.3734939759001</v>
      </c>
      <c r="AV3419" s="53">
        <v>3087.3734939759001</v>
      </c>
      <c r="AW3419" s="53">
        <v>3087.3734939759001</v>
      </c>
      <c r="AX3419" s="53">
        <v>3087.3734939759001</v>
      </c>
      <c r="AY3419" s="53">
        <v>3087.3734939759001</v>
      </c>
      <c r="AZ3419" s="53">
        <v>3087.3734939759001</v>
      </c>
      <c r="BA3419" s="53">
        <v>37048.481927710804</v>
      </c>
      <c r="BB3419" s="53">
        <v>3087.3734939759001</v>
      </c>
      <c r="BC3419" s="53">
        <v>3087.3734939759001</v>
      </c>
      <c r="BD3419" s="53">
        <v>3087.3734939759001</v>
      </c>
      <c r="BE3419" s="53">
        <v>3087.3734939759001</v>
      </c>
      <c r="BF3419" s="53">
        <v>3087.3734939759001</v>
      </c>
      <c r="BG3419" s="53">
        <v>3087.3734939759001</v>
      </c>
      <c r="BH3419" s="53">
        <v>3087.3734939759001</v>
      </c>
      <c r="BI3419" s="53">
        <v>3087.3734939759001</v>
      </c>
      <c r="BJ3419" s="53">
        <v>3087.3734939759001</v>
      </c>
      <c r="BK3419" s="53">
        <v>3087.3734939759001</v>
      </c>
      <c r="BL3419" s="53">
        <v>3087.3734939759001</v>
      </c>
      <c r="BM3419" s="53">
        <v>3087.3734939759001</v>
      </c>
      <c r="BN3419" s="53">
        <v>37048.481927710804</v>
      </c>
      <c r="BO3419" s="53">
        <v>3087.3734939759001</v>
      </c>
      <c r="BP3419" s="53">
        <v>3087.3734939759001</v>
      </c>
      <c r="BQ3419" s="53">
        <v>3087.3734939759001</v>
      </c>
      <c r="BR3419" s="53">
        <v>3087.3734939759001</v>
      </c>
      <c r="BS3419" s="53">
        <v>3087.3734939759001</v>
      </c>
      <c r="BT3419" s="53">
        <v>3087.3734939759001</v>
      </c>
      <c r="BU3419" s="53">
        <v>3087.3734939759001</v>
      </c>
      <c r="BV3419" s="53">
        <v>3087.3734939759001</v>
      </c>
      <c r="BW3419" s="53">
        <v>3087.3734939759001</v>
      </c>
      <c r="BX3419" s="53">
        <v>3087.3734939759001</v>
      </c>
      <c r="BY3419" s="53">
        <v>3087.3734939759001</v>
      </c>
      <c r="BZ3419" s="53">
        <v>3087.3734939759001</v>
      </c>
      <c r="CA3419" s="53">
        <v>37048.481927710804</v>
      </c>
      <c r="CB3419" s="53"/>
      <c r="CC3419" s="53"/>
      <c r="CD3419" s="53"/>
      <c r="CE3419" s="53"/>
      <c r="CF3419" s="53"/>
      <c r="CG3419" s="53"/>
      <c r="CH3419" s="53"/>
      <c r="CI3419" s="53"/>
      <c r="CJ3419" s="53"/>
      <c r="CK3419" s="53"/>
      <c r="CL3419" s="53"/>
      <c r="CM3419" s="53"/>
      <c r="CN3419" s="53"/>
    </row>
    <row r="3420" spans="1:92" outlineLevel="1">
      <c r="A3420" s="52" t="s">
        <v>728</v>
      </c>
      <c r="B3420" s="53">
        <v>5700.3251231527001</v>
      </c>
      <c r="C3420" s="53">
        <v>5700.3283582089498</v>
      </c>
      <c r="D3420" s="53">
        <v>5700.3216080401999</v>
      </c>
      <c r="E3420" s="53">
        <v>5700.3248730964397</v>
      </c>
      <c r="F3420" s="53">
        <v>5700.3282051282004</v>
      </c>
      <c r="G3420" s="53">
        <v>5700.3212435233099</v>
      </c>
      <c r="H3420" s="53">
        <v>5700.3246073298396</v>
      </c>
      <c r="I3420" s="53">
        <v>5700.3280423280403</v>
      </c>
      <c r="J3420" s="53">
        <v>5700.3208556149702</v>
      </c>
      <c r="K3420" s="53">
        <v>5700.3243243243196</v>
      </c>
      <c r="L3420" s="53">
        <v>5700.3278688524597</v>
      </c>
      <c r="M3420" s="53">
        <v>5700.3204419889498</v>
      </c>
      <c r="N3420" s="53">
        <v>68403.895551588401</v>
      </c>
      <c r="O3420" s="53">
        <v>5700.3240223463599</v>
      </c>
      <c r="P3420" s="53">
        <v>5700.3240223463599</v>
      </c>
      <c r="Q3420" s="53">
        <v>5700.3240223463599</v>
      </c>
      <c r="R3420" s="53">
        <v>5700.3240223463599</v>
      </c>
      <c r="S3420" s="53">
        <v>5700.3240223463599</v>
      </c>
      <c r="T3420" s="53">
        <v>5700.3240223463599</v>
      </c>
      <c r="U3420" s="53">
        <v>5700.3240223463599</v>
      </c>
      <c r="V3420" s="53">
        <v>5700.3240223463599</v>
      </c>
      <c r="W3420" s="53">
        <v>5700.3240223463599</v>
      </c>
      <c r="X3420" s="53">
        <v>5700.3240223463599</v>
      </c>
      <c r="Y3420" s="53">
        <v>5700.3240223463599</v>
      </c>
      <c r="Z3420" s="53">
        <v>5700.3240223463599</v>
      </c>
      <c r="AA3420" s="53">
        <v>68403.888268156399</v>
      </c>
      <c r="AB3420" s="53">
        <v>5700.3240223463599</v>
      </c>
      <c r="AC3420" s="53">
        <v>5700.3240223463599</v>
      </c>
      <c r="AD3420" s="53">
        <v>5700.3240223463599</v>
      </c>
      <c r="AE3420" s="53">
        <v>5700.3240223463599</v>
      </c>
      <c r="AF3420" s="53">
        <v>5700.3240223463599</v>
      </c>
      <c r="AG3420" s="53">
        <v>5700.3240223463599</v>
      </c>
      <c r="AH3420" s="53">
        <v>5700.3240223463599</v>
      </c>
      <c r="AI3420" s="53">
        <v>5700.3240223463599</v>
      </c>
      <c r="AJ3420" s="53">
        <v>5700.3240223463599</v>
      </c>
      <c r="AK3420" s="53">
        <v>5700.3240223463599</v>
      </c>
      <c r="AL3420" s="53">
        <v>5700.3240223463599</v>
      </c>
      <c r="AM3420" s="53">
        <v>5700.3240223463599</v>
      </c>
      <c r="AN3420" s="53">
        <v>68403.888268156399</v>
      </c>
      <c r="AO3420" s="53">
        <v>5700.3240223463599</v>
      </c>
      <c r="AP3420" s="53">
        <v>5700.3240223463599</v>
      </c>
      <c r="AQ3420" s="53">
        <v>5700.3240223463599</v>
      </c>
      <c r="AR3420" s="53">
        <v>5700.3240223463699</v>
      </c>
      <c r="AS3420" s="53">
        <v>5700.3240223463699</v>
      </c>
      <c r="AT3420" s="53">
        <v>5700.3240223463699</v>
      </c>
      <c r="AU3420" s="53">
        <v>5700.3240223463699</v>
      </c>
      <c r="AV3420" s="53">
        <v>5700.3240223463699</v>
      </c>
      <c r="AW3420" s="53">
        <v>5700.3240223463699</v>
      </c>
      <c r="AX3420" s="53">
        <v>5700.3240223463699</v>
      </c>
      <c r="AY3420" s="53">
        <v>5700.3240223463699</v>
      </c>
      <c r="AZ3420" s="53">
        <v>5700.3240223463699</v>
      </c>
      <c r="BA3420" s="53">
        <v>68403.888268156399</v>
      </c>
      <c r="BB3420" s="53">
        <v>5700.3240223463699</v>
      </c>
      <c r="BC3420" s="53">
        <v>5700.3240223463699</v>
      </c>
      <c r="BD3420" s="53">
        <v>5700.3240223463699</v>
      </c>
      <c r="BE3420" s="53">
        <v>5700.3240223463699</v>
      </c>
      <c r="BF3420" s="53">
        <v>5700.3240223463699</v>
      </c>
      <c r="BG3420" s="53">
        <v>5700.3240223463699</v>
      </c>
      <c r="BH3420" s="53">
        <v>5700.3240223463699</v>
      </c>
      <c r="BI3420" s="53">
        <v>5700.3240223463699</v>
      </c>
      <c r="BJ3420" s="53">
        <v>5700.3240223463699</v>
      </c>
      <c r="BK3420" s="53">
        <v>5700.3240223463699</v>
      </c>
      <c r="BL3420" s="53">
        <v>5700.3240223463699</v>
      </c>
      <c r="BM3420" s="53">
        <v>5700.3240223463699</v>
      </c>
      <c r="BN3420" s="53">
        <v>68403.888268156399</v>
      </c>
      <c r="BO3420" s="53">
        <v>5700.3240223463699</v>
      </c>
      <c r="BP3420" s="53">
        <v>5700.3240223463699</v>
      </c>
      <c r="BQ3420" s="53">
        <v>5700.3240223463699</v>
      </c>
      <c r="BR3420" s="53">
        <v>5700.3240223463699</v>
      </c>
      <c r="BS3420" s="53">
        <v>5700.3240223463699</v>
      </c>
      <c r="BT3420" s="53">
        <v>5700.3240223463699</v>
      </c>
      <c r="BU3420" s="53">
        <v>5700.3240223463699</v>
      </c>
      <c r="BV3420" s="53">
        <v>5700.3240223463699</v>
      </c>
      <c r="BW3420" s="53">
        <v>5700.3240223463699</v>
      </c>
      <c r="BX3420" s="53">
        <v>5700.3240223463699</v>
      </c>
      <c r="BY3420" s="53">
        <v>5700.3240223463699</v>
      </c>
      <c r="BZ3420" s="53">
        <v>5700.3240223463699</v>
      </c>
      <c r="CA3420" s="53">
        <v>68403.888268156399</v>
      </c>
      <c r="CB3420" s="53"/>
      <c r="CC3420" s="53"/>
      <c r="CD3420" s="53"/>
      <c r="CE3420" s="53"/>
      <c r="CF3420" s="53"/>
      <c r="CG3420" s="53"/>
      <c r="CH3420" s="53"/>
      <c r="CI3420" s="53"/>
      <c r="CJ3420" s="53"/>
      <c r="CK3420" s="53"/>
      <c r="CL3420" s="53"/>
      <c r="CM3420" s="53"/>
      <c r="CN3420" s="53"/>
    </row>
    <row r="3421" spans="1:92" outlineLevel="1">
      <c r="A3421" s="52" t="s">
        <v>729</v>
      </c>
      <c r="B3421" s="53">
        <v>8149.6234309623396</v>
      </c>
      <c r="C3421" s="53">
        <v>8149.6202531645504</v>
      </c>
      <c r="D3421" s="53">
        <v>8149.6255319148904</v>
      </c>
      <c r="E3421" s="53">
        <v>8149.6223175965597</v>
      </c>
      <c r="F3421" s="53">
        <v>8149.6277056277004</v>
      </c>
      <c r="G3421" s="53">
        <v>8149.6244541484702</v>
      </c>
      <c r="H3421" s="53">
        <v>8149.62114537445</v>
      </c>
      <c r="I3421" s="53">
        <v>8149.6266666666597</v>
      </c>
      <c r="J3421" s="53">
        <v>8149.6233183856502</v>
      </c>
      <c r="K3421" s="53">
        <v>8149.6199095022603</v>
      </c>
      <c r="L3421" s="53">
        <v>8149.6255707762502</v>
      </c>
      <c r="M3421" s="53">
        <v>8149.62211981566</v>
      </c>
      <c r="N3421" s="53">
        <v>97795.482423935493</v>
      </c>
      <c r="O3421" s="53">
        <v>8149.6279069767397</v>
      </c>
      <c r="P3421" s="53">
        <v>8149.6279069767397</v>
      </c>
      <c r="Q3421" s="53">
        <v>8149.6279069767397</v>
      </c>
      <c r="R3421" s="53">
        <v>8149.6279069767397</v>
      </c>
      <c r="S3421" s="53">
        <v>8149.6279069767397</v>
      </c>
      <c r="T3421" s="53">
        <v>8149.6279069767397</v>
      </c>
      <c r="U3421" s="53">
        <v>8149.6279069767397</v>
      </c>
      <c r="V3421" s="53">
        <v>8149.6279069767397</v>
      </c>
      <c r="W3421" s="53">
        <v>8149.6279069767397</v>
      </c>
      <c r="X3421" s="53">
        <v>8149.6279069767397</v>
      </c>
      <c r="Y3421" s="53">
        <v>8149.6279069767397</v>
      </c>
      <c r="Z3421" s="53">
        <v>8149.6279069767397</v>
      </c>
      <c r="AA3421" s="53">
        <v>97795.534883720902</v>
      </c>
      <c r="AB3421" s="53">
        <v>8149.6279069767397</v>
      </c>
      <c r="AC3421" s="53">
        <v>8149.6279069767397</v>
      </c>
      <c r="AD3421" s="53">
        <v>8149.6279069767397</v>
      </c>
      <c r="AE3421" s="53">
        <v>8149.6279069767397</v>
      </c>
      <c r="AF3421" s="53">
        <v>8149.6279069767397</v>
      </c>
      <c r="AG3421" s="53">
        <v>8149.6279069767297</v>
      </c>
      <c r="AH3421" s="53">
        <v>8149.6279069767297</v>
      </c>
      <c r="AI3421" s="53">
        <v>8149.6279069767297</v>
      </c>
      <c r="AJ3421" s="53">
        <v>8149.6279069767297</v>
      </c>
      <c r="AK3421" s="53">
        <v>8149.6279069767297</v>
      </c>
      <c r="AL3421" s="53">
        <v>8149.6279069767297</v>
      </c>
      <c r="AM3421" s="53">
        <v>8149.6279069767297</v>
      </c>
      <c r="AN3421" s="53">
        <v>97795.5348837208</v>
      </c>
      <c r="AO3421" s="53">
        <v>8149.6279069767297</v>
      </c>
      <c r="AP3421" s="53">
        <v>8149.6279069767297</v>
      </c>
      <c r="AQ3421" s="53">
        <v>8149.6279069767297</v>
      </c>
      <c r="AR3421" s="53">
        <v>8149.6279069767297</v>
      </c>
      <c r="AS3421" s="53">
        <v>8149.6279069767297</v>
      </c>
      <c r="AT3421" s="53">
        <v>8149.6279069767297</v>
      </c>
      <c r="AU3421" s="53">
        <v>8149.6279069767297</v>
      </c>
      <c r="AV3421" s="53">
        <v>8149.6279069767297</v>
      </c>
      <c r="AW3421" s="53">
        <v>8149.6279069767297</v>
      </c>
      <c r="AX3421" s="53">
        <v>8149.6279069767297</v>
      </c>
      <c r="AY3421" s="53">
        <v>8149.6279069767297</v>
      </c>
      <c r="AZ3421" s="53">
        <v>8149.6279069767197</v>
      </c>
      <c r="BA3421" s="53">
        <v>97795.534883720698</v>
      </c>
      <c r="BB3421" s="53">
        <v>8149.6279069767197</v>
      </c>
      <c r="BC3421" s="53">
        <v>8149.6279069767197</v>
      </c>
      <c r="BD3421" s="53">
        <v>8149.6279069767197</v>
      </c>
      <c r="BE3421" s="53">
        <v>8149.6279069767197</v>
      </c>
      <c r="BF3421" s="53">
        <v>8149.6279069767197</v>
      </c>
      <c r="BG3421" s="53">
        <v>8149.6279069767197</v>
      </c>
      <c r="BH3421" s="53">
        <v>8149.6279069767197</v>
      </c>
      <c r="BI3421" s="53">
        <v>8149.6279069767197</v>
      </c>
      <c r="BJ3421" s="53">
        <v>8149.6279069767197</v>
      </c>
      <c r="BK3421" s="53">
        <v>8149.6279069767197</v>
      </c>
      <c r="BL3421" s="53">
        <v>8149.6279069767197</v>
      </c>
      <c r="BM3421" s="53">
        <v>8149.6279069767197</v>
      </c>
      <c r="BN3421" s="53">
        <v>97795.534883720698</v>
      </c>
      <c r="BO3421" s="53">
        <v>8149.6279069767197</v>
      </c>
      <c r="BP3421" s="53">
        <v>8149.6279069767197</v>
      </c>
      <c r="BQ3421" s="53">
        <v>8149.6279069767197</v>
      </c>
      <c r="BR3421" s="53">
        <v>8149.6279069767197</v>
      </c>
      <c r="BS3421" s="53">
        <v>8149.6279069767197</v>
      </c>
      <c r="BT3421" s="53">
        <v>8149.6279069767197</v>
      </c>
      <c r="BU3421" s="53">
        <v>8149.6279069767197</v>
      </c>
      <c r="BV3421" s="53">
        <v>8149.6279069767197</v>
      </c>
      <c r="BW3421" s="53">
        <v>8149.6279069767197</v>
      </c>
      <c r="BX3421" s="53">
        <v>8149.6279069767197</v>
      </c>
      <c r="BY3421" s="53">
        <v>8149.6279069767197</v>
      </c>
      <c r="BZ3421" s="53">
        <v>8149.6279069767197</v>
      </c>
      <c r="CA3421" s="53">
        <v>97795.534883720597</v>
      </c>
      <c r="CB3421" s="53"/>
      <c r="CC3421" s="53"/>
      <c r="CD3421" s="53"/>
      <c r="CE3421" s="53"/>
      <c r="CF3421" s="53"/>
      <c r="CG3421" s="53"/>
      <c r="CH3421" s="53"/>
      <c r="CI3421" s="53"/>
      <c r="CJ3421" s="53"/>
      <c r="CK3421" s="53"/>
      <c r="CL3421" s="53"/>
      <c r="CM3421" s="53"/>
      <c r="CN3421" s="53"/>
    </row>
    <row r="3422" spans="1:92" outlineLevel="1">
      <c r="A3422" s="52" t="s">
        <v>730</v>
      </c>
      <c r="B3422" s="53">
        <v>7907.1043115438097</v>
      </c>
      <c r="C3422" s="53">
        <v>7907.1046025104597</v>
      </c>
      <c r="D3422" s="53">
        <v>7907.1048951048897</v>
      </c>
      <c r="E3422" s="53">
        <v>7907.1051893408103</v>
      </c>
      <c r="F3422" s="53">
        <v>7907.1054852320603</v>
      </c>
      <c r="G3422" s="53">
        <v>7907.10296191819</v>
      </c>
      <c r="H3422" s="53">
        <v>7907.1032531824603</v>
      </c>
      <c r="I3422" s="53">
        <v>7907.1035460992898</v>
      </c>
      <c r="J3422" s="53">
        <v>7907.1038406827802</v>
      </c>
      <c r="K3422" s="53">
        <v>7907.1041369472096</v>
      </c>
      <c r="L3422" s="53">
        <v>7907.1044349070098</v>
      </c>
      <c r="M3422" s="53">
        <v>7907.1047345767502</v>
      </c>
      <c r="N3422" s="53">
        <v>94885.251392045699</v>
      </c>
      <c r="O3422" s="53">
        <v>7907.1050359712199</v>
      </c>
      <c r="P3422" s="53">
        <v>7907.1050359712199</v>
      </c>
      <c r="Q3422" s="53">
        <v>7907.1050359712199</v>
      </c>
      <c r="R3422" s="53">
        <v>7907.1050359712199</v>
      </c>
      <c r="S3422" s="53">
        <v>7907.1050359712199</v>
      </c>
      <c r="T3422" s="53">
        <v>7907.1050359712199</v>
      </c>
      <c r="U3422" s="53">
        <v>7907.1050359712199</v>
      </c>
      <c r="V3422" s="53">
        <v>7907.1050359712199</v>
      </c>
      <c r="W3422" s="53">
        <v>7907.1050359712199</v>
      </c>
      <c r="X3422" s="53">
        <v>7907.1050359712199</v>
      </c>
      <c r="Y3422" s="53">
        <v>7907.1050359712199</v>
      </c>
      <c r="Z3422" s="53">
        <v>7907.1050359712199</v>
      </c>
      <c r="AA3422" s="53">
        <v>94885.260431654693</v>
      </c>
      <c r="AB3422" s="53">
        <v>7907.1050359712199</v>
      </c>
      <c r="AC3422" s="53">
        <v>7907.1050359712199</v>
      </c>
      <c r="AD3422" s="53">
        <v>7907.1050359712199</v>
      </c>
      <c r="AE3422" s="53">
        <v>7907.1050359712199</v>
      </c>
      <c r="AF3422" s="53">
        <v>7907.1050359712199</v>
      </c>
      <c r="AG3422" s="53">
        <v>7907.1050359712199</v>
      </c>
      <c r="AH3422" s="53">
        <v>7907.1050359712199</v>
      </c>
      <c r="AI3422" s="53">
        <v>7907.1050359712199</v>
      </c>
      <c r="AJ3422" s="53">
        <v>7907.1050359712199</v>
      </c>
      <c r="AK3422" s="53">
        <v>7907.1050359712199</v>
      </c>
      <c r="AL3422" s="53">
        <v>7907.1050359712199</v>
      </c>
      <c r="AM3422" s="53">
        <v>7907.1050359712199</v>
      </c>
      <c r="AN3422" s="53">
        <v>94885.260431654693</v>
      </c>
      <c r="AO3422" s="53">
        <v>7907.1050359712199</v>
      </c>
      <c r="AP3422" s="53">
        <v>7907.1050359712199</v>
      </c>
      <c r="AQ3422" s="53">
        <v>7907.1050359712199</v>
      </c>
      <c r="AR3422" s="53">
        <v>7907.1050359712199</v>
      </c>
      <c r="AS3422" s="53">
        <v>7907.1050359712199</v>
      </c>
      <c r="AT3422" s="53">
        <v>7907.1050359712199</v>
      </c>
      <c r="AU3422" s="53">
        <v>7907.1050359712199</v>
      </c>
      <c r="AV3422" s="53">
        <v>7907.1050359712199</v>
      </c>
      <c r="AW3422" s="53">
        <v>7907.1050359712199</v>
      </c>
      <c r="AX3422" s="53">
        <v>7907.1050359712199</v>
      </c>
      <c r="AY3422" s="53">
        <v>7907.1050359712199</v>
      </c>
      <c r="AZ3422" s="53">
        <v>7907.1050359712199</v>
      </c>
      <c r="BA3422" s="53">
        <v>94885.260431654693</v>
      </c>
      <c r="BB3422" s="53">
        <v>7907.1050359712199</v>
      </c>
      <c r="BC3422" s="53">
        <v>7907.1050359712199</v>
      </c>
      <c r="BD3422" s="53">
        <v>7907.1050359712199</v>
      </c>
      <c r="BE3422" s="53">
        <v>7907.1050359712199</v>
      </c>
      <c r="BF3422" s="53">
        <v>7907.1050359712199</v>
      </c>
      <c r="BG3422" s="53">
        <v>7907.1050359712199</v>
      </c>
      <c r="BH3422" s="53">
        <v>7907.1050359712199</v>
      </c>
      <c r="BI3422" s="53">
        <v>7907.1050359712199</v>
      </c>
      <c r="BJ3422" s="53">
        <v>7907.1050359712199</v>
      </c>
      <c r="BK3422" s="53">
        <v>7907.1050359712199</v>
      </c>
      <c r="BL3422" s="53">
        <v>7907.1050359712199</v>
      </c>
      <c r="BM3422" s="53">
        <v>7907.1050359712199</v>
      </c>
      <c r="BN3422" s="53">
        <v>94885.260431654693</v>
      </c>
      <c r="BO3422" s="53">
        <v>7907.1050359712199</v>
      </c>
      <c r="BP3422" s="53">
        <v>7907.1050359712199</v>
      </c>
      <c r="BQ3422" s="53">
        <v>7907.1050359712199</v>
      </c>
      <c r="BR3422" s="53">
        <v>7907.1050359712199</v>
      </c>
      <c r="BS3422" s="53">
        <v>7907.1050359712199</v>
      </c>
      <c r="BT3422" s="53">
        <v>7907.1050359712199</v>
      </c>
      <c r="BU3422" s="53">
        <v>7907.1050359712199</v>
      </c>
      <c r="BV3422" s="53">
        <v>7907.1050359712199</v>
      </c>
      <c r="BW3422" s="53">
        <v>7907.1050359712199</v>
      </c>
      <c r="BX3422" s="53">
        <v>7907.1050359712199</v>
      </c>
      <c r="BY3422" s="53">
        <v>7907.1050359712199</v>
      </c>
      <c r="BZ3422" s="53">
        <v>7907.1050359712199</v>
      </c>
      <c r="CA3422" s="53">
        <v>94885.260431654693</v>
      </c>
      <c r="CB3422" s="53"/>
      <c r="CC3422" s="53"/>
      <c r="CD3422" s="53"/>
      <c r="CE3422" s="53"/>
      <c r="CF3422" s="53"/>
      <c r="CG3422" s="53"/>
      <c r="CH3422" s="53"/>
      <c r="CI3422" s="53"/>
      <c r="CJ3422" s="53"/>
      <c r="CK3422" s="53"/>
      <c r="CL3422" s="53"/>
      <c r="CM3422" s="53"/>
      <c r="CN3422" s="53"/>
    </row>
    <row r="3423" spans="1:92" outlineLevel="1">
      <c r="A3423" s="52" t="s">
        <v>1565</v>
      </c>
      <c r="B3423" s="53"/>
      <c r="C3423" s="53"/>
      <c r="D3423" s="53"/>
      <c r="E3423" s="53"/>
      <c r="F3423" s="53"/>
      <c r="G3423" s="53"/>
      <c r="H3423" s="53"/>
      <c r="I3423" s="53"/>
      <c r="J3423" s="53"/>
      <c r="K3423" s="53"/>
      <c r="L3423" s="53">
        <v>5899.2140545538596</v>
      </c>
      <c r="M3423" s="53">
        <v>8857.0264255910897</v>
      </c>
      <c r="N3423" s="53">
        <v>14756.240480144899</v>
      </c>
      <c r="O3423" s="53">
        <v>8857.0264993026503</v>
      </c>
      <c r="P3423" s="53">
        <v>8857.0264993026503</v>
      </c>
      <c r="Q3423" s="53">
        <v>8857.0264993026503</v>
      </c>
      <c r="R3423" s="53">
        <v>8857.0264993026503</v>
      </c>
      <c r="S3423" s="53">
        <v>8857.0264993026503</v>
      </c>
      <c r="T3423" s="53">
        <v>8857.0264993026503</v>
      </c>
      <c r="U3423" s="53">
        <v>8857.0264993026503</v>
      </c>
      <c r="V3423" s="53">
        <v>8857.0264993026503</v>
      </c>
      <c r="W3423" s="53">
        <v>8857.0264993026394</v>
      </c>
      <c r="X3423" s="53">
        <v>8857.0264993026394</v>
      </c>
      <c r="Y3423" s="53">
        <v>8857.0264993026394</v>
      </c>
      <c r="Z3423" s="53">
        <v>8857.0264993026394</v>
      </c>
      <c r="AA3423" s="53">
        <v>106284.317991631</v>
      </c>
      <c r="AB3423" s="53">
        <v>8857.0264993026394</v>
      </c>
      <c r="AC3423" s="53">
        <v>8857.0264993026394</v>
      </c>
      <c r="AD3423" s="53">
        <v>8857.0264993026394</v>
      </c>
      <c r="AE3423" s="53">
        <v>8857.0264993026394</v>
      </c>
      <c r="AF3423" s="53">
        <v>8857.0264993026394</v>
      </c>
      <c r="AG3423" s="53">
        <v>8857.0264993026394</v>
      </c>
      <c r="AH3423" s="53">
        <v>8857.0264993026394</v>
      </c>
      <c r="AI3423" s="53">
        <v>8857.0264993026394</v>
      </c>
      <c r="AJ3423" s="53">
        <v>8857.0264993026394</v>
      </c>
      <c r="AK3423" s="53">
        <v>8857.0264993026394</v>
      </c>
      <c r="AL3423" s="53">
        <v>8857.0264993026394</v>
      </c>
      <c r="AM3423" s="53">
        <v>8857.0264993026394</v>
      </c>
      <c r="AN3423" s="53">
        <v>106284.317991631</v>
      </c>
      <c r="AO3423" s="53">
        <v>8857.0264993026394</v>
      </c>
      <c r="AP3423" s="53">
        <v>8857.0264993026394</v>
      </c>
      <c r="AQ3423" s="53">
        <v>8857.0264993026394</v>
      </c>
      <c r="AR3423" s="53">
        <v>8857.0264993026394</v>
      </c>
      <c r="AS3423" s="53">
        <v>8857.0264993026394</v>
      </c>
      <c r="AT3423" s="53">
        <v>8857.0264993026394</v>
      </c>
      <c r="AU3423" s="53">
        <v>8857.0264993026394</v>
      </c>
      <c r="AV3423" s="53">
        <v>8857.0264993026394</v>
      </c>
      <c r="AW3423" s="53">
        <v>8857.0264993026394</v>
      </c>
      <c r="AX3423" s="53">
        <v>8857.0264993026394</v>
      </c>
      <c r="AY3423" s="53">
        <v>8857.0264993026394</v>
      </c>
      <c r="AZ3423" s="53">
        <v>8857.0264993026394</v>
      </c>
      <c r="BA3423" s="53">
        <v>106284.317991631</v>
      </c>
      <c r="BB3423" s="53">
        <v>8857.0264993026394</v>
      </c>
      <c r="BC3423" s="53">
        <v>8857.0264993026394</v>
      </c>
      <c r="BD3423" s="53">
        <v>8857.0264993026394</v>
      </c>
      <c r="BE3423" s="53">
        <v>8857.0264993026394</v>
      </c>
      <c r="BF3423" s="53">
        <v>8857.0264993026394</v>
      </c>
      <c r="BG3423" s="53">
        <v>8857.0264993026394</v>
      </c>
      <c r="BH3423" s="53">
        <v>8857.0264993026394</v>
      </c>
      <c r="BI3423" s="53">
        <v>8857.0264993026394</v>
      </c>
      <c r="BJ3423" s="53">
        <v>8857.0264993026394</v>
      </c>
      <c r="BK3423" s="53">
        <v>8857.0264993026394</v>
      </c>
      <c r="BL3423" s="53">
        <v>8857.0264993026394</v>
      </c>
      <c r="BM3423" s="53">
        <v>8857.0264993026394</v>
      </c>
      <c r="BN3423" s="53">
        <v>106284.317991631</v>
      </c>
      <c r="BO3423" s="53">
        <v>8857.0264993026394</v>
      </c>
      <c r="BP3423" s="53">
        <v>8857.0264993026394</v>
      </c>
      <c r="BQ3423" s="53">
        <v>8857.0264993026394</v>
      </c>
      <c r="BR3423" s="53">
        <v>8857.0264993026394</v>
      </c>
      <c r="BS3423" s="53">
        <v>8857.0264993026394</v>
      </c>
      <c r="BT3423" s="53">
        <v>8857.0264993026394</v>
      </c>
      <c r="BU3423" s="53">
        <v>8857.0264993026303</v>
      </c>
      <c r="BV3423" s="53">
        <v>8857.0264993026303</v>
      </c>
      <c r="BW3423" s="53">
        <v>8857.0264993026303</v>
      </c>
      <c r="BX3423" s="53">
        <v>8857.0264993026303</v>
      </c>
      <c r="BY3423" s="53">
        <v>8857.0264993026303</v>
      </c>
      <c r="BZ3423" s="53">
        <v>8857.0264993026303</v>
      </c>
      <c r="CA3423" s="53">
        <v>106284.317991631</v>
      </c>
      <c r="CB3423" s="53"/>
      <c r="CC3423" s="53"/>
      <c r="CD3423" s="53"/>
      <c r="CE3423" s="53"/>
      <c r="CF3423" s="53"/>
      <c r="CG3423" s="53"/>
      <c r="CH3423" s="53"/>
      <c r="CI3423" s="53"/>
      <c r="CJ3423" s="53"/>
      <c r="CK3423" s="53"/>
      <c r="CL3423" s="53"/>
      <c r="CM3423" s="53"/>
      <c r="CN3423" s="53"/>
    </row>
    <row r="3424" spans="1:92" outlineLevel="1">
      <c r="A3424" s="52" t="s">
        <v>1580</v>
      </c>
      <c r="B3424" s="53"/>
      <c r="C3424" s="53"/>
      <c r="D3424" s="53"/>
      <c r="E3424" s="53"/>
      <c r="F3424" s="53"/>
      <c r="G3424" s="53"/>
      <c r="H3424" s="53"/>
      <c r="I3424" s="53"/>
      <c r="J3424" s="53"/>
      <c r="K3424" s="53"/>
      <c r="L3424" s="53"/>
      <c r="M3424" s="53"/>
      <c r="N3424" s="53"/>
      <c r="O3424" s="53"/>
      <c r="P3424" s="53"/>
      <c r="Q3424" s="53"/>
      <c r="R3424" s="53"/>
      <c r="S3424" s="53"/>
      <c r="T3424" s="53"/>
      <c r="U3424" s="53"/>
      <c r="V3424" s="53"/>
      <c r="W3424" s="53"/>
      <c r="X3424" s="53"/>
      <c r="Y3424" s="53"/>
      <c r="Z3424" s="53"/>
      <c r="AA3424" s="53"/>
      <c r="AB3424" s="53"/>
      <c r="AC3424" s="53"/>
      <c r="AD3424" s="53"/>
      <c r="AE3424" s="53"/>
      <c r="AF3424" s="53"/>
      <c r="AG3424" s="53"/>
      <c r="AH3424" s="53"/>
      <c r="AI3424" s="53"/>
      <c r="AJ3424" s="53"/>
      <c r="AK3424" s="53"/>
      <c r="AL3424" s="53"/>
      <c r="AM3424" s="53"/>
      <c r="AN3424" s="53"/>
      <c r="AO3424" s="53"/>
      <c r="AP3424" s="53"/>
      <c r="AQ3424" s="53"/>
      <c r="AR3424" s="53"/>
      <c r="AS3424" s="53"/>
      <c r="AT3424" s="53"/>
      <c r="AU3424" s="53"/>
      <c r="AV3424" s="53"/>
      <c r="AW3424" s="53"/>
      <c r="AX3424" s="53"/>
      <c r="AY3424" s="53"/>
      <c r="AZ3424" s="53"/>
      <c r="BA3424" s="53"/>
      <c r="BB3424" s="53"/>
      <c r="BC3424" s="53"/>
      <c r="BD3424" s="53"/>
      <c r="BE3424" s="53"/>
      <c r="BF3424" s="53"/>
      <c r="BG3424" s="53"/>
      <c r="BH3424" s="53"/>
      <c r="BI3424" s="53"/>
      <c r="BJ3424" s="53"/>
      <c r="BK3424" s="53"/>
      <c r="BL3424" s="53"/>
      <c r="BM3424" s="53"/>
      <c r="BN3424" s="53"/>
      <c r="BO3424" s="53"/>
      <c r="BP3424" s="53"/>
      <c r="BQ3424" s="53"/>
      <c r="BR3424" s="53"/>
      <c r="BS3424" s="53"/>
      <c r="BT3424" s="53"/>
      <c r="BU3424" s="53"/>
      <c r="BV3424" s="53"/>
      <c r="BW3424" s="53"/>
      <c r="BX3424" s="53"/>
      <c r="BY3424" s="53"/>
      <c r="BZ3424" s="53"/>
      <c r="CA3424" s="53"/>
      <c r="CB3424" s="53"/>
      <c r="CC3424" s="53"/>
      <c r="CD3424" s="53"/>
      <c r="CE3424" s="53"/>
      <c r="CF3424" s="53"/>
      <c r="CG3424" s="53"/>
      <c r="CH3424" s="53"/>
      <c r="CI3424" s="53"/>
      <c r="CJ3424" s="53"/>
      <c r="CK3424" s="53"/>
      <c r="CL3424" s="53"/>
      <c r="CM3424" s="53"/>
      <c r="CN3424" s="53"/>
    </row>
    <row r="3425" spans="1:92" outlineLevel="1">
      <c r="A3425" s="52" t="s">
        <v>711</v>
      </c>
      <c r="B3425" s="53"/>
      <c r="C3425" s="53"/>
      <c r="D3425" s="53"/>
      <c r="E3425" s="53"/>
      <c r="F3425" s="53"/>
      <c r="G3425" s="53"/>
      <c r="H3425" s="53"/>
      <c r="I3425" s="53"/>
      <c r="J3425" s="53"/>
      <c r="K3425" s="53"/>
      <c r="L3425" s="53"/>
      <c r="M3425" s="53"/>
      <c r="N3425" s="53"/>
      <c r="O3425" s="53"/>
      <c r="P3425" s="53"/>
      <c r="Q3425" s="53"/>
      <c r="R3425" s="53"/>
      <c r="S3425" s="53"/>
      <c r="T3425" s="53"/>
      <c r="U3425" s="53"/>
      <c r="V3425" s="53"/>
      <c r="W3425" s="53"/>
      <c r="X3425" s="53"/>
      <c r="Y3425" s="53"/>
      <c r="Z3425" s="53"/>
      <c r="AA3425" s="53"/>
      <c r="AB3425" s="53"/>
      <c r="AC3425" s="53"/>
      <c r="AD3425" s="53"/>
      <c r="AE3425" s="53"/>
      <c r="AF3425" s="53"/>
      <c r="AG3425" s="53"/>
      <c r="AH3425" s="53"/>
      <c r="AI3425" s="53"/>
      <c r="AJ3425" s="53"/>
      <c r="AK3425" s="53"/>
      <c r="AL3425" s="53"/>
      <c r="AM3425" s="53"/>
      <c r="AN3425" s="53"/>
      <c r="AO3425" s="53"/>
      <c r="AP3425" s="53"/>
      <c r="AQ3425" s="53"/>
      <c r="AR3425" s="53"/>
      <c r="AS3425" s="53"/>
      <c r="AT3425" s="53"/>
      <c r="AU3425" s="53"/>
      <c r="AV3425" s="53"/>
      <c r="AW3425" s="53"/>
      <c r="AX3425" s="53"/>
      <c r="AY3425" s="53"/>
      <c r="AZ3425" s="53"/>
      <c r="BA3425" s="53"/>
      <c r="BB3425" s="53"/>
      <c r="BC3425" s="53"/>
      <c r="BD3425" s="53"/>
      <c r="BE3425" s="53"/>
      <c r="BF3425" s="53"/>
      <c r="BG3425" s="53"/>
      <c r="BH3425" s="53"/>
      <c r="BI3425" s="53"/>
      <c r="BJ3425" s="53"/>
      <c r="BK3425" s="53"/>
      <c r="BL3425" s="53"/>
      <c r="BM3425" s="53"/>
      <c r="BN3425" s="53"/>
      <c r="BO3425" s="53"/>
      <c r="BP3425" s="53">
        <v>150000000</v>
      </c>
      <c r="BQ3425" s="53"/>
      <c r="BR3425" s="53"/>
      <c r="BS3425" s="53"/>
      <c r="BT3425" s="53"/>
      <c r="BU3425" s="53"/>
      <c r="BV3425" s="53"/>
      <c r="BW3425" s="53"/>
      <c r="BX3425" s="53"/>
      <c r="BY3425" s="53"/>
      <c r="BZ3425" s="53"/>
      <c r="CA3425" s="53">
        <v>150000000</v>
      </c>
      <c r="CB3425" s="53"/>
      <c r="CC3425" s="53"/>
      <c r="CD3425" s="53"/>
      <c r="CE3425" s="53"/>
      <c r="CF3425" s="53"/>
      <c r="CG3425" s="53"/>
      <c r="CH3425" s="53"/>
      <c r="CI3425" s="53"/>
      <c r="CJ3425" s="53"/>
      <c r="CK3425" s="53"/>
      <c r="CL3425" s="53"/>
      <c r="CM3425" s="53"/>
      <c r="CN3425" s="53"/>
    </row>
    <row r="3426" spans="1:92" outlineLevel="1">
      <c r="A3426" s="52" t="s">
        <v>723</v>
      </c>
      <c r="B3426" s="53"/>
      <c r="C3426" s="53"/>
      <c r="D3426" s="53"/>
      <c r="E3426" s="53"/>
      <c r="F3426" s="53"/>
      <c r="G3426" s="53"/>
      <c r="H3426" s="53"/>
      <c r="I3426" s="53"/>
      <c r="J3426" s="53"/>
      <c r="K3426" s="53"/>
      <c r="L3426" s="53"/>
      <c r="M3426" s="53"/>
      <c r="N3426" s="53"/>
      <c r="O3426" s="53"/>
      <c r="P3426" s="53"/>
      <c r="Q3426" s="53"/>
      <c r="R3426" s="53"/>
      <c r="S3426" s="53"/>
      <c r="T3426" s="53"/>
      <c r="U3426" s="53"/>
      <c r="V3426" s="53"/>
      <c r="W3426" s="53"/>
      <c r="X3426" s="53"/>
      <c r="Y3426" s="53"/>
      <c r="Z3426" s="53"/>
      <c r="AA3426" s="53"/>
      <c r="AB3426" s="53"/>
      <c r="AC3426" s="53"/>
      <c r="AD3426" s="53"/>
      <c r="AE3426" s="53"/>
      <c r="AF3426" s="53"/>
      <c r="AG3426" s="53"/>
      <c r="AH3426" s="53"/>
      <c r="AI3426" s="53"/>
      <c r="AJ3426" s="53"/>
      <c r="AK3426" s="53"/>
      <c r="AL3426" s="53"/>
      <c r="AM3426" s="53"/>
      <c r="AN3426" s="53"/>
      <c r="AO3426" s="53"/>
      <c r="AP3426" s="53"/>
      <c r="AQ3426" s="53"/>
      <c r="AR3426" s="53"/>
      <c r="AS3426" s="53"/>
      <c r="AT3426" s="53"/>
      <c r="AU3426" s="53"/>
      <c r="AV3426" s="53"/>
      <c r="AW3426" s="53"/>
      <c r="AX3426" s="53"/>
      <c r="AY3426" s="53"/>
      <c r="AZ3426" s="53"/>
      <c r="BA3426" s="53"/>
      <c r="BB3426" s="53">
        <v>650000000</v>
      </c>
      <c r="BC3426" s="53"/>
      <c r="BD3426" s="53"/>
      <c r="BE3426" s="53"/>
      <c r="BF3426" s="53"/>
      <c r="BG3426" s="53"/>
      <c r="BH3426" s="53"/>
      <c r="BI3426" s="53"/>
      <c r="BJ3426" s="53"/>
      <c r="BK3426" s="53"/>
      <c r="BL3426" s="53"/>
      <c r="BM3426" s="53"/>
      <c r="BN3426" s="53">
        <v>650000000</v>
      </c>
      <c r="BO3426" s="53"/>
      <c r="BP3426" s="53"/>
      <c r="BQ3426" s="53"/>
      <c r="BR3426" s="53"/>
      <c r="BS3426" s="53"/>
      <c r="BT3426" s="53"/>
      <c r="BU3426" s="53"/>
      <c r="BV3426" s="53"/>
      <c r="BW3426" s="53"/>
      <c r="BX3426" s="53"/>
      <c r="BY3426" s="53"/>
      <c r="BZ3426" s="53"/>
      <c r="CA3426" s="53"/>
      <c r="CB3426" s="53"/>
      <c r="CC3426" s="53"/>
      <c r="CD3426" s="53"/>
      <c r="CE3426" s="53"/>
      <c r="CF3426" s="53"/>
      <c r="CG3426" s="53"/>
      <c r="CH3426" s="53"/>
      <c r="CI3426" s="53"/>
      <c r="CJ3426" s="53"/>
      <c r="CK3426" s="53"/>
      <c r="CL3426" s="53"/>
      <c r="CM3426" s="53"/>
      <c r="CN3426" s="53"/>
    </row>
    <row r="3427" spans="1:92" outlineLevel="1">
      <c r="A3427" s="52" t="s">
        <v>725</v>
      </c>
      <c r="B3427" s="53"/>
      <c r="C3427" s="53"/>
      <c r="D3427" s="53"/>
      <c r="E3427" s="53"/>
      <c r="F3427" s="53"/>
      <c r="G3427" s="53"/>
      <c r="H3427" s="53"/>
      <c r="I3427" s="53"/>
      <c r="J3427" s="53"/>
      <c r="K3427" s="53"/>
      <c r="L3427" s="53"/>
      <c r="M3427" s="53"/>
      <c r="N3427" s="53"/>
      <c r="O3427" s="53"/>
      <c r="P3427" s="53"/>
      <c r="Q3427" s="53"/>
      <c r="R3427" s="53"/>
      <c r="S3427" s="53"/>
      <c r="T3427" s="53"/>
      <c r="U3427" s="53"/>
      <c r="V3427" s="53"/>
      <c r="W3427" s="53"/>
      <c r="X3427" s="53"/>
      <c r="Y3427" s="53"/>
      <c r="Z3427" s="53"/>
      <c r="AA3427" s="53"/>
      <c r="AB3427" s="53"/>
      <c r="AC3427" s="53"/>
      <c r="AD3427" s="53"/>
      <c r="AE3427" s="53"/>
      <c r="AF3427" s="53"/>
      <c r="AG3427" s="53"/>
      <c r="AH3427" s="53"/>
      <c r="AI3427" s="53"/>
      <c r="AJ3427" s="53"/>
      <c r="AK3427" s="53"/>
      <c r="AL3427" s="53"/>
      <c r="AM3427" s="53"/>
      <c r="AN3427" s="53"/>
      <c r="AO3427" s="53"/>
      <c r="AP3427" s="53"/>
      <c r="AQ3427" s="53"/>
      <c r="AR3427" s="53"/>
      <c r="AS3427" s="53"/>
      <c r="AT3427" s="53"/>
      <c r="AU3427" s="53"/>
      <c r="AV3427" s="53"/>
      <c r="AW3427" s="53"/>
      <c r="AX3427" s="53"/>
      <c r="AY3427" s="53"/>
      <c r="AZ3427" s="53"/>
      <c r="BA3427" s="53"/>
      <c r="BB3427" s="53"/>
      <c r="BC3427" s="53"/>
      <c r="BD3427" s="53"/>
      <c r="BE3427" s="53"/>
      <c r="BF3427" s="53"/>
      <c r="BG3427" s="53"/>
      <c r="BH3427" s="53"/>
      <c r="BI3427" s="53"/>
      <c r="BJ3427" s="53"/>
      <c r="BK3427" s="53"/>
      <c r="BL3427" s="53"/>
      <c r="BM3427" s="53"/>
      <c r="BN3427" s="53"/>
      <c r="BO3427" s="53"/>
      <c r="BP3427" s="53"/>
      <c r="BQ3427" s="53"/>
      <c r="BR3427" s="53"/>
      <c r="BS3427" s="53"/>
      <c r="BT3427" s="53"/>
      <c r="BU3427" s="53">
        <v>600000000</v>
      </c>
      <c r="BV3427" s="53"/>
      <c r="BW3427" s="53"/>
      <c r="BX3427" s="53"/>
      <c r="BY3427" s="53"/>
      <c r="BZ3427" s="53"/>
      <c r="CA3427" s="53">
        <v>600000000</v>
      </c>
      <c r="CB3427" s="53"/>
      <c r="CC3427" s="53"/>
      <c r="CD3427" s="53"/>
      <c r="CE3427" s="53"/>
      <c r="CF3427" s="53"/>
      <c r="CG3427" s="53"/>
      <c r="CH3427" s="53"/>
      <c r="CI3427" s="53"/>
      <c r="CJ3427" s="53"/>
      <c r="CK3427" s="53"/>
      <c r="CL3427" s="53"/>
      <c r="CM3427" s="53"/>
      <c r="CN3427" s="53"/>
    </row>
    <row r="3428" spans="1:92" outlineLevel="1">
      <c r="A3428" s="52" t="s">
        <v>726</v>
      </c>
      <c r="B3428" s="53"/>
      <c r="C3428" s="53"/>
      <c r="D3428" s="53"/>
      <c r="E3428" s="53"/>
      <c r="F3428" s="53"/>
      <c r="G3428" s="53"/>
      <c r="H3428" s="53"/>
      <c r="I3428" s="53"/>
      <c r="J3428" s="53"/>
      <c r="K3428" s="53"/>
      <c r="L3428" s="53"/>
      <c r="M3428" s="53"/>
      <c r="N3428" s="53"/>
      <c r="O3428" s="53"/>
      <c r="P3428" s="53"/>
      <c r="Q3428" s="53"/>
      <c r="R3428" s="53"/>
      <c r="S3428" s="53"/>
      <c r="T3428" s="53"/>
      <c r="U3428" s="53"/>
      <c r="V3428" s="53"/>
      <c r="W3428" s="53"/>
      <c r="X3428" s="53"/>
      <c r="Y3428" s="53"/>
      <c r="Z3428" s="53"/>
      <c r="AA3428" s="53"/>
      <c r="AB3428" s="53"/>
      <c r="AC3428" s="53"/>
      <c r="AD3428" s="53"/>
      <c r="AE3428" s="53"/>
      <c r="AF3428" s="53"/>
      <c r="AG3428" s="53"/>
      <c r="AH3428" s="53"/>
      <c r="AI3428" s="53"/>
      <c r="AJ3428" s="53"/>
      <c r="AK3428" s="53"/>
      <c r="AL3428" s="53"/>
      <c r="AM3428" s="53"/>
      <c r="AN3428" s="53"/>
      <c r="AO3428" s="53"/>
      <c r="AP3428" s="53"/>
      <c r="AQ3428" s="53"/>
      <c r="AR3428" s="53"/>
      <c r="AS3428" s="53"/>
      <c r="AT3428" s="53"/>
      <c r="AU3428" s="53"/>
      <c r="AV3428" s="53"/>
      <c r="AW3428" s="53"/>
      <c r="AX3428" s="53"/>
      <c r="AY3428" s="53"/>
      <c r="AZ3428" s="53"/>
      <c r="BA3428" s="53"/>
      <c r="BB3428" s="53"/>
      <c r="BC3428" s="53"/>
      <c r="BD3428" s="53"/>
      <c r="BE3428" s="53"/>
      <c r="BF3428" s="53"/>
      <c r="BG3428" s="53"/>
      <c r="BH3428" s="53"/>
      <c r="BI3428" s="53"/>
      <c r="BJ3428" s="53"/>
      <c r="BK3428" s="53"/>
      <c r="BL3428" s="53"/>
      <c r="BM3428" s="53"/>
      <c r="BN3428" s="53"/>
      <c r="BO3428" s="53"/>
      <c r="BP3428" s="53"/>
      <c r="BQ3428" s="53"/>
      <c r="BR3428" s="53"/>
      <c r="BS3428" s="53"/>
      <c r="BT3428" s="53"/>
      <c r="BU3428" s="53"/>
      <c r="BV3428" s="53"/>
      <c r="BW3428" s="53"/>
      <c r="BX3428" s="53"/>
      <c r="BY3428" s="53"/>
      <c r="BZ3428" s="53"/>
      <c r="CA3428" s="53"/>
      <c r="CB3428" s="53"/>
      <c r="CC3428" s="53"/>
      <c r="CD3428" s="53"/>
      <c r="CE3428" s="53"/>
      <c r="CF3428" s="53"/>
      <c r="CG3428" s="53"/>
      <c r="CH3428" s="53"/>
      <c r="CI3428" s="53"/>
      <c r="CJ3428" s="53"/>
      <c r="CK3428" s="53"/>
      <c r="CL3428" s="53"/>
      <c r="CM3428" s="53"/>
      <c r="CN3428" s="53"/>
    </row>
    <row r="3429" spans="1:92" outlineLevel="1">
      <c r="A3429" s="52" t="s">
        <v>1564</v>
      </c>
      <c r="B3429" s="53"/>
      <c r="C3429" s="53"/>
      <c r="D3429" s="53"/>
      <c r="E3429" s="53"/>
      <c r="F3429" s="53"/>
      <c r="G3429" s="53"/>
      <c r="H3429" s="53"/>
      <c r="I3429" s="53"/>
      <c r="J3429" s="53"/>
      <c r="K3429" s="53"/>
      <c r="L3429" s="53"/>
      <c r="M3429" s="53"/>
      <c r="N3429" s="53"/>
      <c r="O3429" s="53"/>
      <c r="P3429" s="53"/>
      <c r="Q3429" s="53"/>
      <c r="R3429" s="53">
        <v>800000000</v>
      </c>
      <c r="S3429" s="53"/>
      <c r="T3429" s="53"/>
      <c r="U3429" s="53"/>
      <c r="V3429" s="53"/>
      <c r="W3429" s="53"/>
      <c r="X3429" s="53"/>
      <c r="Y3429" s="53"/>
      <c r="Z3429" s="53"/>
      <c r="AA3429" s="53">
        <v>800000000</v>
      </c>
      <c r="AB3429" s="53"/>
      <c r="AC3429" s="53"/>
      <c r="AD3429" s="53"/>
      <c r="AE3429" s="53"/>
      <c r="AF3429" s="53"/>
      <c r="AG3429" s="53"/>
      <c r="AH3429" s="53"/>
      <c r="AI3429" s="53"/>
      <c r="AJ3429" s="53"/>
      <c r="AK3429" s="53"/>
      <c r="AL3429" s="53"/>
      <c r="AM3429" s="53"/>
      <c r="AN3429" s="53"/>
      <c r="AO3429" s="53"/>
      <c r="AP3429" s="53"/>
      <c r="AQ3429" s="53"/>
      <c r="AR3429" s="53"/>
      <c r="AS3429" s="53"/>
      <c r="AT3429" s="53"/>
      <c r="AU3429" s="53"/>
      <c r="AV3429" s="53"/>
      <c r="AW3429" s="53"/>
      <c r="AX3429" s="53"/>
      <c r="AY3429" s="53"/>
      <c r="AZ3429" s="53"/>
      <c r="BA3429" s="53"/>
      <c r="BB3429" s="53"/>
      <c r="BC3429" s="53"/>
      <c r="BD3429" s="53"/>
      <c r="BE3429" s="53"/>
      <c r="BF3429" s="53"/>
      <c r="BG3429" s="53"/>
      <c r="BH3429" s="53"/>
      <c r="BI3429" s="53"/>
      <c r="BJ3429" s="53"/>
      <c r="BK3429" s="53"/>
      <c r="BL3429" s="53"/>
      <c r="BM3429" s="53"/>
      <c r="BN3429" s="53"/>
      <c r="BO3429" s="53"/>
      <c r="BP3429" s="53"/>
      <c r="BQ3429" s="53"/>
      <c r="BR3429" s="53"/>
      <c r="BS3429" s="53"/>
      <c r="BT3429" s="53"/>
      <c r="BU3429" s="53"/>
      <c r="BV3429" s="53"/>
      <c r="BW3429" s="53"/>
      <c r="BX3429" s="53"/>
      <c r="BY3429" s="53"/>
      <c r="BZ3429" s="53"/>
      <c r="CA3429" s="53"/>
      <c r="CB3429" s="53"/>
      <c r="CC3429" s="53"/>
      <c r="CD3429" s="53"/>
      <c r="CE3429" s="53"/>
      <c r="CF3429" s="53"/>
      <c r="CG3429" s="53"/>
      <c r="CH3429" s="53"/>
      <c r="CI3429" s="53"/>
      <c r="CJ3429" s="53"/>
      <c r="CK3429" s="53"/>
      <c r="CL3429" s="53"/>
      <c r="CM3429" s="53"/>
      <c r="CN3429" s="53"/>
    </row>
    <row r="3430" spans="1:92" outlineLevel="1">
      <c r="A3430" s="52" t="s">
        <v>1593</v>
      </c>
      <c r="B3430" s="53"/>
      <c r="C3430" s="53"/>
      <c r="D3430" s="53"/>
      <c r="E3430" s="53"/>
      <c r="F3430" s="53"/>
      <c r="G3430" s="53"/>
      <c r="H3430" s="53"/>
      <c r="I3430" s="53"/>
      <c r="J3430" s="53"/>
      <c r="K3430" s="53"/>
      <c r="L3430" s="53"/>
      <c r="M3430" s="53"/>
      <c r="N3430" s="53"/>
      <c r="O3430" s="53"/>
      <c r="P3430" s="53"/>
      <c r="Q3430" s="53"/>
      <c r="R3430" s="53"/>
      <c r="S3430" s="53"/>
      <c r="T3430" s="53"/>
      <c r="U3430" s="53"/>
      <c r="V3430" s="53"/>
      <c r="W3430" s="53"/>
      <c r="X3430" s="53"/>
      <c r="Y3430" s="53"/>
      <c r="Z3430" s="53"/>
      <c r="AA3430" s="53"/>
      <c r="AB3430" s="53"/>
      <c r="AC3430" s="53"/>
      <c r="AD3430" s="53"/>
      <c r="AE3430" s="53"/>
      <c r="AF3430" s="53"/>
      <c r="AG3430" s="53"/>
      <c r="AH3430" s="53"/>
      <c r="AI3430" s="53"/>
      <c r="AJ3430" s="53"/>
      <c r="AK3430" s="53"/>
      <c r="AL3430" s="53"/>
      <c r="AM3430" s="53"/>
      <c r="AN3430" s="53"/>
      <c r="AO3430" s="53"/>
      <c r="AP3430" s="53"/>
      <c r="AQ3430" s="53"/>
      <c r="AR3430" s="53"/>
      <c r="AS3430" s="53"/>
      <c r="AT3430" s="53"/>
      <c r="AU3430" s="53"/>
      <c r="AV3430" s="53"/>
      <c r="AW3430" s="53"/>
      <c r="AX3430" s="53"/>
      <c r="AY3430" s="53"/>
      <c r="AZ3430" s="53"/>
      <c r="BA3430" s="53"/>
      <c r="BB3430" s="53"/>
      <c r="BC3430" s="53"/>
      <c r="BD3430" s="53"/>
      <c r="BE3430" s="53"/>
      <c r="BF3430" s="53"/>
      <c r="BG3430" s="53"/>
      <c r="BH3430" s="53"/>
      <c r="BI3430" s="53"/>
      <c r="BJ3430" s="53"/>
      <c r="BK3430" s="53"/>
      <c r="BL3430" s="53"/>
      <c r="BM3430" s="53"/>
      <c r="BN3430" s="53"/>
      <c r="BO3430" s="53"/>
      <c r="BP3430" s="53"/>
      <c r="BQ3430" s="53"/>
      <c r="BR3430" s="53"/>
      <c r="BS3430" s="53"/>
      <c r="BT3430" s="53"/>
      <c r="BU3430" s="53"/>
      <c r="BV3430" s="53"/>
      <c r="BW3430" s="53"/>
      <c r="BX3430" s="53"/>
      <c r="BY3430" s="53"/>
      <c r="BZ3430" s="53"/>
      <c r="CA3430" s="53"/>
      <c r="CB3430" s="53"/>
      <c r="CC3430" s="53"/>
      <c r="CD3430" s="53"/>
      <c r="CE3430" s="53"/>
      <c r="CF3430" s="53"/>
      <c r="CG3430" s="53"/>
      <c r="CH3430" s="53"/>
      <c r="CI3430" s="53"/>
      <c r="CJ3430" s="53"/>
      <c r="CK3430" s="53"/>
      <c r="CL3430" s="53"/>
      <c r="CM3430" s="53"/>
      <c r="CN3430" s="53"/>
    </row>
    <row r="3431" spans="1:92" outlineLevel="1">
      <c r="A3431" s="52" t="s">
        <v>711</v>
      </c>
      <c r="B3431" s="53">
        <v>15351.524590163899</v>
      </c>
      <c r="C3431" s="53">
        <v>15351.524590163899</v>
      </c>
      <c r="D3431" s="53">
        <v>15351.524590163899</v>
      </c>
      <c r="E3431" s="53">
        <v>15351.524590163899</v>
      </c>
      <c r="F3431" s="53">
        <v>15351.524590163899</v>
      </c>
      <c r="G3431" s="53">
        <v>15351.524590163899</v>
      </c>
      <c r="H3431" s="53">
        <v>15351.524590163899</v>
      </c>
      <c r="I3431" s="53">
        <v>15351.524590163899</v>
      </c>
      <c r="J3431" s="53">
        <v>15351.524590163899</v>
      </c>
      <c r="K3431" s="53">
        <v>15351.524590163899</v>
      </c>
      <c r="L3431" s="53">
        <v>15351.524590163899</v>
      </c>
      <c r="M3431" s="53">
        <v>15351.524590163899</v>
      </c>
      <c r="N3431" s="53">
        <v>184218.29508196699</v>
      </c>
      <c r="O3431" s="53">
        <v>15351.524590163899</v>
      </c>
      <c r="P3431" s="53">
        <v>15351.524590163899</v>
      </c>
      <c r="Q3431" s="53">
        <v>15351.524590163899</v>
      </c>
      <c r="R3431" s="53">
        <v>15351.524590163899</v>
      </c>
      <c r="S3431" s="53">
        <v>15351.524590163899</v>
      </c>
      <c r="T3431" s="53">
        <v>15351.524590163899</v>
      </c>
      <c r="U3431" s="53">
        <v>15351.524590163899</v>
      </c>
      <c r="V3431" s="53">
        <v>15351.524590163899</v>
      </c>
      <c r="W3431" s="53">
        <v>15351.524590163899</v>
      </c>
      <c r="X3431" s="53">
        <v>15351.524590163899</v>
      </c>
      <c r="Y3431" s="53">
        <v>15351.524590163899</v>
      </c>
      <c r="Z3431" s="53">
        <v>15351.524590163899</v>
      </c>
      <c r="AA3431" s="53">
        <v>184218.29508196699</v>
      </c>
      <c r="AB3431" s="53">
        <v>15351.524590163899</v>
      </c>
      <c r="AC3431" s="53">
        <v>15351.524590163899</v>
      </c>
      <c r="AD3431" s="53">
        <v>15351.524590163899</v>
      </c>
      <c r="AE3431" s="53">
        <v>15351.524590163899</v>
      </c>
      <c r="AF3431" s="53">
        <v>15351.524590163899</v>
      </c>
      <c r="AG3431" s="53">
        <v>15351.524590163899</v>
      </c>
      <c r="AH3431" s="53">
        <v>15351.524590163899</v>
      </c>
      <c r="AI3431" s="53">
        <v>15351.524590163899</v>
      </c>
      <c r="AJ3431" s="53">
        <v>15351.524590163899</v>
      </c>
      <c r="AK3431" s="53">
        <v>15351.524590163899</v>
      </c>
      <c r="AL3431" s="53">
        <v>15351.524590163899</v>
      </c>
      <c r="AM3431" s="53">
        <v>15351.524590163899</v>
      </c>
      <c r="AN3431" s="53">
        <v>184218.29508196699</v>
      </c>
      <c r="AO3431" s="53">
        <v>15351.524590163899</v>
      </c>
      <c r="AP3431" s="53">
        <v>15351.524590163899</v>
      </c>
      <c r="AQ3431" s="53">
        <v>15351.524590163899</v>
      </c>
      <c r="AR3431" s="53">
        <v>15351.524590163899</v>
      </c>
      <c r="AS3431" s="53">
        <v>15351.524590163899</v>
      </c>
      <c r="AT3431" s="53">
        <v>15351.524590163899</v>
      </c>
      <c r="AU3431" s="53">
        <v>15351.524590163899</v>
      </c>
      <c r="AV3431" s="53">
        <v>15351.524590163899</v>
      </c>
      <c r="AW3431" s="53">
        <v>15351.524590163899</v>
      </c>
      <c r="AX3431" s="53">
        <v>15351.524590163899</v>
      </c>
      <c r="AY3431" s="53">
        <v>15351.524590163899</v>
      </c>
      <c r="AZ3431" s="53">
        <v>15351.524590163899</v>
      </c>
      <c r="BA3431" s="53">
        <v>184218.29508196699</v>
      </c>
      <c r="BB3431" s="53">
        <v>15351.524590163899</v>
      </c>
      <c r="BC3431" s="53">
        <v>15351.524590163899</v>
      </c>
      <c r="BD3431" s="53">
        <v>15351.524590163899</v>
      </c>
      <c r="BE3431" s="53">
        <v>15351.524590163899</v>
      </c>
      <c r="BF3431" s="53">
        <v>15351.524590163899</v>
      </c>
      <c r="BG3431" s="53">
        <v>15351.524590163899</v>
      </c>
      <c r="BH3431" s="53">
        <v>15351.524590163899</v>
      </c>
      <c r="BI3431" s="53">
        <v>15351.524590163899</v>
      </c>
      <c r="BJ3431" s="53">
        <v>15351.524590163899</v>
      </c>
      <c r="BK3431" s="53">
        <v>15351.524590163899</v>
      </c>
      <c r="BL3431" s="53">
        <v>15351.524590163899</v>
      </c>
      <c r="BM3431" s="53">
        <v>15351.524590163899</v>
      </c>
      <c r="BN3431" s="53">
        <v>184218.29508196699</v>
      </c>
      <c r="BO3431" s="53">
        <v>15351.524590163899</v>
      </c>
      <c r="BP3431" s="53"/>
      <c r="BQ3431" s="53"/>
      <c r="BR3431" s="53"/>
      <c r="BS3431" s="53"/>
      <c r="BT3431" s="53"/>
      <c r="BU3431" s="53"/>
      <c r="BV3431" s="53"/>
      <c r="BW3431" s="53"/>
      <c r="BX3431" s="53"/>
      <c r="BY3431" s="53"/>
      <c r="BZ3431" s="53"/>
      <c r="CA3431" s="53">
        <v>15351.524590163899</v>
      </c>
      <c r="CB3431" s="53"/>
      <c r="CC3431" s="53"/>
      <c r="CD3431" s="53"/>
      <c r="CE3431" s="53"/>
      <c r="CF3431" s="53"/>
      <c r="CG3431" s="53"/>
      <c r="CH3431" s="53"/>
      <c r="CI3431" s="53"/>
      <c r="CJ3431" s="53"/>
      <c r="CK3431" s="53"/>
      <c r="CL3431" s="53"/>
      <c r="CM3431" s="53"/>
      <c r="CN3431" s="53"/>
    </row>
    <row r="3432" spans="1:92" outlineLevel="1">
      <c r="A3432" s="52" t="s">
        <v>712</v>
      </c>
      <c r="B3432" s="53">
        <v>8310.1065573770393</v>
      </c>
      <c r="C3432" s="53">
        <v>8310.1065573770393</v>
      </c>
      <c r="D3432" s="53">
        <v>8310.1065573770393</v>
      </c>
      <c r="E3432" s="53">
        <v>8310.1065573770393</v>
      </c>
      <c r="F3432" s="53">
        <v>8310.1065573770502</v>
      </c>
      <c r="G3432" s="53">
        <v>8310.1065573770502</v>
      </c>
      <c r="H3432" s="53">
        <v>8310.1065573770502</v>
      </c>
      <c r="I3432" s="53">
        <v>8310.1065573770502</v>
      </c>
      <c r="J3432" s="53">
        <v>8310.1065573770502</v>
      </c>
      <c r="K3432" s="53">
        <v>8310.1065573770502</v>
      </c>
      <c r="L3432" s="53">
        <v>8310.1065573770502</v>
      </c>
      <c r="M3432" s="53">
        <v>8310.1065573770502</v>
      </c>
      <c r="N3432" s="53">
        <v>99721.278688524602</v>
      </c>
      <c r="O3432" s="53">
        <v>8310.1065573770502</v>
      </c>
      <c r="P3432" s="53">
        <v>8310.1065573770502</v>
      </c>
      <c r="Q3432" s="53">
        <v>8310.1065573770502</v>
      </c>
      <c r="R3432" s="53">
        <v>8310.1065573770502</v>
      </c>
      <c r="S3432" s="53">
        <v>8310.1065573770502</v>
      </c>
      <c r="T3432" s="53">
        <v>8310.1065573770502</v>
      </c>
      <c r="U3432" s="53">
        <v>8310.1065573770502</v>
      </c>
      <c r="V3432" s="53">
        <v>8310.1065573770502</v>
      </c>
      <c r="W3432" s="53">
        <v>8310.1065573770502</v>
      </c>
      <c r="X3432" s="53">
        <v>8310.1065573770502</v>
      </c>
      <c r="Y3432" s="53">
        <v>8310.1065573770502</v>
      </c>
      <c r="Z3432" s="53">
        <v>8310.1065573770502</v>
      </c>
      <c r="AA3432" s="53">
        <v>99721.278688524602</v>
      </c>
      <c r="AB3432" s="53">
        <v>8310.1065573770502</v>
      </c>
      <c r="AC3432" s="53">
        <v>8310.1065573770502</v>
      </c>
      <c r="AD3432" s="53">
        <v>8310.1065573770502</v>
      </c>
      <c r="AE3432" s="53">
        <v>8310.1065573770502</v>
      </c>
      <c r="AF3432" s="53">
        <v>8310.1065573770502</v>
      </c>
      <c r="AG3432" s="53">
        <v>8310.1065573770502</v>
      </c>
      <c r="AH3432" s="53">
        <v>8310.1065573770502</v>
      </c>
      <c r="AI3432" s="53">
        <v>8310.1065573770502</v>
      </c>
      <c r="AJ3432" s="53">
        <v>8310.1065573770502</v>
      </c>
      <c r="AK3432" s="53">
        <v>8310.1065573770502</v>
      </c>
      <c r="AL3432" s="53">
        <v>8310.1065573770502</v>
      </c>
      <c r="AM3432" s="53">
        <v>8310.1065573770502</v>
      </c>
      <c r="AN3432" s="53">
        <v>99721.278688524602</v>
      </c>
      <c r="AO3432" s="53">
        <v>8310.1065573770593</v>
      </c>
      <c r="AP3432" s="53">
        <v>8310.1065573770593</v>
      </c>
      <c r="AQ3432" s="53">
        <v>8310.1065573770593</v>
      </c>
      <c r="AR3432" s="53">
        <v>8310.1065573770593</v>
      </c>
      <c r="AS3432" s="53">
        <v>8310.1065573770593</v>
      </c>
      <c r="AT3432" s="53">
        <v>8310.1065573770593</v>
      </c>
      <c r="AU3432" s="53">
        <v>8310.1065573770593</v>
      </c>
      <c r="AV3432" s="53">
        <v>8310.1065573770593</v>
      </c>
      <c r="AW3432" s="53">
        <v>8310.1065573770593</v>
      </c>
      <c r="AX3432" s="53">
        <v>8310.1065573770593</v>
      </c>
      <c r="AY3432" s="53">
        <v>8310.1065573770593</v>
      </c>
      <c r="AZ3432" s="53">
        <v>8310.1065573770593</v>
      </c>
      <c r="BA3432" s="53">
        <v>99721.278688524704</v>
      </c>
      <c r="BB3432" s="53">
        <v>8310.1065573770593</v>
      </c>
      <c r="BC3432" s="53">
        <v>8310.1065573770593</v>
      </c>
      <c r="BD3432" s="53">
        <v>8310.1065573770593</v>
      </c>
      <c r="BE3432" s="53">
        <v>8310.1065573770593</v>
      </c>
      <c r="BF3432" s="53">
        <v>8310.1065573770593</v>
      </c>
      <c r="BG3432" s="53">
        <v>8310.1065573770593</v>
      </c>
      <c r="BH3432" s="53">
        <v>8310.1065573770593</v>
      </c>
      <c r="BI3432" s="53">
        <v>8310.1065573770593</v>
      </c>
      <c r="BJ3432" s="53">
        <v>8310.1065573770593</v>
      </c>
      <c r="BK3432" s="53">
        <v>8310.1065573770702</v>
      </c>
      <c r="BL3432" s="53">
        <v>8310.1065573770702</v>
      </c>
      <c r="BM3432" s="53">
        <v>8310.1065573770702</v>
      </c>
      <c r="BN3432" s="53">
        <v>99721.278688524806</v>
      </c>
      <c r="BO3432" s="53">
        <v>8310.1065573770702</v>
      </c>
      <c r="BP3432" s="53">
        <v>8310.1065573770702</v>
      </c>
      <c r="BQ3432" s="53">
        <v>8310.1065573770702</v>
      </c>
      <c r="BR3432" s="53">
        <v>8310.1065573770702</v>
      </c>
      <c r="BS3432" s="53">
        <v>8310.1065573770702</v>
      </c>
      <c r="BT3432" s="53">
        <v>8310.1065573770702</v>
      </c>
      <c r="BU3432" s="53">
        <v>8310.1065573770702</v>
      </c>
      <c r="BV3432" s="53">
        <v>8310.1065573770702</v>
      </c>
      <c r="BW3432" s="53">
        <v>8310.1065573770702</v>
      </c>
      <c r="BX3432" s="53">
        <v>8310.1065573770702</v>
      </c>
      <c r="BY3432" s="53">
        <v>8310.1065573770702</v>
      </c>
      <c r="BZ3432" s="53">
        <v>8310.1065573770593</v>
      </c>
      <c r="CA3432" s="53">
        <v>99721.278688524806</v>
      </c>
      <c r="CB3432" s="53"/>
      <c r="CC3432" s="53"/>
      <c r="CD3432" s="53"/>
      <c r="CE3432" s="53"/>
      <c r="CF3432" s="53"/>
      <c r="CG3432" s="53"/>
      <c r="CH3432" s="53"/>
      <c r="CI3432" s="53"/>
      <c r="CJ3432" s="53"/>
      <c r="CK3432" s="53"/>
      <c r="CL3432" s="53"/>
      <c r="CM3432" s="53"/>
      <c r="CN3432" s="53"/>
    </row>
    <row r="3433" spans="1:92" outlineLevel="1">
      <c r="A3433" s="52" t="s">
        <v>713</v>
      </c>
      <c r="B3433" s="53">
        <v>18632.7082152974</v>
      </c>
      <c r="C3433" s="53">
        <v>18632.7082152974</v>
      </c>
      <c r="D3433" s="53">
        <v>18632.7082152974</v>
      </c>
      <c r="E3433" s="53">
        <v>18632.7082152974</v>
      </c>
      <c r="F3433" s="53">
        <v>18632.7082152974</v>
      </c>
      <c r="G3433" s="53">
        <v>18632.7082152974</v>
      </c>
      <c r="H3433" s="53">
        <v>18632.7082152974</v>
      </c>
      <c r="I3433" s="53">
        <v>18632.7082152974</v>
      </c>
      <c r="J3433" s="53">
        <v>18632.7082152974</v>
      </c>
      <c r="K3433" s="53">
        <v>18632.7082152974</v>
      </c>
      <c r="L3433" s="53">
        <v>18632.7082152974</v>
      </c>
      <c r="M3433" s="53">
        <v>18632.7082152974</v>
      </c>
      <c r="N3433" s="53">
        <v>223592.49858356899</v>
      </c>
      <c r="O3433" s="53">
        <v>18632.7082152974</v>
      </c>
      <c r="P3433" s="53">
        <v>18632.7082152974</v>
      </c>
      <c r="Q3433" s="53">
        <v>18632.7082152974</v>
      </c>
      <c r="R3433" s="53">
        <v>18632.7082152974</v>
      </c>
      <c r="S3433" s="53">
        <v>18632.7082152974</v>
      </c>
      <c r="T3433" s="53">
        <v>18632.7082152974</v>
      </c>
      <c r="U3433" s="53">
        <v>18632.7082152974</v>
      </c>
      <c r="V3433" s="53">
        <v>18632.7082152974</v>
      </c>
      <c r="W3433" s="53">
        <v>18632.7082152974</v>
      </c>
      <c r="X3433" s="53">
        <v>18632.7082152974</v>
      </c>
      <c r="Y3433" s="53">
        <v>18632.7082152974</v>
      </c>
      <c r="Z3433" s="53">
        <v>18632.7082152974</v>
      </c>
      <c r="AA3433" s="53">
        <v>223592.49858356899</v>
      </c>
      <c r="AB3433" s="53">
        <v>18632.7082152974</v>
      </c>
      <c r="AC3433" s="53">
        <v>18632.7082152974</v>
      </c>
      <c r="AD3433" s="53">
        <v>18632.7082152974</v>
      </c>
      <c r="AE3433" s="53">
        <v>18632.7082152974</v>
      </c>
      <c r="AF3433" s="53">
        <v>18632.7082152974</v>
      </c>
      <c r="AG3433" s="53">
        <v>18632.7082152974</v>
      </c>
      <c r="AH3433" s="53">
        <v>18632.7082152974</v>
      </c>
      <c r="AI3433" s="53">
        <v>18632.7082152974</v>
      </c>
      <c r="AJ3433" s="53">
        <v>18632.7082152974</v>
      </c>
      <c r="AK3433" s="53">
        <v>18632.7082152974</v>
      </c>
      <c r="AL3433" s="53">
        <v>18632.7082152974</v>
      </c>
      <c r="AM3433" s="53">
        <v>18632.7082152974</v>
      </c>
      <c r="AN3433" s="53">
        <v>223592.49858356899</v>
      </c>
      <c r="AO3433" s="53">
        <v>18632.7082152974</v>
      </c>
      <c r="AP3433" s="53">
        <v>18632.7082152974</v>
      </c>
      <c r="AQ3433" s="53">
        <v>18632.7082152974</v>
      </c>
      <c r="AR3433" s="53">
        <v>18632.7082152974</v>
      </c>
      <c r="AS3433" s="53">
        <v>18632.7082152974</v>
      </c>
      <c r="AT3433" s="53">
        <v>18632.7082152974</v>
      </c>
      <c r="AU3433" s="53">
        <v>18632.7082152974</v>
      </c>
      <c r="AV3433" s="53">
        <v>18632.7082152974</v>
      </c>
      <c r="AW3433" s="53">
        <v>18632.7082152974</v>
      </c>
      <c r="AX3433" s="53">
        <v>18632.7082152974</v>
      </c>
      <c r="AY3433" s="53">
        <v>18632.7082152974</v>
      </c>
      <c r="AZ3433" s="53">
        <v>18632.7082152974</v>
      </c>
      <c r="BA3433" s="53">
        <v>223592.49858356899</v>
      </c>
      <c r="BB3433" s="53">
        <v>18632.7082152974</v>
      </c>
      <c r="BC3433" s="53">
        <v>18632.7082152974</v>
      </c>
      <c r="BD3433" s="53">
        <v>18632.7082152974</v>
      </c>
      <c r="BE3433" s="53">
        <v>18632.7082152974</v>
      </c>
      <c r="BF3433" s="53">
        <v>18632.7082152974</v>
      </c>
      <c r="BG3433" s="53">
        <v>18632.7082152974</v>
      </c>
      <c r="BH3433" s="53">
        <v>18632.7082152974</v>
      </c>
      <c r="BI3433" s="53">
        <v>18632.7082152974</v>
      </c>
      <c r="BJ3433" s="53">
        <v>18632.7082152974</v>
      </c>
      <c r="BK3433" s="53">
        <v>18632.7082152974</v>
      </c>
      <c r="BL3433" s="53">
        <v>18632.7082152974</v>
      </c>
      <c r="BM3433" s="53">
        <v>18632.7082152974</v>
      </c>
      <c r="BN3433" s="53">
        <v>223592.49858356899</v>
      </c>
      <c r="BO3433" s="53">
        <v>18632.7082152974</v>
      </c>
      <c r="BP3433" s="53">
        <v>18632.7082152974</v>
      </c>
      <c r="BQ3433" s="53">
        <v>18632.7082152974</v>
      </c>
      <c r="BR3433" s="53">
        <v>18632.7082152974</v>
      </c>
      <c r="BS3433" s="53">
        <v>18632.7082152974</v>
      </c>
      <c r="BT3433" s="53">
        <v>18632.7082152974</v>
      </c>
      <c r="BU3433" s="53">
        <v>18632.7082152974</v>
      </c>
      <c r="BV3433" s="53">
        <v>18632.7082152974</v>
      </c>
      <c r="BW3433" s="53">
        <v>18632.7082152974</v>
      </c>
      <c r="BX3433" s="53">
        <v>18632.7082152974</v>
      </c>
      <c r="BY3433" s="53">
        <v>18632.7082152974</v>
      </c>
      <c r="BZ3433" s="53">
        <v>18632.7082152974</v>
      </c>
      <c r="CA3433" s="53">
        <v>223592.49858356899</v>
      </c>
      <c r="CB3433" s="53">
        <v>-9392666.6999999993</v>
      </c>
      <c r="CC3433" s="53">
        <v>-9392666.6999999993</v>
      </c>
      <c r="CD3433" s="53">
        <v>-9392666.6999999993</v>
      </c>
      <c r="CE3433" s="53">
        <v>-9392666.6999999993</v>
      </c>
      <c r="CF3433" s="53">
        <v>-9392666.6999999993</v>
      </c>
      <c r="CG3433" s="53">
        <v>-9392666.6999999993</v>
      </c>
      <c r="CH3433" s="53">
        <v>-9392666.6999999993</v>
      </c>
      <c r="CI3433" s="53">
        <v>-9392666.6999999993</v>
      </c>
      <c r="CJ3433" s="53">
        <v>-9392666.6999999993</v>
      </c>
      <c r="CK3433" s="53">
        <v>-9392666.6999999993</v>
      </c>
      <c r="CL3433" s="53">
        <v>-9392666.6999999993</v>
      </c>
      <c r="CM3433" s="53">
        <v>-9392666.6999999993</v>
      </c>
      <c r="CN3433" s="53">
        <v>-112712000.40000001</v>
      </c>
    </row>
    <row r="3434" spans="1:92" outlineLevel="1">
      <c r="A3434" s="52" t="s">
        <v>716</v>
      </c>
      <c r="B3434" s="53">
        <v>36488.3342318059</v>
      </c>
      <c r="C3434" s="53">
        <v>36488.3342318059</v>
      </c>
      <c r="D3434" s="53">
        <v>36488.3342318059</v>
      </c>
      <c r="E3434" s="53">
        <v>36488.3342318059</v>
      </c>
      <c r="F3434" s="53">
        <v>36488.3342318059</v>
      </c>
      <c r="G3434" s="53">
        <v>36488.3342318059</v>
      </c>
      <c r="H3434" s="53">
        <v>36488.3342318059</v>
      </c>
      <c r="I3434" s="53">
        <v>36488.3342318059</v>
      </c>
      <c r="J3434" s="53">
        <v>36488.3342318059</v>
      </c>
      <c r="K3434" s="53">
        <v>36488.3342318059</v>
      </c>
      <c r="L3434" s="53">
        <v>36488.3342318059</v>
      </c>
      <c r="M3434" s="53">
        <v>36488.3342318059</v>
      </c>
      <c r="N3434" s="53">
        <v>437860.01078167098</v>
      </c>
      <c r="O3434" s="53">
        <v>36488.3342318059</v>
      </c>
      <c r="P3434" s="53">
        <v>36488.3342318059</v>
      </c>
      <c r="Q3434" s="53">
        <v>36488.3342318059</v>
      </c>
      <c r="R3434" s="53">
        <v>36488.3342318059</v>
      </c>
      <c r="S3434" s="53">
        <v>36488.3342318059</v>
      </c>
      <c r="T3434" s="53">
        <v>36488.3342318059</v>
      </c>
      <c r="U3434" s="53">
        <v>36488.3342318059</v>
      </c>
      <c r="V3434" s="53">
        <v>36488.3342318059</v>
      </c>
      <c r="W3434" s="53">
        <v>36488.334231805798</v>
      </c>
      <c r="X3434" s="53">
        <v>36488.334231805798</v>
      </c>
      <c r="Y3434" s="53">
        <v>36488.334231805798</v>
      </c>
      <c r="Z3434" s="53">
        <v>36488.334231805798</v>
      </c>
      <c r="AA3434" s="53">
        <v>437860.01078166999</v>
      </c>
      <c r="AB3434" s="53">
        <v>36488.334231805798</v>
      </c>
      <c r="AC3434" s="53">
        <v>36488.334231805798</v>
      </c>
      <c r="AD3434" s="53">
        <v>36488.334231805798</v>
      </c>
      <c r="AE3434" s="53">
        <v>36488.334231805798</v>
      </c>
      <c r="AF3434" s="53">
        <v>36488.334231805798</v>
      </c>
      <c r="AG3434" s="53">
        <v>36488.334231805798</v>
      </c>
      <c r="AH3434" s="53">
        <v>36488.334231805798</v>
      </c>
      <c r="AI3434" s="53">
        <v>36488.334231805798</v>
      </c>
      <c r="AJ3434" s="53">
        <v>36488.334231805798</v>
      </c>
      <c r="AK3434" s="53">
        <v>36488.334231805798</v>
      </c>
      <c r="AL3434" s="53">
        <v>36488.334231805798</v>
      </c>
      <c r="AM3434" s="53">
        <v>36488.334231805798</v>
      </c>
      <c r="AN3434" s="53">
        <v>437860.01078166999</v>
      </c>
      <c r="AO3434" s="53">
        <v>36488.334231805798</v>
      </c>
      <c r="AP3434" s="53">
        <v>36488.334231805798</v>
      </c>
      <c r="AQ3434" s="53">
        <v>36488.334231805798</v>
      </c>
      <c r="AR3434" s="53">
        <v>36488.334231805798</v>
      </c>
      <c r="AS3434" s="53">
        <v>36488.334231805798</v>
      </c>
      <c r="AT3434" s="53">
        <v>36488.334231805798</v>
      </c>
      <c r="AU3434" s="53">
        <v>36488.334231805798</v>
      </c>
      <c r="AV3434" s="53">
        <v>36488.334231805798</v>
      </c>
      <c r="AW3434" s="53">
        <v>36488.334231805798</v>
      </c>
      <c r="AX3434" s="53">
        <v>36488.334231805798</v>
      </c>
      <c r="AY3434" s="53">
        <v>36488.334231805798</v>
      </c>
      <c r="AZ3434" s="53">
        <v>36488.334231805798</v>
      </c>
      <c r="BA3434" s="53">
        <v>437860.01078166999</v>
      </c>
      <c r="BB3434" s="53">
        <v>36488.334231805798</v>
      </c>
      <c r="BC3434" s="53">
        <v>36488.334231805798</v>
      </c>
      <c r="BD3434" s="53">
        <v>36488.334231805798</v>
      </c>
      <c r="BE3434" s="53">
        <v>36488.334231805798</v>
      </c>
      <c r="BF3434" s="53">
        <v>36488.334231805798</v>
      </c>
      <c r="BG3434" s="53">
        <v>36488.334231805798</v>
      </c>
      <c r="BH3434" s="53">
        <v>36488.334231805798</v>
      </c>
      <c r="BI3434" s="53">
        <v>36488.334231805798</v>
      </c>
      <c r="BJ3434" s="53">
        <v>36488.334231805798</v>
      </c>
      <c r="BK3434" s="53">
        <v>36488.334231805798</v>
      </c>
      <c r="BL3434" s="53">
        <v>36488.334231805798</v>
      </c>
      <c r="BM3434" s="53">
        <v>36488.334231805697</v>
      </c>
      <c r="BN3434" s="53">
        <v>437860.010781669</v>
      </c>
      <c r="BO3434" s="53">
        <v>36488.334231805697</v>
      </c>
      <c r="BP3434" s="53">
        <v>36488.334231805697</v>
      </c>
      <c r="BQ3434" s="53">
        <v>36488.334231805697</v>
      </c>
      <c r="BR3434" s="53">
        <v>36488.334231805697</v>
      </c>
      <c r="BS3434" s="53">
        <v>36488.334231805697</v>
      </c>
      <c r="BT3434" s="53">
        <v>36488.334231805697</v>
      </c>
      <c r="BU3434" s="53">
        <v>36488.334231805697</v>
      </c>
      <c r="BV3434" s="53">
        <v>36488.334231805697</v>
      </c>
      <c r="BW3434" s="53">
        <v>36488.334231805697</v>
      </c>
      <c r="BX3434" s="53">
        <v>36488.334231805697</v>
      </c>
      <c r="BY3434" s="53">
        <v>36488.334231805697</v>
      </c>
      <c r="BZ3434" s="53">
        <v>36488.334231805697</v>
      </c>
      <c r="CA3434" s="53">
        <v>437860.010781669</v>
      </c>
      <c r="CB3434" s="53"/>
      <c r="CC3434" s="53"/>
      <c r="CD3434" s="53"/>
      <c r="CE3434" s="53"/>
      <c r="CF3434" s="53"/>
      <c r="CG3434" s="53"/>
      <c r="CH3434" s="53"/>
      <c r="CI3434" s="53"/>
      <c r="CJ3434" s="53"/>
      <c r="CK3434" s="53"/>
      <c r="CL3434" s="53"/>
      <c r="CM3434" s="53"/>
      <c r="CN3434" s="53"/>
    </row>
    <row r="3435" spans="1:92" outlineLevel="1">
      <c r="A3435" s="52" t="s">
        <v>717</v>
      </c>
      <c r="B3435" s="53">
        <v>13019.144927536199</v>
      </c>
      <c r="C3435" s="53">
        <v>13019.144927536199</v>
      </c>
      <c r="D3435" s="53">
        <v>13019.144927536199</v>
      </c>
      <c r="E3435" s="53">
        <v>13019.144927536199</v>
      </c>
      <c r="F3435" s="53">
        <v>13019.144927536199</v>
      </c>
      <c r="G3435" s="53">
        <v>13019.144927536199</v>
      </c>
      <c r="H3435" s="53">
        <v>13019.144927536199</v>
      </c>
      <c r="I3435" s="53">
        <v>13019.144927536199</v>
      </c>
      <c r="J3435" s="53">
        <v>13019.144927536199</v>
      </c>
      <c r="K3435" s="53">
        <v>13019.144927536199</v>
      </c>
      <c r="L3435" s="53">
        <v>13019.144927536199</v>
      </c>
      <c r="M3435" s="53">
        <v>13019.144927536199</v>
      </c>
      <c r="N3435" s="53">
        <v>156229.739130434</v>
      </c>
      <c r="O3435" s="53">
        <v>13019.144927536199</v>
      </c>
      <c r="P3435" s="53">
        <v>13019.144927536199</v>
      </c>
      <c r="Q3435" s="53">
        <v>13019.144927536199</v>
      </c>
      <c r="R3435" s="53">
        <v>13019.144927536199</v>
      </c>
      <c r="S3435" s="53">
        <v>13019.144927536199</v>
      </c>
      <c r="T3435" s="53">
        <v>13019.144927536199</v>
      </c>
      <c r="U3435" s="53">
        <v>13019.144927536199</v>
      </c>
      <c r="V3435" s="53">
        <v>13019.144927536199</v>
      </c>
      <c r="W3435" s="53">
        <v>13019.144927536199</v>
      </c>
      <c r="X3435" s="53">
        <v>13019.144927536199</v>
      </c>
      <c r="Y3435" s="53">
        <v>13019.144927536199</v>
      </c>
      <c r="Z3435" s="53">
        <v>13019.144927536199</v>
      </c>
      <c r="AA3435" s="53">
        <v>156229.739130434</v>
      </c>
      <c r="AB3435" s="53">
        <v>13019.144927536199</v>
      </c>
      <c r="AC3435" s="53">
        <v>13019.144927536199</v>
      </c>
      <c r="AD3435" s="53">
        <v>13019.144927536199</v>
      </c>
      <c r="AE3435" s="53">
        <v>13019.144927536199</v>
      </c>
      <c r="AF3435" s="53">
        <v>13019.144927536199</v>
      </c>
      <c r="AG3435" s="53">
        <v>13019.144927536199</v>
      </c>
      <c r="AH3435" s="53">
        <v>13019.144927536199</v>
      </c>
      <c r="AI3435" s="53">
        <v>13019.144927536199</v>
      </c>
      <c r="AJ3435" s="53">
        <v>13019.144927536199</v>
      </c>
      <c r="AK3435" s="53">
        <v>13019.144927536199</v>
      </c>
      <c r="AL3435" s="53">
        <v>13019.144927536199</v>
      </c>
      <c r="AM3435" s="53">
        <v>13019.144927536199</v>
      </c>
      <c r="AN3435" s="53">
        <v>156229.739130434</v>
      </c>
      <c r="AO3435" s="53">
        <v>13019.144927536199</v>
      </c>
      <c r="AP3435" s="53">
        <v>13019.144927536199</v>
      </c>
      <c r="AQ3435" s="53">
        <v>13019.144927536199</v>
      </c>
      <c r="AR3435" s="53">
        <v>13019.144927536199</v>
      </c>
      <c r="AS3435" s="53">
        <v>13019.144927536199</v>
      </c>
      <c r="AT3435" s="53">
        <v>13019.144927536199</v>
      </c>
      <c r="AU3435" s="53">
        <v>13019.144927536199</v>
      </c>
      <c r="AV3435" s="53">
        <v>13019.144927536199</v>
      </c>
      <c r="AW3435" s="53">
        <v>13019.144927536199</v>
      </c>
      <c r="AX3435" s="53">
        <v>13019.144927536199</v>
      </c>
      <c r="AY3435" s="53">
        <v>13019.144927536199</v>
      </c>
      <c r="AZ3435" s="53">
        <v>13019.144927536199</v>
      </c>
      <c r="BA3435" s="53">
        <v>156229.739130434</v>
      </c>
      <c r="BB3435" s="53">
        <v>13019.144927536199</v>
      </c>
      <c r="BC3435" s="53">
        <v>13019.144927536199</v>
      </c>
      <c r="BD3435" s="53">
        <v>13019.144927536199</v>
      </c>
      <c r="BE3435" s="53">
        <v>13019.144927536199</v>
      </c>
      <c r="BF3435" s="53">
        <v>13019.144927536199</v>
      </c>
      <c r="BG3435" s="53">
        <v>13019.144927536199</v>
      </c>
      <c r="BH3435" s="53">
        <v>13019.144927536199</v>
      </c>
      <c r="BI3435" s="53">
        <v>13019.144927536199</v>
      </c>
      <c r="BJ3435" s="53">
        <v>13019.144927536199</v>
      </c>
      <c r="BK3435" s="53">
        <v>13019.144927536199</v>
      </c>
      <c r="BL3435" s="53">
        <v>13019.144927536199</v>
      </c>
      <c r="BM3435" s="53">
        <v>13019.144927536199</v>
      </c>
      <c r="BN3435" s="53">
        <v>156229.739130434</v>
      </c>
      <c r="BO3435" s="53">
        <v>13019.144927536199</v>
      </c>
      <c r="BP3435" s="53">
        <v>13019.144927536199</v>
      </c>
      <c r="BQ3435" s="53">
        <v>13019.144927536199</v>
      </c>
      <c r="BR3435" s="53">
        <v>13019.144927536199</v>
      </c>
      <c r="BS3435" s="53">
        <v>13019.144927536199</v>
      </c>
      <c r="BT3435" s="53">
        <v>13019.144927536199</v>
      </c>
      <c r="BU3435" s="53">
        <v>13019.144927536199</v>
      </c>
      <c r="BV3435" s="53">
        <v>13019.144927536199</v>
      </c>
      <c r="BW3435" s="53">
        <v>13019.144927536199</v>
      </c>
      <c r="BX3435" s="53">
        <v>13019.144927536199</v>
      </c>
      <c r="BY3435" s="53">
        <v>13019.144927536199</v>
      </c>
      <c r="BZ3435" s="53">
        <v>13019.144927536199</v>
      </c>
      <c r="CA3435" s="53">
        <v>156229.739130434</v>
      </c>
      <c r="CB3435" s="53"/>
      <c r="CC3435" s="53"/>
      <c r="CD3435" s="53"/>
      <c r="CE3435" s="53"/>
      <c r="CF3435" s="53"/>
      <c r="CG3435" s="53"/>
      <c r="CH3435" s="53"/>
      <c r="CI3435" s="53"/>
      <c r="CJ3435" s="53"/>
      <c r="CK3435" s="53"/>
      <c r="CL3435" s="53">
        <v>-1000000</v>
      </c>
      <c r="CM3435" s="53"/>
      <c r="CN3435" s="53">
        <v>-1000000</v>
      </c>
    </row>
    <row r="3436" spans="1:92" outlineLevel="1">
      <c r="A3436" s="52" t="s">
        <v>718</v>
      </c>
      <c r="B3436" s="53">
        <v>13527.685534591101</v>
      </c>
      <c r="C3436" s="53">
        <v>13527.685534591101</v>
      </c>
      <c r="D3436" s="53">
        <v>13527.685534591101</v>
      </c>
      <c r="E3436" s="53">
        <v>13527.685534591101</v>
      </c>
      <c r="F3436" s="53">
        <v>13527.685534591101</v>
      </c>
      <c r="G3436" s="53">
        <v>13527.685534591101</v>
      </c>
      <c r="H3436" s="53">
        <v>13527.685534591101</v>
      </c>
      <c r="I3436" s="53">
        <v>13527.685534591201</v>
      </c>
      <c r="J3436" s="53">
        <v>13527.685534591201</v>
      </c>
      <c r="K3436" s="53">
        <v>13527.685534591201</v>
      </c>
      <c r="L3436" s="53">
        <v>13527.685534591201</v>
      </c>
      <c r="M3436" s="53">
        <v>13527.685534591201</v>
      </c>
      <c r="N3436" s="53">
        <v>162332.22641509399</v>
      </c>
      <c r="O3436" s="53">
        <v>13527.685534591201</v>
      </c>
      <c r="P3436" s="53">
        <v>13527.685534591201</v>
      </c>
      <c r="Q3436" s="53">
        <v>13527.685534591201</v>
      </c>
      <c r="R3436" s="53">
        <v>13527.685534591201</v>
      </c>
      <c r="S3436" s="53">
        <v>13527.685534591201</v>
      </c>
      <c r="T3436" s="53">
        <v>13527.685534591201</v>
      </c>
      <c r="U3436" s="53">
        <v>13527.685534591201</v>
      </c>
      <c r="V3436" s="53">
        <v>13527.685534591201</v>
      </c>
      <c r="W3436" s="53">
        <v>13527.685534591201</v>
      </c>
      <c r="X3436" s="53">
        <v>13527.685534591201</v>
      </c>
      <c r="Y3436" s="53">
        <v>13527.685534591201</v>
      </c>
      <c r="Z3436" s="53">
        <v>13527.685534591201</v>
      </c>
      <c r="AA3436" s="53">
        <v>162332.22641509399</v>
      </c>
      <c r="AB3436" s="53">
        <v>13527.685534591201</v>
      </c>
      <c r="AC3436" s="53">
        <v>13527.685534591201</v>
      </c>
      <c r="AD3436" s="53">
        <v>13527.685534591201</v>
      </c>
      <c r="AE3436" s="53">
        <v>13527.685534591201</v>
      </c>
      <c r="AF3436" s="53">
        <v>13527.685534591201</v>
      </c>
      <c r="AG3436" s="53">
        <v>13527.685534591201</v>
      </c>
      <c r="AH3436" s="53">
        <v>13527.685534591201</v>
      </c>
      <c r="AI3436" s="53">
        <v>13527.685534591201</v>
      </c>
      <c r="AJ3436" s="53">
        <v>13527.685534591201</v>
      </c>
      <c r="AK3436" s="53">
        <v>13527.685534591201</v>
      </c>
      <c r="AL3436" s="53">
        <v>13527.685534591201</v>
      </c>
      <c r="AM3436" s="53">
        <v>13527.685534591201</v>
      </c>
      <c r="AN3436" s="53">
        <v>162332.22641509399</v>
      </c>
      <c r="AO3436" s="53">
        <v>13527.685534591201</v>
      </c>
      <c r="AP3436" s="53">
        <v>13527.685534591201</v>
      </c>
      <c r="AQ3436" s="53">
        <v>13527.685534591201</v>
      </c>
      <c r="AR3436" s="53">
        <v>13527.685534591201</v>
      </c>
      <c r="AS3436" s="53">
        <v>13527.685534591201</v>
      </c>
      <c r="AT3436" s="53">
        <v>13527.685534591201</v>
      </c>
      <c r="AU3436" s="53">
        <v>13527.685534591201</v>
      </c>
      <c r="AV3436" s="53">
        <v>13527.685534591201</v>
      </c>
      <c r="AW3436" s="53">
        <v>13527.685534591201</v>
      </c>
      <c r="AX3436" s="53">
        <v>13527.685534591201</v>
      </c>
      <c r="AY3436" s="53">
        <v>13527.685534591201</v>
      </c>
      <c r="AZ3436" s="53">
        <v>13527.685534591201</v>
      </c>
      <c r="BA3436" s="53">
        <v>162332.22641509399</v>
      </c>
      <c r="BB3436" s="53">
        <v>13527.685534591201</v>
      </c>
      <c r="BC3436" s="53">
        <v>13527.685534591201</v>
      </c>
      <c r="BD3436" s="53">
        <v>13527.685534591201</v>
      </c>
      <c r="BE3436" s="53">
        <v>13527.685534591201</v>
      </c>
      <c r="BF3436" s="53">
        <v>13527.685534591201</v>
      </c>
      <c r="BG3436" s="53">
        <v>13527.685534591201</v>
      </c>
      <c r="BH3436" s="53">
        <v>13527.685534591201</v>
      </c>
      <c r="BI3436" s="53">
        <v>13527.685534591201</v>
      </c>
      <c r="BJ3436" s="53">
        <v>13527.685534591201</v>
      </c>
      <c r="BK3436" s="53">
        <v>13527.685534591201</v>
      </c>
      <c r="BL3436" s="53">
        <v>13527.685534591201</v>
      </c>
      <c r="BM3436" s="53">
        <v>13527.685534591201</v>
      </c>
      <c r="BN3436" s="53">
        <v>162332.22641509399</v>
      </c>
      <c r="BO3436" s="53">
        <v>13527.685534591201</v>
      </c>
      <c r="BP3436" s="53">
        <v>13527.685534591201</v>
      </c>
      <c r="BQ3436" s="53">
        <v>13527.685534591201</v>
      </c>
      <c r="BR3436" s="53">
        <v>13527.685534591201</v>
      </c>
      <c r="BS3436" s="53">
        <v>13527.685534591201</v>
      </c>
      <c r="BT3436" s="53">
        <v>13527.685534591201</v>
      </c>
      <c r="BU3436" s="53">
        <v>13527.685534591201</v>
      </c>
      <c r="BV3436" s="53">
        <v>13527.685534591201</v>
      </c>
      <c r="BW3436" s="53">
        <v>13527.685534591201</v>
      </c>
      <c r="BX3436" s="53">
        <v>13527.685534591201</v>
      </c>
      <c r="BY3436" s="53">
        <v>13527.685534591201</v>
      </c>
      <c r="BZ3436" s="53">
        <v>13527.685534591201</v>
      </c>
      <c r="CA3436" s="53">
        <v>162332.22641509399</v>
      </c>
      <c r="CB3436" s="53"/>
      <c r="CC3436" s="53"/>
      <c r="CD3436" s="53"/>
      <c r="CE3436" s="53"/>
      <c r="CF3436" s="53"/>
      <c r="CG3436" s="53"/>
      <c r="CH3436" s="53"/>
      <c r="CI3436" s="53"/>
      <c r="CJ3436" s="53"/>
      <c r="CK3436" s="53"/>
      <c r="CL3436" s="53"/>
      <c r="CM3436" s="53"/>
      <c r="CN3436" s="53"/>
    </row>
    <row r="3437" spans="1:92" outlineLevel="1">
      <c r="A3437" s="52" t="s">
        <v>721</v>
      </c>
      <c r="B3437" s="53">
        <v>20148.9789473684</v>
      </c>
      <c r="C3437" s="53">
        <v>20148.9789473684</v>
      </c>
      <c r="D3437" s="53">
        <v>20148.9789473684</v>
      </c>
      <c r="E3437" s="53">
        <v>20148.9789473684</v>
      </c>
      <c r="F3437" s="53">
        <v>20148.9789473684</v>
      </c>
      <c r="G3437" s="53">
        <v>20148.9789473684</v>
      </c>
      <c r="H3437" s="53">
        <v>20148.9789473684</v>
      </c>
      <c r="I3437" s="53">
        <v>20148.9789473684</v>
      </c>
      <c r="J3437" s="53">
        <v>20148.9789473684</v>
      </c>
      <c r="K3437" s="53">
        <v>20148.9789473684</v>
      </c>
      <c r="L3437" s="53">
        <v>20148.9789473684</v>
      </c>
      <c r="M3437" s="53">
        <v>20148.9789473684</v>
      </c>
      <c r="N3437" s="53">
        <v>241787.747368421</v>
      </c>
      <c r="O3437" s="53">
        <v>20148.9789473684</v>
      </c>
      <c r="P3437" s="53">
        <v>20148.9789473684</v>
      </c>
      <c r="Q3437" s="53">
        <v>20148.9789473684</v>
      </c>
      <c r="R3437" s="53">
        <v>20148.9789473684</v>
      </c>
      <c r="S3437" s="53">
        <v>20148.9789473684</v>
      </c>
      <c r="T3437" s="53">
        <v>20148.9789473684</v>
      </c>
      <c r="U3437" s="53">
        <v>20148.9789473684</v>
      </c>
      <c r="V3437" s="53">
        <v>20148.9789473684</v>
      </c>
      <c r="W3437" s="53">
        <v>20148.9789473684</v>
      </c>
      <c r="X3437" s="53">
        <v>20148.9789473684</v>
      </c>
      <c r="Y3437" s="53">
        <v>20148.9789473684</v>
      </c>
      <c r="Z3437" s="53">
        <v>20148.9789473684</v>
      </c>
      <c r="AA3437" s="53">
        <v>241787.747368421</v>
      </c>
      <c r="AB3437" s="53">
        <v>20148.9789473684</v>
      </c>
      <c r="AC3437" s="53">
        <v>20148.9789473684</v>
      </c>
      <c r="AD3437" s="53">
        <v>20148.9789473684</v>
      </c>
      <c r="AE3437" s="53">
        <v>20148.9789473684</v>
      </c>
      <c r="AF3437" s="53">
        <v>20148.9789473684</v>
      </c>
      <c r="AG3437" s="53">
        <v>20148.9789473684</v>
      </c>
      <c r="AH3437" s="53">
        <v>20148.9789473684</v>
      </c>
      <c r="AI3437" s="53">
        <v>20148.9789473684</v>
      </c>
      <c r="AJ3437" s="53">
        <v>20148.9789473684</v>
      </c>
      <c r="AK3437" s="53">
        <v>20148.9789473684</v>
      </c>
      <c r="AL3437" s="53">
        <v>20148.9789473684</v>
      </c>
      <c r="AM3437" s="53">
        <v>20148.9789473684</v>
      </c>
      <c r="AN3437" s="53">
        <v>241787.747368421</v>
      </c>
      <c r="AO3437" s="53">
        <v>20148.9789473684</v>
      </c>
      <c r="AP3437" s="53">
        <v>20148.9789473684</v>
      </c>
      <c r="AQ3437" s="53">
        <v>20148.9789473684</v>
      </c>
      <c r="AR3437" s="53">
        <v>20148.9789473684</v>
      </c>
      <c r="AS3437" s="53">
        <v>20148.9789473684</v>
      </c>
      <c r="AT3437" s="53">
        <v>20148.9789473684</v>
      </c>
      <c r="AU3437" s="53">
        <v>20148.9789473684</v>
      </c>
      <c r="AV3437" s="53">
        <v>20148.9789473684</v>
      </c>
      <c r="AW3437" s="53">
        <v>20148.9789473684</v>
      </c>
      <c r="AX3437" s="53">
        <v>20148.9789473684</v>
      </c>
      <c r="AY3437" s="53">
        <v>20148.9789473684</v>
      </c>
      <c r="AZ3437" s="53">
        <v>20148.9789473684</v>
      </c>
      <c r="BA3437" s="53">
        <v>241787.747368421</v>
      </c>
      <c r="BB3437" s="53">
        <v>20148.9789473684</v>
      </c>
      <c r="BC3437" s="53">
        <v>20148.9789473684</v>
      </c>
      <c r="BD3437" s="53">
        <v>20148.9789473684</v>
      </c>
      <c r="BE3437" s="53">
        <v>20148.978947368501</v>
      </c>
      <c r="BF3437" s="53">
        <v>20148.978947368501</v>
      </c>
      <c r="BG3437" s="53">
        <v>20148.978947368501</v>
      </c>
      <c r="BH3437" s="53">
        <v>20148.978947368501</v>
      </c>
      <c r="BI3437" s="53">
        <v>20148.978947368501</v>
      </c>
      <c r="BJ3437" s="53">
        <v>20148.978947368501</v>
      </c>
      <c r="BK3437" s="53">
        <v>20148.978947368501</v>
      </c>
      <c r="BL3437" s="53">
        <v>20148.978947368501</v>
      </c>
      <c r="BM3437" s="53">
        <v>20148.978947368501</v>
      </c>
      <c r="BN3437" s="53">
        <v>241787.74736842199</v>
      </c>
      <c r="BO3437" s="53">
        <v>20148.978947368501</v>
      </c>
      <c r="BP3437" s="53">
        <v>20148.978947368501</v>
      </c>
      <c r="BQ3437" s="53">
        <v>20148.978947368501</v>
      </c>
      <c r="BR3437" s="53">
        <v>20148.978947368501</v>
      </c>
      <c r="BS3437" s="53">
        <v>20148.978947368501</v>
      </c>
      <c r="BT3437" s="53">
        <v>20148.978947368501</v>
      </c>
      <c r="BU3437" s="53">
        <v>20148.978947368501</v>
      </c>
      <c r="BV3437" s="53">
        <v>20148.978947368501</v>
      </c>
      <c r="BW3437" s="53">
        <v>20148.978947368501</v>
      </c>
      <c r="BX3437" s="53">
        <v>20148.978947368501</v>
      </c>
      <c r="BY3437" s="53">
        <v>20148.978947368501</v>
      </c>
      <c r="BZ3437" s="53">
        <v>20148.978947368501</v>
      </c>
      <c r="CA3437" s="53">
        <v>241787.74736842199</v>
      </c>
      <c r="CB3437" s="53"/>
      <c r="CC3437" s="53"/>
      <c r="CD3437" s="53"/>
      <c r="CE3437" s="53"/>
      <c r="CF3437" s="53"/>
      <c r="CG3437" s="53"/>
      <c r="CH3437" s="53"/>
      <c r="CI3437" s="53"/>
      <c r="CJ3437" s="53"/>
      <c r="CK3437" s="53"/>
      <c r="CL3437" s="53"/>
      <c r="CM3437" s="53"/>
      <c r="CN3437" s="53"/>
    </row>
    <row r="3438" spans="1:92" outlineLevel="1">
      <c r="A3438" s="52" t="s">
        <v>723</v>
      </c>
      <c r="B3438" s="53">
        <v>49399.381443298902</v>
      </c>
      <c r="C3438" s="53">
        <v>49399.381443298902</v>
      </c>
      <c r="D3438" s="53">
        <v>49399.381443298902</v>
      </c>
      <c r="E3438" s="53">
        <v>49399.381443298902</v>
      </c>
      <c r="F3438" s="53">
        <v>49399.381443298902</v>
      </c>
      <c r="G3438" s="53">
        <v>49399.381443298902</v>
      </c>
      <c r="H3438" s="53">
        <v>49399.381443298902</v>
      </c>
      <c r="I3438" s="53">
        <v>49399.381443298997</v>
      </c>
      <c r="J3438" s="53">
        <v>49399.381443298902</v>
      </c>
      <c r="K3438" s="53">
        <v>49399.381443298902</v>
      </c>
      <c r="L3438" s="53">
        <v>49399.381443298902</v>
      </c>
      <c r="M3438" s="53">
        <v>49399.381443298902</v>
      </c>
      <c r="N3438" s="53">
        <v>592792.577319587</v>
      </c>
      <c r="O3438" s="53">
        <v>49399.381443298902</v>
      </c>
      <c r="P3438" s="53">
        <v>49399.381443298902</v>
      </c>
      <c r="Q3438" s="53">
        <v>49399.381443298902</v>
      </c>
      <c r="R3438" s="53">
        <v>49399.381443298902</v>
      </c>
      <c r="S3438" s="53">
        <v>49399.381443298902</v>
      </c>
      <c r="T3438" s="53">
        <v>49399.381443298902</v>
      </c>
      <c r="U3438" s="53">
        <v>49399.381443298902</v>
      </c>
      <c r="V3438" s="53">
        <v>49399.381443298902</v>
      </c>
      <c r="W3438" s="53">
        <v>49399.381443298902</v>
      </c>
      <c r="X3438" s="53">
        <v>49399.381443298902</v>
      </c>
      <c r="Y3438" s="53">
        <v>49399.381443298902</v>
      </c>
      <c r="Z3438" s="53">
        <v>49399.381443298902</v>
      </c>
      <c r="AA3438" s="53">
        <v>592792.577319587</v>
      </c>
      <c r="AB3438" s="53">
        <v>49399.381443298902</v>
      </c>
      <c r="AC3438" s="53">
        <v>49399.381443298902</v>
      </c>
      <c r="AD3438" s="53">
        <v>49399.381443298902</v>
      </c>
      <c r="AE3438" s="53">
        <v>49399.381443298902</v>
      </c>
      <c r="AF3438" s="53">
        <v>49399.381443298902</v>
      </c>
      <c r="AG3438" s="53">
        <v>49399.381443298902</v>
      </c>
      <c r="AH3438" s="53">
        <v>49399.381443298902</v>
      </c>
      <c r="AI3438" s="53">
        <v>49399.381443298902</v>
      </c>
      <c r="AJ3438" s="53">
        <v>49399.381443298902</v>
      </c>
      <c r="AK3438" s="53">
        <v>49399.381443298902</v>
      </c>
      <c r="AL3438" s="53">
        <v>49399.381443298902</v>
      </c>
      <c r="AM3438" s="53">
        <v>49399.381443298902</v>
      </c>
      <c r="AN3438" s="53">
        <v>592792.577319587</v>
      </c>
      <c r="AO3438" s="53">
        <v>49399.381443298902</v>
      </c>
      <c r="AP3438" s="53">
        <v>49399.381443298902</v>
      </c>
      <c r="AQ3438" s="53">
        <v>49399.381443298902</v>
      </c>
      <c r="AR3438" s="53">
        <v>49399.381443298902</v>
      </c>
      <c r="AS3438" s="53">
        <v>49399.381443298902</v>
      </c>
      <c r="AT3438" s="53">
        <v>49399.381443298902</v>
      </c>
      <c r="AU3438" s="53">
        <v>49399.381443298902</v>
      </c>
      <c r="AV3438" s="53">
        <v>49399.381443298902</v>
      </c>
      <c r="AW3438" s="53">
        <v>49399.381443298902</v>
      </c>
      <c r="AX3438" s="53">
        <v>49399.381443298902</v>
      </c>
      <c r="AY3438" s="53">
        <v>49399.381443298902</v>
      </c>
      <c r="AZ3438" s="53">
        <v>49399.381443298902</v>
      </c>
      <c r="BA3438" s="53">
        <v>592792.577319587</v>
      </c>
      <c r="BB3438" s="53">
        <v>24699.6907216494</v>
      </c>
      <c r="BC3438" s="53"/>
      <c r="BD3438" s="53"/>
      <c r="BE3438" s="53"/>
      <c r="BF3438" s="53"/>
      <c r="BG3438" s="53"/>
      <c r="BH3438" s="53"/>
      <c r="BI3438" s="53"/>
      <c r="BJ3438" s="53"/>
      <c r="BK3438" s="53"/>
      <c r="BL3438" s="53"/>
      <c r="BM3438" s="53"/>
      <c r="BN3438" s="53">
        <v>24699.6907216494</v>
      </c>
      <c r="BO3438" s="53"/>
      <c r="BP3438" s="53"/>
      <c r="BQ3438" s="53"/>
      <c r="BR3438" s="53"/>
      <c r="BS3438" s="53"/>
      <c r="BT3438" s="53"/>
      <c r="BU3438" s="53"/>
      <c r="BV3438" s="53"/>
      <c r="BW3438" s="53"/>
      <c r="BX3438" s="53"/>
      <c r="BY3438" s="53"/>
      <c r="BZ3438" s="53"/>
      <c r="CA3438" s="53"/>
      <c r="CB3438" s="53"/>
      <c r="CC3438" s="53"/>
      <c r="CD3438" s="53"/>
      <c r="CE3438" s="53"/>
      <c r="CF3438" s="53"/>
      <c r="CG3438" s="53"/>
      <c r="CH3438" s="53"/>
      <c r="CI3438" s="53"/>
      <c r="CJ3438" s="53"/>
      <c r="CK3438" s="53"/>
      <c r="CL3438" s="53"/>
      <c r="CM3438" s="53"/>
      <c r="CN3438" s="53"/>
    </row>
    <row r="3439" spans="1:92" outlineLevel="1">
      <c r="A3439" s="52" t="s">
        <v>724</v>
      </c>
      <c r="B3439" s="53">
        <v>13370.822185970599</v>
      </c>
      <c r="C3439" s="53">
        <v>13370.822185970599</v>
      </c>
      <c r="D3439" s="53">
        <v>13370.822185970599</v>
      </c>
      <c r="E3439" s="53">
        <v>13370.822185970599</v>
      </c>
      <c r="F3439" s="53">
        <v>13370.822185970599</v>
      </c>
      <c r="G3439" s="53">
        <v>13370.822185970599</v>
      </c>
      <c r="H3439" s="53">
        <v>13370.822185970599</v>
      </c>
      <c r="I3439" s="53">
        <v>13370.822185970599</v>
      </c>
      <c r="J3439" s="53">
        <v>13370.822185970599</v>
      </c>
      <c r="K3439" s="53">
        <v>13370.822185970599</v>
      </c>
      <c r="L3439" s="53">
        <v>13370.822185970599</v>
      </c>
      <c r="M3439" s="53">
        <v>13370.822185970599</v>
      </c>
      <c r="N3439" s="53">
        <v>160449.866231647</v>
      </c>
      <c r="O3439" s="53">
        <v>13370.822185970599</v>
      </c>
      <c r="P3439" s="53">
        <v>13370.822185970599</v>
      </c>
      <c r="Q3439" s="53">
        <v>13370.822185970599</v>
      </c>
      <c r="R3439" s="53">
        <v>13370.822185970599</v>
      </c>
      <c r="S3439" s="53">
        <v>13370.822185970599</v>
      </c>
      <c r="T3439" s="53">
        <v>13370.822185970599</v>
      </c>
      <c r="U3439" s="53">
        <v>13370.822185970599</v>
      </c>
      <c r="V3439" s="53">
        <v>13370.822185970599</v>
      </c>
      <c r="W3439" s="53">
        <v>13370.822185970599</v>
      </c>
      <c r="X3439" s="53">
        <v>13370.822185970599</v>
      </c>
      <c r="Y3439" s="53">
        <v>13370.822185970599</v>
      </c>
      <c r="Z3439" s="53">
        <v>13370.822185970599</v>
      </c>
      <c r="AA3439" s="53">
        <v>160449.866231647</v>
      </c>
      <c r="AB3439" s="53">
        <v>13370.822185970599</v>
      </c>
      <c r="AC3439" s="53">
        <v>13370.822185970599</v>
      </c>
      <c r="AD3439" s="53">
        <v>13370.822185970599</v>
      </c>
      <c r="AE3439" s="53">
        <v>13370.822185970599</v>
      </c>
      <c r="AF3439" s="53">
        <v>13370.822185970599</v>
      </c>
      <c r="AG3439" s="53">
        <v>13370.822185970599</v>
      </c>
      <c r="AH3439" s="53">
        <v>13370.822185970599</v>
      </c>
      <c r="AI3439" s="53">
        <v>13370.822185970599</v>
      </c>
      <c r="AJ3439" s="53">
        <v>13370.822185970599</v>
      </c>
      <c r="AK3439" s="53">
        <v>13370.822185970599</v>
      </c>
      <c r="AL3439" s="53">
        <v>13370.822185970599</v>
      </c>
      <c r="AM3439" s="53">
        <v>13370.822185970599</v>
      </c>
      <c r="AN3439" s="53">
        <v>160449.866231647</v>
      </c>
      <c r="AO3439" s="53">
        <v>13370.822185970599</v>
      </c>
      <c r="AP3439" s="53">
        <v>13370.822185970599</v>
      </c>
      <c r="AQ3439" s="53">
        <v>13370.822185970599</v>
      </c>
      <c r="AR3439" s="53">
        <v>13370.822185970599</v>
      </c>
      <c r="AS3439" s="53">
        <v>13370.822185970599</v>
      </c>
      <c r="AT3439" s="53">
        <v>13370.822185970599</v>
      </c>
      <c r="AU3439" s="53">
        <v>13370.822185970599</v>
      </c>
      <c r="AV3439" s="53">
        <v>13370.822185970599</v>
      </c>
      <c r="AW3439" s="53">
        <v>13370.822185970599</v>
      </c>
      <c r="AX3439" s="53">
        <v>13370.822185970599</v>
      </c>
      <c r="AY3439" s="53">
        <v>13370.822185970599</v>
      </c>
      <c r="AZ3439" s="53">
        <v>13370.822185970599</v>
      </c>
      <c r="BA3439" s="53">
        <v>160449.866231647</v>
      </c>
      <c r="BB3439" s="53">
        <v>13370.822185970599</v>
      </c>
      <c r="BC3439" s="53">
        <v>13370.822185970599</v>
      </c>
      <c r="BD3439" s="53">
        <v>13370.822185970599</v>
      </c>
      <c r="BE3439" s="53">
        <v>13370.822185970599</v>
      </c>
      <c r="BF3439" s="53">
        <v>13370.822185970599</v>
      </c>
      <c r="BG3439" s="53">
        <v>13370.822185970599</v>
      </c>
      <c r="BH3439" s="53">
        <v>13370.822185970599</v>
      </c>
      <c r="BI3439" s="53">
        <v>13370.822185970599</v>
      </c>
      <c r="BJ3439" s="53">
        <v>13370.822185970599</v>
      </c>
      <c r="BK3439" s="53">
        <v>13370.822185970599</v>
      </c>
      <c r="BL3439" s="53">
        <v>13370.822185970599</v>
      </c>
      <c r="BM3439" s="53">
        <v>13370.822185970599</v>
      </c>
      <c r="BN3439" s="53">
        <v>160449.866231647</v>
      </c>
      <c r="BO3439" s="53">
        <v>13370.822185970599</v>
      </c>
      <c r="BP3439" s="53">
        <v>13370.822185970599</v>
      </c>
      <c r="BQ3439" s="53">
        <v>13370.822185970599</v>
      </c>
      <c r="BR3439" s="53">
        <v>13370.822185970599</v>
      </c>
      <c r="BS3439" s="53">
        <v>13370.822185970599</v>
      </c>
      <c r="BT3439" s="53">
        <v>13370.822185970599</v>
      </c>
      <c r="BU3439" s="53">
        <v>13370.822185970599</v>
      </c>
      <c r="BV3439" s="53">
        <v>13370.822185970599</v>
      </c>
      <c r="BW3439" s="53">
        <v>13370.822185970599</v>
      </c>
      <c r="BX3439" s="53">
        <v>13370.822185970599</v>
      </c>
      <c r="BY3439" s="53">
        <v>13370.822185970599</v>
      </c>
      <c r="BZ3439" s="53">
        <v>13370.822185970599</v>
      </c>
      <c r="CA3439" s="53">
        <v>160449.866231647</v>
      </c>
      <c r="CB3439" s="53"/>
      <c r="CC3439" s="53"/>
      <c r="CD3439" s="53"/>
      <c r="CE3439" s="53"/>
      <c r="CF3439" s="53"/>
      <c r="CG3439" s="53"/>
      <c r="CH3439" s="53"/>
      <c r="CI3439" s="53"/>
      <c r="CJ3439" s="53"/>
      <c r="CK3439" s="53"/>
      <c r="CL3439" s="53"/>
      <c r="CM3439" s="53"/>
      <c r="CN3439" s="53"/>
    </row>
    <row r="3440" spans="1:92" outlineLevel="1">
      <c r="A3440" s="52" t="s">
        <v>725</v>
      </c>
      <c r="B3440" s="53">
        <v>44991.8796992481</v>
      </c>
      <c r="C3440" s="53">
        <v>44991.8796992481</v>
      </c>
      <c r="D3440" s="53">
        <v>44991.8796992481</v>
      </c>
      <c r="E3440" s="53">
        <v>44991.8796992481</v>
      </c>
      <c r="F3440" s="53">
        <v>44991.8796992481</v>
      </c>
      <c r="G3440" s="53">
        <v>44991.8796992481</v>
      </c>
      <c r="H3440" s="53">
        <v>44991.8796992481</v>
      </c>
      <c r="I3440" s="53">
        <v>44991.8796992481</v>
      </c>
      <c r="J3440" s="53">
        <v>44991.8796992481</v>
      </c>
      <c r="K3440" s="53">
        <v>44991.8796992481</v>
      </c>
      <c r="L3440" s="53">
        <v>44991.8796992481</v>
      </c>
      <c r="M3440" s="53">
        <v>44991.8796992481</v>
      </c>
      <c r="N3440" s="53">
        <v>539902.556390977</v>
      </c>
      <c r="O3440" s="53">
        <v>44991.8796992481</v>
      </c>
      <c r="P3440" s="53">
        <v>44991.8796992481</v>
      </c>
      <c r="Q3440" s="53">
        <v>44991.8796992481</v>
      </c>
      <c r="R3440" s="53">
        <v>44991.8796992481</v>
      </c>
      <c r="S3440" s="53">
        <v>44991.8796992481</v>
      </c>
      <c r="T3440" s="53">
        <v>44991.8796992481</v>
      </c>
      <c r="U3440" s="53">
        <v>44991.8796992481</v>
      </c>
      <c r="V3440" s="53">
        <v>44991.8796992481</v>
      </c>
      <c r="W3440" s="53">
        <v>44991.8796992481</v>
      </c>
      <c r="X3440" s="53">
        <v>44991.8796992481</v>
      </c>
      <c r="Y3440" s="53">
        <v>44991.8796992481</v>
      </c>
      <c r="Z3440" s="53">
        <v>44991.8796992481</v>
      </c>
      <c r="AA3440" s="53">
        <v>539902.556390977</v>
      </c>
      <c r="AB3440" s="53">
        <v>44991.8796992481</v>
      </c>
      <c r="AC3440" s="53">
        <v>44991.8796992481</v>
      </c>
      <c r="AD3440" s="53">
        <v>44991.8796992481</v>
      </c>
      <c r="AE3440" s="53">
        <v>44991.8796992481</v>
      </c>
      <c r="AF3440" s="53">
        <v>44991.8796992481</v>
      </c>
      <c r="AG3440" s="53">
        <v>44991.8796992481</v>
      </c>
      <c r="AH3440" s="53">
        <v>44991.8796992481</v>
      </c>
      <c r="AI3440" s="53">
        <v>44991.8796992481</v>
      </c>
      <c r="AJ3440" s="53">
        <v>44991.8796992481</v>
      </c>
      <c r="AK3440" s="53">
        <v>44991.8796992481</v>
      </c>
      <c r="AL3440" s="53">
        <v>44991.8796992481</v>
      </c>
      <c r="AM3440" s="53">
        <v>44991.8796992481</v>
      </c>
      <c r="AN3440" s="53">
        <v>539902.556390977</v>
      </c>
      <c r="AO3440" s="53">
        <v>44991.8796992481</v>
      </c>
      <c r="AP3440" s="53">
        <v>44991.8796992481</v>
      </c>
      <c r="AQ3440" s="53">
        <v>44991.8796992481</v>
      </c>
      <c r="AR3440" s="53">
        <v>44991.8796992481</v>
      </c>
      <c r="AS3440" s="53">
        <v>44991.8796992481</v>
      </c>
      <c r="AT3440" s="53">
        <v>44991.8796992481</v>
      </c>
      <c r="AU3440" s="53">
        <v>44991.8796992481</v>
      </c>
      <c r="AV3440" s="53">
        <v>44991.8796992481</v>
      </c>
      <c r="AW3440" s="53">
        <v>44991.8796992481</v>
      </c>
      <c r="AX3440" s="53">
        <v>44991.8796992481</v>
      </c>
      <c r="AY3440" s="53">
        <v>44991.8796992481</v>
      </c>
      <c r="AZ3440" s="53">
        <v>44991.8796992481</v>
      </c>
      <c r="BA3440" s="53">
        <v>539902.556390977</v>
      </c>
      <c r="BB3440" s="53">
        <v>44991.8796992481</v>
      </c>
      <c r="BC3440" s="53">
        <v>44991.8796992481</v>
      </c>
      <c r="BD3440" s="53">
        <v>44991.8796992481</v>
      </c>
      <c r="BE3440" s="53">
        <v>44991.8796992481</v>
      </c>
      <c r="BF3440" s="53">
        <v>44991.8796992481</v>
      </c>
      <c r="BG3440" s="53">
        <v>44991.8796992481</v>
      </c>
      <c r="BH3440" s="53">
        <v>44991.8796992481</v>
      </c>
      <c r="BI3440" s="53">
        <v>44991.8796992481</v>
      </c>
      <c r="BJ3440" s="53">
        <v>44991.8796992481</v>
      </c>
      <c r="BK3440" s="53">
        <v>44991.8796992481</v>
      </c>
      <c r="BL3440" s="53">
        <v>44991.8796992481</v>
      </c>
      <c r="BM3440" s="53">
        <v>44991.8796992481</v>
      </c>
      <c r="BN3440" s="53">
        <v>539902.556390977</v>
      </c>
      <c r="BO3440" s="53">
        <v>44991.8796992481</v>
      </c>
      <c r="BP3440" s="53">
        <v>44991.8796992481</v>
      </c>
      <c r="BQ3440" s="53">
        <v>44991.8796992481</v>
      </c>
      <c r="BR3440" s="53">
        <v>44991.8796992481</v>
      </c>
      <c r="BS3440" s="53">
        <v>44991.8796992481</v>
      </c>
      <c r="BT3440" s="53">
        <v>44991.8796992481</v>
      </c>
      <c r="BU3440" s="53">
        <v>22495.939849623999</v>
      </c>
      <c r="BV3440" s="53"/>
      <c r="BW3440" s="53"/>
      <c r="BX3440" s="53"/>
      <c r="BY3440" s="53"/>
      <c r="BZ3440" s="53"/>
      <c r="CA3440" s="53">
        <v>292447.21804511198</v>
      </c>
      <c r="CB3440" s="53"/>
      <c r="CC3440" s="53"/>
      <c r="CD3440" s="53"/>
      <c r="CE3440" s="53"/>
      <c r="CF3440" s="53"/>
      <c r="CG3440" s="53"/>
      <c r="CH3440" s="53"/>
      <c r="CI3440" s="53"/>
      <c r="CJ3440" s="53"/>
      <c r="CK3440" s="53"/>
      <c r="CL3440" s="53"/>
      <c r="CM3440" s="53"/>
      <c r="CN3440" s="53"/>
    </row>
    <row r="3441" spans="1:92" outlineLevel="1">
      <c r="A3441" s="52" t="s">
        <v>726</v>
      </c>
      <c r="B3441" s="53">
        <v>52157.240963855402</v>
      </c>
      <c r="C3441" s="53">
        <v>52157.240963855402</v>
      </c>
      <c r="D3441" s="53">
        <v>52157.240963855402</v>
      </c>
      <c r="E3441" s="53">
        <v>52157.240963855402</v>
      </c>
      <c r="F3441" s="53">
        <v>52157.240963855402</v>
      </c>
      <c r="G3441" s="53">
        <v>52157.240963855402</v>
      </c>
      <c r="H3441" s="53">
        <v>52157.240963855402</v>
      </c>
      <c r="I3441" s="53">
        <v>52157.240963855402</v>
      </c>
      <c r="J3441" s="53">
        <v>52157.240963855402</v>
      </c>
      <c r="K3441" s="53">
        <v>52157.240963855402</v>
      </c>
      <c r="L3441" s="53">
        <v>52157.240963855402</v>
      </c>
      <c r="M3441" s="53">
        <v>52157.240963855402</v>
      </c>
      <c r="N3441" s="53">
        <v>625886.89156626503</v>
      </c>
      <c r="O3441" s="53">
        <v>52157.240963855402</v>
      </c>
      <c r="P3441" s="53">
        <v>52157.240963855402</v>
      </c>
      <c r="Q3441" s="53">
        <v>52157.240963855402</v>
      </c>
      <c r="R3441" s="53">
        <v>52157.240963855402</v>
      </c>
      <c r="S3441" s="53">
        <v>52157.240963855402</v>
      </c>
      <c r="T3441" s="53">
        <v>52157.240963855402</v>
      </c>
      <c r="U3441" s="53">
        <v>52157.240963855402</v>
      </c>
      <c r="V3441" s="53">
        <v>52157.240963855402</v>
      </c>
      <c r="W3441" s="53">
        <v>52157.240963855402</v>
      </c>
      <c r="X3441" s="53">
        <v>52157.240963855402</v>
      </c>
      <c r="Y3441" s="53">
        <v>52157.240963855402</v>
      </c>
      <c r="Z3441" s="53">
        <v>52157.240963855402</v>
      </c>
      <c r="AA3441" s="53">
        <v>625886.89156626503</v>
      </c>
      <c r="AB3441" s="53">
        <v>52157.240963855402</v>
      </c>
      <c r="AC3441" s="53">
        <v>52157.240963855402</v>
      </c>
      <c r="AD3441" s="53">
        <v>52157.240963855402</v>
      </c>
      <c r="AE3441" s="53">
        <v>52157.240963855402</v>
      </c>
      <c r="AF3441" s="53">
        <v>52157.240963855402</v>
      </c>
      <c r="AG3441" s="53">
        <v>52157.240963855402</v>
      </c>
      <c r="AH3441" s="53">
        <v>52157.240963855402</v>
      </c>
      <c r="AI3441" s="53">
        <v>52157.240963855402</v>
      </c>
      <c r="AJ3441" s="53">
        <v>52157.240963855402</v>
      </c>
      <c r="AK3441" s="53">
        <v>52157.240963855402</v>
      </c>
      <c r="AL3441" s="53">
        <v>52157.240963855402</v>
      </c>
      <c r="AM3441" s="53">
        <v>52157.240963855402</v>
      </c>
      <c r="AN3441" s="53">
        <v>625886.89156626503</v>
      </c>
      <c r="AO3441" s="53">
        <v>52157.240963855402</v>
      </c>
      <c r="AP3441" s="53">
        <v>52157.240963855402</v>
      </c>
      <c r="AQ3441" s="53">
        <v>52157.240963855402</v>
      </c>
      <c r="AR3441" s="53">
        <v>52157.240963855402</v>
      </c>
      <c r="AS3441" s="53">
        <v>52157.240963855402</v>
      </c>
      <c r="AT3441" s="53">
        <v>52157.240963855402</v>
      </c>
      <c r="AU3441" s="53">
        <v>52157.240963855402</v>
      </c>
      <c r="AV3441" s="53">
        <v>52157.240963855402</v>
      </c>
      <c r="AW3441" s="53">
        <v>52157.240963855402</v>
      </c>
      <c r="AX3441" s="53">
        <v>52157.240963855402</v>
      </c>
      <c r="AY3441" s="53">
        <v>52157.240963855402</v>
      </c>
      <c r="AZ3441" s="53">
        <v>52157.240963855402</v>
      </c>
      <c r="BA3441" s="53">
        <v>625886.89156626503</v>
      </c>
      <c r="BB3441" s="53">
        <v>52157.240963855402</v>
      </c>
      <c r="BC3441" s="53">
        <v>52157.240963855402</v>
      </c>
      <c r="BD3441" s="53">
        <v>52157.240963855402</v>
      </c>
      <c r="BE3441" s="53">
        <v>52157.240963855402</v>
      </c>
      <c r="BF3441" s="53">
        <v>52157.240963855402</v>
      </c>
      <c r="BG3441" s="53">
        <v>52157.240963855402</v>
      </c>
      <c r="BH3441" s="53">
        <v>52157.240963855402</v>
      </c>
      <c r="BI3441" s="53">
        <v>52157.240963855402</v>
      </c>
      <c r="BJ3441" s="53">
        <v>52157.240963855402</v>
      </c>
      <c r="BK3441" s="53">
        <v>52157.240963855402</v>
      </c>
      <c r="BL3441" s="53">
        <v>52157.240963855402</v>
      </c>
      <c r="BM3441" s="53">
        <v>52157.240963855402</v>
      </c>
      <c r="BN3441" s="53">
        <v>625886.89156626503</v>
      </c>
      <c r="BO3441" s="53">
        <v>52157.240963855402</v>
      </c>
      <c r="BP3441" s="53">
        <v>52157.240963855402</v>
      </c>
      <c r="BQ3441" s="53">
        <v>52157.240963855402</v>
      </c>
      <c r="BR3441" s="53">
        <v>52157.240963855402</v>
      </c>
      <c r="BS3441" s="53">
        <v>52157.240963855402</v>
      </c>
      <c r="BT3441" s="53">
        <v>52157.240963855402</v>
      </c>
      <c r="BU3441" s="53">
        <v>52157.240963855402</v>
      </c>
      <c r="BV3441" s="53">
        <v>52157.240963855402</v>
      </c>
      <c r="BW3441" s="53">
        <v>52157.240963855402</v>
      </c>
      <c r="BX3441" s="53">
        <v>52157.240963855402</v>
      </c>
      <c r="BY3441" s="53">
        <v>52157.240963855402</v>
      </c>
      <c r="BZ3441" s="53">
        <v>52157.240963855402</v>
      </c>
      <c r="CA3441" s="53">
        <v>625886.89156626503</v>
      </c>
      <c r="CB3441" s="53"/>
      <c r="CC3441" s="53"/>
      <c r="CD3441" s="53"/>
      <c r="CE3441" s="53"/>
      <c r="CF3441" s="53"/>
      <c r="CG3441" s="53"/>
      <c r="CH3441" s="53"/>
      <c r="CI3441" s="53"/>
      <c r="CJ3441" s="53"/>
      <c r="CK3441" s="53"/>
      <c r="CL3441" s="53"/>
      <c r="CM3441" s="53"/>
      <c r="CN3441" s="53"/>
    </row>
    <row r="3442" spans="1:92" outlineLevel="1">
      <c r="A3442" s="52" t="s">
        <v>728</v>
      </c>
      <c r="B3442" s="53">
        <v>38996.0446927374</v>
      </c>
      <c r="C3442" s="53">
        <v>38996.0446927374</v>
      </c>
      <c r="D3442" s="53">
        <v>38996.0446927374</v>
      </c>
      <c r="E3442" s="53">
        <v>38996.0446927374</v>
      </c>
      <c r="F3442" s="53">
        <v>38996.0446927374</v>
      </c>
      <c r="G3442" s="53">
        <v>38996.0446927374</v>
      </c>
      <c r="H3442" s="53">
        <v>38996.0446927374</v>
      </c>
      <c r="I3442" s="53">
        <v>38996.0446927374</v>
      </c>
      <c r="J3442" s="53">
        <v>38996.0446927374</v>
      </c>
      <c r="K3442" s="53">
        <v>38996.0446927374</v>
      </c>
      <c r="L3442" s="53">
        <v>38996.0446927374</v>
      </c>
      <c r="M3442" s="53">
        <v>38996.0446927374</v>
      </c>
      <c r="N3442" s="53">
        <v>467952.53631284903</v>
      </c>
      <c r="O3442" s="53">
        <v>38996.0446927374</v>
      </c>
      <c r="P3442" s="53">
        <v>38996.0446927374</v>
      </c>
      <c r="Q3442" s="53">
        <v>38996.0446927374</v>
      </c>
      <c r="R3442" s="53">
        <v>38996.0446927374</v>
      </c>
      <c r="S3442" s="53">
        <v>38996.0446927374</v>
      </c>
      <c r="T3442" s="53">
        <v>38996.0446927374</v>
      </c>
      <c r="U3442" s="53">
        <v>38996.0446927374</v>
      </c>
      <c r="V3442" s="53">
        <v>38996.0446927374</v>
      </c>
      <c r="W3442" s="53">
        <v>38996.0446927374</v>
      </c>
      <c r="X3442" s="53">
        <v>38996.0446927374</v>
      </c>
      <c r="Y3442" s="53">
        <v>38996.0446927374</v>
      </c>
      <c r="Z3442" s="53">
        <v>38996.044692737298</v>
      </c>
      <c r="AA3442" s="53">
        <v>467952.53631284798</v>
      </c>
      <c r="AB3442" s="53">
        <v>38996.044692737298</v>
      </c>
      <c r="AC3442" s="53">
        <v>38996.044692737298</v>
      </c>
      <c r="AD3442" s="53">
        <v>38996.044692737298</v>
      </c>
      <c r="AE3442" s="53">
        <v>38996.044692737298</v>
      </c>
      <c r="AF3442" s="53">
        <v>38996.044692737298</v>
      </c>
      <c r="AG3442" s="53">
        <v>38996.044692737298</v>
      </c>
      <c r="AH3442" s="53">
        <v>38996.044692737298</v>
      </c>
      <c r="AI3442" s="53">
        <v>38996.044692737298</v>
      </c>
      <c r="AJ3442" s="53">
        <v>38996.044692737298</v>
      </c>
      <c r="AK3442" s="53">
        <v>38996.044692737298</v>
      </c>
      <c r="AL3442" s="53">
        <v>38996.044692737298</v>
      </c>
      <c r="AM3442" s="53">
        <v>38996.044692737298</v>
      </c>
      <c r="AN3442" s="53">
        <v>467952.53631284798</v>
      </c>
      <c r="AO3442" s="53">
        <v>38996.044692737298</v>
      </c>
      <c r="AP3442" s="53">
        <v>38996.044692737298</v>
      </c>
      <c r="AQ3442" s="53">
        <v>38996.044692737298</v>
      </c>
      <c r="AR3442" s="53">
        <v>38996.044692737298</v>
      </c>
      <c r="AS3442" s="53">
        <v>38996.044692737298</v>
      </c>
      <c r="AT3442" s="53">
        <v>38996.044692737298</v>
      </c>
      <c r="AU3442" s="53">
        <v>38996.044692737298</v>
      </c>
      <c r="AV3442" s="53">
        <v>38996.044692737298</v>
      </c>
      <c r="AW3442" s="53">
        <v>38996.044692737298</v>
      </c>
      <c r="AX3442" s="53">
        <v>38996.044692737298</v>
      </c>
      <c r="AY3442" s="53">
        <v>38996.044692737298</v>
      </c>
      <c r="AZ3442" s="53">
        <v>38996.044692737298</v>
      </c>
      <c r="BA3442" s="53">
        <v>467952.53631284798</v>
      </c>
      <c r="BB3442" s="53">
        <v>38996.044692737298</v>
      </c>
      <c r="BC3442" s="53">
        <v>38996.044692737298</v>
      </c>
      <c r="BD3442" s="53">
        <v>38996.044692737298</v>
      </c>
      <c r="BE3442" s="53">
        <v>38996.044692737298</v>
      </c>
      <c r="BF3442" s="53">
        <v>38996.044692737298</v>
      </c>
      <c r="BG3442" s="53">
        <v>38996.044692737298</v>
      </c>
      <c r="BH3442" s="53">
        <v>38996.044692737298</v>
      </c>
      <c r="BI3442" s="53">
        <v>38996.044692737298</v>
      </c>
      <c r="BJ3442" s="53">
        <v>38996.044692737298</v>
      </c>
      <c r="BK3442" s="53">
        <v>38996.044692737298</v>
      </c>
      <c r="BL3442" s="53">
        <v>38996.044692737298</v>
      </c>
      <c r="BM3442" s="53">
        <v>38996.044692737298</v>
      </c>
      <c r="BN3442" s="53">
        <v>467952.53631284798</v>
      </c>
      <c r="BO3442" s="53">
        <v>38996.044692737298</v>
      </c>
      <c r="BP3442" s="53">
        <v>38996.044692737298</v>
      </c>
      <c r="BQ3442" s="53">
        <v>38996.0446927374</v>
      </c>
      <c r="BR3442" s="53">
        <v>38996.0446927374</v>
      </c>
      <c r="BS3442" s="53">
        <v>38996.0446927374</v>
      </c>
      <c r="BT3442" s="53">
        <v>38996.0446927374</v>
      </c>
      <c r="BU3442" s="53">
        <v>38996.0446927374</v>
      </c>
      <c r="BV3442" s="53">
        <v>38996.0446927374</v>
      </c>
      <c r="BW3442" s="53">
        <v>38996.0446927374</v>
      </c>
      <c r="BX3442" s="53">
        <v>38996.0446927374</v>
      </c>
      <c r="BY3442" s="53">
        <v>38996.044692737298</v>
      </c>
      <c r="BZ3442" s="53">
        <v>38996.0446927374</v>
      </c>
      <c r="CA3442" s="53">
        <v>467952.53631284798</v>
      </c>
      <c r="CB3442" s="53"/>
      <c r="CC3442" s="53"/>
      <c r="CD3442" s="53"/>
      <c r="CE3442" s="53"/>
      <c r="CF3442" s="53"/>
      <c r="CG3442" s="53"/>
      <c r="CH3442" s="53"/>
      <c r="CI3442" s="53"/>
      <c r="CJ3442" s="53"/>
      <c r="CK3442" s="53"/>
      <c r="CL3442" s="53"/>
      <c r="CM3442" s="53"/>
      <c r="CN3442" s="53"/>
    </row>
    <row r="3443" spans="1:92" outlineLevel="1">
      <c r="A3443" s="52" t="s">
        <v>729</v>
      </c>
      <c r="B3443" s="53">
        <v>48595.5162790697</v>
      </c>
      <c r="C3443" s="53">
        <v>48595.5162790697</v>
      </c>
      <c r="D3443" s="53">
        <v>48595.5162790697</v>
      </c>
      <c r="E3443" s="53">
        <v>48595.5162790697</v>
      </c>
      <c r="F3443" s="53">
        <v>48595.5162790697</v>
      </c>
      <c r="G3443" s="53">
        <v>48595.5162790697</v>
      </c>
      <c r="H3443" s="53">
        <v>48595.5162790697</v>
      </c>
      <c r="I3443" s="53">
        <v>48595.5162790697</v>
      </c>
      <c r="J3443" s="53">
        <v>48595.5162790697</v>
      </c>
      <c r="K3443" s="53">
        <v>48595.5162790697</v>
      </c>
      <c r="L3443" s="53">
        <v>48595.5162790697</v>
      </c>
      <c r="M3443" s="53">
        <v>48595.5162790697</v>
      </c>
      <c r="N3443" s="53">
        <v>583146.19534883695</v>
      </c>
      <c r="O3443" s="53">
        <v>48595.5162790697</v>
      </c>
      <c r="P3443" s="53">
        <v>48595.5162790697</v>
      </c>
      <c r="Q3443" s="53">
        <v>48595.5162790697</v>
      </c>
      <c r="R3443" s="53">
        <v>48595.5162790697</v>
      </c>
      <c r="S3443" s="53">
        <v>48595.5162790697</v>
      </c>
      <c r="T3443" s="53">
        <v>48595.5162790697</v>
      </c>
      <c r="U3443" s="53">
        <v>48595.5162790697</v>
      </c>
      <c r="V3443" s="53">
        <v>48595.5162790697</v>
      </c>
      <c r="W3443" s="53">
        <v>48595.5162790697</v>
      </c>
      <c r="X3443" s="53">
        <v>48595.5162790697</v>
      </c>
      <c r="Y3443" s="53">
        <v>48595.5162790697</v>
      </c>
      <c r="Z3443" s="53">
        <v>48595.5162790697</v>
      </c>
      <c r="AA3443" s="53">
        <v>583146.19534883695</v>
      </c>
      <c r="AB3443" s="53">
        <v>48595.516279069801</v>
      </c>
      <c r="AC3443" s="53">
        <v>48595.516279069801</v>
      </c>
      <c r="AD3443" s="53">
        <v>48595.516279069801</v>
      </c>
      <c r="AE3443" s="53">
        <v>48595.516279069801</v>
      </c>
      <c r="AF3443" s="53">
        <v>48595.516279069801</v>
      </c>
      <c r="AG3443" s="53">
        <v>48595.516279069801</v>
      </c>
      <c r="AH3443" s="53">
        <v>48595.516279069801</v>
      </c>
      <c r="AI3443" s="53">
        <v>48595.516279069801</v>
      </c>
      <c r="AJ3443" s="53">
        <v>48595.516279069801</v>
      </c>
      <c r="AK3443" s="53">
        <v>48595.516279069801</v>
      </c>
      <c r="AL3443" s="53">
        <v>48595.516279069801</v>
      </c>
      <c r="AM3443" s="53">
        <v>48595.516279069801</v>
      </c>
      <c r="AN3443" s="53">
        <v>583146.19534883695</v>
      </c>
      <c r="AO3443" s="53">
        <v>48595.516279069801</v>
      </c>
      <c r="AP3443" s="53">
        <v>48595.516279069801</v>
      </c>
      <c r="AQ3443" s="53">
        <v>48595.516279069801</v>
      </c>
      <c r="AR3443" s="53">
        <v>48595.516279069801</v>
      </c>
      <c r="AS3443" s="53">
        <v>48595.516279069801</v>
      </c>
      <c r="AT3443" s="53">
        <v>48595.516279069801</v>
      </c>
      <c r="AU3443" s="53">
        <v>48595.516279069801</v>
      </c>
      <c r="AV3443" s="53">
        <v>48595.516279069801</v>
      </c>
      <c r="AW3443" s="53">
        <v>48595.516279069801</v>
      </c>
      <c r="AX3443" s="53">
        <v>48595.516279069801</v>
      </c>
      <c r="AY3443" s="53">
        <v>48595.516279069801</v>
      </c>
      <c r="AZ3443" s="53">
        <v>48595.516279069801</v>
      </c>
      <c r="BA3443" s="53">
        <v>583146.19534883799</v>
      </c>
      <c r="BB3443" s="53">
        <v>48595.516279069801</v>
      </c>
      <c r="BC3443" s="53">
        <v>48595.516279069801</v>
      </c>
      <c r="BD3443" s="53">
        <v>48595.516279069801</v>
      </c>
      <c r="BE3443" s="53">
        <v>48595.516279069801</v>
      </c>
      <c r="BF3443" s="53">
        <v>48595.516279069801</v>
      </c>
      <c r="BG3443" s="53">
        <v>48595.516279069801</v>
      </c>
      <c r="BH3443" s="53">
        <v>48595.516279069801</v>
      </c>
      <c r="BI3443" s="53">
        <v>48595.516279069801</v>
      </c>
      <c r="BJ3443" s="53">
        <v>48595.516279069801</v>
      </c>
      <c r="BK3443" s="53">
        <v>48595.516279069801</v>
      </c>
      <c r="BL3443" s="53">
        <v>48595.516279069801</v>
      </c>
      <c r="BM3443" s="53">
        <v>48595.516279069801</v>
      </c>
      <c r="BN3443" s="53">
        <v>583146.19534883799</v>
      </c>
      <c r="BO3443" s="53">
        <v>48595.516279069801</v>
      </c>
      <c r="BP3443" s="53">
        <v>48595.516279069801</v>
      </c>
      <c r="BQ3443" s="53">
        <v>48595.516279069903</v>
      </c>
      <c r="BR3443" s="53">
        <v>48595.516279069801</v>
      </c>
      <c r="BS3443" s="53">
        <v>48595.516279069801</v>
      </c>
      <c r="BT3443" s="53">
        <v>48595.516279069801</v>
      </c>
      <c r="BU3443" s="53">
        <v>48595.516279069801</v>
      </c>
      <c r="BV3443" s="53">
        <v>48595.516279069801</v>
      </c>
      <c r="BW3443" s="53">
        <v>48595.516279069801</v>
      </c>
      <c r="BX3443" s="53">
        <v>48595.516279069801</v>
      </c>
      <c r="BY3443" s="53">
        <v>48595.516279069801</v>
      </c>
      <c r="BZ3443" s="53">
        <v>48595.516279069801</v>
      </c>
      <c r="CA3443" s="53">
        <v>583146.19534883799</v>
      </c>
      <c r="CB3443" s="53">
        <v>-1427936.33333333</v>
      </c>
      <c r="CC3443" s="53">
        <v>-1427936.33333333</v>
      </c>
      <c r="CD3443" s="53">
        <v>-1427936.33333333</v>
      </c>
      <c r="CE3443" s="53">
        <v>-1427936.33333333</v>
      </c>
      <c r="CF3443" s="53">
        <v>-1427936.33333333</v>
      </c>
      <c r="CG3443" s="53">
        <v>-1427936.33333333</v>
      </c>
      <c r="CH3443" s="53">
        <v>-1427936.33333333</v>
      </c>
      <c r="CI3443" s="53">
        <v>-1427936.33333333</v>
      </c>
      <c r="CJ3443" s="53">
        <v>-1427936.33333333</v>
      </c>
      <c r="CK3443" s="53">
        <v>-1427936.33333333</v>
      </c>
      <c r="CL3443" s="53">
        <v>-1427936.33333333</v>
      </c>
      <c r="CM3443" s="53">
        <v>-1427936.33333333</v>
      </c>
      <c r="CN3443" s="53">
        <v>-17135236</v>
      </c>
    </row>
    <row r="3444" spans="1:92" outlineLevel="1">
      <c r="A3444" s="52" t="s">
        <v>730</v>
      </c>
      <c r="B3444" s="53">
        <v>16652.086330935199</v>
      </c>
      <c r="C3444" s="53">
        <v>16652.086330935199</v>
      </c>
      <c r="D3444" s="53">
        <v>16652.086330935199</v>
      </c>
      <c r="E3444" s="53">
        <v>16652.086330935199</v>
      </c>
      <c r="F3444" s="53">
        <v>16652.086330935199</v>
      </c>
      <c r="G3444" s="53">
        <v>16652.086330935199</v>
      </c>
      <c r="H3444" s="53">
        <v>16652.086330935199</v>
      </c>
      <c r="I3444" s="53">
        <v>16652.086330935199</v>
      </c>
      <c r="J3444" s="53">
        <v>16652.086330935199</v>
      </c>
      <c r="K3444" s="53">
        <v>16652.086330935199</v>
      </c>
      <c r="L3444" s="53">
        <v>16652.086330935199</v>
      </c>
      <c r="M3444" s="53">
        <v>16652.086330935199</v>
      </c>
      <c r="N3444" s="53">
        <v>199825.035971223</v>
      </c>
      <c r="O3444" s="53">
        <v>16652.086330935199</v>
      </c>
      <c r="P3444" s="53">
        <v>16652.086330935199</v>
      </c>
      <c r="Q3444" s="53">
        <v>16652.086330935199</v>
      </c>
      <c r="R3444" s="53">
        <v>16652.086330935199</v>
      </c>
      <c r="S3444" s="53">
        <v>16652.086330935199</v>
      </c>
      <c r="T3444" s="53">
        <v>16652.086330935199</v>
      </c>
      <c r="U3444" s="53">
        <v>16652.086330935199</v>
      </c>
      <c r="V3444" s="53">
        <v>16652.086330935199</v>
      </c>
      <c r="W3444" s="53">
        <v>16652.086330935199</v>
      </c>
      <c r="X3444" s="53">
        <v>16652.086330935199</v>
      </c>
      <c r="Y3444" s="53">
        <v>16652.086330935199</v>
      </c>
      <c r="Z3444" s="53">
        <v>16652.086330935199</v>
      </c>
      <c r="AA3444" s="53">
        <v>199825.035971223</v>
      </c>
      <c r="AB3444" s="53">
        <v>16652.086330935199</v>
      </c>
      <c r="AC3444" s="53">
        <v>16652.086330935199</v>
      </c>
      <c r="AD3444" s="53">
        <v>16652.086330935199</v>
      </c>
      <c r="AE3444" s="53">
        <v>16652.086330935199</v>
      </c>
      <c r="AF3444" s="53">
        <v>16652.086330935199</v>
      </c>
      <c r="AG3444" s="53">
        <v>16652.086330935199</v>
      </c>
      <c r="AH3444" s="53">
        <v>16652.086330935199</v>
      </c>
      <c r="AI3444" s="53">
        <v>16652.086330935199</v>
      </c>
      <c r="AJ3444" s="53">
        <v>16652.086330935199</v>
      </c>
      <c r="AK3444" s="53">
        <v>16652.086330935199</v>
      </c>
      <c r="AL3444" s="53">
        <v>16652.086330935199</v>
      </c>
      <c r="AM3444" s="53">
        <v>16652.086330935199</v>
      </c>
      <c r="AN3444" s="53">
        <v>199825.035971223</v>
      </c>
      <c r="AO3444" s="53">
        <v>16652.086330935199</v>
      </c>
      <c r="AP3444" s="53">
        <v>16652.086330935199</v>
      </c>
      <c r="AQ3444" s="53">
        <v>16652.086330935199</v>
      </c>
      <c r="AR3444" s="53">
        <v>16652.086330935199</v>
      </c>
      <c r="AS3444" s="53">
        <v>16652.086330935199</v>
      </c>
      <c r="AT3444" s="53">
        <v>16652.086330935199</v>
      </c>
      <c r="AU3444" s="53">
        <v>16652.086330935199</v>
      </c>
      <c r="AV3444" s="53">
        <v>16652.086330935199</v>
      </c>
      <c r="AW3444" s="53">
        <v>16652.086330935199</v>
      </c>
      <c r="AX3444" s="53">
        <v>16652.086330935199</v>
      </c>
      <c r="AY3444" s="53">
        <v>16652.086330935199</v>
      </c>
      <c r="AZ3444" s="53">
        <v>16652.086330935199</v>
      </c>
      <c r="BA3444" s="53">
        <v>199825.035971223</v>
      </c>
      <c r="BB3444" s="53">
        <v>16652.086330935199</v>
      </c>
      <c r="BC3444" s="53">
        <v>16652.086330935199</v>
      </c>
      <c r="BD3444" s="53">
        <v>16652.086330935199</v>
      </c>
      <c r="BE3444" s="53">
        <v>16652.086330935199</v>
      </c>
      <c r="BF3444" s="53">
        <v>16652.086330935199</v>
      </c>
      <c r="BG3444" s="53">
        <v>16652.086330935199</v>
      </c>
      <c r="BH3444" s="53">
        <v>16652.086330935199</v>
      </c>
      <c r="BI3444" s="53">
        <v>16652.086330935199</v>
      </c>
      <c r="BJ3444" s="53">
        <v>16652.086330935199</v>
      </c>
      <c r="BK3444" s="53">
        <v>16652.086330935199</v>
      </c>
      <c r="BL3444" s="53">
        <v>16652.086330935199</v>
      </c>
      <c r="BM3444" s="53">
        <v>16652.086330935199</v>
      </c>
      <c r="BN3444" s="53">
        <v>199825.035971223</v>
      </c>
      <c r="BO3444" s="53">
        <v>16652.086330935199</v>
      </c>
      <c r="BP3444" s="53">
        <v>16652.086330935199</v>
      </c>
      <c r="BQ3444" s="53">
        <v>16652.086330935199</v>
      </c>
      <c r="BR3444" s="53">
        <v>16652.086330935199</v>
      </c>
      <c r="BS3444" s="53">
        <v>16652.086330935199</v>
      </c>
      <c r="BT3444" s="53">
        <v>16652.086330935199</v>
      </c>
      <c r="BU3444" s="53">
        <v>16652.086330935199</v>
      </c>
      <c r="BV3444" s="53">
        <v>16652.086330935199</v>
      </c>
      <c r="BW3444" s="53">
        <v>16652.086330935199</v>
      </c>
      <c r="BX3444" s="53">
        <v>16652.086330935199</v>
      </c>
      <c r="BY3444" s="53">
        <v>16652.086330935199</v>
      </c>
      <c r="BZ3444" s="53">
        <v>16652.086330935199</v>
      </c>
      <c r="CA3444" s="53">
        <v>199825.035971223</v>
      </c>
      <c r="CB3444" s="53"/>
      <c r="CC3444" s="53"/>
      <c r="CD3444" s="53"/>
      <c r="CE3444" s="53"/>
      <c r="CF3444" s="53"/>
      <c r="CG3444" s="53"/>
      <c r="CH3444" s="53"/>
      <c r="CI3444" s="53"/>
      <c r="CJ3444" s="53"/>
      <c r="CK3444" s="53"/>
      <c r="CL3444" s="53"/>
      <c r="CM3444" s="53"/>
      <c r="CN3444" s="53"/>
    </row>
    <row r="3445" spans="1:92" outlineLevel="1">
      <c r="A3445" s="52" t="s">
        <v>1565</v>
      </c>
      <c r="B3445" s="53">
        <v>11698.0753138075</v>
      </c>
      <c r="C3445" s="53">
        <v>11698.0753138075</v>
      </c>
      <c r="D3445" s="53">
        <v>11698.0753138075</v>
      </c>
      <c r="E3445" s="53">
        <v>11698.0753138075</v>
      </c>
      <c r="F3445" s="53">
        <v>11698.0753138075</v>
      </c>
      <c r="G3445" s="53">
        <v>11698.0753138075</v>
      </c>
      <c r="H3445" s="53">
        <v>11698.0753138075</v>
      </c>
      <c r="I3445" s="53">
        <v>11698.0753138075</v>
      </c>
      <c r="J3445" s="53">
        <v>11698.0753138075</v>
      </c>
      <c r="K3445" s="53">
        <v>11698.0753138075</v>
      </c>
      <c r="L3445" s="53">
        <v>11698.0753138075</v>
      </c>
      <c r="M3445" s="53">
        <v>11698.0753138075</v>
      </c>
      <c r="N3445" s="53">
        <v>140376.90376568999</v>
      </c>
      <c r="O3445" s="53">
        <v>11698.0753138075</v>
      </c>
      <c r="P3445" s="53">
        <v>11698.0753138075</v>
      </c>
      <c r="Q3445" s="53">
        <v>11698.0753138075</v>
      </c>
      <c r="R3445" s="53">
        <v>11698.0753138075</v>
      </c>
      <c r="S3445" s="53">
        <v>11698.0753138075</v>
      </c>
      <c r="T3445" s="53">
        <v>11698.0753138075</v>
      </c>
      <c r="U3445" s="53">
        <v>11698.0753138075</v>
      </c>
      <c r="V3445" s="53">
        <v>11698.0753138075</v>
      </c>
      <c r="W3445" s="53">
        <v>11698.0753138075</v>
      </c>
      <c r="X3445" s="53">
        <v>11698.0753138075</v>
      </c>
      <c r="Y3445" s="53">
        <v>11698.0753138075</v>
      </c>
      <c r="Z3445" s="53">
        <v>11698.0753138075</v>
      </c>
      <c r="AA3445" s="53">
        <v>140376.90376568999</v>
      </c>
      <c r="AB3445" s="53">
        <v>11698.0753138075</v>
      </c>
      <c r="AC3445" s="53">
        <v>11698.0753138075</v>
      </c>
      <c r="AD3445" s="53">
        <v>11698.0753138075</v>
      </c>
      <c r="AE3445" s="53">
        <v>11698.0753138075</v>
      </c>
      <c r="AF3445" s="53">
        <v>11698.0753138075</v>
      </c>
      <c r="AG3445" s="53">
        <v>11698.0753138075</v>
      </c>
      <c r="AH3445" s="53">
        <v>11698.0753138075</v>
      </c>
      <c r="AI3445" s="53">
        <v>11698.0753138075</v>
      </c>
      <c r="AJ3445" s="53">
        <v>11698.0753138075</v>
      </c>
      <c r="AK3445" s="53">
        <v>11698.0753138075</v>
      </c>
      <c r="AL3445" s="53">
        <v>11698.0753138075</v>
      </c>
      <c r="AM3445" s="53">
        <v>11698.0753138075</v>
      </c>
      <c r="AN3445" s="53">
        <v>140376.90376568999</v>
      </c>
      <c r="AO3445" s="53">
        <v>11698.0753138075</v>
      </c>
      <c r="AP3445" s="53">
        <v>11698.0753138075</v>
      </c>
      <c r="AQ3445" s="53">
        <v>11698.0753138075</v>
      </c>
      <c r="AR3445" s="53">
        <v>11698.0753138075</v>
      </c>
      <c r="AS3445" s="53">
        <v>11698.0753138075</v>
      </c>
      <c r="AT3445" s="53">
        <v>11698.0753138075</v>
      </c>
      <c r="AU3445" s="53">
        <v>11698.0753138075</v>
      </c>
      <c r="AV3445" s="53">
        <v>11698.0753138075</v>
      </c>
      <c r="AW3445" s="53">
        <v>11698.0753138075</v>
      </c>
      <c r="AX3445" s="53">
        <v>11698.0753138075</v>
      </c>
      <c r="AY3445" s="53">
        <v>11698.0753138075</v>
      </c>
      <c r="AZ3445" s="53">
        <v>11698.0753138075</v>
      </c>
      <c r="BA3445" s="53">
        <v>140376.90376568999</v>
      </c>
      <c r="BB3445" s="53">
        <v>11698.0753138075</v>
      </c>
      <c r="BC3445" s="53">
        <v>11698.0753138075</v>
      </c>
      <c r="BD3445" s="53">
        <v>11698.0753138075</v>
      </c>
      <c r="BE3445" s="53">
        <v>11698.0753138075</v>
      </c>
      <c r="BF3445" s="53">
        <v>11698.0753138075</v>
      </c>
      <c r="BG3445" s="53">
        <v>11698.0753138075</v>
      </c>
      <c r="BH3445" s="53">
        <v>11698.0753138075</v>
      </c>
      <c r="BI3445" s="53">
        <v>11698.0753138075</v>
      </c>
      <c r="BJ3445" s="53">
        <v>11698.0753138075</v>
      </c>
      <c r="BK3445" s="53">
        <v>11698.0753138075</v>
      </c>
      <c r="BL3445" s="53">
        <v>11698.0753138075</v>
      </c>
      <c r="BM3445" s="53">
        <v>11698.0753138075</v>
      </c>
      <c r="BN3445" s="53">
        <v>140376.90376568999</v>
      </c>
      <c r="BO3445" s="53">
        <v>11698.0753138075</v>
      </c>
      <c r="BP3445" s="53">
        <v>11698.0753138075</v>
      </c>
      <c r="BQ3445" s="53">
        <v>11698.0753138075</v>
      </c>
      <c r="BR3445" s="53">
        <v>11698.0753138075</v>
      </c>
      <c r="BS3445" s="53">
        <v>11698.0753138075</v>
      </c>
      <c r="BT3445" s="53">
        <v>11698.0753138075</v>
      </c>
      <c r="BU3445" s="53">
        <v>11698.0753138075</v>
      </c>
      <c r="BV3445" s="53">
        <v>11698.0753138075</v>
      </c>
      <c r="BW3445" s="53">
        <v>11698.0753138075</v>
      </c>
      <c r="BX3445" s="53">
        <v>11698.0753138075</v>
      </c>
      <c r="BY3445" s="53">
        <v>11698.0753138075</v>
      </c>
      <c r="BZ3445" s="53">
        <v>11698.0753138075</v>
      </c>
      <c r="CA3445" s="53">
        <v>140376.90376568999</v>
      </c>
      <c r="CB3445" s="53"/>
      <c r="CC3445" s="53"/>
      <c r="CD3445" s="53"/>
      <c r="CE3445" s="53"/>
      <c r="CF3445" s="53"/>
      <c r="CG3445" s="53"/>
      <c r="CH3445" s="53"/>
      <c r="CI3445" s="53"/>
      <c r="CJ3445" s="53"/>
      <c r="CK3445" s="53"/>
      <c r="CL3445" s="53"/>
      <c r="CM3445" s="53"/>
      <c r="CN3445" s="53"/>
    </row>
    <row r="3446" spans="1:92" outlineLevel="1">
      <c r="A3446" s="52" t="s">
        <v>1591</v>
      </c>
      <c r="B3446" s="53"/>
      <c r="C3446" s="53"/>
      <c r="D3446" s="53"/>
      <c r="E3446" s="53"/>
      <c r="F3446" s="53"/>
      <c r="G3446" s="53"/>
      <c r="H3446" s="53"/>
      <c r="I3446" s="53"/>
      <c r="J3446" s="53"/>
      <c r="K3446" s="53"/>
      <c r="L3446" s="53"/>
      <c r="M3446" s="53"/>
      <c r="N3446" s="53"/>
      <c r="O3446" s="53"/>
      <c r="P3446" s="53"/>
      <c r="Q3446" s="53"/>
      <c r="R3446" s="53"/>
      <c r="S3446" s="53"/>
      <c r="T3446" s="53"/>
      <c r="U3446" s="53"/>
      <c r="V3446" s="53"/>
      <c r="W3446" s="53"/>
      <c r="X3446" s="53"/>
      <c r="Y3446" s="53"/>
      <c r="Z3446" s="53"/>
      <c r="AA3446" s="53"/>
      <c r="AB3446" s="53"/>
      <c r="AC3446" s="53"/>
      <c r="AD3446" s="53"/>
      <c r="AE3446" s="53"/>
      <c r="AF3446" s="53"/>
      <c r="AG3446" s="53"/>
      <c r="AH3446" s="53"/>
      <c r="AI3446" s="53"/>
      <c r="AJ3446" s="53"/>
      <c r="AK3446" s="53"/>
      <c r="AL3446" s="53"/>
      <c r="AM3446" s="53"/>
      <c r="AN3446" s="53"/>
      <c r="AO3446" s="53"/>
      <c r="AP3446" s="53"/>
      <c r="AQ3446" s="53"/>
      <c r="AR3446" s="53"/>
      <c r="AS3446" s="53"/>
      <c r="AT3446" s="53"/>
      <c r="AU3446" s="53"/>
      <c r="AV3446" s="53"/>
      <c r="AW3446" s="53"/>
      <c r="AX3446" s="53"/>
      <c r="AY3446" s="53"/>
      <c r="AZ3446" s="53"/>
      <c r="BA3446" s="53"/>
      <c r="BB3446" s="53"/>
      <c r="BC3446" s="53"/>
      <c r="BD3446" s="53"/>
      <c r="BE3446" s="53"/>
      <c r="BF3446" s="53"/>
      <c r="BG3446" s="53"/>
      <c r="BH3446" s="53"/>
      <c r="BI3446" s="53"/>
      <c r="BJ3446" s="53"/>
      <c r="BK3446" s="53"/>
      <c r="BL3446" s="53"/>
      <c r="BM3446" s="53"/>
      <c r="BN3446" s="53"/>
      <c r="BO3446" s="53"/>
      <c r="BP3446" s="53"/>
      <c r="BQ3446" s="53"/>
      <c r="BR3446" s="53"/>
      <c r="BS3446" s="53"/>
      <c r="BT3446" s="53"/>
      <c r="BU3446" s="53"/>
      <c r="BV3446" s="53"/>
      <c r="BW3446" s="53"/>
      <c r="BX3446" s="53"/>
      <c r="BY3446" s="53"/>
      <c r="BZ3446" s="53"/>
      <c r="CA3446" s="53"/>
      <c r="CB3446" s="53"/>
      <c r="CC3446" s="53"/>
      <c r="CD3446" s="53"/>
      <c r="CE3446" s="53"/>
      <c r="CF3446" s="53"/>
      <c r="CG3446" s="53"/>
      <c r="CH3446" s="53"/>
      <c r="CI3446" s="53"/>
      <c r="CJ3446" s="53"/>
      <c r="CK3446" s="53"/>
      <c r="CL3446" s="53"/>
      <c r="CM3446" s="53"/>
      <c r="CN3446" s="53"/>
    </row>
    <row r="3447" spans="1:92" outlineLevel="1">
      <c r="A3447" s="52" t="s">
        <v>711</v>
      </c>
      <c r="B3447" s="53">
        <v>1213.9344262295001</v>
      </c>
      <c r="C3447" s="53">
        <v>1213.9344262295001</v>
      </c>
      <c r="D3447" s="53">
        <v>1213.9344262295001</v>
      </c>
      <c r="E3447" s="53">
        <v>1213.9344262295001</v>
      </c>
      <c r="F3447" s="53">
        <v>1213.9344262295001</v>
      </c>
      <c r="G3447" s="53">
        <v>1213.9344262295001</v>
      </c>
      <c r="H3447" s="53">
        <v>1213.9344262295001</v>
      </c>
      <c r="I3447" s="53">
        <v>1213.9344262295001</v>
      </c>
      <c r="J3447" s="53">
        <v>1213.9344262295001</v>
      </c>
      <c r="K3447" s="53">
        <v>1213.9344262295001</v>
      </c>
      <c r="L3447" s="53">
        <v>1213.9344262295001</v>
      </c>
      <c r="M3447" s="53">
        <v>1213.9344262295001</v>
      </c>
      <c r="N3447" s="53">
        <v>14567.213114754</v>
      </c>
      <c r="O3447" s="53">
        <v>1213.9344262295001</v>
      </c>
      <c r="P3447" s="53">
        <v>1213.9344262295001</v>
      </c>
      <c r="Q3447" s="53">
        <v>1213.9344262295001</v>
      </c>
      <c r="R3447" s="53">
        <v>1213.9344262295001</v>
      </c>
      <c r="S3447" s="53">
        <v>1213.9344262295001</v>
      </c>
      <c r="T3447" s="53">
        <v>1213.9344262295001</v>
      </c>
      <c r="U3447" s="53">
        <v>1213.9344262295001</v>
      </c>
      <c r="V3447" s="53">
        <v>1213.9344262295001</v>
      </c>
      <c r="W3447" s="53">
        <v>1213.9344262295001</v>
      </c>
      <c r="X3447" s="53">
        <v>1213.9344262295001</v>
      </c>
      <c r="Y3447" s="53">
        <v>1213.9344262295001</v>
      </c>
      <c r="Z3447" s="53">
        <v>1213.9344262295001</v>
      </c>
      <c r="AA3447" s="53">
        <v>14567.213114754</v>
      </c>
      <c r="AB3447" s="53">
        <v>1213.9344262295001</v>
      </c>
      <c r="AC3447" s="53">
        <v>1213.9344262295001</v>
      </c>
      <c r="AD3447" s="53">
        <v>1213.9344262295001</v>
      </c>
      <c r="AE3447" s="53">
        <v>1213.9344262295001</v>
      </c>
      <c r="AF3447" s="53">
        <v>1213.9344262295001</v>
      </c>
      <c r="AG3447" s="53">
        <v>1213.9344262295001</v>
      </c>
      <c r="AH3447" s="53">
        <v>1213.9344262295001</v>
      </c>
      <c r="AI3447" s="53">
        <v>1213.9344262295001</v>
      </c>
      <c r="AJ3447" s="53">
        <v>1213.9344262295001</v>
      </c>
      <c r="AK3447" s="53">
        <v>1213.9344262295001</v>
      </c>
      <c r="AL3447" s="53">
        <v>1213.9344262295001</v>
      </c>
      <c r="AM3447" s="53">
        <v>1213.9344262295001</v>
      </c>
      <c r="AN3447" s="53">
        <v>14567.213114754</v>
      </c>
      <c r="AO3447" s="53">
        <v>1213.9344262295001</v>
      </c>
      <c r="AP3447" s="53">
        <v>1213.9344262295001</v>
      </c>
      <c r="AQ3447" s="53">
        <v>1213.9344262295001</v>
      </c>
      <c r="AR3447" s="53">
        <v>1213.9344262295001</v>
      </c>
      <c r="AS3447" s="53">
        <v>1213.9344262295001</v>
      </c>
      <c r="AT3447" s="53">
        <v>1213.9344262295001</v>
      </c>
      <c r="AU3447" s="53">
        <v>1213.9344262295001</v>
      </c>
      <c r="AV3447" s="53">
        <v>1213.9344262295001</v>
      </c>
      <c r="AW3447" s="53">
        <v>1213.9344262295001</v>
      </c>
      <c r="AX3447" s="53">
        <v>1213.9344262295001</v>
      </c>
      <c r="AY3447" s="53">
        <v>1213.9344262295001</v>
      </c>
      <c r="AZ3447" s="53">
        <v>1213.9344262295001</v>
      </c>
      <c r="BA3447" s="53">
        <v>14567.213114754</v>
      </c>
      <c r="BB3447" s="53">
        <v>1213.9344262295001</v>
      </c>
      <c r="BC3447" s="53">
        <v>1213.9344262295001</v>
      </c>
      <c r="BD3447" s="53">
        <v>1213.9344262295001</v>
      </c>
      <c r="BE3447" s="53">
        <v>1213.9344262295001</v>
      </c>
      <c r="BF3447" s="53">
        <v>1213.9344262295001</v>
      </c>
      <c r="BG3447" s="53">
        <v>1213.9344262295001</v>
      </c>
      <c r="BH3447" s="53">
        <v>1213.9344262295001</v>
      </c>
      <c r="BI3447" s="53">
        <v>1213.9344262295001</v>
      </c>
      <c r="BJ3447" s="53">
        <v>1213.9344262295001</v>
      </c>
      <c r="BK3447" s="53">
        <v>1213.9344262295001</v>
      </c>
      <c r="BL3447" s="53">
        <v>1213.9344262295001</v>
      </c>
      <c r="BM3447" s="53">
        <v>1213.9344262295001</v>
      </c>
      <c r="BN3447" s="53">
        <v>14567.2131147541</v>
      </c>
      <c r="BO3447" s="53">
        <v>1213.9344262295001</v>
      </c>
      <c r="BP3447" s="53"/>
      <c r="BQ3447" s="53"/>
      <c r="BR3447" s="53"/>
      <c r="BS3447" s="53"/>
      <c r="BT3447" s="53"/>
      <c r="BU3447" s="53"/>
      <c r="BV3447" s="53"/>
      <c r="BW3447" s="53"/>
      <c r="BX3447" s="53"/>
      <c r="BY3447" s="53"/>
      <c r="BZ3447" s="53"/>
      <c r="CA3447" s="53">
        <v>1213.9344262295001</v>
      </c>
      <c r="CB3447" s="53"/>
      <c r="CC3447" s="53"/>
      <c r="CD3447" s="53"/>
      <c r="CE3447" s="53"/>
      <c r="CF3447" s="53"/>
      <c r="CG3447" s="53"/>
      <c r="CH3447" s="53"/>
      <c r="CI3447" s="53"/>
      <c r="CJ3447" s="53"/>
      <c r="CK3447" s="53"/>
      <c r="CL3447" s="53"/>
      <c r="CM3447" s="53"/>
      <c r="CN3447" s="53"/>
    </row>
    <row r="3448" spans="1:92" outlineLevel="1">
      <c r="A3448" s="52" t="s">
        <v>712</v>
      </c>
      <c r="B3448" s="53">
        <v>1583.1557377049101</v>
      </c>
      <c r="C3448" s="53">
        <v>1583.1557377049101</v>
      </c>
      <c r="D3448" s="53">
        <v>1583.1557377049101</v>
      </c>
      <c r="E3448" s="53">
        <v>1583.1557377049101</v>
      </c>
      <c r="F3448" s="53">
        <v>1583.1557377049101</v>
      </c>
      <c r="G3448" s="53">
        <v>1583.1557377049101</v>
      </c>
      <c r="H3448" s="53">
        <v>1583.1557377049101</v>
      </c>
      <c r="I3448" s="53">
        <v>1583.1557377049101</v>
      </c>
      <c r="J3448" s="53">
        <v>1583.1557377049101</v>
      </c>
      <c r="K3448" s="53">
        <v>1583.1557377049101</v>
      </c>
      <c r="L3448" s="53">
        <v>1583.1557377049101</v>
      </c>
      <c r="M3448" s="53">
        <v>1583.1557377049101</v>
      </c>
      <c r="N3448" s="53">
        <v>18997.868852459</v>
      </c>
      <c r="O3448" s="53">
        <v>1583.1557377049101</v>
      </c>
      <c r="P3448" s="53">
        <v>1583.1557377049101</v>
      </c>
      <c r="Q3448" s="53">
        <v>1583.1557377049101</v>
      </c>
      <c r="R3448" s="53">
        <v>1583.1557377049101</v>
      </c>
      <c r="S3448" s="53">
        <v>1583.1557377049101</v>
      </c>
      <c r="T3448" s="53">
        <v>1583.1557377049101</v>
      </c>
      <c r="U3448" s="53">
        <v>1583.1557377049101</v>
      </c>
      <c r="V3448" s="53">
        <v>1583.1557377049101</v>
      </c>
      <c r="W3448" s="53">
        <v>1583.1557377049101</v>
      </c>
      <c r="X3448" s="53">
        <v>1583.1557377049101</v>
      </c>
      <c r="Y3448" s="53">
        <v>1583.1557377049101</v>
      </c>
      <c r="Z3448" s="53">
        <v>1583.1557377049101</v>
      </c>
      <c r="AA3448" s="53">
        <v>18997.868852459</v>
      </c>
      <c r="AB3448" s="53">
        <v>1583.1557377049101</v>
      </c>
      <c r="AC3448" s="53">
        <v>1583.1557377049101</v>
      </c>
      <c r="AD3448" s="53">
        <v>1583.1557377049101</v>
      </c>
      <c r="AE3448" s="53">
        <v>1583.1557377049101</v>
      </c>
      <c r="AF3448" s="53">
        <v>1583.1557377049101</v>
      </c>
      <c r="AG3448" s="53">
        <v>1583.1557377049101</v>
      </c>
      <c r="AH3448" s="53">
        <v>1583.1557377049101</v>
      </c>
      <c r="AI3448" s="53">
        <v>1583.1557377049101</v>
      </c>
      <c r="AJ3448" s="53">
        <v>1583.1557377049101</v>
      </c>
      <c r="AK3448" s="53">
        <v>1583.1557377049101</v>
      </c>
      <c r="AL3448" s="53">
        <v>1583.1557377049101</v>
      </c>
      <c r="AM3448" s="53">
        <v>1583.1557377049101</v>
      </c>
      <c r="AN3448" s="53">
        <v>18997.868852459</v>
      </c>
      <c r="AO3448" s="53">
        <v>1583.1557377049101</v>
      </c>
      <c r="AP3448" s="53">
        <v>1583.1557377049201</v>
      </c>
      <c r="AQ3448" s="53">
        <v>1583.1557377049201</v>
      </c>
      <c r="AR3448" s="53">
        <v>1583.1557377049201</v>
      </c>
      <c r="AS3448" s="53">
        <v>1583.1557377049201</v>
      </c>
      <c r="AT3448" s="53">
        <v>1583.1557377049201</v>
      </c>
      <c r="AU3448" s="53">
        <v>1583.1557377049201</v>
      </c>
      <c r="AV3448" s="53">
        <v>1583.1557377049201</v>
      </c>
      <c r="AW3448" s="53">
        <v>1583.1557377049201</v>
      </c>
      <c r="AX3448" s="53">
        <v>1583.1557377049201</v>
      </c>
      <c r="AY3448" s="53">
        <v>1583.1557377049201</v>
      </c>
      <c r="AZ3448" s="53">
        <v>1583.1557377049201</v>
      </c>
      <c r="BA3448" s="53">
        <v>18997.868852459</v>
      </c>
      <c r="BB3448" s="53">
        <v>1583.1557377049201</v>
      </c>
      <c r="BC3448" s="53">
        <v>1583.1557377049201</v>
      </c>
      <c r="BD3448" s="53">
        <v>1583.1557377049201</v>
      </c>
      <c r="BE3448" s="53">
        <v>1583.1557377049201</v>
      </c>
      <c r="BF3448" s="53">
        <v>1583.1557377049201</v>
      </c>
      <c r="BG3448" s="53">
        <v>1583.1557377049201</v>
      </c>
      <c r="BH3448" s="53">
        <v>1583.1557377049201</v>
      </c>
      <c r="BI3448" s="53">
        <v>1583.1557377049201</v>
      </c>
      <c r="BJ3448" s="53">
        <v>1583.1557377049201</v>
      </c>
      <c r="BK3448" s="53">
        <v>1583.1557377049201</v>
      </c>
      <c r="BL3448" s="53">
        <v>1583.1557377049201</v>
      </c>
      <c r="BM3448" s="53">
        <v>1583.1557377049201</v>
      </c>
      <c r="BN3448" s="53">
        <v>18997.868852459</v>
      </c>
      <c r="BO3448" s="53">
        <v>1583.1557377049201</v>
      </c>
      <c r="BP3448" s="53">
        <v>1583.1557377049201</v>
      </c>
      <c r="BQ3448" s="53">
        <v>1583.1557377049201</v>
      </c>
      <c r="BR3448" s="53">
        <v>1583.1557377049201</v>
      </c>
      <c r="BS3448" s="53">
        <v>1583.1557377049201</v>
      </c>
      <c r="BT3448" s="53">
        <v>1583.1557377049201</v>
      </c>
      <c r="BU3448" s="53">
        <v>1583.1557377049201</v>
      </c>
      <c r="BV3448" s="53">
        <v>1583.1557377049201</v>
      </c>
      <c r="BW3448" s="53">
        <v>1583.1557377049201</v>
      </c>
      <c r="BX3448" s="53">
        <v>1583.1557377049201</v>
      </c>
      <c r="BY3448" s="53">
        <v>1583.1557377049201</v>
      </c>
      <c r="BZ3448" s="53">
        <v>1583.1557377049201</v>
      </c>
      <c r="CA3448" s="53">
        <v>18997.868852459</v>
      </c>
      <c r="CB3448" s="53"/>
      <c r="CC3448" s="53"/>
      <c r="CD3448" s="53"/>
      <c r="CE3448" s="53"/>
      <c r="CF3448" s="53"/>
      <c r="CG3448" s="53"/>
      <c r="CH3448" s="53"/>
      <c r="CI3448" s="53"/>
      <c r="CJ3448" s="53"/>
      <c r="CK3448" s="53"/>
      <c r="CL3448" s="53"/>
      <c r="CM3448" s="53"/>
      <c r="CN3448" s="53"/>
    </row>
    <row r="3449" spans="1:92" outlineLevel="1">
      <c r="A3449" s="52" t="s">
        <v>713</v>
      </c>
      <c r="B3449" s="53">
        <v>1833.3881019830001</v>
      </c>
      <c r="C3449" s="53">
        <v>1833.3881019830001</v>
      </c>
      <c r="D3449" s="53">
        <v>1833.3881019830001</v>
      </c>
      <c r="E3449" s="53">
        <v>1833.3881019830001</v>
      </c>
      <c r="F3449" s="53">
        <v>1833.3881019830001</v>
      </c>
      <c r="G3449" s="53">
        <v>1833.3881019830001</v>
      </c>
      <c r="H3449" s="53">
        <v>1833.3881019830001</v>
      </c>
      <c r="I3449" s="53">
        <v>1833.3881019830001</v>
      </c>
      <c r="J3449" s="53">
        <v>1833.3881019830001</v>
      </c>
      <c r="K3449" s="53">
        <v>1833.3881019830001</v>
      </c>
      <c r="L3449" s="53">
        <v>1833.3881019830001</v>
      </c>
      <c r="M3449" s="53">
        <v>1833.3881019830001</v>
      </c>
      <c r="N3449" s="53">
        <v>22000.657223795999</v>
      </c>
      <c r="O3449" s="53">
        <v>1833.3881019830001</v>
      </c>
      <c r="P3449" s="53">
        <v>1833.3881019830001</v>
      </c>
      <c r="Q3449" s="53">
        <v>1833.3881019830001</v>
      </c>
      <c r="R3449" s="53">
        <v>1833.3881019830001</v>
      </c>
      <c r="S3449" s="53">
        <v>1833.3881019830001</v>
      </c>
      <c r="T3449" s="53">
        <v>1833.3881019830001</v>
      </c>
      <c r="U3449" s="53">
        <v>1833.3881019830001</v>
      </c>
      <c r="V3449" s="53">
        <v>1833.3881019830001</v>
      </c>
      <c r="W3449" s="53">
        <v>1833.3881019830001</v>
      </c>
      <c r="X3449" s="53">
        <v>1833.3881019830001</v>
      </c>
      <c r="Y3449" s="53">
        <v>1833.3881019830001</v>
      </c>
      <c r="Z3449" s="53">
        <v>1833.3881019830001</v>
      </c>
      <c r="AA3449" s="53">
        <v>22000.657223795999</v>
      </c>
      <c r="AB3449" s="53">
        <v>1833.3881019830001</v>
      </c>
      <c r="AC3449" s="53">
        <v>1833.3881019830001</v>
      </c>
      <c r="AD3449" s="53">
        <v>1833.3881019830001</v>
      </c>
      <c r="AE3449" s="53">
        <v>1833.3881019830001</v>
      </c>
      <c r="AF3449" s="53">
        <v>1833.3881019829901</v>
      </c>
      <c r="AG3449" s="53">
        <v>1833.3881019829901</v>
      </c>
      <c r="AH3449" s="53">
        <v>1833.3881019829901</v>
      </c>
      <c r="AI3449" s="53">
        <v>1833.3881019829901</v>
      </c>
      <c r="AJ3449" s="53">
        <v>1833.3881019829901</v>
      </c>
      <c r="AK3449" s="53">
        <v>1833.3881019829901</v>
      </c>
      <c r="AL3449" s="53">
        <v>1833.3881019829901</v>
      </c>
      <c r="AM3449" s="53">
        <v>1833.3881019829901</v>
      </c>
      <c r="AN3449" s="53">
        <v>22000.657223795999</v>
      </c>
      <c r="AO3449" s="53">
        <v>1833.3881019829901</v>
      </c>
      <c r="AP3449" s="53">
        <v>1833.3881019829901</v>
      </c>
      <c r="AQ3449" s="53">
        <v>1833.3881019829901</v>
      </c>
      <c r="AR3449" s="53">
        <v>1833.3881019829901</v>
      </c>
      <c r="AS3449" s="53">
        <v>1833.3881019829901</v>
      </c>
      <c r="AT3449" s="53">
        <v>1833.3881019829901</v>
      </c>
      <c r="AU3449" s="53">
        <v>1833.3881019829901</v>
      </c>
      <c r="AV3449" s="53">
        <v>1833.3881019829901</v>
      </c>
      <c r="AW3449" s="53">
        <v>1833.3881019829901</v>
      </c>
      <c r="AX3449" s="53">
        <v>1833.3881019829901</v>
      </c>
      <c r="AY3449" s="53">
        <v>1833.3881019829901</v>
      </c>
      <c r="AZ3449" s="53">
        <v>1833.3881019829901</v>
      </c>
      <c r="BA3449" s="53">
        <v>22000.657223795901</v>
      </c>
      <c r="BB3449" s="53">
        <v>1833.3881019829901</v>
      </c>
      <c r="BC3449" s="53">
        <v>1833.3881019829901</v>
      </c>
      <c r="BD3449" s="53">
        <v>1833.3881019829901</v>
      </c>
      <c r="BE3449" s="53">
        <v>1833.3881019829901</v>
      </c>
      <c r="BF3449" s="53">
        <v>1833.3881019829901</v>
      </c>
      <c r="BG3449" s="53">
        <v>1833.3881019830001</v>
      </c>
      <c r="BH3449" s="53">
        <v>1833.3881019830001</v>
      </c>
      <c r="BI3449" s="53">
        <v>1833.3881019830001</v>
      </c>
      <c r="BJ3449" s="53">
        <v>1833.3881019830001</v>
      </c>
      <c r="BK3449" s="53">
        <v>1833.3881019830001</v>
      </c>
      <c r="BL3449" s="53">
        <v>1833.3881019830001</v>
      </c>
      <c r="BM3449" s="53">
        <v>1833.3881019830001</v>
      </c>
      <c r="BN3449" s="53">
        <v>22000.657223795999</v>
      </c>
      <c r="BO3449" s="53">
        <v>1833.3881019830001</v>
      </c>
      <c r="BP3449" s="53">
        <v>1833.3881019830001</v>
      </c>
      <c r="BQ3449" s="53">
        <v>1833.3881019830001</v>
      </c>
      <c r="BR3449" s="53">
        <v>1833.3881019830001</v>
      </c>
      <c r="BS3449" s="53">
        <v>1833.3881019830001</v>
      </c>
      <c r="BT3449" s="53">
        <v>1833.3881019830001</v>
      </c>
      <c r="BU3449" s="53">
        <v>1833.3881019830001</v>
      </c>
      <c r="BV3449" s="53">
        <v>1833.3881019830001</v>
      </c>
      <c r="BW3449" s="53">
        <v>1833.3881019830001</v>
      </c>
      <c r="BX3449" s="53">
        <v>1833.3881019830001</v>
      </c>
      <c r="BY3449" s="53">
        <v>1833.3881019830001</v>
      </c>
      <c r="BZ3449" s="53">
        <v>1833.3881019830001</v>
      </c>
      <c r="CA3449" s="53">
        <v>22000.657223795999</v>
      </c>
      <c r="CB3449" s="53"/>
      <c r="CC3449" s="53"/>
      <c r="CD3449" s="53"/>
      <c r="CE3449" s="53"/>
      <c r="CF3449" s="53"/>
      <c r="CG3449" s="53"/>
      <c r="CH3449" s="53"/>
      <c r="CI3449" s="53"/>
      <c r="CJ3449" s="53"/>
      <c r="CK3449" s="53"/>
      <c r="CL3449" s="53"/>
      <c r="CM3449" s="53"/>
      <c r="CN3449" s="53"/>
    </row>
    <row r="3450" spans="1:92" outlineLevel="1">
      <c r="A3450" s="52" t="s">
        <v>716</v>
      </c>
      <c r="B3450" s="53">
        <v>11723.4555256064</v>
      </c>
      <c r="C3450" s="53">
        <v>11723.4555256064</v>
      </c>
      <c r="D3450" s="53">
        <v>11723.4555256064</v>
      </c>
      <c r="E3450" s="53">
        <v>11723.4555256064</v>
      </c>
      <c r="F3450" s="53">
        <v>11723.4555256064</v>
      </c>
      <c r="G3450" s="53">
        <v>11723.4555256064</v>
      </c>
      <c r="H3450" s="53">
        <v>11723.4555256064</v>
      </c>
      <c r="I3450" s="53">
        <v>11723.4555256064</v>
      </c>
      <c r="J3450" s="53">
        <v>11723.4555256064</v>
      </c>
      <c r="K3450" s="53">
        <v>11723.4555256064</v>
      </c>
      <c r="L3450" s="53">
        <v>11723.4555256064</v>
      </c>
      <c r="M3450" s="53">
        <v>11723.4555256064</v>
      </c>
      <c r="N3450" s="53">
        <v>140681.46630727701</v>
      </c>
      <c r="O3450" s="53">
        <v>11723.4555256064</v>
      </c>
      <c r="P3450" s="53">
        <v>11723.4555256064</v>
      </c>
      <c r="Q3450" s="53">
        <v>11723.4555256064</v>
      </c>
      <c r="R3450" s="53">
        <v>11723.4555256064</v>
      </c>
      <c r="S3450" s="53">
        <v>11723.4555256064</v>
      </c>
      <c r="T3450" s="53">
        <v>11723.4555256064</v>
      </c>
      <c r="U3450" s="53">
        <v>11723.4555256064</v>
      </c>
      <c r="V3450" s="53">
        <v>11723.4555256064</v>
      </c>
      <c r="W3450" s="53">
        <v>11723.4555256064</v>
      </c>
      <c r="X3450" s="53">
        <v>11723.4555256064</v>
      </c>
      <c r="Y3450" s="53">
        <v>11723.4555256064</v>
      </c>
      <c r="Z3450" s="53">
        <v>11723.4555256064</v>
      </c>
      <c r="AA3450" s="53">
        <v>140681.46630727701</v>
      </c>
      <c r="AB3450" s="53">
        <v>11723.4555256064</v>
      </c>
      <c r="AC3450" s="53">
        <v>11723.4555256064</v>
      </c>
      <c r="AD3450" s="53">
        <v>11723.4555256064</v>
      </c>
      <c r="AE3450" s="53">
        <v>11723.4555256064</v>
      </c>
      <c r="AF3450" s="53">
        <v>11723.4555256064</v>
      </c>
      <c r="AG3450" s="53">
        <v>11723.4555256064</v>
      </c>
      <c r="AH3450" s="53">
        <v>11723.4555256064</v>
      </c>
      <c r="AI3450" s="53">
        <v>11723.4555256064</v>
      </c>
      <c r="AJ3450" s="53">
        <v>11723.4555256064</v>
      </c>
      <c r="AK3450" s="53">
        <v>11723.4555256064</v>
      </c>
      <c r="AL3450" s="53">
        <v>11723.4555256064</v>
      </c>
      <c r="AM3450" s="53">
        <v>11723.4555256064</v>
      </c>
      <c r="AN3450" s="53">
        <v>140681.46630727701</v>
      </c>
      <c r="AO3450" s="53">
        <v>11723.4555256064</v>
      </c>
      <c r="AP3450" s="53">
        <v>11723.4555256064</v>
      </c>
      <c r="AQ3450" s="53">
        <v>11723.4555256064</v>
      </c>
      <c r="AR3450" s="53">
        <v>11723.4555256064</v>
      </c>
      <c r="AS3450" s="53">
        <v>11723.4555256064</v>
      </c>
      <c r="AT3450" s="53">
        <v>11723.4555256064</v>
      </c>
      <c r="AU3450" s="53">
        <v>11723.4555256064</v>
      </c>
      <c r="AV3450" s="53">
        <v>11723.4555256064</v>
      </c>
      <c r="AW3450" s="53">
        <v>11723.4555256064</v>
      </c>
      <c r="AX3450" s="53">
        <v>11723.4555256064</v>
      </c>
      <c r="AY3450" s="53">
        <v>11723.4555256064</v>
      </c>
      <c r="AZ3450" s="53">
        <v>11723.4555256064</v>
      </c>
      <c r="BA3450" s="53">
        <v>140681.46630727701</v>
      </c>
      <c r="BB3450" s="53">
        <v>11723.4555256064</v>
      </c>
      <c r="BC3450" s="53">
        <v>11723.4555256064</v>
      </c>
      <c r="BD3450" s="53">
        <v>11723.4555256064</v>
      </c>
      <c r="BE3450" s="53">
        <v>11723.4555256064</v>
      </c>
      <c r="BF3450" s="53">
        <v>11723.4555256064</v>
      </c>
      <c r="BG3450" s="53">
        <v>11723.4555256064</v>
      </c>
      <c r="BH3450" s="53">
        <v>11723.4555256064</v>
      </c>
      <c r="BI3450" s="53">
        <v>11723.4555256064</v>
      </c>
      <c r="BJ3450" s="53">
        <v>11723.4555256064</v>
      </c>
      <c r="BK3450" s="53">
        <v>11723.4555256064</v>
      </c>
      <c r="BL3450" s="53">
        <v>11723.4555256064</v>
      </c>
      <c r="BM3450" s="53">
        <v>11723.4555256064</v>
      </c>
      <c r="BN3450" s="53">
        <v>140681.46630727701</v>
      </c>
      <c r="BO3450" s="53">
        <v>11723.4555256064</v>
      </c>
      <c r="BP3450" s="53">
        <v>11723.4555256064</v>
      </c>
      <c r="BQ3450" s="53">
        <v>11723.4555256064</v>
      </c>
      <c r="BR3450" s="53">
        <v>11723.4555256064</v>
      </c>
      <c r="BS3450" s="53">
        <v>11723.4555256064</v>
      </c>
      <c r="BT3450" s="53">
        <v>11723.4555256064</v>
      </c>
      <c r="BU3450" s="53">
        <v>11723.4555256064</v>
      </c>
      <c r="BV3450" s="53">
        <v>11723.4555256064</v>
      </c>
      <c r="BW3450" s="53">
        <v>11723.4555256064</v>
      </c>
      <c r="BX3450" s="53">
        <v>11723.4555256064</v>
      </c>
      <c r="BY3450" s="53">
        <v>11723.4555256064</v>
      </c>
      <c r="BZ3450" s="53">
        <v>11723.4555256064</v>
      </c>
      <c r="CA3450" s="53">
        <v>140681.46630727701</v>
      </c>
      <c r="CB3450" s="53">
        <v>8862311.0487578698</v>
      </c>
      <c r="CC3450" s="53">
        <v>9517177.7608454004</v>
      </c>
      <c r="CD3450" s="53">
        <v>10580143.5419979</v>
      </c>
      <c r="CE3450" s="53">
        <v>10608489.2905655</v>
      </c>
      <c r="CF3450" s="53">
        <v>9906548.2787426002</v>
      </c>
      <c r="CG3450" s="53">
        <v>9920691.9940579999</v>
      </c>
      <c r="CH3450" s="53">
        <v>9803136.0555846002</v>
      </c>
      <c r="CI3450" s="53">
        <v>9125686.0586299002</v>
      </c>
      <c r="CJ3450" s="53">
        <v>8651325.0956799705</v>
      </c>
      <c r="CK3450" s="53">
        <v>9384248.3921816796</v>
      </c>
      <c r="CL3450" s="53">
        <v>8944815.07152717</v>
      </c>
      <c r="CM3450" s="53">
        <v>8382254.2809268702</v>
      </c>
      <c r="CN3450" s="53">
        <v>113686826.869497</v>
      </c>
    </row>
    <row r="3451" spans="1:92" outlineLevel="1">
      <c r="A3451" s="52" t="s">
        <v>717</v>
      </c>
      <c r="B3451" s="53">
        <v>4051.8260869565202</v>
      </c>
      <c r="C3451" s="53">
        <v>4051.8260869565202</v>
      </c>
      <c r="D3451" s="53">
        <v>4051.8260869565202</v>
      </c>
      <c r="E3451" s="53">
        <v>4051.8260869565202</v>
      </c>
      <c r="F3451" s="53">
        <v>4051.8260869565202</v>
      </c>
      <c r="G3451" s="53">
        <v>4051.8260869565202</v>
      </c>
      <c r="H3451" s="53">
        <v>4051.8260869565202</v>
      </c>
      <c r="I3451" s="53">
        <v>4051.8260869565202</v>
      </c>
      <c r="J3451" s="53">
        <v>4051.8260869565102</v>
      </c>
      <c r="K3451" s="53">
        <v>4051.8260869565102</v>
      </c>
      <c r="L3451" s="53">
        <v>4051.8260869565102</v>
      </c>
      <c r="M3451" s="53">
        <v>4051.8260869565102</v>
      </c>
      <c r="N3451" s="53">
        <v>48621.913043478198</v>
      </c>
      <c r="O3451" s="53">
        <v>4051.8260869565102</v>
      </c>
      <c r="P3451" s="53">
        <v>4051.8260869565102</v>
      </c>
      <c r="Q3451" s="53">
        <v>4051.8260869565102</v>
      </c>
      <c r="R3451" s="53">
        <v>4051.8260869565102</v>
      </c>
      <c r="S3451" s="53">
        <v>4051.8260869565102</v>
      </c>
      <c r="T3451" s="53">
        <v>4051.8260869565102</v>
      </c>
      <c r="U3451" s="53">
        <v>4051.8260869565102</v>
      </c>
      <c r="V3451" s="53">
        <v>4051.8260869565102</v>
      </c>
      <c r="W3451" s="53">
        <v>4051.8260869565102</v>
      </c>
      <c r="X3451" s="53">
        <v>4051.8260869565102</v>
      </c>
      <c r="Y3451" s="53">
        <v>4051.8260869565102</v>
      </c>
      <c r="Z3451" s="53">
        <v>4051.8260869565102</v>
      </c>
      <c r="AA3451" s="53">
        <v>48621.913043478198</v>
      </c>
      <c r="AB3451" s="53">
        <v>4051.8260869565102</v>
      </c>
      <c r="AC3451" s="53">
        <v>4051.8260869565102</v>
      </c>
      <c r="AD3451" s="53">
        <v>4051.8260869565102</v>
      </c>
      <c r="AE3451" s="53">
        <v>4051.8260869565102</v>
      </c>
      <c r="AF3451" s="53">
        <v>4051.8260869565102</v>
      </c>
      <c r="AG3451" s="53">
        <v>4051.8260869565102</v>
      </c>
      <c r="AH3451" s="53">
        <v>4051.8260869565102</v>
      </c>
      <c r="AI3451" s="53">
        <v>4051.8260869565102</v>
      </c>
      <c r="AJ3451" s="53">
        <v>4051.8260869565102</v>
      </c>
      <c r="AK3451" s="53">
        <v>4051.8260869565102</v>
      </c>
      <c r="AL3451" s="53">
        <v>4051.8260869565102</v>
      </c>
      <c r="AM3451" s="53">
        <v>4051.8260869565102</v>
      </c>
      <c r="AN3451" s="53">
        <v>48621.913043478096</v>
      </c>
      <c r="AO3451" s="53">
        <v>4051.8260869565102</v>
      </c>
      <c r="AP3451" s="53">
        <v>4051.8260869565102</v>
      </c>
      <c r="AQ3451" s="53">
        <v>4051.8260869565102</v>
      </c>
      <c r="AR3451" s="53">
        <v>4051.8260869565102</v>
      </c>
      <c r="AS3451" s="53">
        <v>4051.8260869565102</v>
      </c>
      <c r="AT3451" s="53">
        <v>4051.8260869565102</v>
      </c>
      <c r="AU3451" s="53">
        <v>4051.8260869565001</v>
      </c>
      <c r="AV3451" s="53">
        <v>4051.8260869565001</v>
      </c>
      <c r="AW3451" s="53">
        <v>4051.8260869565001</v>
      </c>
      <c r="AX3451" s="53">
        <v>4051.8260869565102</v>
      </c>
      <c r="AY3451" s="53">
        <v>4051.8260869565001</v>
      </c>
      <c r="AZ3451" s="53">
        <v>4051.8260869565001</v>
      </c>
      <c r="BA3451" s="53">
        <v>48621.913043478096</v>
      </c>
      <c r="BB3451" s="53">
        <v>4051.8260869565102</v>
      </c>
      <c r="BC3451" s="53">
        <v>4051.8260869565001</v>
      </c>
      <c r="BD3451" s="53">
        <v>4051.8260869565001</v>
      </c>
      <c r="BE3451" s="53">
        <v>4051.8260869565001</v>
      </c>
      <c r="BF3451" s="53">
        <v>4051.8260869565001</v>
      </c>
      <c r="BG3451" s="53">
        <v>4051.8260869565102</v>
      </c>
      <c r="BH3451" s="53">
        <v>4051.8260869565102</v>
      </c>
      <c r="BI3451" s="53">
        <v>4051.8260869565001</v>
      </c>
      <c r="BJ3451" s="53">
        <v>4051.8260869565001</v>
      </c>
      <c r="BK3451" s="53">
        <v>4051.8260869565102</v>
      </c>
      <c r="BL3451" s="53">
        <v>4051.8260869565001</v>
      </c>
      <c r="BM3451" s="53">
        <v>4051.8260869565001</v>
      </c>
      <c r="BN3451" s="53">
        <v>48621.913043478096</v>
      </c>
      <c r="BO3451" s="53">
        <v>4051.8260869565001</v>
      </c>
      <c r="BP3451" s="53">
        <v>4051.8260869565102</v>
      </c>
      <c r="BQ3451" s="53">
        <v>4051.8260869565001</v>
      </c>
      <c r="BR3451" s="53">
        <v>4051.8260869565001</v>
      </c>
      <c r="BS3451" s="53">
        <v>4051.8260869565001</v>
      </c>
      <c r="BT3451" s="53">
        <v>4051.8260869565102</v>
      </c>
      <c r="BU3451" s="53">
        <v>4051.8260869565001</v>
      </c>
      <c r="BV3451" s="53">
        <v>4051.8260869565001</v>
      </c>
      <c r="BW3451" s="53">
        <v>4051.8260869565102</v>
      </c>
      <c r="BX3451" s="53">
        <v>4051.8260869565001</v>
      </c>
      <c r="BY3451" s="53">
        <v>4051.8260869565001</v>
      </c>
      <c r="BZ3451" s="53">
        <v>4051.8260869565001</v>
      </c>
      <c r="CA3451" s="53">
        <v>48621.913043478096</v>
      </c>
      <c r="CB3451" s="53"/>
      <c r="CC3451" s="53"/>
      <c r="CD3451" s="53"/>
      <c r="CE3451" s="53"/>
      <c r="CF3451" s="53"/>
      <c r="CG3451" s="53"/>
      <c r="CH3451" s="53"/>
      <c r="CI3451" s="53"/>
      <c r="CJ3451" s="53"/>
      <c r="CK3451" s="53"/>
      <c r="CL3451" s="53"/>
      <c r="CM3451" s="53"/>
      <c r="CN3451" s="53"/>
    </row>
    <row r="3452" spans="1:92" outlineLevel="1">
      <c r="A3452" s="52" t="s">
        <v>718</v>
      </c>
      <c r="B3452" s="53">
        <v>3523.4088050314399</v>
      </c>
      <c r="C3452" s="53">
        <v>3523.4088050314399</v>
      </c>
      <c r="D3452" s="53">
        <v>3523.4088050314399</v>
      </c>
      <c r="E3452" s="53">
        <v>3523.4088050314399</v>
      </c>
      <c r="F3452" s="53">
        <v>3523.4088050314399</v>
      </c>
      <c r="G3452" s="53">
        <v>3523.4088050314399</v>
      </c>
      <c r="H3452" s="53">
        <v>3523.4088050314399</v>
      </c>
      <c r="I3452" s="53">
        <v>3523.4088050314399</v>
      </c>
      <c r="J3452" s="53">
        <v>3523.4088050314399</v>
      </c>
      <c r="K3452" s="53">
        <v>3523.4088050314399</v>
      </c>
      <c r="L3452" s="53">
        <v>3523.4088050314399</v>
      </c>
      <c r="M3452" s="53">
        <v>3523.4088050314399</v>
      </c>
      <c r="N3452" s="53">
        <v>42280.905660377299</v>
      </c>
      <c r="O3452" s="53">
        <v>3523.4088050314399</v>
      </c>
      <c r="P3452" s="53">
        <v>3523.4088050314399</v>
      </c>
      <c r="Q3452" s="53">
        <v>3523.4088050314399</v>
      </c>
      <c r="R3452" s="53">
        <v>3523.4088050314399</v>
      </c>
      <c r="S3452" s="53">
        <v>3523.4088050314399</v>
      </c>
      <c r="T3452" s="53">
        <v>3523.4088050314399</v>
      </c>
      <c r="U3452" s="53">
        <v>3523.4088050314499</v>
      </c>
      <c r="V3452" s="53">
        <v>3523.4088050314399</v>
      </c>
      <c r="W3452" s="53">
        <v>3523.4088050314499</v>
      </c>
      <c r="X3452" s="53">
        <v>3523.4088050314499</v>
      </c>
      <c r="Y3452" s="53">
        <v>3523.4088050314499</v>
      </c>
      <c r="Z3452" s="53">
        <v>3523.4088050314499</v>
      </c>
      <c r="AA3452" s="53">
        <v>42280.905660377401</v>
      </c>
      <c r="AB3452" s="53">
        <v>3523.4088050314499</v>
      </c>
      <c r="AC3452" s="53">
        <v>3523.4088050314499</v>
      </c>
      <c r="AD3452" s="53">
        <v>3523.4088050314499</v>
      </c>
      <c r="AE3452" s="53">
        <v>3523.4088050314499</v>
      </c>
      <c r="AF3452" s="53">
        <v>3523.4088050314499</v>
      </c>
      <c r="AG3452" s="53">
        <v>3523.4088050314499</v>
      </c>
      <c r="AH3452" s="53">
        <v>3523.4088050314499</v>
      </c>
      <c r="AI3452" s="53">
        <v>3523.4088050314499</v>
      </c>
      <c r="AJ3452" s="53">
        <v>3523.4088050314499</v>
      </c>
      <c r="AK3452" s="53">
        <v>3523.4088050314499</v>
      </c>
      <c r="AL3452" s="53">
        <v>3523.4088050314499</v>
      </c>
      <c r="AM3452" s="53">
        <v>3523.4088050314499</v>
      </c>
      <c r="AN3452" s="53">
        <v>42280.905660377401</v>
      </c>
      <c r="AO3452" s="53">
        <v>3523.4088050314499</v>
      </c>
      <c r="AP3452" s="53">
        <v>3523.4088050314499</v>
      </c>
      <c r="AQ3452" s="53">
        <v>3523.4088050314499</v>
      </c>
      <c r="AR3452" s="53">
        <v>3523.4088050314499</v>
      </c>
      <c r="AS3452" s="53">
        <v>3523.4088050314499</v>
      </c>
      <c r="AT3452" s="53">
        <v>3523.4088050314499</v>
      </c>
      <c r="AU3452" s="53">
        <v>3523.4088050314499</v>
      </c>
      <c r="AV3452" s="53">
        <v>3523.4088050314499</v>
      </c>
      <c r="AW3452" s="53">
        <v>3523.4088050314499</v>
      </c>
      <c r="AX3452" s="53">
        <v>3523.4088050314499</v>
      </c>
      <c r="AY3452" s="53">
        <v>3523.4088050314499</v>
      </c>
      <c r="AZ3452" s="53">
        <v>3523.4088050314499</v>
      </c>
      <c r="BA3452" s="53">
        <v>42280.905660377401</v>
      </c>
      <c r="BB3452" s="53">
        <v>3523.4088050314499</v>
      </c>
      <c r="BC3452" s="53">
        <v>3523.4088050314499</v>
      </c>
      <c r="BD3452" s="53">
        <v>3523.4088050314499</v>
      </c>
      <c r="BE3452" s="53">
        <v>3523.4088050314499</v>
      </c>
      <c r="BF3452" s="53">
        <v>3523.4088050314499</v>
      </c>
      <c r="BG3452" s="53">
        <v>3523.4088050314499</v>
      </c>
      <c r="BH3452" s="53">
        <v>3523.4088050314499</v>
      </c>
      <c r="BI3452" s="53">
        <v>3523.4088050314499</v>
      </c>
      <c r="BJ3452" s="53">
        <v>3523.4088050314499</v>
      </c>
      <c r="BK3452" s="53">
        <v>3523.4088050314499</v>
      </c>
      <c r="BL3452" s="53">
        <v>3523.4088050314499</v>
      </c>
      <c r="BM3452" s="53">
        <v>3523.4088050314499</v>
      </c>
      <c r="BN3452" s="53">
        <v>42280.905660377401</v>
      </c>
      <c r="BO3452" s="53">
        <v>3523.4088050314499</v>
      </c>
      <c r="BP3452" s="53">
        <v>3523.4088050314499</v>
      </c>
      <c r="BQ3452" s="53">
        <v>3523.4088050314599</v>
      </c>
      <c r="BR3452" s="53">
        <v>3523.4088050314599</v>
      </c>
      <c r="BS3452" s="53">
        <v>3523.4088050314599</v>
      </c>
      <c r="BT3452" s="53">
        <v>3523.4088050314599</v>
      </c>
      <c r="BU3452" s="53">
        <v>3523.4088050314599</v>
      </c>
      <c r="BV3452" s="53">
        <v>3523.4088050314599</v>
      </c>
      <c r="BW3452" s="53">
        <v>3523.4088050314599</v>
      </c>
      <c r="BX3452" s="53">
        <v>3523.4088050314599</v>
      </c>
      <c r="BY3452" s="53">
        <v>3523.4088050314599</v>
      </c>
      <c r="BZ3452" s="53">
        <v>3523.4088050314599</v>
      </c>
      <c r="CA3452" s="53">
        <v>42280.905660377502</v>
      </c>
      <c r="CB3452" s="53"/>
      <c r="CC3452" s="53"/>
      <c r="CD3452" s="53"/>
      <c r="CE3452" s="53"/>
      <c r="CF3452" s="53"/>
      <c r="CG3452" s="53"/>
      <c r="CH3452" s="53"/>
      <c r="CI3452" s="53"/>
      <c r="CJ3452" s="53"/>
      <c r="CK3452" s="53"/>
      <c r="CL3452" s="53"/>
      <c r="CM3452" s="53"/>
      <c r="CN3452" s="53"/>
    </row>
    <row r="3453" spans="1:92" outlineLevel="1">
      <c r="A3453" s="52" t="s">
        <v>721</v>
      </c>
      <c r="B3453" s="53">
        <v>9347.6245614034997</v>
      </c>
      <c r="C3453" s="53">
        <v>9347.6245614034997</v>
      </c>
      <c r="D3453" s="53">
        <v>9347.6245614035106</v>
      </c>
      <c r="E3453" s="53">
        <v>9347.6245614035106</v>
      </c>
      <c r="F3453" s="53">
        <v>9347.6245614035106</v>
      </c>
      <c r="G3453" s="53">
        <v>9347.6245614035106</v>
      </c>
      <c r="H3453" s="53">
        <v>9347.6245614035106</v>
      </c>
      <c r="I3453" s="53">
        <v>9347.6245614035106</v>
      </c>
      <c r="J3453" s="53">
        <v>9347.6245614035106</v>
      </c>
      <c r="K3453" s="53">
        <v>9347.6245614035106</v>
      </c>
      <c r="L3453" s="53">
        <v>9347.6245614035106</v>
      </c>
      <c r="M3453" s="53">
        <v>9347.6245614035106</v>
      </c>
      <c r="N3453" s="53">
        <v>112171.494736842</v>
      </c>
      <c r="O3453" s="53">
        <v>9347.6245614035106</v>
      </c>
      <c r="P3453" s="53">
        <v>9347.6245614035106</v>
      </c>
      <c r="Q3453" s="53">
        <v>9347.6245614035106</v>
      </c>
      <c r="R3453" s="53">
        <v>9347.6245614035197</v>
      </c>
      <c r="S3453" s="53">
        <v>9347.6245614035197</v>
      </c>
      <c r="T3453" s="53">
        <v>9347.6245614035197</v>
      </c>
      <c r="U3453" s="53">
        <v>9347.6245614035197</v>
      </c>
      <c r="V3453" s="53">
        <v>9347.6245614035197</v>
      </c>
      <c r="W3453" s="53">
        <v>9347.6245614035197</v>
      </c>
      <c r="X3453" s="53">
        <v>9347.6245614035197</v>
      </c>
      <c r="Y3453" s="53">
        <v>9347.6245614035197</v>
      </c>
      <c r="Z3453" s="53">
        <v>9347.6245614035197</v>
      </c>
      <c r="AA3453" s="53">
        <v>112171.494736842</v>
      </c>
      <c r="AB3453" s="53">
        <v>9347.6245614035197</v>
      </c>
      <c r="AC3453" s="53">
        <v>9347.6245614035197</v>
      </c>
      <c r="AD3453" s="53">
        <v>9347.6245614035197</v>
      </c>
      <c r="AE3453" s="53">
        <v>9347.6245614035197</v>
      </c>
      <c r="AF3453" s="53">
        <v>9347.6245614035197</v>
      </c>
      <c r="AG3453" s="53">
        <v>9347.6245614035197</v>
      </c>
      <c r="AH3453" s="53">
        <v>9347.6245614035197</v>
      </c>
      <c r="AI3453" s="53">
        <v>9347.6245614035197</v>
      </c>
      <c r="AJ3453" s="53">
        <v>9347.6245614035197</v>
      </c>
      <c r="AK3453" s="53">
        <v>9347.6245614035197</v>
      </c>
      <c r="AL3453" s="53">
        <v>9347.6245614035306</v>
      </c>
      <c r="AM3453" s="53">
        <v>9347.6245614035306</v>
      </c>
      <c r="AN3453" s="53">
        <v>112171.494736842</v>
      </c>
      <c r="AO3453" s="53">
        <v>9347.6245614035306</v>
      </c>
      <c r="AP3453" s="53">
        <v>9347.6245614035306</v>
      </c>
      <c r="AQ3453" s="53">
        <v>9347.6245614035306</v>
      </c>
      <c r="AR3453" s="53">
        <v>9347.6245614035306</v>
      </c>
      <c r="AS3453" s="53">
        <v>9347.6245614035306</v>
      </c>
      <c r="AT3453" s="53">
        <v>9347.6245614035306</v>
      </c>
      <c r="AU3453" s="53">
        <v>9347.6245614035306</v>
      </c>
      <c r="AV3453" s="53">
        <v>9347.6245614035306</v>
      </c>
      <c r="AW3453" s="53">
        <v>9347.6245614035397</v>
      </c>
      <c r="AX3453" s="53">
        <v>9347.6245614035397</v>
      </c>
      <c r="AY3453" s="53">
        <v>9347.6245614035397</v>
      </c>
      <c r="AZ3453" s="53">
        <v>9347.6245614035397</v>
      </c>
      <c r="BA3453" s="53">
        <v>112171.494736842</v>
      </c>
      <c r="BB3453" s="53">
        <v>9347.6245614035397</v>
      </c>
      <c r="BC3453" s="53">
        <v>9347.6245614035397</v>
      </c>
      <c r="BD3453" s="53">
        <v>9347.6245614035397</v>
      </c>
      <c r="BE3453" s="53">
        <v>9347.6245614035397</v>
      </c>
      <c r="BF3453" s="53">
        <v>9347.6245614035397</v>
      </c>
      <c r="BG3453" s="53">
        <v>9347.6245614035397</v>
      </c>
      <c r="BH3453" s="53">
        <v>9347.6245614035397</v>
      </c>
      <c r="BI3453" s="53">
        <v>9347.6245614035397</v>
      </c>
      <c r="BJ3453" s="53">
        <v>9347.6245614035397</v>
      </c>
      <c r="BK3453" s="53">
        <v>9347.6245614035506</v>
      </c>
      <c r="BL3453" s="53">
        <v>9347.6245614035506</v>
      </c>
      <c r="BM3453" s="53">
        <v>9347.6245614035506</v>
      </c>
      <c r="BN3453" s="53">
        <v>112171.494736842</v>
      </c>
      <c r="BO3453" s="53">
        <v>9347.6245614035506</v>
      </c>
      <c r="BP3453" s="53">
        <v>9347.6245614035506</v>
      </c>
      <c r="BQ3453" s="53">
        <v>9347.6245614035506</v>
      </c>
      <c r="BR3453" s="53">
        <v>9347.6245614035506</v>
      </c>
      <c r="BS3453" s="53">
        <v>9347.6245614035597</v>
      </c>
      <c r="BT3453" s="53">
        <v>9347.6245614035506</v>
      </c>
      <c r="BU3453" s="53">
        <v>9347.6245614035506</v>
      </c>
      <c r="BV3453" s="53">
        <v>9347.6245614035597</v>
      </c>
      <c r="BW3453" s="53">
        <v>9347.6245614035597</v>
      </c>
      <c r="BX3453" s="53">
        <v>9347.6245614035506</v>
      </c>
      <c r="BY3453" s="53">
        <v>9347.6245614035597</v>
      </c>
      <c r="BZ3453" s="53">
        <v>9347.6245614035506</v>
      </c>
      <c r="CA3453" s="53">
        <v>112171.494736842</v>
      </c>
      <c r="CB3453" s="53"/>
      <c r="CC3453" s="53"/>
      <c r="CD3453" s="53"/>
      <c r="CE3453" s="53"/>
      <c r="CF3453" s="53"/>
      <c r="CG3453" s="53"/>
      <c r="CH3453" s="53"/>
      <c r="CI3453" s="53"/>
      <c r="CJ3453" s="53"/>
      <c r="CK3453" s="53"/>
      <c r="CL3453" s="53"/>
      <c r="CM3453" s="53"/>
      <c r="CN3453" s="53"/>
    </row>
    <row r="3454" spans="1:92" outlineLevel="1">
      <c r="A3454" s="52" t="s">
        <v>723</v>
      </c>
      <c r="B3454" s="53">
        <v>3240.3917525773099</v>
      </c>
      <c r="C3454" s="53">
        <v>3240.3917525773099</v>
      </c>
      <c r="D3454" s="53">
        <v>3240.3917525773099</v>
      </c>
      <c r="E3454" s="53">
        <v>3240.3917525773099</v>
      </c>
      <c r="F3454" s="53">
        <v>3240.3917525773099</v>
      </c>
      <c r="G3454" s="53">
        <v>3240.3917525773099</v>
      </c>
      <c r="H3454" s="53">
        <v>3240.3917525773099</v>
      </c>
      <c r="I3454" s="53">
        <v>3240.3917525773099</v>
      </c>
      <c r="J3454" s="53">
        <v>3240.3917525773099</v>
      </c>
      <c r="K3454" s="53">
        <v>3240.3917525773099</v>
      </c>
      <c r="L3454" s="53">
        <v>3240.3917525773099</v>
      </c>
      <c r="M3454" s="53">
        <v>3240.3917525773099</v>
      </c>
      <c r="N3454" s="53">
        <v>38884.701030927798</v>
      </c>
      <c r="O3454" s="53">
        <v>3240.3917525773099</v>
      </c>
      <c r="P3454" s="53">
        <v>3240.3917525773099</v>
      </c>
      <c r="Q3454" s="53">
        <v>3240.3917525773099</v>
      </c>
      <c r="R3454" s="53">
        <v>3240.3917525773099</v>
      </c>
      <c r="S3454" s="53">
        <v>3240.3917525773099</v>
      </c>
      <c r="T3454" s="53">
        <v>3240.3917525773099</v>
      </c>
      <c r="U3454" s="53">
        <v>3240.3917525773099</v>
      </c>
      <c r="V3454" s="53">
        <v>3240.3917525773099</v>
      </c>
      <c r="W3454" s="53">
        <v>3240.3917525773099</v>
      </c>
      <c r="X3454" s="53">
        <v>3240.3917525773099</v>
      </c>
      <c r="Y3454" s="53">
        <v>3240.3917525773099</v>
      </c>
      <c r="Z3454" s="53">
        <v>3240.3917525773099</v>
      </c>
      <c r="AA3454" s="53">
        <v>38884.701030927798</v>
      </c>
      <c r="AB3454" s="53">
        <v>3240.3917525773099</v>
      </c>
      <c r="AC3454" s="53">
        <v>3240.3917525773099</v>
      </c>
      <c r="AD3454" s="53">
        <v>3240.3917525773099</v>
      </c>
      <c r="AE3454" s="53">
        <v>3240.3917525773099</v>
      </c>
      <c r="AF3454" s="53">
        <v>3240.3917525773099</v>
      </c>
      <c r="AG3454" s="53">
        <v>3240.3917525773099</v>
      </c>
      <c r="AH3454" s="53">
        <v>3240.3917525773099</v>
      </c>
      <c r="AI3454" s="53">
        <v>3240.3917525773099</v>
      </c>
      <c r="AJ3454" s="53">
        <v>3240.3917525773099</v>
      </c>
      <c r="AK3454" s="53">
        <v>3240.3917525773099</v>
      </c>
      <c r="AL3454" s="53">
        <v>3240.3917525773099</v>
      </c>
      <c r="AM3454" s="53">
        <v>3240.3917525773099</v>
      </c>
      <c r="AN3454" s="53">
        <v>38884.701030927703</v>
      </c>
      <c r="AO3454" s="53">
        <v>3240.3917525773099</v>
      </c>
      <c r="AP3454" s="53">
        <v>3240.3917525773099</v>
      </c>
      <c r="AQ3454" s="53">
        <v>3240.3917525773099</v>
      </c>
      <c r="AR3454" s="53">
        <v>3240.3917525773099</v>
      </c>
      <c r="AS3454" s="53">
        <v>3240.3917525773099</v>
      </c>
      <c r="AT3454" s="53">
        <v>3240.3917525773099</v>
      </c>
      <c r="AU3454" s="53">
        <v>3240.3917525773099</v>
      </c>
      <c r="AV3454" s="53">
        <v>3240.3917525773099</v>
      </c>
      <c r="AW3454" s="53">
        <v>3240.3917525773099</v>
      </c>
      <c r="AX3454" s="53">
        <v>3240.3917525773099</v>
      </c>
      <c r="AY3454" s="53">
        <v>3240.3917525773099</v>
      </c>
      <c r="AZ3454" s="53">
        <v>3240.3917525773099</v>
      </c>
      <c r="BA3454" s="53">
        <v>38884.701030927703</v>
      </c>
      <c r="BB3454" s="53">
        <v>1620.19587628865</v>
      </c>
      <c r="BC3454" s="53"/>
      <c r="BD3454" s="53"/>
      <c r="BE3454" s="53"/>
      <c r="BF3454" s="53"/>
      <c r="BG3454" s="53"/>
      <c r="BH3454" s="53"/>
      <c r="BI3454" s="53"/>
      <c r="BJ3454" s="53"/>
      <c r="BK3454" s="53"/>
      <c r="BL3454" s="53"/>
      <c r="BM3454" s="53"/>
      <c r="BN3454" s="53">
        <v>1620.19587628865</v>
      </c>
      <c r="BO3454" s="53"/>
      <c r="BP3454" s="53"/>
      <c r="BQ3454" s="53"/>
      <c r="BR3454" s="53"/>
      <c r="BS3454" s="53"/>
      <c r="BT3454" s="53"/>
      <c r="BU3454" s="53"/>
      <c r="BV3454" s="53"/>
      <c r="BW3454" s="53"/>
      <c r="BX3454" s="53"/>
      <c r="BY3454" s="53"/>
      <c r="BZ3454" s="53"/>
      <c r="CA3454" s="53"/>
      <c r="CB3454" s="53"/>
      <c r="CC3454" s="53"/>
      <c r="CD3454" s="53"/>
      <c r="CE3454" s="53"/>
      <c r="CF3454" s="53"/>
      <c r="CG3454" s="53"/>
      <c r="CH3454" s="53"/>
      <c r="CI3454" s="53"/>
      <c r="CJ3454" s="53"/>
      <c r="CK3454" s="53"/>
      <c r="CL3454" s="53"/>
      <c r="CM3454" s="53"/>
      <c r="CN3454" s="53"/>
    </row>
    <row r="3455" spans="1:92" outlineLevel="1">
      <c r="A3455" s="52" t="s">
        <v>724</v>
      </c>
      <c r="B3455" s="53">
        <v>1540.86460032626</v>
      </c>
      <c r="C3455" s="53">
        <v>1540.86460032626</v>
      </c>
      <c r="D3455" s="53">
        <v>1540.86460032626</v>
      </c>
      <c r="E3455" s="53">
        <v>1540.86460032626</v>
      </c>
      <c r="F3455" s="53">
        <v>1540.86460032626</v>
      </c>
      <c r="G3455" s="53">
        <v>1540.86460032626</v>
      </c>
      <c r="H3455" s="53">
        <v>1540.86460032626</v>
      </c>
      <c r="I3455" s="53">
        <v>1540.86460032626</v>
      </c>
      <c r="J3455" s="53">
        <v>1540.86460032626</v>
      </c>
      <c r="K3455" s="53">
        <v>1540.86460032626</v>
      </c>
      <c r="L3455" s="53">
        <v>1540.86460032626</v>
      </c>
      <c r="M3455" s="53">
        <v>1540.86460032626</v>
      </c>
      <c r="N3455" s="53">
        <v>18490.3752039151</v>
      </c>
      <c r="O3455" s="53">
        <v>1540.86460032626</v>
      </c>
      <c r="P3455" s="53">
        <v>1540.86460032626</v>
      </c>
      <c r="Q3455" s="53">
        <v>1540.86460032626</v>
      </c>
      <c r="R3455" s="53">
        <v>1540.86460032626</v>
      </c>
      <c r="S3455" s="53">
        <v>1540.86460032626</v>
      </c>
      <c r="T3455" s="53">
        <v>1540.86460032626</v>
      </c>
      <c r="U3455" s="53">
        <v>1540.86460032626</v>
      </c>
      <c r="V3455" s="53">
        <v>1540.86460032626</v>
      </c>
      <c r="W3455" s="53">
        <v>1540.86460032626</v>
      </c>
      <c r="X3455" s="53">
        <v>1540.86460032626</v>
      </c>
      <c r="Y3455" s="53">
        <v>1540.86460032626</v>
      </c>
      <c r="Z3455" s="53">
        <v>1540.86460032626</v>
      </c>
      <c r="AA3455" s="53">
        <v>18490.3752039151</v>
      </c>
      <c r="AB3455" s="53">
        <v>1540.86460032626</v>
      </c>
      <c r="AC3455" s="53">
        <v>1540.86460032626</v>
      </c>
      <c r="AD3455" s="53">
        <v>1540.86460032626</v>
      </c>
      <c r="AE3455" s="53">
        <v>1540.86460032626</v>
      </c>
      <c r="AF3455" s="53">
        <v>1540.86460032626</v>
      </c>
      <c r="AG3455" s="53">
        <v>1540.86460032626</v>
      </c>
      <c r="AH3455" s="53">
        <v>1540.86460032626</v>
      </c>
      <c r="AI3455" s="53">
        <v>1540.86460032626</v>
      </c>
      <c r="AJ3455" s="53">
        <v>1540.86460032626</v>
      </c>
      <c r="AK3455" s="53">
        <v>1540.86460032626</v>
      </c>
      <c r="AL3455" s="53">
        <v>1540.86460032626</v>
      </c>
      <c r="AM3455" s="53">
        <v>1540.86460032626</v>
      </c>
      <c r="AN3455" s="53">
        <v>18490.3752039151</v>
      </c>
      <c r="AO3455" s="53">
        <v>1540.86460032626</v>
      </c>
      <c r="AP3455" s="53">
        <v>1540.86460032626</v>
      </c>
      <c r="AQ3455" s="53">
        <v>1540.86460032626</v>
      </c>
      <c r="AR3455" s="53">
        <v>1540.86460032626</v>
      </c>
      <c r="AS3455" s="53">
        <v>1540.86460032626</v>
      </c>
      <c r="AT3455" s="53">
        <v>1540.86460032626</v>
      </c>
      <c r="AU3455" s="53">
        <v>1540.86460032626</v>
      </c>
      <c r="AV3455" s="53">
        <v>1540.86460032626</v>
      </c>
      <c r="AW3455" s="53">
        <v>1540.86460032626</v>
      </c>
      <c r="AX3455" s="53">
        <v>1540.86460032626</v>
      </c>
      <c r="AY3455" s="53">
        <v>1540.86460032626</v>
      </c>
      <c r="AZ3455" s="53">
        <v>1540.86460032626</v>
      </c>
      <c r="BA3455" s="53">
        <v>18490.375203915199</v>
      </c>
      <c r="BB3455" s="53">
        <v>1540.86460032626</v>
      </c>
      <c r="BC3455" s="53">
        <v>1540.86460032626</v>
      </c>
      <c r="BD3455" s="53">
        <v>1540.86460032626</v>
      </c>
      <c r="BE3455" s="53">
        <v>1540.86460032626</v>
      </c>
      <c r="BF3455" s="53">
        <v>1540.86460032626</v>
      </c>
      <c r="BG3455" s="53">
        <v>1540.86460032626</v>
      </c>
      <c r="BH3455" s="53">
        <v>1540.86460032626</v>
      </c>
      <c r="BI3455" s="53">
        <v>1540.86460032626</v>
      </c>
      <c r="BJ3455" s="53">
        <v>1540.86460032626</v>
      </c>
      <c r="BK3455" s="53">
        <v>1540.86460032626</v>
      </c>
      <c r="BL3455" s="53">
        <v>1540.86460032626</v>
      </c>
      <c r="BM3455" s="53">
        <v>1540.86460032626</v>
      </c>
      <c r="BN3455" s="53">
        <v>18490.375203915199</v>
      </c>
      <c r="BO3455" s="53">
        <v>1540.86460032626</v>
      </c>
      <c r="BP3455" s="53">
        <v>1540.86460032626</v>
      </c>
      <c r="BQ3455" s="53">
        <v>1540.86460032626</v>
      </c>
      <c r="BR3455" s="53">
        <v>1540.86460032626</v>
      </c>
      <c r="BS3455" s="53">
        <v>1540.86460032626</v>
      </c>
      <c r="BT3455" s="53">
        <v>1540.86460032626</v>
      </c>
      <c r="BU3455" s="53">
        <v>1540.86460032626</v>
      </c>
      <c r="BV3455" s="53">
        <v>1540.86460032626</v>
      </c>
      <c r="BW3455" s="53">
        <v>1540.86460032626</v>
      </c>
      <c r="BX3455" s="53">
        <v>1540.86460032626</v>
      </c>
      <c r="BY3455" s="53">
        <v>1540.86460032627</v>
      </c>
      <c r="BZ3455" s="53">
        <v>1540.86460032627</v>
      </c>
      <c r="CA3455" s="53">
        <v>18490.375203915199</v>
      </c>
      <c r="CB3455" s="53">
        <v>9709113.56718079</v>
      </c>
      <c r="CC3455" s="53">
        <v>9731420.0067501795</v>
      </c>
      <c r="CD3455" s="53">
        <v>9760965.4821418393</v>
      </c>
      <c r="CE3455" s="53">
        <v>9804176.3154558502</v>
      </c>
      <c r="CF3455" s="53">
        <v>9827988.3710235301</v>
      </c>
      <c r="CG3455" s="53">
        <v>9851601.0700849108</v>
      </c>
      <c r="CH3455" s="53">
        <v>9911184.9461589996</v>
      </c>
      <c r="CI3455" s="53">
        <v>9936006.6665291209</v>
      </c>
      <c r="CJ3455" s="53">
        <v>9959669.0501857102</v>
      </c>
      <c r="CK3455" s="53">
        <v>10002361.7704484</v>
      </c>
      <c r="CL3455" s="53">
        <v>10025981.191054501</v>
      </c>
      <c r="CM3455" s="53">
        <v>10055249.996088799</v>
      </c>
      <c r="CN3455" s="53">
        <v>118575718.433102</v>
      </c>
    </row>
    <row r="3456" spans="1:92" outlineLevel="1">
      <c r="A3456" s="52" t="s">
        <v>725</v>
      </c>
      <c r="B3456" s="53">
        <v>9185.2932330827007</v>
      </c>
      <c r="C3456" s="53">
        <v>9185.2932330827007</v>
      </c>
      <c r="D3456" s="53">
        <v>9185.2932330827007</v>
      </c>
      <c r="E3456" s="53">
        <v>9185.2932330827007</v>
      </c>
      <c r="F3456" s="53">
        <v>9185.2932330827007</v>
      </c>
      <c r="G3456" s="53">
        <v>9185.2932330827007</v>
      </c>
      <c r="H3456" s="53">
        <v>9185.2932330827007</v>
      </c>
      <c r="I3456" s="53">
        <v>9185.2932330827007</v>
      </c>
      <c r="J3456" s="53">
        <v>9185.2932330827098</v>
      </c>
      <c r="K3456" s="53">
        <v>9185.2932330827098</v>
      </c>
      <c r="L3456" s="53">
        <v>9185.2932330827098</v>
      </c>
      <c r="M3456" s="53">
        <v>9185.2932330827098</v>
      </c>
      <c r="N3456" s="53">
        <v>110223.51879699199</v>
      </c>
      <c r="O3456" s="53">
        <v>9185.2932330827098</v>
      </c>
      <c r="P3456" s="53">
        <v>9185.2932330827098</v>
      </c>
      <c r="Q3456" s="53">
        <v>9185.2932330827098</v>
      </c>
      <c r="R3456" s="53">
        <v>9185.2932330827098</v>
      </c>
      <c r="S3456" s="53">
        <v>9185.2932330827098</v>
      </c>
      <c r="T3456" s="53">
        <v>9185.2932330827098</v>
      </c>
      <c r="U3456" s="53">
        <v>9185.2932330827098</v>
      </c>
      <c r="V3456" s="53">
        <v>9185.2932330827098</v>
      </c>
      <c r="W3456" s="53">
        <v>9185.2932330827098</v>
      </c>
      <c r="X3456" s="53">
        <v>9185.2932330827098</v>
      </c>
      <c r="Y3456" s="53">
        <v>9185.2932330827098</v>
      </c>
      <c r="Z3456" s="53">
        <v>9185.2932330827098</v>
      </c>
      <c r="AA3456" s="53">
        <v>110223.51879699199</v>
      </c>
      <c r="AB3456" s="53">
        <v>9185.2932330827098</v>
      </c>
      <c r="AC3456" s="53">
        <v>9185.2932330827098</v>
      </c>
      <c r="AD3456" s="53">
        <v>9185.2932330827098</v>
      </c>
      <c r="AE3456" s="53">
        <v>9185.2932330827098</v>
      </c>
      <c r="AF3456" s="53">
        <v>9185.2932330827098</v>
      </c>
      <c r="AG3456" s="53">
        <v>9185.2932330827098</v>
      </c>
      <c r="AH3456" s="53">
        <v>9185.2932330827098</v>
      </c>
      <c r="AI3456" s="53">
        <v>9185.2932330827098</v>
      </c>
      <c r="AJ3456" s="53">
        <v>9185.2932330827098</v>
      </c>
      <c r="AK3456" s="53">
        <v>9185.2932330827098</v>
      </c>
      <c r="AL3456" s="53">
        <v>9185.2932330827098</v>
      </c>
      <c r="AM3456" s="53">
        <v>9185.2932330827098</v>
      </c>
      <c r="AN3456" s="53">
        <v>110223.51879699199</v>
      </c>
      <c r="AO3456" s="53">
        <v>9185.2932330827098</v>
      </c>
      <c r="AP3456" s="53">
        <v>9185.2932330827098</v>
      </c>
      <c r="AQ3456" s="53">
        <v>9185.2932330827098</v>
      </c>
      <c r="AR3456" s="53">
        <v>9185.2932330827098</v>
      </c>
      <c r="AS3456" s="53">
        <v>9185.2932330827098</v>
      </c>
      <c r="AT3456" s="53">
        <v>9185.2932330827098</v>
      </c>
      <c r="AU3456" s="53">
        <v>9185.2932330827098</v>
      </c>
      <c r="AV3456" s="53">
        <v>9185.2932330827098</v>
      </c>
      <c r="AW3456" s="53">
        <v>9185.2932330827098</v>
      </c>
      <c r="AX3456" s="53">
        <v>9185.2932330827098</v>
      </c>
      <c r="AY3456" s="53">
        <v>9185.2932330827098</v>
      </c>
      <c r="AZ3456" s="53">
        <v>9185.2932330827098</v>
      </c>
      <c r="BA3456" s="53">
        <v>110223.51879699199</v>
      </c>
      <c r="BB3456" s="53">
        <v>9185.2932330827207</v>
      </c>
      <c r="BC3456" s="53">
        <v>9185.2932330827098</v>
      </c>
      <c r="BD3456" s="53">
        <v>9185.2932330827207</v>
      </c>
      <c r="BE3456" s="53">
        <v>9185.2932330827098</v>
      </c>
      <c r="BF3456" s="53">
        <v>9185.2932330827207</v>
      </c>
      <c r="BG3456" s="53">
        <v>9185.2932330827098</v>
      </c>
      <c r="BH3456" s="53">
        <v>9185.2932330827207</v>
      </c>
      <c r="BI3456" s="53">
        <v>9185.2932330827207</v>
      </c>
      <c r="BJ3456" s="53">
        <v>9185.2932330827207</v>
      </c>
      <c r="BK3456" s="53">
        <v>9185.2932330827207</v>
      </c>
      <c r="BL3456" s="53">
        <v>9185.2932330827207</v>
      </c>
      <c r="BM3456" s="53">
        <v>9185.2932330827207</v>
      </c>
      <c r="BN3456" s="53">
        <v>110223.51879699199</v>
      </c>
      <c r="BO3456" s="53">
        <v>9185.2932330827207</v>
      </c>
      <c r="BP3456" s="53">
        <v>9185.2932330827207</v>
      </c>
      <c r="BQ3456" s="53">
        <v>9185.2932330827207</v>
      </c>
      <c r="BR3456" s="53">
        <v>9185.2932330827207</v>
      </c>
      <c r="BS3456" s="53">
        <v>9185.2932330827207</v>
      </c>
      <c r="BT3456" s="53">
        <v>9185.2932330827207</v>
      </c>
      <c r="BU3456" s="53">
        <v>4592.6466165413603</v>
      </c>
      <c r="BV3456" s="53"/>
      <c r="BW3456" s="53"/>
      <c r="BX3456" s="53"/>
      <c r="BY3456" s="53"/>
      <c r="BZ3456" s="53"/>
      <c r="CA3456" s="53">
        <v>59704.406015037603</v>
      </c>
      <c r="CB3456" s="53"/>
      <c r="CC3456" s="53"/>
      <c r="CD3456" s="53"/>
      <c r="CE3456" s="53"/>
      <c r="CF3456" s="53"/>
      <c r="CG3456" s="53"/>
      <c r="CH3456" s="53"/>
      <c r="CI3456" s="53"/>
      <c r="CJ3456" s="53"/>
      <c r="CK3456" s="53"/>
      <c r="CL3456" s="53"/>
      <c r="CM3456" s="53"/>
      <c r="CN3456" s="53"/>
    </row>
    <row r="3457" spans="1:92" outlineLevel="1">
      <c r="A3457" s="52" t="s">
        <v>726</v>
      </c>
      <c r="B3457" s="53">
        <v>3087.3734939759001</v>
      </c>
      <c r="C3457" s="53">
        <v>3087.3734939759001</v>
      </c>
      <c r="D3457" s="53">
        <v>3087.3734939759001</v>
      </c>
      <c r="E3457" s="53">
        <v>3087.3734939759001</v>
      </c>
      <c r="F3457" s="53">
        <v>3087.3734939759001</v>
      </c>
      <c r="G3457" s="53">
        <v>3087.3734939759001</v>
      </c>
      <c r="H3457" s="53">
        <v>3087.3734939759001</v>
      </c>
      <c r="I3457" s="53">
        <v>3087.3734939759001</v>
      </c>
      <c r="J3457" s="53">
        <v>3087.3734939759001</v>
      </c>
      <c r="K3457" s="53">
        <v>3087.3734939759001</v>
      </c>
      <c r="L3457" s="53">
        <v>3087.3734939759001</v>
      </c>
      <c r="M3457" s="53">
        <v>3087.3734939759001</v>
      </c>
      <c r="N3457" s="53">
        <v>37048.481927710804</v>
      </c>
      <c r="O3457" s="53">
        <v>3087.3734939759001</v>
      </c>
      <c r="P3457" s="53">
        <v>3087.3734939759001</v>
      </c>
      <c r="Q3457" s="53">
        <v>3087.3734939759001</v>
      </c>
      <c r="R3457" s="53">
        <v>3087.3734939759001</v>
      </c>
      <c r="S3457" s="53">
        <v>3087.3734939759001</v>
      </c>
      <c r="T3457" s="53">
        <v>3087.3734939759001</v>
      </c>
      <c r="U3457" s="53">
        <v>3087.3734939759001</v>
      </c>
      <c r="V3457" s="53">
        <v>3087.3734939759001</v>
      </c>
      <c r="W3457" s="53">
        <v>3087.3734939759001</v>
      </c>
      <c r="X3457" s="53">
        <v>3087.3734939759001</v>
      </c>
      <c r="Y3457" s="53">
        <v>3087.3734939759001</v>
      </c>
      <c r="Z3457" s="53">
        <v>3087.3734939759001</v>
      </c>
      <c r="AA3457" s="53">
        <v>37048.481927710804</v>
      </c>
      <c r="AB3457" s="53">
        <v>3087.3734939759001</v>
      </c>
      <c r="AC3457" s="53">
        <v>3087.3734939759001</v>
      </c>
      <c r="AD3457" s="53">
        <v>3087.3734939759001</v>
      </c>
      <c r="AE3457" s="53">
        <v>3087.3734939759001</v>
      </c>
      <c r="AF3457" s="53">
        <v>3087.3734939759001</v>
      </c>
      <c r="AG3457" s="53">
        <v>3087.3734939759001</v>
      </c>
      <c r="AH3457" s="53">
        <v>3087.3734939759001</v>
      </c>
      <c r="AI3457" s="53">
        <v>3087.3734939759001</v>
      </c>
      <c r="AJ3457" s="53">
        <v>3087.3734939759001</v>
      </c>
      <c r="AK3457" s="53">
        <v>3087.3734939759001</v>
      </c>
      <c r="AL3457" s="53">
        <v>3087.3734939759001</v>
      </c>
      <c r="AM3457" s="53">
        <v>3087.3734939759001</v>
      </c>
      <c r="AN3457" s="53">
        <v>37048.481927710804</v>
      </c>
      <c r="AO3457" s="53">
        <v>3087.3734939759001</v>
      </c>
      <c r="AP3457" s="53">
        <v>3087.3734939759001</v>
      </c>
      <c r="AQ3457" s="53">
        <v>3087.3734939759001</v>
      </c>
      <c r="AR3457" s="53">
        <v>3087.3734939759001</v>
      </c>
      <c r="AS3457" s="53">
        <v>3087.3734939759001</v>
      </c>
      <c r="AT3457" s="53">
        <v>3087.3734939759001</v>
      </c>
      <c r="AU3457" s="53">
        <v>3087.3734939759001</v>
      </c>
      <c r="AV3457" s="53">
        <v>3087.3734939759001</v>
      </c>
      <c r="AW3457" s="53">
        <v>3087.3734939759001</v>
      </c>
      <c r="AX3457" s="53">
        <v>3087.3734939759001</v>
      </c>
      <c r="AY3457" s="53">
        <v>3087.3734939759001</v>
      </c>
      <c r="AZ3457" s="53">
        <v>3087.3734939759001</v>
      </c>
      <c r="BA3457" s="53">
        <v>37048.481927710804</v>
      </c>
      <c r="BB3457" s="53">
        <v>3087.3734939759001</v>
      </c>
      <c r="BC3457" s="53">
        <v>3087.3734939759001</v>
      </c>
      <c r="BD3457" s="53">
        <v>3087.3734939759001</v>
      </c>
      <c r="BE3457" s="53">
        <v>3087.3734939759001</v>
      </c>
      <c r="BF3457" s="53">
        <v>3087.3734939759001</v>
      </c>
      <c r="BG3457" s="53">
        <v>3087.3734939759001</v>
      </c>
      <c r="BH3457" s="53">
        <v>3087.3734939759001</v>
      </c>
      <c r="BI3457" s="53">
        <v>3087.3734939759001</v>
      </c>
      <c r="BJ3457" s="53">
        <v>3087.3734939759001</v>
      </c>
      <c r="BK3457" s="53">
        <v>3087.3734939759001</v>
      </c>
      <c r="BL3457" s="53">
        <v>3087.3734939759001</v>
      </c>
      <c r="BM3457" s="53">
        <v>3087.3734939759001</v>
      </c>
      <c r="BN3457" s="53">
        <v>37048.481927710804</v>
      </c>
      <c r="BO3457" s="53">
        <v>3087.3734939759001</v>
      </c>
      <c r="BP3457" s="53">
        <v>3087.3734939759001</v>
      </c>
      <c r="BQ3457" s="53">
        <v>3087.3734939759001</v>
      </c>
      <c r="BR3457" s="53">
        <v>3087.3734939759001</v>
      </c>
      <c r="BS3457" s="53">
        <v>3087.3734939759001</v>
      </c>
      <c r="BT3457" s="53">
        <v>3087.3734939759001</v>
      </c>
      <c r="BU3457" s="53">
        <v>3087.3734939759001</v>
      </c>
      <c r="BV3457" s="53">
        <v>3087.3734939759001</v>
      </c>
      <c r="BW3457" s="53">
        <v>3087.3734939759001</v>
      </c>
      <c r="BX3457" s="53">
        <v>3087.3734939759001</v>
      </c>
      <c r="BY3457" s="53">
        <v>3087.3734939759001</v>
      </c>
      <c r="BZ3457" s="53">
        <v>3087.3734939759001</v>
      </c>
      <c r="CA3457" s="53">
        <v>37048.481927710804</v>
      </c>
      <c r="CB3457" s="53"/>
      <c r="CC3457" s="53"/>
      <c r="CD3457" s="53"/>
      <c r="CE3457" s="53"/>
      <c r="CF3457" s="53"/>
      <c r="CG3457" s="53"/>
      <c r="CH3457" s="53"/>
      <c r="CI3457" s="53"/>
      <c r="CJ3457" s="53"/>
      <c r="CK3457" s="53"/>
      <c r="CL3457" s="53"/>
      <c r="CM3457" s="53"/>
      <c r="CN3457" s="53"/>
    </row>
    <row r="3458" spans="1:92" outlineLevel="1">
      <c r="A3458" s="52" t="s">
        <v>728</v>
      </c>
      <c r="B3458" s="53">
        <v>5700.3240223463599</v>
      </c>
      <c r="C3458" s="53">
        <v>5700.3240223463599</v>
      </c>
      <c r="D3458" s="53">
        <v>5700.3240223463599</v>
      </c>
      <c r="E3458" s="53">
        <v>5700.3240223463599</v>
      </c>
      <c r="F3458" s="53">
        <v>5700.3240223463599</v>
      </c>
      <c r="G3458" s="53">
        <v>5700.3240223463599</v>
      </c>
      <c r="H3458" s="53">
        <v>5700.3240223463599</v>
      </c>
      <c r="I3458" s="53">
        <v>5700.3240223463599</v>
      </c>
      <c r="J3458" s="53">
        <v>5700.3240223463599</v>
      </c>
      <c r="K3458" s="53">
        <v>5700.3240223463599</v>
      </c>
      <c r="L3458" s="53">
        <v>5700.3240223463599</v>
      </c>
      <c r="M3458" s="53">
        <v>5700.3240223463599</v>
      </c>
      <c r="N3458" s="53">
        <v>68403.888268156399</v>
      </c>
      <c r="O3458" s="53">
        <v>5700.3240223463599</v>
      </c>
      <c r="P3458" s="53">
        <v>5700.3240223463599</v>
      </c>
      <c r="Q3458" s="53">
        <v>5700.3240223463599</v>
      </c>
      <c r="R3458" s="53">
        <v>5700.3240223463599</v>
      </c>
      <c r="S3458" s="53">
        <v>5700.3240223463599</v>
      </c>
      <c r="T3458" s="53">
        <v>5700.3240223463599</v>
      </c>
      <c r="U3458" s="53">
        <v>5700.3240223463599</v>
      </c>
      <c r="V3458" s="53">
        <v>5700.3240223463599</v>
      </c>
      <c r="W3458" s="53">
        <v>5700.3240223463599</v>
      </c>
      <c r="X3458" s="53">
        <v>5700.3240223463599</v>
      </c>
      <c r="Y3458" s="53">
        <v>5700.3240223463599</v>
      </c>
      <c r="Z3458" s="53">
        <v>5700.3240223463599</v>
      </c>
      <c r="AA3458" s="53">
        <v>68403.888268156399</v>
      </c>
      <c r="AB3458" s="53">
        <v>5700.3240223463599</v>
      </c>
      <c r="AC3458" s="53">
        <v>5700.3240223463599</v>
      </c>
      <c r="AD3458" s="53">
        <v>5700.3240223463599</v>
      </c>
      <c r="AE3458" s="53">
        <v>5700.3240223463699</v>
      </c>
      <c r="AF3458" s="53">
        <v>5700.3240223463699</v>
      </c>
      <c r="AG3458" s="53">
        <v>5700.3240223463699</v>
      </c>
      <c r="AH3458" s="53">
        <v>5700.3240223463699</v>
      </c>
      <c r="AI3458" s="53">
        <v>5700.3240223463699</v>
      </c>
      <c r="AJ3458" s="53">
        <v>5700.3240223463699</v>
      </c>
      <c r="AK3458" s="53">
        <v>5700.3240223463699</v>
      </c>
      <c r="AL3458" s="53">
        <v>5700.3240223463699</v>
      </c>
      <c r="AM3458" s="53">
        <v>5700.3240223463699</v>
      </c>
      <c r="AN3458" s="53">
        <v>68403.888268156399</v>
      </c>
      <c r="AO3458" s="53">
        <v>5700.3240223463699</v>
      </c>
      <c r="AP3458" s="53">
        <v>5700.3240223463699</v>
      </c>
      <c r="AQ3458" s="53">
        <v>5700.3240223463699</v>
      </c>
      <c r="AR3458" s="53">
        <v>5700.3240223463699</v>
      </c>
      <c r="AS3458" s="53">
        <v>5700.3240223463699</v>
      </c>
      <c r="AT3458" s="53">
        <v>5700.3240223463699</v>
      </c>
      <c r="AU3458" s="53">
        <v>5700.3240223463699</v>
      </c>
      <c r="AV3458" s="53">
        <v>5700.3240223463699</v>
      </c>
      <c r="AW3458" s="53">
        <v>5700.3240223463699</v>
      </c>
      <c r="AX3458" s="53">
        <v>5700.3240223463699</v>
      </c>
      <c r="AY3458" s="53">
        <v>5700.3240223463699</v>
      </c>
      <c r="AZ3458" s="53">
        <v>5700.3240223463699</v>
      </c>
      <c r="BA3458" s="53">
        <v>68403.888268156399</v>
      </c>
      <c r="BB3458" s="53">
        <v>5700.3240223463699</v>
      </c>
      <c r="BC3458" s="53">
        <v>5700.3240223463699</v>
      </c>
      <c r="BD3458" s="53">
        <v>5700.3240223463699</v>
      </c>
      <c r="BE3458" s="53">
        <v>5700.3240223463699</v>
      </c>
      <c r="BF3458" s="53">
        <v>5700.3240223463699</v>
      </c>
      <c r="BG3458" s="53">
        <v>5700.3240223463699</v>
      </c>
      <c r="BH3458" s="53">
        <v>5700.3240223463699</v>
      </c>
      <c r="BI3458" s="53">
        <v>5700.3240223463699</v>
      </c>
      <c r="BJ3458" s="53">
        <v>5700.3240223463699</v>
      </c>
      <c r="BK3458" s="53">
        <v>5700.3240223463699</v>
      </c>
      <c r="BL3458" s="53">
        <v>5700.3240223463699</v>
      </c>
      <c r="BM3458" s="53">
        <v>5700.3240223463699</v>
      </c>
      <c r="BN3458" s="53">
        <v>68403.888268156399</v>
      </c>
      <c r="BO3458" s="53">
        <v>5700.3240223463699</v>
      </c>
      <c r="BP3458" s="53">
        <v>5700.3240223463699</v>
      </c>
      <c r="BQ3458" s="53">
        <v>5700.3240223463699</v>
      </c>
      <c r="BR3458" s="53">
        <v>5700.3240223463699</v>
      </c>
      <c r="BS3458" s="53">
        <v>5700.3240223463699</v>
      </c>
      <c r="BT3458" s="53">
        <v>5700.3240223463699</v>
      </c>
      <c r="BU3458" s="53">
        <v>5700.3240223463699</v>
      </c>
      <c r="BV3458" s="53">
        <v>5700.3240223463699</v>
      </c>
      <c r="BW3458" s="53">
        <v>5700.3240223463699</v>
      </c>
      <c r="BX3458" s="53">
        <v>5700.3240223463699</v>
      </c>
      <c r="BY3458" s="53">
        <v>5700.3240223463699</v>
      </c>
      <c r="BZ3458" s="53">
        <v>5700.3240223463699</v>
      </c>
      <c r="CA3458" s="53">
        <v>68403.888268156501</v>
      </c>
      <c r="CB3458" s="53">
        <v>18749654.625050101</v>
      </c>
      <c r="CC3458" s="53">
        <v>18749654.625050101</v>
      </c>
      <c r="CD3458" s="53">
        <v>18749654.625050101</v>
      </c>
      <c r="CE3458" s="53">
        <v>18749654.625050101</v>
      </c>
      <c r="CF3458" s="53">
        <v>18749654.625050101</v>
      </c>
      <c r="CG3458" s="53">
        <v>18749654.625050101</v>
      </c>
      <c r="CH3458" s="53">
        <v>18749654.625050101</v>
      </c>
      <c r="CI3458" s="53">
        <v>18749654.625050101</v>
      </c>
      <c r="CJ3458" s="53">
        <v>18749654.625050101</v>
      </c>
      <c r="CK3458" s="53">
        <v>18749654.625050101</v>
      </c>
      <c r="CL3458" s="53">
        <v>18749654.625050101</v>
      </c>
      <c r="CM3458" s="53">
        <v>18749654.625050101</v>
      </c>
      <c r="CN3458" s="53">
        <v>224995855.50060201</v>
      </c>
    </row>
    <row r="3459" spans="1:92" outlineLevel="1">
      <c r="A3459" s="52" t="s">
        <v>729</v>
      </c>
      <c r="B3459" s="53">
        <v>8149.6279069767397</v>
      </c>
      <c r="C3459" s="53">
        <v>8149.6279069767397</v>
      </c>
      <c r="D3459" s="53">
        <v>8149.6279069767397</v>
      </c>
      <c r="E3459" s="53">
        <v>8149.6279069767397</v>
      </c>
      <c r="F3459" s="53">
        <v>8149.6279069767397</v>
      </c>
      <c r="G3459" s="53">
        <v>8149.6279069767397</v>
      </c>
      <c r="H3459" s="53">
        <v>8149.6279069767397</v>
      </c>
      <c r="I3459" s="53">
        <v>8149.6279069767397</v>
      </c>
      <c r="J3459" s="53">
        <v>8149.6279069767397</v>
      </c>
      <c r="K3459" s="53">
        <v>8149.6279069767397</v>
      </c>
      <c r="L3459" s="53">
        <v>8149.6279069767397</v>
      </c>
      <c r="M3459" s="53">
        <v>8149.6279069767397</v>
      </c>
      <c r="N3459" s="53">
        <v>97795.534883720902</v>
      </c>
      <c r="O3459" s="53">
        <v>8149.6279069767397</v>
      </c>
      <c r="P3459" s="53">
        <v>8149.6279069767397</v>
      </c>
      <c r="Q3459" s="53">
        <v>8149.6279069767397</v>
      </c>
      <c r="R3459" s="53">
        <v>8149.6279069767397</v>
      </c>
      <c r="S3459" s="53">
        <v>8149.6279069767397</v>
      </c>
      <c r="T3459" s="53">
        <v>8149.6279069767297</v>
      </c>
      <c r="U3459" s="53">
        <v>8149.6279069767297</v>
      </c>
      <c r="V3459" s="53">
        <v>8149.6279069767297</v>
      </c>
      <c r="W3459" s="53">
        <v>8149.6279069767297</v>
      </c>
      <c r="X3459" s="53">
        <v>8149.6279069767297</v>
      </c>
      <c r="Y3459" s="53">
        <v>8149.6279069767297</v>
      </c>
      <c r="Z3459" s="53">
        <v>8149.6279069767297</v>
      </c>
      <c r="AA3459" s="53">
        <v>97795.5348837208</v>
      </c>
      <c r="AB3459" s="53">
        <v>8149.6279069767297</v>
      </c>
      <c r="AC3459" s="53">
        <v>8149.6279069767297</v>
      </c>
      <c r="AD3459" s="53">
        <v>8149.6279069767297</v>
      </c>
      <c r="AE3459" s="53">
        <v>8149.6279069767297</v>
      </c>
      <c r="AF3459" s="53">
        <v>8149.6279069767297</v>
      </c>
      <c r="AG3459" s="53">
        <v>8149.6279069767297</v>
      </c>
      <c r="AH3459" s="53">
        <v>8149.6279069767297</v>
      </c>
      <c r="AI3459" s="53">
        <v>8149.6279069767297</v>
      </c>
      <c r="AJ3459" s="53">
        <v>8149.6279069767297</v>
      </c>
      <c r="AK3459" s="53">
        <v>8149.6279069767297</v>
      </c>
      <c r="AL3459" s="53">
        <v>8149.6279069767297</v>
      </c>
      <c r="AM3459" s="53">
        <v>8149.6279069767197</v>
      </c>
      <c r="AN3459" s="53">
        <v>97795.534883720698</v>
      </c>
      <c r="AO3459" s="53">
        <v>8149.6279069767197</v>
      </c>
      <c r="AP3459" s="53">
        <v>8149.6279069767197</v>
      </c>
      <c r="AQ3459" s="53">
        <v>8149.6279069767197</v>
      </c>
      <c r="AR3459" s="53">
        <v>8149.6279069767197</v>
      </c>
      <c r="AS3459" s="53">
        <v>8149.6279069767197</v>
      </c>
      <c r="AT3459" s="53">
        <v>8149.6279069767197</v>
      </c>
      <c r="AU3459" s="53">
        <v>8149.6279069767197</v>
      </c>
      <c r="AV3459" s="53">
        <v>8149.6279069767197</v>
      </c>
      <c r="AW3459" s="53">
        <v>8149.6279069767197</v>
      </c>
      <c r="AX3459" s="53">
        <v>8149.6279069767197</v>
      </c>
      <c r="AY3459" s="53">
        <v>8149.6279069767197</v>
      </c>
      <c r="AZ3459" s="53">
        <v>8149.6279069767197</v>
      </c>
      <c r="BA3459" s="53">
        <v>97795.534883720698</v>
      </c>
      <c r="BB3459" s="53">
        <v>8149.6279069767197</v>
      </c>
      <c r="BC3459" s="53">
        <v>8149.6279069767197</v>
      </c>
      <c r="BD3459" s="53">
        <v>8149.6279069767197</v>
      </c>
      <c r="BE3459" s="53">
        <v>8149.6279069767197</v>
      </c>
      <c r="BF3459" s="53">
        <v>8149.6279069767197</v>
      </c>
      <c r="BG3459" s="53">
        <v>8149.6279069767197</v>
      </c>
      <c r="BH3459" s="53">
        <v>8149.6279069767197</v>
      </c>
      <c r="BI3459" s="53">
        <v>8149.6279069767197</v>
      </c>
      <c r="BJ3459" s="53">
        <v>8149.6279069767197</v>
      </c>
      <c r="BK3459" s="53">
        <v>8149.6279069767197</v>
      </c>
      <c r="BL3459" s="53">
        <v>8149.6279069767197</v>
      </c>
      <c r="BM3459" s="53">
        <v>8149.6279069767197</v>
      </c>
      <c r="BN3459" s="53">
        <v>97795.534883720597</v>
      </c>
      <c r="BO3459" s="53">
        <v>8149.6279069767197</v>
      </c>
      <c r="BP3459" s="53">
        <v>8149.6279069767197</v>
      </c>
      <c r="BQ3459" s="53">
        <v>8149.6279069767197</v>
      </c>
      <c r="BR3459" s="53">
        <v>8149.6279069767197</v>
      </c>
      <c r="BS3459" s="53">
        <v>8149.6279069767197</v>
      </c>
      <c r="BT3459" s="53">
        <v>8149.6279069767197</v>
      </c>
      <c r="BU3459" s="53">
        <v>8149.6279069767197</v>
      </c>
      <c r="BV3459" s="53">
        <v>8149.6279069767197</v>
      </c>
      <c r="BW3459" s="53">
        <v>8149.6279069767197</v>
      </c>
      <c r="BX3459" s="53">
        <v>8149.6279069767197</v>
      </c>
      <c r="BY3459" s="53">
        <v>8149.6279069767197</v>
      </c>
      <c r="BZ3459" s="53">
        <v>8149.6279069767197</v>
      </c>
      <c r="CA3459" s="53">
        <v>97795.534883720698</v>
      </c>
      <c r="CB3459" s="53"/>
      <c r="CC3459" s="53"/>
      <c r="CD3459" s="53"/>
      <c r="CE3459" s="53"/>
      <c r="CF3459" s="53"/>
      <c r="CG3459" s="53"/>
      <c r="CH3459" s="53"/>
      <c r="CI3459" s="53"/>
      <c r="CJ3459" s="53"/>
      <c r="CK3459" s="53"/>
      <c r="CL3459" s="53"/>
      <c r="CM3459" s="53"/>
      <c r="CN3459" s="53"/>
    </row>
    <row r="3460" spans="1:92" outlineLevel="1">
      <c r="A3460" s="52" t="s">
        <v>730</v>
      </c>
      <c r="B3460" s="53">
        <v>7907.1050359712199</v>
      </c>
      <c r="C3460" s="53">
        <v>7907.1050359712199</v>
      </c>
      <c r="D3460" s="53">
        <v>7907.1050359712199</v>
      </c>
      <c r="E3460" s="53">
        <v>7907.1050359712199</v>
      </c>
      <c r="F3460" s="53">
        <v>7907.1050359712199</v>
      </c>
      <c r="G3460" s="53">
        <v>7907.1050359712199</v>
      </c>
      <c r="H3460" s="53">
        <v>7907.1050359712199</v>
      </c>
      <c r="I3460" s="53">
        <v>7907.1050359712199</v>
      </c>
      <c r="J3460" s="53">
        <v>7907.1050359712199</v>
      </c>
      <c r="K3460" s="53">
        <v>7907.1050359712199</v>
      </c>
      <c r="L3460" s="53">
        <v>7907.1050359712199</v>
      </c>
      <c r="M3460" s="53">
        <v>7907.1050359712199</v>
      </c>
      <c r="N3460" s="53">
        <v>94885.260431654693</v>
      </c>
      <c r="O3460" s="53">
        <v>7907.1050359712199</v>
      </c>
      <c r="P3460" s="53">
        <v>7907.1050359712199</v>
      </c>
      <c r="Q3460" s="53">
        <v>7907.1050359712199</v>
      </c>
      <c r="R3460" s="53">
        <v>7907.1050359712199</v>
      </c>
      <c r="S3460" s="53">
        <v>7907.1050359712199</v>
      </c>
      <c r="T3460" s="53">
        <v>7907.1050359712199</v>
      </c>
      <c r="U3460" s="53">
        <v>7907.1050359712199</v>
      </c>
      <c r="V3460" s="53">
        <v>7907.1050359712199</v>
      </c>
      <c r="W3460" s="53">
        <v>7907.1050359712199</v>
      </c>
      <c r="X3460" s="53">
        <v>7907.1050359712199</v>
      </c>
      <c r="Y3460" s="53">
        <v>7907.1050359712199</v>
      </c>
      <c r="Z3460" s="53">
        <v>7907.1050359712199</v>
      </c>
      <c r="AA3460" s="53">
        <v>94885.260431654693</v>
      </c>
      <c r="AB3460" s="53">
        <v>7907.1050359712199</v>
      </c>
      <c r="AC3460" s="53">
        <v>7907.1050359712199</v>
      </c>
      <c r="AD3460" s="53">
        <v>7907.1050359712199</v>
      </c>
      <c r="AE3460" s="53">
        <v>7907.1050359712199</v>
      </c>
      <c r="AF3460" s="53">
        <v>7907.1050359712199</v>
      </c>
      <c r="AG3460" s="53">
        <v>7907.1050359712199</v>
      </c>
      <c r="AH3460" s="53">
        <v>7907.1050359712199</v>
      </c>
      <c r="AI3460" s="53">
        <v>7907.1050359712199</v>
      </c>
      <c r="AJ3460" s="53">
        <v>7907.1050359712199</v>
      </c>
      <c r="AK3460" s="53">
        <v>7907.1050359712199</v>
      </c>
      <c r="AL3460" s="53">
        <v>7907.1050359712199</v>
      </c>
      <c r="AM3460" s="53">
        <v>7907.1050359712199</v>
      </c>
      <c r="AN3460" s="53">
        <v>94885.260431654693</v>
      </c>
      <c r="AO3460" s="53">
        <v>7907.1050359712199</v>
      </c>
      <c r="AP3460" s="53">
        <v>7907.1050359712199</v>
      </c>
      <c r="AQ3460" s="53">
        <v>7907.1050359712199</v>
      </c>
      <c r="AR3460" s="53">
        <v>7907.1050359712199</v>
      </c>
      <c r="AS3460" s="53">
        <v>7907.1050359712199</v>
      </c>
      <c r="AT3460" s="53">
        <v>7907.1050359712199</v>
      </c>
      <c r="AU3460" s="53">
        <v>7907.1050359712199</v>
      </c>
      <c r="AV3460" s="53">
        <v>7907.1050359712199</v>
      </c>
      <c r="AW3460" s="53">
        <v>7907.1050359712199</v>
      </c>
      <c r="AX3460" s="53">
        <v>7907.1050359712199</v>
      </c>
      <c r="AY3460" s="53">
        <v>7907.1050359712199</v>
      </c>
      <c r="AZ3460" s="53">
        <v>7907.1050359712199</v>
      </c>
      <c r="BA3460" s="53">
        <v>94885.260431654693</v>
      </c>
      <c r="BB3460" s="53">
        <v>7907.1050359712199</v>
      </c>
      <c r="BC3460" s="53">
        <v>7907.1050359712199</v>
      </c>
      <c r="BD3460" s="53">
        <v>7907.1050359712199</v>
      </c>
      <c r="BE3460" s="53">
        <v>7907.1050359712199</v>
      </c>
      <c r="BF3460" s="53">
        <v>7907.1050359712199</v>
      </c>
      <c r="BG3460" s="53">
        <v>7907.1050359712199</v>
      </c>
      <c r="BH3460" s="53">
        <v>7907.1050359712199</v>
      </c>
      <c r="BI3460" s="53">
        <v>7907.1050359712199</v>
      </c>
      <c r="BJ3460" s="53">
        <v>7907.1050359712199</v>
      </c>
      <c r="BK3460" s="53">
        <v>7907.1050359712199</v>
      </c>
      <c r="BL3460" s="53">
        <v>7907.1050359712199</v>
      </c>
      <c r="BM3460" s="53">
        <v>7907.1050359712199</v>
      </c>
      <c r="BN3460" s="53">
        <v>94885.260431654693</v>
      </c>
      <c r="BO3460" s="53">
        <v>7907.1050359712199</v>
      </c>
      <c r="BP3460" s="53">
        <v>7907.1050359712199</v>
      </c>
      <c r="BQ3460" s="53">
        <v>7907.1050359712199</v>
      </c>
      <c r="BR3460" s="53">
        <v>7907.1050359712199</v>
      </c>
      <c r="BS3460" s="53">
        <v>7907.1050359712199</v>
      </c>
      <c r="BT3460" s="53">
        <v>7907.1050359712199</v>
      </c>
      <c r="BU3460" s="53">
        <v>7907.1050359712199</v>
      </c>
      <c r="BV3460" s="53">
        <v>7907.1050359712199</v>
      </c>
      <c r="BW3460" s="53">
        <v>7907.1050359712199</v>
      </c>
      <c r="BX3460" s="53">
        <v>7907.1050359712199</v>
      </c>
      <c r="BY3460" s="53">
        <v>7907.1050359712199</v>
      </c>
      <c r="BZ3460" s="53">
        <v>7907.1050359712199</v>
      </c>
      <c r="CA3460" s="53">
        <v>94885.260431654693</v>
      </c>
      <c r="CB3460" s="53"/>
      <c r="CC3460" s="53"/>
      <c r="CD3460" s="53"/>
      <c r="CE3460" s="53"/>
      <c r="CF3460" s="53"/>
      <c r="CG3460" s="53"/>
      <c r="CH3460" s="53"/>
      <c r="CI3460" s="53"/>
      <c r="CJ3460" s="53"/>
      <c r="CK3460" s="53"/>
      <c r="CL3460" s="53"/>
      <c r="CM3460" s="53"/>
      <c r="CN3460" s="53"/>
    </row>
    <row r="3461" spans="1:92" outlineLevel="1">
      <c r="A3461" s="52" t="s">
        <v>1565</v>
      </c>
      <c r="B3461" s="53">
        <v>8857.0264993026503</v>
      </c>
      <c r="C3461" s="53">
        <v>8857.0264993026503</v>
      </c>
      <c r="D3461" s="53">
        <v>8857.0264993026503</v>
      </c>
      <c r="E3461" s="53">
        <v>8857.0264993026503</v>
      </c>
      <c r="F3461" s="53">
        <v>8857.0264993026503</v>
      </c>
      <c r="G3461" s="53">
        <v>8857.0264993026503</v>
      </c>
      <c r="H3461" s="53">
        <v>8857.0264993026503</v>
      </c>
      <c r="I3461" s="53">
        <v>8857.0264993026503</v>
      </c>
      <c r="J3461" s="53">
        <v>8857.0264993026394</v>
      </c>
      <c r="K3461" s="53">
        <v>8857.0264993026394</v>
      </c>
      <c r="L3461" s="53">
        <v>8857.0264993026394</v>
      </c>
      <c r="M3461" s="53">
        <v>8857.0264993026394</v>
      </c>
      <c r="N3461" s="53">
        <v>106284.317991631</v>
      </c>
      <c r="O3461" s="53">
        <v>8857.0264993026394</v>
      </c>
      <c r="P3461" s="53">
        <v>8857.0264993026394</v>
      </c>
      <c r="Q3461" s="53">
        <v>8857.0264993026394</v>
      </c>
      <c r="R3461" s="53">
        <v>8857.0264993026394</v>
      </c>
      <c r="S3461" s="53">
        <v>8857.0264993026394</v>
      </c>
      <c r="T3461" s="53">
        <v>8857.0264993026394</v>
      </c>
      <c r="U3461" s="53">
        <v>8857.0264993026394</v>
      </c>
      <c r="V3461" s="53">
        <v>8857.0264993026394</v>
      </c>
      <c r="W3461" s="53">
        <v>8857.0264993026394</v>
      </c>
      <c r="X3461" s="53">
        <v>8857.0264993026394</v>
      </c>
      <c r="Y3461" s="53">
        <v>8857.0264993026394</v>
      </c>
      <c r="Z3461" s="53">
        <v>8857.0264993026394</v>
      </c>
      <c r="AA3461" s="53">
        <v>106284.317991631</v>
      </c>
      <c r="AB3461" s="53">
        <v>8857.0264993026394</v>
      </c>
      <c r="AC3461" s="53">
        <v>8857.0264993026394</v>
      </c>
      <c r="AD3461" s="53">
        <v>8857.0264993026394</v>
      </c>
      <c r="AE3461" s="53">
        <v>8857.0264993026394</v>
      </c>
      <c r="AF3461" s="53">
        <v>8857.0264993026394</v>
      </c>
      <c r="AG3461" s="53">
        <v>8857.0264993026394</v>
      </c>
      <c r="AH3461" s="53">
        <v>8857.0264993026394</v>
      </c>
      <c r="AI3461" s="53">
        <v>8857.0264993026394</v>
      </c>
      <c r="AJ3461" s="53">
        <v>8857.0264993026394</v>
      </c>
      <c r="AK3461" s="53">
        <v>8857.0264993026394</v>
      </c>
      <c r="AL3461" s="53">
        <v>8857.0264993026394</v>
      </c>
      <c r="AM3461" s="53">
        <v>8857.0264993026394</v>
      </c>
      <c r="AN3461" s="53">
        <v>106284.317991631</v>
      </c>
      <c r="AO3461" s="53">
        <v>8857.0264993026394</v>
      </c>
      <c r="AP3461" s="53">
        <v>8857.0264993026394</v>
      </c>
      <c r="AQ3461" s="53">
        <v>8857.0264993026394</v>
      </c>
      <c r="AR3461" s="53">
        <v>8857.0264993026394</v>
      </c>
      <c r="AS3461" s="53">
        <v>8857.0264993026394</v>
      </c>
      <c r="AT3461" s="53">
        <v>8857.0264993026394</v>
      </c>
      <c r="AU3461" s="53">
        <v>8857.0264993026394</v>
      </c>
      <c r="AV3461" s="53">
        <v>8857.0264993026394</v>
      </c>
      <c r="AW3461" s="53">
        <v>8857.0264993026394</v>
      </c>
      <c r="AX3461" s="53">
        <v>8857.0264993026394</v>
      </c>
      <c r="AY3461" s="53">
        <v>8857.0264993026394</v>
      </c>
      <c r="AZ3461" s="53">
        <v>8857.0264993026394</v>
      </c>
      <c r="BA3461" s="53">
        <v>106284.317991631</v>
      </c>
      <c r="BB3461" s="53">
        <v>8857.0264993026394</v>
      </c>
      <c r="BC3461" s="53">
        <v>8857.0264993026394</v>
      </c>
      <c r="BD3461" s="53">
        <v>8857.0264993026394</v>
      </c>
      <c r="BE3461" s="53">
        <v>8857.0264993026394</v>
      </c>
      <c r="BF3461" s="53">
        <v>8857.0264993026394</v>
      </c>
      <c r="BG3461" s="53">
        <v>8857.0264993026394</v>
      </c>
      <c r="BH3461" s="53">
        <v>8857.0264993026303</v>
      </c>
      <c r="BI3461" s="53">
        <v>8857.0264993026303</v>
      </c>
      <c r="BJ3461" s="53">
        <v>8857.0264993026303</v>
      </c>
      <c r="BK3461" s="53">
        <v>8857.0264993026303</v>
      </c>
      <c r="BL3461" s="53">
        <v>8857.0264993026303</v>
      </c>
      <c r="BM3461" s="53">
        <v>8857.0264993026303</v>
      </c>
      <c r="BN3461" s="53">
        <v>106284.317991631</v>
      </c>
      <c r="BO3461" s="53">
        <v>8857.0264993026303</v>
      </c>
      <c r="BP3461" s="53">
        <v>8857.0264993026303</v>
      </c>
      <c r="BQ3461" s="53">
        <v>8857.0264993026303</v>
      </c>
      <c r="BR3461" s="53">
        <v>8857.0264993026303</v>
      </c>
      <c r="BS3461" s="53">
        <v>8857.0264993026303</v>
      </c>
      <c r="BT3461" s="53">
        <v>8857.0264993026303</v>
      </c>
      <c r="BU3461" s="53">
        <v>8857.0264993026303</v>
      </c>
      <c r="BV3461" s="53">
        <v>8857.0264993026303</v>
      </c>
      <c r="BW3461" s="53">
        <v>8857.0264993026303</v>
      </c>
      <c r="BX3461" s="53">
        <v>8857.0264993026303</v>
      </c>
      <c r="BY3461" s="53">
        <v>8857.0264993026303</v>
      </c>
      <c r="BZ3461" s="53">
        <v>8857.0264993026303</v>
      </c>
      <c r="CA3461" s="53">
        <v>106284.317991631</v>
      </c>
      <c r="CB3461" s="53">
        <v>48273.326686642496</v>
      </c>
      <c r="CC3461" s="53">
        <v>-431106.61400161003</v>
      </c>
      <c r="CD3461" s="53">
        <v>553089.23345798999</v>
      </c>
      <c r="CE3461" s="53">
        <v>666514.52754011296</v>
      </c>
      <c r="CF3461" s="53">
        <v>721902.89191049302</v>
      </c>
      <c r="CG3461" s="53">
        <v>-1666724.99174239</v>
      </c>
      <c r="CH3461" s="53">
        <v>-1363458.22203412</v>
      </c>
      <c r="CI3461" s="53">
        <v>-1321826.60722125</v>
      </c>
      <c r="CJ3461" s="53">
        <v>1165315.3371890001</v>
      </c>
      <c r="CK3461" s="53">
        <v>1232264.4509985901</v>
      </c>
      <c r="CL3461" s="53">
        <v>482666.55450601201</v>
      </c>
      <c r="CM3461" s="53">
        <v>-86909.887289479593</v>
      </c>
      <c r="CN3461" s="53">
        <v>-1.2732925824820899E-8</v>
      </c>
    </row>
    <row r="3462" spans="1:92" outlineLevel="1">
      <c r="A3462" s="52" t="s">
        <v>1376</v>
      </c>
      <c r="B3462" s="53"/>
      <c r="C3462" s="53"/>
      <c r="D3462" s="53"/>
      <c r="E3462" s="53"/>
      <c r="F3462" s="53"/>
      <c r="G3462" s="53"/>
      <c r="H3462" s="53"/>
      <c r="I3462" s="53"/>
      <c r="J3462" s="53"/>
      <c r="K3462" s="53"/>
      <c r="L3462" s="53"/>
      <c r="M3462" s="53"/>
      <c r="N3462" s="53"/>
      <c r="O3462" s="53"/>
      <c r="P3462" s="53"/>
      <c r="Q3462" s="53"/>
      <c r="R3462" s="53"/>
      <c r="S3462" s="53"/>
      <c r="T3462" s="53"/>
      <c r="U3462" s="53"/>
      <c r="V3462" s="53"/>
      <c r="W3462" s="53"/>
      <c r="X3462" s="53"/>
      <c r="Y3462" s="53"/>
      <c r="Z3462" s="53"/>
      <c r="AA3462" s="53"/>
      <c r="AB3462" s="53"/>
      <c r="AC3462" s="53"/>
      <c r="AD3462" s="53"/>
      <c r="AE3462" s="53"/>
      <c r="AF3462" s="53"/>
      <c r="AG3462" s="53"/>
      <c r="AH3462" s="53"/>
      <c r="AI3462" s="53"/>
      <c r="AJ3462" s="53"/>
      <c r="AK3462" s="53"/>
      <c r="AL3462" s="53"/>
      <c r="AM3462" s="53"/>
      <c r="AN3462" s="53"/>
      <c r="AO3462" s="53"/>
      <c r="AP3462" s="53"/>
      <c r="AQ3462" s="53"/>
      <c r="AR3462" s="53"/>
      <c r="AS3462" s="53"/>
      <c r="AT3462" s="53"/>
      <c r="AU3462" s="53"/>
      <c r="AV3462" s="53"/>
      <c r="AW3462" s="53"/>
      <c r="AX3462" s="53"/>
      <c r="AY3462" s="53"/>
      <c r="AZ3462" s="53"/>
      <c r="BA3462" s="53"/>
      <c r="BB3462" s="53"/>
      <c r="BC3462" s="53"/>
      <c r="BD3462" s="53"/>
      <c r="BE3462" s="53"/>
      <c r="BF3462" s="53"/>
      <c r="BG3462" s="53"/>
      <c r="BH3462" s="53"/>
      <c r="BI3462" s="53"/>
      <c r="BJ3462" s="53"/>
      <c r="BK3462" s="53"/>
      <c r="BL3462" s="53"/>
      <c r="BM3462" s="53"/>
      <c r="BN3462" s="53"/>
      <c r="BO3462" s="53"/>
      <c r="BP3462" s="53"/>
      <c r="BQ3462" s="53"/>
      <c r="BR3462" s="53"/>
      <c r="BS3462" s="53"/>
      <c r="BT3462" s="53"/>
      <c r="BU3462" s="53"/>
      <c r="BV3462" s="53"/>
      <c r="BW3462" s="53"/>
      <c r="BX3462" s="53"/>
      <c r="BY3462" s="53"/>
      <c r="BZ3462" s="53"/>
      <c r="CA3462" s="53"/>
      <c r="CB3462" s="53"/>
      <c r="CC3462" s="53"/>
      <c r="CD3462" s="53"/>
      <c r="CE3462" s="53"/>
      <c r="CF3462" s="53"/>
      <c r="CG3462" s="53"/>
      <c r="CH3462" s="53"/>
      <c r="CI3462" s="53"/>
      <c r="CJ3462" s="53"/>
      <c r="CK3462" s="53"/>
      <c r="CL3462" s="53"/>
      <c r="CM3462" s="53"/>
      <c r="CN3462" s="53"/>
    </row>
    <row r="3463" spans="1:92" outlineLevel="1">
      <c r="A3463" s="52" t="s">
        <v>1587</v>
      </c>
      <c r="B3463" s="53"/>
      <c r="C3463" s="53"/>
      <c r="D3463" s="53"/>
      <c r="E3463" s="53"/>
      <c r="F3463" s="53"/>
      <c r="G3463" s="53"/>
      <c r="H3463" s="53"/>
      <c r="I3463" s="53"/>
      <c r="J3463" s="53"/>
      <c r="K3463" s="53"/>
      <c r="L3463" s="53"/>
      <c r="M3463" s="53"/>
      <c r="N3463" s="53"/>
      <c r="O3463" s="53"/>
      <c r="P3463" s="53"/>
      <c r="Q3463" s="53"/>
      <c r="R3463" s="53"/>
      <c r="S3463" s="53"/>
      <c r="T3463" s="53"/>
      <c r="U3463" s="53"/>
      <c r="V3463" s="53"/>
      <c r="W3463" s="53"/>
      <c r="X3463" s="53"/>
      <c r="Y3463" s="53"/>
      <c r="Z3463" s="53"/>
      <c r="AA3463" s="53"/>
      <c r="AB3463" s="53"/>
      <c r="AC3463" s="53"/>
      <c r="AD3463" s="53"/>
      <c r="AE3463" s="53"/>
      <c r="AF3463" s="53"/>
      <c r="AG3463" s="53"/>
      <c r="AH3463" s="53"/>
      <c r="AI3463" s="53"/>
      <c r="AJ3463" s="53"/>
      <c r="AK3463" s="53"/>
      <c r="AL3463" s="53"/>
      <c r="AM3463" s="53"/>
      <c r="AN3463" s="53"/>
      <c r="AO3463" s="53"/>
      <c r="AP3463" s="53"/>
      <c r="AQ3463" s="53"/>
      <c r="AR3463" s="53"/>
      <c r="AS3463" s="53"/>
      <c r="AT3463" s="53"/>
      <c r="AU3463" s="53"/>
      <c r="AV3463" s="53"/>
      <c r="AW3463" s="53"/>
      <c r="AX3463" s="53"/>
      <c r="AY3463" s="53"/>
      <c r="AZ3463" s="53"/>
      <c r="BA3463" s="53"/>
      <c r="BB3463" s="53"/>
      <c r="BC3463" s="53"/>
      <c r="BD3463" s="53"/>
      <c r="BE3463" s="53"/>
      <c r="BF3463" s="53"/>
      <c r="BG3463" s="53"/>
      <c r="BH3463" s="53"/>
      <c r="BI3463" s="53"/>
      <c r="BJ3463" s="53"/>
      <c r="BK3463" s="53"/>
      <c r="BL3463" s="53"/>
      <c r="BM3463" s="53"/>
      <c r="BN3463" s="53"/>
      <c r="BO3463" s="53"/>
      <c r="BP3463" s="53"/>
      <c r="BQ3463" s="53"/>
      <c r="BR3463" s="53"/>
      <c r="BS3463" s="53"/>
      <c r="BT3463" s="53"/>
      <c r="BU3463" s="53"/>
      <c r="BV3463" s="53"/>
      <c r="BW3463" s="53"/>
      <c r="BX3463" s="53"/>
      <c r="BY3463" s="53"/>
      <c r="BZ3463" s="53"/>
      <c r="CA3463" s="53"/>
      <c r="CB3463" s="53"/>
      <c r="CC3463" s="53"/>
      <c r="CD3463" s="53"/>
      <c r="CE3463" s="53"/>
      <c r="CF3463" s="53"/>
      <c r="CG3463" s="53"/>
      <c r="CH3463" s="53"/>
      <c r="CI3463" s="53"/>
      <c r="CJ3463" s="53"/>
      <c r="CK3463" s="53"/>
      <c r="CL3463" s="53"/>
      <c r="CM3463" s="53"/>
      <c r="CN3463" s="53"/>
    </row>
    <row r="3464" spans="1:92" outlineLevel="1">
      <c r="A3464" s="52" t="s">
        <v>1378</v>
      </c>
      <c r="B3464" s="53">
        <v>1204871.6006449901</v>
      </c>
      <c r="C3464" s="53">
        <v>1213613.9481673399</v>
      </c>
      <c r="D3464" s="53">
        <v>661267.92870625702</v>
      </c>
      <c r="E3464" s="53">
        <v>624188.97858562798</v>
      </c>
      <c r="F3464" s="53">
        <v>1173118.9897827399</v>
      </c>
      <c r="G3464" s="53">
        <v>3149849.9456527801</v>
      </c>
      <c r="H3464" s="53">
        <v>3172704.7318834402</v>
      </c>
      <c r="I3464" s="53">
        <v>3195725.34863387</v>
      </c>
      <c r="J3464" s="53">
        <v>1152980.9991426601</v>
      </c>
      <c r="K3464" s="53">
        <v>714658.83710894606</v>
      </c>
      <c r="L3464" s="53">
        <v>719844.28252120304</v>
      </c>
      <c r="M3464" s="53">
        <v>1328096.1526611301</v>
      </c>
      <c r="N3464" s="53">
        <v>18310921.743491001</v>
      </c>
      <c r="O3464" s="53">
        <v>1326741.92699548</v>
      </c>
      <c r="P3464" s="53">
        <v>1336368.5452941</v>
      </c>
      <c r="Q3464" s="53">
        <v>784913.21273066802</v>
      </c>
      <c r="R3464" s="53">
        <v>748731.412183373</v>
      </c>
      <c r="S3464" s="53">
        <v>-3.8769374325073702</v>
      </c>
      <c r="T3464" s="53">
        <v>-3.9050678443614002</v>
      </c>
      <c r="U3464" s="53">
        <v>-3.93340236579545</v>
      </c>
      <c r="V3464" s="53">
        <v>-3.9619424777946</v>
      </c>
      <c r="W3464" s="53">
        <v>-3.9906896720897298</v>
      </c>
      <c r="X3464" s="53">
        <v>-4.0196454512354602</v>
      </c>
      <c r="Y3464" s="53">
        <v>-4.0488113286887204</v>
      </c>
      <c r="Z3464" s="53">
        <v>-4.0781888288877903</v>
      </c>
      <c r="AA3464" s="53">
        <v>4196723.2825182201</v>
      </c>
      <c r="AB3464" s="53">
        <v>-4.1077794873320599</v>
      </c>
      <c r="AC3464" s="53">
        <v>-4.1375848506622299</v>
      </c>
      <c r="AD3464" s="53">
        <v>-4.1676064767411498</v>
      </c>
      <c r="AE3464" s="53">
        <v>-4.1978459347353096</v>
      </c>
      <c r="AF3464" s="53">
        <v>-4.2283048051967498</v>
      </c>
      <c r="AG3464" s="53">
        <v>-4.2589846801457902</v>
      </c>
      <c r="AH3464" s="53">
        <v>-4.28988716315415</v>
      </c>
      <c r="AI3464" s="53">
        <v>-4.3210138694287998</v>
      </c>
      <c r="AJ3464" s="53">
        <v>-4.3523664258963901</v>
      </c>
      <c r="AK3464" s="53">
        <v>-4.3839464712882901</v>
      </c>
      <c r="AL3464" s="53">
        <v>-4.4157556562262101</v>
      </c>
      <c r="AM3464" s="53">
        <v>-4.4477956433085</v>
      </c>
      <c r="AN3464" s="53">
        <v>-51.308871464115597</v>
      </c>
      <c r="AO3464" s="53">
        <v>-4.48006810719707</v>
      </c>
      <c r="AP3464" s="53">
        <v>-4.5125747347048701</v>
      </c>
      <c r="AQ3464" s="53">
        <v>-4.5453172248840996</v>
      </c>
      <c r="AR3464" s="53">
        <v>-4.57829728911498</v>
      </c>
      <c r="AS3464" s="53">
        <v>-4.6115166511952497</v>
      </c>
      <c r="AT3464" s="53">
        <v>-4.6449770474302099</v>
      </c>
      <c r="AU3464" s="53">
        <v>-4.6786802267235101</v>
      </c>
      <c r="AV3464" s="53">
        <v>-4.71262795066857</v>
      </c>
      <c r="AW3464" s="53">
        <v>-4.7468219936406202</v>
      </c>
      <c r="AX3464" s="53">
        <v>-4.7812641428894702</v>
      </c>
      <c r="AY3464" s="53">
        <v>-4.81595619863291</v>
      </c>
      <c r="AZ3464" s="53">
        <v>-4.8508999741508196</v>
      </c>
      <c r="BA3464" s="53">
        <v>-55.959001541232396</v>
      </c>
      <c r="BB3464" s="53">
        <v>-4.8860972958799103</v>
      </c>
      <c r="BC3464" s="53">
        <v>-4.9215500035092301</v>
      </c>
      <c r="BD3464" s="53">
        <v>-4.9572599500763399</v>
      </c>
      <c r="BE3464" s="53">
        <v>-4.9932290020640604</v>
      </c>
      <c r="BF3464" s="53"/>
      <c r="BG3464" s="53"/>
      <c r="BH3464" s="53"/>
      <c r="BI3464" s="53"/>
      <c r="BJ3464" s="53"/>
      <c r="BK3464" s="53"/>
      <c r="BL3464" s="53"/>
      <c r="BM3464" s="53"/>
      <c r="BN3464" s="53">
        <v>-19.7581362515295</v>
      </c>
      <c r="BO3464" s="53"/>
      <c r="BP3464" s="53"/>
      <c r="BQ3464" s="53"/>
      <c r="BR3464" s="53"/>
      <c r="BS3464" s="53"/>
      <c r="BT3464" s="53"/>
      <c r="BU3464" s="53"/>
      <c r="BV3464" s="53"/>
      <c r="BW3464" s="53"/>
      <c r="BX3464" s="53"/>
      <c r="BY3464" s="53"/>
      <c r="BZ3464" s="53"/>
      <c r="CA3464" s="53"/>
      <c r="CB3464" s="53">
        <v>-758430.075969539</v>
      </c>
      <c r="CC3464" s="53">
        <v>-1836495.4673755199</v>
      </c>
      <c r="CD3464" s="53">
        <v>-1696627.32146458</v>
      </c>
      <c r="CE3464" s="53">
        <v>-924376.91749048606</v>
      </c>
      <c r="CF3464" s="53">
        <v>977539.24813891097</v>
      </c>
      <c r="CG3464" s="53">
        <v>1510413.8742243401</v>
      </c>
      <c r="CH3464" s="53">
        <v>2231394.4275165298</v>
      </c>
      <c r="CI3464" s="53">
        <v>2257907.79589803</v>
      </c>
      <c r="CJ3464" s="53">
        <v>1298802.2982007</v>
      </c>
      <c r="CK3464" s="53">
        <v>196508.86802526799</v>
      </c>
      <c r="CL3464" s="53">
        <v>-2124340.4337151502</v>
      </c>
      <c r="CM3464" s="53">
        <v>-1132296.2959884999</v>
      </c>
      <c r="CN3464" s="53">
        <v>-3.6379788070917101E-9</v>
      </c>
    </row>
    <row r="3465" spans="1:92" outlineLevel="1">
      <c r="A3465" s="52" t="s">
        <v>1379</v>
      </c>
      <c r="B3465" s="53">
        <v>310944.68276122899</v>
      </c>
      <c r="C3465" s="53">
        <v>312838.85412038199</v>
      </c>
      <c r="D3465" s="53">
        <v>314744.56414006598</v>
      </c>
      <c r="E3465" s="53">
        <v>316661.88310995197</v>
      </c>
      <c r="F3465" s="53">
        <v>318590.88174789702</v>
      </c>
      <c r="G3465" s="53">
        <v>320531.63120254403</v>
      </c>
      <c r="H3465" s="53">
        <v>322484.20305595302</v>
      </c>
      <c r="I3465" s="53">
        <v>324448.66932623601</v>
      </c>
      <c r="J3465" s="53">
        <v>326425.10247021401</v>
      </c>
      <c r="K3465" s="53">
        <v>328413.57538609498</v>
      </c>
      <c r="L3465" s="53">
        <v>330414.16141615598</v>
      </c>
      <c r="M3465" s="53">
        <v>332426.934349449</v>
      </c>
      <c r="N3465" s="53">
        <v>3858925.1430861698</v>
      </c>
      <c r="O3465" s="53">
        <v>334451.96842452802</v>
      </c>
      <c r="P3465" s="53">
        <v>336489.33833217999</v>
      </c>
      <c r="Q3465" s="53">
        <v>338539.119218187</v>
      </c>
      <c r="R3465" s="53">
        <v>340601.38668609102</v>
      </c>
      <c r="S3465" s="53">
        <v>342676.21679998701</v>
      </c>
      <c r="T3465" s="53">
        <v>344763.68608732702</v>
      </c>
      <c r="U3465" s="53">
        <v>346863.871541742</v>
      </c>
      <c r="V3465" s="53">
        <v>348976.85062588402</v>
      </c>
      <c r="W3465" s="53">
        <v>351102.70127428003</v>
      </c>
      <c r="X3465" s="53">
        <v>353241.50189620903</v>
      </c>
      <c r="Y3465" s="53">
        <v>355393.33137859299</v>
      </c>
      <c r="Z3465" s="53">
        <v>357558.26908890699</v>
      </c>
      <c r="AA3465" s="53">
        <v>4150658.24135391</v>
      </c>
      <c r="AB3465" s="53">
        <v>359736.39487810701</v>
      </c>
      <c r="AC3465" s="53">
        <v>361927.78908357298</v>
      </c>
      <c r="AD3465" s="53">
        <v>364132.53253207402</v>
      </c>
      <c r="AE3465" s="53">
        <v>366350.70654274803</v>
      </c>
      <c r="AF3465" s="53">
        <v>368582.39293010399</v>
      </c>
      <c r="AG3465" s="53">
        <v>370827.67400703701</v>
      </c>
      <c r="AH3465" s="53">
        <v>373086.63258786203</v>
      </c>
      <c r="AI3465" s="53">
        <v>375359.35199137701</v>
      </c>
      <c r="AJ3465" s="53">
        <v>377645.91604392399</v>
      </c>
      <c r="AK3465" s="53">
        <v>379946.40908249101</v>
      </c>
      <c r="AL3465" s="53">
        <v>382260.91595781897</v>
      </c>
      <c r="AM3465" s="53">
        <v>384589.52203752799</v>
      </c>
      <c r="AN3465" s="53">
        <v>4464446.2376746396</v>
      </c>
      <c r="AO3465" s="53">
        <v>386932.31320927298</v>
      </c>
      <c r="AP3465" s="53">
        <v>389289.37588390597</v>
      </c>
      <c r="AQ3465" s="53">
        <v>391660.79699866503</v>
      </c>
      <c r="AR3465" s="53">
        <v>394046.66402038198</v>
      </c>
      <c r="AS3465" s="53">
        <v>396447.06494870601</v>
      </c>
      <c r="AT3465" s="53">
        <v>398862.08831935102</v>
      </c>
      <c r="AU3465" s="53">
        <v>401291.82320736302</v>
      </c>
      <c r="AV3465" s="53">
        <v>403736.3592304</v>
      </c>
      <c r="AW3465" s="53">
        <v>406195.78655204503</v>
      </c>
      <c r="AX3465" s="53">
        <v>408670.19588512398</v>
      </c>
      <c r="AY3465" s="53">
        <v>411159.67849505699</v>
      </c>
      <c r="AZ3465" s="53">
        <v>413664.32620322099</v>
      </c>
      <c r="BA3465" s="53">
        <v>4801956.47295349</v>
      </c>
      <c r="BB3465" s="53">
        <v>416184.23139034002</v>
      </c>
      <c r="BC3465" s="53">
        <v>418719.48699989298</v>
      </c>
      <c r="BD3465" s="53">
        <v>421270.186541526</v>
      </c>
      <c r="BE3465" s="53"/>
      <c r="BF3465" s="53"/>
      <c r="BG3465" s="53"/>
      <c r="BH3465" s="53"/>
      <c r="BI3465" s="53"/>
      <c r="BJ3465" s="53"/>
      <c r="BK3465" s="53"/>
      <c r="BL3465" s="53"/>
      <c r="BM3465" s="53"/>
      <c r="BN3465" s="53">
        <v>1256173.9049317599</v>
      </c>
      <c r="BO3465" s="53"/>
      <c r="BP3465" s="53"/>
      <c r="BQ3465" s="53"/>
      <c r="BR3465" s="53"/>
      <c r="BS3465" s="53"/>
      <c r="BT3465" s="53"/>
      <c r="BU3465" s="53"/>
      <c r="BV3465" s="53"/>
      <c r="BW3465" s="53"/>
      <c r="BX3465" s="53"/>
      <c r="BY3465" s="53"/>
      <c r="BZ3465" s="53"/>
      <c r="CA3465" s="53"/>
      <c r="CB3465" s="53"/>
      <c r="CC3465" s="53"/>
      <c r="CD3465" s="53"/>
      <c r="CE3465" s="53"/>
      <c r="CF3465" s="53"/>
      <c r="CG3465" s="53"/>
      <c r="CH3465" s="53"/>
      <c r="CI3465" s="53"/>
      <c r="CJ3465" s="53"/>
      <c r="CK3465" s="53"/>
      <c r="CL3465" s="53"/>
      <c r="CM3465" s="53"/>
      <c r="CN3465" s="53"/>
    </row>
    <row r="3466" spans="1:92" outlineLevel="1">
      <c r="A3466" s="52" t="s">
        <v>739</v>
      </c>
      <c r="B3466" s="53"/>
      <c r="C3466" s="53"/>
      <c r="D3466" s="53"/>
      <c r="E3466" s="53"/>
      <c r="F3466" s="53"/>
      <c r="G3466" s="53"/>
      <c r="H3466" s="53"/>
      <c r="I3466" s="53"/>
      <c r="J3466" s="53"/>
      <c r="K3466" s="53"/>
      <c r="L3466" s="53"/>
      <c r="M3466" s="53"/>
      <c r="N3466" s="53"/>
      <c r="O3466" s="53"/>
      <c r="P3466" s="53"/>
      <c r="Q3466" s="53"/>
      <c r="R3466" s="53"/>
      <c r="S3466" s="53"/>
      <c r="T3466" s="53"/>
      <c r="U3466" s="53"/>
      <c r="V3466" s="53"/>
      <c r="W3466" s="53"/>
      <c r="X3466" s="53"/>
      <c r="Y3466" s="53"/>
      <c r="Z3466" s="53"/>
      <c r="AA3466" s="53"/>
      <c r="AB3466" s="53"/>
      <c r="AC3466" s="53"/>
      <c r="AD3466" s="53"/>
      <c r="AE3466" s="53"/>
      <c r="AF3466" s="53"/>
      <c r="AG3466" s="53"/>
      <c r="AH3466" s="53"/>
      <c r="AI3466" s="53"/>
      <c r="AJ3466" s="53"/>
      <c r="AK3466" s="53"/>
      <c r="AL3466" s="53"/>
      <c r="AM3466" s="53"/>
      <c r="AN3466" s="53"/>
      <c r="AO3466" s="53"/>
      <c r="AP3466" s="53"/>
      <c r="AQ3466" s="53"/>
      <c r="AR3466" s="53"/>
      <c r="AS3466" s="53"/>
      <c r="AT3466" s="53"/>
      <c r="AU3466" s="53"/>
      <c r="AV3466" s="53"/>
      <c r="AW3466" s="53"/>
      <c r="AX3466" s="53"/>
      <c r="AY3466" s="53"/>
      <c r="AZ3466" s="53"/>
      <c r="BA3466" s="53"/>
      <c r="BB3466" s="53"/>
      <c r="BC3466" s="53"/>
      <c r="BD3466" s="53"/>
      <c r="BE3466" s="53"/>
      <c r="BF3466" s="53"/>
      <c r="BG3466" s="53"/>
      <c r="BH3466" s="53"/>
      <c r="BI3466" s="53"/>
      <c r="BJ3466" s="53"/>
      <c r="BK3466" s="53"/>
      <c r="BL3466" s="53"/>
      <c r="BM3466" s="53"/>
      <c r="BN3466" s="53"/>
      <c r="BO3466" s="53"/>
      <c r="BP3466" s="53"/>
      <c r="BQ3466" s="53"/>
      <c r="BR3466" s="53"/>
      <c r="BS3466" s="53"/>
      <c r="BT3466" s="53"/>
      <c r="BU3466" s="53"/>
      <c r="BV3466" s="53"/>
      <c r="BW3466" s="53"/>
      <c r="BX3466" s="53"/>
      <c r="BY3466" s="53"/>
      <c r="BZ3466" s="53"/>
      <c r="CA3466" s="53"/>
      <c r="CB3466" s="53">
        <v>-1.44740186914094E-10</v>
      </c>
      <c r="CC3466" s="53">
        <v>-1.44740186914094E-10</v>
      </c>
      <c r="CD3466" s="53">
        <v>-1.44740186914094E-10</v>
      </c>
      <c r="CE3466" s="53">
        <v>-1.44740186914094E-10</v>
      </c>
      <c r="CF3466" s="53">
        <v>-1.44740186914094E-10</v>
      </c>
      <c r="CG3466" s="53">
        <v>-1.44740186914094E-10</v>
      </c>
      <c r="CH3466" s="53">
        <v>-1.44740186914094E-10</v>
      </c>
      <c r="CI3466" s="53">
        <v>-1.44740186914094E-10</v>
      </c>
      <c r="CJ3466" s="53">
        <v>-1.44740186914094E-10</v>
      </c>
      <c r="CK3466" s="53">
        <v>-1.44740186914094E-10</v>
      </c>
      <c r="CL3466" s="53">
        <v>-1.44740186914094E-10</v>
      </c>
      <c r="CM3466" s="53">
        <v>-1.44740186914094E-10</v>
      </c>
      <c r="CN3466" s="53">
        <v>-1.73688224296913E-9</v>
      </c>
    </row>
    <row r="3467" spans="1:92" outlineLevel="1">
      <c r="A3467" s="52" t="s">
        <v>1661</v>
      </c>
      <c r="B3467" s="53"/>
      <c r="C3467" s="53"/>
      <c r="D3467" s="53"/>
      <c r="E3467" s="53"/>
      <c r="F3467" s="53"/>
      <c r="G3467" s="53"/>
      <c r="H3467" s="53"/>
      <c r="I3467" s="53"/>
      <c r="J3467" s="53"/>
      <c r="K3467" s="53"/>
      <c r="L3467" s="53"/>
      <c r="M3467" s="53"/>
      <c r="N3467" s="53"/>
      <c r="O3467" s="53"/>
      <c r="P3467" s="53"/>
      <c r="Q3467" s="53"/>
      <c r="R3467" s="53"/>
      <c r="S3467" s="53"/>
      <c r="T3467" s="53"/>
      <c r="U3467" s="53"/>
      <c r="V3467" s="53"/>
      <c r="W3467" s="53"/>
      <c r="X3467" s="53"/>
      <c r="Y3467" s="53"/>
      <c r="Z3467" s="53"/>
      <c r="AA3467" s="53"/>
      <c r="AB3467" s="53"/>
      <c r="AC3467" s="53"/>
      <c r="AD3467" s="53"/>
      <c r="AE3467" s="53"/>
      <c r="AF3467" s="53"/>
      <c r="AG3467" s="53"/>
      <c r="AH3467" s="53"/>
      <c r="AI3467" s="53"/>
      <c r="AJ3467" s="53"/>
      <c r="AK3467" s="53"/>
      <c r="AL3467" s="53"/>
      <c r="AM3467" s="53"/>
      <c r="AN3467" s="53"/>
      <c r="AO3467" s="53"/>
      <c r="AP3467" s="53"/>
      <c r="AQ3467" s="53"/>
      <c r="AR3467" s="53"/>
      <c r="AS3467" s="53"/>
      <c r="AT3467" s="53"/>
      <c r="AU3467" s="53"/>
      <c r="AV3467" s="53"/>
      <c r="AW3467" s="53"/>
      <c r="AX3467" s="53"/>
      <c r="AY3467" s="53"/>
      <c r="AZ3467" s="53"/>
      <c r="BA3467" s="53"/>
      <c r="BB3467" s="53"/>
      <c r="BC3467" s="53"/>
      <c r="BD3467" s="53"/>
      <c r="BE3467" s="53"/>
      <c r="BF3467" s="53"/>
      <c r="BG3467" s="53"/>
      <c r="BH3467" s="53"/>
      <c r="BI3467" s="53"/>
      <c r="BJ3467" s="53"/>
      <c r="BK3467" s="53"/>
      <c r="BL3467" s="53"/>
      <c r="BM3467" s="53"/>
      <c r="BN3467" s="53"/>
      <c r="BO3467" s="53"/>
      <c r="BP3467" s="53"/>
      <c r="BQ3467" s="53"/>
      <c r="BR3467" s="53"/>
      <c r="BS3467" s="53"/>
      <c r="BT3467" s="53"/>
      <c r="BU3467" s="53"/>
      <c r="BV3467" s="53"/>
      <c r="BW3467" s="53"/>
      <c r="BX3467" s="53"/>
      <c r="BY3467" s="53"/>
      <c r="BZ3467" s="53"/>
      <c r="CA3467" s="53"/>
      <c r="CB3467" s="53"/>
      <c r="CC3467" s="53"/>
      <c r="CD3467" s="53"/>
      <c r="CE3467" s="53"/>
      <c r="CF3467" s="53"/>
      <c r="CG3467" s="53"/>
      <c r="CH3467" s="53"/>
      <c r="CI3467" s="53"/>
      <c r="CJ3467" s="53"/>
      <c r="CK3467" s="53"/>
      <c r="CL3467" s="53"/>
      <c r="CM3467" s="53"/>
      <c r="CN3467" s="53"/>
    </row>
    <row r="3468" spans="1:92" outlineLevel="1">
      <c r="A3468" s="52" t="s">
        <v>649</v>
      </c>
      <c r="B3468" s="53"/>
      <c r="C3468" s="53"/>
      <c r="D3468" s="53"/>
      <c r="E3468" s="53"/>
      <c r="F3468" s="53"/>
      <c r="G3468" s="53"/>
      <c r="H3468" s="53"/>
      <c r="I3468" s="53"/>
      <c r="J3468" s="53"/>
      <c r="K3468" s="53"/>
      <c r="L3468" s="53"/>
      <c r="M3468" s="53"/>
      <c r="N3468" s="53"/>
      <c r="O3468" s="53"/>
      <c r="P3468" s="53"/>
      <c r="Q3468" s="53"/>
      <c r="R3468" s="53"/>
      <c r="S3468" s="53"/>
      <c r="T3468" s="53">
        <v>650000000</v>
      </c>
      <c r="U3468" s="53"/>
      <c r="V3468" s="53"/>
      <c r="W3468" s="53"/>
      <c r="X3468" s="53"/>
      <c r="Y3468" s="53"/>
      <c r="Z3468" s="53"/>
      <c r="AA3468" s="53">
        <v>650000000</v>
      </c>
      <c r="AB3468" s="53"/>
      <c r="AC3468" s="53"/>
      <c r="AD3468" s="53"/>
      <c r="AE3468" s="53"/>
      <c r="AF3468" s="53"/>
      <c r="AG3468" s="53"/>
      <c r="AH3468" s="53"/>
      <c r="AI3468" s="53">
        <v>1000000000</v>
      </c>
      <c r="AJ3468" s="53"/>
      <c r="AK3468" s="53"/>
      <c r="AL3468" s="53"/>
      <c r="AM3468" s="53"/>
      <c r="AN3468" s="53">
        <v>1000000000</v>
      </c>
      <c r="AO3468" s="53"/>
      <c r="AP3468" s="53"/>
      <c r="AQ3468" s="53"/>
      <c r="AR3468" s="53"/>
      <c r="AS3468" s="53"/>
      <c r="AT3468" s="53">
        <v>700000000</v>
      </c>
      <c r="AU3468" s="53"/>
      <c r="AV3468" s="53"/>
      <c r="AW3468" s="53"/>
      <c r="AX3468" s="53"/>
      <c r="AY3468" s="53"/>
      <c r="AZ3468" s="53"/>
      <c r="BA3468" s="53">
        <v>700000000</v>
      </c>
      <c r="BB3468" s="53"/>
      <c r="BC3468" s="53"/>
      <c r="BD3468" s="53"/>
      <c r="BE3468" s="53"/>
      <c r="BF3468" s="53"/>
      <c r="BG3468" s="53">
        <v>650000000</v>
      </c>
      <c r="BH3468" s="53"/>
      <c r="BI3468" s="53"/>
      <c r="BJ3468" s="53"/>
      <c r="BK3468" s="53"/>
      <c r="BL3468" s="53"/>
      <c r="BM3468" s="53"/>
      <c r="BN3468" s="53">
        <v>650000000</v>
      </c>
      <c r="BO3468" s="53"/>
      <c r="BP3468" s="53"/>
      <c r="BQ3468" s="53"/>
      <c r="BR3468" s="53"/>
      <c r="BS3468" s="53"/>
      <c r="BT3468" s="53">
        <v>1250000000</v>
      </c>
      <c r="BU3468" s="53"/>
      <c r="BV3468" s="53"/>
      <c r="BW3468" s="53"/>
      <c r="BX3468" s="53"/>
      <c r="BY3468" s="53"/>
      <c r="BZ3468" s="53"/>
      <c r="CA3468" s="53">
        <v>1250000000</v>
      </c>
      <c r="CB3468" s="53"/>
      <c r="CC3468" s="53"/>
      <c r="CD3468" s="53"/>
      <c r="CE3468" s="53"/>
      <c r="CF3468" s="53"/>
      <c r="CG3468" s="53"/>
      <c r="CH3468" s="53"/>
      <c r="CI3468" s="53"/>
      <c r="CJ3468" s="53"/>
      <c r="CK3468" s="53"/>
      <c r="CL3468" s="53"/>
      <c r="CM3468" s="53"/>
      <c r="CN3468" s="53"/>
    </row>
    <row r="3469" spans="1:92" outlineLevel="1">
      <c r="A3469" s="52" t="s">
        <v>1220</v>
      </c>
      <c r="B3469" s="53"/>
      <c r="C3469" s="53"/>
      <c r="D3469" s="53"/>
      <c r="E3469" s="53"/>
      <c r="F3469" s="53"/>
      <c r="G3469" s="53"/>
      <c r="H3469" s="53"/>
      <c r="I3469" s="53"/>
      <c r="J3469" s="53"/>
      <c r="K3469" s="53"/>
      <c r="L3469" s="53"/>
      <c r="M3469" s="53"/>
      <c r="N3469" s="53"/>
      <c r="O3469" s="53"/>
      <c r="P3469" s="53"/>
      <c r="Q3469" s="53"/>
      <c r="R3469" s="53"/>
      <c r="S3469" s="53"/>
      <c r="T3469" s="53"/>
      <c r="U3469" s="53"/>
      <c r="V3469" s="53"/>
      <c r="W3469" s="53"/>
      <c r="X3469" s="53"/>
      <c r="Y3469" s="53"/>
      <c r="Z3469" s="53"/>
      <c r="AA3469" s="53"/>
      <c r="AB3469" s="53"/>
      <c r="AC3469" s="53"/>
      <c r="AD3469" s="53"/>
      <c r="AE3469" s="53"/>
      <c r="AF3469" s="53"/>
      <c r="AG3469" s="53"/>
      <c r="AH3469" s="53"/>
      <c r="AI3469" s="53"/>
      <c r="AJ3469" s="53"/>
      <c r="AK3469" s="53"/>
      <c r="AL3469" s="53"/>
      <c r="AM3469" s="53"/>
      <c r="AN3469" s="53"/>
      <c r="AO3469" s="53"/>
      <c r="AP3469" s="53"/>
      <c r="AQ3469" s="53"/>
      <c r="AR3469" s="53"/>
      <c r="AS3469" s="53"/>
      <c r="AT3469" s="53"/>
      <c r="AU3469" s="53"/>
      <c r="AV3469" s="53"/>
      <c r="AW3469" s="53"/>
      <c r="AX3469" s="53"/>
      <c r="AY3469" s="53"/>
      <c r="AZ3469" s="53"/>
      <c r="BA3469" s="53"/>
      <c r="BB3469" s="53"/>
      <c r="BC3469" s="53"/>
      <c r="BD3469" s="53"/>
      <c r="BE3469" s="53"/>
      <c r="BF3469" s="53"/>
      <c r="BG3469" s="53"/>
      <c r="BH3469" s="53"/>
      <c r="BI3469" s="53"/>
      <c r="BJ3469" s="53"/>
      <c r="BK3469" s="53"/>
      <c r="BL3469" s="53"/>
      <c r="BM3469" s="53"/>
      <c r="BN3469" s="53"/>
      <c r="BO3469" s="53"/>
      <c r="BP3469" s="53"/>
      <c r="BQ3469" s="53"/>
      <c r="BR3469" s="53"/>
      <c r="BS3469" s="53"/>
      <c r="BT3469" s="53"/>
      <c r="BU3469" s="53"/>
      <c r="BV3469" s="53"/>
      <c r="BW3469" s="53"/>
      <c r="BX3469" s="53"/>
      <c r="BY3469" s="53"/>
      <c r="BZ3469" s="53"/>
      <c r="CA3469" s="53"/>
      <c r="CB3469" s="53">
        <v>55.629169616963701</v>
      </c>
      <c r="CC3469" s="53">
        <v>-118527.992421829</v>
      </c>
      <c r="CD3469" s="53">
        <v>-271161.910337882</v>
      </c>
      <c r="CE3469" s="53">
        <v>-163979.67908107699</v>
      </c>
      <c r="CF3469" s="53">
        <v>-103147.151358605</v>
      </c>
      <c r="CG3469" s="53">
        <v>118485.700884622</v>
      </c>
      <c r="CH3469" s="53">
        <v>167170.32952621099</v>
      </c>
      <c r="CI3469" s="53">
        <v>131386.505096259</v>
      </c>
      <c r="CJ3469" s="53">
        <v>75596.265138896793</v>
      </c>
      <c r="CK3469" s="53">
        <v>-40754.793614753602</v>
      </c>
      <c r="CL3469" s="53">
        <v>116359.073016661</v>
      </c>
      <c r="CM3469" s="53">
        <v>88518.023981879596</v>
      </c>
      <c r="CN3469" s="53">
        <v>-5.6843418860808005E-10</v>
      </c>
    </row>
    <row r="3470" spans="1:92" outlineLevel="1">
      <c r="A3470" s="52" t="s">
        <v>649</v>
      </c>
      <c r="B3470" s="53"/>
      <c r="C3470" s="53"/>
      <c r="D3470" s="53"/>
      <c r="E3470" s="53"/>
      <c r="F3470" s="53"/>
      <c r="G3470" s="53"/>
      <c r="H3470" s="53"/>
      <c r="I3470" s="53"/>
      <c r="J3470" s="53"/>
      <c r="K3470" s="53"/>
      <c r="L3470" s="53"/>
      <c r="M3470" s="53"/>
      <c r="N3470" s="53"/>
      <c r="O3470" s="53">
        <v>691286528.74057901</v>
      </c>
      <c r="P3470" s="53">
        <v>640850776.38673306</v>
      </c>
      <c r="Q3470" s="53">
        <v>747112323.97426796</v>
      </c>
      <c r="R3470" s="53">
        <v>804127382.51984704</v>
      </c>
      <c r="S3470" s="53">
        <v>848837587.29495704</v>
      </c>
      <c r="T3470" s="53">
        <v>266203941.454465</v>
      </c>
      <c r="U3470" s="53">
        <v>156791960.200288</v>
      </c>
      <c r="V3470" s="53"/>
      <c r="W3470" s="53"/>
      <c r="X3470" s="53"/>
      <c r="Y3470" s="53"/>
      <c r="Z3470" s="53">
        <v>160584988.64838701</v>
      </c>
      <c r="AA3470" s="53">
        <v>4315795489.2195196</v>
      </c>
      <c r="AB3470" s="53">
        <v>145146799.75453001</v>
      </c>
      <c r="AC3470" s="53">
        <v>43986462.048842996</v>
      </c>
      <c r="AD3470" s="53">
        <v>126073770.957846</v>
      </c>
      <c r="AE3470" s="53">
        <v>958100711.50871003</v>
      </c>
      <c r="AF3470" s="53">
        <v>997092550.63431501</v>
      </c>
      <c r="AG3470" s="53">
        <v>1089790129.6900799</v>
      </c>
      <c r="AH3470" s="53">
        <v>1010243814.99792</v>
      </c>
      <c r="AI3470" s="53"/>
      <c r="AJ3470" s="53"/>
      <c r="AK3470" s="53"/>
      <c r="AL3470" s="53"/>
      <c r="AM3470" s="53">
        <v>5938772.7716698796</v>
      </c>
      <c r="AN3470" s="53">
        <v>4376373012.3639202</v>
      </c>
      <c r="AO3470" s="53">
        <v>37208835.7320804</v>
      </c>
      <c r="AP3470" s="53">
        <v>27491554.847943299</v>
      </c>
      <c r="AQ3470" s="53">
        <v>189077993.35148901</v>
      </c>
      <c r="AR3470" s="53">
        <v>271867626.10165399</v>
      </c>
      <c r="AS3470" s="53">
        <v>374588955.818542</v>
      </c>
      <c r="AT3470" s="53"/>
      <c r="AU3470" s="53"/>
      <c r="AV3470" s="53"/>
      <c r="AW3470" s="53"/>
      <c r="AX3470" s="53"/>
      <c r="AY3470" s="53"/>
      <c r="AZ3470" s="53">
        <v>131852214.951662</v>
      </c>
      <c r="BA3470" s="53">
        <v>1032087180.80337</v>
      </c>
      <c r="BB3470" s="53">
        <v>196512174.79109901</v>
      </c>
      <c r="BC3470" s="53">
        <v>168300839.92753699</v>
      </c>
      <c r="BD3470" s="53">
        <v>279697063.07687598</v>
      </c>
      <c r="BE3470" s="53">
        <v>284151828.04402</v>
      </c>
      <c r="BF3470" s="53">
        <v>363591134.76955199</v>
      </c>
      <c r="BG3470" s="53"/>
      <c r="BH3470" s="53"/>
      <c r="BI3470" s="53"/>
      <c r="BJ3470" s="53"/>
      <c r="BK3470" s="53"/>
      <c r="BL3470" s="53"/>
      <c r="BM3470" s="53">
        <v>180915258.75754201</v>
      </c>
      <c r="BN3470" s="53">
        <v>1473168299.3666201</v>
      </c>
      <c r="BO3470" s="53">
        <v>888992446.32978797</v>
      </c>
      <c r="BP3470" s="53">
        <v>858047614.98357701</v>
      </c>
      <c r="BQ3470" s="53">
        <v>973328736.45499504</v>
      </c>
      <c r="BR3470" s="53">
        <v>974042396.54382598</v>
      </c>
      <c r="BS3470" s="53">
        <v>1048936334.2269599</v>
      </c>
      <c r="BT3470" s="53"/>
      <c r="BU3470" s="53"/>
      <c r="BV3470" s="53"/>
      <c r="BW3470" s="53"/>
      <c r="BX3470" s="53"/>
      <c r="BY3470" s="53"/>
      <c r="BZ3470" s="53">
        <v>186734302.987297</v>
      </c>
      <c r="CA3470" s="53">
        <v>4930081831.5264502</v>
      </c>
      <c r="CB3470" s="53"/>
      <c r="CC3470" s="53"/>
      <c r="CD3470" s="53"/>
      <c r="CE3470" s="53"/>
      <c r="CF3470" s="53"/>
      <c r="CG3470" s="53"/>
      <c r="CH3470" s="53"/>
      <c r="CI3470" s="53"/>
      <c r="CJ3470" s="53"/>
      <c r="CK3470" s="53"/>
      <c r="CL3470" s="53"/>
      <c r="CM3470" s="53"/>
      <c r="CN3470" s="53"/>
    </row>
    <row r="3471" spans="1:92" outlineLevel="1">
      <c r="A3471" s="52" t="s">
        <v>741</v>
      </c>
      <c r="B3471" s="53"/>
      <c r="C3471" s="53"/>
      <c r="D3471" s="53"/>
      <c r="E3471" s="53"/>
      <c r="F3471" s="53"/>
      <c r="G3471" s="53"/>
      <c r="H3471" s="53"/>
      <c r="I3471" s="53"/>
      <c r="J3471" s="53"/>
      <c r="K3471" s="53"/>
      <c r="L3471" s="53"/>
      <c r="M3471" s="53"/>
      <c r="N3471" s="53"/>
      <c r="O3471" s="53"/>
      <c r="P3471" s="53"/>
      <c r="Q3471" s="53"/>
      <c r="R3471" s="53"/>
      <c r="S3471" s="53"/>
      <c r="T3471" s="53"/>
      <c r="U3471" s="53"/>
      <c r="V3471" s="53"/>
      <c r="W3471" s="53"/>
      <c r="X3471" s="53"/>
      <c r="Y3471" s="53"/>
      <c r="Z3471" s="53"/>
      <c r="AA3471" s="53"/>
      <c r="AB3471" s="53"/>
      <c r="AC3471" s="53"/>
      <c r="AD3471" s="53"/>
      <c r="AE3471" s="53"/>
      <c r="AF3471" s="53"/>
      <c r="AG3471" s="53"/>
      <c r="AH3471" s="53"/>
      <c r="AI3471" s="53"/>
      <c r="AJ3471" s="53"/>
      <c r="AK3471" s="53"/>
      <c r="AL3471" s="53"/>
      <c r="AM3471" s="53"/>
      <c r="AN3471" s="53"/>
      <c r="AO3471" s="53"/>
      <c r="AP3471" s="53"/>
      <c r="AQ3471" s="53"/>
      <c r="AR3471" s="53"/>
      <c r="AS3471" s="53"/>
      <c r="AT3471" s="53"/>
      <c r="AU3471" s="53"/>
      <c r="AV3471" s="53"/>
      <c r="AW3471" s="53"/>
      <c r="AX3471" s="53"/>
      <c r="AY3471" s="53"/>
      <c r="AZ3471" s="53"/>
      <c r="BA3471" s="53"/>
      <c r="BB3471" s="53"/>
      <c r="BC3471" s="53"/>
      <c r="BD3471" s="53"/>
      <c r="BE3471" s="53"/>
      <c r="BF3471" s="53"/>
      <c r="BG3471" s="53"/>
      <c r="BH3471" s="53"/>
      <c r="BI3471" s="53"/>
      <c r="BJ3471" s="53"/>
      <c r="BK3471" s="53"/>
      <c r="BL3471" s="53"/>
      <c r="BM3471" s="53"/>
      <c r="BN3471" s="53"/>
      <c r="BO3471" s="53"/>
      <c r="BP3471" s="53"/>
      <c r="BQ3471" s="53"/>
      <c r="BR3471" s="53"/>
      <c r="BS3471" s="53"/>
      <c r="BT3471" s="53"/>
      <c r="BU3471" s="53"/>
      <c r="BV3471" s="53"/>
      <c r="BW3471" s="53"/>
      <c r="BX3471" s="53"/>
      <c r="BY3471" s="53"/>
      <c r="BZ3471" s="53"/>
      <c r="CA3471" s="53"/>
      <c r="CB3471" s="53">
        <v>2.2951805065560901E-10</v>
      </c>
      <c r="CC3471" s="53">
        <v>2.2951805065560901E-10</v>
      </c>
      <c r="CD3471" s="53">
        <v>2.2951805065560901E-10</v>
      </c>
      <c r="CE3471" s="53">
        <v>2.2951805065560901E-10</v>
      </c>
      <c r="CF3471" s="53">
        <v>2.2951805065560901E-10</v>
      </c>
      <c r="CG3471" s="53">
        <v>2.2951805065560901E-10</v>
      </c>
      <c r="CH3471" s="53">
        <v>2.2951805065560901E-10</v>
      </c>
      <c r="CI3471" s="53">
        <v>2.2951805065560901E-10</v>
      </c>
      <c r="CJ3471" s="53">
        <v>2.2951805065560901E-10</v>
      </c>
      <c r="CK3471" s="53">
        <v>2.2951805065560901E-10</v>
      </c>
      <c r="CL3471" s="53">
        <v>2.2951805065560901E-10</v>
      </c>
      <c r="CM3471" s="53">
        <v>2.2951805065560901E-10</v>
      </c>
      <c r="CN3471" s="53">
        <v>2.75421660786731E-9</v>
      </c>
    </row>
    <row r="3472" spans="1:92" outlineLevel="1">
      <c r="A3472" s="52" t="s">
        <v>1521</v>
      </c>
      <c r="B3472" s="53"/>
      <c r="C3472" s="53"/>
      <c r="D3472" s="53"/>
      <c r="E3472" s="53"/>
      <c r="F3472" s="53"/>
      <c r="G3472" s="53"/>
      <c r="H3472" s="53"/>
      <c r="I3472" s="53"/>
      <c r="J3472" s="53"/>
      <c r="K3472" s="53"/>
      <c r="L3472" s="53"/>
      <c r="M3472" s="53"/>
      <c r="N3472" s="53"/>
      <c r="O3472" s="53"/>
      <c r="P3472" s="53"/>
      <c r="Q3472" s="53"/>
      <c r="R3472" s="53"/>
      <c r="S3472" s="53"/>
      <c r="T3472" s="53"/>
      <c r="U3472" s="53"/>
      <c r="V3472" s="53"/>
      <c r="W3472" s="53"/>
      <c r="X3472" s="53"/>
      <c r="Y3472" s="53"/>
      <c r="Z3472" s="53"/>
      <c r="AA3472" s="53"/>
      <c r="AB3472" s="53"/>
      <c r="AC3472" s="53"/>
      <c r="AD3472" s="53"/>
      <c r="AE3472" s="53"/>
      <c r="AF3472" s="53"/>
      <c r="AG3472" s="53"/>
      <c r="AH3472" s="53"/>
      <c r="AI3472" s="53"/>
      <c r="AJ3472" s="53"/>
      <c r="AK3472" s="53"/>
      <c r="AL3472" s="53"/>
      <c r="AM3472" s="53"/>
      <c r="AN3472" s="53"/>
      <c r="AO3472" s="53"/>
      <c r="AP3472" s="53"/>
      <c r="AQ3472" s="53"/>
      <c r="AR3472" s="53"/>
      <c r="AS3472" s="53"/>
      <c r="AT3472" s="53"/>
      <c r="AU3472" s="53"/>
      <c r="AV3472" s="53"/>
      <c r="AW3472" s="53"/>
      <c r="AX3472" s="53"/>
      <c r="AY3472" s="53"/>
      <c r="AZ3472" s="53"/>
      <c r="BA3472" s="53"/>
      <c r="BB3472" s="53"/>
      <c r="BC3472" s="53"/>
      <c r="BD3472" s="53"/>
      <c r="BE3472" s="53"/>
      <c r="BF3472" s="53"/>
      <c r="BG3472" s="53"/>
      <c r="BH3472" s="53"/>
      <c r="BI3472" s="53"/>
      <c r="BJ3472" s="53"/>
      <c r="BK3472" s="53"/>
      <c r="BL3472" s="53"/>
      <c r="BM3472" s="53"/>
      <c r="BN3472" s="53"/>
      <c r="BO3472" s="53"/>
      <c r="BP3472" s="53"/>
      <c r="BQ3472" s="53"/>
      <c r="BR3472" s="53"/>
      <c r="BS3472" s="53"/>
      <c r="BT3472" s="53"/>
      <c r="BU3472" s="53"/>
      <c r="BV3472" s="53"/>
      <c r="BW3472" s="53"/>
      <c r="BX3472" s="53"/>
      <c r="BY3472" s="53"/>
      <c r="BZ3472" s="53"/>
      <c r="CA3472" s="53"/>
      <c r="CB3472" s="53"/>
      <c r="CC3472" s="53"/>
      <c r="CD3472" s="53"/>
      <c r="CE3472" s="53"/>
      <c r="CF3472" s="53"/>
      <c r="CG3472" s="53"/>
      <c r="CH3472" s="53"/>
      <c r="CI3472" s="53"/>
      <c r="CJ3472" s="53"/>
      <c r="CK3472" s="53"/>
      <c r="CL3472" s="53"/>
      <c r="CM3472" s="53"/>
      <c r="CN3472" s="53"/>
    </row>
    <row r="3473" spans="1:92" outlineLevel="1">
      <c r="A3473" s="52" t="s">
        <v>649</v>
      </c>
      <c r="B3473" s="53"/>
      <c r="C3473" s="53"/>
      <c r="D3473" s="53">
        <v>5586250</v>
      </c>
      <c r="E3473" s="53"/>
      <c r="F3473" s="53"/>
      <c r="G3473" s="53">
        <v>5586250</v>
      </c>
      <c r="H3473" s="53"/>
      <c r="I3473" s="53"/>
      <c r="J3473" s="53">
        <v>5586250</v>
      </c>
      <c r="K3473" s="53"/>
      <c r="L3473" s="53"/>
      <c r="M3473" s="53">
        <v>5586250</v>
      </c>
      <c r="N3473" s="53">
        <v>22345000</v>
      </c>
      <c r="O3473" s="53"/>
      <c r="P3473" s="53"/>
      <c r="Q3473" s="53"/>
      <c r="R3473" s="53"/>
      <c r="S3473" s="53"/>
      <c r="T3473" s="53"/>
      <c r="U3473" s="53"/>
      <c r="V3473" s="53"/>
      <c r="W3473" s="53"/>
      <c r="X3473" s="53"/>
      <c r="Y3473" s="53"/>
      <c r="Z3473" s="53"/>
      <c r="AA3473" s="53"/>
      <c r="AB3473" s="53"/>
      <c r="AC3473" s="53"/>
      <c r="AD3473" s="53"/>
      <c r="AE3473" s="53"/>
      <c r="AF3473" s="53"/>
      <c r="AG3473" s="53"/>
      <c r="AH3473" s="53"/>
      <c r="AI3473" s="53"/>
      <c r="AJ3473" s="53"/>
      <c r="AK3473" s="53"/>
      <c r="AL3473" s="53"/>
      <c r="AM3473" s="53"/>
      <c r="AN3473" s="53"/>
      <c r="AO3473" s="53"/>
      <c r="AP3473" s="53"/>
      <c r="AQ3473" s="53"/>
      <c r="AR3473" s="53"/>
      <c r="AS3473" s="53"/>
      <c r="AT3473" s="53"/>
      <c r="AU3473" s="53"/>
      <c r="AV3473" s="53"/>
      <c r="AW3473" s="53"/>
      <c r="AX3473" s="53"/>
      <c r="AY3473" s="53"/>
      <c r="AZ3473" s="53"/>
      <c r="BA3473" s="53"/>
      <c r="BB3473" s="53"/>
      <c r="BC3473" s="53"/>
      <c r="BD3473" s="53"/>
      <c r="BE3473" s="53"/>
      <c r="BF3473" s="53"/>
      <c r="BG3473" s="53"/>
      <c r="BH3473" s="53"/>
      <c r="BI3473" s="53"/>
      <c r="BJ3473" s="53"/>
      <c r="BK3473" s="53"/>
      <c r="BL3473" s="53"/>
      <c r="BM3473" s="53"/>
      <c r="BN3473" s="53"/>
      <c r="BO3473" s="53"/>
      <c r="BP3473" s="53"/>
      <c r="BQ3473" s="53"/>
      <c r="BR3473" s="53"/>
      <c r="BS3473" s="53"/>
      <c r="BT3473" s="53"/>
      <c r="BU3473" s="53"/>
      <c r="BV3473" s="53"/>
      <c r="BW3473" s="53"/>
      <c r="BX3473" s="53"/>
      <c r="BY3473" s="53"/>
      <c r="BZ3473" s="53"/>
      <c r="CA3473" s="53"/>
      <c r="CB3473" s="53"/>
      <c r="CC3473" s="53"/>
      <c r="CD3473" s="53"/>
      <c r="CE3473" s="53"/>
      <c r="CF3473" s="53"/>
      <c r="CG3473" s="53"/>
      <c r="CH3473" s="53"/>
      <c r="CI3473" s="53"/>
      <c r="CJ3473" s="53"/>
      <c r="CK3473" s="53"/>
      <c r="CL3473" s="53"/>
      <c r="CM3473" s="53"/>
      <c r="CN3473" s="53"/>
    </row>
    <row r="3474" spans="1:92" outlineLevel="1">
      <c r="A3474" s="52" t="s">
        <v>700</v>
      </c>
      <c r="B3474" s="53"/>
      <c r="C3474" s="53"/>
      <c r="D3474" s="53"/>
      <c r="E3474" s="53"/>
      <c r="F3474" s="53"/>
      <c r="G3474" s="53"/>
      <c r="H3474" s="53"/>
      <c r="I3474" s="53"/>
      <c r="J3474" s="53"/>
      <c r="K3474" s="53"/>
      <c r="L3474" s="53"/>
      <c r="M3474" s="53"/>
      <c r="N3474" s="53"/>
      <c r="O3474" s="53"/>
      <c r="P3474" s="53"/>
      <c r="Q3474" s="53"/>
      <c r="R3474" s="53"/>
      <c r="S3474" s="53"/>
      <c r="T3474" s="53"/>
      <c r="U3474" s="53"/>
      <c r="V3474" s="53"/>
      <c r="W3474" s="53"/>
      <c r="X3474" s="53"/>
      <c r="Y3474" s="53"/>
      <c r="Z3474" s="53"/>
      <c r="AA3474" s="53"/>
      <c r="AB3474" s="53"/>
      <c r="AC3474" s="53"/>
      <c r="AD3474" s="53"/>
      <c r="AE3474" s="53"/>
      <c r="AF3474" s="53"/>
      <c r="AG3474" s="53"/>
      <c r="AH3474" s="53"/>
      <c r="AI3474" s="53"/>
      <c r="AJ3474" s="53"/>
      <c r="AK3474" s="53"/>
      <c r="AL3474" s="53"/>
      <c r="AM3474" s="53"/>
      <c r="AN3474" s="53"/>
      <c r="AO3474" s="53"/>
      <c r="AP3474" s="53"/>
      <c r="AQ3474" s="53"/>
      <c r="AR3474" s="53"/>
      <c r="AS3474" s="53"/>
      <c r="AT3474" s="53"/>
      <c r="AU3474" s="53"/>
      <c r="AV3474" s="53"/>
      <c r="AW3474" s="53"/>
      <c r="AX3474" s="53"/>
      <c r="AY3474" s="53"/>
      <c r="AZ3474" s="53"/>
      <c r="BA3474" s="53"/>
      <c r="BB3474" s="53"/>
      <c r="BC3474" s="53"/>
      <c r="BD3474" s="53"/>
      <c r="BE3474" s="53"/>
      <c r="BF3474" s="53"/>
      <c r="BG3474" s="53"/>
      <c r="BH3474" s="53"/>
      <c r="BI3474" s="53"/>
      <c r="BJ3474" s="53"/>
      <c r="BK3474" s="53"/>
      <c r="BL3474" s="53"/>
      <c r="BM3474" s="53"/>
      <c r="BN3474" s="53"/>
      <c r="BO3474" s="53"/>
      <c r="BP3474" s="53"/>
      <c r="BQ3474" s="53"/>
      <c r="BR3474" s="53"/>
      <c r="BS3474" s="53"/>
      <c r="BT3474" s="53"/>
      <c r="BU3474" s="53"/>
      <c r="BV3474" s="53"/>
      <c r="BW3474" s="53"/>
      <c r="BX3474" s="53"/>
      <c r="BY3474" s="53"/>
      <c r="BZ3474" s="53"/>
      <c r="CA3474" s="53"/>
      <c r="CB3474" s="53">
        <v>4885623.74</v>
      </c>
      <c r="CC3474" s="53">
        <v>6821191.2000000002</v>
      </c>
      <c r="CD3474" s="53">
        <v>9361606.4399999995</v>
      </c>
      <c r="CE3474" s="53">
        <v>11484163.4099999</v>
      </c>
      <c r="CF3474" s="53">
        <v>15932844.34</v>
      </c>
      <c r="CG3474" s="53">
        <v>19003359.25</v>
      </c>
      <c r="CH3474" s="53">
        <v>22266829.359999999</v>
      </c>
      <c r="CI3474" s="53">
        <v>21989061.1199999</v>
      </c>
      <c r="CJ3474" s="53">
        <v>19896695.09</v>
      </c>
      <c r="CK3474" s="53">
        <v>14892568.92</v>
      </c>
      <c r="CL3474" s="53">
        <v>7069373.5300000003</v>
      </c>
      <c r="CM3474" s="53">
        <v>2914802.36</v>
      </c>
      <c r="CN3474" s="53">
        <v>156518118.75999999</v>
      </c>
    </row>
    <row r="3475" spans="1:92" outlineLevel="1">
      <c r="A3475" s="52" t="s">
        <v>1545</v>
      </c>
      <c r="B3475" s="53"/>
      <c r="C3475" s="53"/>
      <c r="D3475" s="53"/>
      <c r="E3475" s="53"/>
      <c r="F3475" s="53"/>
      <c r="G3475" s="53"/>
      <c r="H3475" s="53"/>
      <c r="I3475" s="53"/>
      <c r="J3475" s="53"/>
      <c r="K3475" s="53"/>
      <c r="L3475" s="53"/>
      <c r="M3475" s="53"/>
      <c r="N3475" s="53"/>
      <c r="O3475" s="53"/>
      <c r="P3475" s="53"/>
      <c r="Q3475" s="53"/>
      <c r="R3475" s="53"/>
      <c r="S3475" s="53"/>
      <c r="T3475" s="53"/>
      <c r="U3475" s="53"/>
      <c r="V3475" s="53"/>
      <c r="W3475" s="53"/>
      <c r="X3475" s="53"/>
      <c r="Y3475" s="53"/>
      <c r="Z3475" s="53"/>
      <c r="AA3475" s="53"/>
      <c r="AB3475" s="53"/>
      <c r="AC3475" s="53"/>
      <c r="AD3475" s="53"/>
      <c r="AE3475" s="53"/>
      <c r="AF3475" s="53"/>
      <c r="AG3475" s="53"/>
      <c r="AH3475" s="53"/>
      <c r="AI3475" s="53"/>
      <c r="AJ3475" s="53"/>
      <c r="AK3475" s="53"/>
      <c r="AL3475" s="53"/>
      <c r="AM3475" s="53"/>
      <c r="AN3475" s="53"/>
      <c r="AO3475" s="53"/>
      <c r="AP3475" s="53"/>
      <c r="AQ3475" s="53"/>
      <c r="AR3475" s="53"/>
      <c r="AS3475" s="53"/>
      <c r="AT3475" s="53"/>
      <c r="AU3475" s="53"/>
      <c r="AV3475" s="53"/>
      <c r="AW3475" s="53"/>
      <c r="AX3475" s="53"/>
      <c r="AY3475" s="53"/>
      <c r="AZ3475" s="53"/>
      <c r="BA3475" s="53"/>
      <c r="BB3475" s="53"/>
      <c r="BC3475" s="53"/>
      <c r="BD3475" s="53"/>
      <c r="BE3475" s="53"/>
      <c r="BF3475" s="53"/>
      <c r="BG3475" s="53"/>
      <c r="BH3475" s="53"/>
      <c r="BI3475" s="53"/>
      <c r="BJ3475" s="53"/>
      <c r="BK3475" s="53"/>
      <c r="BL3475" s="53"/>
      <c r="BM3475" s="53"/>
      <c r="BN3475" s="53"/>
      <c r="BO3475" s="53"/>
      <c r="BP3475" s="53"/>
      <c r="BQ3475" s="53"/>
      <c r="BR3475" s="53"/>
      <c r="BS3475" s="53"/>
      <c r="BT3475" s="53"/>
      <c r="BU3475" s="53"/>
      <c r="BV3475" s="53"/>
      <c r="BW3475" s="53"/>
      <c r="BX3475" s="53"/>
      <c r="BY3475" s="53"/>
      <c r="BZ3475" s="53"/>
      <c r="CA3475" s="53"/>
      <c r="CB3475" s="53"/>
      <c r="CC3475" s="53"/>
      <c r="CD3475" s="53"/>
      <c r="CE3475" s="53"/>
      <c r="CF3475" s="53"/>
      <c r="CG3475" s="53"/>
      <c r="CH3475" s="53"/>
      <c r="CI3475" s="53"/>
      <c r="CJ3475" s="53"/>
      <c r="CK3475" s="53"/>
      <c r="CL3475" s="53"/>
      <c r="CM3475" s="53"/>
      <c r="CN3475" s="53"/>
    </row>
    <row r="3476" spans="1:92" outlineLevel="1">
      <c r="A3476" s="52" t="s">
        <v>649</v>
      </c>
      <c r="B3476" s="53"/>
      <c r="C3476" s="53">
        <v>41299889.189999998</v>
      </c>
      <c r="D3476" s="53">
        <v>-44148894.339999899</v>
      </c>
      <c r="E3476" s="53">
        <v>20009216.609999999</v>
      </c>
      <c r="F3476" s="53">
        <v>25699052.4599999</v>
      </c>
      <c r="G3476" s="53">
        <v>-2588740.4500000002</v>
      </c>
      <c r="H3476" s="53">
        <v>33882161.280000001</v>
      </c>
      <c r="I3476" s="53">
        <v>43328605.619999997</v>
      </c>
      <c r="J3476" s="53">
        <v>-155288185.47999999</v>
      </c>
      <c r="K3476" s="53">
        <v>23355241.239999998</v>
      </c>
      <c r="L3476" s="53">
        <v>-80388057.909999996</v>
      </c>
      <c r="M3476" s="53">
        <v>62971865.200000003</v>
      </c>
      <c r="N3476" s="53">
        <v>-31867846.579999901</v>
      </c>
      <c r="O3476" s="53">
        <v>37865103.3442581</v>
      </c>
      <c r="P3476" s="53">
        <v>1131054.34314039</v>
      </c>
      <c r="Q3476" s="53">
        <v>12492542.1691538</v>
      </c>
      <c r="R3476" s="53">
        <v>17636359.837863602</v>
      </c>
      <c r="S3476" s="53">
        <v>28710720.1790937</v>
      </c>
      <c r="T3476" s="53">
        <v>45304257.125916503</v>
      </c>
      <c r="U3476" s="53">
        <v>34693304.274804801</v>
      </c>
      <c r="V3476" s="53">
        <v>63263407.212860197</v>
      </c>
      <c r="W3476" s="53">
        <v>38595087.7452024</v>
      </c>
      <c r="X3476" s="53">
        <v>22058097.085769299</v>
      </c>
      <c r="Y3476" s="53">
        <v>6094028.8559284704</v>
      </c>
      <c r="Z3476" s="53">
        <v>39508320.432936497</v>
      </c>
      <c r="AA3476" s="53">
        <v>347352282.60692799</v>
      </c>
      <c r="AB3476" s="53">
        <v>44982271.174240403</v>
      </c>
      <c r="AC3476" s="53">
        <v>9418362.4007743094</v>
      </c>
      <c r="AD3476" s="53">
        <v>13245724.0235334</v>
      </c>
      <c r="AE3476" s="53">
        <v>10394165.160293199</v>
      </c>
      <c r="AF3476" s="53">
        <v>21247970.125796601</v>
      </c>
      <c r="AG3476" s="53">
        <v>33075821.331933301</v>
      </c>
      <c r="AH3476" s="53">
        <v>30540579.781497698</v>
      </c>
      <c r="AI3476" s="53">
        <v>57406203.065954998</v>
      </c>
      <c r="AJ3476" s="53">
        <v>29160773.6440151</v>
      </c>
      <c r="AK3476" s="53">
        <v>15476615.286668099</v>
      </c>
      <c r="AL3476" s="53">
        <v>971948.721715705</v>
      </c>
      <c r="AM3476" s="53">
        <v>30526545.963097099</v>
      </c>
      <c r="AN3476" s="53">
        <v>296446980.67952001</v>
      </c>
      <c r="AO3476" s="53">
        <v>23081134.660026401</v>
      </c>
      <c r="AP3476" s="53">
        <v>-9629434.6873962805</v>
      </c>
      <c r="AQ3476" s="53">
        <v>-10426351.203508001</v>
      </c>
      <c r="AR3476" s="53">
        <v>-3150617.7737994599</v>
      </c>
      <c r="AS3476" s="53">
        <v>6595064.8513809098</v>
      </c>
      <c r="AT3476" s="53">
        <v>11735229.152884999</v>
      </c>
      <c r="AU3476" s="53">
        <v>14194670.024472401</v>
      </c>
      <c r="AV3476" s="53">
        <v>37583723.997091196</v>
      </c>
      <c r="AW3476" s="53">
        <v>8845123.8880278897</v>
      </c>
      <c r="AX3476" s="53">
        <v>1511243.7832522599</v>
      </c>
      <c r="AY3476" s="53">
        <v>-11930069.2085458</v>
      </c>
      <c r="AZ3476" s="53">
        <v>10855375.2184547</v>
      </c>
      <c r="BA3476" s="53">
        <v>79265092.702341393</v>
      </c>
      <c r="BB3476" s="53">
        <v>21888624.6300973</v>
      </c>
      <c r="BC3476" s="53">
        <v>-11271275.060912499</v>
      </c>
      <c r="BD3476" s="53">
        <v>-11811370.919035699</v>
      </c>
      <c r="BE3476" s="53">
        <v>-4411511.7456106199</v>
      </c>
      <c r="BF3476" s="53">
        <v>5487238.0334484903</v>
      </c>
      <c r="BG3476" s="53">
        <v>11101190.3164391</v>
      </c>
      <c r="BH3476" s="53">
        <v>13405227.557574</v>
      </c>
      <c r="BI3476" s="53">
        <v>36650837.915797003</v>
      </c>
      <c r="BJ3476" s="53">
        <v>7504037.1464072699</v>
      </c>
      <c r="BK3476" s="53">
        <v>-259710.23477055301</v>
      </c>
      <c r="BL3476" s="53">
        <v>-14246110.8496993</v>
      </c>
      <c r="BM3476" s="53">
        <v>9403895.0006362908</v>
      </c>
      <c r="BN3476" s="53">
        <v>63441071.7903708</v>
      </c>
      <c r="BO3476" s="53">
        <v>20385043.800289001</v>
      </c>
      <c r="BP3476" s="53">
        <v>-12151041.4777027</v>
      </c>
      <c r="BQ3476" s="53">
        <v>-13240165.326444799</v>
      </c>
      <c r="BR3476" s="53">
        <v>-5753306.7389960801</v>
      </c>
      <c r="BS3476" s="53">
        <v>5271776.0118435901</v>
      </c>
      <c r="BT3476" s="53">
        <v>10641418.193526501</v>
      </c>
      <c r="BU3476" s="53">
        <v>13198795.906983299</v>
      </c>
      <c r="BV3476" s="53">
        <v>36556744.077083401</v>
      </c>
      <c r="BW3476" s="53">
        <v>7395982.1966443202</v>
      </c>
      <c r="BX3476" s="53">
        <v>-447742.85660072399</v>
      </c>
      <c r="BY3476" s="53">
        <v>-13521427.961851699</v>
      </c>
      <c r="BZ3476" s="53">
        <v>1784825.4440604199</v>
      </c>
      <c r="CA3476" s="53">
        <v>50120901.268834502</v>
      </c>
      <c r="CB3476" s="53">
        <v>2555737.2999999998</v>
      </c>
      <c r="CC3476" s="53">
        <v>2709377.53</v>
      </c>
      <c r="CD3476" s="53">
        <v>2658425.8399999901</v>
      </c>
      <c r="CE3476" s="53">
        <v>2110044.13</v>
      </c>
      <c r="CF3476" s="53">
        <v>2302031.2799999998</v>
      </c>
      <c r="CG3476" s="53">
        <v>2465152</v>
      </c>
      <c r="CH3476" s="53">
        <v>2104715.75</v>
      </c>
      <c r="CI3476" s="53">
        <v>3265984</v>
      </c>
      <c r="CJ3476" s="53">
        <v>2673102.46</v>
      </c>
      <c r="CK3476" s="53">
        <v>2398012.0199999898</v>
      </c>
      <c r="CL3476" s="53">
        <v>2879835.02</v>
      </c>
      <c r="CM3476" s="53">
        <v>2813547.2099999902</v>
      </c>
      <c r="CN3476" s="53">
        <v>30935964.539999899</v>
      </c>
    </row>
    <row r="3477" spans="1:92" outlineLevel="1">
      <c r="A3477" s="52" t="s">
        <v>1689</v>
      </c>
      <c r="B3477" s="53"/>
      <c r="C3477" s="53"/>
      <c r="D3477" s="53"/>
      <c r="E3477" s="53"/>
      <c r="F3477" s="53"/>
      <c r="G3477" s="53"/>
      <c r="H3477" s="53"/>
      <c r="I3477" s="53"/>
      <c r="J3477" s="53"/>
      <c r="K3477" s="53"/>
      <c r="L3477" s="53"/>
      <c r="M3477" s="53"/>
      <c r="N3477" s="53"/>
      <c r="O3477" s="53"/>
      <c r="P3477" s="53"/>
      <c r="Q3477" s="53"/>
      <c r="R3477" s="53"/>
      <c r="S3477" s="53"/>
      <c r="T3477" s="53"/>
      <c r="U3477" s="53"/>
      <c r="V3477" s="53"/>
      <c r="W3477" s="53"/>
      <c r="X3477" s="53"/>
      <c r="Y3477" s="53"/>
      <c r="Z3477" s="53"/>
      <c r="AA3477" s="53"/>
      <c r="AB3477" s="53"/>
      <c r="AC3477" s="53"/>
      <c r="AD3477" s="53"/>
      <c r="AE3477" s="53"/>
      <c r="AF3477" s="53"/>
      <c r="AG3477" s="53"/>
      <c r="AH3477" s="53"/>
      <c r="AI3477" s="53"/>
      <c r="AJ3477" s="53"/>
      <c r="AK3477" s="53"/>
      <c r="AL3477" s="53"/>
      <c r="AM3477" s="53"/>
      <c r="AN3477" s="53"/>
      <c r="AO3477" s="53"/>
      <c r="AP3477" s="53"/>
      <c r="AQ3477" s="53"/>
      <c r="AR3477" s="53"/>
      <c r="AS3477" s="53"/>
      <c r="AT3477" s="53"/>
      <c r="AU3477" s="53"/>
      <c r="AV3477" s="53"/>
      <c r="AW3477" s="53"/>
      <c r="AX3477" s="53"/>
      <c r="AY3477" s="53"/>
      <c r="AZ3477" s="53"/>
      <c r="BA3477" s="53"/>
      <c r="BB3477" s="53"/>
      <c r="BC3477" s="53"/>
      <c r="BD3477" s="53"/>
      <c r="BE3477" s="53"/>
      <c r="BF3477" s="53"/>
      <c r="BG3477" s="53"/>
      <c r="BH3477" s="53"/>
      <c r="BI3477" s="53"/>
      <c r="BJ3477" s="53"/>
      <c r="BK3477" s="53"/>
      <c r="BL3477" s="53"/>
      <c r="BM3477" s="53"/>
      <c r="BN3477" s="53"/>
      <c r="BO3477" s="53"/>
      <c r="BP3477" s="53"/>
      <c r="BQ3477" s="53"/>
      <c r="BR3477" s="53"/>
      <c r="BS3477" s="53"/>
      <c r="BT3477" s="53"/>
      <c r="BU3477" s="53"/>
      <c r="BV3477" s="53"/>
      <c r="BW3477" s="53"/>
      <c r="BX3477" s="53"/>
      <c r="BY3477" s="53"/>
      <c r="BZ3477" s="53"/>
      <c r="CA3477" s="53"/>
      <c r="CB3477" s="53"/>
      <c r="CC3477" s="53"/>
      <c r="CD3477" s="53"/>
      <c r="CE3477" s="53"/>
      <c r="CF3477" s="53"/>
      <c r="CG3477" s="53"/>
      <c r="CH3477" s="53"/>
      <c r="CI3477" s="53"/>
      <c r="CJ3477" s="53"/>
      <c r="CK3477" s="53"/>
      <c r="CL3477" s="53"/>
      <c r="CM3477" s="53"/>
      <c r="CN3477" s="53"/>
    </row>
    <row r="3478" spans="1:92" outlineLevel="1">
      <c r="A3478" s="52" t="s">
        <v>649</v>
      </c>
      <c r="B3478" s="53"/>
      <c r="C3478" s="53">
        <v>-8551673.5</v>
      </c>
      <c r="D3478" s="53">
        <v>43128023.539999902</v>
      </c>
      <c r="E3478" s="53">
        <v>-4275836.75</v>
      </c>
      <c r="F3478" s="53">
        <v>-4275836.75</v>
      </c>
      <c r="G3478" s="53">
        <v>13419062.59</v>
      </c>
      <c r="H3478" s="53">
        <v>-4275836.75</v>
      </c>
      <c r="I3478" s="53">
        <v>-4275836.75</v>
      </c>
      <c r="J3478" s="53">
        <v>137409031.84</v>
      </c>
      <c r="K3478" s="53">
        <v>-4275836.75</v>
      </c>
      <c r="L3478" s="53">
        <v>81860695.310000002</v>
      </c>
      <c r="M3478" s="53">
        <v>-44448088.939999901</v>
      </c>
      <c r="N3478" s="53">
        <v>201437867.09</v>
      </c>
      <c r="O3478" s="53">
        <v>-8766868.1428179704</v>
      </c>
      <c r="P3478" s="53">
        <v>10034871.5131699</v>
      </c>
      <c r="Q3478" s="53">
        <v>-2218665.0945001198</v>
      </c>
      <c r="R3478" s="53">
        <v>-9092996.6853720006</v>
      </c>
      <c r="S3478" s="53">
        <v>-12717657.9560473</v>
      </c>
      <c r="T3478" s="53">
        <v>-18132973.566369001</v>
      </c>
      <c r="U3478" s="53">
        <v>-13376163.1264439</v>
      </c>
      <c r="V3478" s="53">
        <v>-29210273.261156101</v>
      </c>
      <c r="W3478" s="53">
        <v>-21728448.832462899</v>
      </c>
      <c r="X3478" s="53">
        <v>-9715459.1157949306</v>
      </c>
      <c r="Y3478" s="53">
        <v>-1623725.7930043901</v>
      </c>
      <c r="Z3478" s="53">
        <v>-17070182.652401201</v>
      </c>
      <c r="AA3478" s="53">
        <v>-133618542.7132</v>
      </c>
      <c r="AB3478" s="53">
        <v>-16206144.6562698</v>
      </c>
      <c r="AC3478" s="53">
        <v>632646.86909037805</v>
      </c>
      <c r="AD3478" s="53">
        <v>-5518420.5067133596</v>
      </c>
      <c r="AE3478" s="53">
        <v>-872077.04455558397</v>
      </c>
      <c r="AF3478" s="53">
        <v>-4068889.22606673</v>
      </c>
      <c r="AG3478" s="53">
        <v>-8671086.2081276104</v>
      </c>
      <c r="AH3478" s="53">
        <v>-6500058.6095019002</v>
      </c>
      <c r="AI3478" s="53">
        <v>-20346732.651609201</v>
      </c>
      <c r="AJ3478" s="53">
        <v>-7736370.1914290302</v>
      </c>
      <c r="AK3478" s="53">
        <v>-773208.32818237902</v>
      </c>
      <c r="AL3478" s="53">
        <v>5318363.5661107898</v>
      </c>
      <c r="AM3478" s="53">
        <v>-15976157.0561019</v>
      </c>
      <c r="AN3478" s="53">
        <v>-80718134.043356299</v>
      </c>
      <c r="AO3478" s="53">
        <v>4320173.4532658802</v>
      </c>
      <c r="AP3478" s="53">
        <v>16920509.5129974</v>
      </c>
      <c r="AQ3478" s="53">
        <v>14946204.911386499</v>
      </c>
      <c r="AR3478" s="53">
        <v>11157456.9236794</v>
      </c>
      <c r="AS3478" s="53">
        <v>8900491.9390318207</v>
      </c>
      <c r="AT3478" s="53">
        <v>8125812.6184166698</v>
      </c>
      <c r="AU3478" s="53">
        <v>8266057.2857037596</v>
      </c>
      <c r="AV3478" s="53">
        <v>-2252874.1770363399</v>
      </c>
      <c r="AW3478" s="53">
        <v>8682723.0392368007</v>
      </c>
      <c r="AX3478" s="53">
        <v>11130212.3016051</v>
      </c>
      <c r="AY3478" s="53">
        <v>15515692.0561704</v>
      </c>
      <c r="AZ3478" s="53">
        <v>-173528.816564198</v>
      </c>
      <c r="BA3478" s="53">
        <v>105538931.047893</v>
      </c>
      <c r="BB3478" s="53">
        <v>4620126.5205787104</v>
      </c>
      <c r="BC3478" s="53">
        <v>17671081.784821</v>
      </c>
      <c r="BD3478" s="53">
        <v>15256576.9772333</v>
      </c>
      <c r="BE3478" s="53">
        <v>11488561.760407001</v>
      </c>
      <c r="BF3478" s="53">
        <v>9205859.2515559401</v>
      </c>
      <c r="BG3478" s="53">
        <v>8411095.1047237497</v>
      </c>
      <c r="BH3478" s="53">
        <v>8658390.7508065403</v>
      </c>
      <c r="BI3478" s="53">
        <v>-1724809.48244247</v>
      </c>
      <c r="BJ3478" s="53">
        <v>9509264.9412931204</v>
      </c>
      <c r="BK3478" s="53">
        <v>12324741.5278395</v>
      </c>
      <c r="BL3478" s="53">
        <v>17022398.163327198</v>
      </c>
      <c r="BM3478" s="53">
        <v>865677.36165748502</v>
      </c>
      <c r="BN3478" s="53">
        <v>113308964.661801</v>
      </c>
      <c r="BO3478" s="53">
        <v>4810573.9986443399</v>
      </c>
      <c r="BP3478" s="53">
        <v>17954609.445117299</v>
      </c>
      <c r="BQ3478" s="53">
        <v>15898081.742175501</v>
      </c>
      <c r="BR3478" s="53">
        <v>11936251.181130599</v>
      </c>
      <c r="BS3478" s="53">
        <v>8744408.4372054003</v>
      </c>
      <c r="BT3478" s="53">
        <v>7816744.9372491101</v>
      </c>
      <c r="BU3478" s="53">
        <v>7774389.3004088402</v>
      </c>
      <c r="BV3478" s="53">
        <v>-2693251.91867234</v>
      </c>
      <c r="BW3478" s="53">
        <v>8809564.3119543307</v>
      </c>
      <c r="BX3478" s="53">
        <v>11561257.592922101</v>
      </c>
      <c r="BY3478" s="53">
        <v>15245810.3059699</v>
      </c>
      <c r="BZ3478" s="53">
        <v>22828657.778659899</v>
      </c>
      <c r="CA3478" s="53">
        <v>130687097.112765</v>
      </c>
      <c r="CB3478" s="53">
        <v>96801882.019999996</v>
      </c>
      <c r="CC3478" s="53">
        <v>82686144.709999993</v>
      </c>
      <c r="CD3478" s="53">
        <v>84040742.510000005</v>
      </c>
      <c r="CE3478" s="53">
        <v>75622199.959999993</v>
      </c>
      <c r="CF3478" s="53">
        <v>89792007.289999902</v>
      </c>
      <c r="CG3478" s="53">
        <v>95721055.140000001</v>
      </c>
      <c r="CH3478" s="53">
        <v>101577896.73999999</v>
      </c>
      <c r="CI3478" s="53">
        <v>101850854.92</v>
      </c>
      <c r="CJ3478" s="53">
        <v>97561165.279999897</v>
      </c>
      <c r="CK3478" s="53">
        <v>87880748.609999999</v>
      </c>
      <c r="CL3478" s="53">
        <v>81465344.129999995</v>
      </c>
      <c r="CM3478" s="53">
        <v>93850456.6199999</v>
      </c>
      <c r="CN3478" s="53">
        <v>1088850497.9299901</v>
      </c>
    </row>
    <row r="3479" spans="1:92" outlineLevel="1">
      <c r="A3479" s="52" t="s">
        <v>1365</v>
      </c>
      <c r="B3479" s="53"/>
      <c r="C3479" s="53"/>
      <c r="D3479" s="53"/>
      <c r="E3479" s="53"/>
      <c r="F3479" s="53"/>
      <c r="G3479" s="53"/>
      <c r="H3479" s="53"/>
      <c r="I3479" s="53"/>
      <c r="J3479" s="53"/>
      <c r="K3479" s="53"/>
      <c r="L3479" s="53"/>
      <c r="M3479" s="53"/>
      <c r="N3479" s="53"/>
      <c r="O3479" s="53"/>
      <c r="P3479" s="53"/>
      <c r="Q3479" s="53"/>
      <c r="R3479" s="53"/>
      <c r="S3479" s="53"/>
      <c r="T3479" s="53"/>
      <c r="U3479" s="53"/>
      <c r="V3479" s="53"/>
      <c r="W3479" s="53"/>
      <c r="X3479" s="53"/>
      <c r="Y3479" s="53"/>
      <c r="Z3479" s="53"/>
      <c r="AA3479" s="53"/>
      <c r="AB3479" s="53"/>
      <c r="AC3479" s="53"/>
      <c r="AD3479" s="53"/>
      <c r="AE3479" s="53"/>
      <c r="AF3479" s="53"/>
      <c r="AG3479" s="53"/>
      <c r="AH3479" s="53"/>
      <c r="AI3479" s="53"/>
      <c r="AJ3479" s="53"/>
      <c r="AK3479" s="53"/>
      <c r="AL3479" s="53"/>
      <c r="AM3479" s="53"/>
      <c r="AN3479" s="53"/>
      <c r="AO3479" s="53"/>
      <c r="AP3479" s="53"/>
      <c r="AQ3479" s="53"/>
      <c r="AR3479" s="53"/>
      <c r="AS3479" s="53"/>
      <c r="AT3479" s="53"/>
      <c r="AU3479" s="53"/>
      <c r="AV3479" s="53"/>
      <c r="AW3479" s="53"/>
      <c r="AX3479" s="53"/>
      <c r="AY3479" s="53"/>
      <c r="AZ3479" s="53"/>
      <c r="BA3479" s="53"/>
      <c r="BB3479" s="53"/>
      <c r="BC3479" s="53"/>
      <c r="BD3479" s="53"/>
      <c r="BE3479" s="53"/>
      <c r="BF3479" s="53"/>
      <c r="BG3479" s="53"/>
      <c r="BH3479" s="53"/>
      <c r="BI3479" s="53"/>
      <c r="BJ3479" s="53"/>
      <c r="BK3479" s="53"/>
      <c r="BL3479" s="53"/>
      <c r="BM3479" s="53"/>
      <c r="BN3479" s="53"/>
      <c r="BO3479" s="53"/>
      <c r="BP3479" s="53"/>
      <c r="BQ3479" s="53"/>
      <c r="BR3479" s="53"/>
      <c r="BS3479" s="53"/>
      <c r="BT3479" s="53"/>
      <c r="BU3479" s="53"/>
      <c r="BV3479" s="53"/>
      <c r="BW3479" s="53"/>
      <c r="BX3479" s="53"/>
      <c r="BY3479" s="53"/>
      <c r="BZ3479" s="53"/>
      <c r="CA3479" s="53"/>
      <c r="CB3479" s="53"/>
      <c r="CC3479" s="53"/>
      <c r="CD3479" s="53"/>
      <c r="CE3479" s="53"/>
      <c r="CF3479" s="53"/>
      <c r="CG3479" s="53"/>
      <c r="CH3479" s="53"/>
      <c r="CI3479" s="53"/>
      <c r="CJ3479" s="53"/>
      <c r="CK3479" s="53"/>
      <c r="CL3479" s="53"/>
      <c r="CM3479" s="53"/>
      <c r="CN3479" s="53"/>
    </row>
    <row r="3480" spans="1:92" outlineLevel="1">
      <c r="A3480" s="52" t="s">
        <v>1366</v>
      </c>
      <c r="B3480" s="53"/>
      <c r="C3480" s="53"/>
      <c r="D3480" s="53"/>
      <c r="E3480" s="53"/>
      <c r="F3480" s="53"/>
      <c r="G3480" s="53"/>
      <c r="H3480" s="53"/>
      <c r="I3480" s="53"/>
      <c r="J3480" s="53"/>
      <c r="K3480" s="53"/>
      <c r="L3480" s="53"/>
      <c r="M3480" s="53"/>
      <c r="N3480" s="53"/>
      <c r="O3480" s="53"/>
      <c r="P3480" s="53"/>
      <c r="Q3480" s="53"/>
      <c r="R3480" s="53"/>
      <c r="S3480" s="53"/>
      <c r="T3480" s="53"/>
      <c r="U3480" s="53"/>
      <c r="V3480" s="53"/>
      <c r="W3480" s="53"/>
      <c r="X3480" s="53"/>
      <c r="Y3480" s="53"/>
      <c r="Z3480" s="53"/>
      <c r="AA3480" s="53"/>
      <c r="AB3480" s="53"/>
      <c r="AC3480" s="53"/>
      <c r="AD3480" s="53"/>
      <c r="AE3480" s="53"/>
      <c r="AF3480" s="53"/>
      <c r="AG3480" s="53"/>
      <c r="AH3480" s="53"/>
      <c r="AI3480" s="53"/>
      <c r="AJ3480" s="53"/>
      <c r="AK3480" s="53"/>
      <c r="AL3480" s="53"/>
      <c r="AM3480" s="53"/>
      <c r="AN3480" s="53"/>
      <c r="AO3480" s="53"/>
      <c r="AP3480" s="53"/>
      <c r="AQ3480" s="53"/>
      <c r="AR3480" s="53"/>
      <c r="AS3480" s="53"/>
      <c r="AT3480" s="53"/>
      <c r="AU3480" s="53"/>
      <c r="AV3480" s="53"/>
      <c r="AW3480" s="53"/>
      <c r="AX3480" s="53"/>
      <c r="AY3480" s="53"/>
      <c r="AZ3480" s="53"/>
      <c r="BA3480" s="53"/>
      <c r="BB3480" s="53"/>
      <c r="BC3480" s="53"/>
      <c r="BD3480" s="53"/>
      <c r="BE3480" s="53"/>
      <c r="BF3480" s="53"/>
      <c r="BG3480" s="53"/>
      <c r="BH3480" s="53"/>
      <c r="BI3480" s="53"/>
      <c r="BJ3480" s="53"/>
      <c r="BK3480" s="53"/>
      <c r="BL3480" s="53"/>
      <c r="BM3480" s="53"/>
      <c r="BN3480" s="53"/>
      <c r="BO3480" s="53"/>
      <c r="BP3480" s="53"/>
      <c r="BQ3480" s="53"/>
      <c r="BR3480" s="53"/>
      <c r="BS3480" s="53"/>
      <c r="BT3480" s="53"/>
      <c r="BU3480" s="53"/>
      <c r="BV3480" s="53"/>
      <c r="BW3480" s="53"/>
      <c r="BX3480" s="53"/>
      <c r="BY3480" s="53"/>
      <c r="BZ3480" s="53"/>
      <c r="CA3480" s="53"/>
      <c r="CB3480" s="53"/>
      <c r="CC3480" s="53"/>
      <c r="CD3480" s="53"/>
      <c r="CE3480" s="53"/>
      <c r="CF3480" s="53"/>
      <c r="CG3480" s="53"/>
      <c r="CH3480" s="53"/>
      <c r="CI3480" s="53"/>
      <c r="CJ3480" s="53"/>
      <c r="CK3480" s="53"/>
      <c r="CL3480" s="53"/>
      <c r="CM3480" s="53"/>
      <c r="CN3480" s="53"/>
    </row>
    <row r="3481" spans="1:92" outlineLevel="1">
      <c r="A3481" s="52" t="s">
        <v>649</v>
      </c>
      <c r="B3481" s="53"/>
      <c r="C3481" s="53"/>
      <c r="D3481" s="53"/>
      <c r="E3481" s="53"/>
      <c r="F3481" s="53"/>
      <c r="G3481" s="53"/>
      <c r="H3481" s="53"/>
      <c r="I3481" s="53"/>
      <c r="J3481" s="53"/>
      <c r="K3481" s="53"/>
      <c r="L3481" s="53"/>
      <c r="M3481" s="53"/>
      <c r="N3481" s="53"/>
      <c r="O3481" s="53"/>
      <c r="P3481" s="53"/>
      <c r="Q3481" s="53"/>
      <c r="R3481" s="53"/>
      <c r="S3481" s="53"/>
      <c r="T3481" s="53"/>
      <c r="U3481" s="53"/>
      <c r="V3481" s="53"/>
      <c r="W3481" s="53"/>
      <c r="X3481" s="53"/>
      <c r="Y3481" s="53"/>
      <c r="Z3481" s="53">
        <v>2452678.4923239001</v>
      </c>
      <c r="AA3481" s="53">
        <v>2452678.4923239001</v>
      </c>
      <c r="AB3481" s="53"/>
      <c r="AC3481" s="53"/>
      <c r="AD3481" s="53"/>
      <c r="AE3481" s="53"/>
      <c r="AF3481" s="53"/>
      <c r="AG3481" s="53"/>
      <c r="AH3481" s="53"/>
      <c r="AI3481" s="53"/>
      <c r="AJ3481" s="53"/>
      <c r="AK3481" s="53"/>
      <c r="AL3481" s="53"/>
      <c r="AM3481" s="53">
        <v>12211613.409646699</v>
      </c>
      <c r="AN3481" s="53">
        <v>12211613.409646699</v>
      </c>
      <c r="AO3481" s="53"/>
      <c r="AP3481" s="53"/>
      <c r="AQ3481" s="53"/>
      <c r="AR3481" s="53"/>
      <c r="AS3481" s="53"/>
      <c r="AT3481" s="53"/>
      <c r="AU3481" s="53"/>
      <c r="AV3481" s="53"/>
      <c r="AW3481" s="53"/>
      <c r="AX3481" s="53"/>
      <c r="AY3481" s="53"/>
      <c r="AZ3481" s="53">
        <v>1032080.95795413</v>
      </c>
      <c r="BA3481" s="53">
        <v>1032080.95795413</v>
      </c>
      <c r="BB3481" s="53"/>
      <c r="BC3481" s="53"/>
      <c r="BD3481" s="53"/>
      <c r="BE3481" s="53"/>
      <c r="BF3481" s="53"/>
      <c r="BG3481" s="53"/>
      <c r="BH3481" s="53"/>
      <c r="BI3481" s="53"/>
      <c r="BJ3481" s="53"/>
      <c r="BK3481" s="53"/>
      <c r="BL3481" s="53"/>
      <c r="BM3481" s="53"/>
      <c r="BN3481" s="53"/>
      <c r="BO3481" s="53"/>
      <c r="BP3481" s="53"/>
      <c r="BQ3481" s="53"/>
      <c r="BR3481" s="53"/>
      <c r="BS3481" s="53"/>
      <c r="BT3481" s="53"/>
      <c r="BU3481" s="53"/>
      <c r="BV3481" s="53"/>
      <c r="BW3481" s="53"/>
      <c r="BX3481" s="53"/>
      <c r="BY3481" s="53"/>
      <c r="BZ3481" s="53">
        <v>55635372.030196197</v>
      </c>
      <c r="CA3481" s="53">
        <v>55635372.030196197</v>
      </c>
      <c r="CB3481" s="53"/>
      <c r="CC3481" s="53"/>
      <c r="CD3481" s="53"/>
      <c r="CE3481" s="53"/>
      <c r="CF3481" s="53"/>
      <c r="CG3481" s="53"/>
      <c r="CH3481" s="53"/>
      <c r="CI3481" s="53"/>
      <c r="CJ3481" s="53"/>
      <c r="CK3481" s="53"/>
      <c r="CL3481" s="53"/>
      <c r="CM3481" s="53"/>
      <c r="CN3481" s="53"/>
    </row>
    <row r="3482" spans="1:92" outlineLevel="1">
      <c r="A3482" s="52" t="s">
        <v>1683</v>
      </c>
      <c r="B3482" s="53"/>
      <c r="C3482" s="53"/>
      <c r="D3482" s="53"/>
      <c r="E3482" s="53"/>
      <c r="F3482" s="53"/>
      <c r="G3482" s="53"/>
      <c r="H3482" s="53"/>
      <c r="I3482" s="53"/>
      <c r="J3482" s="53"/>
      <c r="K3482" s="53"/>
      <c r="L3482" s="53"/>
      <c r="M3482" s="53"/>
      <c r="N3482" s="53"/>
      <c r="O3482" s="53"/>
      <c r="P3482" s="53"/>
      <c r="Q3482" s="53"/>
      <c r="R3482" s="53"/>
      <c r="S3482" s="53"/>
      <c r="T3482" s="53"/>
      <c r="U3482" s="53"/>
      <c r="V3482" s="53"/>
      <c r="W3482" s="53"/>
      <c r="X3482" s="53"/>
      <c r="Y3482" s="53"/>
      <c r="Z3482" s="53"/>
      <c r="AA3482" s="53"/>
      <c r="AB3482" s="53"/>
      <c r="AC3482" s="53"/>
      <c r="AD3482" s="53"/>
      <c r="AE3482" s="53"/>
      <c r="AF3482" s="53"/>
      <c r="AG3482" s="53"/>
      <c r="AH3482" s="53"/>
      <c r="AI3482" s="53"/>
      <c r="AJ3482" s="53"/>
      <c r="AK3482" s="53"/>
      <c r="AL3482" s="53"/>
      <c r="AM3482" s="53"/>
      <c r="AN3482" s="53"/>
      <c r="AO3482" s="53"/>
      <c r="AP3482" s="53"/>
      <c r="AQ3482" s="53"/>
      <c r="AR3482" s="53"/>
      <c r="AS3482" s="53"/>
      <c r="AT3482" s="53"/>
      <c r="AU3482" s="53"/>
      <c r="AV3482" s="53"/>
      <c r="AW3482" s="53"/>
      <c r="AX3482" s="53"/>
      <c r="AY3482" s="53"/>
      <c r="AZ3482" s="53"/>
      <c r="BA3482" s="53"/>
      <c r="BB3482" s="53"/>
      <c r="BC3482" s="53"/>
      <c r="BD3482" s="53"/>
      <c r="BE3482" s="53"/>
      <c r="BF3482" s="53"/>
      <c r="BG3482" s="53"/>
      <c r="BH3482" s="53"/>
      <c r="BI3482" s="53"/>
      <c r="BJ3482" s="53"/>
      <c r="BK3482" s="53"/>
      <c r="BL3482" s="53"/>
      <c r="BM3482" s="53"/>
      <c r="BN3482" s="53"/>
      <c r="BO3482" s="53"/>
      <c r="BP3482" s="53"/>
      <c r="BQ3482" s="53"/>
      <c r="BR3482" s="53"/>
      <c r="BS3482" s="53"/>
      <c r="BT3482" s="53"/>
      <c r="BU3482" s="53"/>
      <c r="BV3482" s="53"/>
      <c r="BW3482" s="53"/>
      <c r="BX3482" s="53"/>
      <c r="BY3482" s="53"/>
      <c r="BZ3482" s="53"/>
      <c r="CA3482" s="53"/>
      <c r="CB3482" s="53"/>
      <c r="CC3482" s="53"/>
      <c r="CD3482" s="53"/>
      <c r="CE3482" s="53"/>
      <c r="CF3482" s="53"/>
      <c r="CG3482" s="53"/>
      <c r="CH3482" s="53"/>
      <c r="CI3482" s="53"/>
      <c r="CJ3482" s="53"/>
      <c r="CK3482" s="53"/>
      <c r="CL3482" s="53"/>
      <c r="CM3482" s="53"/>
      <c r="CN3482" s="53"/>
    </row>
    <row r="3483" spans="1:92" outlineLevel="1">
      <c r="A3483" s="52" t="s">
        <v>649</v>
      </c>
      <c r="B3483" s="53"/>
      <c r="C3483" s="53"/>
      <c r="D3483" s="53">
        <v>-5742246</v>
      </c>
      <c r="E3483" s="53"/>
      <c r="F3483" s="53"/>
      <c r="G3483" s="53">
        <v>-5742246</v>
      </c>
      <c r="H3483" s="53"/>
      <c r="I3483" s="53"/>
      <c r="J3483" s="53">
        <v>-5742246</v>
      </c>
      <c r="K3483" s="53"/>
      <c r="L3483" s="53">
        <v>-3828164</v>
      </c>
      <c r="M3483" s="53">
        <v>-22968984</v>
      </c>
      <c r="N3483" s="53">
        <v>-44023886</v>
      </c>
      <c r="O3483" s="53">
        <v>-1722498.58333333</v>
      </c>
      <c r="P3483" s="53">
        <v>-1722498.58333333</v>
      </c>
      <c r="Q3483" s="53">
        <v>-1722498.58333333</v>
      </c>
      <c r="R3483" s="53">
        <v>-1722498.58333333</v>
      </c>
      <c r="S3483" s="53">
        <v>-1722498.58333333</v>
      </c>
      <c r="T3483" s="53">
        <v>-1722498.58333333</v>
      </c>
      <c r="U3483" s="53">
        <v>-1722498.58333333</v>
      </c>
      <c r="V3483" s="53">
        <v>-1722498.58333333</v>
      </c>
      <c r="W3483" s="53">
        <v>-1722498.58333333</v>
      </c>
      <c r="X3483" s="53">
        <v>-1722498.58333333</v>
      </c>
      <c r="Y3483" s="53">
        <v>-1722498.58333333</v>
      </c>
      <c r="Z3483" s="53">
        <v>-1722498.58333333</v>
      </c>
      <c r="AA3483" s="53">
        <v>-20669983</v>
      </c>
      <c r="AB3483" s="53">
        <v>-1758987.74999999</v>
      </c>
      <c r="AC3483" s="53">
        <v>-1758987.74999999</v>
      </c>
      <c r="AD3483" s="53">
        <v>-1758987.74999999</v>
      </c>
      <c r="AE3483" s="53">
        <v>-1758987.74999999</v>
      </c>
      <c r="AF3483" s="53">
        <v>-1758987.74999999</v>
      </c>
      <c r="AG3483" s="53">
        <v>-1758987.74999999</v>
      </c>
      <c r="AH3483" s="53">
        <v>-1758987.74999999</v>
      </c>
      <c r="AI3483" s="53">
        <v>-1758987.74999999</v>
      </c>
      <c r="AJ3483" s="53">
        <v>-1758987.74999999</v>
      </c>
      <c r="AK3483" s="53">
        <v>-1758987.74999999</v>
      </c>
      <c r="AL3483" s="53">
        <v>-1758987.74999999</v>
      </c>
      <c r="AM3483" s="53">
        <v>-1758987.74999999</v>
      </c>
      <c r="AN3483" s="53">
        <v>-21107853</v>
      </c>
      <c r="AO3483" s="53">
        <v>-1792607.99999999</v>
      </c>
      <c r="AP3483" s="53">
        <v>-1792607.99999999</v>
      </c>
      <c r="AQ3483" s="53">
        <v>-1792607.99999999</v>
      </c>
      <c r="AR3483" s="53">
        <v>-1792607.99999999</v>
      </c>
      <c r="AS3483" s="53">
        <v>-1792607.99999999</v>
      </c>
      <c r="AT3483" s="53">
        <v>-1792607.99999999</v>
      </c>
      <c r="AU3483" s="53">
        <v>-1792607.99999999</v>
      </c>
      <c r="AV3483" s="53">
        <v>-1792607.99999999</v>
      </c>
      <c r="AW3483" s="53">
        <v>-1792607.99999999</v>
      </c>
      <c r="AX3483" s="53">
        <v>-1792607.99999999</v>
      </c>
      <c r="AY3483" s="53">
        <v>-1792607.99999999</v>
      </c>
      <c r="AZ3483" s="53">
        <v>-1792607.99999999</v>
      </c>
      <c r="BA3483" s="53">
        <v>-21511296</v>
      </c>
      <c r="BB3483" s="53">
        <v>-1874453.91666666</v>
      </c>
      <c r="BC3483" s="53">
        <v>-1874453.91666666</v>
      </c>
      <c r="BD3483" s="53">
        <v>-1874453.91666666</v>
      </c>
      <c r="BE3483" s="53">
        <v>-1874453.91666666</v>
      </c>
      <c r="BF3483" s="53">
        <v>-1874453.91666666</v>
      </c>
      <c r="BG3483" s="53">
        <v>-1874453.91666666</v>
      </c>
      <c r="BH3483" s="53">
        <v>-1874453.91666666</v>
      </c>
      <c r="BI3483" s="53">
        <v>-1874453.91666666</v>
      </c>
      <c r="BJ3483" s="53">
        <v>-1874453.91666666</v>
      </c>
      <c r="BK3483" s="53">
        <v>-1874453.91666666</v>
      </c>
      <c r="BL3483" s="53">
        <v>-1874453.91666666</v>
      </c>
      <c r="BM3483" s="53">
        <v>-1874453.91666666</v>
      </c>
      <c r="BN3483" s="53">
        <v>-22493446.999999899</v>
      </c>
      <c r="BO3483" s="53">
        <v>-1905986.91666666</v>
      </c>
      <c r="BP3483" s="53">
        <v>-1905986.91666666</v>
      </c>
      <c r="BQ3483" s="53">
        <v>-1905986.91666666</v>
      </c>
      <c r="BR3483" s="53">
        <v>-1905986.91666666</v>
      </c>
      <c r="BS3483" s="53">
        <v>-1905986.91666666</v>
      </c>
      <c r="BT3483" s="53">
        <v>-1905986.91666666</v>
      </c>
      <c r="BU3483" s="53">
        <v>-1905986.91666666</v>
      </c>
      <c r="BV3483" s="53">
        <v>-1905986.91666666</v>
      </c>
      <c r="BW3483" s="53">
        <v>-1905986.91666666</v>
      </c>
      <c r="BX3483" s="53">
        <v>-1905986.91666666</v>
      </c>
      <c r="BY3483" s="53">
        <v>-1905986.91666666</v>
      </c>
      <c r="BZ3483" s="53">
        <v>-1905986.91666666</v>
      </c>
      <c r="CA3483" s="53">
        <v>-22871843</v>
      </c>
      <c r="CB3483" s="53"/>
      <c r="CC3483" s="53"/>
      <c r="CD3483" s="53"/>
      <c r="CE3483" s="53"/>
      <c r="CF3483" s="53"/>
      <c r="CG3483" s="53"/>
      <c r="CH3483" s="53"/>
      <c r="CI3483" s="53"/>
      <c r="CJ3483" s="53"/>
      <c r="CK3483" s="53"/>
      <c r="CL3483" s="53"/>
      <c r="CM3483" s="53"/>
      <c r="CN3483" s="53"/>
    </row>
    <row r="3484" spans="1:92" outlineLevel="1">
      <c r="A3484" s="52" t="s">
        <v>1684</v>
      </c>
      <c r="B3484" s="53"/>
      <c r="C3484" s="53"/>
      <c r="D3484" s="53"/>
      <c r="E3484" s="53"/>
      <c r="F3484" s="53"/>
      <c r="G3484" s="53"/>
      <c r="H3484" s="53"/>
      <c r="I3484" s="53"/>
      <c r="J3484" s="53"/>
      <c r="K3484" s="53"/>
      <c r="L3484" s="53"/>
      <c r="M3484" s="53"/>
      <c r="N3484" s="53"/>
      <c r="O3484" s="53"/>
      <c r="P3484" s="53"/>
      <c r="Q3484" s="53"/>
      <c r="R3484" s="53"/>
      <c r="S3484" s="53"/>
      <c r="T3484" s="53"/>
      <c r="U3484" s="53"/>
      <c r="V3484" s="53"/>
      <c r="W3484" s="53"/>
      <c r="X3484" s="53"/>
      <c r="Y3484" s="53"/>
      <c r="Z3484" s="53"/>
      <c r="AA3484" s="53"/>
      <c r="AB3484" s="53"/>
      <c r="AC3484" s="53"/>
      <c r="AD3484" s="53"/>
      <c r="AE3484" s="53"/>
      <c r="AF3484" s="53"/>
      <c r="AG3484" s="53"/>
      <c r="AH3484" s="53"/>
      <c r="AI3484" s="53"/>
      <c r="AJ3484" s="53"/>
      <c r="AK3484" s="53"/>
      <c r="AL3484" s="53"/>
      <c r="AM3484" s="53"/>
      <c r="AN3484" s="53"/>
      <c r="AO3484" s="53"/>
      <c r="AP3484" s="53"/>
      <c r="AQ3484" s="53"/>
      <c r="AR3484" s="53"/>
      <c r="AS3484" s="53"/>
      <c r="AT3484" s="53"/>
      <c r="AU3484" s="53"/>
      <c r="AV3484" s="53"/>
      <c r="AW3484" s="53"/>
      <c r="AX3484" s="53"/>
      <c r="AY3484" s="53"/>
      <c r="AZ3484" s="53"/>
      <c r="BA3484" s="53"/>
      <c r="BB3484" s="53"/>
      <c r="BC3484" s="53"/>
      <c r="BD3484" s="53"/>
      <c r="BE3484" s="53"/>
      <c r="BF3484" s="53"/>
      <c r="BG3484" s="53"/>
      <c r="BH3484" s="53"/>
      <c r="BI3484" s="53"/>
      <c r="BJ3484" s="53"/>
      <c r="BK3484" s="53"/>
      <c r="BL3484" s="53"/>
      <c r="BM3484" s="53"/>
      <c r="BN3484" s="53"/>
      <c r="BO3484" s="53"/>
      <c r="BP3484" s="53"/>
      <c r="BQ3484" s="53"/>
      <c r="BR3484" s="53"/>
      <c r="BS3484" s="53"/>
      <c r="BT3484" s="53"/>
      <c r="BU3484" s="53"/>
      <c r="BV3484" s="53"/>
      <c r="BW3484" s="53"/>
      <c r="BX3484" s="53"/>
      <c r="BY3484" s="53"/>
      <c r="BZ3484" s="53"/>
      <c r="CA3484" s="53"/>
      <c r="CB3484" s="53"/>
      <c r="CC3484" s="53"/>
      <c r="CD3484" s="53"/>
      <c r="CE3484" s="53"/>
      <c r="CF3484" s="53"/>
      <c r="CG3484" s="53"/>
      <c r="CH3484" s="53"/>
      <c r="CI3484" s="53"/>
      <c r="CJ3484" s="53"/>
      <c r="CK3484" s="53"/>
      <c r="CL3484" s="53"/>
      <c r="CM3484" s="53"/>
      <c r="CN3484" s="53"/>
    </row>
    <row r="3485" spans="1:92" outlineLevel="1">
      <c r="A3485" s="52" t="s">
        <v>649</v>
      </c>
      <c r="B3485" s="53"/>
      <c r="C3485" s="53"/>
      <c r="D3485" s="53">
        <v>-8949540</v>
      </c>
      <c r="E3485" s="53"/>
      <c r="F3485" s="53"/>
      <c r="G3485" s="53">
        <v>-8949540</v>
      </c>
      <c r="H3485" s="53"/>
      <c r="I3485" s="53"/>
      <c r="J3485" s="53">
        <v>-8949540</v>
      </c>
      <c r="K3485" s="53"/>
      <c r="L3485" s="53">
        <v>-5966360</v>
      </c>
      <c r="M3485" s="53">
        <v>-35798160</v>
      </c>
      <c r="N3485" s="53">
        <v>-68613140</v>
      </c>
      <c r="O3485" s="53"/>
      <c r="P3485" s="53"/>
      <c r="Q3485" s="53"/>
      <c r="R3485" s="53"/>
      <c r="S3485" s="53"/>
      <c r="T3485" s="53"/>
      <c r="U3485" s="53"/>
      <c r="V3485" s="53"/>
      <c r="W3485" s="53"/>
      <c r="X3485" s="53"/>
      <c r="Y3485" s="53"/>
      <c r="Z3485" s="53"/>
      <c r="AA3485" s="53"/>
      <c r="AB3485" s="53"/>
      <c r="AC3485" s="53"/>
      <c r="AD3485" s="53"/>
      <c r="AE3485" s="53"/>
      <c r="AF3485" s="53"/>
      <c r="AG3485" s="53"/>
      <c r="AH3485" s="53"/>
      <c r="AI3485" s="53"/>
      <c r="AJ3485" s="53"/>
      <c r="AK3485" s="53"/>
      <c r="AL3485" s="53"/>
      <c r="AM3485" s="53"/>
      <c r="AN3485" s="53"/>
      <c r="AO3485" s="53"/>
      <c r="AP3485" s="53"/>
      <c r="AQ3485" s="53"/>
      <c r="AR3485" s="53"/>
      <c r="AS3485" s="53"/>
      <c r="AT3485" s="53"/>
      <c r="AU3485" s="53"/>
      <c r="AV3485" s="53"/>
      <c r="AW3485" s="53"/>
      <c r="AX3485" s="53"/>
      <c r="AY3485" s="53"/>
      <c r="AZ3485" s="53"/>
      <c r="BA3485" s="53"/>
      <c r="BB3485" s="53"/>
      <c r="BC3485" s="53"/>
      <c r="BD3485" s="53"/>
      <c r="BE3485" s="53"/>
      <c r="BF3485" s="53"/>
      <c r="BG3485" s="53"/>
      <c r="BH3485" s="53"/>
      <c r="BI3485" s="53"/>
      <c r="BJ3485" s="53"/>
      <c r="BK3485" s="53"/>
      <c r="BL3485" s="53"/>
      <c r="BM3485" s="53"/>
      <c r="BN3485" s="53"/>
      <c r="BO3485" s="53"/>
      <c r="BP3485" s="53"/>
      <c r="BQ3485" s="53"/>
      <c r="BR3485" s="53"/>
      <c r="BS3485" s="53"/>
      <c r="BT3485" s="53"/>
      <c r="BU3485" s="53"/>
      <c r="BV3485" s="53"/>
      <c r="BW3485" s="53"/>
      <c r="BX3485" s="53"/>
      <c r="BY3485" s="53"/>
      <c r="BZ3485" s="53"/>
      <c r="CA3485" s="53"/>
      <c r="CB3485" s="53">
        <v>843750</v>
      </c>
      <c r="CC3485" s="53">
        <v>843750</v>
      </c>
      <c r="CD3485" s="53">
        <v>843750</v>
      </c>
      <c r="CE3485" s="53">
        <v>843750</v>
      </c>
      <c r="CF3485" s="53">
        <v>843750</v>
      </c>
      <c r="CG3485" s="53">
        <v>843750</v>
      </c>
      <c r="CH3485" s="53">
        <v>843750</v>
      </c>
      <c r="CI3485" s="53">
        <v>843750</v>
      </c>
      <c r="CJ3485" s="53">
        <v>843750</v>
      </c>
      <c r="CK3485" s="53">
        <v>843750</v>
      </c>
      <c r="CL3485" s="53">
        <v>843750</v>
      </c>
      <c r="CM3485" s="53">
        <v>843750</v>
      </c>
      <c r="CN3485" s="53">
        <v>10125000</v>
      </c>
    </row>
    <row r="3486" spans="1:92" outlineLevel="1">
      <c r="A3486" s="52" t="s">
        <v>1685</v>
      </c>
      <c r="B3486" s="53"/>
      <c r="C3486" s="53"/>
      <c r="D3486" s="53"/>
      <c r="E3486" s="53"/>
      <c r="F3486" s="53"/>
      <c r="G3486" s="53"/>
      <c r="H3486" s="53"/>
      <c r="I3486" s="53"/>
      <c r="J3486" s="53"/>
      <c r="K3486" s="53"/>
      <c r="L3486" s="53"/>
      <c r="M3486" s="53"/>
      <c r="N3486" s="53"/>
      <c r="O3486" s="53"/>
      <c r="P3486" s="53"/>
      <c r="Q3486" s="53"/>
      <c r="R3486" s="53"/>
      <c r="S3486" s="53"/>
      <c r="T3486" s="53"/>
      <c r="U3486" s="53"/>
      <c r="V3486" s="53"/>
      <c r="W3486" s="53"/>
      <c r="X3486" s="53"/>
      <c r="Y3486" s="53"/>
      <c r="Z3486" s="53"/>
      <c r="AA3486" s="53"/>
      <c r="AB3486" s="53"/>
      <c r="AC3486" s="53"/>
      <c r="AD3486" s="53"/>
      <c r="AE3486" s="53"/>
      <c r="AF3486" s="53"/>
      <c r="AG3486" s="53"/>
      <c r="AH3486" s="53"/>
      <c r="AI3486" s="53"/>
      <c r="AJ3486" s="53"/>
      <c r="AK3486" s="53"/>
      <c r="AL3486" s="53"/>
      <c r="AM3486" s="53"/>
      <c r="AN3486" s="53"/>
      <c r="AO3486" s="53"/>
      <c r="AP3486" s="53"/>
      <c r="AQ3486" s="53"/>
      <c r="AR3486" s="53"/>
      <c r="AS3486" s="53"/>
      <c r="AT3486" s="53"/>
      <c r="AU3486" s="53"/>
      <c r="AV3486" s="53"/>
      <c r="AW3486" s="53"/>
      <c r="AX3486" s="53"/>
      <c r="AY3486" s="53"/>
      <c r="AZ3486" s="53"/>
      <c r="BA3486" s="53"/>
      <c r="BB3486" s="53"/>
      <c r="BC3486" s="53"/>
      <c r="BD3486" s="53"/>
      <c r="BE3486" s="53"/>
      <c r="BF3486" s="53"/>
      <c r="BG3486" s="53"/>
      <c r="BH3486" s="53"/>
      <c r="BI3486" s="53"/>
      <c r="BJ3486" s="53"/>
      <c r="BK3486" s="53"/>
      <c r="BL3486" s="53"/>
      <c r="BM3486" s="53"/>
      <c r="BN3486" s="53"/>
      <c r="BO3486" s="53"/>
      <c r="BP3486" s="53"/>
      <c r="BQ3486" s="53"/>
      <c r="BR3486" s="53"/>
      <c r="BS3486" s="53"/>
      <c r="BT3486" s="53"/>
      <c r="BU3486" s="53"/>
      <c r="BV3486" s="53"/>
      <c r="BW3486" s="53"/>
      <c r="BX3486" s="53"/>
      <c r="BY3486" s="53"/>
      <c r="BZ3486" s="53"/>
      <c r="CA3486" s="53"/>
      <c r="CB3486" s="53">
        <v>1106250</v>
      </c>
      <c r="CC3486" s="53">
        <v>1106250</v>
      </c>
      <c r="CD3486" s="53">
        <v>1106250</v>
      </c>
      <c r="CE3486" s="53">
        <v>1106250</v>
      </c>
      <c r="CF3486" s="53">
        <v>1106250</v>
      </c>
      <c r="CG3486" s="53">
        <v>1106250</v>
      </c>
      <c r="CH3486" s="53">
        <v>1106250</v>
      </c>
      <c r="CI3486" s="53">
        <v>1106250</v>
      </c>
      <c r="CJ3486" s="53">
        <v>1106250</v>
      </c>
      <c r="CK3486" s="53">
        <v>1106250</v>
      </c>
      <c r="CL3486" s="53">
        <v>1106250</v>
      </c>
      <c r="CM3486" s="53">
        <v>1106250</v>
      </c>
      <c r="CN3486" s="53">
        <v>13275000</v>
      </c>
    </row>
    <row r="3487" spans="1:92" outlineLevel="1">
      <c r="A3487" s="52" t="s">
        <v>649</v>
      </c>
      <c r="B3487" s="53"/>
      <c r="C3487" s="53"/>
      <c r="D3487" s="53"/>
      <c r="E3487" s="53"/>
      <c r="F3487" s="53"/>
      <c r="G3487" s="53"/>
      <c r="H3487" s="53"/>
      <c r="I3487" s="53"/>
      <c r="J3487" s="53"/>
      <c r="K3487" s="53"/>
      <c r="L3487" s="53"/>
      <c r="M3487" s="53"/>
      <c r="N3487" s="53"/>
      <c r="O3487" s="53">
        <v>-90657.833333333299</v>
      </c>
      <c r="P3487" s="53">
        <v>-90657.833333333299</v>
      </c>
      <c r="Q3487" s="53">
        <v>-90657.833333333299</v>
      </c>
      <c r="R3487" s="53">
        <v>-90657.833333333299</v>
      </c>
      <c r="S3487" s="53">
        <v>-90657.833333333299</v>
      </c>
      <c r="T3487" s="53">
        <v>-90657.833333333299</v>
      </c>
      <c r="U3487" s="53">
        <v>-90657.833333333299</v>
      </c>
      <c r="V3487" s="53">
        <v>-90657.833333333299</v>
      </c>
      <c r="W3487" s="53">
        <v>-90657.833333333299</v>
      </c>
      <c r="X3487" s="53">
        <v>-90657.833333333299</v>
      </c>
      <c r="Y3487" s="53">
        <v>-90657.833333333299</v>
      </c>
      <c r="Z3487" s="53">
        <v>-90657.833333333299</v>
      </c>
      <c r="AA3487" s="53">
        <v>-1087894</v>
      </c>
      <c r="AB3487" s="53">
        <v>-68152.333333333299</v>
      </c>
      <c r="AC3487" s="53">
        <v>-68152.333333333299</v>
      </c>
      <c r="AD3487" s="53">
        <v>-68152.333333333299</v>
      </c>
      <c r="AE3487" s="53">
        <v>-68152.333333333299</v>
      </c>
      <c r="AF3487" s="53">
        <v>-68152.333333333299</v>
      </c>
      <c r="AG3487" s="53">
        <v>-68152.333333333299</v>
      </c>
      <c r="AH3487" s="53">
        <v>-68152.333333333299</v>
      </c>
      <c r="AI3487" s="53">
        <v>-68152.333333333299</v>
      </c>
      <c r="AJ3487" s="53">
        <v>-68152.333333333299</v>
      </c>
      <c r="AK3487" s="53">
        <v>-68152.333333333299</v>
      </c>
      <c r="AL3487" s="53">
        <v>-68152.333333333299</v>
      </c>
      <c r="AM3487" s="53">
        <v>-68152.333333333299</v>
      </c>
      <c r="AN3487" s="53">
        <v>-817828</v>
      </c>
      <c r="AO3487" s="53">
        <v>-69454.916666666599</v>
      </c>
      <c r="AP3487" s="53">
        <v>-69454.916666666599</v>
      </c>
      <c r="AQ3487" s="53">
        <v>-69454.916666666599</v>
      </c>
      <c r="AR3487" s="53">
        <v>-69454.916666666599</v>
      </c>
      <c r="AS3487" s="53">
        <v>-69454.916666666599</v>
      </c>
      <c r="AT3487" s="53">
        <v>-69454.916666666599</v>
      </c>
      <c r="AU3487" s="53">
        <v>-69454.916666666599</v>
      </c>
      <c r="AV3487" s="53">
        <v>-69454.916666666599</v>
      </c>
      <c r="AW3487" s="53">
        <v>-69454.916666666599</v>
      </c>
      <c r="AX3487" s="53">
        <v>-69454.916666666599</v>
      </c>
      <c r="AY3487" s="53">
        <v>-69454.916666666599</v>
      </c>
      <c r="AZ3487" s="53">
        <v>-69454.916666666599</v>
      </c>
      <c r="BA3487" s="53">
        <v>-833459</v>
      </c>
      <c r="BB3487" s="53">
        <v>-72626.083333333299</v>
      </c>
      <c r="BC3487" s="53">
        <v>-72626.083333333299</v>
      </c>
      <c r="BD3487" s="53">
        <v>-72626.083333333299</v>
      </c>
      <c r="BE3487" s="53">
        <v>-72626.083333333299</v>
      </c>
      <c r="BF3487" s="53">
        <v>-72626.083333333299</v>
      </c>
      <c r="BG3487" s="53">
        <v>-72626.083333333299</v>
      </c>
      <c r="BH3487" s="53">
        <v>-72626.083333333299</v>
      </c>
      <c r="BI3487" s="53">
        <v>-72626.083333333299</v>
      </c>
      <c r="BJ3487" s="53">
        <v>-72626.083333333299</v>
      </c>
      <c r="BK3487" s="53">
        <v>-72626.083333333299</v>
      </c>
      <c r="BL3487" s="53">
        <v>-72626.083333333299</v>
      </c>
      <c r="BM3487" s="53">
        <v>-72626.083333333299</v>
      </c>
      <c r="BN3487" s="53">
        <v>-871512.99999999895</v>
      </c>
      <c r="BO3487" s="53">
        <v>-73847.833333333299</v>
      </c>
      <c r="BP3487" s="53">
        <v>-73847.833333333299</v>
      </c>
      <c r="BQ3487" s="53">
        <v>-73847.833333333299</v>
      </c>
      <c r="BR3487" s="53">
        <v>-73847.833333333299</v>
      </c>
      <c r="BS3487" s="53">
        <v>-73847.833333333299</v>
      </c>
      <c r="BT3487" s="53">
        <v>-73847.833333333299</v>
      </c>
      <c r="BU3487" s="53">
        <v>-73847.833333333299</v>
      </c>
      <c r="BV3487" s="53">
        <v>-73847.833333333299</v>
      </c>
      <c r="BW3487" s="53">
        <v>-73847.833333333299</v>
      </c>
      <c r="BX3487" s="53">
        <v>-73847.833333333299</v>
      </c>
      <c r="BY3487" s="53">
        <v>-73847.833333333299</v>
      </c>
      <c r="BZ3487" s="53">
        <v>-73847.833333333299</v>
      </c>
      <c r="CA3487" s="53">
        <v>-886174</v>
      </c>
      <c r="CB3487" s="53">
        <v>2645833.3333333302</v>
      </c>
      <c r="CC3487" s="53">
        <v>2645833.3333333302</v>
      </c>
      <c r="CD3487" s="53">
        <v>2645833.3333333302</v>
      </c>
      <c r="CE3487" s="53">
        <v>2645833.3333333302</v>
      </c>
      <c r="CF3487" s="53">
        <v>2645833.3333333302</v>
      </c>
      <c r="CG3487" s="53">
        <v>2645833.3333333302</v>
      </c>
      <c r="CH3487" s="53">
        <v>2645833.3333333302</v>
      </c>
      <c r="CI3487" s="53">
        <v>2645833.3333333302</v>
      </c>
      <c r="CJ3487" s="53">
        <v>2645833.3333333302</v>
      </c>
      <c r="CK3487" s="53">
        <v>2645833.3333333302</v>
      </c>
      <c r="CL3487" s="53">
        <v>2645833.3333333302</v>
      </c>
      <c r="CM3487" s="53">
        <v>2645833.3333333302</v>
      </c>
      <c r="CN3487" s="53">
        <v>31749999.999999899</v>
      </c>
    </row>
    <row r="3488" spans="1:92" outlineLevel="1">
      <c r="A3488" s="52" t="s">
        <v>1686</v>
      </c>
      <c r="B3488" s="53"/>
      <c r="C3488" s="53"/>
      <c r="D3488" s="53"/>
      <c r="E3488" s="53"/>
      <c r="F3488" s="53"/>
      <c r="G3488" s="53"/>
      <c r="H3488" s="53"/>
      <c r="I3488" s="53"/>
      <c r="J3488" s="53"/>
      <c r="K3488" s="53"/>
      <c r="L3488" s="53"/>
      <c r="M3488" s="53"/>
      <c r="N3488" s="53"/>
      <c r="O3488" s="53"/>
      <c r="P3488" s="53"/>
      <c r="Q3488" s="53"/>
      <c r="R3488" s="53"/>
      <c r="S3488" s="53"/>
      <c r="T3488" s="53"/>
      <c r="U3488" s="53"/>
      <c r="V3488" s="53"/>
      <c r="W3488" s="53"/>
      <c r="X3488" s="53"/>
      <c r="Y3488" s="53"/>
      <c r="Z3488" s="53"/>
      <c r="AA3488" s="53"/>
      <c r="AB3488" s="53"/>
      <c r="AC3488" s="53"/>
      <c r="AD3488" s="53"/>
      <c r="AE3488" s="53"/>
      <c r="AF3488" s="53"/>
      <c r="AG3488" s="53"/>
      <c r="AH3488" s="53"/>
      <c r="AI3488" s="53"/>
      <c r="AJ3488" s="53"/>
      <c r="AK3488" s="53"/>
      <c r="AL3488" s="53"/>
      <c r="AM3488" s="53"/>
      <c r="AN3488" s="53"/>
      <c r="AO3488" s="53"/>
      <c r="AP3488" s="53"/>
      <c r="AQ3488" s="53"/>
      <c r="AR3488" s="53"/>
      <c r="AS3488" s="53"/>
      <c r="AT3488" s="53"/>
      <c r="AU3488" s="53"/>
      <c r="AV3488" s="53"/>
      <c r="AW3488" s="53"/>
      <c r="AX3488" s="53"/>
      <c r="AY3488" s="53"/>
      <c r="AZ3488" s="53"/>
      <c r="BA3488" s="53"/>
      <c r="BB3488" s="53"/>
      <c r="BC3488" s="53"/>
      <c r="BD3488" s="53"/>
      <c r="BE3488" s="53"/>
      <c r="BF3488" s="53"/>
      <c r="BG3488" s="53"/>
      <c r="BH3488" s="53"/>
      <c r="BI3488" s="53"/>
      <c r="BJ3488" s="53"/>
      <c r="BK3488" s="53"/>
      <c r="BL3488" s="53"/>
      <c r="BM3488" s="53"/>
      <c r="BN3488" s="53"/>
      <c r="BO3488" s="53"/>
      <c r="BP3488" s="53"/>
      <c r="BQ3488" s="53"/>
      <c r="BR3488" s="53"/>
      <c r="BS3488" s="53"/>
      <c r="BT3488" s="53"/>
      <c r="BU3488" s="53"/>
      <c r="BV3488" s="53"/>
      <c r="BW3488" s="53"/>
      <c r="BX3488" s="53"/>
      <c r="BY3488" s="53"/>
      <c r="BZ3488" s="53"/>
      <c r="CA3488" s="53"/>
      <c r="CB3488" s="53"/>
      <c r="CC3488" s="53"/>
      <c r="CD3488" s="53"/>
      <c r="CE3488" s="53"/>
      <c r="CF3488" s="53"/>
      <c r="CG3488" s="53"/>
      <c r="CH3488" s="53"/>
      <c r="CI3488" s="53"/>
      <c r="CJ3488" s="53"/>
      <c r="CK3488" s="53"/>
      <c r="CL3488" s="53"/>
      <c r="CM3488" s="53"/>
      <c r="CN3488" s="53"/>
    </row>
    <row r="3489" spans="1:92" outlineLevel="1">
      <c r="A3489" s="52" t="s">
        <v>649</v>
      </c>
      <c r="B3489" s="53"/>
      <c r="C3489" s="53"/>
      <c r="D3489" s="53"/>
      <c r="E3489" s="53"/>
      <c r="F3489" s="53"/>
      <c r="G3489" s="53"/>
      <c r="H3489" s="53"/>
      <c r="I3489" s="53"/>
      <c r="J3489" s="53"/>
      <c r="K3489" s="53"/>
      <c r="L3489" s="53"/>
      <c r="M3489" s="53"/>
      <c r="N3489" s="53"/>
      <c r="O3489" s="53">
        <v>-174277.58333333299</v>
      </c>
      <c r="P3489" s="53">
        <v>-174277.58333333299</v>
      </c>
      <c r="Q3489" s="53">
        <v>-174277.58333333299</v>
      </c>
      <c r="R3489" s="53">
        <v>-174277.58333333299</v>
      </c>
      <c r="S3489" s="53">
        <v>-174277.58333333299</v>
      </c>
      <c r="T3489" s="53">
        <v>-174277.58333333299</v>
      </c>
      <c r="U3489" s="53">
        <v>-174277.58333333299</v>
      </c>
      <c r="V3489" s="53">
        <v>-174277.58333333299</v>
      </c>
      <c r="W3489" s="53">
        <v>-174277.58333333299</v>
      </c>
      <c r="X3489" s="53">
        <v>-174277.58333333299</v>
      </c>
      <c r="Y3489" s="53">
        <v>-174277.58333333299</v>
      </c>
      <c r="Z3489" s="53">
        <v>-174277.58333333299</v>
      </c>
      <c r="AA3489" s="53">
        <v>-2091330.99999999</v>
      </c>
      <c r="AB3489" s="53">
        <v>-173444.25</v>
      </c>
      <c r="AC3489" s="53">
        <v>-173444.25</v>
      </c>
      <c r="AD3489" s="53">
        <v>-173444.25</v>
      </c>
      <c r="AE3489" s="53">
        <v>-173444.25</v>
      </c>
      <c r="AF3489" s="53">
        <v>-173444.25</v>
      </c>
      <c r="AG3489" s="53">
        <v>-173444.25</v>
      </c>
      <c r="AH3489" s="53">
        <v>-173444.25</v>
      </c>
      <c r="AI3489" s="53">
        <v>-173444.25</v>
      </c>
      <c r="AJ3489" s="53">
        <v>-173444.25</v>
      </c>
      <c r="AK3489" s="53">
        <v>-173444.25</v>
      </c>
      <c r="AL3489" s="53">
        <v>-173444.25</v>
      </c>
      <c r="AM3489" s="53">
        <v>-173444.25</v>
      </c>
      <c r="AN3489" s="53">
        <v>-2081331</v>
      </c>
      <c r="AO3489" s="53">
        <v>-72615.666666666599</v>
      </c>
      <c r="AP3489" s="53">
        <v>-72615.666666666599</v>
      </c>
      <c r="AQ3489" s="53">
        <v>-72615.666666666599</v>
      </c>
      <c r="AR3489" s="53">
        <v>-72615.666666666599</v>
      </c>
      <c r="AS3489" s="53">
        <v>-72615.666666666599</v>
      </c>
      <c r="AT3489" s="53">
        <v>-72615.666666666599</v>
      </c>
      <c r="AU3489" s="53">
        <v>-72615.666666666599</v>
      </c>
      <c r="AV3489" s="53">
        <v>-72615.666666666599</v>
      </c>
      <c r="AW3489" s="53">
        <v>-72615.666666666599</v>
      </c>
      <c r="AX3489" s="53">
        <v>-72615.666666666599</v>
      </c>
      <c r="AY3489" s="53">
        <v>-72615.666666666599</v>
      </c>
      <c r="AZ3489" s="53">
        <v>-72615.666666666599</v>
      </c>
      <c r="BA3489" s="53">
        <v>-871388</v>
      </c>
      <c r="BB3489" s="53"/>
      <c r="BC3489" s="53"/>
      <c r="BD3489" s="53"/>
      <c r="BE3489" s="53"/>
      <c r="BF3489" s="53"/>
      <c r="BG3489" s="53"/>
      <c r="BH3489" s="53"/>
      <c r="BI3489" s="53"/>
      <c r="BJ3489" s="53"/>
      <c r="BK3489" s="53"/>
      <c r="BL3489" s="53"/>
      <c r="BM3489" s="53"/>
      <c r="BN3489" s="53"/>
      <c r="BO3489" s="53"/>
      <c r="BP3489" s="53"/>
      <c r="BQ3489" s="53"/>
      <c r="BR3489" s="53"/>
      <c r="BS3489" s="53"/>
      <c r="BT3489" s="53"/>
      <c r="BU3489" s="53"/>
      <c r="BV3489" s="53"/>
      <c r="BW3489" s="53"/>
      <c r="BX3489" s="53"/>
      <c r="BY3489" s="53"/>
      <c r="BZ3489" s="53"/>
      <c r="CA3489" s="53"/>
      <c r="CB3489" s="53"/>
      <c r="CC3489" s="53"/>
      <c r="CD3489" s="53"/>
      <c r="CE3489" s="53"/>
      <c r="CF3489" s="53"/>
      <c r="CG3489" s="53"/>
      <c r="CH3489" s="53"/>
      <c r="CI3489" s="53"/>
      <c r="CJ3489" s="53"/>
      <c r="CK3489" s="53"/>
      <c r="CL3489" s="53"/>
      <c r="CM3489" s="53"/>
      <c r="CN3489" s="53"/>
    </row>
    <row r="3490" spans="1:92" outlineLevel="1">
      <c r="A3490" s="52" t="s">
        <v>1698</v>
      </c>
      <c r="B3490" s="53"/>
      <c r="C3490" s="53"/>
      <c r="D3490" s="53"/>
      <c r="E3490" s="53"/>
      <c r="F3490" s="53"/>
      <c r="G3490" s="53"/>
      <c r="H3490" s="53"/>
      <c r="I3490" s="53"/>
      <c r="J3490" s="53"/>
      <c r="K3490" s="53"/>
      <c r="L3490" s="53"/>
      <c r="M3490" s="53"/>
      <c r="N3490" s="53"/>
      <c r="O3490" s="53"/>
      <c r="P3490" s="53"/>
      <c r="Q3490" s="53"/>
      <c r="R3490" s="53"/>
      <c r="S3490" s="53"/>
      <c r="T3490" s="53"/>
      <c r="U3490" s="53"/>
      <c r="V3490" s="53"/>
      <c r="W3490" s="53"/>
      <c r="X3490" s="53"/>
      <c r="Y3490" s="53"/>
      <c r="Z3490" s="53"/>
      <c r="AA3490" s="53"/>
      <c r="AB3490" s="53"/>
      <c r="AC3490" s="53"/>
      <c r="AD3490" s="53"/>
      <c r="AE3490" s="53"/>
      <c r="AF3490" s="53"/>
      <c r="AG3490" s="53"/>
      <c r="AH3490" s="53"/>
      <c r="AI3490" s="53"/>
      <c r="AJ3490" s="53"/>
      <c r="AK3490" s="53"/>
      <c r="AL3490" s="53"/>
      <c r="AM3490" s="53"/>
      <c r="AN3490" s="53"/>
      <c r="AO3490" s="53"/>
      <c r="AP3490" s="53"/>
      <c r="AQ3490" s="53"/>
      <c r="AR3490" s="53"/>
      <c r="AS3490" s="53"/>
      <c r="AT3490" s="53"/>
      <c r="AU3490" s="53"/>
      <c r="AV3490" s="53"/>
      <c r="AW3490" s="53"/>
      <c r="AX3490" s="53"/>
      <c r="AY3490" s="53"/>
      <c r="AZ3490" s="53"/>
      <c r="BA3490" s="53"/>
      <c r="BB3490" s="53"/>
      <c r="BC3490" s="53"/>
      <c r="BD3490" s="53"/>
      <c r="BE3490" s="53"/>
      <c r="BF3490" s="53"/>
      <c r="BG3490" s="53"/>
      <c r="BH3490" s="53"/>
      <c r="BI3490" s="53"/>
      <c r="BJ3490" s="53"/>
      <c r="BK3490" s="53"/>
      <c r="BL3490" s="53"/>
      <c r="BM3490" s="53"/>
      <c r="BN3490" s="53"/>
      <c r="BO3490" s="53"/>
      <c r="BP3490" s="53"/>
      <c r="BQ3490" s="53"/>
      <c r="BR3490" s="53"/>
      <c r="BS3490" s="53"/>
      <c r="BT3490" s="53"/>
      <c r="BU3490" s="53"/>
      <c r="BV3490" s="53"/>
      <c r="BW3490" s="53"/>
      <c r="BX3490" s="53"/>
      <c r="BY3490" s="53"/>
      <c r="BZ3490" s="53"/>
      <c r="CA3490" s="53"/>
      <c r="CB3490" s="53">
        <v>5333333.3333333302</v>
      </c>
      <c r="CC3490" s="53">
        <v>5333333.3333333302</v>
      </c>
      <c r="CD3490" s="53">
        <v>5333333.3333333302</v>
      </c>
      <c r="CE3490" s="53">
        <v>5333333.3333333302</v>
      </c>
      <c r="CF3490" s="53">
        <v>5333333.3333333302</v>
      </c>
      <c r="CG3490" s="53">
        <v>5333333.3333333302</v>
      </c>
      <c r="CH3490" s="53">
        <v>5333333.3333333302</v>
      </c>
      <c r="CI3490" s="53">
        <v>5333333.3333333302</v>
      </c>
      <c r="CJ3490" s="53">
        <v>5333333.3333333302</v>
      </c>
      <c r="CK3490" s="53">
        <v>5333333.3333333302</v>
      </c>
      <c r="CL3490" s="53">
        <v>5333333.3333333302</v>
      </c>
      <c r="CM3490" s="53">
        <v>5333333.3333333302</v>
      </c>
      <c r="CN3490" s="53">
        <v>64000000</v>
      </c>
    </row>
    <row r="3491" spans="1:92" outlineLevel="1">
      <c r="A3491" s="52" t="s">
        <v>649</v>
      </c>
      <c r="B3491" s="53"/>
      <c r="C3491" s="53"/>
      <c r="D3491" s="53">
        <v>-120853</v>
      </c>
      <c r="E3491" s="53"/>
      <c r="F3491" s="53"/>
      <c r="G3491" s="53">
        <v>-99795</v>
      </c>
      <c r="H3491" s="53"/>
      <c r="I3491" s="53"/>
      <c r="J3491" s="53">
        <v>-110323.25</v>
      </c>
      <c r="K3491" s="53"/>
      <c r="L3491" s="53">
        <v>-73548.75</v>
      </c>
      <c r="M3491" s="53">
        <v>-441295</v>
      </c>
      <c r="N3491" s="53">
        <v>-845815</v>
      </c>
      <c r="O3491" s="53">
        <v>-36774.583333333299</v>
      </c>
      <c r="P3491" s="53">
        <v>-36774.583333333299</v>
      </c>
      <c r="Q3491" s="53">
        <v>-36774.583333333299</v>
      </c>
      <c r="R3491" s="53">
        <v>-36774.583333333299</v>
      </c>
      <c r="S3491" s="53">
        <v>-36774.583333333299</v>
      </c>
      <c r="T3491" s="53">
        <v>-36774.583333333299</v>
      </c>
      <c r="U3491" s="53">
        <v>-36774.583333333299</v>
      </c>
      <c r="V3491" s="53">
        <v>-36774.583333333299</v>
      </c>
      <c r="W3491" s="53">
        <v>-36774.583333333299</v>
      </c>
      <c r="X3491" s="53">
        <v>-36774.583333333299</v>
      </c>
      <c r="Y3491" s="53">
        <v>-36774.583333333299</v>
      </c>
      <c r="Z3491" s="53">
        <v>-36774.583333333299</v>
      </c>
      <c r="AA3491" s="53">
        <v>-441295</v>
      </c>
      <c r="AB3491" s="53">
        <v>-46237.076388888898</v>
      </c>
      <c r="AC3491" s="53">
        <v>-46237.076388888898</v>
      </c>
      <c r="AD3491" s="53">
        <v>-46237.076388888898</v>
      </c>
      <c r="AE3491" s="53">
        <v>-46237.076388888898</v>
      </c>
      <c r="AF3491" s="53">
        <v>-46237.076388888898</v>
      </c>
      <c r="AG3491" s="53">
        <v>-46237.076388888898</v>
      </c>
      <c r="AH3491" s="53">
        <v>-46237.076388888898</v>
      </c>
      <c r="AI3491" s="53">
        <v>-46237.076388888898</v>
      </c>
      <c r="AJ3491" s="53">
        <v>-46237.076388888898</v>
      </c>
      <c r="AK3491" s="53">
        <v>-46237.076388888898</v>
      </c>
      <c r="AL3491" s="53">
        <v>-46237.076388888898</v>
      </c>
      <c r="AM3491" s="53">
        <v>-46237.076388888898</v>
      </c>
      <c r="AN3491" s="53">
        <v>-554844.91666666698</v>
      </c>
      <c r="AO3491" s="53">
        <v>-102812.27430555499</v>
      </c>
      <c r="AP3491" s="53">
        <v>-102812.27430555499</v>
      </c>
      <c r="AQ3491" s="53">
        <v>-102812.27430555499</v>
      </c>
      <c r="AR3491" s="53">
        <v>-102812.27430555499</v>
      </c>
      <c r="AS3491" s="53">
        <v>-102812.27430555499</v>
      </c>
      <c r="AT3491" s="53">
        <v>-102812.27430555499</v>
      </c>
      <c r="AU3491" s="53">
        <v>-102812.27430555499</v>
      </c>
      <c r="AV3491" s="53">
        <v>-102812.27430555499</v>
      </c>
      <c r="AW3491" s="53">
        <v>-102812.27430555499</v>
      </c>
      <c r="AX3491" s="53">
        <v>-102812.27430555499</v>
      </c>
      <c r="AY3491" s="53">
        <v>-102812.27430555499</v>
      </c>
      <c r="AZ3491" s="53">
        <v>-102812.27430555499</v>
      </c>
      <c r="BA3491" s="53">
        <v>-1233747.29166666</v>
      </c>
      <c r="BB3491" s="53">
        <v>-154488.67840301999</v>
      </c>
      <c r="BC3491" s="53">
        <v>-154488.67840301999</v>
      </c>
      <c r="BD3491" s="53">
        <v>-154488.67840301999</v>
      </c>
      <c r="BE3491" s="53">
        <v>-154488.67840301999</v>
      </c>
      <c r="BF3491" s="53">
        <v>-154488.67840301999</v>
      </c>
      <c r="BG3491" s="53">
        <v>-154488.67840301999</v>
      </c>
      <c r="BH3491" s="53">
        <v>-154488.67840301999</v>
      </c>
      <c r="BI3491" s="53">
        <v>-154488.67840301999</v>
      </c>
      <c r="BJ3491" s="53">
        <v>-154488.67840301999</v>
      </c>
      <c r="BK3491" s="53">
        <v>-154488.67840301999</v>
      </c>
      <c r="BL3491" s="53">
        <v>-154488.67840301999</v>
      </c>
      <c r="BM3491" s="53">
        <v>-154488.67840301999</v>
      </c>
      <c r="BN3491" s="53">
        <v>-1853864.14083625</v>
      </c>
      <c r="BO3491" s="53">
        <v>-269788.079970463</v>
      </c>
      <c r="BP3491" s="53">
        <v>-269788.079970463</v>
      </c>
      <c r="BQ3491" s="53">
        <v>-269788.079970463</v>
      </c>
      <c r="BR3491" s="53">
        <v>-269788.079970463</v>
      </c>
      <c r="BS3491" s="53">
        <v>-269788.079970463</v>
      </c>
      <c r="BT3491" s="53">
        <v>-269788.079970463</v>
      </c>
      <c r="BU3491" s="53">
        <v>-269788.079970463</v>
      </c>
      <c r="BV3491" s="53">
        <v>-269788.079970463</v>
      </c>
      <c r="BW3491" s="53">
        <v>-269788.079970463</v>
      </c>
      <c r="BX3491" s="53">
        <v>-269788.079970463</v>
      </c>
      <c r="BY3491" s="53">
        <v>-269788.079970463</v>
      </c>
      <c r="BZ3491" s="53">
        <v>-269788.079970463</v>
      </c>
      <c r="CA3491" s="53">
        <v>-3237456.95964556</v>
      </c>
      <c r="CB3491" s="53">
        <v>1647916.66666666</v>
      </c>
      <c r="CC3491" s="53">
        <v>1647916.66666666</v>
      </c>
      <c r="CD3491" s="53">
        <v>1647916.66666666</v>
      </c>
      <c r="CE3491" s="53">
        <v>1647916.66666666</v>
      </c>
      <c r="CF3491" s="53">
        <v>1647916.66666666</v>
      </c>
      <c r="CG3491" s="53">
        <v>1647916.66666666</v>
      </c>
      <c r="CH3491" s="53">
        <v>1647916.66666666</v>
      </c>
      <c r="CI3491" s="53">
        <v>1647916.66666666</v>
      </c>
      <c r="CJ3491" s="53">
        <v>1647916.66666666</v>
      </c>
      <c r="CK3491" s="53">
        <v>1647916.66666666</v>
      </c>
      <c r="CL3491" s="53">
        <v>1647916.66666666</v>
      </c>
      <c r="CM3491" s="53">
        <v>1647916.66666666</v>
      </c>
      <c r="CN3491" s="53">
        <v>19775000</v>
      </c>
    </row>
    <row r="3492" spans="1:92" outlineLevel="1">
      <c r="A3492" s="52" t="s">
        <v>703</v>
      </c>
      <c r="B3492" s="53"/>
      <c r="C3492" s="53"/>
      <c r="D3492" s="53"/>
      <c r="E3492" s="53"/>
      <c r="F3492" s="53"/>
      <c r="G3492" s="53"/>
      <c r="H3492" s="53"/>
      <c r="I3492" s="53"/>
      <c r="J3492" s="53"/>
      <c r="K3492" s="53"/>
      <c r="L3492" s="53"/>
      <c r="M3492" s="53"/>
      <c r="N3492" s="53"/>
      <c r="O3492" s="53"/>
      <c r="P3492" s="53"/>
      <c r="Q3492" s="53"/>
      <c r="R3492" s="53"/>
      <c r="S3492" s="53"/>
      <c r="T3492" s="53"/>
      <c r="U3492" s="53"/>
      <c r="V3492" s="53"/>
      <c r="W3492" s="53"/>
      <c r="X3492" s="53"/>
      <c r="Y3492" s="53"/>
      <c r="Z3492" s="53"/>
      <c r="AA3492" s="53"/>
      <c r="AB3492" s="53"/>
      <c r="AC3492" s="53"/>
      <c r="AD3492" s="53"/>
      <c r="AE3492" s="53"/>
      <c r="AF3492" s="53"/>
      <c r="AG3492" s="53"/>
      <c r="AH3492" s="53"/>
      <c r="AI3492" s="53"/>
      <c r="AJ3492" s="53"/>
      <c r="AK3492" s="53"/>
      <c r="AL3492" s="53"/>
      <c r="AM3492" s="53"/>
      <c r="AN3492" s="53"/>
      <c r="AO3492" s="53"/>
      <c r="AP3492" s="53"/>
      <c r="AQ3492" s="53"/>
      <c r="AR3492" s="53"/>
      <c r="AS3492" s="53"/>
      <c r="AT3492" s="53"/>
      <c r="AU3492" s="53"/>
      <c r="AV3492" s="53"/>
      <c r="AW3492" s="53"/>
      <c r="AX3492" s="53"/>
      <c r="AY3492" s="53"/>
      <c r="AZ3492" s="53"/>
      <c r="BA3492" s="53"/>
      <c r="BB3492" s="53"/>
      <c r="BC3492" s="53"/>
      <c r="BD3492" s="53"/>
      <c r="BE3492" s="53"/>
      <c r="BF3492" s="53"/>
      <c r="BG3492" s="53"/>
      <c r="BH3492" s="53"/>
      <c r="BI3492" s="53"/>
      <c r="BJ3492" s="53"/>
      <c r="BK3492" s="53"/>
      <c r="BL3492" s="53"/>
      <c r="BM3492" s="53"/>
      <c r="BN3492" s="53"/>
      <c r="BO3492" s="53"/>
      <c r="BP3492" s="53"/>
      <c r="BQ3492" s="53"/>
      <c r="BR3492" s="53"/>
      <c r="BS3492" s="53"/>
      <c r="BT3492" s="53"/>
      <c r="BU3492" s="53"/>
      <c r="BV3492" s="53"/>
      <c r="BW3492" s="53"/>
      <c r="BX3492" s="53"/>
      <c r="BY3492" s="53"/>
      <c r="BZ3492" s="53"/>
      <c r="CA3492" s="53"/>
      <c r="CB3492" s="53">
        <v>1283333.33333333</v>
      </c>
      <c r="CC3492" s="53">
        <v>1283333.33333333</v>
      </c>
      <c r="CD3492" s="53">
        <v>1283333.33333333</v>
      </c>
      <c r="CE3492" s="53">
        <v>1283333.33333333</v>
      </c>
      <c r="CF3492" s="53">
        <v>1283333.33333333</v>
      </c>
      <c r="CG3492" s="53">
        <v>1283333.33333333</v>
      </c>
      <c r="CH3492" s="53">
        <v>1283333.33333333</v>
      </c>
      <c r="CI3492" s="53">
        <v>1283333.33333333</v>
      </c>
      <c r="CJ3492" s="53">
        <v>1283333.33333333</v>
      </c>
      <c r="CK3492" s="53">
        <v>1283333.33333333</v>
      </c>
      <c r="CL3492" s="53">
        <v>1283333.33333333</v>
      </c>
      <c r="CM3492" s="53">
        <v>1283333.33333333</v>
      </c>
      <c r="CN3492" s="53">
        <v>15400000</v>
      </c>
    </row>
    <row r="3493" spans="1:92" outlineLevel="1">
      <c r="A3493" s="52" t="s">
        <v>704</v>
      </c>
      <c r="B3493" s="53"/>
      <c r="C3493" s="53"/>
      <c r="D3493" s="53"/>
      <c r="E3493" s="53"/>
      <c r="F3493" s="53"/>
      <c r="G3493" s="53"/>
      <c r="H3493" s="53"/>
      <c r="I3493" s="53"/>
      <c r="J3493" s="53"/>
      <c r="K3493" s="53"/>
      <c r="L3493" s="53"/>
      <c r="M3493" s="53"/>
      <c r="N3493" s="53"/>
      <c r="O3493" s="53"/>
      <c r="P3493" s="53"/>
      <c r="Q3493" s="53"/>
      <c r="R3493" s="53"/>
      <c r="S3493" s="53"/>
      <c r="T3493" s="53"/>
      <c r="U3493" s="53"/>
      <c r="V3493" s="53"/>
      <c r="W3493" s="53"/>
      <c r="X3493" s="53"/>
      <c r="Y3493" s="53"/>
      <c r="Z3493" s="53"/>
      <c r="AA3493" s="53"/>
      <c r="AB3493" s="53"/>
      <c r="AC3493" s="53"/>
      <c r="AD3493" s="53"/>
      <c r="AE3493" s="53"/>
      <c r="AF3493" s="53"/>
      <c r="AG3493" s="53"/>
      <c r="AH3493" s="53"/>
      <c r="AI3493" s="53"/>
      <c r="AJ3493" s="53"/>
      <c r="AK3493" s="53"/>
      <c r="AL3493" s="53"/>
      <c r="AM3493" s="53"/>
      <c r="AN3493" s="53"/>
      <c r="AO3493" s="53"/>
      <c r="AP3493" s="53"/>
      <c r="AQ3493" s="53"/>
      <c r="AR3493" s="53"/>
      <c r="AS3493" s="53"/>
      <c r="AT3493" s="53"/>
      <c r="AU3493" s="53"/>
      <c r="AV3493" s="53"/>
      <c r="AW3493" s="53"/>
      <c r="AX3493" s="53"/>
      <c r="AY3493" s="53"/>
      <c r="AZ3493" s="53"/>
      <c r="BA3493" s="53"/>
      <c r="BB3493" s="53"/>
      <c r="BC3493" s="53"/>
      <c r="BD3493" s="53"/>
      <c r="BE3493" s="53"/>
      <c r="BF3493" s="53"/>
      <c r="BG3493" s="53"/>
      <c r="BH3493" s="53"/>
      <c r="BI3493" s="53"/>
      <c r="BJ3493" s="53"/>
      <c r="BK3493" s="53"/>
      <c r="BL3493" s="53"/>
      <c r="BM3493" s="53"/>
      <c r="BN3493" s="53"/>
      <c r="BO3493" s="53"/>
      <c r="BP3493" s="53"/>
      <c r="BQ3493" s="53"/>
      <c r="BR3493" s="53"/>
      <c r="BS3493" s="53"/>
      <c r="BT3493" s="53"/>
      <c r="BU3493" s="53"/>
      <c r="BV3493" s="53"/>
      <c r="BW3493" s="53"/>
      <c r="BX3493" s="53"/>
      <c r="BY3493" s="53"/>
      <c r="BZ3493" s="53"/>
      <c r="CA3493" s="53"/>
      <c r="CB3493" s="53">
        <v>489583.33333333302</v>
      </c>
      <c r="CC3493" s="53">
        <v>489583.33333333302</v>
      </c>
      <c r="CD3493" s="53">
        <v>489583.33333333302</v>
      </c>
      <c r="CE3493" s="53">
        <v>489583.33333333302</v>
      </c>
      <c r="CF3493" s="53">
        <v>489583.33333333302</v>
      </c>
      <c r="CG3493" s="53">
        <v>489583.33333333302</v>
      </c>
      <c r="CH3493" s="53">
        <v>489583.33333333302</v>
      </c>
      <c r="CI3493" s="53">
        <v>489583.33333333302</v>
      </c>
      <c r="CJ3493" s="53">
        <v>489583.33333333302</v>
      </c>
      <c r="CK3493" s="53">
        <v>489583.33333333302</v>
      </c>
      <c r="CL3493" s="53">
        <v>489583.33333333302</v>
      </c>
      <c r="CM3493" s="53">
        <v>489583.33333333302</v>
      </c>
      <c r="CN3493" s="53">
        <v>5874999.9999999898</v>
      </c>
    </row>
    <row r="3494" spans="1:92" outlineLevel="1">
      <c r="A3494" s="52" t="s">
        <v>705</v>
      </c>
      <c r="B3494" s="53"/>
      <c r="C3494" s="53"/>
      <c r="D3494" s="53"/>
      <c r="E3494" s="53"/>
      <c r="F3494" s="53"/>
      <c r="G3494" s="53"/>
      <c r="H3494" s="53"/>
      <c r="I3494" s="53"/>
      <c r="J3494" s="53"/>
      <c r="K3494" s="53"/>
      <c r="L3494" s="53"/>
      <c r="M3494" s="53"/>
      <c r="N3494" s="53"/>
      <c r="O3494" s="53">
        <v>9510532.8059798405</v>
      </c>
      <c r="P3494" s="53">
        <v>-670231.59342291602</v>
      </c>
      <c r="Q3494" s="53">
        <v>2478580.8552076598</v>
      </c>
      <c r="R3494" s="53">
        <v>3904179.1005039099</v>
      </c>
      <c r="S3494" s="53">
        <v>6973414.77078686</v>
      </c>
      <c r="T3494" s="53">
        <v>11572278.626041301</v>
      </c>
      <c r="U3494" s="53">
        <v>8631475.3667259701</v>
      </c>
      <c r="V3494" s="53">
        <v>16549619.2900973</v>
      </c>
      <c r="W3494" s="53">
        <v>9712846.4469570909</v>
      </c>
      <c r="X3494" s="53">
        <v>5129654.2762903199</v>
      </c>
      <c r="Y3494" s="53">
        <v>705246.35166825796</v>
      </c>
      <c r="Z3494" s="53">
        <v>9965946.9650995601</v>
      </c>
      <c r="AA3494" s="53">
        <v>84463543.261935204</v>
      </c>
      <c r="AB3494" s="53">
        <v>11803200.673573799</v>
      </c>
      <c r="AC3494" s="53">
        <v>1946738.17651845</v>
      </c>
      <c r="AD3494" s="53">
        <v>3007483.3982456001</v>
      </c>
      <c r="AE3494" s="53">
        <v>2217179.8584209098</v>
      </c>
      <c r="AF3494" s="53">
        <v>5225289.0703266095</v>
      </c>
      <c r="AG3494" s="53">
        <v>8503353.1486209594</v>
      </c>
      <c r="AH3494" s="53">
        <v>7800716.2865702901</v>
      </c>
      <c r="AI3494" s="53">
        <v>15246467.259838801</v>
      </c>
      <c r="AJ3494" s="53">
        <v>7418305.9184093196</v>
      </c>
      <c r="AK3494" s="53">
        <v>3625770.2184643298</v>
      </c>
      <c r="AL3494" s="53">
        <v>-394167.60502965801</v>
      </c>
      <c r="AM3494" s="53">
        <v>7796826.84332499</v>
      </c>
      <c r="AN3494" s="53">
        <v>74197163.247284502</v>
      </c>
      <c r="AO3494" s="53">
        <v>6293279.4317911603</v>
      </c>
      <c r="AP3494" s="53">
        <v>-2772386.04620456</v>
      </c>
      <c r="AQ3494" s="53">
        <v>-2993249.7820883798</v>
      </c>
      <c r="AR3494" s="53">
        <v>-976795.56876528403</v>
      </c>
      <c r="AS3494" s="53">
        <v>1724199.8677926401</v>
      </c>
      <c r="AT3494" s="53">
        <v>3148785.5900538098</v>
      </c>
      <c r="AU3494" s="53">
        <v>3830414.4534315201</v>
      </c>
      <c r="AV3494" s="53">
        <v>10312641.555946101</v>
      </c>
      <c r="AW3494" s="53">
        <v>2347798.9961150601</v>
      </c>
      <c r="AX3494" s="53">
        <v>315229.55412634899</v>
      </c>
      <c r="AY3494" s="53">
        <v>-3410002.0636559501</v>
      </c>
      <c r="AZ3494" s="53">
        <v>2904935.9231670899</v>
      </c>
      <c r="BA3494" s="53">
        <v>20724851.911709599</v>
      </c>
      <c r="BB3494" s="53">
        <v>6028590.8329194002</v>
      </c>
      <c r="BC3494" s="53">
        <v>-3161605.6044983198</v>
      </c>
      <c r="BD3494" s="53">
        <v>-3311292.0353210601</v>
      </c>
      <c r="BE3494" s="53">
        <v>-1260436.6332632101</v>
      </c>
      <c r="BF3494" s="53">
        <v>1482981.0429688401</v>
      </c>
      <c r="BG3494" s="53">
        <v>3038876.1075416999</v>
      </c>
      <c r="BH3494" s="53">
        <v>3677435.1816783799</v>
      </c>
      <c r="BI3494" s="53">
        <v>10119907.1882405</v>
      </c>
      <c r="BJ3494" s="53">
        <v>2041932.67417435</v>
      </c>
      <c r="BK3494" s="53">
        <v>-109773.579112525</v>
      </c>
      <c r="BL3494" s="53">
        <v>-3986075.0848877099</v>
      </c>
      <c r="BM3494" s="53">
        <v>2568474.2815444502</v>
      </c>
      <c r="BN3494" s="53">
        <v>17129014.371984798</v>
      </c>
      <c r="BO3494" s="53">
        <v>5649672.0031035403</v>
      </c>
      <c r="BP3494" s="53">
        <v>-3367635.5821297602</v>
      </c>
      <c r="BQ3494" s="53">
        <v>-3669483.96550499</v>
      </c>
      <c r="BR3494" s="53">
        <v>-1594516.85888024</v>
      </c>
      <c r="BS3494" s="53">
        <v>1461061.63089643</v>
      </c>
      <c r="BT3494" s="53">
        <v>2949246.6648725602</v>
      </c>
      <c r="BU3494" s="53">
        <v>3658018.5179344001</v>
      </c>
      <c r="BV3494" s="53">
        <v>10131624.712721501</v>
      </c>
      <c r="BW3494" s="53">
        <v>2049780.9060994601</v>
      </c>
      <c r="BX3494" s="53">
        <v>-124090.990743462</v>
      </c>
      <c r="BY3494" s="53">
        <v>-3747435.3131864099</v>
      </c>
      <c r="BZ3494" s="53">
        <v>-3694692.5729879802</v>
      </c>
      <c r="CA3494" s="53">
        <v>9701549.1521950606</v>
      </c>
      <c r="CB3494" s="53"/>
      <c r="CC3494" s="53"/>
      <c r="CD3494" s="53"/>
      <c r="CE3494" s="53"/>
      <c r="CF3494" s="53"/>
      <c r="CG3494" s="53"/>
      <c r="CH3494" s="53"/>
      <c r="CI3494" s="53"/>
      <c r="CJ3494" s="53"/>
      <c r="CK3494" s="53"/>
      <c r="CL3494" s="53"/>
      <c r="CM3494" s="53"/>
      <c r="CN3494" s="53"/>
    </row>
    <row r="3495" spans="1:92" outlineLevel="1">
      <c r="A3495" s="52" t="s">
        <v>706</v>
      </c>
      <c r="B3495" s="53"/>
      <c r="C3495" s="53"/>
      <c r="D3495" s="53"/>
      <c r="E3495" s="53"/>
      <c r="F3495" s="53"/>
      <c r="G3495" s="53"/>
      <c r="H3495" s="53"/>
      <c r="I3495" s="53"/>
      <c r="J3495" s="53"/>
      <c r="K3495" s="53"/>
      <c r="L3495" s="53"/>
      <c r="M3495" s="53"/>
      <c r="N3495" s="53"/>
      <c r="O3495" s="53"/>
      <c r="P3495" s="53"/>
      <c r="Q3495" s="53"/>
      <c r="R3495" s="53"/>
      <c r="S3495" s="53"/>
      <c r="T3495" s="53"/>
      <c r="U3495" s="53"/>
      <c r="V3495" s="53"/>
      <c r="W3495" s="53"/>
      <c r="X3495" s="53"/>
      <c r="Y3495" s="53"/>
      <c r="Z3495" s="53"/>
      <c r="AA3495" s="53"/>
      <c r="AB3495" s="53"/>
      <c r="AC3495" s="53"/>
      <c r="AD3495" s="53"/>
      <c r="AE3495" s="53"/>
      <c r="AF3495" s="53"/>
      <c r="AG3495" s="53"/>
      <c r="AH3495" s="53"/>
      <c r="AI3495" s="53"/>
      <c r="AJ3495" s="53"/>
      <c r="AK3495" s="53"/>
      <c r="AL3495" s="53"/>
      <c r="AM3495" s="53"/>
      <c r="AN3495" s="53"/>
      <c r="AO3495" s="53"/>
      <c r="AP3495" s="53"/>
      <c r="AQ3495" s="53"/>
      <c r="AR3495" s="53"/>
      <c r="AS3495" s="53"/>
      <c r="AT3495" s="53"/>
      <c r="AU3495" s="53"/>
      <c r="AV3495" s="53"/>
      <c r="AW3495" s="53"/>
      <c r="AX3495" s="53"/>
      <c r="AY3495" s="53"/>
      <c r="AZ3495" s="53"/>
      <c r="BA3495" s="53"/>
      <c r="BB3495" s="53"/>
      <c r="BC3495" s="53"/>
      <c r="BD3495" s="53"/>
      <c r="BE3495" s="53"/>
      <c r="BF3495" s="53"/>
      <c r="BG3495" s="53"/>
      <c r="BH3495" s="53"/>
      <c r="BI3495" s="53"/>
      <c r="BJ3495" s="53"/>
      <c r="BK3495" s="53"/>
      <c r="BL3495" s="53"/>
      <c r="BM3495" s="53"/>
      <c r="BN3495" s="53"/>
      <c r="BO3495" s="53"/>
      <c r="BP3495" s="53"/>
      <c r="BQ3495" s="53"/>
      <c r="BR3495" s="53"/>
      <c r="BS3495" s="53"/>
      <c r="BT3495" s="53"/>
      <c r="BU3495" s="53"/>
      <c r="BV3495" s="53"/>
      <c r="BW3495" s="53"/>
      <c r="BX3495" s="53"/>
      <c r="BY3495" s="53"/>
      <c r="BZ3495" s="53"/>
      <c r="CA3495" s="53"/>
      <c r="CB3495" s="53">
        <v>1700000</v>
      </c>
      <c r="CC3495" s="53">
        <v>1700000</v>
      </c>
      <c r="CD3495" s="53">
        <v>1700000</v>
      </c>
      <c r="CE3495" s="53">
        <v>1700000</v>
      </c>
      <c r="CF3495" s="53">
        <v>1700000</v>
      </c>
      <c r="CG3495" s="53">
        <v>1700000</v>
      </c>
      <c r="CH3495" s="53">
        <v>1700000</v>
      </c>
      <c r="CI3495" s="53">
        <v>1700000</v>
      </c>
      <c r="CJ3495" s="53">
        <v>1700000</v>
      </c>
      <c r="CK3495" s="53">
        <v>1700000</v>
      </c>
      <c r="CL3495" s="53">
        <v>1700000</v>
      </c>
      <c r="CM3495" s="53">
        <v>1700000</v>
      </c>
      <c r="CN3495" s="53">
        <v>20400000</v>
      </c>
    </row>
    <row r="3496" spans="1:92" outlineLevel="1">
      <c r="A3496" s="52" t="s">
        <v>705</v>
      </c>
      <c r="B3496" s="53"/>
      <c r="C3496" s="53"/>
      <c r="D3496" s="53"/>
      <c r="E3496" s="53"/>
      <c r="F3496" s="53"/>
      <c r="G3496" s="53"/>
      <c r="H3496" s="53"/>
      <c r="I3496" s="53"/>
      <c r="J3496" s="53"/>
      <c r="K3496" s="53"/>
      <c r="L3496" s="53"/>
      <c r="M3496" s="53"/>
      <c r="N3496" s="53"/>
      <c r="O3496" s="53">
        <v>-885293.06761143403</v>
      </c>
      <c r="P3496" s="53">
        <v>4325569.5228614202</v>
      </c>
      <c r="Q3496" s="53">
        <v>1636657.6202555699</v>
      </c>
      <c r="R3496" s="53">
        <v>-975678.90706958994</v>
      </c>
      <c r="S3496" s="53">
        <v>-1980246.1526586099</v>
      </c>
      <c r="T3496" s="53">
        <v>-4003040.0909539098</v>
      </c>
      <c r="U3496" s="53">
        <v>-2162749.4752679202</v>
      </c>
      <c r="V3496" s="53">
        <v>-6551139.78723149</v>
      </c>
      <c r="W3496" s="53">
        <v>-2802217.6677378798</v>
      </c>
      <c r="X3496" s="53">
        <v>-1148193.0601220501</v>
      </c>
      <c r="Y3496" s="53">
        <v>1094413.80686448</v>
      </c>
      <c r="Z3496" s="53">
        <v>-5047068.81427396</v>
      </c>
      <c r="AA3496" s="53">
        <v>-18498986.072945401</v>
      </c>
      <c r="AB3496" s="53">
        <v>-3263588.0919577</v>
      </c>
      <c r="AC3496" s="53">
        <v>1403247.5537707401</v>
      </c>
      <c r="AD3496" s="53">
        <v>-301507.82879013498</v>
      </c>
      <c r="AE3496" s="53">
        <v>986216.48674868105</v>
      </c>
      <c r="AF3496" s="53">
        <v>100226.71611066999</v>
      </c>
      <c r="AG3496" s="53">
        <v>-1175262.49534485</v>
      </c>
      <c r="AH3496" s="53">
        <v>-573566.76380333398</v>
      </c>
      <c r="AI3496" s="53">
        <v>-4411143.3438784303</v>
      </c>
      <c r="AJ3496" s="53">
        <v>-916207.91777658905</v>
      </c>
      <c r="AK3496" s="53">
        <v>1013617.74349106</v>
      </c>
      <c r="AL3496" s="53">
        <v>2701884.0785181499</v>
      </c>
      <c r="AM3496" s="53">
        <v>-3199847.5124201099</v>
      </c>
      <c r="AN3496" s="53">
        <v>-7635931.3753318498</v>
      </c>
      <c r="AO3496" s="53">
        <v>1847039.4813578001</v>
      </c>
      <c r="AP3496" s="53">
        <v>5339196.1116688997</v>
      </c>
      <c r="AQ3496" s="53">
        <v>4792021.74488331</v>
      </c>
      <c r="AR3496" s="53">
        <v>3741978.2108753002</v>
      </c>
      <c r="AS3496" s="53">
        <v>3116465.1135932598</v>
      </c>
      <c r="AT3496" s="53">
        <v>2901764.3696586001</v>
      </c>
      <c r="AU3496" s="53">
        <v>2940632.8841498601</v>
      </c>
      <c r="AV3496" s="53">
        <v>25333.1590266284</v>
      </c>
      <c r="AW3496" s="53">
        <v>3056110.9211582602</v>
      </c>
      <c r="AX3496" s="53">
        <v>3734427.4211847601</v>
      </c>
      <c r="AY3496" s="53">
        <v>4949853.9089705702</v>
      </c>
      <c r="AZ3496" s="53">
        <v>601619.35114538798</v>
      </c>
      <c r="BA3496" s="53">
        <v>37046442.677672699</v>
      </c>
      <c r="BB3496" s="53">
        <v>1867794.82234481</v>
      </c>
      <c r="BC3496" s="53">
        <v>5484839.6171713602</v>
      </c>
      <c r="BD3496" s="53">
        <v>4815664.6893944796</v>
      </c>
      <c r="BE3496" s="53">
        <v>3771367.1992183798</v>
      </c>
      <c r="BF3496" s="53">
        <v>3138721.0012500701</v>
      </c>
      <c r="BG3496" s="53">
        <v>2918453.7899838998</v>
      </c>
      <c r="BH3496" s="53">
        <v>2986991.2580340598</v>
      </c>
      <c r="BI3496" s="53">
        <v>109309.157612315</v>
      </c>
      <c r="BJ3496" s="53">
        <v>3222809.2498544799</v>
      </c>
      <c r="BK3496" s="53">
        <v>4003112.6626035399</v>
      </c>
      <c r="BL3496" s="53">
        <v>5305058.3161778497</v>
      </c>
      <c r="BM3496" s="53">
        <v>827257.13657677802</v>
      </c>
      <c r="BN3496" s="53">
        <v>38451378.900222003</v>
      </c>
      <c r="BO3496" s="53">
        <v>1884926.8388785</v>
      </c>
      <c r="BP3496" s="53">
        <v>5527768.6103877705</v>
      </c>
      <c r="BQ3496" s="53">
        <v>4957806.2840496497</v>
      </c>
      <c r="BR3496" s="53">
        <v>3859793.2789729601</v>
      </c>
      <c r="BS3496" s="53">
        <v>2975180.7775071599</v>
      </c>
      <c r="BT3496" s="53">
        <v>2718080.7901169099</v>
      </c>
      <c r="BU3496" s="53">
        <v>2706342.0144746099</v>
      </c>
      <c r="BV3496" s="53">
        <v>-194742.72752320001</v>
      </c>
      <c r="BW3496" s="53">
        <v>2993238.59111861</v>
      </c>
      <c r="BX3496" s="53">
        <v>3755864.5949141802</v>
      </c>
      <c r="BY3496" s="53">
        <v>4777030.6277568499</v>
      </c>
      <c r="BZ3496" s="53">
        <v>6878600.8519843603</v>
      </c>
      <c r="CA3496" s="53">
        <v>42839890.532638401</v>
      </c>
      <c r="CB3496" s="53"/>
      <c r="CC3496" s="53"/>
      <c r="CD3496" s="53"/>
      <c r="CE3496" s="53"/>
      <c r="CF3496" s="53"/>
      <c r="CG3496" s="53"/>
      <c r="CH3496" s="53"/>
      <c r="CI3496" s="53"/>
      <c r="CJ3496" s="53"/>
      <c r="CK3496" s="53"/>
      <c r="CL3496" s="53"/>
      <c r="CM3496" s="53"/>
      <c r="CN3496" s="53"/>
    </row>
    <row r="3497" spans="1:92" outlineLevel="1">
      <c r="A3497" s="52" t="s">
        <v>678</v>
      </c>
      <c r="B3497" s="53"/>
      <c r="C3497" s="53"/>
      <c r="D3497" s="53"/>
      <c r="E3497" s="53"/>
      <c r="F3497" s="53"/>
      <c r="G3497" s="53"/>
      <c r="H3497" s="53"/>
      <c r="I3497" s="53"/>
      <c r="J3497" s="53"/>
      <c r="K3497" s="53"/>
      <c r="L3497" s="53"/>
      <c r="M3497" s="53"/>
      <c r="N3497" s="53"/>
      <c r="O3497" s="53"/>
      <c r="P3497" s="53"/>
      <c r="Q3497" s="53"/>
      <c r="R3497" s="53"/>
      <c r="S3497" s="53"/>
      <c r="T3497" s="53"/>
      <c r="U3497" s="53"/>
      <c r="V3497" s="53"/>
      <c r="W3497" s="53"/>
      <c r="X3497" s="53"/>
      <c r="Y3497" s="53"/>
      <c r="Z3497" s="53"/>
      <c r="AA3497" s="53"/>
      <c r="AB3497" s="53"/>
      <c r="AC3497" s="53"/>
      <c r="AD3497" s="53"/>
      <c r="AE3497" s="53"/>
      <c r="AF3497" s="53"/>
      <c r="AG3497" s="53"/>
      <c r="AH3497" s="53"/>
      <c r="AI3497" s="53"/>
      <c r="AJ3497" s="53"/>
      <c r="AK3497" s="53"/>
      <c r="AL3497" s="53"/>
      <c r="AM3497" s="53"/>
      <c r="AN3497" s="53"/>
      <c r="AO3497" s="53"/>
      <c r="AP3497" s="53"/>
      <c r="AQ3497" s="53"/>
      <c r="AR3497" s="53"/>
      <c r="AS3497" s="53"/>
      <c r="AT3497" s="53"/>
      <c r="AU3497" s="53"/>
      <c r="AV3497" s="53"/>
      <c r="AW3497" s="53"/>
      <c r="AX3497" s="53"/>
      <c r="AY3497" s="53"/>
      <c r="AZ3497" s="53"/>
      <c r="BA3497" s="53"/>
      <c r="BB3497" s="53"/>
      <c r="BC3497" s="53"/>
      <c r="BD3497" s="53"/>
      <c r="BE3497" s="53"/>
      <c r="BF3497" s="53"/>
      <c r="BG3497" s="53"/>
      <c r="BH3497" s="53"/>
      <c r="BI3497" s="53"/>
      <c r="BJ3497" s="53"/>
      <c r="BK3497" s="53"/>
      <c r="BL3497" s="53"/>
      <c r="BM3497" s="53"/>
      <c r="BN3497" s="53"/>
      <c r="BO3497" s="53"/>
      <c r="BP3497" s="53"/>
      <c r="BQ3497" s="53"/>
      <c r="BR3497" s="53"/>
      <c r="BS3497" s="53"/>
      <c r="BT3497" s="53"/>
      <c r="BU3497" s="53"/>
      <c r="BV3497" s="53"/>
      <c r="BW3497" s="53"/>
      <c r="BX3497" s="53"/>
      <c r="BY3497" s="53"/>
      <c r="BZ3497" s="53"/>
      <c r="CA3497" s="53"/>
      <c r="CB3497" s="53">
        <v>1733333.33333333</v>
      </c>
      <c r="CC3497" s="53">
        <v>1733333.33333333</v>
      </c>
      <c r="CD3497" s="53">
        <v>1733333.33333333</v>
      </c>
      <c r="CE3497" s="53">
        <v>1733333.33333333</v>
      </c>
      <c r="CF3497" s="53">
        <v>1733333.33333333</v>
      </c>
      <c r="CG3497" s="53">
        <v>1733333.33333333</v>
      </c>
      <c r="CH3497" s="53">
        <v>1733333.33333333</v>
      </c>
      <c r="CI3497" s="53">
        <v>1733333.33333333</v>
      </c>
      <c r="CJ3497" s="53">
        <v>1733333.33333333</v>
      </c>
      <c r="CK3497" s="53">
        <v>1733333.33333333</v>
      </c>
      <c r="CL3497" s="53">
        <v>1733333.33333333</v>
      </c>
      <c r="CM3497" s="53">
        <v>1733333.33333333</v>
      </c>
      <c r="CN3497" s="53">
        <v>20800000</v>
      </c>
    </row>
    <row r="3498" spans="1:92" outlineLevel="1">
      <c r="A3498" s="52" t="s">
        <v>1690</v>
      </c>
      <c r="B3498" s="53"/>
      <c r="C3498" s="53"/>
      <c r="D3498" s="53"/>
      <c r="E3498" s="53"/>
      <c r="F3498" s="53"/>
      <c r="G3498" s="53"/>
      <c r="H3498" s="53"/>
      <c r="I3498" s="53"/>
      <c r="J3498" s="53"/>
      <c r="K3498" s="53"/>
      <c r="L3498" s="53"/>
      <c r="M3498" s="53"/>
      <c r="N3498" s="53"/>
      <c r="O3498" s="53"/>
      <c r="P3498" s="53"/>
      <c r="Q3498" s="53"/>
      <c r="R3498" s="53"/>
      <c r="S3498" s="53"/>
      <c r="T3498" s="53"/>
      <c r="U3498" s="53"/>
      <c r="V3498" s="53"/>
      <c r="W3498" s="53"/>
      <c r="X3498" s="53"/>
      <c r="Y3498" s="53"/>
      <c r="Z3498" s="53"/>
      <c r="AA3498" s="53"/>
      <c r="AB3498" s="53"/>
      <c r="AC3498" s="53"/>
      <c r="AD3498" s="53"/>
      <c r="AE3498" s="53"/>
      <c r="AF3498" s="53"/>
      <c r="AG3498" s="53"/>
      <c r="AH3498" s="53"/>
      <c r="AI3498" s="53"/>
      <c r="AJ3498" s="53"/>
      <c r="AK3498" s="53"/>
      <c r="AL3498" s="53"/>
      <c r="AM3498" s="53"/>
      <c r="AN3498" s="53"/>
      <c r="AO3498" s="53"/>
      <c r="AP3498" s="53"/>
      <c r="AQ3498" s="53"/>
      <c r="AR3498" s="53"/>
      <c r="AS3498" s="53"/>
      <c r="AT3498" s="53"/>
      <c r="AU3498" s="53"/>
      <c r="AV3498" s="53"/>
      <c r="AW3498" s="53"/>
      <c r="AX3498" s="53"/>
      <c r="AY3498" s="53"/>
      <c r="AZ3498" s="53"/>
      <c r="BA3498" s="53"/>
      <c r="BB3498" s="53"/>
      <c r="BC3498" s="53"/>
      <c r="BD3498" s="53"/>
      <c r="BE3498" s="53"/>
      <c r="BF3498" s="53"/>
      <c r="BG3498" s="53"/>
      <c r="BH3498" s="53"/>
      <c r="BI3498" s="53"/>
      <c r="BJ3498" s="53"/>
      <c r="BK3498" s="53"/>
      <c r="BL3498" s="53"/>
      <c r="BM3498" s="53"/>
      <c r="BN3498" s="53"/>
      <c r="BO3498" s="53"/>
      <c r="BP3498" s="53"/>
      <c r="BQ3498" s="53"/>
      <c r="BR3498" s="53"/>
      <c r="BS3498" s="53"/>
      <c r="BT3498" s="53"/>
      <c r="BU3498" s="53"/>
      <c r="BV3498" s="53"/>
      <c r="BW3498" s="53"/>
      <c r="BX3498" s="53"/>
      <c r="BY3498" s="53"/>
      <c r="BZ3498" s="53"/>
      <c r="CA3498" s="53"/>
      <c r="CB3498" s="53">
        <v>1400000</v>
      </c>
      <c r="CC3498" s="53">
        <v>1400000</v>
      </c>
      <c r="CD3498" s="53">
        <v>1400000</v>
      </c>
      <c r="CE3498" s="53">
        <v>1400000</v>
      </c>
      <c r="CF3498" s="53">
        <v>1400000</v>
      </c>
      <c r="CG3498" s="53">
        <v>1400000</v>
      </c>
      <c r="CH3498" s="53">
        <v>1400000</v>
      </c>
      <c r="CI3498" s="53">
        <v>1400000</v>
      </c>
      <c r="CJ3498" s="53">
        <v>1400000</v>
      </c>
      <c r="CK3498" s="53">
        <v>1400000</v>
      </c>
      <c r="CL3498" s="53">
        <v>1400000</v>
      </c>
      <c r="CM3498" s="53">
        <v>1400000</v>
      </c>
      <c r="CN3498" s="53">
        <v>16800000</v>
      </c>
    </row>
    <row r="3499" spans="1:92" outlineLevel="1">
      <c r="A3499" s="52" t="s">
        <v>680</v>
      </c>
      <c r="B3499" s="53"/>
      <c r="C3499" s="53"/>
      <c r="D3499" s="53"/>
      <c r="E3499" s="53"/>
      <c r="F3499" s="53"/>
      <c r="G3499" s="53"/>
      <c r="H3499" s="53"/>
      <c r="I3499" s="53"/>
      <c r="J3499" s="53"/>
      <c r="K3499" s="53"/>
      <c r="L3499" s="53"/>
      <c r="M3499" s="53"/>
      <c r="N3499" s="53"/>
      <c r="O3499" s="53"/>
      <c r="P3499" s="53"/>
      <c r="Q3499" s="53"/>
      <c r="R3499" s="53"/>
      <c r="S3499" s="53"/>
      <c r="T3499" s="53"/>
      <c r="U3499" s="53"/>
      <c r="V3499" s="53"/>
      <c r="W3499" s="53"/>
      <c r="X3499" s="53"/>
      <c r="Y3499" s="53"/>
      <c r="Z3499" s="53"/>
      <c r="AA3499" s="53"/>
      <c r="AB3499" s="53"/>
      <c r="AC3499" s="53"/>
      <c r="AD3499" s="53"/>
      <c r="AE3499" s="53"/>
      <c r="AF3499" s="53"/>
      <c r="AG3499" s="53"/>
      <c r="AH3499" s="53"/>
      <c r="AI3499" s="53"/>
      <c r="AJ3499" s="53"/>
      <c r="AK3499" s="53"/>
      <c r="AL3499" s="53"/>
      <c r="AM3499" s="53"/>
      <c r="AN3499" s="53"/>
      <c r="AO3499" s="53"/>
      <c r="AP3499" s="53"/>
      <c r="AQ3499" s="53"/>
      <c r="AR3499" s="53"/>
      <c r="AS3499" s="53"/>
      <c r="AT3499" s="53"/>
      <c r="AU3499" s="53"/>
      <c r="AV3499" s="53"/>
      <c r="AW3499" s="53"/>
      <c r="AX3499" s="53"/>
      <c r="AY3499" s="53"/>
      <c r="AZ3499" s="53"/>
      <c r="BA3499" s="53"/>
      <c r="BB3499" s="53"/>
      <c r="BC3499" s="53"/>
      <c r="BD3499" s="53"/>
      <c r="BE3499" s="53">
        <v>59834339.893198803</v>
      </c>
      <c r="BF3499" s="53"/>
      <c r="BG3499" s="53">
        <v>59834339.893198803</v>
      </c>
      <c r="BH3499" s="53"/>
      <c r="BI3499" s="53"/>
      <c r="BJ3499" s="53">
        <v>-88398347.786397606</v>
      </c>
      <c r="BK3499" s="53"/>
      <c r="BL3499" s="53"/>
      <c r="BM3499" s="53">
        <v>-26085424.999999899</v>
      </c>
      <c r="BN3499" s="53">
        <v>5184906.9999999898</v>
      </c>
      <c r="BO3499" s="53"/>
      <c r="BP3499" s="53"/>
      <c r="BQ3499" s="53">
        <v>-4976470.4021227704</v>
      </c>
      <c r="BR3499" s="53">
        <v>59782230.743729398</v>
      </c>
      <c r="BS3499" s="53"/>
      <c r="BT3499" s="53">
        <v>59782230.743729398</v>
      </c>
      <c r="BU3499" s="53"/>
      <c r="BV3499" s="53"/>
      <c r="BW3499" s="53">
        <v>59782230.743729398</v>
      </c>
      <c r="BX3499" s="53"/>
      <c r="BY3499" s="53"/>
      <c r="BZ3499" s="53">
        <v>-90086995.722449094</v>
      </c>
      <c r="CA3499" s="53">
        <v>84283226.106616497</v>
      </c>
      <c r="CB3499" s="53">
        <v>1900000</v>
      </c>
      <c r="CC3499" s="53">
        <v>1900000</v>
      </c>
      <c r="CD3499" s="53">
        <v>1900000</v>
      </c>
      <c r="CE3499" s="53">
        <v>1900000</v>
      </c>
      <c r="CF3499" s="53">
        <v>1900000</v>
      </c>
      <c r="CG3499" s="53">
        <v>1900000</v>
      </c>
      <c r="CH3499" s="53">
        <v>1900000</v>
      </c>
      <c r="CI3499" s="53">
        <v>1900000</v>
      </c>
      <c r="CJ3499" s="53">
        <v>1900000</v>
      </c>
      <c r="CK3499" s="53">
        <v>1900000</v>
      </c>
      <c r="CL3499" s="53">
        <v>1900000</v>
      </c>
      <c r="CM3499" s="53">
        <v>1900000</v>
      </c>
      <c r="CN3499" s="53">
        <v>22800000</v>
      </c>
    </row>
    <row r="3500" spans="1:92" outlineLevel="1">
      <c r="A3500" s="52" t="s">
        <v>682</v>
      </c>
      <c r="B3500" s="53"/>
      <c r="C3500" s="53"/>
      <c r="D3500" s="53"/>
      <c r="E3500" s="53"/>
      <c r="F3500" s="53"/>
      <c r="G3500" s="53"/>
      <c r="H3500" s="53"/>
      <c r="I3500" s="53"/>
      <c r="J3500" s="53"/>
      <c r="K3500" s="53"/>
      <c r="L3500" s="53"/>
      <c r="M3500" s="53"/>
      <c r="N3500" s="53"/>
      <c r="O3500" s="53"/>
      <c r="P3500" s="53"/>
      <c r="Q3500" s="53"/>
      <c r="R3500" s="53"/>
      <c r="S3500" s="53"/>
      <c r="T3500" s="53"/>
      <c r="U3500" s="53"/>
      <c r="V3500" s="53"/>
      <c r="W3500" s="53"/>
      <c r="X3500" s="53"/>
      <c r="Y3500" s="53"/>
      <c r="Z3500" s="53"/>
      <c r="AA3500" s="53"/>
      <c r="AB3500" s="53"/>
      <c r="AC3500" s="53"/>
      <c r="AD3500" s="53"/>
      <c r="AE3500" s="53">
        <v>1725939.99999999</v>
      </c>
      <c r="AF3500" s="53"/>
      <c r="AG3500" s="53">
        <v>1725939.99999999</v>
      </c>
      <c r="AH3500" s="53"/>
      <c r="AI3500" s="53"/>
      <c r="AJ3500" s="53">
        <v>6311065.75</v>
      </c>
      <c r="AK3500" s="53"/>
      <c r="AL3500" s="53"/>
      <c r="AM3500" s="53">
        <v>14903667.758178299</v>
      </c>
      <c r="AN3500" s="53">
        <v>24666613.508178301</v>
      </c>
      <c r="AO3500" s="53"/>
      <c r="AP3500" s="53"/>
      <c r="AQ3500" s="53">
        <v>85338.835463855503</v>
      </c>
      <c r="AR3500" s="53">
        <v>3236021.4140894399</v>
      </c>
      <c r="AS3500" s="53"/>
      <c r="AT3500" s="53">
        <v>3236021.4140894399</v>
      </c>
      <c r="AU3500" s="53"/>
      <c r="AV3500" s="53"/>
      <c r="AW3500" s="53">
        <v>3010895.4140894301</v>
      </c>
      <c r="AX3500" s="53"/>
      <c r="AY3500" s="53"/>
      <c r="AZ3500" s="53">
        <v>3461147.4140894399</v>
      </c>
      <c r="BA3500" s="53">
        <v>13029424.4918216</v>
      </c>
      <c r="BB3500" s="53"/>
      <c r="BC3500" s="53"/>
      <c r="BD3500" s="53"/>
      <c r="BE3500" s="53"/>
      <c r="BF3500" s="53"/>
      <c r="BG3500" s="53"/>
      <c r="BH3500" s="53"/>
      <c r="BI3500" s="53"/>
      <c r="BJ3500" s="53"/>
      <c r="BK3500" s="53"/>
      <c r="BL3500" s="53"/>
      <c r="BM3500" s="53"/>
      <c r="BN3500" s="53"/>
      <c r="BO3500" s="53"/>
      <c r="BP3500" s="53"/>
      <c r="BQ3500" s="53"/>
      <c r="BR3500" s="53"/>
      <c r="BS3500" s="53"/>
      <c r="BT3500" s="53"/>
      <c r="BU3500" s="53"/>
      <c r="BV3500" s="53"/>
      <c r="BW3500" s="53"/>
      <c r="BX3500" s="53"/>
      <c r="BY3500" s="53"/>
      <c r="BZ3500" s="53"/>
      <c r="CA3500" s="53"/>
      <c r="CB3500" s="53">
        <v>1458333.33333333</v>
      </c>
      <c r="CC3500" s="53">
        <v>1458333.33333333</v>
      </c>
      <c r="CD3500" s="53">
        <v>1458333.33333333</v>
      </c>
      <c r="CE3500" s="53">
        <v>1458333.33333333</v>
      </c>
      <c r="CF3500" s="53">
        <v>1458333.33333333</v>
      </c>
      <c r="CG3500" s="53">
        <v>1458333.33333333</v>
      </c>
      <c r="CH3500" s="53">
        <v>1458333.33333333</v>
      </c>
      <c r="CI3500" s="53">
        <v>1458333.33333333</v>
      </c>
      <c r="CJ3500" s="53">
        <v>1458333.33333333</v>
      </c>
      <c r="CK3500" s="53">
        <v>1458333.33333333</v>
      </c>
      <c r="CL3500" s="53">
        <v>1458333.33333333</v>
      </c>
      <c r="CM3500" s="53">
        <v>1458333.33333333</v>
      </c>
      <c r="CN3500" s="53">
        <v>17500000</v>
      </c>
    </row>
    <row r="3501" spans="1:92" outlineLevel="1">
      <c r="A3501" s="52" t="s">
        <v>1615</v>
      </c>
      <c r="B3501" s="53"/>
      <c r="C3501" s="53"/>
      <c r="D3501" s="53"/>
      <c r="E3501" s="53"/>
      <c r="F3501" s="53"/>
      <c r="G3501" s="53"/>
      <c r="H3501" s="53"/>
      <c r="I3501" s="53"/>
      <c r="J3501" s="53"/>
      <c r="K3501" s="53"/>
      <c r="L3501" s="53"/>
      <c r="M3501" s="53"/>
      <c r="N3501" s="53"/>
      <c r="O3501" s="53"/>
      <c r="P3501" s="53"/>
      <c r="Q3501" s="53"/>
      <c r="R3501" s="53"/>
      <c r="S3501" s="53"/>
      <c r="T3501" s="53"/>
      <c r="U3501" s="53"/>
      <c r="V3501" s="53"/>
      <c r="W3501" s="53"/>
      <c r="X3501" s="53"/>
      <c r="Y3501" s="53"/>
      <c r="Z3501" s="53"/>
      <c r="AA3501" s="53"/>
      <c r="AB3501" s="53"/>
      <c r="AC3501" s="53"/>
      <c r="AD3501" s="53"/>
      <c r="AE3501" s="53"/>
      <c r="AF3501" s="53"/>
      <c r="AG3501" s="53"/>
      <c r="AH3501" s="53"/>
      <c r="AI3501" s="53"/>
      <c r="AJ3501" s="53"/>
      <c r="AK3501" s="53"/>
      <c r="AL3501" s="53"/>
      <c r="AM3501" s="53"/>
      <c r="AN3501" s="53"/>
      <c r="AO3501" s="53"/>
      <c r="AP3501" s="53"/>
      <c r="AQ3501" s="53"/>
      <c r="AR3501" s="53"/>
      <c r="AS3501" s="53"/>
      <c r="AT3501" s="53"/>
      <c r="AU3501" s="53"/>
      <c r="AV3501" s="53"/>
      <c r="AW3501" s="53"/>
      <c r="AX3501" s="53"/>
      <c r="AY3501" s="53"/>
      <c r="AZ3501" s="53"/>
      <c r="BA3501" s="53"/>
      <c r="BB3501" s="53"/>
      <c r="BC3501" s="53"/>
      <c r="BD3501" s="53"/>
      <c r="BE3501" s="53"/>
      <c r="BF3501" s="53"/>
      <c r="BG3501" s="53"/>
      <c r="BH3501" s="53"/>
      <c r="BI3501" s="53"/>
      <c r="BJ3501" s="53"/>
      <c r="BK3501" s="53"/>
      <c r="BL3501" s="53"/>
      <c r="BM3501" s="53"/>
      <c r="BN3501" s="53"/>
      <c r="BO3501" s="53"/>
      <c r="BP3501" s="53"/>
      <c r="BQ3501" s="53"/>
      <c r="BR3501" s="53"/>
      <c r="BS3501" s="53"/>
      <c r="BT3501" s="53"/>
      <c r="BU3501" s="53"/>
      <c r="BV3501" s="53"/>
      <c r="BW3501" s="53"/>
      <c r="BX3501" s="53"/>
      <c r="BY3501" s="53"/>
      <c r="BZ3501" s="53"/>
      <c r="CA3501" s="53"/>
      <c r="CB3501" s="53"/>
      <c r="CC3501" s="53"/>
      <c r="CD3501" s="53"/>
      <c r="CE3501" s="53"/>
      <c r="CF3501" s="53"/>
      <c r="CG3501" s="53"/>
      <c r="CH3501" s="53"/>
      <c r="CI3501" s="53"/>
      <c r="CJ3501" s="53"/>
      <c r="CK3501" s="53"/>
      <c r="CL3501" s="53"/>
      <c r="CM3501" s="53"/>
      <c r="CN3501" s="53"/>
    </row>
    <row r="3502" spans="1:92" outlineLevel="1">
      <c r="A3502" s="52" t="s">
        <v>1622</v>
      </c>
      <c r="B3502" s="53"/>
      <c r="C3502" s="53"/>
      <c r="D3502" s="53"/>
      <c r="E3502" s="53"/>
      <c r="F3502" s="53"/>
      <c r="G3502" s="53"/>
      <c r="H3502" s="53"/>
      <c r="I3502" s="53"/>
      <c r="J3502" s="53"/>
      <c r="K3502" s="53"/>
      <c r="L3502" s="53"/>
      <c r="M3502" s="53"/>
      <c r="N3502" s="53"/>
      <c r="O3502" s="53"/>
      <c r="P3502" s="53"/>
      <c r="Q3502" s="53"/>
      <c r="R3502" s="53"/>
      <c r="S3502" s="53"/>
      <c r="T3502" s="53"/>
      <c r="U3502" s="53"/>
      <c r="V3502" s="53"/>
      <c r="W3502" s="53"/>
      <c r="X3502" s="53"/>
      <c r="Y3502" s="53"/>
      <c r="Z3502" s="53"/>
      <c r="AA3502" s="53"/>
      <c r="AB3502" s="53"/>
      <c r="AC3502" s="53"/>
      <c r="AD3502" s="53"/>
      <c r="AE3502" s="53"/>
      <c r="AF3502" s="53"/>
      <c r="AG3502" s="53"/>
      <c r="AH3502" s="53"/>
      <c r="AI3502" s="53"/>
      <c r="AJ3502" s="53"/>
      <c r="AK3502" s="53"/>
      <c r="AL3502" s="53"/>
      <c r="AM3502" s="53"/>
      <c r="AN3502" s="53"/>
      <c r="AO3502" s="53"/>
      <c r="AP3502" s="53"/>
      <c r="AQ3502" s="53"/>
      <c r="AR3502" s="53"/>
      <c r="AS3502" s="53"/>
      <c r="AT3502" s="53"/>
      <c r="AU3502" s="53"/>
      <c r="AV3502" s="53"/>
      <c r="AW3502" s="53"/>
      <c r="AX3502" s="53"/>
      <c r="AY3502" s="53"/>
      <c r="AZ3502" s="53"/>
      <c r="BA3502" s="53"/>
      <c r="BB3502" s="53"/>
      <c r="BC3502" s="53"/>
      <c r="BD3502" s="53"/>
      <c r="BE3502" s="53"/>
      <c r="BF3502" s="53"/>
      <c r="BG3502" s="53"/>
      <c r="BH3502" s="53"/>
      <c r="BI3502" s="53"/>
      <c r="BJ3502" s="53"/>
      <c r="BK3502" s="53"/>
      <c r="BL3502" s="53"/>
      <c r="BM3502" s="53"/>
      <c r="BN3502" s="53"/>
      <c r="BO3502" s="53"/>
      <c r="BP3502" s="53"/>
      <c r="BQ3502" s="53"/>
      <c r="BR3502" s="53"/>
      <c r="BS3502" s="53"/>
      <c r="BT3502" s="53"/>
      <c r="BU3502" s="53"/>
      <c r="BV3502" s="53"/>
      <c r="BW3502" s="53"/>
      <c r="BX3502" s="53"/>
      <c r="BY3502" s="53"/>
      <c r="BZ3502" s="53"/>
      <c r="CA3502" s="53"/>
      <c r="CB3502" s="53">
        <v>729166.66666666605</v>
      </c>
      <c r="CC3502" s="53">
        <v>729166.66666666605</v>
      </c>
      <c r="CD3502" s="53">
        <v>729166.66666666605</v>
      </c>
      <c r="CE3502" s="53">
        <v>729166.66666666605</v>
      </c>
      <c r="CF3502" s="53">
        <v>729166.66666666605</v>
      </c>
      <c r="CG3502" s="53">
        <v>729166.66666666605</v>
      </c>
      <c r="CH3502" s="53">
        <v>729166.66666666605</v>
      </c>
      <c r="CI3502" s="53">
        <v>729166.66666666605</v>
      </c>
      <c r="CJ3502" s="53">
        <v>729166.66666666605</v>
      </c>
      <c r="CK3502" s="53">
        <v>729166.66666666605</v>
      </c>
      <c r="CL3502" s="53">
        <v>729166.66666666605</v>
      </c>
      <c r="CM3502" s="53">
        <v>729166.66666666605</v>
      </c>
      <c r="CN3502" s="53">
        <v>8750000</v>
      </c>
    </row>
    <row r="3503" spans="1:92" outlineLevel="1">
      <c r="A3503" s="52" t="s">
        <v>649</v>
      </c>
      <c r="B3503" s="53">
        <v>1992746.08333332</v>
      </c>
      <c r="C3503" s="53">
        <v>1992746.08333332</v>
      </c>
      <c r="D3503" s="53">
        <v>1992746.08333332</v>
      </c>
      <c r="E3503" s="53">
        <v>1992746.08333332</v>
      </c>
      <c r="F3503" s="53">
        <v>1992746.08333332</v>
      </c>
      <c r="G3503" s="53">
        <v>1992746.08333332</v>
      </c>
      <c r="H3503" s="53">
        <v>1992746.08333332</v>
      </c>
      <c r="I3503" s="53">
        <v>1992746.08333332</v>
      </c>
      <c r="J3503" s="53">
        <v>1992746.08333332</v>
      </c>
      <c r="K3503" s="53">
        <v>1992746.08333332</v>
      </c>
      <c r="L3503" s="53">
        <v>1992746.08333332</v>
      </c>
      <c r="M3503" s="53">
        <v>1992746.08333332</v>
      </c>
      <c r="N3503" s="53">
        <v>23912952.999999799</v>
      </c>
      <c r="O3503" s="53">
        <v>732992</v>
      </c>
      <c r="P3503" s="53">
        <v>746864</v>
      </c>
      <c r="Q3503" s="53">
        <v>753263</v>
      </c>
      <c r="R3503" s="53">
        <v>759019</v>
      </c>
      <c r="S3503" s="53">
        <v>752356</v>
      </c>
      <c r="T3503" s="53">
        <v>896129</v>
      </c>
      <c r="U3503" s="53">
        <v>767722</v>
      </c>
      <c r="V3503" s="53">
        <v>754615</v>
      </c>
      <c r="W3503" s="53">
        <v>750330</v>
      </c>
      <c r="X3503" s="53">
        <v>754157</v>
      </c>
      <c r="Y3503" s="53">
        <v>759561</v>
      </c>
      <c r="Z3503" s="53">
        <v>898975</v>
      </c>
      <c r="AA3503" s="53">
        <v>9325983</v>
      </c>
      <c r="AB3503" s="53">
        <v>761409</v>
      </c>
      <c r="AC3503" s="53">
        <v>775439</v>
      </c>
      <c r="AD3503" s="53">
        <v>783671</v>
      </c>
      <c r="AE3503" s="53">
        <v>789011</v>
      </c>
      <c r="AF3503" s="53">
        <v>900671</v>
      </c>
      <c r="AG3503" s="53">
        <v>813488</v>
      </c>
      <c r="AH3503" s="53">
        <v>796944</v>
      </c>
      <c r="AI3503" s="53">
        <v>784000</v>
      </c>
      <c r="AJ3503" s="53">
        <v>779402</v>
      </c>
      <c r="AK3503" s="53">
        <v>781156</v>
      </c>
      <c r="AL3503" s="53">
        <v>899467</v>
      </c>
      <c r="AM3503" s="53">
        <v>808216</v>
      </c>
      <c r="AN3503" s="53">
        <v>9672874</v>
      </c>
      <c r="AO3503" s="53">
        <v>806072.83333333302</v>
      </c>
      <c r="AP3503" s="53">
        <v>806072.83333333302</v>
      </c>
      <c r="AQ3503" s="53">
        <v>806072.83333333302</v>
      </c>
      <c r="AR3503" s="53">
        <v>806072.83333333302</v>
      </c>
      <c r="AS3503" s="53">
        <v>806072.83333333302</v>
      </c>
      <c r="AT3503" s="53">
        <v>806072.83333333302</v>
      </c>
      <c r="AU3503" s="53">
        <v>806072.83333333302</v>
      </c>
      <c r="AV3503" s="53">
        <v>806072.83333333302</v>
      </c>
      <c r="AW3503" s="53">
        <v>806072.83333333302</v>
      </c>
      <c r="AX3503" s="53">
        <v>806072.83333333302</v>
      </c>
      <c r="AY3503" s="53">
        <v>806072.83333333302</v>
      </c>
      <c r="AZ3503" s="53">
        <v>806072.83333333302</v>
      </c>
      <c r="BA3503" s="53">
        <v>9672874</v>
      </c>
      <c r="BB3503" s="53">
        <v>806072.83333333302</v>
      </c>
      <c r="BC3503" s="53">
        <v>806072.83333333302</v>
      </c>
      <c r="BD3503" s="53">
        <v>806072.83333333302</v>
      </c>
      <c r="BE3503" s="53">
        <v>806072.83333333302</v>
      </c>
      <c r="BF3503" s="53">
        <v>806072.83333333302</v>
      </c>
      <c r="BG3503" s="53">
        <v>806072.83333333302</v>
      </c>
      <c r="BH3503" s="53">
        <v>806072.83333333302</v>
      </c>
      <c r="BI3503" s="53">
        <v>806072.83333333302</v>
      </c>
      <c r="BJ3503" s="53">
        <v>806072.83333333302</v>
      </c>
      <c r="BK3503" s="53">
        <v>806072.83333333302</v>
      </c>
      <c r="BL3503" s="53">
        <v>806072.83333333302</v>
      </c>
      <c r="BM3503" s="53">
        <v>806072.83333333302</v>
      </c>
      <c r="BN3503" s="53">
        <v>9672874</v>
      </c>
      <c r="BO3503" s="53">
        <v>806072.83333333302</v>
      </c>
      <c r="BP3503" s="53">
        <v>806072.83333333302</v>
      </c>
      <c r="BQ3503" s="53">
        <v>806072.83333333302</v>
      </c>
      <c r="BR3503" s="53">
        <v>806072.83333333302</v>
      </c>
      <c r="BS3503" s="53">
        <v>806072.83333333302</v>
      </c>
      <c r="BT3503" s="53">
        <v>806072.83333333302</v>
      </c>
      <c r="BU3503" s="53">
        <v>806072.83333333302</v>
      </c>
      <c r="BV3503" s="53">
        <v>806072.83333333302</v>
      </c>
      <c r="BW3503" s="53">
        <v>806072.83333333302</v>
      </c>
      <c r="BX3503" s="53">
        <v>806072.83333333302</v>
      </c>
      <c r="BY3503" s="53">
        <v>806072.83333333302</v>
      </c>
      <c r="BZ3503" s="53">
        <v>806072.83333333302</v>
      </c>
      <c r="CA3503" s="53">
        <v>9672874</v>
      </c>
      <c r="CB3503" s="53">
        <v>1300000</v>
      </c>
      <c r="CC3503" s="53">
        <v>1300000</v>
      </c>
      <c r="CD3503" s="53">
        <v>1300000</v>
      </c>
      <c r="CE3503" s="53">
        <v>1300000</v>
      </c>
      <c r="CF3503" s="53">
        <v>1300000</v>
      </c>
      <c r="CG3503" s="53">
        <v>1300000</v>
      </c>
      <c r="CH3503" s="53">
        <v>1300000</v>
      </c>
      <c r="CI3503" s="53">
        <v>1300000</v>
      </c>
      <c r="CJ3503" s="53">
        <v>1300000</v>
      </c>
      <c r="CK3503" s="53">
        <v>1300000</v>
      </c>
      <c r="CL3503" s="53">
        <v>1300000</v>
      </c>
      <c r="CM3503" s="53">
        <v>1300000</v>
      </c>
      <c r="CN3503" s="53">
        <v>15600000</v>
      </c>
    </row>
    <row r="3504" spans="1:92" outlineLevel="1">
      <c r="A3504" s="52" t="s">
        <v>1623</v>
      </c>
      <c r="B3504" s="53"/>
      <c r="C3504" s="53"/>
      <c r="D3504" s="53"/>
      <c r="E3504" s="53"/>
      <c r="F3504" s="53"/>
      <c r="G3504" s="53"/>
      <c r="H3504" s="53"/>
      <c r="I3504" s="53"/>
      <c r="J3504" s="53"/>
      <c r="K3504" s="53"/>
      <c r="L3504" s="53"/>
      <c r="M3504" s="53"/>
      <c r="N3504" s="53"/>
      <c r="O3504" s="53"/>
      <c r="P3504" s="53"/>
      <c r="Q3504" s="53"/>
      <c r="R3504" s="53"/>
      <c r="S3504" s="53"/>
      <c r="T3504" s="53"/>
      <c r="U3504" s="53"/>
      <c r="V3504" s="53"/>
      <c r="W3504" s="53"/>
      <c r="X3504" s="53"/>
      <c r="Y3504" s="53"/>
      <c r="Z3504" s="53"/>
      <c r="AA3504" s="53"/>
      <c r="AB3504" s="53"/>
      <c r="AC3504" s="53"/>
      <c r="AD3504" s="53"/>
      <c r="AE3504" s="53"/>
      <c r="AF3504" s="53"/>
      <c r="AG3504" s="53"/>
      <c r="AH3504" s="53"/>
      <c r="AI3504" s="53"/>
      <c r="AJ3504" s="53"/>
      <c r="AK3504" s="53"/>
      <c r="AL3504" s="53"/>
      <c r="AM3504" s="53"/>
      <c r="AN3504" s="53"/>
      <c r="AO3504" s="53"/>
      <c r="AP3504" s="53"/>
      <c r="AQ3504" s="53"/>
      <c r="AR3504" s="53"/>
      <c r="AS3504" s="53"/>
      <c r="AT3504" s="53"/>
      <c r="AU3504" s="53"/>
      <c r="AV3504" s="53"/>
      <c r="AW3504" s="53"/>
      <c r="AX3504" s="53"/>
      <c r="AY3504" s="53"/>
      <c r="AZ3504" s="53"/>
      <c r="BA3504" s="53"/>
      <c r="BB3504" s="53"/>
      <c r="BC3504" s="53"/>
      <c r="BD3504" s="53"/>
      <c r="BE3504" s="53"/>
      <c r="BF3504" s="53"/>
      <c r="BG3504" s="53"/>
      <c r="BH3504" s="53"/>
      <c r="BI3504" s="53"/>
      <c r="BJ3504" s="53"/>
      <c r="BK3504" s="53"/>
      <c r="BL3504" s="53"/>
      <c r="BM3504" s="53"/>
      <c r="BN3504" s="53"/>
      <c r="BO3504" s="53"/>
      <c r="BP3504" s="53"/>
      <c r="BQ3504" s="53"/>
      <c r="BR3504" s="53"/>
      <c r="BS3504" s="53"/>
      <c r="BT3504" s="53"/>
      <c r="BU3504" s="53"/>
      <c r="BV3504" s="53"/>
      <c r="BW3504" s="53"/>
      <c r="BX3504" s="53"/>
      <c r="BY3504" s="53"/>
      <c r="BZ3504" s="53"/>
      <c r="CA3504" s="53"/>
      <c r="CB3504" s="53">
        <v>1249999.99999999</v>
      </c>
      <c r="CC3504" s="53">
        <v>1249999.99999999</v>
      </c>
      <c r="CD3504" s="53">
        <v>1249999.99999999</v>
      </c>
      <c r="CE3504" s="53">
        <v>1249999.99999999</v>
      </c>
      <c r="CF3504" s="53">
        <v>1249999.99999999</v>
      </c>
      <c r="CG3504" s="53">
        <v>1249999.99999999</v>
      </c>
      <c r="CH3504" s="53">
        <v>1249999.99999999</v>
      </c>
      <c r="CI3504" s="53">
        <v>1249999.99999999</v>
      </c>
      <c r="CJ3504" s="53">
        <v>1249999.99999999</v>
      </c>
      <c r="CK3504" s="53">
        <v>1249999.99999999</v>
      </c>
      <c r="CL3504" s="53">
        <v>1249999.99999999</v>
      </c>
      <c r="CM3504" s="53">
        <v>1249999.99999999</v>
      </c>
      <c r="CN3504" s="53">
        <v>14999999.999999899</v>
      </c>
    </row>
    <row r="3505" spans="1:92" outlineLevel="1">
      <c r="A3505" s="52" t="s">
        <v>649</v>
      </c>
      <c r="B3505" s="53"/>
      <c r="C3505" s="53"/>
      <c r="D3505" s="53"/>
      <c r="E3505" s="53"/>
      <c r="F3505" s="53"/>
      <c r="G3505" s="53"/>
      <c r="H3505" s="53"/>
      <c r="I3505" s="53"/>
      <c r="J3505" s="53"/>
      <c r="K3505" s="53"/>
      <c r="L3505" s="53"/>
      <c r="M3505" s="53"/>
      <c r="N3505" s="53"/>
      <c r="O3505" s="53">
        <v>804163</v>
      </c>
      <c r="P3505" s="53">
        <v>858562</v>
      </c>
      <c r="Q3505" s="53">
        <v>855481</v>
      </c>
      <c r="R3505" s="53">
        <v>831116</v>
      </c>
      <c r="S3505" s="53">
        <v>823382</v>
      </c>
      <c r="T3505" s="53">
        <v>878777</v>
      </c>
      <c r="U3505" s="53">
        <v>765162</v>
      </c>
      <c r="V3505" s="53">
        <v>766313</v>
      </c>
      <c r="W3505" s="53">
        <v>746586</v>
      </c>
      <c r="X3505" s="53">
        <v>767535</v>
      </c>
      <c r="Y3505" s="53">
        <v>737556</v>
      </c>
      <c r="Z3505" s="53">
        <v>772429</v>
      </c>
      <c r="AA3505" s="53">
        <v>9607062</v>
      </c>
      <c r="AB3505" s="53">
        <v>777882</v>
      </c>
      <c r="AC3505" s="53">
        <v>818227</v>
      </c>
      <c r="AD3505" s="53">
        <v>834389</v>
      </c>
      <c r="AE3505" s="53">
        <v>856023</v>
      </c>
      <c r="AF3505" s="53">
        <v>862806</v>
      </c>
      <c r="AG3505" s="53">
        <v>920512</v>
      </c>
      <c r="AH3505" s="53">
        <v>822671</v>
      </c>
      <c r="AI3505" s="53">
        <v>831782</v>
      </c>
      <c r="AJ3505" s="53">
        <v>824462</v>
      </c>
      <c r="AK3505" s="53">
        <v>841941</v>
      </c>
      <c r="AL3505" s="53">
        <v>831614</v>
      </c>
      <c r="AM3505" s="53">
        <v>840586</v>
      </c>
      <c r="AN3505" s="53">
        <v>10062895</v>
      </c>
      <c r="AO3505" s="53">
        <v>838574.5</v>
      </c>
      <c r="AP3505" s="53">
        <v>838574.5</v>
      </c>
      <c r="AQ3505" s="53">
        <v>838574.5</v>
      </c>
      <c r="AR3505" s="53">
        <v>838574.5</v>
      </c>
      <c r="AS3505" s="53">
        <v>838574.5</v>
      </c>
      <c r="AT3505" s="53">
        <v>838574.5</v>
      </c>
      <c r="AU3505" s="53">
        <v>838574.5</v>
      </c>
      <c r="AV3505" s="53">
        <v>838574.5</v>
      </c>
      <c r="AW3505" s="53">
        <v>838574.5</v>
      </c>
      <c r="AX3505" s="53">
        <v>838574.5</v>
      </c>
      <c r="AY3505" s="53">
        <v>838574.5</v>
      </c>
      <c r="AZ3505" s="53">
        <v>838574.5</v>
      </c>
      <c r="BA3505" s="53">
        <v>10062894</v>
      </c>
      <c r="BB3505" s="53">
        <v>838574.5</v>
      </c>
      <c r="BC3505" s="53">
        <v>838574.5</v>
      </c>
      <c r="BD3505" s="53">
        <v>838574.5</v>
      </c>
      <c r="BE3505" s="53">
        <v>838574.5</v>
      </c>
      <c r="BF3505" s="53">
        <v>838574.5</v>
      </c>
      <c r="BG3505" s="53">
        <v>838574.5</v>
      </c>
      <c r="BH3505" s="53">
        <v>838574.5</v>
      </c>
      <c r="BI3505" s="53">
        <v>838574.5</v>
      </c>
      <c r="BJ3505" s="53">
        <v>838574.5</v>
      </c>
      <c r="BK3505" s="53">
        <v>838574.5</v>
      </c>
      <c r="BL3505" s="53">
        <v>838574.5</v>
      </c>
      <c r="BM3505" s="53">
        <v>838574.5</v>
      </c>
      <c r="BN3505" s="53">
        <v>10062894</v>
      </c>
      <c r="BO3505" s="53">
        <v>838574.5</v>
      </c>
      <c r="BP3505" s="53">
        <v>838574.5</v>
      </c>
      <c r="BQ3505" s="53">
        <v>838574.5</v>
      </c>
      <c r="BR3505" s="53">
        <v>838574.5</v>
      </c>
      <c r="BS3505" s="53">
        <v>838574.5</v>
      </c>
      <c r="BT3505" s="53">
        <v>838574.5</v>
      </c>
      <c r="BU3505" s="53">
        <v>838574.5</v>
      </c>
      <c r="BV3505" s="53">
        <v>838574.5</v>
      </c>
      <c r="BW3505" s="53">
        <v>838574.5</v>
      </c>
      <c r="BX3505" s="53">
        <v>838574.5</v>
      </c>
      <c r="BY3505" s="53">
        <v>838574.5</v>
      </c>
      <c r="BZ3505" s="53">
        <v>838574.5</v>
      </c>
      <c r="CA3505" s="53">
        <v>10062894</v>
      </c>
      <c r="CB3505" s="53"/>
      <c r="CC3505" s="53"/>
      <c r="CD3505" s="53"/>
      <c r="CE3505" s="53"/>
      <c r="CF3505" s="53"/>
      <c r="CG3505" s="53"/>
      <c r="CH3505" s="53"/>
      <c r="CI3505" s="53"/>
      <c r="CJ3505" s="53"/>
      <c r="CK3505" s="53"/>
      <c r="CL3505" s="53"/>
      <c r="CM3505" s="53"/>
      <c r="CN3505" s="53"/>
    </row>
    <row r="3506" spans="1:92" outlineLevel="1">
      <c r="A3506" s="52" t="s">
        <v>1624</v>
      </c>
      <c r="B3506" s="53"/>
      <c r="C3506" s="53"/>
      <c r="D3506" s="53"/>
      <c r="E3506" s="53"/>
      <c r="F3506" s="53"/>
      <c r="G3506" s="53"/>
      <c r="H3506" s="53"/>
      <c r="I3506" s="53"/>
      <c r="J3506" s="53"/>
      <c r="K3506" s="53"/>
      <c r="L3506" s="53"/>
      <c r="M3506" s="53"/>
      <c r="N3506" s="53"/>
      <c r="O3506" s="53"/>
      <c r="P3506" s="53"/>
      <c r="Q3506" s="53"/>
      <c r="R3506" s="53"/>
      <c r="S3506" s="53"/>
      <c r="T3506" s="53"/>
      <c r="U3506" s="53"/>
      <c r="V3506" s="53"/>
      <c r="W3506" s="53"/>
      <c r="X3506" s="53"/>
      <c r="Y3506" s="53"/>
      <c r="Z3506" s="53"/>
      <c r="AA3506" s="53"/>
      <c r="AB3506" s="53"/>
      <c r="AC3506" s="53"/>
      <c r="AD3506" s="53"/>
      <c r="AE3506" s="53"/>
      <c r="AF3506" s="53"/>
      <c r="AG3506" s="53"/>
      <c r="AH3506" s="53"/>
      <c r="AI3506" s="53"/>
      <c r="AJ3506" s="53"/>
      <c r="AK3506" s="53"/>
      <c r="AL3506" s="53"/>
      <c r="AM3506" s="53"/>
      <c r="AN3506" s="53"/>
      <c r="AO3506" s="53"/>
      <c r="AP3506" s="53"/>
      <c r="AQ3506" s="53"/>
      <c r="AR3506" s="53"/>
      <c r="AS3506" s="53"/>
      <c r="AT3506" s="53"/>
      <c r="AU3506" s="53"/>
      <c r="AV3506" s="53"/>
      <c r="AW3506" s="53"/>
      <c r="AX3506" s="53"/>
      <c r="AY3506" s="53"/>
      <c r="AZ3506" s="53"/>
      <c r="BA3506" s="53"/>
      <c r="BB3506" s="53"/>
      <c r="BC3506" s="53"/>
      <c r="BD3506" s="53"/>
      <c r="BE3506" s="53"/>
      <c r="BF3506" s="53"/>
      <c r="BG3506" s="53"/>
      <c r="BH3506" s="53"/>
      <c r="BI3506" s="53"/>
      <c r="BJ3506" s="53"/>
      <c r="BK3506" s="53"/>
      <c r="BL3506" s="53"/>
      <c r="BM3506" s="53"/>
      <c r="BN3506" s="53"/>
      <c r="BO3506" s="53"/>
      <c r="BP3506" s="53"/>
      <c r="BQ3506" s="53"/>
      <c r="BR3506" s="53"/>
      <c r="BS3506" s="53"/>
      <c r="BT3506" s="53"/>
      <c r="BU3506" s="53"/>
      <c r="BV3506" s="53"/>
      <c r="BW3506" s="53"/>
      <c r="BX3506" s="53"/>
      <c r="BY3506" s="53"/>
      <c r="BZ3506" s="53"/>
      <c r="CA3506" s="53"/>
      <c r="CB3506" s="53">
        <v>15351.5205479452</v>
      </c>
      <c r="CC3506" s="53">
        <v>15351.5205479452</v>
      </c>
      <c r="CD3506" s="53">
        <v>15351.5205479452</v>
      </c>
      <c r="CE3506" s="53">
        <v>15351.5205479452</v>
      </c>
      <c r="CF3506" s="53">
        <v>15351.5205479452</v>
      </c>
      <c r="CG3506" s="53">
        <v>15351.5205479452</v>
      </c>
      <c r="CH3506" s="53">
        <v>15351.5205479452</v>
      </c>
      <c r="CI3506" s="53">
        <v>15351.5205479452</v>
      </c>
      <c r="CJ3506" s="53">
        <v>15351.5205479452</v>
      </c>
      <c r="CK3506" s="53">
        <v>15351.5205479452</v>
      </c>
      <c r="CL3506" s="53">
        <v>15351.5205479452</v>
      </c>
      <c r="CM3506" s="53">
        <v>15351.5205479452</v>
      </c>
      <c r="CN3506" s="53">
        <v>184218.246575342</v>
      </c>
    </row>
    <row r="3507" spans="1:92" outlineLevel="1">
      <c r="A3507" s="52" t="s">
        <v>649</v>
      </c>
      <c r="B3507" s="53"/>
      <c r="C3507" s="53"/>
      <c r="D3507" s="53"/>
      <c r="E3507" s="53"/>
      <c r="F3507" s="53"/>
      <c r="G3507" s="53"/>
      <c r="H3507" s="53"/>
      <c r="I3507" s="53"/>
      <c r="J3507" s="53"/>
      <c r="K3507" s="53"/>
      <c r="L3507" s="53"/>
      <c r="M3507" s="53"/>
      <c r="N3507" s="53"/>
      <c r="O3507" s="53">
        <v>448280</v>
      </c>
      <c r="P3507" s="53">
        <v>476052</v>
      </c>
      <c r="Q3507" s="53">
        <v>479119</v>
      </c>
      <c r="R3507" s="53">
        <v>472183</v>
      </c>
      <c r="S3507" s="53">
        <v>477885</v>
      </c>
      <c r="T3507" s="53">
        <v>489781</v>
      </c>
      <c r="U3507" s="53">
        <v>460934</v>
      </c>
      <c r="V3507" s="53">
        <v>482100</v>
      </c>
      <c r="W3507" s="53">
        <v>465006</v>
      </c>
      <c r="X3507" s="53">
        <v>484372</v>
      </c>
      <c r="Y3507" s="53">
        <v>453530</v>
      </c>
      <c r="Z3507" s="53">
        <v>433037</v>
      </c>
      <c r="AA3507" s="53">
        <v>5622279</v>
      </c>
      <c r="AB3507" s="53">
        <v>452857</v>
      </c>
      <c r="AC3507" s="53">
        <v>480629</v>
      </c>
      <c r="AD3507" s="53">
        <v>484771</v>
      </c>
      <c r="AE3507" s="53">
        <v>477098</v>
      </c>
      <c r="AF3507" s="53">
        <v>499524</v>
      </c>
      <c r="AG3507" s="53">
        <v>478537</v>
      </c>
      <c r="AH3507" s="53">
        <v>465849</v>
      </c>
      <c r="AI3507" s="53">
        <v>487016</v>
      </c>
      <c r="AJ3507" s="53">
        <v>469921</v>
      </c>
      <c r="AK3507" s="53">
        <v>489288</v>
      </c>
      <c r="AL3507" s="53">
        <v>475180</v>
      </c>
      <c r="AM3507" s="53">
        <v>421577</v>
      </c>
      <c r="AN3507" s="53">
        <v>5682247</v>
      </c>
      <c r="AO3507" s="53">
        <v>473520.66666666599</v>
      </c>
      <c r="AP3507" s="53">
        <v>473520.66666666599</v>
      </c>
      <c r="AQ3507" s="53">
        <v>473520.66666666599</v>
      </c>
      <c r="AR3507" s="53">
        <v>473520.66666666599</v>
      </c>
      <c r="AS3507" s="53">
        <v>473520.66666666599</v>
      </c>
      <c r="AT3507" s="53">
        <v>473520.66666666599</v>
      </c>
      <c r="AU3507" s="53">
        <v>473520.66666666599</v>
      </c>
      <c r="AV3507" s="53">
        <v>473520.66666666599</v>
      </c>
      <c r="AW3507" s="53">
        <v>473520.66666666599</v>
      </c>
      <c r="AX3507" s="53">
        <v>473520.66666666599</v>
      </c>
      <c r="AY3507" s="53">
        <v>473520.66666666599</v>
      </c>
      <c r="AZ3507" s="53">
        <v>473520.66666666599</v>
      </c>
      <c r="BA3507" s="53">
        <v>5682247.9999999898</v>
      </c>
      <c r="BB3507" s="53">
        <v>473520.66666666599</v>
      </c>
      <c r="BC3507" s="53">
        <v>473520.66666666599</v>
      </c>
      <c r="BD3507" s="53">
        <v>473520.66666666599</v>
      </c>
      <c r="BE3507" s="53">
        <v>473520.66666666599</v>
      </c>
      <c r="BF3507" s="53">
        <v>473520.66666666599</v>
      </c>
      <c r="BG3507" s="53">
        <v>473520.66666666599</v>
      </c>
      <c r="BH3507" s="53">
        <v>473520.66666666599</v>
      </c>
      <c r="BI3507" s="53">
        <v>473520.66666666599</v>
      </c>
      <c r="BJ3507" s="53">
        <v>473520.66666666599</v>
      </c>
      <c r="BK3507" s="53">
        <v>473520.66666666599</v>
      </c>
      <c r="BL3507" s="53">
        <v>473520.66666666599</v>
      </c>
      <c r="BM3507" s="53">
        <v>473520.66666666599</v>
      </c>
      <c r="BN3507" s="53">
        <v>5682247.9999999898</v>
      </c>
      <c r="BO3507" s="53">
        <v>473520.66666666599</v>
      </c>
      <c r="BP3507" s="53">
        <v>473520.66666666599</v>
      </c>
      <c r="BQ3507" s="53">
        <v>473520.66666666599</v>
      </c>
      <c r="BR3507" s="53">
        <v>473520.66666666599</v>
      </c>
      <c r="BS3507" s="53">
        <v>473520.66666666599</v>
      </c>
      <c r="BT3507" s="53">
        <v>473520.66666666599</v>
      </c>
      <c r="BU3507" s="53">
        <v>473520.66666666599</v>
      </c>
      <c r="BV3507" s="53">
        <v>473520.66666666599</v>
      </c>
      <c r="BW3507" s="53">
        <v>473520.66666666599</v>
      </c>
      <c r="BX3507" s="53">
        <v>473520.66666666599</v>
      </c>
      <c r="BY3507" s="53">
        <v>473520.66666666599</v>
      </c>
      <c r="BZ3507" s="53">
        <v>473520.66666666599</v>
      </c>
      <c r="CA3507" s="53">
        <v>5682247.9999999898</v>
      </c>
      <c r="CB3507" s="53">
        <v>8310.1044776119306</v>
      </c>
      <c r="CC3507" s="53">
        <v>8310.1044776119306</v>
      </c>
      <c r="CD3507" s="53">
        <v>8310.1044776119306</v>
      </c>
      <c r="CE3507" s="53">
        <v>8310.1044776119306</v>
      </c>
      <c r="CF3507" s="53">
        <v>8310.1044776119306</v>
      </c>
      <c r="CG3507" s="53">
        <v>8310.1044776119197</v>
      </c>
      <c r="CH3507" s="53">
        <v>8310.1044776119197</v>
      </c>
      <c r="CI3507" s="53">
        <v>8310.1044776119197</v>
      </c>
      <c r="CJ3507" s="53">
        <v>8310.1044776119197</v>
      </c>
      <c r="CK3507" s="53">
        <v>8310.1044776119197</v>
      </c>
      <c r="CL3507" s="53">
        <v>8310.1044776119197</v>
      </c>
      <c r="CM3507" s="53">
        <v>8310.1044776119197</v>
      </c>
      <c r="CN3507" s="53">
        <v>99721.253731343095</v>
      </c>
    </row>
    <row r="3508" spans="1:92" outlineLevel="1">
      <c r="A3508" s="52" t="s">
        <v>1625</v>
      </c>
      <c r="B3508" s="53"/>
      <c r="C3508" s="53"/>
      <c r="D3508" s="53"/>
      <c r="E3508" s="53"/>
      <c r="F3508" s="53"/>
      <c r="G3508" s="53"/>
      <c r="H3508" s="53"/>
      <c r="I3508" s="53"/>
      <c r="J3508" s="53"/>
      <c r="K3508" s="53"/>
      <c r="L3508" s="53"/>
      <c r="M3508" s="53"/>
      <c r="N3508" s="53"/>
      <c r="O3508" s="53"/>
      <c r="P3508" s="53"/>
      <c r="Q3508" s="53"/>
      <c r="R3508" s="53"/>
      <c r="S3508" s="53"/>
      <c r="T3508" s="53"/>
      <c r="U3508" s="53"/>
      <c r="V3508" s="53"/>
      <c r="W3508" s="53"/>
      <c r="X3508" s="53"/>
      <c r="Y3508" s="53"/>
      <c r="Z3508" s="53"/>
      <c r="AA3508" s="53"/>
      <c r="AB3508" s="53"/>
      <c r="AC3508" s="53"/>
      <c r="AD3508" s="53"/>
      <c r="AE3508" s="53"/>
      <c r="AF3508" s="53"/>
      <c r="AG3508" s="53"/>
      <c r="AH3508" s="53"/>
      <c r="AI3508" s="53"/>
      <c r="AJ3508" s="53"/>
      <c r="AK3508" s="53"/>
      <c r="AL3508" s="53"/>
      <c r="AM3508" s="53"/>
      <c r="AN3508" s="53"/>
      <c r="AO3508" s="53"/>
      <c r="AP3508" s="53"/>
      <c r="AQ3508" s="53"/>
      <c r="AR3508" s="53"/>
      <c r="AS3508" s="53"/>
      <c r="AT3508" s="53"/>
      <c r="AU3508" s="53"/>
      <c r="AV3508" s="53"/>
      <c r="AW3508" s="53"/>
      <c r="AX3508" s="53"/>
      <c r="AY3508" s="53"/>
      <c r="AZ3508" s="53"/>
      <c r="BA3508" s="53"/>
      <c r="BB3508" s="53"/>
      <c r="BC3508" s="53"/>
      <c r="BD3508" s="53"/>
      <c r="BE3508" s="53"/>
      <c r="BF3508" s="53"/>
      <c r="BG3508" s="53"/>
      <c r="BH3508" s="53"/>
      <c r="BI3508" s="53"/>
      <c r="BJ3508" s="53"/>
      <c r="BK3508" s="53"/>
      <c r="BL3508" s="53"/>
      <c r="BM3508" s="53"/>
      <c r="BN3508" s="53"/>
      <c r="BO3508" s="53"/>
      <c r="BP3508" s="53"/>
      <c r="BQ3508" s="53"/>
      <c r="BR3508" s="53"/>
      <c r="BS3508" s="53"/>
      <c r="BT3508" s="53"/>
      <c r="BU3508" s="53"/>
      <c r="BV3508" s="53"/>
      <c r="BW3508" s="53"/>
      <c r="BX3508" s="53"/>
      <c r="BY3508" s="53"/>
      <c r="BZ3508" s="53"/>
      <c r="CA3508" s="53"/>
      <c r="CB3508" s="53">
        <v>18632.710875331501</v>
      </c>
      <c r="CC3508" s="53">
        <v>18632.710875331501</v>
      </c>
      <c r="CD3508" s="53">
        <v>18632.710875331501</v>
      </c>
      <c r="CE3508" s="53">
        <v>18632.710875331501</v>
      </c>
      <c r="CF3508" s="53">
        <v>18632.710875331501</v>
      </c>
      <c r="CG3508" s="53">
        <v>18632.710875331501</v>
      </c>
      <c r="CH3508" s="53">
        <v>18632.710875331501</v>
      </c>
      <c r="CI3508" s="53">
        <v>18632.710875331501</v>
      </c>
      <c r="CJ3508" s="53">
        <v>18632.710875331501</v>
      </c>
      <c r="CK3508" s="53">
        <v>18632.710875331501</v>
      </c>
      <c r="CL3508" s="53">
        <v>18632.710875331501</v>
      </c>
      <c r="CM3508" s="53">
        <v>18632.710875331501</v>
      </c>
      <c r="CN3508" s="53">
        <v>223592.53050397799</v>
      </c>
    </row>
    <row r="3509" spans="1:92" outlineLevel="1">
      <c r="A3509" s="52" t="s">
        <v>649</v>
      </c>
      <c r="B3509" s="53">
        <v>259056.99083333201</v>
      </c>
      <c r="C3509" s="53">
        <v>259056.99083333201</v>
      </c>
      <c r="D3509" s="53">
        <v>259056.99083333201</v>
      </c>
      <c r="E3509" s="53">
        <v>259056.99083333201</v>
      </c>
      <c r="F3509" s="53">
        <v>259056.99083333201</v>
      </c>
      <c r="G3509" s="53">
        <v>259056.99083333201</v>
      </c>
      <c r="H3509" s="53">
        <v>259056.99083333201</v>
      </c>
      <c r="I3509" s="53">
        <v>259056.99083333201</v>
      </c>
      <c r="J3509" s="53">
        <v>259056.99083333201</v>
      </c>
      <c r="K3509" s="53">
        <v>259056.99083333201</v>
      </c>
      <c r="L3509" s="53">
        <v>259056.99083333201</v>
      </c>
      <c r="M3509" s="53">
        <v>259056.99083333201</v>
      </c>
      <c r="N3509" s="53">
        <v>3108683.8899999801</v>
      </c>
      <c r="O3509" s="53">
        <v>95288.960000000006</v>
      </c>
      <c r="P3509" s="53">
        <v>97092.32</v>
      </c>
      <c r="Q3509" s="53">
        <v>97924.19</v>
      </c>
      <c r="R3509" s="53">
        <v>98672.47</v>
      </c>
      <c r="S3509" s="53">
        <v>97806.28</v>
      </c>
      <c r="T3509" s="53">
        <v>116496.77</v>
      </c>
      <c r="U3509" s="53">
        <v>99803.86</v>
      </c>
      <c r="V3509" s="53">
        <v>98099.95</v>
      </c>
      <c r="W3509" s="53">
        <v>97542.9</v>
      </c>
      <c r="X3509" s="53">
        <v>98040.41</v>
      </c>
      <c r="Y3509" s="53">
        <v>98742.93</v>
      </c>
      <c r="Z3509" s="53">
        <v>116866.75</v>
      </c>
      <c r="AA3509" s="53">
        <v>1212377.78999999</v>
      </c>
      <c r="AB3509" s="53">
        <v>98983.17</v>
      </c>
      <c r="AC3509" s="53">
        <v>100807.069999999</v>
      </c>
      <c r="AD3509" s="53">
        <v>101877.23</v>
      </c>
      <c r="AE3509" s="53">
        <v>102571.43</v>
      </c>
      <c r="AF3509" s="53">
        <v>117087.23</v>
      </c>
      <c r="AG3509" s="53">
        <v>105753.44</v>
      </c>
      <c r="AH3509" s="53">
        <v>103602.72</v>
      </c>
      <c r="AI3509" s="53">
        <v>101920</v>
      </c>
      <c r="AJ3509" s="53">
        <v>101322.26</v>
      </c>
      <c r="AK3509" s="53">
        <v>101550.28</v>
      </c>
      <c r="AL3509" s="53">
        <v>116930.71</v>
      </c>
      <c r="AM3509" s="53">
        <v>105068.08</v>
      </c>
      <c r="AN3509" s="53">
        <v>1257473.6199999901</v>
      </c>
      <c r="AO3509" s="53">
        <v>104789.468333333</v>
      </c>
      <c r="AP3509" s="53">
        <v>104789.468333333</v>
      </c>
      <c r="AQ3509" s="53">
        <v>104789.468333333</v>
      </c>
      <c r="AR3509" s="53">
        <v>104789.468333333</v>
      </c>
      <c r="AS3509" s="53">
        <v>104789.468333333</v>
      </c>
      <c r="AT3509" s="53">
        <v>104789.468333333</v>
      </c>
      <c r="AU3509" s="53">
        <v>104789.468333333</v>
      </c>
      <c r="AV3509" s="53">
        <v>104789.468333333</v>
      </c>
      <c r="AW3509" s="53">
        <v>104789.468333333</v>
      </c>
      <c r="AX3509" s="53">
        <v>104789.468333333</v>
      </c>
      <c r="AY3509" s="53">
        <v>104789.468333333</v>
      </c>
      <c r="AZ3509" s="53">
        <v>104789.468333333</v>
      </c>
      <c r="BA3509" s="53">
        <v>1257473.6200000001</v>
      </c>
      <c r="BB3509" s="53">
        <v>104789.468333333</v>
      </c>
      <c r="BC3509" s="53">
        <v>104789.468333333</v>
      </c>
      <c r="BD3509" s="53">
        <v>104789.468333333</v>
      </c>
      <c r="BE3509" s="53">
        <v>104789.468333333</v>
      </c>
      <c r="BF3509" s="53">
        <v>104789.468333333</v>
      </c>
      <c r="BG3509" s="53">
        <v>104789.468333333</v>
      </c>
      <c r="BH3509" s="53">
        <v>104789.468333333</v>
      </c>
      <c r="BI3509" s="53">
        <v>104789.468333333</v>
      </c>
      <c r="BJ3509" s="53">
        <v>104789.468333333</v>
      </c>
      <c r="BK3509" s="53">
        <v>104789.468333333</v>
      </c>
      <c r="BL3509" s="53">
        <v>104789.468333333</v>
      </c>
      <c r="BM3509" s="53">
        <v>104789.468333333</v>
      </c>
      <c r="BN3509" s="53">
        <v>1257473.6200000001</v>
      </c>
      <c r="BO3509" s="53">
        <v>104789.468333333</v>
      </c>
      <c r="BP3509" s="53">
        <v>104789.468333333</v>
      </c>
      <c r="BQ3509" s="53">
        <v>104789.468333333</v>
      </c>
      <c r="BR3509" s="53">
        <v>104789.468333333</v>
      </c>
      <c r="BS3509" s="53">
        <v>104789.468333333</v>
      </c>
      <c r="BT3509" s="53">
        <v>104789.468333333</v>
      </c>
      <c r="BU3509" s="53">
        <v>104789.468333333</v>
      </c>
      <c r="BV3509" s="53">
        <v>104789.468333333</v>
      </c>
      <c r="BW3509" s="53">
        <v>104789.468333333</v>
      </c>
      <c r="BX3509" s="53">
        <v>104789.468333333</v>
      </c>
      <c r="BY3509" s="53">
        <v>104789.468333333</v>
      </c>
      <c r="BZ3509" s="53">
        <v>104789.468333333</v>
      </c>
      <c r="CA3509" s="53">
        <v>1257473.6200000001</v>
      </c>
      <c r="CB3509" s="53"/>
      <c r="CC3509" s="53"/>
      <c r="CD3509" s="53"/>
      <c r="CE3509" s="53"/>
      <c r="CF3509" s="53"/>
      <c r="CG3509" s="53"/>
      <c r="CH3509" s="53"/>
      <c r="CI3509" s="53"/>
      <c r="CJ3509" s="53"/>
      <c r="CK3509" s="53"/>
      <c r="CL3509" s="53"/>
      <c r="CM3509" s="53"/>
      <c r="CN3509" s="53"/>
    </row>
    <row r="3510" spans="1:92" outlineLevel="1">
      <c r="A3510" s="52" t="s">
        <v>1626</v>
      </c>
      <c r="B3510" s="53"/>
      <c r="C3510" s="53"/>
      <c r="D3510" s="53"/>
      <c r="E3510" s="53"/>
      <c r="F3510" s="53"/>
      <c r="G3510" s="53"/>
      <c r="H3510" s="53"/>
      <c r="I3510" s="53"/>
      <c r="J3510" s="53"/>
      <c r="K3510" s="53"/>
      <c r="L3510" s="53"/>
      <c r="M3510" s="53"/>
      <c r="N3510" s="53"/>
      <c r="O3510" s="53"/>
      <c r="P3510" s="53"/>
      <c r="Q3510" s="53"/>
      <c r="R3510" s="53"/>
      <c r="S3510" s="53"/>
      <c r="T3510" s="53"/>
      <c r="U3510" s="53"/>
      <c r="V3510" s="53"/>
      <c r="W3510" s="53"/>
      <c r="X3510" s="53"/>
      <c r="Y3510" s="53"/>
      <c r="Z3510" s="53"/>
      <c r="AA3510" s="53"/>
      <c r="AB3510" s="53"/>
      <c r="AC3510" s="53"/>
      <c r="AD3510" s="53"/>
      <c r="AE3510" s="53"/>
      <c r="AF3510" s="53"/>
      <c r="AG3510" s="53"/>
      <c r="AH3510" s="53"/>
      <c r="AI3510" s="53"/>
      <c r="AJ3510" s="53"/>
      <c r="AK3510" s="53"/>
      <c r="AL3510" s="53"/>
      <c r="AM3510" s="53"/>
      <c r="AN3510" s="53"/>
      <c r="AO3510" s="53"/>
      <c r="AP3510" s="53"/>
      <c r="AQ3510" s="53"/>
      <c r="AR3510" s="53"/>
      <c r="AS3510" s="53"/>
      <c r="AT3510" s="53"/>
      <c r="AU3510" s="53"/>
      <c r="AV3510" s="53"/>
      <c r="AW3510" s="53"/>
      <c r="AX3510" s="53"/>
      <c r="AY3510" s="53"/>
      <c r="AZ3510" s="53"/>
      <c r="BA3510" s="53"/>
      <c r="BB3510" s="53"/>
      <c r="BC3510" s="53"/>
      <c r="BD3510" s="53"/>
      <c r="BE3510" s="53"/>
      <c r="BF3510" s="53"/>
      <c r="BG3510" s="53"/>
      <c r="BH3510" s="53"/>
      <c r="BI3510" s="53"/>
      <c r="BJ3510" s="53"/>
      <c r="BK3510" s="53"/>
      <c r="BL3510" s="53"/>
      <c r="BM3510" s="53"/>
      <c r="BN3510" s="53"/>
      <c r="BO3510" s="53"/>
      <c r="BP3510" s="53"/>
      <c r="BQ3510" s="53"/>
      <c r="BR3510" s="53"/>
      <c r="BS3510" s="53"/>
      <c r="BT3510" s="53"/>
      <c r="BU3510" s="53"/>
      <c r="BV3510" s="53"/>
      <c r="BW3510" s="53"/>
      <c r="BX3510" s="53"/>
      <c r="BY3510" s="53"/>
      <c r="BZ3510" s="53"/>
      <c r="CA3510" s="53"/>
      <c r="CB3510" s="53"/>
      <c r="CC3510" s="53"/>
      <c r="CD3510" s="53"/>
      <c r="CE3510" s="53"/>
      <c r="CF3510" s="53"/>
      <c r="CG3510" s="53"/>
      <c r="CH3510" s="53"/>
      <c r="CI3510" s="53"/>
      <c r="CJ3510" s="53"/>
      <c r="CK3510" s="53"/>
      <c r="CL3510" s="53"/>
      <c r="CM3510" s="53"/>
      <c r="CN3510" s="53"/>
    </row>
    <row r="3511" spans="1:92" outlineLevel="1">
      <c r="A3511" s="52" t="s">
        <v>649</v>
      </c>
      <c r="B3511" s="53"/>
      <c r="C3511" s="53"/>
      <c r="D3511" s="53"/>
      <c r="E3511" s="53"/>
      <c r="F3511" s="53"/>
      <c r="G3511" s="53"/>
      <c r="H3511" s="53"/>
      <c r="I3511" s="53"/>
      <c r="J3511" s="53"/>
      <c r="K3511" s="53"/>
      <c r="L3511" s="53"/>
      <c r="M3511" s="53"/>
      <c r="N3511" s="53"/>
      <c r="O3511" s="53">
        <v>104541.19</v>
      </c>
      <c r="P3511" s="53">
        <v>111613.06</v>
      </c>
      <c r="Q3511" s="53">
        <v>111212.53</v>
      </c>
      <c r="R3511" s="53">
        <v>108045.08</v>
      </c>
      <c r="S3511" s="53">
        <v>107039.66</v>
      </c>
      <c r="T3511" s="53">
        <v>114241.01</v>
      </c>
      <c r="U3511" s="53">
        <v>99471.06</v>
      </c>
      <c r="V3511" s="53">
        <v>99620.69</v>
      </c>
      <c r="W3511" s="53">
        <v>97056.18</v>
      </c>
      <c r="X3511" s="53">
        <v>99779.55</v>
      </c>
      <c r="Y3511" s="53">
        <v>95882.28</v>
      </c>
      <c r="Z3511" s="53">
        <v>100415.769999999</v>
      </c>
      <c r="AA3511" s="53">
        <v>1248918.06</v>
      </c>
      <c r="AB3511" s="53">
        <v>101124.659999999</v>
      </c>
      <c r="AC3511" s="53">
        <v>106369.51</v>
      </c>
      <c r="AD3511" s="53">
        <v>108470.57</v>
      </c>
      <c r="AE3511" s="53">
        <v>111282.99</v>
      </c>
      <c r="AF3511" s="53">
        <v>112164.78</v>
      </c>
      <c r="AG3511" s="53">
        <v>119666.55999999899</v>
      </c>
      <c r="AH3511" s="53">
        <v>106947.23</v>
      </c>
      <c r="AI3511" s="53">
        <v>108131.66</v>
      </c>
      <c r="AJ3511" s="53">
        <v>107180.06</v>
      </c>
      <c r="AK3511" s="53">
        <v>109452.33</v>
      </c>
      <c r="AL3511" s="53">
        <v>108109.82</v>
      </c>
      <c r="AM3511" s="53">
        <v>109276.18</v>
      </c>
      <c r="AN3511" s="53">
        <v>1308176.3500000001</v>
      </c>
      <c r="AO3511" s="53">
        <v>109014.685</v>
      </c>
      <c r="AP3511" s="53">
        <v>109014.685</v>
      </c>
      <c r="AQ3511" s="53">
        <v>109014.685</v>
      </c>
      <c r="AR3511" s="53">
        <v>109014.685</v>
      </c>
      <c r="AS3511" s="53">
        <v>109014.685</v>
      </c>
      <c r="AT3511" s="53">
        <v>109014.685</v>
      </c>
      <c r="AU3511" s="53">
        <v>109014.685</v>
      </c>
      <c r="AV3511" s="53">
        <v>109014.685</v>
      </c>
      <c r="AW3511" s="53">
        <v>109014.685</v>
      </c>
      <c r="AX3511" s="53">
        <v>109014.685</v>
      </c>
      <c r="AY3511" s="53">
        <v>109014.685</v>
      </c>
      <c r="AZ3511" s="53">
        <v>109014.685</v>
      </c>
      <c r="BA3511" s="53">
        <v>1308176.22</v>
      </c>
      <c r="BB3511" s="53">
        <v>109014.685</v>
      </c>
      <c r="BC3511" s="53">
        <v>109014.685</v>
      </c>
      <c r="BD3511" s="53">
        <v>109014.685</v>
      </c>
      <c r="BE3511" s="53">
        <v>109014.685</v>
      </c>
      <c r="BF3511" s="53">
        <v>109014.685</v>
      </c>
      <c r="BG3511" s="53">
        <v>109014.685</v>
      </c>
      <c r="BH3511" s="53">
        <v>109014.685</v>
      </c>
      <c r="BI3511" s="53">
        <v>109014.685</v>
      </c>
      <c r="BJ3511" s="53">
        <v>109014.685</v>
      </c>
      <c r="BK3511" s="53">
        <v>109014.685</v>
      </c>
      <c r="BL3511" s="53">
        <v>109014.685</v>
      </c>
      <c r="BM3511" s="53">
        <v>109014.685</v>
      </c>
      <c r="BN3511" s="53">
        <v>1308176.22</v>
      </c>
      <c r="BO3511" s="53">
        <v>109014.685</v>
      </c>
      <c r="BP3511" s="53">
        <v>109014.685</v>
      </c>
      <c r="BQ3511" s="53">
        <v>109014.685</v>
      </c>
      <c r="BR3511" s="53">
        <v>109014.685</v>
      </c>
      <c r="BS3511" s="53">
        <v>109014.685</v>
      </c>
      <c r="BT3511" s="53">
        <v>109014.685</v>
      </c>
      <c r="BU3511" s="53">
        <v>109014.685</v>
      </c>
      <c r="BV3511" s="53">
        <v>109014.685</v>
      </c>
      <c r="BW3511" s="53">
        <v>109014.685</v>
      </c>
      <c r="BX3511" s="53">
        <v>109014.685</v>
      </c>
      <c r="BY3511" s="53">
        <v>109014.685</v>
      </c>
      <c r="BZ3511" s="53">
        <v>109014.685</v>
      </c>
      <c r="CA3511" s="53">
        <v>1308176.22</v>
      </c>
      <c r="CB3511" s="53">
        <v>36488.334177215103</v>
      </c>
      <c r="CC3511" s="53">
        <v>36488.334177215103</v>
      </c>
      <c r="CD3511" s="53">
        <v>36488.334177215103</v>
      </c>
      <c r="CE3511" s="53">
        <v>36488.334177215103</v>
      </c>
      <c r="CF3511" s="53">
        <v>36488.334177215103</v>
      </c>
      <c r="CG3511" s="53">
        <v>36488.334177215103</v>
      </c>
      <c r="CH3511" s="53">
        <v>36488.334177215103</v>
      </c>
      <c r="CI3511" s="53">
        <v>36488.334177215103</v>
      </c>
      <c r="CJ3511" s="53">
        <v>36488.334177215103</v>
      </c>
      <c r="CK3511" s="53">
        <v>36488.334177215103</v>
      </c>
      <c r="CL3511" s="53">
        <v>36488.334177215103</v>
      </c>
      <c r="CM3511" s="53">
        <v>36488.334177215103</v>
      </c>
      <c r="CN3511" s="53">
        <v>437860.010126582</v>
      </c>
    </row>
    <row r="3512" spans="1:92" outlineLevel="1">
      <c r="A3512" s="52" t="s">
        <v>1627</v>
      </c>
      <c r="B3512" s="53"/>
      <c r="C3512" s="53"/>
      <c r="D3512" s="53"/>
      <c r="E3512" s="53"/>
      <c r="F3512" s="53"/>
      <c r="G3512" s="53"/>
      <c r="H3512" s="53"/>
      <c r="I3512" s="53"/>
      <c r="J3512" s="53"/>
      <c r="K3512" s="53"/>
      <c r="L3512" s="53"/>
      <c r="M3512" s="53"/>
      <c r="N3512" s="53"/>
      <c r="O3512" s="53"/>
      <c r="P3512" s="53"/>
      <c r="Q3512" s="53"/>
      <c r="R3512" s="53"/>
      <c r="S3512" s="53"/>
      <c r="T3512" s="53"/>
      <c r="U3512" s="53"/>
      <c r="V3512" s="53"/>
      <c r="W3512" s="53"/>
      <c r="X3512" s="53"/>
      <c r="Y3512" s="53"/>
      <c r="Z3512" s="53"/>
      <c r="AA3512" s="53"/>
      <c r="AB3512" s="53"/>
      <c r="AC3512" s="53"/>
      <c r="AD3512" s="53"/>
      <c r="AE3512" s="53"/>
      <c r="AF3512" s="53"/>
      <c r="AG3512" s="53"/>
      <c r="AH3512" s="53"/>
      <c r="AI3512" s="53"/>
      <c r="AJ3512" s="53"/>
      <c r="AK3512" s="53"/>
      <c r="AL3512" s="53"/>
      <c r="AM3512" s="53"/>
      <c r="AN3512" s="53"/>
      <c r="AO3512" s="53"/>
      <c r="AP3512" s="53"/>
      <c r="AQ3512" s="53"/>
      <c r="AR3512" s="53"/>
      <c r="AS3512" s="53"/>
      <c r="AT3512" s="53"/>
      <c r="AU3512" s="53"/>
      <c r="AV3512" s="53"/>
      <c r="AW3512" s="53"/>
      <c r="AX3512" s="53"/>
      <c r="AY3512" s="53"/>
      <c r="AZ3512" s="53"/>
      <c r="BA3512" s="53"/>
      <c r="BB3512" s="53"/>
      <c r="BC3512" s="53"/>
      <c r="BD3512" s="53"/>
      <c r="BE3512" s="53"/>
      <c r="BF3512" s="53"/>
      <c r="BG3512" s="53"/>
      <c r="BH3512" s="53"/>
      <c r="BI3512" s="53"/>
      <c r="BJ3512" s="53"/>
      <c r="BK3512" s="53"/>
      <c r="BL3512" s="53"/>
      <c r="BM3512" s="53"/>
      <c r="BN3512" s="53"/>
      <c r="BO3512" s="53"/>
      <c r="BP3512" s="53"/>
      <c r="BQ3512" s="53"/>
      <c r="BR3512" s="53"/>
      <c r="BS3512" s="53"/>
      <c r="BT3512" s="53"/>
      <c r="BU3512" s="53"/>
      <c r="BV3512" s="53"/>
      <c r="BW3512" s="53"/>
      <c r="BX3512" s="53"/>
      <c r="BY3512" s="53"/>
      <c r="BZ3512" s="53"/>
      <c r="CA3512" s="53"/>
      <c r="CB3512" s="53">
        <v>13019.146118721401</v>
      </c>
      <c r="CC3512" s="53">
        <v>13019.146118721401</v>
      </c>
      <c r="CD3512" s="53">
        <v>13019.146118721401</v>
      </c>
      <c r="CE3512" s="53">
        <v>13019.146118721401</v>
      </c>
      <c r="CF3512" s="53">
        <v>13019.146118721401</v>
      </c>
      <c r="CG3512" s="53">
        <v>13019.146118721401</v>
      </c>
      <c r="CH3512" s="53">
        <v>13019.146118721401</v>
      </c>
      <c r="CI3512" s="53">
        <v>13019.146118721401</v>
      </c>
      <c r="CJ3512" s="53">
        <v>13019.146118721401</v>
      </c>
      <c r="CK3512" s="53">
        <v>13019.146118721401</v>
      </c>
      <c r="CL3512" s="53">
        <v>13019.146118721401</v>
      </c>
      <c r="CM3512" s="53">
        <v>13019.146118721401</v>
      </c>
      <c r="CN3512" s="53">
        <v>156229.75342465701</v>
      </c>
    </row>
    <row r="3513" spans="1:92" outlineLevel="1">
      <c r="A3513" s="52" t="s">
        <v>649</v>
      </c>
      <c r="B3513" s="53"/>
      <c r="C3513" s="53"/>
      <c r="D3513" s="53"/>
      <c r="E3513" s="53"/>
      <c r="F3513" s="53"/>
      <c r="G3513" s="53"/>
      <c r="H3513" s="53"/>
      <c r="I3513" s="53"/>
      <c r="J3513" s="53"/>
      <c r="K3513" s="53"/>
      <c r="L3513" s="53"/>
      <c r="M3513" s="53"/>
      <c r="N3513" s="53"/>
      <c r="O3513" s="53">
        <v>58276.3999999999</v>
      </c>
      <c r="P3513" s="53">
        <v>61886.76</v>
      </c>
      <c r="Q3513" s="53">
        <v>62285.47</v>
      </c>
      <c r="R3513" s="53">
        <v>61383.79</v>
      </c>
      <c r="S3513" s="53">
        <v>62125.05</v>
      </c>
      <c r="T3513" s="53">
        <v>63671.53</v>
      </c>
      <c r="U3513" s="53">
        <v>59921.42</v>
      </c>
      <c r="V3513" s="53">
        <v>62673</v>
      </c>
      <c r="W3513" s="53">
        <v>60450.78</v>
      </c>
      <c r="X3513" s="53">
        <v>62968.36</v>
      </c>
      <c r="Y3513" s="53">
        <v>58958.9</v>
      </c>
      <c r="Z3513" s="53">
        <v>56294.81</v>
      </c>
      <c r="AA3513" s="53">
        <v>730896.26999999897</v>
      </c>
      <c r="AB3513" s="53">
        <v>58871.41</v>
      </c>
      <c r="AC3513" s="53">
        <v>62481.77</v>
      </c>
      <c r="AD3513" s="53">
        <v>63020.23</v>
      </c>
      <c r="AE3513" s="53">
        <v>62022.74</v>
      </c>
      <c r="AF3513" s="53">
        <v>64938.119999999901</v>
      </c>
      <c r="AG3513" s="53">
        <v>62209.81</v>
      </c>
      <c r="AH3513" s="53">
        <v>60560.369999999901</v>
      </c>
      <c r="AI3513" s="53">
        <v>63312.08</v>
      </c>
      <c r="AJ3513" s="53">
        <v>61089.73</v>
      </c>
      <c r="AK3513" s="53">
        <v>63607.44</v>
      </c>
      <c r="AL3513" s="53">
        <v>61773.4</v>
      </c>
      <c r="AM3513" s="53">
        <v>54805.01</v>
      </c>
      <c r="AN3513" s="53">
        <v>738692.11</v>
      </c>
      <c r="AO3513" s="53">
        <v>61557.686666666603</v>
      </c>
      <c r="AP3513" s="53">
        <v>61557.686666666603</v>
      </c>
      <c r="AQ3513" s="53">
        <v>61557.686666666603</v>
      </c>
      <c r="AR3513" s="53">
        <v>61557.686666666603</v>
      </c>
      <c r="AS3513" s="53">
        <v>61557.686666666603</v>
      </c>
      <c r="AT3513" s="53">
        <v>61557.686666666603</v>
      </c>
      <c r="AU3513" s="53">
        <v>61557.686666666603</v>
      </c>
      <c r="AV3513" s="53">
        <v>61557.686666666603</v>
      </c>
      <c r="AW3513" s="53">
        <v>61557.686666666603</v>
      </c>
      <c r="AX3513" s="53">
        <v>61557.686666666603</v>
      </c>
      <c r="AY3513" s="53">
        <v>61557.686666666603</v>
      </c>
      <c r="AZ3513" s="53">
        <v>61557.686666666603</v>
      </c>
      <c r="BA3513" s="53">
        <v>738692.24</v>
      </c>
      <c r="BB3513" s="53">
        <v>61557.686666666603</v>
      </c>
      <c r="BC3513" s="53">
        <v>61557.686666666603</v>
      </c>
      <c r="BD3513" s="53">
        <v>61557.686666666603</v>
      </c>
      <c r="BE3513" s="53">
        <v>61557.686666666603</v>
      </c>
      <c r="BF3513" s="53">
        <v>61557.686666666603</v>
      </c>
      <c r="BG3513" s="53">
        <v>61557.686666666603</v>
      </c>
      <c r="BH3513" s="53">
        <v>61557.686666666603</v>
      </c>
      <c r="BI3513" s="53">
        <v>61557.686666666603</v>
      </c>
      <c r="BJ3513" s="53">
        <v>61557.686666666603</v>
      </c>
      <c r="BK3513" s="53">
        <v>61557.686666666603</v>
      </c>
      <c r="BL3513" s="53">
        <v>61557.686666666603</v>
      </c>
      <c r="BM3513" s="53">
        <v>61557.686666666603</v>
      </c>
      <c r="BN3513" s="53">
        <v>738692.24</v>
      </c>
      <c r="BO3513" s="53">
        <v>61557.686666666603</v>
      </c>
      <c r="BP3513" s="53">
        <v>61557.686666666603</v>
      </c>
      <c r="BQ3513" s="53">
        <v>61557.686666666603</v>
      </c>
      <c r="BR3513" s="53">
        <v>61557.686666666603</v>
      </c>
      <c r="BS3513" s="53">
        <v>61557.686666666603</v>
      </c>
      <c r="BT3513" s="53">
        <v>61557.686666666603</v>
      </c>
      <c r="BU3513" s="53">
        <v>61557.686666666603</v>
      </c>
      <c r="BV3513" s="53">
        <v>61557.686666666603</v>
      </c>
      <c r="BW3513" s="53">
        <v>61557.686666666603</v>
      </c>
      <c r="BX3513" s="53">
        <v>61557.686666666603</v>
      </c>
      <c r="BY3513" s="53">
        <v>61557.686666666603</v>
      </c>
      <c r="BZ3513" s="53">
        <v>61557.686666666603</v>
      </c>
      <c r="CA3513" s="53">
        <v>738692.24</v>
      </c>
      <c r="CB3513" s="53">
        <v>13527.6846307385</v>
      </c>
      <c r="CC3513" s="53">
        <v>13527.6846307385</v>
      </c>
      <c r="CD3513" s="53">
        <v>13527.6846307385</v>
      </c>
      <c r="CE3513" s="53">
        <v>13527.6846307385</v>
      </c>
      <c r="CF3513" s="53">
        <v>13527.6846307385</v>
      </c>
      <c r="CG3513" s="53">
        <v>13527.6846307385</v>
      </c>
      <c r="CH3513" s="53">
        <v>13527.6846307385</v>
      </c>
      <c r="CI3513" s="53">
        <v>13527.6846307385</v>
      </c>
      <c r="CJ3513" s="53">
        <v>13527.6846307385</v>
      </c>
      <c r="CK3513" s="53">
        <v>13527.6846307385</v>
      </c>
      <c r="CL3513" s="53">
        <v>13527.6846307385</v>
      </c>
      <c r="CM3513" s="53">
        <v>13527.6846307385</v>
      </c>
      <c r="CN3513" s="53">
        <v>162332.21556886201</v>
      </c>
    </row>
    <row r="3514" spans="1:92" outlineLevel="1">
      <c r="A3514" s="52" t="s">
        <v>650</v>
      </c>
      <c r="B3514" s="53"/>
      <c r="C3514" s="53"/>
      <c r="D3514" s="53"/>
      <c r="E3514" s="53"/>
      <c r="F3514" s="53"/>
      <c r="G3514" s="53"/>
      <c r="H3514" s="53"/>
      <c r="I3514" s="53"/>
      <c r="J3514" s="53"/>
      <c r="K3514" s="53"/>
      <c r="L3514" s="53"/>
      <c r="M3514" s="53"/>
      <c r="N3514" s="53"/>
      <c r="O3514" s="53"/>
      <c r="P3514" s="53"/>
      <c r="Q3514" s="53"/>
      <c r="R3514" s="53"/>
      <c r="S3514" s="53"/>
      <c r="T3514" s="53"/>
      <c r="U3514" s="53"/>
      <c r="V3514" s="53"/>
      <c r="W3514" s="53"/>
      <c r="X3514" s="53"/>
      <c r="Y3514" s="53"/>
      <c r="Z3514" s="53"/>
      <c r="AA3514" s="53"/>
      <c r="AB3514" s="53"/>
      <c r="AC3514" s="53"/>
      <c r="AD3514" s="53"/>
      <c r="AE3514" s="53"/>
      <c r="AF3514" s="53"/>
      <c r="AG3514" s="53"/>
      <c r="AH3514" s="53"/>
      <c r="AI3514" s="53"/>
      <c r="AJ3514" s="53"/>
      <c r="AK3514" s="53"/>
      <c r="AL3514" s="53"/>
      <c r="AM3514" s="53"/>
      <c r="AN3514" s="53"/>
      <c r="AO3514" s="53"/>
      <c r="AP3514" s="53"/>
      <c r="AQ3514" s="53"/>
      <c r="AR3514" s="53"/>
      <c r="AS3514" s="53"/>
      <c r="AT3514" s="53"/>
      <c r="AU3514" s="53"/>
      <c r="AV3514" s="53"/>
      <c r="AW3514" s="53"/>
      <c r="AX3514" s="53"/>
      <c r="AY3514" s="53"/>
      <c r="AZ3514" s="53"/>
      <c r="BA3514" s="53"/>
      <c r="BB3514" s="53"/>
      <c r="BC3514" s="53"/>
      <c r="BD3514" s="53"/>
      <c r="BE3514" s="53"/>
      <c r="BF3514" s="53"/>
      <c r="BG3514" s="53"/>
      <c r="BH3514" s="53"/>
      <c r="BI3514" s="53"/>
      <c r="BJ3514" s="53"/>
      <c r="BK3514" s="53"/>
      <c r="BL3514" s="53"/>
      <c r="BM3514" s="53"/>
      <c r="BN3514" s="53"/>
      <c r="BO3514" s="53"/>
      <c r="BP3514" s="53"/>
      <c r="BQ3514" s="53"/>
      <c r="BR3514" s="53"/>
      <c r="BS3514" s="53"/>
      <c r="BT3514" s="53"/>
      <c r="BU3514" s="53"/>
      <c r="BV3514" s="53"/>
      <c r="BW3514" s="53"/>
      <c r="BX3514" s="53"/>
      <c r="BY3514" s="53"/>
      <c r="BZ3514" s="53"/>
      <c r="CA3514" s="53"/>
      <c r="CB3514" s="53">
        <v>20148.9797979797</v>
      </c>
      <c r="CC3514" s="53">
        <v>20148.9797979797</v>
      </c>
      <c r="CD3514" s="53">
        <v>20148.9797979797</v>
      </c>
      <c r="CE3514" s="53">
        <v>20148.9797979797</v>
      </c>
      <c r="CF3514" s="53">
        <v>20148.9797979797</v>
      </c>
      <c r="CG3514" s="53">
        <v>20148.9797979797</v>
      </c>
      <c r="CH3514" s="53">
        <v>20148.9797979797</v>
      </c>
      <c r="CI3514" s="53">
        <v>20148.9797979797</v>
      </c>
      <c r="CJ3514" s="53">
        <v>20148.9797979797</v>
      </c>
      <c r="CK3514" s="53">
        <v>20148.9797979797</v>
      </c>
      <c r="CL3514" s="53">
        <v>20148.9797979797</v>
      </c>
      <c r="CM3514" s="53">
        <v>20148.9797979797</v>
      </c>
      <c r="CN3514" s="53">
        <v>241787.75757575699</v>
      </c>
    </row>
    <row r="3515" spans="1:92" outlineLevel="1">
      <c r="A3515" s="52" t="s">
        <v>1743</v>
      </c>
      <c r="B3515" s="53"/>
      <c r="C3515" s="53"/>
      <c r="D3515" s="53"/>
      <c r="E3515" s="53"/>
      <c r="F3515" s="53"/>
      <c r="G3515" s="53"/>
      <c r="H3515" s="53"/>
      <c r="I3515" s="53"/>
      <c r="J3515" s="53"/>
      <c r="K3515" s="53"/>
      <c r="L3515" s="53"/>
      <c r="M3515" s="53"/>
      <c r="N3515" s="53"/>
      <c r="O3515" s="53"/>
      <c r="P3515" s="53"/>
      <c r="Q3515" s="53"/>
      <c r="R3515" s="53"/>
      <c r="S3515" s="53"/>
      <c r="T3515" s="53"/>
      <c r="U3515" s="53"/>
      <c r="V3515" s="53"/>
      <c r="W3515" s="53"/>
      <c r="X3515" s="53"/>
      <c r="Y3515" s="53"/>
      <c r="Z3515" s="53"/>
      <c r="AA3515" s="53"/>
      <c r="AB3515" s="53"/>
      <c r="AC3515" s="53"/>
      <c r="AD3515" s="53"/>
      <c r="AE3515" s="53"/>
      <c r="AF3515" s="53"/>
      <c r="AG3515" s="53"/>
      <c r="AH3515" s="53"/>
      <c r="AI3515" s="53"/>
      <c r="AJ3515" s="53"/>
      <c r="AK3515" s="53"/>
      <c r="AL3515" s="53"/>
      <c r="AM3515" s="53"/>
      <c r="AN3515" s="53"/>
      <c r="AO3515" s="53"/>
      <c r="AP3515" s="53"/>
      <c r="AQ3515" s="53"/>
      <c r="AR3515" s="53"/>
      <c r="AS3515" s="53"/>
      <c r="AT3515" s="53"/>
      <c r="AU3515" s="53"/>
      <c r="AV3515" s="53"/>
      <c r="AW3515" s="53"/>
      <c r="AX3515" s="53"/>
      <c r="AY3515" s="53"/>
      <c r="AZ3515" s="53"/>
      <c r="BA3515" s="53"/>
      <c r="BB3515" s="53"/>
      <c r="BC3515" s="53"/>
      <c r="BD3515" s="53"/>
      <c r="BE3515" s="53"/>
      <c r="BF3515" s="53"/>
      <c r="BG3515" s="53"/>
      <c r="BH3515" s="53"/>
      <c r="BI3515" s="53"/>
      <c r="BJ3515" s="53"/>
      <c r="BK3515" s="53"/>
      <c r="BL3515" s="53"/>
      <c r="BM3515" s="53"/>
      <c r="BN3515" s="53"/>
      <c r="BO3515" s="53"/>
      <c r="BP3515" s="53"/>
      <c r="BQ3515" s="53"/>
      <c r="BR3515" s="53"/>
      <c r="BS3515" s="53"/>
      <c r="BT3515" s="53"/>
      <c r="BU3515" s="53"/>
      <c r="BV3515" s="53"/>
      <c r="BW3515" s="53"/>
      <c r="BX3515" s="53"/>
      <c r="BY3515" s="53"/>
      <c r="BZ3515" s="53"/>
      <c r="CA3515" s="53"/>
      <c r="CB3515" s="53"/>
      <c r="CC3515" s="53"/>
      <c r="CD3515" s="53"/>
      <c r="CE3515" s="53"/>
      <c r="CF3515" s="53"/>
      <c r="CG3515" s="53"/>
      <c r="CH3515" s="53"/>
      <c r="CI3515" s="53"/>
      <c r="CJ3515" s="53"/>
      <c r="CK3515" s="53"/>
      <c r="CL3515" s="53"/>
      <c r="CM3515" s="53"/>
      <c r="CN3515" s="53"/>
    </row>
    <row r="3516" spans="1:92" outlineLevel="1">
      <c r="A3516" s="52" t="s">
        <v>649</v>
      </c>
      <c r="B3516" s="53"/>
      <c r="C3516" s="53"/>
      <c r="D3516" s="53"/>
      <c r="E3516" s="53"/>
      <c r="F3516" s="53"/>
      <c r="G3516" s="53"/>
      <c r="H3516" s="53"/>
      <c r="I3516" s="53"/>
      <c r="J3516" s="53"/>
      <c r="K3516" s="53"/>
      <c r="L3516" s="53"/>
      <c r="M3516" s="53"/>
      <c r="N3516" s="53"/>
      <c r="O3516" s="53">
        <v>1601563.91666667</v>
      </c>
      <c r="P3516" s="53">
        <v>1601563.91666667</v>
      </c>
      <c r="Q3516" s="53">
        <v>1601563.91666667</v>
      </c>
      <c r="R3516" s="53">
        <v>1601563.91666667</v>
      </c>
      <c r="S3516" s="53">
        <v>1601563.91666667</v>
      </c>
      <c r="T3516" s="53">
        <v>1601563.91666667</v>
      </c>
      <c r="U3516" s="53">
        <v>1601563.91666667</v>
      </c>
      <c r="V3516" s="53">
        <v>1601563.91666667</v>
      </c>
      <c r="W3516" s="53">
        <v>1601563.91666667</v>
      </c>
      <c r="X3516" s="53">
        <v>1601563.91666667</v>
      </c>
      <c r="Y3516" s="53">
        <v>1601563.91666667</v>
      </c>
      <c r="Z3516" s="53">
        <v>1601563.91666667</v>
      </c>
      <c r="AA3516" s="53">
        <v>19218767</v>
      </c>
      <c r="AB3516" s="53"/>
      <c r="AC3516" s="53"/>
      <c r="AD3516" s="53"/>
      <c r="AE3516" s="53"/>
      <c r="AF3516" s="53"/>
      <c r="AG3516" s="53"/>
      <c r="AH3516" s="53"/>
      <c r="AI3516" s="53"/>
      <c r="AJ3516" s="53"/>
      <c r="AK3516" s="53"/>
      <c r="AL3516" s="53"/>
      <c r="AM3516" s="53"/>
      <c r="AN3516" s="53"/>
      <c r="AO3516" s="53"/>
      <c r="AP3516" s="53"/>
      <c r="AQ3516" s="53"/>
      <c r="AR3516" s="53"/>
      <c r="AS3516" s="53"/>
      <c r="AT3516" s="53"/>
      <c r="AU3516" s="53"/>
      <c r="AV3516" s="53"/>
      <c r="AW3516" s="53"/>
      <c r="AX3516" s="53"/>
      <c r="AY3516" s="53"/>
      <c r="AZ3516" s="53"/>
      <c r="BA3516" s="53"/>
      <c r="BB3516" s="53"/>
      <c r="BC3516" s="53"/>
      <c r="BD3516" s="53"/>
      <c r="BE3516" s="53"/>
      <c r="BF3516" s="53"/>
      <c r="BG3516" s="53"/>
      <c r="BH3516" s="53"/>
      <c r="BI3516" s="53"/>
      <c r="BJ3516" s="53"/>
      <c r="BK3516" s="53"/>
      <c r="BL3516" s="53"/>
      <c r="BM3516" s="53"/>
      <c r="BN3516" s="53"/>
      <c r="BO3516" s="53"/>
      <c r="BP3516" s="53"/>
      <c r="BQ3516" s="53"/>
      <c r="BR3516" s="53"/>
      <c r="BS3516" s="53"/>
      <c r="BT3516" s="53"/>
      <c r="BU3516" s="53"/>
      <c r="BV3516" s="53"/>
      <c r="BW3516" s="53"/>
      <c r="BX3516" s="53"/>
      <c r="BY3516" s="53"/>
      <c r="BZ3516" s="53"/>
      <c r="CA3516" s="53"/>
      <c r="CB3516" s="53">
        <v>49399.371900826503</v>
      </c>
      <c r="CC3516" s="53">
        <v>49399.371900826402</v>
      </c>
      <c r="CD3516" s="53">
        <v>49399.371900826402</v>
      </c>
      <c r="CE3516" s="53">
        <v>49399.371900826402</v>
      </c>
      <c r="CF3516" s="53">
        <v>49399.371900826402</v>
      </c>
      <c r="CG3516" s="53">
        <v>49399.371900826402</v>
      </c>
      <c r="CH3516" s="53">
        <v>49399.371900826402</v>
      </c>
      <c r="CI3516" s="53">
        <v>49399.371900826402</v>
      </c>
      <c r="CJ3516" s="53">
        <v>49399.371900826402</v>
      </c>
      <c r="CK3516" s="53">
        <v>49399.371900826402</v>
      </c>
      <c r="CL3516" s="53">
        <v>49399.371900826503</v>
      </c>
      <c r="CM3516" s="53">
        <v>49399.371900826402</v>
      </c>
      <c r="CN3516" s="53">
        <v>592792.46280991798</v>
      </c>
    </row>
    <row r="3517" spans="1:92" outlineLevel="1">
      <c r="A3517" s="52" t="s">
        <v>1294</v>
      </c>
      <c r="B3517" s="53"/>
      <c r="C3517" s="53"/>
      <c r="D3517" s="53"/>
      <c r="E3517" s="53"/>
      <c r="F3517" s="53"/>
      <c r="G3517" s="53"/>
      <c r="H3517" s="53"/>
      <c r="I3517" s="53"/>
      <c r="J3517" s="53"/>
      <c r="K3517" s="53"/>
      <c r="L3517" s="53"/>
      <c r="M3517" s="53"/>
      <c r="N3517" s="53"/>
      <c r="O3517" s="53"/>
      <c r="P3517" s="53"/>
      <c r="Q3517" s="53"/>
      <c r="R3517" s="53"/>
      <c r="S3517" s="53"/>
      <c r="T3517" s="53"/>
      <c r="U3517" s="53"/>
      <c r="V3517" s="53"/>
      <c r="W3517" s="53"/>
      <c r="X3517" s="53"/>
      <c r="Y3517" s="53"/>
      <c r="Z3517" s="53"/>
      <c r="AA3517" s="53"/>
      <c r="AB3517" s="53"/>
      <c r="AC3517" s="53"/>
      <c r="AD3517" s="53"/>
      <c r="AE3517" s="53"/>
      <c r="AF3517" s="53"/>
      <c r="AG3517" s="53"/>
      <c r="AH3517" s="53"/>
      <c r="AI3517" s="53"/>
      <c r="AJ3517" s="53"/>
      <c r="AK3517" s="53"/>
      <c r="AL3517" s="53"/>
      <c r="AM3517" s="53"/>
      <c r="AN3517" s="53"/>
      <c r="AO3517" s="53"/>
      <c r="AP3517" s="53"/>
      <c r="AQ3517" s="53"/>
      <c r="AR3517" s="53"/>
      <c r="AS3517" s="53"/>
      <c r="AT3517" s="53"/>
      <c r="AU3517" s="53"/>
      <c r="AV3517" s="53"/>
      <c r="AW3517" s="53"/>
      <c r="AX3517" s="53"/>
      <c r="AY3517" s="53"/>
      <c r="AZ3517" s="53"/>
      <c r="BA3517" s="53"/>
      <c r="BB3517" s="53"/>
      <c r="BC3517" s="53"/>
      <c r="BD3517" s="53"/>
      <c r="BE3517" s="53"/>
      <c r="BF3517" s="53"/>
      <c r="BG3517" s="53"/>
      <c r="BH3517" s="53"/>
      <c r="BI3517" s="53"/>
      <c r="BJ3517" s="53"/>
      <c r="BK3517" s="53"/>
      <c r="BL3517" s="53"/>
      <c r="BM3517" s="53"/>
      <c r="BN3517" s="53"/>
      <c r="BO3517" s="53"/>
      <c r="BP3517" s="53"/>
      <c r="BQ3517" s="53"/>
      <c r="BR3517" s="53"/>
      <c r="BS3517" s="53"/>
      <c r="BT3517" s="53"/>
      <c r="BU3517" s="53"/>
      <c r="BV3517" s="53"/>
      <c r="BW3517" s="53"/>
      <c r="BX3517" s="53"/>
      <c r="BY3517" s="53"/>
      <c r="BZ3517" s="53"/>
      <c r="CA3517" s="53"/>
      <c r="CB3517" s="53">
        <v>13370.822605965401</v>
      </c>
      <c r="CC3517" s="53">
        <v>13370.822605965401</v>
      </c>
      <c r="CD3517" s="53">
        <v>13370.822605965401</v>
      </c>
      <c r="CE3517" s="53">
        <v>13370.822605965401</v>
      </c>
      <c r="CF3517" s="53">
        <v>13370.822605965401</v>
      </c>
      <c r="CG3517" s="53">
        <v>13370.822605965401</v>
      </c>
      <c r="CH3517" s="53">
        <v>13370.822605965401</v>
      </c>
      <c r="CI3517" s="53">
        <v>13370.822605965401</v>
      </c>
      <c r="CJ3517" s="53">
        <v>13370.822605965401</v>
      </c>
      <c r="CK3517" s="53">
        <v>13370.822605965401</v>
      </c>
      <c r="CL3517" s="53">
        <v>13370.822605965401</v>
      </c>
      <c r="CM3517" s="53">
        <v>13370.822605965401</v>
      </c>
      <c r="CN3517" s="53">
        <v>160449.871271585</v>
      </c>
    </row>
    <row r="3518" spans="1:92" outlineLevel="1">
      <c r="A3518" s="52" t="s">
        <v>1249</v>
      </c>
      <c r="B3518" s="53"/>
      <c r="C3518" s="53"/>
      <c r="D3518" s="53"/>
      <c r="E3518" s="53"/>
      <c r="F3518" s="53"/>
      <c r="G3518" s="53"/>
      <c r="H3518" s="53"/>
      <c r="I3518" s="53"/>
      <c r="J3518" s="53"/>
      <c r="K3518" s="53"/>
      <c r="L3518" s="53"/>
      <c r="M3518" s="53"/>
      <c r="N3518" s="53"/>
      <c r="O3518" s="53">
        <v>-13011993.853433199</v>
      </c>
      <c r="P3518" s="53"/>
      <c r="Q3518" s="53"/>
      <c r="R3518" s="53"/>
      <c r="S3518" s="53"/>
      <c r="T3518" s="53"/>
      <c r="U3518" s="53"/>
      <c r="V3518" s="53"/>
      <c r="W3518" s="53"/>
      <c r="X3518" s="53"/>
      <c r="Y3518" s="53"/>
      <c r="Z3518" s="53"/>
      <c r="AA3518" s="53">
        <v>-13011993.853433199</v>
      </c>
      <c r="AB3518" s="53"/>
      <c r="AC3518" s="53"/>
      <c r="AD3518" s="53"/>
      <c r="AE3518" s="53"/>
      <c r="AF3518" s="53"/>
      <c r="AG3518" s="53"/>
      <c r="AH3518" s="53"/>
      <c r="AI3518" s="53"/>
      <c r="AJ3518" s="53"/>
      <c r="AK3518" s="53"/>
      <c r="AL3518" s="53"/>
      <c r="AM3518" s="53"/>
      <c r="AN3518" s="53"/>
      <c r="AO3518" s="53"/>
      <c r="AP3518" s="53"/>
      <c r="AQ3518" s="53"/>
      <c r="AR3518" s="53"/>
      <c r="AS3518" s="53"/>
      <c r="AT3518" s="53"/>
      <c r="AU3518" s="53"/>
      <c r="AV3518" s="53"/>
      <c r="AW3518" s="53"/>
      <c r="AX3518" s="53"/>
      <c r="AY3518" s="53"/>
      <c r="AZ3518" s="53"/>
      <c r="BA3518" s="53"/>
      <c r="BB3518" s="53"/>
      <c r="BC3518" s="53"/>
      <c r="BD3518" s="53"/>
      <c r="BE3518" s="53"/>
      <c r="BF3518" s="53"/>
      <c r="BG3518" s="53"/>
      <c r="BH3518" s="53"/>
      <c r="BI3518" s="53"/>
      <c r="BJ3518" s="53"/>
      <c r="BK3518" s="53"/>
      <c r="BL3518" s="53"/>
      <c r="BM3518" s="53"/>
      <c r="BN3518" s="53"/>
      <c r="BO3518" s="53"/>
      <c r="BP3518" s="53"/>
      <c r="BQ3518" s="53"/>
      <c r="BR3518" s="53"/>
      <c r="BS3518" s="53"/>
      <c r="BT3518" s="53"/>
      <c r="BU3518" s="53"/>
      <c r="BV3518" s="53"/>
      <c r="BW3518" s="53"/>
      <c r="BX3518" s="53"/>
      <c r="BY3518" s="53"/>
      <c r="BZ3518" s="53"/>
      <c r="CA3518" s="53"/>
      <c r="CB3518" s="53">
        <v>44991.872611464903</v>
      </c>
      <c r="CC3518" s="53">
        <v>44991.872611464903</v>
      </c>
      <c r="CD3518" s="53">
        <v>44991.872611464903</v>
      </c>
      <c r="CE3518" s="53">
        <v>44991.872611464903</v>
      </c>
      <c r="CF3518" s="53">
        <v>44991.872611464903</v>
      </c>
      <c r="CG3518" s="53">
        <v>44991.872611464903</v>
      </c>
      <c r="CH3518" s="53">
        <v>44991.872611464903</v>
      </c>
      <c r="CI3518" s="53">
        <v>44991.872611464903</v>
      </c>
      <c r="CJ3518" s="53">
        <v>44991.872611464903</v>
      </c>
      <c r="CK3518" s="53">
        <v>44991.872611464903</v>
      </c>
      <c r="CL3518" s="53">
        <v>44991.872611464903</v>
      </c>
      <c r="CM3518" s="53">
        <v>44991.872611464903</v>
      </c>
      <c r="CN3518" s="53">
        <v>539902.47133757896</v>
      </c>
    </row>
    <row r="3519" spans="1:92" outlineLevel="1">
      <c r="A3519" s="52" t="s">
        <v>1289</v>
      </c>
      <c r="B3519" s="53"/>
      <c r="C3519" s="53"/>
      <c r="D3519" s="53"/>
      <c r="E3519" s="53"/>
      <c r="F3519" s="53"/>
      <c r="G3519" s="53"/>
      <c r="H3519" s="53"/>
      <c r="I3519" s="53"/>
      <c r="J3519" s="53"/>
      <c r="K3519" s="53"/>
      <c r="L3519" s="53"/>
      <c r="M3519" s="53"/>
      <c r="N3519" s="53"/>
      <c r="O3519" s="53"/>
      <c r="P3519" s="53"/>
      <c r="Q3519" s="53"/>
      <c r="R3519" s="53"/>
      <c r="S3519" s="53"/>
      <c r="T3519" s="53"/>
      <c r="U3519" s="53"/>
      <c r="V3519" s="53"/>
      <c r="W3519" s="53"/>
      <c r="X3519" s="53"/>
      <c r="Y3519" s="53"/>
      <c r="Z3519" s="53"/>
      <c r="AA3519" s="53"/>
      <c r="AB3519" s="53"/>
      <c r="AC3519" s="53"/>
      <c r="AD3519" s="53"/>
      <c r="AE3519" s="53"/>
      <c r="AF3519" s="53"/>
      <c r="AG3519" s="53"/>
      <c r="AH3519" s="53"/>
      <c r="AI3519" s="53"/>
      <c r="AJ3519" s="53"/>
      <c r="AK3519" s="53"/>
      <c r="AL3519" s="53"/>
      <c r="AM3519" s="53"/>
      <c r="AN3519" s="53"/>
      <c r="AO3519" s="53"/>
      <c r="AP3519" s="53"/>
      <c r="AQ3519" s="53"/>
      <c r="AR3519" s="53"/>
      <c r="AS3519" s="53"/>
      <c r="AT3519" s="53"/>
      <c r="AU3519" s="53"/>
      <c r="AV3519" s="53"/>
      <c r="AW3519" s="53"/>
      <c r="AX3519" s="53"/>
      <c r="AY3519" s="53"/>
      <c r="AZ3519" s="53"/>
      <c r="BA3519" s="53"/>
      <c r="BB3519" s="53"/>
      <c r="BC3519" s="53"/>
      <c r="BD3519" s="53"/>
      <c r="BE3519" s="53"/>
      <c r="BF3519" s="53"/>
      <c r="BG3519" s="53"/>
      <c r="BH3519" s="53"/>
      <c r="BI3519" s="53"/>
      <c r="BJ3519" s="53"/>
      <c r="BK3519" s="53"/>
      <c r="BL3519" s="53"/>
      <c r="BM3519" s="53"/>
      <c r="BN3519" s="53"/>
      <c r="BO3519" s="53"/>
      <c r="BP3519" s="53"/>
      <c r="BQ3519" s="53"/>
      <c r="BR3519" s="53"/>
      <c r="BS3519" s="53"/>
      <c r="BT3519" s="53"/>
      <c r="BU3519" s="53"/>
      <c r="BV3519" s="53"/>
      <c r="BW3519" s="53"/>
      <c r="BX3519" s="53"/>
      <c r="BY3519" s="53"/>
      <c r="BZ3519" s="53"/>
      <c r="CA3519" s="53"/>
      <c r="CB3519" s="53">
        <v>52157.242105263002</v>
      </c>
      <c r="CC3519" s="53">
        <v>52157.242105263002</v>
      </c>
      <c r="CD3519" s="53">
        <v>52157.242105263103</v>
      </c>
      <c r="CE3519" s="53">
        <v>52157.242105263002</v>
      </c>
      <c r="CF3519" s="53">
        <v>52157.242105263002</v>
      </c>
      <c r="CG3519" s="53">
        <v>52157.242105263002</v>
      </c>
      <c r="CH3519" s="53">
        <v>52157.242105263103</v>
      </c>
      <c r="CI3519" s="53">
        <v>52157.242105263002</v>
      </c>
      <c r="CJ3519" s="53">
        <v>52157.242105263002</v>
      </c>
      <c r="CK3519" s="53">
        <v>52157.242105263002</v>
      </c>
      <c r="CL3519" s="53">
        <v>52157.242105263002</v>
      </c>
      <c r="CM3519" s="53">
        <v>52157.242105263002</v>
      </c>
      <c r="CN3519" s="53">
        <v>625886.90526315698</v>
      </c>
    </row>
    <row r="3520" spans="1:92" outlineLevel="1">
      <c r="A3520" s="52" t="s">
        <v>1249</v>
      </c>
      <c r="B3520" s="53">
        <v>166666.66666666701</v>
      </c>
      <c r="C3520" s="53">
        <v>166666.66666666701</v>
      </c>
      <c r="D3520" s="53">
        <v>166666.66666666701</v>
      </c>
      <c r="E3520" s="53">
        <v>166666.66666666701</v>
      </c>
      <c r="F3520" s="53">
        <v>166666.66666666701</v>
      </c>
      <c r="G3520" s="53">
        <v>166666.66666666701</v>
      </c>
      <c r="H3520" s="53">
        <v>166666.66666666701</v>
      </c>
      <c r="I3520" s="53">
        <v>166666.66666666701</v>
      </c>
      <c r="J3520" s="53">
        <v>166666.66666666701</v>
      </c>
      <c r="K3520" s="53">
        <v>166666.66666666701</v>
      </c>
      <c r="L3520" s="53">
        <v>166666.66666666701</v>
      </c>
      <c r="M3520" s="53">
        <v>166666.66666666701</v>
      </c>
      <c r="N3520" s="53">
        <v>2000000</v>
      </c>
      <c r="O3520" s="53">
        <v>13011993.853433199</v>
      </c>
      <c r="P3520" s="53"/>
      <c r="Q3520" s="53"/>
      <c r="R3520" s="53"/>
      <c r="S3520" s="53"/>
      <c r="T3520" s="53"/>
      <c r="U3520" s="53"/>
      <c r="V3520" s="53"/>
      <c r="W3520" s="53"/>
      <c r="X3520" s="53"/>
      <c r="Y3520" s="53"/>
      <c r="Z3520" s="53"/>
      <c r="AA3520" s="53">
        <v>13011993.853433199</v>
      </c>
      <c r="AB3520" s="53"/>
      <c r="AC3520" s="53"/>
      <c r="AD3520" s="53"/>
      <c r="AE3520" s="53"/>
      <c r="AF3520" s="53"/>
      <c r="AG3520" s="53"/>
      <c r="AH3520" s="53"/>
      <c r="AI3520" s="53"/>
      <c r="AJ3520" s="53"/>
      <c r="AK3520" s="53"/>
      <c r="AL3520" s="53"/>
      <c r="AM3520" s="53"/>
      <c r="AN3520" s="53"/>
      <c r="AO3520" s="53"/>
      <c r="AP3520" s="53"/>
      <c r="AQ3520" s="53"/>
      <c r="AR3520" s="53"/>
      <c r="AS3520" s="53"/>
      <c r="AT3520" s="53"/>
      <c r="AU3520" s="53"/>
      <c r="AV3520" s="53"/>
      <c r="AW3520" s="53"/>
      <c r="AX3520" s="53"/>
      <c r="AY3520" s="53"/>
      <c r="AZ3520" s="53"/>
      <c r="BA3520" s="53"/>
      <c r="BB3520" s="53"/>
      <c r="BC3520" s="53"/>
      <c r="BD3520" s="53"/>
      <c r="BE3520" s="53"/>
      <c r="BF3520" s="53"/>
      <c r="BG3520" s="53"/>
      <c r="BH3520" s="53"/>
      <c r="BI3520" s="53"/>
      <c r="BJ3520" s="53"/>
      <c r="BK3520" s="53"/>
      <c r="BL3520" s="53"/>
      <c r="BM3520" s="53"/>
      <c r="BN3520" s="53"/>
      <c r="BO3520" s="53"/>
      <c r="BP3520" s="53"/>
      <c r="BQ3520" s="53"/>
      <c r="BR3520" s="53"/>
      <c r="BS3520" s="53"/>
      <c r="BT3520" s="53"/>
      <c r="BU3520" s="53"/>
      <c r="BV3520" s="53"/>
      <c r="BW3520" s="53"/>
      <c r="BX3520" s="53"/>
      <c r="BY3520" s="53"/>
      <c r="BZ3520" s="53"/>
      <c r="CA3520" s="53"/>
      <c r="CB3520" s="53"/>
      <c r="CC3520" s="53"/>
      <c r="CD3520" s="53"/>
      <c r="CE3520" s="53"/>
      <c r="CF3520" s="53"/>
      <c r="CG3520" s="53"/>
      <c r="CH3520" s="53"/>
      <c r="CI3520" s="53"/>
      <c r="CJ3520" s="53"/>
      <c r="CK3520" s="53"/>
      <c r="CL3520" s="53"/>
      <c r="CM3520" s="53"/>
      <c r="CN3520" s="53"/>
    </row>
    <row r="3521" spans="1:92" outlineLevel="1">
      <c r="A3521" s="52" t="s">
        <v>1287</v>
      </c>
      <c r="B3521" s="53"/>
      <c r="C3521" s="53"/>
      <c r="D3521" s="53"/>
      <c r="E3521" s="53"/>
      <c r="F3521" s="53"/>
      <c r="G3521" s="53"/>
      <c r="H3521" s="53"/>
      <c r="I3521" s="53"/>
      <c r="J3521" s="53"/>
      <c r="K3521" s="53"/>
      <c r="L3521" s="53"/>
      <c r="M3521" s="53"/>
      <c r="N3521" s="53"/>
      <c r="O3521" s="53"/>
      <c r="P3521" s="53"/>
      <c r="Q3521" s="53"/>
      <c r="R3521" s="53"/>
      <c r="S3521" s="53"/>
      <c r="T3521" s="53"/>
      <c r="U3521" s="53"/>
      <c r="V3521" s="53"/>
      <c r="W3521" s="53"/>
      <c r="X3521" s="53"/>
      <c r="Y3521" s="53"/>
      <c r="Z3521" s="53"/>
      <c r="AA3521" s="53"/>
      <c r="AB3521" s="53"/>
      <c r="AC3521" s="53"/>
      <c r="AD3521" s="53"/>
      <c r="AE3521" s="53"/>
      <c r="AF3521" s="53"/>
      <c r="AG3521" s="53"/>
      <c r="AH3521" s="53"/>
      <c r="AI3521" s="53"/>
      <c r="AJ3521" s="53"/>
      <c r="AK3521" s="53"/>
      <c r="AL3521" s="53"/>
      <c r="AM3521" s="53"/>
      <c r="AN3521" s="53"/>
      <c r="AO3521" s="53"/>
      <c r="AP3521" s="53"/>
      <c r="AQ3521" s="53"/>
      <c r="AR3521" s="53"/>
      <c r="AS3521" s="53"/>
      <c r="AT3521" s="53"/>
      <c r="AU3521" s="53"/>
      <c r="AV3521" s="53"/>
      <c r="AW3521" s="53"/>
      <c r="AX3521" s="53"/>
      <c r="AY3521" s="53"/>
      <c r="AZ3521" s="53"/>
      <c r="BA3521" s="53"/>
      <c r="BB3521" s="53"/>
      <c r="BC3521" s="53"/>
      <c r="BD3521" s="53"/>
      <c r="BE3521" s="53"/>
      <c r="BF3521" s="53"/>
      <c r="BG3521" s="53"/>
      <c r="BH3521" s="53"/>
      <c r="BI3521" s="53"/>
      <c r="BJ3521" s="53"/>
      <c r="BK3521" s="53"/>
      <c r="BL3521" s="53"/>
      <c r="BM3521" s="53"/>
      <c r="BN3521" s="53"/>
      <c r="BO3521" s="53"/>
      <c r="BP3521" s="53"/>
      <c r="BQ3521" s="53"/>
      <c r="BR3521" s="53"/>
      <c r="BS3521" s="53"/>
      <c r="BT3521" s="53"/>
      <c r="BU3521" s="53"/>
      <c r="BV3521" s="53"/>
      <c r="BW3521" s="53"/>
      <c r="BX3521" s="53"/>
      <c r="BY3521" s="53"/>
      <c r="BZ3521" s="53"/>
      <c r="CA3521" s="53"/>
      <c r="CB3521" s="53">
        <v>38996.049261083703</v>
      </c>
      <c r="CC3521" s="53">
        <v>38996.049261083703</v>
      </c>
      <c r="CD3521" s="53">
        <v>38996.049261083703</v>
      </c>
      <c r="CE3521" s="53">
        <v>38996.049261083703</v>
      </c>
      <c r="CF3521" s="53">
        <v>38996.049261083703</v>
      </c>
      <c r="CG3521" s="53">
        <v>38996.049261083703</v>
      </c>
      <c r="CH3521" s="53">
        <v>38996.049261083703</v>
      </c>
      <c r="CI3521" s="53">
        <v>38996.049261083703</v>
      </c>
      <c r="CJ3521" s="53">
        <v>38996.049261083703</v>
      </c>
      <c r="CK3521" s="53">
        <v>38996.049261083703</v>
      </c>
      <c r="CL3521" s="53">
        <v>38996.049261083703</v>
      </c>
      <c r="CM3521" s="53">
        <v>38996.049261083703</v>
      </c>
      <c r="CN3521" s="53">
        <v>467952.591133004</v>
      </c>
    </row>
    <row r="3522" spans="1:92" outlineLevel="1">
      <c r="A3522" s="52" t="s">
        <v>1249</v>
      </c>
      <c r="B3522" s="53">
        <v>16854.599999999999</v>
      </c>
      <c r="C3522" s="53">
        <v>8567.7999999999993</v>
      </c>
      <c r="D3522" s="53">
        <v>1641.6</v>
      </c>
      <c r="E3522" s="53">
        <v>4957</v>
      </c>
      <c r="F3522" s="53">
        <v>16777.400000000001</v>
      </c>
      <c r="G3522" s="53">
        <v>-395.1</v>
      </c>
      <c r="H3522" s="53">
        <v>-113.6</v>
      </c>
      <c r="I3522" s="53">
        <v>455.2</v>
      </c>
      <c r="J3522" s="53">
        <v>2129</v>
      </c>
      <c r="K3522" s="53">
        <v>1834.8999999999901</v>
      </c>
      <c r="L3522" s="53">
        <v>8.6969565163599292</v>
      </c>
      <c r="M3522" s="53">
        <v>6925.2</v>
      </c>
      <c r="N3522" s="53">
        <v>59642.696956516302</v>
      </c>
      <c r="O3522" s="53">
        <v>-26972252.3807608</v>
      </c>
      <c r="P3522" s="53">
        <v>-12342.963667496701</v>
      </c>
      <c r="Q3522" s="53">
        <v>-107477.202463333</v>
      </c>
      <c r="R3522" s="53">
        <v>-107264.92164589401</v>
      </c>
      <c r="S3522" s="53">
        <v>-87254.804872237801</v>
      </c>
      <c r="T3522" s="53">
        <v>-56618.983309157898</v>
      </c>
      <c r="U3522" s="53">
        <v>-66423.5662530962</v>
      </c>
      <c r="V3522" s="53">
        <v>-57434.5205439364</v>
      </c>
      <c r="W3522" s="53">
        <v>-58357.588991040197</v>
      </c>
      <c r="X3522" s="53">
        <v>-76317.635634432503</v>
      </c>
      <c r="Y3522" s="53">
        <v>8353.6205669180599</v>
      </c>
      <c r="Z3522" s="53">
        <v>9266.0006087423099</v>
      </c>
      <c r="AA3522" s="53">
        <v>-27584124.946965698</v>
      </c>
      <c r="AB3522" s="53">
        <v>-19566.449826817901</v>
      </c>
      <c r="AC3522" s="53">
        <v>-33703.264818216499</v>
      </c>
      <c r="AD3522" s="53">
        <v>35567.587871606302</v>
      </c>
      <c r="AE3522" s="53">
        <v>-5642.2607364955602</v>
      </c>
      <c r="AF3522" s="53">
        <v>60900.837342934603</v>
      </c>
      <c r="AG3522" s="53">
        <v>73746.685166889001</v>
      </c>
      <c r="AH3522" s="53">
        <v>26884.298339926499</v>
      </c>
      <c r="AI3522" s="53">
        <v>-77031.902905713301</v>
      </c>
      <c r="AJ3522" s="53">
        <v>-44708.705025899697</v>
      </c>
      <c r="AK3522" s="53">
        <v>-53810.013761321403</v>
      </c>
      <c r="AL3522" s="53">
        <v>5011.6688384317404</v>
      </c>
      <c r="AM3522" s="53">
        <v>22556.548018615998</v>
      </c>
      <c r="AN3522" s="53">
        <v>-9794.9714960601395</v>
      </c>
      <c r="AO3522" s="53">
        <v>16592.636564938301</v>
      </c>
      <c r="AP3522" s="53">
        <v>24403.5073785116</v>
      </c>
      <c r="AQ3522" s="53">
        <v>84752.463028330603</v>
      </c>
      <c r="AR3522" s="53">
        <v>44264.936813268498</v>
      </c>
      <c r="AS3522" s="53">
        <v>94468.629338087398</v>
      </c>
      <c r="AT3522" s="53">
        <v>103709.355246443</v>
      </c>
      <c r="AU3522" s="53">
        <v>56280.2952303407</v>
      </c>
      <c r="AV3522" s="53">
        <v>-70896.193023423199</v>
      </c>
      <c r="AW3522" s="53">
        <v>-43270.8060995552</v>
      </c>
      <c r="AX3522" s="53">
        <v>-13107.5833478512</v>
      </c>
      <c r="AY3522" s="53">
        <v>18262.825693200899</v>
      </c>
      <c r="AZ3522" s="53">
        <v>20087.004303966602</v>
      </c>
      <c r="BA3522" s="53">
        <v>335547.071126258</v>
      </c>
      <c r="BB3522" s="53">
        <v>15829.759425570999</v>
      </c>
      <c r="BC3522" s="53">
        <v>20453.762957928098</v>
      </c>
      <c r="BD3522" s="53">
        <v>58907.947855812403</v>
      </c>
      <c r="BE3522" s="53">
        <v>32315.685607551099</v>
      </c>
      <c r="BF3522" s="53">
        <v>79736.355696440995</v>
      </c>
      <c r="BG3522" s="53">
        <v>76219.210612762297</v>
      </c>
      <c r="BH3522" s="53">
        <v>44241.617582025399</v>
      </c>
      <c r="BI3522" s="53">
        <v>-93594.184419023804</v>
      </c>
      <c r="BJ3522" s="53">
        <v>-82810.495379220796</v>
      </c>
      <c r="BK3522" s="53">
        <v>-49982.634886036998</v>
      </c>
      <c r="BL3522" s="53">
        <v>-23808.6058711197</v>
      </c>
      <c r="BM3522" s="53">
        <v>-21308.695381128899</v>
      </c>
      <c r="BN3522" s="53">
        <v>56199.7238015611</v>
      </c>
      <c r="BO3522" s="53">
        <v>-10423.2427628449</v>
      </c>
      <c r="BP3522" s="53">
        <v>-597.35156434180703</v>
      </c>
      <c r="BQ3522" s="53">
        <v>23318.967840968999</v>
      </c>
      <c r="BR3522" s="53">
        <v>15157.073525915501</v>
      </c>
      <c r="BS3522" s="53">
        <v>49889.174690979402</v>
      </c>
      <c r="BT3522" s="53">
        <v>41408.2619443652</v>
      </c>
      <c r="BU3522" s="53">
        <v>32623.451761930399</v>
      </c>
      <c r="BV3522" s="53">
        <v>-114032.39609742</v>
      </c>
      <c r="BW3522" s="53">
        <v>-102229.043502389</v>
      </c>
      <c r="BX3522" s="53">
        <v>-66725.321171368705</v>
      </c>
      <c r="BY3522" s="53">
        <v>-47441.8958135211</v>
      </c>
      <c r="BZ3522" s="53">
        <v>-45557.996967385399</v>
      </c>
      <c r="CA3522" s="53">
        <v>-224610.31811511199</v>
      </c>
      <c r="CB3522" s="53">
        <v>48595.514644351497</v>
      </c>
      <c r="CC3522" s="53">
        <v>48595.514644351497</v>
      </c>
      <c r="CD3522" s="53">
        <v>48595.514644351497</v>
      </c>
      <c r="CE3522" s="53">
        <v>48595.514644351497</v>
      </c>
      <c r="CF3522" s="53">
        <v>48595.514644351497</v>
      </c>
      <c r="CG3522" s="53">
        <v>48595.514644351497</v>
      </c>
      <c r="CH3522" s="53">
        <v>48595.514644351497</v>
      </c>
      <c r="CI3522" s="53">
        <v>48595.514644351497</v>
      </c>
      <c r="CJ3522" s="53">
        <v>48595.514644351497</v>
      </c>
      <c r="CK3522" s="53">
        <v>48595.514644351497</v>
      </c>
      <c r="CL3522" s="53">
        <v>48595.514644351497</v>
      </c>
      <c r="CM3522" s="53">
        <v>48595.514644351497</v>
      </c>
      <c r="CN3522" s="53">
        <v>583146.17573221796</v>
      </c>
    </row>
    <row r="3523" spans="1:92" outlineLevel="1">
      <c r="A3523" s="52" t="s">
        <v>1291</v>
      </c>
      <c r="B3523" s="53"/>
      <c r="C3523" s="53"/>
      <c r="D3523" s="53"/>
      <c r="E3523" s="53"/>
      <c r="F3523" s="53"/>
      <c r="G3523" s="53"/>
      <c r="H3523" s="53"/>
      <c r="I3523" s="53"/>
      <c r="J3523" s="53"/>
      <c r="K3523" s="53"/>
      <c r="L3523" s="53"/>
      <c r="M3523" s="53"/>
      <c r="N3523" s="53"/>
      <c r="O3523" s="53"/>
      <c r="P3523" s="53"/>
      <c r="Q3523" s="53"/>
      <c r="R3523" s="53"/>
      <c r="S3523" s="53"/>
      <c r="T3523" s="53"/>
      <c r="U3523" s="53"/>
      <c r="V3523" s="53"/>
      <c r="W3523" s="53"/>
      <c r="X3523" s="53"/>
      <c r="Y3523" s="53"/>
      <c r="Z3523" s="53"/>
      <c r="AA3523" s="53"/>
      <c r="AB3523" s="53"/>
      <c r="AC3523" s="53"/>
      <c r="AD3523" s="53"/>
      <c r="AE3523" s="53"/>
      <c r="AF3523" s="53"/>
      <c r="AG3523" s="53"/>
      <c r="AH3523" s="53"/>
      <c r="AI3523" s="53"/>
      <c r="AJ3523" s="53"/>
      <c r="AK3523" s="53"/>
      <c r="AL3523" s="53"/>
      <c r="AM3523" s="53"/>
      <c r="AN3523" s="53"/>
      <c r="AO3523" s="53"/>
      <c r="AP3523" s="53"/>
      <c r="AQ3523" s="53"/>
      <c r="AR3523" s="53"/>
      <c r="AS3523" s="53"/>
      <c r="AT3523" s="53"/>
      <c r="AU3523" s="53"/>
      <c r="AV3523" s="53"/>
      <c r="AW3523" s="53"/>
      <c r="AX3523" s="53"/>
      <c r="AY3523" s="53"/>
      <c r="AZ3523" s="53"/>
      <c r="BA3523" s="53"/>
      <c r="BB3523" s="53"/>
      <c r="BC3523" s="53"/>
      <c r="BD3523" s="53"/>
      <c r="BE3523" s="53"/>
      <c r="BF3523" s="53"/>
      <c r="BG3523" s="53"/>
      <c r="BH3523" s="53"/>
      <c r="BI3523" s="53"/>
      <c r="BJ3523" s="53"/>
      <c r="BK3523" s="53"/>
      <c r="BL3523" s="53"/>
      <c r="BM3523" s="53"/>
      <c r="BN3523" s="53"/>
      <c r="BO3523" s="53"/>
      <c r="BP3523" s="53"/>
      <c r="BQ3523" s="53"/>
      <c r="BR3523" s="53"/>
      <c r="BS3523" s="53"/>
      <c r="BT3523" s="53"/>
      <c r="BU3523" s="53"/>
      <c r="BV3523" s="53"/>
      <c r="BW3523" s="53"/>
      <c r="BX3523" s="53"/>
      <c r="BY3523" s="53"/>
      <c r="BZ3523" s="53"/>
      <c r="CA3523" s="53"/>
      <c r="CB3523" s="53">
        <v>16652.086230876201</v>
      </c>
      <c r="CC3523" s="53">
        <v>16652.086230876201</v>
      </c>
      <c r="CD3523" s="53">
        <v>16652.086230876201</v>
      </c>
      <c r="CE3523" s="53">
        <v>16652.086230876201</v>
      </c>
      <c r="CF3523" s="53">
        <v>16652.086230876201</v>
      </c>
      <c r="CG3523" s="53">
        <v>16652.086230876201</v>
      </c>
      <c r="CH3523" s="53">
        <v>16652.086230876201</v>
      </c>
      <c r="CI3523" s="53">
        <v>16652.086230876201</v>
      </c>
      <c r="CJ3523" s="53">
        <v>16652.086230876201</v>
      </c>
      <c r="CK3523" s="53">
        <v>16652.086230876201</v>
      </c>
      <c r="CL3523" s="53">
        <v>16652.086230876201</v>
      </c>
      <c r="CM3523" s="53">
        <v>16652.086230876201</v>
      </c>
      <c r="CN3523" s="53">
        <v>199825.034770514</v>
      </c>
    </row>
    <row r="3524" spans="1:92" outlineLevel="1">
      <c r="A3524" s="52" t="s">
        <v>1249</v>
      </c>
      <c r="B3524" s="53">
        <v>720000.74046040897</v>
      </c>
      <c r="C3524" s="53">
        <v>720000.74046040897</v>
      </c>
      <c r="D3524" s="53">
        <v>720000.74046040897</v>
      </c>
      <c r="E3524" s="53">
        <v>720000.74046040897</v>
      </c>
      <c r="F3524" s="53">
        <v>720000.74046040897</v>
      </c>
      <c r="G3524" s="53">
        <v>720000.74046040897</v>
      </c>
      <c r="H3524" s="53">
        <v>720000.74046040897</v>
      </c>
      <c r="I3524" s="53">
        <v>720000.74046040897</v>
      </c>
      <c r="J3524" s="53">
        <v>720000.74046040897</v>
      </c>
      <c r="K3524" s="53">
        <v>720000.74046040897</v>
      </c>
      <c r="L3524" s="53">
        <v>720000.74046040897</v>
      </c>
      <c r="M3524" s="53">
        <v>720000.74046040897</v>
      </c>
      <c r="N3524" s="53">
        <v>8640008.8855249099</v>
      </c>
      <c r="O3524" s="53">
        <v>837739.11872719799</v>
      </c>
      <c r="P3524" s="53">
        <v>-14366131.421122599</v>
      </c>
      <c r="Q3524" s="53">
        <v>-6636112.9663426802</v>
      </c>
      <c r="R3524" s="53">
        <v>17382.418596622301</v>
      </c>
      <c r="S3524" s="53">
        <v>1320420.1621185499</v>
      </c>
      <c r="T3524" s="53">
        <v>1222762.59542939</v>
      </c>
      <c r="U3524" s="53">
        <v>1246933.72720965</v>
      </c>
      <c r="V3524" s="53">
        <v>1198618.65355461</v>
      </c>
      <c r="W3524" s="53">
        <v>816607.97157991305</v>
      </c>
      <c r="X3524" s="53">
        <v>78969.734516533194</v>
      </c>
      <c r="Y3524" s="53"/>
      <c r="Z3524" s="53"/>
      <c r="AA3524" s="53">
        <v>-14262810.005732801</v>
      </c>
      <c r="AB3524" s="53">
        <v>159396.98351845299</v>
      </c>
      <c r="AC3524" s="53">
        <v>7655.8406842814302</v>
      </c>
      <c r="AD3524" s="53"/>
      <c r="AE3524" s="53">
        <v>97255.291564477404</v>
      </c>
      <c r="AF3524" s="53">
        <v>776917.36263051303</v>
      </c>
      <c r="AG3524" s="53">
        <v>738188.55743353197</v>
      </c>
      <c r="AH3524" s="53">
        <v>708003.12641932396</v>
      </c>
      <c r="AI3524" s="53">
        <v>812705.60911089601</v>
      </c>
      <c r="AJ3524" s="53">
        <v>406740.82915997098</v>
      </c>
      <c r="AK3524" s="53">
        <v>183173.97711180101</v>
      </c>
      <c r="AL3524" s="53">
        <v>267465.69639317802</v>
      </c>
      <c r="AM3524" s="53"/>
      <c r="AN3524" s="53">
        <v>4157503.27402642</v>
      </c>
      <c r="AO3524" s="53">
        <v>31914.462826986</v>
      </c>
      <c r="AP3524" s="53">
        <v>8623.9390217233395</v>
      </c>
      <c r="AQ3524" s="53">
        <v>321708.75747491699</v>
      </c>
      <c r="AR3524" s="53">
        <v>149778.38290843501</v>
      </c>
      <c r="AS3524" s="53">
        <v>340894.52444876998</v>
      </c>
      <c r="AT3524" s="53">
        <v>351551.61753155699</v>
      </c>
      <c r="AU3524" s="53">
        <v>330216.15992824099</v>
      </c>
      <c r="AV3524" s="53">
        <v>231424.09819176799</v>
      </c>
      <c r="AW3524" s="53">
        <v>217062.36264681499</v>
      </c>
      <c r="AX3524" s="53">
        <v>114785.01584178599</v>
      </c>
      <c r="AY3524" s="53"/>
      <c r="AZ3524" s="53"/>
      <c r="BA3524" s="53">
        <v>2097959.32082099</v>
      </c>
      <c r="BB3524" s="53">
        <v>54835.355413437399</v>
      </c>
      <c r="BC3524" s="53">
        <v>5999.9016805231804</v>
      </c>
      <c r="BD3524" s="53"/>
      <c r="BE3524" s="53">
        <v>3534.66142005345</v>
      </c>
      <c r="BF3524" s="53">
        <v>446186.69961813401</v>
      </c>
      <c r="BG3524" s="53">
        <v>457606.463671531</v>
      </c>
      <c r="BH3524" s="53">
        <v>439080.89468070801</v>
      </c>
      <c r="BI3524" s="53">
        <v>401082.65208509698</v>
      </c>
      <c r="BJ3524" s="53">
        <v>342254.75542270602</v>
      </c>
      <c r="BK3524" s="53">
        <v>377762.24580325698</v>
      </c>
      <c r="BL3524" s="53">
        <v>108007.46336428</v>
      </c>
      <c r="BM3524" s="53"/>
      <c r="BN3524" s="53">
        <v>2636351.0931597198</v>
      </c>
      <c r="BO3524" s="53">
        <v>42811.950860384997</v>
      </c>
      <c r="BP3524" s="53">
        <v>21507.163226604502</v>
      </c>
      <c r="BQ3524" s="53">
        <v>201253.810403068</v>
      </c>
      <c r="BR3524" s="53">
        <v>2741.34073271125</v>
      </c>
      <c r="BS3524" s="53">
        <v>289003.657767025</v>
      </c>
      <c r="BT3524" s="53">
        <v>285680.66946936602</v>
      </c>
      <c r="BU3524" s="53">
        <v>288034.81392021099</v>
      </c>
      <c r="BV3524" s="53">
        <v>251776.877214943</v>
      </c>
      <c r="BW3524" s="53">
        <v>225111.941258292</v>
      </c>
      <c r="BX3524" s="53">
        <v>167914.45636721599</v>
      </c>
      <c r="BY3524" s="53"/>
      <c r="BZ3524" s="53">
        <v>4270.7639702566703</v>
      </c>
      <c r="CA3524" s="53">
        <v>1780107.44519007</v>
      </c>
      <c r="CB3524" s="53"/>
      <c r="CC3524" s="53"/>
      <c r="CD3524" s="53"/>
      <c r="CE3524" s="53"/>
      <c r="CF3524" s="53"/>
      <c r="CG3524" s="53"/>
      <c r="CH3524" s="53"/>
      <c r="CI3524" s="53"/>
      <c r="CJ3524" s="53"/>
      <c r="CK3524" s="53"/>
      <c r="CL3524" s="53"/>
      <c r="CM3524" s="53"/>
      <c r="CN3524" s="53"/>
    </row>
    <row r="3525" spans="1:92" outlineLevel="1">
      <c r="A3525" s="52" t="s">
        <v>1292</v>
      </c>
      <c r="B3525" s="53"/>
      <c r="C3525" s="53"/>
      <c r="D3525" s="53"/>
      <c r="E3525" s="53"/>
      <c r="F3525" s="53"/>
      <c r="G3525" s="53"/>
      <c r="H3525" s="53"/>
      <c r="I3525" s="53"/>
      <c r="J3525" s="53"/>
      <c r="K3525" s="53"/>
      <c r="L3525" s="53"/>
      <c r="M3525" s="53"/>
      <c r="N3525" s="53"/>
      <c r="O3525" s="53"/>
      <c r="P3525" s="53"/>
      <c r="Q3525" s="53"/>
      <c r="R3525" s="53"/>
      <c r="S3525" s="53"/>
      <c r="T3525" s="53"/>
      <c r="U3525" s="53"/>
      <c r="V3525" s="53"/>
      <c r="W3525" s="53"/>
      <c r="X3525" s="53"/>
      <c r="Y3525" s="53"/>
      <c r="Z3525" s="53"/>
      <c r="AA3525" s="53"/>
      <c r="AB3525" s="53"/>
      <c r="AC3525" s="53"/>
      <c r="AD3525" s="53"/>
      <c r="AE3525" s="53"/>
      <c r="AF3525" s="53"/>
      <c r="AG3525" s="53"/>
      <c r="AH3525" s="53"/>
      <c r="AI3525" s="53"/>
      <c r="AJ3525" s="53"/>
      <c r="AK3525" s="53"/>
      <c r="AL3525" s="53"/>
      <c r="AM3525" s="53"/>
      <c r="AN3525" s="53"/>
      <c r="AO3525" s="53"/>
      <c r="AP3525" s="53"/>
      <c r="AQ3525" s="53"/>
      <c r="AR3525" s="53"/>
      <c r="AS3525" s="53"/>
      <c r="AT3525" s="53"/>
      <c r="AU3525" s="53"/>
      <c r="AV3525" s="53"/>
      <c r="AW3525" s="53"/>
      <c r="AX3525" s="53"/>
      <c r="AY3525" s="53"/>
      <c r="AZ3525" s="53"/>
      <c r="BA3525" s="53"/>
      <c r="BB3525" s="53"/>
      <c r="BC3525" s="53"/>
      <c r="BD3525" s="53"/>
      <c r="BE3525" s="53"/>
      <c r="BF3525" s="53"/>
      <c r="BG3525" s="53"/>
      <c r="BH3525" s="53"/>
      <c r="BI3525" s="53"/>
      <c r="BJ3525" s="53"/>
      <c r="BK3525" s="53"/>
      <c r="BL3525" s="53"/>
      <c r="BM3525" s="53"/>
      <c r="BN3525" s="53"/>
      <c r="BO3525" s="53"/>
      <c r="BP3525" s="53"/>
      <c r="BQ3525" s="53"/>
      <c r="BR3525" s="53"/>
      <c r="BS3525" s="53"/>
      <c r="BT3525" s="53"/>
      <c r="BU3525" s="53"/>
      <c r="BV3525" s="53"/>
      <c r="BW3525" s="53"/>
      <c r="BX3525" s="53"/>
      <c r="BY3525" s="53"/>
      <c r="BZ3525" s="53"/>
      <c r="CA3525" s="53"/>
      <c r="CB3525" s="53">
        <v>1213.9315068493099</v>
      </c>
      <c r="CC3525" s="53">
        <v>1213.9315068493099</v>
      </c>
      <c r="CD3525" s="53">
        <v>1213.9315068493099</v>
      </c>
      <c r="CE3525" s="53">
        <v>1213.9315068493099</v>
      </c>
      <c r="CF3525" s="53">
        <v>1213.9315068493099</v>
      </c>
      <c r="CG3525" s="53">
        <v>1213.9315068493099</v>
      </c>
      <c r="CH3525" s="53">
        <v>1213.9315068493099</v>
      </c>
      <c r="CI3525" s="53">
        <v>1213.9315068493099</v>
      </c>
      <c r="CJ3525" s="53">
        <v>1213.9315068493099</v>
      </c>
      <c r="CK3525" s="53">
        <v>1213.9315068493099</v>
      </c>
      <c r="CL3525" s="53">
        <v>1213.9315068493099</v>
      </c>
      <c r="CM3525" s="53">
        <v>1213.9315068493099</v>
      </c>
      <c r="CN3525" s="53">
        <v>14567.1780821917</v>
      </c>
    </row>
    <row r="3526" spans="1:92" outlineLevel="1">
      <c r="A3526" s="52" t="s">
        <v>1249</v>
      </c>
      <c r="B3526" s="53">
        <v>-228698.20629999999</v>
      </c>
      <c r="C3526" s="53">
        <v>-117870.7846</v>
      </c>
      <c r="D3526" s="53">
        <v>-62151.5</v>
      </c>
      <c r="E3526" s="53">
        <v>-36723.769999999997</v>
      </c>
      <c r="F3526" s="53">
        <v>-66655.3</v>
      </c>
      <c r="G3526" s="53">
        <v>1206775</v>
      </c>
      <c r="H3526" s="53">
        <v>1170593.8</v>
      </c>
      <c r="I3526" s="53">
        <v>1213492.29999999</v>
      </c>
      <c r="J3526" s="53">
        <v>1231131.8999999999</v>
      </c>
      <c r="K3526" s="53">
        <v>1234847.6000000001</v>
      </c>
      <c r="L3526" s="53">
        <v>1244708.5999999901</v>
      </c>
      <c r="M3526" s="53">
        <v>4505441.3999999901</v>
      </c>
      <c r="N3526" s="53">
        <v>11294891.0390999</v>
      </c>
      <c r="O3526" s="53"/>
      <c r="P3526" s="53"/>
      <c r="Q3526" s="53"/>
      <c r="R3526" s="53"/>
      <c r="S3526" s="53"/>
      <c r="T3526" s="53"/>
      <c r="U3526" s="53"/>
      <c r="V3526" s="53"/>
      <c r="W3526" s="53"/>
      <c r="X3526" s="53"/>
      <c r="Y3526" s="53"/>
      <c r="Z3526" s="53"/>
      <c r="AA3526" s="53"/>
      <c r="AB3526" s="53"/>
      <c r="AC3526" s="53"/>
      <c r="AD3526" s="53"/>
      <c r="AE3526" s="53"/>
      <c r="AF3526" s="53"/>
      <c r="AG3526" s="53"/>
      <c r="AH3526" s="53"/>
      <c r="AI3526" s="53"/>
      <c r="AJ3526" s="53"/>
      <c r="AK3526" s="53"/>
      <c r="AL3526" s="53"/>
      <c r="AM3526" s="53"/>
      <c r="AN3526" s="53"/>
      <c r="AO3526" s="53"/>
      <c r="AP3526" s="53"/>
      <c r="AQ3526" s="53"/>
      <c r="AR3526" s="53"/>
      <c r="AS3526" s="53"/>
      <c r="AT3526" s="53"/>
      <c r="AU3526" s="53"/>
      <c r="AV3526" s="53"/>
      <c r="AW3526" s="53"/>
      <c r="AX3526" s="53"/>
      <c r="AY3526" s="53"/>
      <c r="AZ3526" s="53"/>
      <c r="BA3526" s="53"/>
      <c r="BB3526" s="53"/>
      <c r="BC3526" s="53"/>
      <c r="BD3526" s="53"/>
      <c r="BE3526" s="53"/>
      <c r="BF3526" s="53"/>
      <c r="BG3526" s="53"/>
      <c r="BH3526" s="53"/>
      <c r="BI3526" s="53"/>
      <c r="BJ3526" s="53"/>
      <c r="BK3526" s="53"/>
      <c r="BL3526" s="53"/>
      <c r="BM3526" s="53"/>
      <c r="BN3526" s="53"/>
      <c r="BO3526" s="53"/>
      <c r="BP3526" s="53"/>
      <c r="BQ3526" s="53"/>
      <c r="BR3526" s="53"/>
      <c r="BS3526" s="53"/>
      <c r="BT3526" s="53"/>
      <c r="BU3526" s="53"/>
      <c r="BV3526" s="53"/>
      <c r="BW3526" s="53"/>
      <c r="BX3526" s="53"/>
      <c r="BY3526" s="53"/>
      <c r="BZ3526" s="53"/>
      <c r="CA3526" s="53"/>
      <c r="CB3526" s="53">
        <v>1583.15671641791</v>
      </c>
      <c r="CC3526" s="53">
        <v>1583.15671641791</v>
      </c>
      <c r="CD3526" s="53">
        <v>1583.15671641791</v>
      </c>
      <c r="CE3526" s="53">
        <v>1583.15671641791</v>
      </c>
      <c r="CF3526" s="53">
        <v>1583.15671641791</v>
      </c>
      <c r="CG3526" s="53">
        <v>1583.15671641791</v>
      </c>
      <c r="CH3526" s="53">
        <v>1583.15671641791</v>
      </c>
      <c r="CI3526" s="53">
        <v>1583.15671641791</v>
      </c>
      <c r="CJ3526" s="53">
        <v>1583.15671641791</v>
      </c>
      <c r="CK3526" s="53">
        <v>1583.15671641791</v>
      </c>
      <c r="CL3526" s="53">
        <v>1583.15671641791</v>
      </c>
      <c r="CM3526" s="53">
        <v>1583.15671641791</v>
      </c>
      <c r="CN3526" s="53">
        <v>18997.880597014901</v>
      </c>
    </row>
    <row r="3527" spans="1:92" outlineLevel="1">
      <c r="A3527" s="52" t="s">
        <v>1355</v>
      </c>
      <c r="B3527" s="53"/>
      <c r="C3527" s="53"/>
      <c r="D3527" s="53"/>
      <c r="E3527" s="53"/>
      <c r="F3527" s="53"/>
      <c r="G3527" s="53"/>
      <c r="H3527" s="53"/>
      <c r="I3527" s="53"/>
      <c r="J3527" s="53"/>
      <c r="K3527" s="53"/>
      <c r="L3527" s="53"/>
      <c r="M3527" s="53"/>
      <c r="N3527" s="53"/>
      <c r="O3527" s="53"/>
      <c r="P3527" s="53"/>
      <c r="Q3527" s="53"/>
      <c r="R3527" s="53"/>
      <c r="S3527" s="53"/>
      <c r="T3527" s="53"/>
      <c r="U3527" s="53"/>
      <c r="V3527" s="53"/>
      <c r="W3527" s="53"/>
      <c r="X3527" s="53"/>
      <c r="Y3527" s="53"/>
      <c r="Z3527" s="53"/>
      <c r="AA3527" s="53"/>
      <c r="AB3527" s="53"/>
      <c r="AC3527" s="53"/>
      <c r="AD3527" s="53"/>
      <c r="AE3527" s="53"/>
      <c r="AF3527" s="53"/>
      <c r="AG3527" s="53"/>
      <c r="AH3527" s="53"/>
      <c r="AI3527" s="53"/>
      <c r="AJ3527" s="53"/>
      <c r="AK3527" s="53"/>
      <c r="AL3527" s="53"/>
      <c r="AM3527" s="53"/>
      <c r="AN3527" s="53"/>
      <c r="AO3527" s="53"/>
      <c r="AP3527" s="53"/>
      <c r="AQ3527" s="53"/>
      <c r="AR3527" s="53"/>
      <c r="AS3527" s="53"/>
      <c r="AT3527" s="53"/>
      <c r="AU3527" s="53"/>
      <c r="AV3527" s="53"/>
      <c r="AW3527" s="53"/>
      <c r="AX3527" s="53"/>
      <c r="AY3527" s="53"/>
      <c r="AZ3527" s="53"/>
      <c r="BA3527" s="53"/>
      <c r="BB3527" s="53"/>
      <c r="BC3527" s="53"/>
      <c r="BD3527" s="53"/>
      <c r="BE3527" s="53"/>
      <c r="BF3527" s="53"/>
      <c r="BG3527" s="53"/>
      <c r="BH3527" s="53"/>
      <c r="BI3527" s="53"/>
      <c r="BJ3527" s="53"/>
      <c r="BK3527" s="53"/>
      <c r="BL3527" s="53"/>
      <c r="BM3527" s="53"/>
      <c r="BN3527" s="53"/>
      <c r="BO3527" s="53"/>
      <c r="BP3527" s="53"/>
      <c r="BQ3527" s="53"/>
      <c r="BR3527" s="53"/>
      <c r="BS3527" s="53"/>
      <c r="BT3527" s="53"/>
      <c r="BU3527" s="53"/>
      <c r="BV3527" s="53"/>
      <c r="BW3527" s="53"/>
      <c r="BX3527" s="53"/>
      <c r="BY3527" s="53"/>
      <c r="BZ3527" s="53"/>
      <c r="CA3527" s="53"/>
      <c r="CB3527" s="53">
        <v>1833.3899204244001</v>
      </c>
      <c r="CC3527" s="53">
        <v>1833.3899204244001</v>
      </c>
      <c r="CD3527" s="53">
        <v>1833.3899204244001</v>
      </c>
      <c r="CE3527" s="53">
        <v>1833.3899204244001</v>
      </c>
      <c r="CF3527" s="53">
        <v>1833.3899204244001</v>
      </c>
      <c r="CG3527" s="53">
        <v>1833.3899204244001</v>
      </c>
      <c r="CH3527" s="53">
        <v>1833.3899204244001</v>
      </c>
      <c r="CI3527" s="53">
        <v>1833.3899204244001</v>
      </c>
      <c r="CJ3527" s="53">
        <v>1833.3899204244001</v>
      </c>
      <c r="CK3527" s="53">
        <v>1833.3899204244001</v>
      </c>
      <c r="CL3527" s="53">
        <v>1833.3899204244001</v>
      </c>
      <c r="CM3527" s="53">
        <v>1833.3899204244001</v>
      </c>
      <c r="CN3527" s="53">
        <v>22000.679045092798</v>
      </c>
    </row>
    <row r="3528" spans="1:92" outlineLevel="1">
      <c r="A3528" s="52" t="s">
        <v>649</v>
      </c>
      <c r="B3528" s="53">
        <v>53905.799270000003</v>
      </c>
      <c r="C3528" s="53">
        <v>53905.799270000003</v>
      </c>
      <c r="D3528" s="53">
        <v>53905.799270000003</v>
      </c>
      <c r="E3528" s="53">
        <v>53905.799270000003</v>
      </c>
      <c r="F3528" s="53">
        <v>53905.799270000003</v>
      </c>
      <c r="G3528" s="53">
        <v>53905.799270000003</v>
      </c>
      <c r="H3528" s="53">
        <v>53905.799270000003</v>
      </c>
      <c r="I3528" s="53">
        <v>53905.799270000003</v>
      </c>
      <c r="J3528" s="53">
        <v>53905.799270000003</v>
      </c>
      <c r="K3528" s="53">
        <v>53905.799270000003</v>
      </c>
      <c r="L3528" s="53">
        <v>53905.799270000003</v>
      </c>
      <c r="M3528" s="53">
        <v>53905.799270000003</v>
      </c>
      <c r="N3528" s="53">
        <v>646869.59123999998</v>
      </c>
      <c r="O3528" s="53">
        <v>53905.799270000003</v>
      </c>
      <c r="P3528" s="53">
        <v>53905.799270000003</v>
      </c>
      <c r="Q3528" s="53">
        <v>53905.799270000003</v>
      </c>
      <c r="R3528" s="53">
        <v>53905.799270000003</v>
      </c>
      <c r="S3528" s="53">
        <v>53905.799270000003</v>
      </c>
      <c r="T3528" s="53">
        <v>53905.799270000003</v>
      </c>
      <c r="U3528" s="53">
        <v>53905.799270000003</v>
      </c>
      <c r="V3528" s="53">
        <v>53905.799270000003</v>
      </c>
      <c r="W3528" s="53">
        <v>53905.799270000003</v>
      </c>
      <c r="X3528" s="53">
        <v>53905.799270000003</v>
      </c>
      <c r="Y3528" s="53">
        <v>53905.799270000003</v>
      </c>
      <c r="Z3528" s="53">
        <v>53905.799270000003</v>
      </c>
      <c r="AA3528" s="53">
        <v>646869.59123999998</v>
      </c>
      <c r="AB3528" s="53">
        <v>53905.799270000003</v>
      </c>
      <c r="AC3528" s="53">
        <v>53905.799270000003</v>
      </c>
      <c r="AD3528" s="53">
        <v>53905.799270000003</v>
      </c>
      <c r="AE3528" s="53">
        <v>53905.799270000003</v>
      </c>
      <c r="AF3528" s="53">
        <v>53905.799270000003</v>
      </c>
      <c r="AG3528" s="53"/>
      <c r="AH3528" s="53"/>
      <c r="AI3528" s="53"/>
      <c r="AJ3528" s="53"/>
      <c r="AK3528" s="53"/>
      <c r="AL3528" s="53"/>
      <c r="AM3528" s="53"/>
      <c r="AN3528" s="53">
        <v>269528.99634999997</v>
      </c>
      <c r="AO3528" s="53"/>
      <c r="AP3528" s="53"/>
      <c r="AQ3528" s="53"/>
      <c r="AR3528" s="53"/>
      <c r="AS3528" s="53"/>
      <c r="AT3528" s="53"/>
      <c r="AU3528" s="53"/>
      <c r="AV3528" s="53"/>
      <c r="AW3528" s="53"/>
      <c r="AX3528" s="53"/>
      <c r="AY3528" s="53"/>
      <c r="AZ3528" s="53"/>
      <c r="BA3528" s="53"/>
      <c r="BB3528" s="53"/>
      <c r="BC3528" s="53"/>
      <c r="BD3528" s="53"/>
      <c r="BE3528" s="53"/>
      <c r="BF3528" s="53"/>
      <c r="BG3528" s="53"/>
      <c r="BH3528" s="53"/>
      <c r="BI3528" s="53"/>
      <c r="BJ3528" s="53"/>
      <c r="BK3528" s="53"/>
      <c r="BL3528" s="53"/>
      <c r="BM3528" s="53"/>
      <c r="BN3528" s="53"/>
      <c r="BO3528" s="53"/>
      <c r="BP3528" s="53"/>
      <c r="BQ3528" s="53"/>
      <c r="BR3528" s="53"/>
      <c r="BS3528" s="53"/>
      <c r="BT3528" s="53"/>
      <c r="BU3528" s="53"/>
      <c r="BV3528" s="53"/>
      <c r="BW3528" s="53"/>
      <c r="BX3528" s="53"/>
      <c r="BY3528" s="53"/>
      <c r="BZ3528" s="53"/>
      <c r="CA3528" s="53"/>
      <c r="CB3528" s="53"/>
      <c r="CC3528" s="53"/>
      <c r="CD3528" s="53"/>
      <c r="CE3528" s="53"/>
      <c r="CF3528" s="53"/>
      <c r="CG3528" s="53"/>
      <c r="CH3528" s="53"/>
      <c r="CI3528" s="53"/>
      <c r="CJ3528" s="53"/>
      <c r="CK3528" s="53"/>
      <c r="CL3528" s="53"/>
      <c r="CM3528" s="53"/>
      <c r="CN3528" s="53"/>
    </row>
    <row r="3529" spans="1:92" outlineLevel="1">
      <c r="A3529" s="52" t="s">
        <v>1722</v>
      </c>
      <c r="B3529" s="53"/>
      <c r="C3529" s="53"/>
      <c r="D3529" s="53"/>
      <c r="E3529" s="53"/>
      <c r="F3529" s="53"/>
      <c r="G3529" s="53"/>
      <c r="H3529" s="53"/>
      <c r="I3529" s="53"/>
      <c r="J3529" s="53"/>
      <c r="K3529" s="53"/>
      <c r="L3529" s="53"/>
      <c r="M3529" s="53"/>
      <c r="N3529" s="53"/>
      <c r="O3529" s="53"/>
      <c r="P3529" s="53"/>
      <c r="Q3529" s="53"/>
      <c r="R3529" s="53"/>
      <c r="S3529" s="53"/>
      <c r="T3529" s="53"/>
      <c r="U3529" s="53"/>
      <c r="V3529" s="53"/>
      <c r="W3529" s="53"/>
      <c r="X3529" s="53"/>
      <c r="Y3529" s="53"/>
      <c r="Z3529" s="53"/>
      <c r="AA3529" s="53"/>
      <c r="AB3529" s="53"/>
      <c r="AC3529" s="53"/>
      <c r="AD3529" s="53"/>
      <c r="AE3529" s="53"/>
      <c r="AF3529" s="53"/>
      <c r="AG3529" s="53"/>
      <c r="AH3529" s="53"/>
      <c r="AI3529" s="53"/>
      <c r="AJ3529" s="53"/>
      <c r="AK3529" s="53"/>
      <c r="AL3529" s="53"/>
      <c r="AM3529" s="53"/>
      <c r="AN3529" s="53"/>
      <c r="AO3529" s="53"/>
      <c r="AP3529" s="53"/>
      <c r="AQ3529" s="53"/>
      <c r="AR3529" s="53"/>
      <c r="AS3529" s="53"/>
      <c r="AT3529" s="53"/>
      <c r="AU3529" s="53"/>
      <c r="AV3529" s="53"/>
      <c r="AW3529" s="53"/>
      <c r="AX3529" s="53"/>
      <c r="AY3529" s="53"/>
      <c r="AZ3529" s="53"/>
      <c r="BA3529" s="53"/>
      <c r="BB3529" s="53"/>
      <c r="BC3529" s="53"/>
      <c r="BD3529" s="53"/>
      <c r="BE3529" s="53"/>
      <c r="BF3529" s="53"/>
      <c r="BG3529" s="53"/>
      <c r="BH3529" s="53"/>
      <c r="BI3529" s="53"/>
      <c r="BJ3529" s="53"/>
      <c r="BK3529" s="53"/>
      <c r="BL3529" s="53"/>
      <c r="BM3529" s="53"/>
      <c r="BN3529" s="53"/>
      <c r="BO3529" s="53"/>
      <c r="BP3529" s="53"/>
      <c r="BQ3529" s="53"/>
      <c r="BR3529" s="53"/>
      <c r="BS3529" s="53"/>
      <c r="BT3529" s="53"/>
      <c r="BU3529" s="53"/>
      <c r="BV3529" s="53"/>
      <c r="BW3529" s="53"/>
      <c r="BX3529" s="53"/>
      <c r="BY3529" s="53"/>
      <c r="BZ3529" s="53"/>
      <c r="CA3529" s="53"/>
      <c r="CB3529" s="53"/>
      <c r="CC3529" s="53"/>
      <c r="CD3529" s="53"/>
      <c r="CE3529" s="53"/>
      <c r="CF3529" s="53"/>
      <c r="CG3529" s="53"/>
      <c r="CH3529" s="53"/>
      <c r="CI3529" s="53"/>
      <c r="CJ3529" s="53"/>
      <c r="CK3529" s="53"/>
      <c r="CL3529" s="53"/>
      <c r="CM3529" s="53"/>
      <c r="CN3529" s="53"/>
    </row>
    <row r="3530" spans="1:92" outlineLevel="1">
      <c r="A3530" s="52" t="s">
        <v>649</v>
      </c>
      <c r="B3530" s="53"/>
      <c r="C3530" s="53"/>
      <c r="D3530" s="53">
        <v>9259099.3000000007</v>
      </c>
      <c r="E3530" s="53">
        <v>12892250</v>
      </c>
      <c r="F3530" s="53">
        <v>6848650.7000000002</v>
      </c>
      <c r="G3530" s="53"/>
      <c r="H3530" s="53"/>
      <c r="I3530" s="53"/>
      <c r="J3530" s="53"/>
      <c r="K3530" s="53"/>
      <c r="L3530" s="53"/>
      <c r="M3530" s="53"/>
      <c r="N3530" s="53">
        <v>29000000</v>
      </c>
      <c r="O3530" s="53"/>
      <c r="P3530" s="53"/>
      <c r="Q3530" s="53"/>
      <c r="R3530" s="53"/>
      <c r="S3530" s="53"/>
      <c r="T3530" s="53"/>
      <c r="U3530" s="53"/>
      <c r="V3530" s="53"/>
      <c r="W3530" s="53"/>
      <c r="X3530" s="53"/>
      <c r="Y3530" s="53"/>
      <c r="Z3530" s="53"/>
      <c r="AA3530" s="53"/>
      <c r="AB3530" s="53"/>
      <c r="AC3530" s="53"/>
      <c r="AD3530" s="53"/>
      <c r="AE3530" s="53"/>
      <c r="AF3530" s="53"/>
      <c r="AG3530" s="53"/>
      <c r="AH3530" s="53"/>
      <c r="AI3530" s="53"/>
      <c r="AJ3530" s="53"/>
      <c r="AK3530" s="53"/>
      <c r="AL3530" s="53"/>
      <c r="AM3530" s="53"/>
      <c r="AN3530" s="53"/>
      <c r="AO3530" s="53"/>
      <c r="AP3530" s="53"/>
      <c r="AQ3530" s="53"/>
      <c r="AR3530" s="53"/>
      <c r="AS3530" s="53"/>
      <c r="AT3530" s="53"/>
      <c r="AU3530" s="53"/>
      <c r="AV3530" s="53"/>
      <c r="AW3530" s="53"/>
      <c r="AX3530" s="53"/>
      <c r="AY3530" s="53"/>
      <c r="AZ3530" s="53"/>
      <c r="BA3530" s="53"/>
      <c r="BB3530" s="53"/>
      <c r="BC3530" s="53"/>
      <c r="BD3530" s="53"/>
      <c r="BE3530" s="53"/>
      <c r="BF3530" s="53"/>
      <c r="BG3530" s="53"/>
      <c r="BH3530" s="53"/>
      <c r="BI3530" s="53"/>
      <c r="BJ3530" s="53"/>
      <c r="BK3530" s="53"/>
      <c r="BL3530" s="53"/>
      <c r="BM3530" s="53"/>
      <c r="BN3530" s="53"/>
      <c r="BO3530" s="53"/>
      <c r="BP3530" s="53"/>
      <c r="BQ3530" s="53"/>
      <c r="BR3530" s="53"/>
      <c r="BS3530" s="53"/>
      <c r="BT3530" s="53"/>
      <c r="BU3530" s="53"/>
      <c r="BV3530" s="53"/>
      <c r="BW3530" s="53"/>
      <c r="BX3530" s="53"/>
      <c r="BY3530" s="53"/>
      <c r="BZ3530" s="53"/>
      <c r="CA3530" s="53"/>
      <c r="CB3530" s="53">
        <v>11723.4531645569</v>
      </c>
      <c r="CC3530" s="53">
        <v>11723.4531645569</v>
      </c>
      <c r="CD3530" s="53">
        <v>11723.4531645569</v>
      </c>
      <c r="CE3530" s="53">
        <v>11723.4531645569</v>
      </c>
      <c r="CF3530" s="53">
        <v>11723.4531645569</v>
      </c>
      <c r="CG3530" s="53">
        <v>11723.4531645569</v>
      </c>
      <c r="CH3530" s="53">
        <v>11723.4531645569</v>
      </c>
      <c r="CI3530" s="53">
        <v>11723.4531645569</v>
      </c>
      <c r="CJ3530" s="53">
        <v>11723.4531645569</v>
      </c>
      <c r="CK3530" s="53">
        <v>11723.4531645569</v>
      </c>
      <c r="CL3530" s="53">
        <v>11723.4531645569</v>
      </c>
      <c r="CM3530" s="53">
        <v>11723.4531645569</v>
      </c>
      <c r="CN3530" s="53">
        <v>140681.43797468301</v>
      </c>
    </row>
    <row r="3531" spans="1:92" outlineLevel="1">
      <c r="A3531" s="52" t="s">
        <v>1431</v>
      </c>
      <c r="B3531" s="53"/>
      <c r="C3531" s="53"/>
      <c r="D3531" s="53"/>
      <c r="E3531" s="53"/>
      <c r="F3531" s="53"/>
      <c r="G3531" s="53"/>
      <c r="H3531" s="53"/>
      <c r="I3531" s="53"/>
      <c r="J3531" s="53"/>
      <c r="K3531" s="53"/>
      <c r="L3531" s="53"/>
      <c r="M3531" s="53"/>
      <c r="N3531" s="53"/>
      <c r="O3531" s="53"/>
      <c r="P3531" s="53"/>
      <c r="Q3531" s="53"/>
      <c r="R3531" s="53"/>
      <c r="S3531" s="53"/>
      <c r="T3531" s="53"/>
      <c r="U3531" s="53"/>
      <c r="V3531" s="53"/>
      <c r="W3531" s="53"/>
      <c r="X3531" s="53"/>
      <c r="Y3531" s="53"/>
      <c r="Z3531" s="53"/>
      <c r="AA3531" s="53"/>
      <c r="AB3531" s="53"/>
      <c r="AC3531" s="53"/>
      <c r="AD3531" s="53"/>
      <c r="AE3531" s="53"/>
      <c r="AF3531" s="53"/>
      <c r="AG3531" s="53"/>
      <c r="AH3531" s="53"/>
      <c r="AI3531" s="53"/>
      <c r="AJ3531" s="53"/>
      <c r="AK3531" s="53"/>
      <c r="AL3531" s="53"/>
      <c r="AM3531" s="53"/>
      <c r="AN3531" s="53"/>
      <c r="AO3531" s="53"/>
      <c r="AP3531" s="53"/>
      <c r="AQ3531" s="53"/>
      <c r="AR3531" s="53"/>
      <c r="AS3531" s="53"/>
      <c r="AT3531" s="53"/>
      <c r="AU3531" s="53"/>
      <c r="AV3531" s="53"/>
      <c r="AW3531" s="53"/>
      <c r="AX3531" s="53"/>
      <c r="AY3531" s="53"/>
      <c r="AZ3531" s="53"/>
      <c r="BA3531" s="53"/>
      <c r="BB3531" s="53"/>
      <c r="BC3531" s="53"/>
      <c r="BD3531" s="53"/>
      <c r="BE3531" s="53"/>
      <c r="BF3531" s="53"/>
      <c r="BG3531" s="53"/>
      <c r="BH3531" s="53"/>
      <c r="BI3531" s="53"/>
      <c r="BJ3531" s="53"/>
      <c r="BK3531" s="53"/>
      <c r="BL3531" s="53"/>
      <c r="BM3531" s="53"/>
      <c r="BN3531" s="53"/>
      <c r="BO3531" s="53"/>
      <c r="BP3531" s="53"/>
      <c r="BQ3531" s="53"/>
      <c r="BR3531" s="53"/>
      <c r="BS3531" s="53"/>
      <c r="BT3531" s="53"/>
      <c r="BU3531" s="53"/>
      <c r="BV3531" s="53"/>
      <c r="BW3531" s="53"/>
      <c r="BX3531" s="53"/>
      <c r="BY3531" s="53"/>
      <c r="BZ3531" s="53"/>
      <c r="CA3531" s="53"/>
      <c r="CB3531" s="53">
        <v>4051.8264840182501</v>
      </c>
      <c r="CC3531" s="53">
        <v>4051.8264840182501</v>
      </c>
      <c r="CD3531" s="53">
        <v>4051.8264840182501</v>
      </c>
      <c r="CE3531" s="53">
        <v>4051.8264840182501</v>
      </c>
      <c r="CF3531" s="53">
        <v>4051.8264840182501</v>
      </c>
      <c r="CG3531" s="53">
        <v>4051.8264840182501</v>
      </c>
      <c r="CH3531" s="53">
        <v>4051.8264840182501</v>
      </c>
      <c r="CI3531" s="53">
        <v>4051.8264840182501</v>
      </c>
      <c r="CJ3531" s="53">
        <v>4051.8264840182501</v>
      </c>
      <c r="CK3531" s="53">
        <v>4051.8264840182501</v>
      </c>
      <c r="CL3531" s="53">
        <v>4051.8264840182401</v>
      </c>
      <c r="CM3531" s="53">
        <v>4051.8264840182401</v>
      </c>
      <c r="CN3531" s="53">
        <v>48621.917808218997</v>
      </c>
    </row>
    <row r="3532" spans="1:92" outlineLevel="1">
      <c r="A3532" s="52" t="s">
        <v>649</v>
      </c>
      <c r="B3532" s="53">
        <v>29000000</v>
      </c>
      <c r="C3532" s="53"/>
      <c r="D3532" s="53"/>
      <c r="E3532" s="53"/>
      <c r="F3532" s="53"/>
      <c r="G3532" s="53"/>
      <c r="H3532" s="53"/>
      <c r="I3532" s="53"/>
      <c r="J3532" s="53"/>
      <c r="K3532" s="53"/>
      <c r="L3532" s="53"/>
      <c r="M3532" s="53"/>
      <c r="N3532" s="53">
        <v>29000000</v>
      </c>
      <c r="O3532" s="53"/>
      <c r="P3532" s="53"/>
      <c r="Q3532" s="53"/>
      <c r="R3532" s="53"/>
      <c r="S3532" s="53"/>
      <c r="T3532" s="53"/>
      <c r="U3532" s="53"/>
      <c r="V3532" s="53"/>
      <c r="W3532" s="53"/>
      <c r="X3532" s="53"/>
      <c r="Y3532" s="53"/>
      <c r="Z3532" s="53"/>
      <c r="AA3532" s="53"/>
      <c r="AB3532" s="53"/>
      <c r="AC3532" s="53"/>
      <c r="AD3532" s="53"/>
      <c r="AE3532" s="53"/>
      <c r="AF3532" s="53"/>
      <c r="AG3532" s="53"/>
      <c r="AH3532" s="53"/>
      <c r="AI3532" s="53"/>
      <c r="AJ3532" s="53"/>
      <c r="AK3532" s="53"/>
      <c r="AL3532" s="53"/>
      <c r="AM3532" s="53"/>
      <c r="AN3532" s="53"/>
      <c r="AO3532" s="53"/>
      <c r="AP3532" s="53"/>
      <c r="AQ3532" s="53"/>
      <c r="AR3532" s="53"/>
      <c r="AS3532" s="53"/>
      <c r="AT3532" s="53"/>
      <c r="AU3532" s="53"/>
      <c r="AV3532" s="53"/>
      <c r="AW3532" s="53"/>
      <c r="AX3532" s="53"/>
      <c r="AY3532" s="53"/>
      <c r="AZ3532" s="53"/>
      <c r="BA3532" s="53"/>
      <c r="BB3532" s="53"/>
      <c r="BC3532" s="53"/>
      <c r="BD3532" s="53"/>
      <c r="BE3532" s="53"/>
      <c r="BF3532" s="53"/>
      <c r="BG3532" s="53"/>
      <c r="BH3532" s="53"/>
      <c r="BI3532" s="53"/>
      <c r="BJ3532" s="53"/>
      <c r="BK3532" s="53"/>
      <c r="BL3532" s="53"/>
      <c r="BM3532" s="53"/>
      <c r="BN3532" s="53"/>
      <c r="BO3532" s="53"/>
      <c r="BP3532" s="53"/>
      <c r="BQ3532" s="53"/>
      <c r="BR3532" s="53"/>
      <c r="BS3532" s="53"/>
      <c r="BT3532" s="53"/>
      <c r="BU3532" s="53"/>
      <c r="BV3532" s="53"/>
      <c r="BW3532" s="53"/>
      <c r="BX3532" s="53"/>
      <c r="BY3532" s="53"/>
      <c r="BZ3532" s="53"/>
      <c r="CA3532" s="53"/>
      <c r="CB3532" s="53">
        <v>3523.40918163673</v>
      </c>
      <c r="CC3532" s="53">
        <v>3523.40918163673</v>
      </c>
      <c r="CD3532" s="53">
        <v>3523.40918163673</v>
      </c>
      <c r="CE3532" s="53">
        <v>3523.40918163673</v>
      </c>
      <c r="CF3532" s="53">
        <v>3523.40918163673</v>
      </c>
      <c r="CG3532" s="53">
        <v>3523.40918163673</v>
      </c>
      <c r="CH3532" s="53">
        <v>3523.40918163673</v>
      </c>
      <c r="CI3532" s="53">
        <v>3523.40918163673</v>
      </c>
      <c r="CJ3532" s="53">
        <v>3523.40918163673</v>
      </c>
      <c r="CK3532" s="53">
        <v>3523.40918163673</v>
      </c>
      <c r="CL3532" s="53">
        <v>3523.40918163673</v>
      </c>
      <c r="CM3532" s="53">
        <v>3523.40918163673</v>
      </c>
      <c r="CN3532" s="53">
        <v>42280.910179640799</v>
      </c>
    </row>
    <row r="3533" spans="1:92" outlineLevel="1">
      <c r="A3533" s="52" t="s">
        <v>1414</v>
      </c>
      <c r="B3533" s="53"/>
      <c r="C3533" s="53"/>
      <c r="D3533" s="53"/>
      <c r="E3533" s="53"/>
      <c r="F3533" s="53"/>
      <c r="G3533" s="53"/>
      <c r="H3533" s="53"/>
      <c r="I3533" s="53"/>
      <c r="J3533" s="53"/>
      <c r="K3533" s="53"/>
      <c r="L3533" s="53"/>
      <c r="M3533" s="53"/>
      <c r="N3533" s="53"/>
      <c r="O3533" s="53"/>
      <c r="P3533" s="53"/>
      <c r="Q3533" s="53"/>
      <c r="R3533" s="53"/>
      <c r="S3533" s="53"/>
      <c r="T3533" s="53"/>
      <c r="U3533" s="53"/>
      <c r="V3533" s="53"/>
      <c r="W3533" s="53"/>
      <c r="X3533" s="53"/>
      <c r="Y3533" s="53"/>
      <c r="Z3533" s="53"/>
      <c r="AA3533" s="53"/>
      <c r="AB3533" s="53"/>
      <c r="AC3533" s="53"/>
      <c r="AD3533" s="53"/>
      <c r="AE3533" s="53"/>
      <c r="AF3533" s="53"/>
      <c r="AG3533" s="53"/>
      <c r="AH3533" s="53"/>
      <c r="AI3533" s="53"/>
      <c r="AJ3533" s="53"/>
      <c r="AK3533" s="53"/>
      <c r="AL3533" s="53"/>
      <c r="AM3533" s="53"/>
      <c r="AN3533" s="53"/>
      <c r="AO3533" s="53"/>
      <c r="AP3533" s="53"/>
      <c r="AQ3533" s="53"/>
      <c r="AR3533" s="53"/>
      <c r="AS3533" s="53"/>
      <c r="AT3533" s="53"/>
      <c r="AU3533" s="53"/>
      <c r="AV3533" s="53"/>
      <c r="AW3533" s="53"/>
      <c r="AX3533" s="53"/>
      <c r="AY3533" s="53"/>
      <c r="AZ3533" s="53"/>
      <c r="BA3533" s="53"/>
      <c r="BB3533" s="53"/>
      <c r="BC3533" s="53"/>
      <c r="BD3533" s="53"/>
      <c r="BE3533" s="53"/>
      <c r="BF3533" s="53"/>
      <c r="BG3533" s="53"/>
      <c r="BH3533" s="53"/>
      <c r="BI3533" s="53"/>
      <c r="BJ3533" s="53"/>
      <c r="BK3533" s="53"/>
      <c r="BL3533" s="53"/>
      <c r="BM3533" s="53"/>
      <c r="BN3533" s="53"/>
      <c r="BO3533" s="53"/>
      <c r="BP3533" s="53"/>
      <c r="BQ3533" s="53"/>
      <c r="BR3533" s="53"/>
      <c r="BS3533" s="53"/>
      <c r="BT3533" s="53"/>
      <c r="BU3533" s="53"/>
      <c r="BV3533" s="53"/>
      <c r="BW3533" s="53"/>
      <c r="BX3533" s="53"/>
      <c r="BY3533" s="53"/>
      <c r="BZ3533" s="53"/>
      <c r="CA3533" s="53"/>
      <c r="CB3533" s="53">
        <v>9347.6262626262396</v>
      </c>
      <c r="CC3533" s="53">
        <v>9347.6262626262396</v>
      </c>
      <c r="CD3533" s="53">
        <v>9347.6262626262396</v>
      </c>
      <c r="CE3533" s="53">
        <v>9347.6262626262396</v>
      </c>
      <c r="CF3533" s="53">
        <v>9347.6262626262396</v>
      </c>
      <c r="CG3533" s="53">
        <v>9347.6262626262396</v>
      </c>
      <c r="CH3533" s="53">
        <v>9347.6262626262396</v>
      </c>
      <c r="CI3533" s="53">
        <v>9347.6262626262396</v>
      </c>
      <c r="CJ3533" s="53">
        <v>9347.6262626262396</v>
      </c>
      <c r="CK3533" s="53">
        <v>9347.6262626262396</v>
      </c>
      <c r="CL3533" s="53">
        <v>9347.6262626262305</v>
      </c>
      <c r="CM3533" s="53">
        <v>9347.6262626262305</v>
      </c>
      <c r="CN3533" s="53">
        <v>112171.515151514</v>
      </c>
    </row>
    <row r="3534" spans="1:92" outlineLevel="1">
      <c r="A3534" s="52" t="s">
        <v>1704</v>
      </c>
      <c r="B3534" s="53"/>
      <c r="C3534" s="53"/>
      <c r="D3534" s="53"/>
      <c r="E3534" s="53"/>
      <c r="F3534" s="53"/>
      <c r="G3534" s="53"/>
      <c r="H3534" s="53"/>
      <c r="I3534" s="53"/>
      <c r="J3534" s="53"/>
      <c r="K3534" s="53"/>
      <c r="L3534" s="53"/>
      <c r="M3534" s="53"/>
      <c r="N3534" s="53"/>
      <c r="O3534" s="53"/>
      <c r="P3534" s="53"/>
      <c r="Q3534" s="53"/>
      <c r="R3534" s="53"/>
      <c r="S3534" s="53"/>
      <c r="T3534" s="53"/>
      <c r="U3534" s="53"/>
      <c r="V3534" s="53"/>
      <c r="W3534" s="53"/>
      <c r="X3534" s="53"/>
      <c r="Y3534" s="53"/>
      <c r="Z3534" s="53"/>
      <c r="AA3534" s="53"/>
      <c r="AB3534" s="53"/>
      <c r="AC3534" s="53"/>
      <c r="AD3534" s="53"/>
      <c r="AE3534" s="53"/>
      <c r="AF3534" s="53"/>
      <c r="AG3534" s="53"/>
      <c r="AH3534" s="53"/>
      <c r="AI3534" s="53"/>
      <c r="AJ3534" s="53"/>
      <c r="AK3534" s="53"/>
      <c r="AL3534" s="53"/>
      <c r="AM3534" s="53"/>
      <c r="AN3534" s="53"/>
      <c r="AO3534" s="53"/>
      <c r="AP3534" s="53"/>
      <c r="AQ3534" s="53"/>
      <c r="AR3534" s="53"/>
      <c r="AS3534" s="53"/>
      <c r="AT3534" s="53"/>
      <c r="AU3534" s="53"/>
      <c r="AV3534" s="53"/>
      <c r="AW3534" s="53"/>
      <c r="AX3534" s="53"/>
      <c r="AY3534" s="53"/>
      <c r="AZ3534" s="53"/>
      <c r="BA3534" s="53"/>
      <c r="BB3534" s="53"/>
      <c r="BC3534" s="53"/>
      <c r="BD3534" s="53"/>
      <c r="BE3534" s="53"/>
      <c r="BF3534" s="53"/>
      <c r="BG3534" s="53"/>
      <c r="BH3534" s="53"/>
      <c r="BI3534" s="53"/>
      <c r="BJ3534" s="53"/>
      <c r="BK3534" s="53"/>
      <c r="BL3534" s="53"/>
      <c r="BM3534" s="53"/>
      <c r="BN3534" s="53"/>
      <c r="BO3534" s="53"/>
      <c r="BP3534" s="53"/>
      <c r="BQ3534" s="53"/>
      <c r="BR3534" s="53"/>
      <c r="BS3534" s="53"/>
      <c r="BT3534" s="53"/>
      <c r="BU3534" s="53"/>
      <c r="BV3534" s="53"/>
      <c r="BW3534" s="53"/>
      <c r="BX3534" s="53"/>
      <c r="BY3534" s="53"/>
      <c r="BZ3534" s="53"/>
      <c r="CA3534" s="53"/>
      <c r="CB3534" s="53"/>
      <c r="CC3534" s="53"/>
      <c r="CD3534" s="53"/>
      <c r="CE3534" s="53"/>
      <c r="CF3534" s="53"/>
      <c r="CG3534" s="53"/>
      <c r="CH3534" s="53"/>
      <c r="CI3534" s="53"/>
      <c r="CJ3534" s="53"/>
      <c r="CK3534" s="53"/>
      <c r="CL3534" s="53"/>
      <c r="CM3534" s="53"/>
      <c r="CN3534" s="53"/>
    </row>
    <row r="3535" spans="1:92" outlineLevel="1">
      <c r="A3535" s="52" t="s">
        <v>649</v>
      </c>
      <c r="B3535" s="53"/>
      <c r="C3535" s="53"/>
      <c r="D3535" s="53"/>
      <c r="E3535" s="53"/>
      <c r="F3535" s="53"/>
      <c r="G3535" s="53"/>
      <c r="H3535" s="53"/>
      <c r="I3535" s="53"/>
      <c r="J3535" s="53"/>
      <c r="K3535" s="53"/>
      <c r="L3535" s="53"/>
      <c r="M3535" s="53"/>
      <c r="N3535" s="53"/>
      <c r="O3535" s="53">
        <v>759792</v>
      </c>
      <c r="P3535" s="53">
        <v>759792</v>
      </c>
      <c r="Q3535" s="53">
        <v>759792</v>
      </c>
      <c r="R3535" s="53">
        <v>759792</v>
      </c>
      <c r="S3535" s="53">
        <v>759792</v>
      </c>
      <c r="T3535" s="53">
        <v>759792</v>
      </c>
      <c r="U3535" s="53">
        <v>759792</v>
      </c>
      <c r="V3535" s="53">
        <v>759792</v>
      </c>
      <c r="W3535" s="53">
        <v>759792</v>
      </c>
      <c r="X3535" s="53">
        <v>759792</v>
      </c>
      <c r="Y3535" s="53">
        <v>759792</v>
      </c>
      <c r="Z3535" s="53">
        <v>759792</v>
      </c>
      <c r="AA3535" s="53">
        <v>9117504</v>
      </c>
      <c r="AB3535" s="53">
        <v>718219</v>
      </c>
      <c r="AC3535" s="53">
        <v>718219</v>
      </c>
      <c r="AD3535" s="53">
        <v>718219</v>
      </c>
      <c r="AE3535" s="53">
        <v>718219</v>
      </c>
      <c r="AF3535" s="53">
        <v>718219</v>
      </c>
      <c r="AG3535" s="53">
        <v>718219</v>
      </c>
      <c r="AH3535" s="53">
        <v>718219</v>
      </c>
      <c r="AI3535" s="53">
        <v>718219</v>
      </c>
      <c r="AJ3535" s="53">
        <v>718219</v>
      </c>
      <c r="AK3535" s="53">
        <v>718219</v>
      </c>
      <c r="AL3535" s="53">
        <v>718219</v>
      </c>
      <c r="AM3535" s="53">
        <v>718219</v>
      </c>
      <c r="AN3535" s="53">
        <v>8618628</v>
      </c>
      <c r="AO3535" s="53">
        <v>681965</v>
      </c>
      <c r="AP3535" s="53">
        <v>681965</v>
      </c>
      <c r="AQ3535" s="53">
        <v>681965</v>
      </c>
      <c r="AR3535" s="53">
        <v>681965</v>
      </c>
      <c r="AS3535" s="53">
        <v>681965</v>
      </c>
      <c r="AT3535" s="53">
        <v>681965</v>
      </c>
      <c r="AU3535" s="53">
        <v>681965</v>
      </c>
      <c r="AV3535" s="53">
        <v>681965</v>
      </c>
      <c r="AW3535" s="53">
        <v>681965</v>
      </c>
      <c r="AX3535" s="53">
        <v>681965</v>
      </c>
      <c r="AY3535" s="53">
        <v>681965</v>
      </c>
      <c r="AZ3535" s="53">
        <v>681965</v>
      </c>
      <c r="BA3535" s="53">
        <v>8183580</v>
      </c>
      <c r="BB3535" s="53">
        <v>646162</v>
      </c>
      <c r="BC3535" s="53">
        <v>646162</v>
      </c>
      <c r="BD3535" s="53">
        <v>646162</v>
      </c>
      <c r="BE3535" s="53">
        <v>646162</v>
      </c>
      <c r="BF3535" s="53">
        <v>646162</v>
      </c>
      <c r="BG3535" s="53">
        <v>646162</v>
      </c>
      <c r="BH3535" s="53">
        <v>646162</v>
      </c>
      <c r="BI3535" s="53">
        <v>646162</v>
      </c>
      <c r="BJ3535" s="53">
        <v>646162</v>
      </c>
      <c r="BK3535" s="53">
        <v>646162</v>
      </c>
      <c r="BL3535" s="53">
        <v>646162</v>
      </c>
      <c r="BM3535" s="53">
        <v>646162</v>
      </c>
      <c r="BN3535" s="53">
        <v>7753944</v>
      </c>
      <c r="BO3535" s="53">
        <v>612539</v>
      </c>
      <c r="BP3535" s="53">
        <v>612539</v>
      </c>
      <c r="BQ3535" s="53">
        <v>612539</v>
      </c>
      <c r="BR3535" s="53">
        <v>612539</v>
      </c>
      <c r="BS3535" s="53">
        <v>612539</v>
      </c>
      <c r="BT3535" s="53">
        <v>612539</v>
      </c>
      <c r="BU3535" s="53">
        <v>612539</v>
      </c>
      <c r="BV3535" s="53">
        <v>612539</v>
      </c>
      <c r="BW3535" s="53">
        <v>612539</v>
      </c>
      <c r="BX3535" s="53">
        <v>612539</v>
      </c>
      <c r="BY3535" s="53">
        <v>612539</v>
      </c>
      <c r="BZ3535" s="53">
        <v>612539</v>
      </c>
      <c r="CA3535" s="53">
        <v>7350467.9999999898</v>
      </c>
      <c r="CB3535" s="53">
        <v>3240.39669421487</v>
      </c>
      <c r="CC3535" s="53">
        <v>3240.39669421487</v>
      </c>
      <c r="CD3535" s="53">
        <v>3240.39669421487</v>
      </c>
      <c r="CE3535" s="53">
        <v>3240.39669421487</v>
      </c>
      <c r="CF3535" s="53">
        <v>3240.39669421487</v>
      </c>
      <c r="CG3535" s="53">
        <v>3240.39669421487</v>
      </c>
      <c r="CH3535" s="53">
        <v>3240.39669421487</v>
      </c>
      <c r="CI3535" s="53">
        <v>3240.39669421487</v>
      </c>
      <c r="CJ3535" s="53">
        <v>3240.39669421487</v>
      </c>
      <c r="CK3535" s="53">
        <v>3240.39669421487</v>
      </c>
      <c r="CL3535" s="53">
        <v>3240.39669421487</v>
      </c>
      <c r="CM3535" s="53">
        <v>3240.39669421487</v>
      </c>
      <c r="CN3535" s="53">
        <v>38884.760330578501</v>
      </c>
    </row>
    <row r="3536" spans="1:92" outlineLevel="1">
      <c r="A3536" s="52" t="s">
        <v>1705</v>
      </c>
      <c r="B3536" s="53"/>
      <c r="C3536" s="53"/>
      <c r="D3536" s="53"/>
      <c r="E3536" s="53"/>
      <c r="F3536" s="53"/>
      <c r="G3536" s="53"/>
      <c r="H3536" s="53"/>
      <c r="I3536" s="53"/>
      <c r="J3536" s="53"/>
      <c r="K3536" s="53"/>
      <c r="L3536" s="53"/>
      <c r="M3536" s="53"/>
      <c r="N3536" s="53"/>
      <c r="O3536" s="53"/>
      <c r="P3536" s="53"/>
      <c r="Q3536" s="53"/>
      <c r="R3536" s="53"/>
      <c r="S3536" s="53"/>
      <c r="T3536" s="53"/>
      <c r="U3536" s="53"/>
      <c r="V3536" s="53"/>
      <c r="W3536" s="53"/>
      <c r="X3536" s="53"/>
      <c r="Y3536" s="53"/>
      <c r="Z3536" s="53"/>
      <c r="AA3536" s="53"/>
      <c r="AB3536" s="53"/>
      <c r="AC3536" s="53"/>
      <c r="AD3536" s="53"/>
      <c r="AE3536" s="53"/>
      <c r="AF3536" s="53"/>
      <c r="AG3536" s="53"/>
      <c r="AH3536" s="53"/>
      <c r="AI3536" s="53"/>
      <c r="AJ3536" s="53"/>
      <c r="AK3536" s="53"/>
      <c r="AL3536" s="53"/>
      <c r="AM3536" s="53"/>
      <c r="AN3536" s="53"/>
      <c r="AO3536" s="53"/>
      <c r="AP3536" s="53"/>
      <c r="AQ3536" s="53"/>
      <c r="AR3536" s="53"/>
      <c r="AS3536" s="53"/>
      <c r="AT3536" s="53"/>
      <c r="AU3536" s="53"/>
      <c r="AV3536" s="53"/>
      <c r="AW3536" s="53"/>
      <c r="AX3536" s="53"/>
      <c r="AY3536" s="53"/>
      <c r="AZ3536" s="53"/>
      <c r="BA3536" s="53"/>
      <c r="BB3536" s="53"/>
      <c r="BC3536" s="53"/>
      <c r="BD3536" s="53"/>
      <c r="BE3536" s="53"/>
      <c r="BF3536" s="53"/>
      <c r="BG3536" s="53"/>
      <c r="BH3536" s="53"/>
      <c r="BI3536" s="53"/>
      <c r="BJ3536" s="53"/>
      <c r="BK3536" s="53"/>
      <c r="BL3536" s="53"/>
      <c r="BM3536" s="53"/>
      <c r="BN3536" s="53"/>
      <c r="BO3536" s="53"/>
      <c r="BP3536" s="53"/>
      <c r="BQ3536" s="53"/>
      <c r="BR3536" s="53"/>
      <c r="BS3536" s="53"/>
      <c r="BT3536" s="53"/>
      <c r="BU3536" s="53"/>
      <c r="BV3536" s="53"/>
      <c r="BW3536" s="53"/>
      <c r="BX3536" s="53"/>
      <c r="BY3536" s="53"/>
      <c r="BZ3536" s="53"/>
      <c r="CA3536" s="53"/>
      <c r="CB3536" s="53">
        <v>1540.86342229199</v>
      </c>
      <c r="CC3536" s="53">
        <v>1540.86342229199</v>
      </c>
      <c r="CD3536" s="53">
        <v>1540.86342229199</v>
      </c>
      <c r="CE3536" s="53">
        <v>1540.86342229199</v>
      </c>
      <c r="CF3536" s="53">
        <v>1540.86342229199</v>
      </c>
      <c r="CG3536" s="53">
        <v>1540.86342229199</v>
      </c>
      <c r="CH3536" s="53">
        <v>1540.86342229199</v>
      </c>
      <c r="CI3536" s="53">
        <v>1540.86342229199</v>
      </c>
      <c r="CJ3536" s="53">
        <v>1540.86342229199</v>
      </c>
      <c r="CK3536" s="53">
        <v>1540.86342229199</v>
      </c>
      <c r="CL3536" s="53">
        <v>1540.86342229199</v>
      </c>
      <c r="CM3536" s="53">
        <v>1540.86342229199</v>
      </c>
      <c r="CN3536" s="53">
        <v>18490.361067503902</v>
      </c>
    </row>
    <row r="3537" spans="1:92" outlineLevel="1">
      <c r="A3537" s="52" t="s">
        <v>649</v>
      </c>
      <c r="B3537" s="53"/>
      <c r="C3537" s="53"/>
      <c r="D3537" s="53"/>
      <c r="E3537" s="53"/>
      <c r="F3537" s="53"/>
      <c r="G3537" s="53"/>
      <c r="H3537" s="53"/>
      <c r="I3537" s="53"/>
      <c r="J3537" s="53"/>
      <c r="K3537" s="53"/>
      <c r="L3537" s="53"/>
      <c r="M3537" s="53"/>
      <c r="N3537" s="53"/>
      <c r="O3537" s="53">
        <v>172338</v>
      </c>
      <c r="P3537" s="53">
        <v>172338</v>
      </c>
      <c r="Q3537" s="53">
        <v>172338</v>
      </c>
      <c r="R3537" s="53">
        <v>172338</v>
      </c>
      <c r="S3537" s="53">
        <v>172338</v>
      </c>
      <c r="T3537" s="53">
        <v>172338</v>
      </c>
      <c r="U3537" s="53">
        <v>172338</v>
      </c>
      <c r="V3537" s="53">
        <v>172338</v>
      </c>
      <c r="W3537" s="53">
        <v>172338</v>
      </c>
      <c r="X3537" s="53">
        <v>172338</v>
      </c>
      <c r="Y3537" s="53">
        <v>172338</v>
      </c>
      <c r="Z3537" s="53">
        <v>172338</v>
      </c>
      <c r="AA3537" s="53">
        <v>2068056</v>
      </c>
      <c r="AB3537" s="53">
        <v>180834</v>
      </c>
      <c r="AC3537" s="53">
        <v>180834</v>
      </c>
      <c r="AD3537" s="53">
        <v>180834</v>
      </c>
      <c r="AE3537" s="53">
        <v>180834</v>
      </c>
      <c r="AF3537" s="53">
        <v>180834</v>
      </c>
      <c r="AG3537" s="53">
        <v>180834</v>
      </c>
      <c r="AH3537" s="53">
        <v>180834</v>
      </c>
      <c r="AI3537" s="53">
        <v>180834</v>
      </c>
      <c r="AJ3537" s="53">
        <v>180834</v>
      </c>
      <c r="AK3537" s="53">
        <v>180834</v>
      </c>
      <c r="AL3537" s="53">
        <v>180834</v>
      </c>
      <c r="AM3537" s="53">
        <v>180834</v>
      </c>
      <c r="AN3537" s="53">
        <v>2170008</v>
      </c>
      <c r="AO3537" s="53">
        <v>190639</v>
      </c>
      <c r="AP3537" s="53">
        <v>190639</v>
      </c>
      <c r="AQ3537" s="53">
        <v>190639</v>
      </c>
      <c r="AR3537" s="53">
        <v>190639</v>
      </c>
      <c r="AS3537" s="53">
        <v>190639</v>
      </c>
      <c r="AT3537" s="53">
        <v>190639</v>
      </c>
      <c r="AU3537" s="53">
        <v>190639</v>
      </c>
      <c r="AV3537" s="53">
        <v>190639</v>
      </c>
      <c r="AW3537" s="53">
        <v>190639</v>
      </c>
      <c r="AX3537" s="53">
        <v>190639</v>
      </c>
      <c r="AY3537" s="53">
        <v>190639</v>
      </c>
      <c r="AZ3537" s="53">
        <v>190639</v>
      </c>
      <c r="BA3537" s="53">
        <v>2287668</v>
      </c>
      <c r="BB3537" s="53">
        <v>201255</v>
      </c>
      <c r="BC3537" s="53">
        <v>201255</v>
      </c>
      <c r="BD3537" s="53">
        <v>201255</v>
      </c>
      <c r="BE3537" s="53">
        <v>201255</v>
      </c>
      <c r="BF3537" s="53">
        <v>201255</v>
      </c>
      <c r="BG3537" s="53">
        <v>201255</v>
      </c>
      <c r="BH3537" s="53">
        <v>201255</v>
      </c>
      <c r="BI3537" s="53">
        <v>201255</v>
      </c>
      <c r="BJ3537" s="53">
        <v>201255</v>
      </c>
      <c r="BK3537" s="53">
        <v>201255</v>
      </c>
      <c r="BL3537" s="53">
        <v>201255</v>
      </c>
      <c r="BM3537" s="53">
        <v>201255</v>
      </c>
      <c r="BN3537" s="53">
        <v>2415060</v>
      </c>
      <c r="BO3537" s="53">
        <v>212817</v>
      </c>
      <c r="BP3537" s="53">
        <v>212817</v>
      </c>
      <c r="BQ3537" s="53">
        <v>212817</v>
      </c>
      <c r="BR3537" s="53">
        <v>212817</v>
      </c>
      <c r="BS3537" s="53">
        <v>212817</v>
      </c>
      <c r="BT3537" s="53">
        <v>212817</v>
      </c>
      <c r="BU3537" s="53">
        <v>212817</v>
      </c>
      <c r="BV3537" s="53">
        <v>212817</v>
      </c>
      <c r="BW3537" s="53">
        <v>212817</v>
      </c>
      <c r="BX3537" s="53">
        <v>212817</v>
      </c>
      <c r="BY3537" s="53">
        <v>212817</v>
      </c>
      <c r="BZ3537" s="53">
        <v>212817</v>
      </c>
      <c r="CA3537" s="53">
        <v>2553804</v>
      </c>
      <c r="CB3537" s="53">
        <v>9185.2866242038108</v>
      </c>
      <c r="CC3537" s="53">
        <v>9185.2866242038108</v>
      </c>
      <c r="CD3537" s="53">
        <v>9185.2866242038108</v>
      </c>
      <c r="CE3537" s="53">
        <v>9185.2866242038108</v>
      </c>
      <c r="CF3537" s="53">
        <v>9185.2866242038108</v>
      </c>
      <c r="CG3537" s="53">
        <v>9185.2866242038108</v>
      </c>
      <c r="CH3537" s="53">
        <v>9185.2866242038108</v>
      </c>
      <c r="CI3537" s="53">
        <v>9185.2866242038108</v>
      </c>
      <c r="CJ3537" s="53">
        <v>9185.2866242038108</v>
      </c>
      <c r="CK3537" s="53">
        <v>9185.2866242038108</v>
      </c>
      <c r="CL3537" s="53">
        <v>9185.2866242038108</v>
      </c>
      <c r="CM3537" s="53">
        <v>9185.2866242038108</v>
      </c>
      <c r="CN3537" s="53">
        <v>110223.439490445</v>
      </c>
    </row>
    <row r="3538" spans="1:92" outlineLevel="1">
      <c r="A3538" s="52" t="s">
        <v>670</v>
      </c>
      <c r="B3538" s="53"/>
      <c r="C3538" s="53"/>
      <c r="D3538" s="53"/>
      <c r="E3538" s="53"/>
      <c r="F3538" s="53"/>
      <c r="G3538" s="53"/>
      <c r="H3538" s="53"/>
      <c r="I3538" s="53"/>
      <c r="J3538" s="53"/>
      <c r="K3538" s="53"/>
      <c r="L3538" s="53"/>
      <c r="M3538" s="53"/>
      <c r="N3538" s="53"/>
      <c r="O3538" s="53"/>
      <c r="P3538" s="53"/>
      <c r="Q3538" s="53"/>
      <c r="R3538" s="53"/>
      <c r="S3538" s="53"/>
      <c r="T3538" s="53"/>
      <c r="U3538" s="53"/>
      <c r="V3538" s="53"/>
      <c r="W3538" s="53"/>
      <c r="X3538" s="53"/>
      <c r="Y3538" s="53"/>
      <c r="Z3538" s="53"/>
      <c r="AA3538" s="53"/>
      <c r="AB3538" s="53"/>
      <c r="AC3538" s="53"/>
      <c r="AD3538" s="53"/>
      <c r="AE3538" s="53"/>
      <c r="AF3538" s="53"/>
      <c r="AG3538" s="53"/>
      <c r="AH3538" s="53"/>
      <c r="AI3538" s="53"/>
      <c r="AJ3538" s="53"/>
      <c r="AK3538" s="53"/>
      <c r="AL3538" s="53"/>
      <c r="AM3538" s="53"/>
      <c r="AN3538" s="53"/>
      <c r="AO3538" s="53"/>
      <c r="AP3538" s="53"/>
      <c r="AQ3538" s="53"/>
      <c r="AR3538" s="53"/>
      <c r="AS3538" s="53"/>
      <c r="AT3538" s="53"/>
      <c r="AU3538" s="53"/>
      <c r="AV3538" s="53"/>
      <c r="AW3538" s="53"/>
      <c r="AX3538" s="53"/>
      <c r="AY3538" s="53"/>
      <c r="AZ3538" s="53"/>
      <c r="BA3538" s="53"/>
      <c r="BB3538" s="53"/>
      <c r="BC3538" s="53"/>
      <c r="BD3538" s="53"/>
      <c r="BE3538" s="53"/>
      <c r="BF3538" s="53"/>
      <c r="BG3538" s="53"/>
      <c r="BH3538" s="53"/>
      <c r="BI3538" s="53"/>
      <c r="BJ3538" s="53"/>
      <c r="BK3538" s="53"/>
      <c r="BL3538" s="53"/>
      <c r="BM3538" s="53"/>
      <c r="BN3538" s="53"/>
      <c r="BO3538" s="53"/>
      <c r="BP3538" s="53"/>
      <c r="BQ3538" s="53"/>
      <c r="BR3538" s="53"/>
      <c r="BS3538" s="53"/>
      <c r="BT3538" s="53"/>
      <c r="BU3538" s="53"/>
      <c r="BV3538" s="53"/>
      <c r="BW3538" s="53"/>
      <c r="BX3538" s="53"/>
      <c r="BY3538" s="53"/>
      <c r="BZ3538" s="53"/>
      <c r="CA3538" s="53"/>
      <c r="CB3538" s="53">
        <v>3087.3789473684201</v>
      </c>
      <c r="CC3538" s="53">
        <v>3087.3789473684201</v>
      </c>
      <c r="CD3538" s="53">
        <v>3087.3789473684201</v>
      </c>
      <c r="CE3538" s="53">
        <v>3087.3789473684201</v>
      </c>
      <c r="CF3538" s="53">
        <v>3087.3789473684201</v>
      </c>
      <c r="CG3538" s="53">
        <v>3087.3789473684201</v>
      </c>
      <c r="CH3538" s="53">
        <v>3087.3789473684201</v>
      </c>
      <c r="CI3538" s="53">
        <v>3087.3789473684201</v>
      </c>
      <c r="CJ3538" s="53">
        <v>3087.3789473684201</v>
      </c>
      <c r="CK3538" s="53">
        <v>3087.3789473684201</v>
      </c>
      <c r="CL3538" s="53">
        <v>3087.3789473684201</v>
      </c>
      <c r="CM3538" s="53">
        <v>3087.3789473684201</v>
      </c>
      <c r="CN3538" s="53">
        <v>37048.547368421001</v>
      </c>
    </row>
    <row r="3539" spans="1:92" outlineLevel="1">
      <c r="A3539" s="52" t="s">
        <v>671</v>
      </c>
      <c r="B3539" s="53"/>
      <c r="C3539" s="53"/>
      <c r="D3539" s="53"/>
      <c r="E3539" s="53"/>
      <c r="F3539" s="53"/>
      <c r="G3539" s="53"/>
      <c r="H3539" s="53"/>
      <c r="I3539" s="53"/>
      <c r="J3539" s="53"/>
      <c r="K3539" s="53"/>
      <c r="L3539" s="53"/>
      <c r="M3539" s="53"/>
      <c r="N3539" s="53"/>
      <c r="O3539" s="53"/>
      <c r="P3539" s="53"/>
      <c r="Q3539" s="53"/>
      <c r="R3539" s="53"/>
      <c r="S3539" s="53"/>
      <c r="T3539" s="53"/>
      <c r="U3539" s="53"/>
      <c r="V3539" s="53"/>
      <c r="W3539" s="53"/>
      <c r="X3539" s="53"/>
      <c r="Y3539" s="53"/>
      <c r="Z3539" s="53"/>
      <c r="AA3539" s="53"/>
      <c r="AB3539" s="53"/>
      <c r="AC3539" s="53"/>
      <c r="AD3539" s="53"/>
      <c r="AE3539" s="53"/>
      <c r="AF3539" s="53"/>
      <c r="AG3539" s="53"/>
      <c r="AH3539" s="53"/>
      <c r="AI3539" s="53"/>
      <c r="AJ3539" s="53"/>
      <c r="AK3539" s="53"/>
      <c r="AL3539" s="53"/>
      <c r="AM3539" s="53"/>
      <c r="AN3539" s="53"/>
      <c r="AO3539" s="53"/>
      <c r="AP3539" s="53"/>
      <c r="AQ3539" s="53"/>
      <c r="AR3539" s="53"/>
      <c r="AS3539" s="53"/>
      <c r="AT3539" s="53"/>
      <c r="AU3539" s="53"/>
      <c r="AV3539" s="53"/>
      <c r="AW3539" s="53"/>
      <c r="AX3539" s="53"/>
      <c r="AY3539" s="53"/>
      <c r="AZ3539" s="53"/>
      <c r="BA3539" s="53"/>
      <c r="BB3539" s="53"/>
      <c r="BC3539" s="53"/>
      <c r="BD3539" s="53"/>
      <c r="BE3539" s="53"/>
      <c r="BF3539" s="53"/>
      <c r="BG3539" s="53"/>
      <c r="BH3539" s="53"/>
      <c r="BI3539" s="53"/>
      <c r="BJ3539" s="53"/>
      <c r="BK3539" s="53"/>
      <c r="BL3539" s="53"/>
      <c r="BM3539" s="53"/>
      <c r="BN3539" s="53"/>
      <c r="BO3539" s="53"/>
      <c r="BP3539" s="53"/>
      <c r="BQ3539" s="53"/>
      <c r="BR3539" s="53"/>
      <c r="BS3539" s="53"/>
      <c r="BT3539" s="53"/>
      <c r="BU3539" s="53"/>
      <c r="BV3539" s="53"/>
      <c r="BW3539" s="53"/>
      <c r="BX3539" s="53"/>
      <c r="BY3539" s="53"/>
      <c r="BZ3539" s="53"/>
      <c r="CA3539" s="53"/>
      <c r="CB3539" s="53">
        <v>5700.3251231527001</v>
      </c>
      <c r="CC3539" s="53">
        <v>5700.3251231527101</v>
      </c>
      <c r="CD3539" s="53">
        <v>5700.3251231527001</v>
      </c>
      <c r="CE3539" s="53">
        <v>5700.3251231527101</v>
      </c>
      <c r="CF3539" s="53">
        <v>5700.3251231527101</v>
      </c>
      <c r="CG3539" s="53">
        <v>5700.3251231527101</v>
      </c>
      <c r="CH3539" s="53">
        <v>5700.3251231527101</v>
      </c>
      <c r="CI3539" s="53">
        <v>5700.3251231527101</v>
      </c>
      <c r="CJ3539" s="53">
        <v>5700.3251231527101</v>
      </c>
      <c r="CK3539" s="53">
        <v>5700.3251231527101</v>
      </c>
      <c r="CL3539" s="53">
        <v>5700.3251231527101</v>
      </c>
      <c r="CM3539" s="53">
        <v>5700.3251231527101</v>
      </c>
      <c r="CN3539" s="53">
        <v>68403.901477832507</v>
      </c>
    </row>
    <row r="3540" spans="1:92" outlineLevel="1">
      <c r="A3540" s="52" t="s">
        <v>649</v>
      </c>
      <c r="B3540" s="53">
        <v>1659457.54999999</v>
      </c>
      <c r="C3540" s="53">
        <v>1501390.14</v>
      </c>
      <c r="D3540" s="53">
        <v>1540071.9</v>
      </c>
      <c r="E3540" s="53">
        <v>1298458.71</v>
      </c>
      <c r="F3540" s="53">
        <v>1357107.18</v>
      </c>
      <c r="G3540" s="53">
        <v>-979270.12</v>
      </c>
      <c r="H3540" s="53">
        <v>1537353.5699999901</v>
      </c>
      <c r="I3540" s="53">
        <v>1064526.3399999901</v>
      </c>
      <c r="J3540" s="53">
        <v>830069.43999999901</v>
      </c>
      <c r="K3540" s="53">
        <v>428552.45</v>
      </c>
      <c r="L3540" s="53">
        <v>1792328.1899999899</v>
      </c>
      <c r="M3540" s="53">
        <v>2577665.14</v>
      </c>
      <c r="N3540" s="53">
        <v>14607710.49</v>
      </c>
      <c r="O3540" s="53">
        <v>1288011</v>
      </c>
      <c r="P3540" s="53">
        <v>1312759</v>
      </c>
      <c r="Q3540" s="53">
        <v>1320943</v>
      </c>
      <c r="R3540" s="53">
        <v>1339012</v>
      </c>
      <c r="S3540" s="53">
        <v>1327680</v>
      </c>
      <c r="T3540" s="53">
        <v>1573045</v>
      </c>
      <c r="U3540" s="53">
        <v>1362504</v>
      </c>
      <c r="V3540" s="53">
        <v>1331174</v>
      </c>
      <c r="W3540" s="53">
        <v>1319668</v>
      </c>
      <c r="X3540" s="53">
        <v>1319596</v>
      </c>
      <c r="Y3540" s="53">
        <v>1336985</v>
      </c>
      <c r="Z3540" s="53">
        <v>1563864</v>
      </c>
      <c r="AA3540" s="53">
        <v>16395241</v>
      </c>
      <c r="AB3540" s="53">
        <v>1322735</v>
      </c>
      <c r="AC3540" s="53">
        <v>1347755</v>
      </c>
      <c r="AD3540" s="53">
        <v>1361043</v>
      </c>
      <c r="AE3540" s="53">
        <v>1376515</v>
      </c>
      <c r="AF3540" s="53">
        <v>1541295</v>
      </c>
      <c r="AG3540" s="53">
        <v>1442950</v>
      </c>
      <c r="AH3540" s="53">
        <v>1401889</v>
      </c>
      <c r="AI3540" s="53">
        <v>1374728</v>
      </c>
      <c r="AJ3540" s="53">
        <v>1362800</v>
      </c>
      <c r="AK3540" s="53">
        <v>1360469</v>
      </c>
      <c r="AL3540" s="53">
        <v>1549908</v>
      </c>
      <c r="AM3540" s="53">
        <v>1433105</v>
      </c>
      <c r="AN3540" s="53">
        <v>16875192</v>
      </c>
      <c r="AO3540" s="53">
        <v>1406265.99999999</v>
      </c>
      <c r="AP3540" s="53">
        <v>1406265.99999999</v>
      </c>
      <c r="AQ3540" s="53">
        <v>1406265.99999999</v>
      </c>
      <c r="AR3540" s="53">
        <v>1406265.99999999</v>
      </c>
      <c r="AS3540" s="53">
        <v>1406265.99999999</v>
      </c>
      <c r="AT3540" s="53">
        <v>1406265.99999999</v>
      </c>
      <c r="AU3540" s="53">
        <v>1406265.99999999</v>
      </c>
      <c r="AV3540" s="53">
        <v>1406265.99999999</v>
      </c>
      <c r="AW3540" s="53">
        <v>1406265.99999999</v>
      </c>
      <c r="AX3540" s="53">
        <v>1406265.99999999</v>
      </c>
      <c r="AY3540" s="53">
        <v>1406265.99999999</v>
      </c>
      <c r="AZ3540" s="53">
        <v>1406265.99999999</v>
      </c>
      <c r="BA3540" s="53">
        <v>16875192</v>
      </c>
      <c r="BB3540" s="53">
        <v>1406265.99999999</v>
      </c>
      <c r="BC3540" s="53">
        <v>1406265.99999999</v>
      </c>
      <c r="BD3540" s="53">
        <v>1406265.99999999</v>
      </c>
      <c r="BE3540" s="53">
        <v>1406265.99999999</v>
      </c>
      <c r="BF3540" s="53">
        <v>1406265.99999999</v>
      </c>
      <c r="BG3540" s="53">
        <v>1406265.99999999</v>
      </c>
      <c r="BH3540" s="53">
        <v>1406265.99999999</v>
      </c>
      <c r="BI3540" s="53">
        <v>1406265.99999999</v>
      </c>
      <c r="BJ3540" s="53">
        <v>1406265.99999999</v>
      </c>
      <c r="BK3540" s="53">
        <v>1406265.99999999</v>
      </c>
      <c r="BL3540" s="53">
        <v>1406265.99999999</v>
      </c>
      <c r="BM3540" s="53">
        <v>1406265.99999999</v>
      </c>
      <c r="BN3540" s="53">
        <v>16875192</v>
      </c>
      <c r="BO3540" s="53">
        <v>1406265.99999999</v>
      </c>
      <c r="BP3540" s="53">
        <v>1406265.99999999</v>
      </c>
      <c r="BQ3540" s="53">
        <v>1406265.99999999</v>
      </c>
      <c r="BR3540" s="53">
        <v>1406265.99999999</v>
      </c>
      <c r="BS3540" s="53">
        <v>1406265.99999999</v>
      </c>
      <c r="BT3540" s="53">
        <v>1406265.99999999</v>
      </c>
      <c r="BU3540" s="53">
        <v>1406265.99999999</v>
      </c>
      <c r="BV3540" s="53">
        <v>1406265.99999999</v>
      </c>
      <c r="BW3540" s="53">
        <v>1406265.99999999</v>
      </c>
      <c r="BX3540" s="53">
        <v>1406265.99999999</v>
      </c>
      <c r="BY3540" s="53">
        <v>1406265.99999999</v>
      </c>
      <c r="BZ3540" s="53">
        <v>1406265.99999999</v>
      </c>
      <c r="CA3540" s="53">
        <v>16875192</v>
      </c>
      <c r="CB3540" s="53">
        <v>8149.6234309623196</v>
      </c>
      <c r="CC3540" s="53">
        <v>8149.6234309623196</v>
      </c>
      <c r="CD3540" s="53">
        <v>8149.6234309623196</v>
      </c>
      <c r="CE3540" s="53">
        <v>8149.6234309623196</v>
      </c>
      <c r="CF3540" s="53">
        <v>8149.6234309623196</v>
      </c>
      <c r="CG3540" s="53">
        <v>8149.6234309623196</v>
      </c>
      <c r="CH3540" s="53">
        <v>8149.6234309623196</v>
      </c>
      <c r="CI3540" s="53">
        <v>8149.6234309623196</v>
      </c>
      <c r="CJ3540" s="53">
        <v>8149.6234309623196</v>
      </c>
      <c r="CK3540" s="53">
        <v>8149.6234309623196</v>
      </c>
      <c r="CL3540" s="53">
        <v>8149.6234309623196</v>
      </c>
      <c r="CM3540" s="53">
        <v>8149.6234309623196</v>
      </c>
      <c r="CN3540" s="53">
        <v>97795.481171547799</v>
      </c>
    </row>
    <row r="3541" spans="1:92" outlineLevel="1">
      <c r="A3541" s="52" t="s">
        <v>1706</v>
      </c>
      <c r="B3541" s="53"/>
      <c r="C3541" s="53"/>
      <c r="D3541" s="53"/>
      <c r="E3541" s="53"/>
      <c r="F3541" s="53"/>
      <c r="G3541" s="53"/>
      <c r="H3541" s="53"/>
      <c r="I3541" s="53"/>
      <c r="J3541" s="53"/>
      <c r="K3541" s="53"/>
      <c r="L3541" s="53"/>
      <c r="M3541" s="53"/>
      <c r="N3541" s="53"/>
      <c r="O3541" s="53"/>
      <c r="P3541" s="53"/>
      <c r="Q3541" s="53"/>
      <c r="R3541" s="53"/>
      <c r="S3541" s="53"/>
      <c r="T3541" s="53"/>
      <c r="U3541" s="53"/>
      <c r="V3541" s="53"/>
      <c r="W3541" s="53"/>
      <c r="X3541" s="53"/>
      <c r="Y3541" s="53"/>
      <c r="Z3541" s="53"/>
      <c r="AA3541" s="53"/>
      <c r="AB3541" s="53"/>
      <c r="AC3541" s="53"/>
      <c r="AD3541" s="53"/>
      <c r="AE3541" s="53"/>
      <c r="AF3541" s="53"/>
      <c r="AG3541" s="53"/>
      <c r="AH3541" s="53"/>
      <c r="AI3541" s="53"/>
      <c r="AJ3541" s="53"/>
      <c r="AK3541" s="53"/>
      <c r="AL3541" s="53"/>
      <c r="AM3541" s="53"/>
      <c r="AN3541" s="53"/>
      <c r="AO3541" s="53"/>
      <c r="AP3541" s="53"/>
      <c r="AQ3541" s="53"/>
      <c r="AR3541" s="53"/>
      <c r="AS3541" s="53"/>
      <c r="AT3541" s="53"/>
      <c r="AU3541" s="53"/>
      <c r="AV3541" s="53"/>
      <c r="AW3541" s="53"/>
      <c r="AX3541" s="53"/>
      <c r="AY3541" s="53"/>
      <c r="AZ3541" s="53"/>
      <c r="BA3541" s="53"/>
      <c r="BB3541" s="53"/>
      <c r="BC3541" s="53"/>
      <c r="BD3541" s="53"/>
      <c r="BE3541" s="53"/>
      <c r="BF3541" s="53"/>
      <c r="BG3541" s="53"/>
      <c r="BH3541" s="53"/>
      <c r="BI3541" s="53"/>
      <c r="BJ3541" s="53"/>
      <c r="BK3541" s="53"/>
      <c r="BL3541" s="53"/>
      <c r="BM3541" s="53"/>
      <c r="BN3541" s="53"/>
      <c r="BO3541" s="53"/>
      <c r="BP3541" s="53"/>
      <c r="BQ3541" s="53"/>
      <c r="BR3541" s="53"/>
      <c r="BS3541" s="53"/>
      <c r="BT3541" s="53"/>
      <c r="BU3541" s="53"/>
      <c r="BV3541" s="53"/>
      <c r="BW3541" s="53"/>
      <c r="BX3541" s="53"/>
      <c r="BY3541" s="53"/>
      <c r="BZ3541" s="53"/>
      <c r="CA3541" s="53"/>
      <c r="CB3541" s="53">
        <v>7907.1043115438297</v>
      </c>
      <c r="CC3541" s="53">
        <v>7907.1043115438297</v>
      </c>
      <c r="CD3541" s="53">
        <v>7907.1043115438297</v>
      </c>
      <c r="CE3541" s="53">
        <v>7907.1043115438297</v>
      </c>
      <c r="CF3541" s="53">
        <v>7907.1043115438297</v>
      </c>
      <c r="CG3541" s="53">
        <v>7907.1043115438297</v>
      </c>
      <c r="CH3541" s="53">
        <v>7907.1043115438297</v>
      </c>
      <c r="CI3541" s="53">
        <v>7907.1043115438297</v>
      </c>
      <c r="CJ3541" s="53">
        <v>7907.1043115438297</v>
      </c>
      <c r="CK3541" s="53">
        <v>7907.1043115438297</v>
      </c>
      <c r="CL3541" s="53">
        <v>7907.1043115438297</v>
      </c>
      <c r="CM3541" s="53">
        <v>7907.1043115438397</v>
      </c>
      <c r="CN3541" s="53">
        <v>94885.251738526</v>
      </c>
    </row>
    <row r="3542" spans="1:92" outlineLevel="1">
      <c r="A3542" s="52" t="s">
        <v>1707</v>
      </c>
      <c r="B3542" s="53"/>
      <c r="C3542" s="53"/>
      <c r="D3542" s="53"/>
      <c r="E3542" s="53"/>
      <c r="F3542" s="53"/>
      <c r="G3542" s="53"/>
      <c r="H3542" s="53"/>
      <c r="I3542" s="53"/>
      <c r="J3542" s="53"/>
      <c r="K3542" s="53"/>
      <c r="L3542" s="53"/>
      <c r="M3542" s="53"/>
      <c r="N3542" s="53"/>
      <c r="O3542" s="53"/>
      <c r="P3542" s="53"/>
      <c r="Q3542" s="53"/>
      <c r="R3542" s="53"/>
      <c r="S3542" s="53"/>
      <c r="T3542" s="53"/>
      <c r="U3542" s="53"/>
      <c r="V3542" s="53"/>
      <c r="W3542" s="53"/>
      <c r="X3542" s="53"/>
      <c r="Y3542" s="53"/>
      <c r="Z3542" s="53"/>
      <c r="AA3542" s="53"/>
      <c r="AB3542" s="53"/>
      <c r="AC3542" s="53"/>
      <c r="AD3542" s="53"/>
      <c r="AE3542" s="53"/>
      <c r="AF3542" s="53"/>
      <c r="AG3542" s="53"/>
      <c r="AH3542" s="53"/>
      <c r="AI3542" s="53"/>
      <c r="AJ3542" s="53"/>
      <c r="AK3542" s="53"/>
      <c r="AL3542" s="53"/>
      <c r="AM3542" s="53"/>
      <c r="AN3542" s="53"/>
      <c r="AO3542" s="53"/>
      <c r="AP3542" s="53"/>
      <c r="AQ3542" s="53"/>
      <c r="AR3542" s="53"/>
      <c r="AS3542" s="53"/>
      <c r="AT3542" s="53"/>
      <c r="AU3542" s="53"/>
      <c r="AV3542" s="53"/>
      <c r="AW3542" s="53"/>
      <c r="AX3542" s="53"/>
      <c r="AY3542" s="53"/>
      <c r="AZ3542" s="53"/>
      <c r="BA3542" s="53"/>
      <c r="BB3542" s="53"/>
      <c r="BC3542" s="53"/>
      <c r="BD3542" s="53"/>
      <c r="BE3542" s="53"/>
      <c r="BF3542" s="53"/>
      <c r="BG3542" s="53"/>
      <c r="BH3542" s="53"/>
      <c r="BI3542" s="53"/>
      <c r="BJ3542" s="53"/>
      <c r="BK3542" s="53"/>
      <c r="BL3542" s="53"/>
      <c r="BM3542" s="53"/>
      <c r="BN3542" s="53"/>
      <c r="BO3542" s="53"/>
      <c r="BP3542" s="53"/>
      <c r="BQ3542" s="53"/>
      <c r="BR3542" s="53"/>
      <c r="BS3542" s="53"/>
      <c r="BT3542" s="53"/>
      <c r="BU3542" s="53"/>
      <c r="BV3542" s="53"/>
      <c r="BW3542" s="53"/>
      <c r="BX3542" s="53"/>
      <c r="BY3542" s="53"/>
      <c r="BZ3542" s="53"/>
      <c r="CA3542" s="53"/>
      <c r="CB3542" s="53"/>
      <c r="CC3542" s="53"/>
      <c r="CD3542" s="53"/>
      <c r="CE3542" s="53"/>
      <c r="CF3542" s="53"/>
      <c r="CG3542" s="53"/>
      <c r="CH3542" s="53"/>
      <c r="CI3542" s="53"/>
      <c r="CJ3542" s="53"/>
      <c r="CK3542" s="53"/>
      <c r="CL3542" s="53"/>
      <c r="CM3542" s="53"/>
      <c r="CN3542" s="53"/>
    </row>
    <row r="3543" spans="1:92" outlineLevel="1">
      <c r="A3543" s="52" t="s">
        <v>649</v>
      </c>
      <c r="B3543" s="53"/>
      <c r="C3543" s="53"/>
      <c r="D3543" s="53"/>
      <c r="E3543" s="53"/>
      <c r="F3543" s="53"/>
      <c r="G3543" s="53"/>
      <c r="H3543" s="53"/>
      <c r="I3543" s="53"/>
      <c r="J3543" s="53"/>
      <c r="K3543" s="53"/>
      <c r="L3543" s="53"/>
      <c r="M3543" s="53"/>
      <c r="N3543" s="53"/>
      <c r="O3543" s="53">
        <v>-3601767</v>
      </c>
      <c r="P3543" s="53">
        <v>-3601767</v>
      </c>
      <c r="Q3543" s="53">
        <v>-3601767</v>
      </c>
      <c r="R3543" s="53">
        <v>-3601767</v>
      </c>
      <c r="S3543" s="53">
        <v>-3601767</v>
      </c>
      <c r="T3543" s="53">
        <v>-3601767</v>
      </c>
      <c r="U3543" s="53">
        <v>-3601767</v>
      </c>
      <c r="V3543" s="53">
        <v>-3601767</v>
      </c>
      <c r="W3543" s="53">
        <v>-3523080</v>
      </c>
      <c r="X3543" s="53">
        <v>-3552106</v>
      </c>
      <c r="Y3543" s="53">
        <v>-3552106</v>
      </c>
      <c r="Z3543" s="53">
        <v>-3525880</v>
      </c>
      <c r="AA3543" s="53">
        <v>-42967308</v>
      </c>
      <c r="AB3543" s="53">
        <v>-3509234</v>
      </c>
      <c r="AC3543" s="53">
        <v>-3509234</v>
      </c>
      <c r="AD3543" s="53">
        <v>-3509234</v>
      </c>
      <c r="AE3543" s="53">
        <v>-3509234</v>
      </c>
      <c r="AF3543" s="53">
        <v>-3509234</v>
      </c>
      <c r="AG3543" s="53">
        <v>-3509234</v>
      </c>
      <c r="AH3543" s="53">
        <v>-3509234</v>
      </c>
      <c r="AI3543" s="53">
        <v>-3509234</v>
      </c>
      <c r="AJ3543" s="53">
        <v>-3509234</v>
      </c>
      <c r="AK3543" s="53">
        <v>-3509234</v>
      </c>
      <c r="AL3543" s="53">
        <v>-3509234</v>
      </c>
      <c r="AM3543" s="53">
        <v>-3509229</v>
      </c>
      <c r="AN3543" s="53">
        <v>-42110802.999999903</v>
      </c>
      <c r="AO3543" s="53">
        <v>-3047373</v>
      </c>
      <c r="AP3543" s="53">
        <v>-3047373</v>
      </c>
      <c r="AQ3543" s="53">
        <v>-3047373</v>
      </c>
      <c r="AR3543" s="53">
        <v>-3047373</v>
      </c>
      <c r="AS3543" s="53">
        <v>-3047373</v>
      </c>
      <c r="AT3543" s="53">
        <v>-3047373</v>
      </c>
      <c r="AU3543" s="53">
        <v>-3047373</v>
      </c>
      <c r="AV3543" s="53">
        <v>-3047373</v>
      </c>
      <c r="AW3543" s="53">
        <v>-3047373</v>
      </c>
      <c r="AX3543" s="53">
        <v>-3047373</v>
      </c>
      <c r="AY3543" s="53">
        <v>-3047373</v>
      </c>
      <c r="AZ3543" s="53">
        <v>-3047373</v>
      </c>
      <c r="BA3543" s="53">
        <v>-36568476</v>
      </c>
      <c r="BB3543" s="53">
        <v>-2258953</v>
      </c>
      <c r="BC3543" s="53">
        <v>-2258953</v>
      </c>
      <c r="BD3543" s="53">
        <v>-2258953</v>
      </c>
      <c r="BE3543" s="53">
        <v>-2258953</v>
      </c>
      <c r="BF3543" s="53">
        <v>-2258953</v>
      </c>
      <c r="BG3543" s="53">
        <v>-2258953</v>
      </c>
      <c r="BH3543" s="53">
        <v>-2258953</v>
      </c>
      <c r="BI3543" s="53">
        <v>-2258953</v>
      </c>
      <c r="BJ3543" s="53">
        <v>-2258953</v>
      </c>
      <c r="BK3543" s="53">
        <v>-2258953</v>
      </c>
      <c r="BL3543" s="53">
        <v>-2258953</v>
      </c>
      <c r="BM3543" s="53">
        <v>-2258953</v>
      </c>
      <c r="BN3543" s="53">
        <v>-27107436</v>
      </c>
      <c r="BO3543" s="53">
        <v>-1311804.5</v>
      </c>
      <c r="BP3543" s="53">
        <v>-1311804.5</v>
      </c>
      <c r="BQ3543" s="53">
        <v>-1311804.5</v>
      </c>
      <c r="BR3543" s="53">
        <v>-1311804.5</v>
      </c>
      <c r="BS3543" s="53">
        <v>-1311804.5</v>
      </c>
      <c r="BT3543" s="53">
        <v>-1311804.5</v>
      </c>
      <c r="BU3543" s="53">
        <v>-1311804.5</v>
      </c>
      <c r="BV3543" s="53">
        <v>-1311804.5</v>
      </c>
      <c r="BW3543" s="53">
        <v>-1311804.5</v>
      </c>
      <c r="BX3543" s="53">
        <v>-1311804.5</v>
      </c>
      <c r="BY3543" s="53">
        <v>-1311804.5</v>
      </c>
      <c r="BZ3543" s="53">
        <v>-1311804.5</v>
      </c>
      <c r="CA3543" s="53">
        <v>-15741654</v>
      </c>
      <c r="CB3543" s="53"/>
      <c r="CC3543" s="53"/>
      <c r="CD3543" s="53"/>
      <c r="CE3543" s="53"/>
      <c r="CF3543" s="53"/>
      <c r="CG3543" s="53"/>
      <c r="CH3543" s="53"/>
      <c r="CI3543" s="53"/>
      <c r="CJ3543" s="53"/>
      <c r="CK3543" s="53"/>
      <c r="CL3543" s="53"/>
      <c r="CM3543" s="53"/>
      <c r="CN3543" s="53"/>
    </row>
    <row r="3544" spans="1:92" outlineLevel="1">
      <c r="A3544" s="52" t="s">
        <v>1744</v>
      </c>
      <c r="B3544" s="53"/>
      <c r="C3544" s="53"/>
      <c r="D3544" s="53"/>
      <c r="E3544" s="53"/>
      <c r="F3544" s="53"/>
      <c r="G3544" s="53"/>
      <c r="H3544" s="53"/>
      <c r="I3544" s="53"/>
      <c r="J3544" s="53"/>
      <c r="K3544" s="53"/>
      <c r="L3544" s="53"/>
      <c r="M3544" s="53"/>
      <c r="N3544" s="53"/>
      <c r="O3544" s="53"/>
      <c r="P3544" s="53"/>
      <c r="Q3544" s="53"/>
      <c r="R3544" s="53"/>
      <c r="S3544" s="53"/>
      <c r="T3544" s="53"/>
      <c r="U3544" s="53"/>
      <c r="V3544" s="53"/>
      <c r="W3544" s="53"/>
      <c r="X3544" s="53"/>
      <c r="Y3544" s="53"/>
      <c r="Z3544" s="53"/>
      <c r="AA3544" s="53"/>
      <c r="AB3544" s="53"/>
      <c r="AC3544" s="53"/>
      <c r="AD3544" s="53"/>
      <c r="AE3544" s="53"/>
      <c r="AF3544" s="53"/>
      <c r="AG3544" s="53"/>
      <c r="AH3544" s="53"/>
      <c r="AI3544" s="53"/>
      <c r="AJ3544" s="53"/>
      <c r="AK3544" s="53"/>
      <c r="AL3544" s="53"/>
      <c r="AM3544" s="53"/>
      <c r="AN3544" s="53"/>
      <c r="AO3544" s="53"/>
      <c r="AP3544" s="53"/>
      <c r="AQ3544" s="53"/>
      <c r="AR3544" s="53"/>
      <c r="AS3544" s="53"/>
      <c r="AT3544" s="53"/>
      <c r="AU3544" s="53"/>
      <c r="AV3544" s="53"/>
      <c r="AW3544" s="53"/>
      <c r="AX3544" s="53"/>
      <c r="AY3544" s="53"/>
      <c r="AZ3544" s="53"/>
      <c r="BA3544" s="53"/>
      <c r="BB3544" s="53"/>
      <c r="BC3544" s="53"/>
      <c r="BD3544" s="53"/>
      <c r="BE3544" s="53"/>
      <c r="BF3544" s="53"/>
      <c r="BG3544" s="53"/>
      <c r="BH3544" s="53"/>
      <c r="BI3544" s="53"/>
      <c r="BJ3544" s="53"/>
      <c r="BK3544" s="53"/>
      <c r="BL3544" s="53"/>
      <c r="BM3544" s="53"/>
      <c r="BN3544" s="53"/>
      <c r="BO3544" s="53"/>
      <c r="BP3544" s="53"/>
      <c r="BQ3544" s="53"/>
      <c r="BR3544" s="53"/>
      <c r="BS3544" s="53"/>
      <c r="BT3544" s="53"/>
      <c r="BU3544" s="53"/>
      <c r="BV3544" s="53"/>
      <c r="BW3544" s="53"/>
      <c r="BX3544" s="53"/>
      <c r="BY3544" s="53"/>
      <c r="BZ3544" s="53"/>
      <c r="CA3544" s="53"/>
      <c r="CB3544" s="53">
        <v>650000000</v>
      </c>
      <c r="CC3544" s="53"/>
      <c r="CD3544" s="53"/>
      <c r="CE3544" s="53"/>
      <c r="CF3544" s="53"/>
      <c r="CG3544" s="53"/>
      <c r="CH3544" s="53"/>
      <c r="CI3544" s="53"/>
      <c r="CJ3544" s="53"/>
      <c r="CK3544" s="53"/>
      <c r="CL3544" s="53"/>
      <c r="CM3544" s="53"/>
      <c r="CN3544" s="53">
        <v>650000000</v>
      </c>
    </row>
    <row r="3545" spans="1:92" outlineLevel="1">
      <c r="A3545" s="52" t="s">
        <v>1745</v>
      </c>
      <c r="B3545" s="53"/>
      <c r="C3545" s="53"/>
      <c r="D3545" s="53"/>
      <c r="E3545" s="53"/>
      <c r="F3545" s="53"/>
      <c r="G3545" s="53"/>
      <c r="H3545" s="53"/>
      <c r="I3545" s="53"/>
      <c r="J3545" s="53"/>
      <c r="K3545" s="53"/>
      <c r="L3545" s="53"/>
      <c r="M3545" s="53"/>
      <c r="N3545" s="53"/>
      <c r="O3545" s="53"/>
      <c r="P3545" s="53"/>
      <c r="Q3545" s="53"/>
      <c r="R3545" s="53"/>
      <c r="S3545" s="53"/>
      <c r="T3545" s="53"/>
      <c r="U3545" s="53"/>
      <c r="V3545" s="53"/>
      <c r="W3545" s="53"/>
      <c r="X3545" s="53"/>
      <c r="Y3545" s="53"/>
      <c r="Z3545" s="53"/>
      <c r="AA3545" s="53"/>
      <c r="AB3545" s="53"/>
      <c r="AC3545" s="53"/>
      <c r="AD3545" s="53"/>
      <c r="AE3545" s="53"/>
      <c r="AF3545" s="53"/>
      <c r="AG3545" s="53"/>
      <c r="AH3545" s="53"/>
      <c r="AI3545" s="53"/>
      <c r="AJ3545" s="53"/>
      <c r="AK3545" s="53"/>
      <c r="AL3545" s="53"/>
      <c r="AM3545" s="53"/>
      <c r="AN3545" s="53"/>
      <c r="AO3545" s="53"/>
      <c r="AP3545" s="53"/>
      <c r="AQ3545" s="53"/>
      <c r="AR3545" s="53"/>
      <c r="AS3545" s="53"/>
      <c r="AT3545" s="53"/>
      <c r="AU3545" s="53"/>
      <c r="AV3545" s="53"/>
      <c r="AW3545" s="53"/>
      <c r="AX3545" s="53"/>
      <c r="AY3545" s="53"/>
      <c r="AZ3545" s="53"/>
      <c r="BA3545" s="53"/>
      <c r="BB3545" s="53"/>
      <c r="BC3545" s="53"/>
      <c r="BD3545" s="53"/>
      <c r="BE3545" s="53"/>
      <c r="BF3545" s="53"/>
      <c r="BG3545" s="53"/>
      <c r="BH3545" s="53"/>
      <c r="BI3545" s="53"/>
      <c r="BJ3545" s="53"/>
      <c r="BK3545" s="53"/>
      <c r="BL3545" s="53"/>
      <c r="BM3545" s="53"/>
      <c r="BN3545" s="53"/>
      <c r="BO3545" s="53"/>
      <c r="BP3545" s="53"/>
      <c r="BQ3545" s="53"/>
      <c r="BR3545" s="53"/>
      <c r="BS3545" s="53"/>
      <c r="BT3545" s="53"/>
      <c r="BU3545" s="53"/>
      <c r="BV3545" s="53"/>
      <c r="BW3545" s="53"/>
      <c r="BX3545" s="53"/>
      <c r="BY3545" s="53"/>
      <c r="BZ3545" s="53"/>
      <c r="CA3545" s="53"/>
      <c r="CB3545" s="53"/>
      <c r="CC3545" s="53"/>
      <c r="CD3545" s="53"/>
      <c r="CE3545" s="53"/>
      <c r="CF3545" s="53"/>
      <c r="CG3545" s="53"/>
      <c r="CH3545" s="53"/>
      <c r="CI3545" s="53"/>
      <c r="CJ3545" s="53"/>
      <c r="CK3545" s="53"/>
      <c r="CL3545" s="53"/>
      <c r="CM3545" s="53"/>
      <c r="CN3545" s="53"/>
    </row>
    <row r="3546" spans="1:92" outlineLevel="1">
      <c r="A3546" s="52" t="s">
        <v>649</v>
      </c>
      <c r="B3546" s="53">
        <v>1607279.9022625501</v>
      </c>
      <c r="C3546" s="53">
        <v>947367.46471703204</v>
      </c>
      <c r="D3546" s="53">
        <v>62244.674444013297</v>
      </c>
      <c r="E3546" s="53">
        <v>1367862.8849338701</v>
      </c>
      <c r="F3546" s="53">
        <v>1814936.9358478901</v>
      </c>
      <c r="G3546" s="53">
        <v>2315209.5416284399</v>
      </c>
      <c r="H3546" s="53">
        <v>3939069.8250238299</v>
      </c>
      <c r="I3546" s="53">
        <v>2525453.9673200501</v>
      </c>
      <c r="J3546" s="53">
        <v>1681101</v>
      </c>
      <c r="K3546" s="53">
        <v>-1442663</v>
      </c>
      <c r="L3546" s="53">
        <v>-4685727</v>
      </c>
      <c r="M3546" s="53">
        <v>5132363</v>
      </c>
      <c r="N3546" s="53">
        <v>15264499.1961776</v>
      </c>
      <c r="O3546" s="53">
        <v>6447709.2958372198</v>
      </c>
      <c r="P3546" s="53">
        <v>1283541.35105342</v>
      </c>
      <c r="Q3546" s="53">
        <v>851709.75973909802</v>
      </c>
      <c r="R3546" s="53">
        <v>1998190.59785255</v>
      </c>
      <c r="S3546" s="53">
        <v>2615833.03445302</v>
      </c>
      <c r="T3546" s="53">
        <v>3893309.2046806598</v>
      </c>
      <c r="U3546" s="53">
        <v>4212249.7732825298</v>
      </c>
      <c r="V3546" s="53">
        <v>6339193.1100284001</v>
      </c>
      <c r="W3546" s="53">
        <v>2497207.9976707599</v>
      </c>
      <c r="X3546" s="53">
        <v>567291.14789328002</v>
      </c>
      <c r="Y3546" s="53">
        <v>-2651864.99109563</v>
      </c>
      <c r="Z3546" s="53">
        <v>-402450.02931660699</v>
      </c>
      <c r="AA3546" s="53">
        <v>27651920.252078701</v>
      </c>
      <c r="AB3546" s="53">
        <v>3799663.9101633001</v>
      </c>
      <c r="AC3546" s="53">
        <v>-863304.80295442406</v>
      </c>
      <c r="AD3546" s="53">
        <v>-710339.00407149305</v>
      </c>
      <c r="AE3546" s="53">
        <v>-402364.66049979499</v>
      </c>
      <c r="AF3546" s="53">
        <v>286569.10679464397</v>
      </c>
      <c r="AG3546" s="53">
        <v>1693897.8697462201</v>
      </c>
      <c r="AH3546" s="53">
        <v>1138464.67496833</v>
      </c>
      <c r="AI3546" s="53">
        <v>5158648.9326208802</v>
      </c>
      <c r="AJ3546" s="53">
        <v>282978.16239803197</v>
      </c>
      <c r="AK3546" s="53">
        <v>-2697516.11406093</v>
      </c>
      <c r="AL3546" s="53">
        <v>-4503410.6800672002</v>
      </c>
      <c r="AM3546" s="53">
        <v>-3183258.0515600899</v>
      </c>
      <c r="AN3546" s="53">
        <v>29.343477466682</v>
      </c>
      <c r="AO3546" s="53">
        <v>5913109.3641590197</v>
      </c>
      <c r="AP3546" s="53">
        <v>-4011193.1215371401</v>
      </c>
      <c r="AQ3546" s="53">
        <v>-2953319.3685087599</v>
      </c>
      <c r="AR3546" s="53">
        <v>-1705918.23876927</v>
      </c>
      <c r="AS3546" s="53">
        <v>1855598.0788416399</v>
      </c>
      <c r="AT3546" s="53">
        <v>3004862.61351076</v>
      </c>
      <c r="AU3546" s="53">
        <v>3905699.4260472101</v>
      </c>
      <c r="AV3546" s="53">
        <v>9619368.2623763308</v>
      </c>
      <c r="AW3546" s="53">
        <v>1286613.3346935101</v>
      </c>
      <c r="AX3546" s="53">
        <v>-2812762.0002831202</v>
      </c>
      <c r="AY3546" s="53">
        <v>-7387293.7243298199</v>
      </c>
      <c r="AZ3546" s="53">
        <v>-6714764.6262003798</v>
      </c>
      <c r="BA3546" s="53">
        <v>-3.6379788070917103E-8</v>
      </c>
      <c r="BB3546" s="53">
        <v>6809499.4464822598</v>
      </c>
      <c r="BC3546" s="53">
        <v>-6144447.7744046804</v>
      </c>
      <c r="BD3546" s="53">
        <v>-4712397.9186732601</v>
      </c>
      <c r="BE3546" s="53">
        <v>-2876115.8678267198</v>
      </c>
      <c r="BF3546" s="53">
        <v>2043532.1996126899</v>
      </c>
      <c r="BG3546" s="53">
        <v>3910862.0951166302</v>
      </c>
      <c r="BH3546" s="53">
        <v>5265869.38696816</v>
      </c>
      <c r="BI3546" s="53">
        <v>13006128.0788262</v>
      </c>
      <c r="BJ3546" s="53">
        <v>2112726.5611808202</v>
      </c>
      <c r="BK3546" s="53">
        <v>-2780207.12228075</v>
      </c>
      <c r="BL3546" s="53">
        <v>-8868438.5023748707</v>
      </c>
      <c r="BM3546" s="53">
        <v>-7767010.5826264899</v>
      </c>
      <c r="BN3546" s="53">
        <v>3.6379788070917103E-8</v>
      </c>
      <c r="BO3546" s="53">
        <v>7406617.7010302301</v>
      </c>
      <c r="BP3546" s="53">
        <v>-7797925.9351495299</v>
      </c>
      <c r="BQ3546" s="53">
        <v>-6097970.3739963397</v>
      </c>
      <c r="BR3546" s="53">
        <v>-3838262.1254724101</v>
      </c>
      <c r="BS3546" s="53">
        <v>2190394.9316162802</v>
      </c>
      <c r="BT3546" s="53">
        <v>4612730.0475481302</v>
      </c>
      <c r="BU3546" s="53">
        <v>6340866.2895516902</v>
      </c>
      <c r="BV3546" s="53">
        <v>15575185.705872901</v>
      </c>
      <c r="BW3546" s="53">
        <v>2861121.7589901998</v>
      </c>
      <c r="BX3546" s="53">
        <v>-2838761.5981155802</v>
      </c>
      <c r="BY3546" s="53">
        <v>-9925227.9520444497</v>
      </c>
      <c r="BZ3546" s="53">
        <v>-8488768.4498310406</v>
      </c>
      <c r="CA3546" s="53">
        <v>1.4551915228366799E-7</v>
      </c>
      <c r="CB3546" s="53"/>
      <c r="CC3546" s="53"/>
      <c r="CD3546" s="53"/>
      <c r="CE3546" s="53"/>
      <c r="CF3546" s="53"/>
      <c r="CG3546" s="53"/>
      <c r="CH3546" s="53"/>
      <c r="CI3546" s="53"/>
      <c r="CJ3546" s="53"/>
      <c r="CK3546" s="53"/>
      <c r="CL3546" s="53"/>
      <c r="CM3546" s="53"/>
      <c r="CN3546" s="53"/>
    </row>
    <row r="3547" spans="1:92" outlineLevel="1">
      <c r="A3547" s="52" t="s">
        <v>1746</v>
      </c>
      <c r="B3547" s="53"/>
      <c r="C3547" s="53"/>
      <c r="D3547" s="53"/>
      <c r="E3547" s="53"/>
      <c r="F3547" s="53"/>
      <c r="G3547" s="53"/>
      <c r="H3547" s="53"/>
      <c r="I3547" s="53"/>
      <c r="J3547" s="53"/>
      <c r="K3547" s="53"/>
      <c r="L3547" s="53"/>
      <c r="M3547" s="53"/>
      <c r="N3547" s="53"/>
      <c r="O3547" s="53"/>
      <c r="P3547" s="53"/>
      <c r="Q3547" s="53"/>
      <c r="R3547" s="53"/>
      <c r="S3547" s="53"/>
      <c r="T3547" s="53"/>
      <c r="U3547" s="53"/>
      <c r="V3547" s="53"/>
      <c r="W3547" s="53"/>
      <c r="X3547" s="53"/>
      <c r="Y3547" s="53"/>
      <c r="Z3547" s="53"/>
      <c r="AA3547" s="53"/>
      <c r="AB3547" s="53"/>
      <c r="AC3547" s="53"/>
      <c r="AD3547" s="53"/>
      <c r="AE3547" s="53"/>
      <c r="AF3547" s="53"/>
      <c r="AG3547" s="53"/>
      <c r="AH3547" s="53"/>
      <c r="AI3547" s="53"/>
      <c r="AJ3547" s="53"/>
      <c r="AK3547" s="53"/>
      <c r="AL3547" s="53"/>
      <c r="AM3547" s="53"/>
      <c r="AN3547" s="53"/>
      <c r="AO3547" s="53"/>
      <c r="AP3547" s="53"/>
      <c r="AQ3547" s="53"/>
      <c r="AR3547" s="53"/>
      <c r="AS3547" s="53"/>
      <c r="AT3547" s="53"/>
      <c r="AU3547" s="53"/>
      <c r="AV3547" s="53"/>
      <c r="AW3547" s="53"/>
      <c r="AX3547" s="53"/>
      <c r="AY3547" s="53"/>
      <c r="AZ3547" s="53"/>
      <c r="BA3547" s="53"/>
      <c r="BB3547" s="53"/>
      <c r="BC3547" s="53"/>
      <c r="BD3547" s="53"/>
      <c r="BE3547" s="53"/>
      <c r="BF3547" s="53"/>
      <c r="BG3547" s="53"/>
      <c r="BH3547" s="53"/>
      <c r="BI3547" s="53"/>
      <c r="BJ3547" s="53"/>
      <c r="BK3547" s="53"/>
      <c r="BL3547" s="53"/>
      <c r="BM3547" s="53"/>
      <c r="BN3547" s="53"/>
      <c r="BO3547" s="53"/>
      <c r="BP3547" s="53"/>
      <c r="BQ3547" s="53"/>
      <c r="BR3547" s="53"/>
      <c r="BS3547" s="53"/>
      <c r="BT3547" s="53"/>
      <c r="BU3547" s="53"/>
      <c r="BV3547" s="53"/>
      <c r="BW3547" s="53"/>
      <c r="BX3547" s="53"/>
      <c r="BY3547" s="53"/>
      <c r="BZ3547" s="53"/>
      <c r="CA3547" s="53"/>
      <c r="CB3547" s="53">
        <v>15351.5205479452</v>
      </c>
      <c r="CC3547" s="53">
        <v>15351.5205479452</v>
      </c>
      <c r="CD3547" s="53">
        <v>15351.5205479452</v>
      </c>
      <c r="CE3547" s="53">
        <v>15351.5205479452</v>
      </c>
      <c r="CF3547" s="53">
        <v>15351.5205479452</v>
      </c>
      <c r="CG3547" s="53">
        <v>15351.5205479452</v>
      </c>
      <c r="CH3547" s="53">
        <v>15351.5205479452</v>
      </c>
      <c r="CI3547" s="53">
        <v>15351.5205479452</v>
      </c>
      <c r="CJ3547" s="53">
        <v>15351.5205479452</v>
      </c>
      <c r="CK3547" s="53">
        <v>15351.5205479452</v>
      </c>
      <c r="CL3547" s="53">
        <v>15351.5205479452</v>
      </c>
      <c r="CM3547" s="53">
        <v>15351.5205479452</v>
      </c>
      <c r="CN3547" s="53">
        <v>184218.246575342</v>
      </c>
    </row>
    <row r="3548" spans="1:92" outlineLevel="1">
      <c r="A3548" s="52" t="s">
        <v>649</v>
      </c>
      <c r="B3548" s="53"/>
      <c r="C3548" s="53"/>
      <c r="D3548" s="53"/>
      <c r="E3548" s="53"/>
      <c r="F3548" s="53"/>
      <c r="G3548" s="53"/>
      <c r="H3548" s="53"/>
      <c r="I3548" s="53"/>
      <c r="J3548" s="53"/>
      <c r="K3548" s="53"/>
      <c r="L3548" s="53"/>
      <c r="M3548" s="53"/>
      <c r="N3548" s="53"/>
      <c r="O3548" s="53">
        <v>-634712.02976482699</v>
      </c>
      <c r="P3548" s="53">
        <v>-634712.02976482699</v>
      </c>
      <c r="Q3548" s="53">
        <v>-634712.02976482699</v>
      </c>
      <c r="R3548" s="53">
        <v>-634712.02976482699</v>
      </c>
      <c r="S3548" s="53">
        <v>-634712.02976482699</v>
      </c>
      <c r="T3548" s="53">
        <v>-634712.02976482699</v>
      </c>
      <c r="U3548" s="53">
        <v>-634712.02976482699</v>
      </c>
      <c r="V3548" s="53">
        <v>-634712.02976482699</v>
      </c>
      <c r="W3548" s="53">
        <v>-634712.02976482699</v>
      </c>
      <c r="X3548" s="53">
        <v>-634712.02976482699</v>
      </c>
      <c r="Y3548" s="53">
        <v>-634712.02976482699</v>
      </c>
      <c r="Z3548" s="53">
        <v>-634712.02976482699</v>
      </c>
      <c r="AA3548" s="53">
        <v>-7616544.3571779197</v>
      </c>
      <c r="AB3548" s="53">
        <v>-3230102.1402793699</v>
      </c>
      <c r="AC3548" s="53">
        <v>-3230102.1402793699</v>
      </c>
      <c r="AD3548" s="53">
        <v>-3230102.1402793699</v>
      </c>
      <c r="AE3548" s="53">
        <v>-3230102.1402793699</v>
      </c>
      <c r="AF3548" s="53">
        <v>-3230102.1402793699</v>
      </c>
      <c r="AG3548" s="53">
        <v>-3230102.1402793699</v>
      </c>
      <c r="AH3548" s="53">
        <v>-3230102.1402793699</v>
      </c>
      <c r="AI3548" s="53">
        <v>-3230102.1402793699</v>
      </c>
      <c r="AJ3548" s="53">
        <v>-3230102.1402793699</v>
      </c>
      <c r="AK3548" s="53">
        <v>-3230102.1402793699</v>
      </c>
      <c r="AL3548" s="53">
        <v>-3230102.1402793699</v>
      </c>
      <c r="AM3548" s="53">
        <v>-3230102.1402793699</v>
      </c>
      <c r="AN3548" s="53">
        <v>-38761225.683352403</v>
      </c>
      <c r="AO3548" s="53"/>
      <c r="AP3548" s="53"/>
      <c r="AQ3548" s="53"/>
      <c r="AR3548" s="53"/>
      <c r="AS3548" s="53"/>
      <c r="AT3548" s="53"/>
      <c r="AU3548" s="53"/>
      <c r="AV3548" s="53"/>
      <c r="AW3548" s="53"/>
      <c r="AX3548" s="53"/>
      <c r="AY3548" s="53"/>
      <c r="AZ3548" s="53"/>
      <c r="BA3548" s="53"/>
      <c r="BB3548" s="53"/>
      <c r="BC3548" s="53"/>
      <c r="BD3548" s="53"/>
      <c r="BE3548" s="53"/>
      <c r="BF3548" s="53"/>
      <c r="BG3548" s="53"/>
      <c r="BH3548" s="53"/>
      <c r="BI3548" s="53"/>
      <c r="BJ3548" s="53"/>
      <c r="BK3548" s="53"/>
      <c r="BL3548" s="53"/>
      <c r="BM3548" s="53"/>
      <c r="BN3548" s="53"/>
      <c r="BO3548" s="53"/>
      <c r="BP3548" s="53"/>
      <c r="BQ3548" s="53"/>
      <c r="BR3548" s="53"/>
      <c r="BS3548" s="53"/>
      <c r="BT3548" s="53"/>
      <c r="BU3548" s="53"/>
      <c r="BV3548" s="53"/>
      <c r="BW3548" s="53"/>
      <c r="BX3548" s="53"/>
      <c r="BY3548" s="53"/>
      <c r="BZ3548" s="53"/>
      <c r="CA3548" s="53"/>
      <c r="CB3548" s="53">
        <v>8310.1044776119197</v>
      </c>
      <c r="CC3548" s="53">
        <v>8310.1044776119197</v>
      </c>
      <c r="CD3548" s="53">
        <v>8310.1044776119197</v>
      </c>
      <c r="CE3548" s="53">
        <v>8310.1044776119197</v>
      </c>
      <c r="CF3548" s="53">
        <v>8310.1044776119197</v>
      </c>
      <c r="CG3548" s="53">
        <v>8310.1044776119197</v>
      </c>
      <c r="CH3548" s="53">
        <v>8310.1044776119197</v>
      </c>
      <c r="CI3548" s="53">
        <v>8310.1044776119197</v>
      </c>
      <c r="CJ3548" s="53">
        <v>8310.1044776119197</v>
      </c>
      <c r="CK3548" s="53">
        <v>8310.1044776119197</v>
      </c>
      <c r="CL3548" s="53">
        <v>8310.1044776119197</v>
      </c>
      <c r="CM3548" s="53">
        <v>8310.1044776119197</v>
      </c>
      <c r="CN3548" s="53">
        <v>99721.253731343095</v>
      </c>
    </row>
    <row r="3549" spans="1:92" outlineLevel="1">
      <c r="A3549" s="52" t="s">
        <v>1687</v>
      </c>
      <c r="B3549" s="53"/>
      <c r="C3549" s="53"/>
      <c r="D3549" s="53"/>
      <c r="E3549" s="53"/>
      <c r="F3549" s="53"/>
      <c r="G3549" s="53"/>
      <c r="H3549" s="53"/>
      <c r="I3549" s="53"/>
      <c r="J3549" s="53"/>
      <c r="K3549" s="53"/>
      <c r="L3549" s="53"/>
      <c r="M3549" s="53"/>
      <c r="N3549" s="53"/>
      <c r="O3549" s="53"/>
      <c r="P3549" s="53"/>
      <c r="Q3549" s="53"/>
      <c r="R3549" s="53"/>
      <c r="S3549" s="53"/>
      <c r="T3549" s="53"/>
      <c r="U3549" s="53"/>
      <c r="V3549" s="53"/>
      <c r="W3549" s="53"/>
      <c r="X3549" s="53"/>
      <c r="Y3549" s="53"/>
      <c r="Z3549" s="53"/>
      <c r="AA3549" s="53"/>
      <c r="AB3549" s="53"/>
      <c r="AC3549" s="53"/>
      <c r="AD3549" s="53"/>
      <c r="AE3549" s="53"/>
      <c r="AF3549" s="53"/>
      <c r="AG3549" s="53"/>
      <c r="AH3549" s="53"/>
      <c r="AI3549" s="53"/>
      <c r="AJ3549" s="53"/>
      <c r="AK3549" s="53"/>
      <c r="AL3549" s="53"/>
      <c r="AM3549" s="53"/>
      <c r="AN3549" s="53"/>
      <c r="AO3549" s="53"/>
      <c r="AP3549" s="53"/>
      <c r="AQ3549" s="53"/>
      <c r="AR3549" s="53"/>
      <c r="AS3549" s="53"/>
      <c r="AT3549" s="53"/>
      <c r="AU3549" s="53"/>
      <c r="AV3549" s="53"/>
      <c r="AW3549" s="53"/>
      <c r="AX3549" s="53"/>
      <c r="AY3549" s="53"/>
      <c r="AZ3549" s="53"/>
      <c r="BA3549" s="53"/>
      <c r="BB3549" s="53"/>
      <c r="BC3549" s="53"/>
      <c r="BD3549" s="53"/>
      <c r="BE3549" s="53"/>
      <c r="BF3549" s="53"/>
      <c r="BG3549" s="53"/>
      <c r="BH3549" s="53"/>
      <c r="BI3549" s="53"/>
      <c r="BJ3549" s="53"/>
      <c r="BK3549" s="53"/>
      <c r="BL3549" s="53"/>
      <c r="BM3549" s="53"/>
      <c r="BN3549" s="53"/>
      <c r="BO3549" s="53"/>
      <c r="BP3549" s="53"/>
      <c r="BQ3549" s="53"/>
      <c r="BR3549" s="53"/>
      <c r="BS3549" s="53"/>
      <c r="BT3549" s="53"/>
      <c r="BU3549" s="53"/>
      <c r="BV3549" s="53"/>
      <c r="BW3549" s="53"/>
      <c r="BX3549" s="53"/>
      <c r="BY3549" s="53"/>
      <c r="BZ3549" s="53"/>
      <c r="CA3549" s="53"/>
      <c r="CB3549" s="53">
        <v>18632.710875331501</v>
      </c>
      <c r="CC3549" s="53">
        <v>18632.710875331501</v>
      </c>
      <c r="CD3549" s="53">
        <v>18632.710875331501</v>
      </c>
      <c r="CE3549" s="53">
        <v>18632.710875331501</v>
      </c>
      <c r="CF3549" s="53">
        <v>18632.710875331501</v>
      </c>
      <c r="CG3549" s="53">
        <v>18632.710875331501</v>
      </c>
      <c r="CH3549" s="53">
        <v>18632.710875331501</v>
      </c>
      <c r="CI3549" s="53">
        <v>18632.710875331501</v>
      </c>
      <c r="CJ3549" s="53">
        <v>18632.710875331501</v>
      </c>
      <c r="CK3549" s="53">
        <v>18632.710875331501</v>
      </c>
      <c r="CL3549" s="53">
        <v>18632.710875331501</v>
      </c>
      <c r="CM3549" s="53">
        <v>18632.710875331501</v>
      </c>
      <c r="CN3549" s="53">
        <v>223592.53050397799</v>
      </c>
    </row>
    <row r="3550" spans="1:92" outlineLevel="1">
      <c r="A3550" s="52" t="s">
        <v>1726</v>
      </c>
      <c r="B3550" s="53"/>
      <c r="C3550" s="53"/>
      <c r="D3550" s="53"/>
      <c r="E3550" s="53"/>
      <c r="F3550" s="53"/>
      <c r="G3550" s="53"/>
      <c r="H3550" s="53"/>
      <c r="I3550" s="53"/>
      <c r="J3550" s="53"/>
      <c r="K3550" s="53"/>
      <c r="L3550" s="53"/>
      <c r="M3550" s="53"/>
      <c r="N3550" s="53"/>
      <c r="O3550" s="53"/>
      <c r="P3550" s="53"/>
      <c r="Q3550" s="53"/>
      <c r="R3550" s="53"/>
      <c r="S3550" s="53"/>
      <c r="T3550" s="53"/>
      <c r="U3550" s="53"/>
      <c r="V3550" s="53"/>
      <c r="W3550" s="53"/>
      <c r="X3550" s="53"/>
      <c r="Y3550" s="53"/>
      <c r="Z3550" s="53"/>
      <c r="AA3550" s="53"/>
      <c r="AB3550" s="53"/>
      <c r="AC3550" s="53"/>
      <c r="AD3550" s="53"/>
      <c r="AE3550" s="53"/>
      <c r="AF3550" s="53"/>
      <c r="AG3550" s="53"/>
      <c r="AH3550" s="53"/>
      <c r="AI3550" s="53"/>
      <c r="AJ3550" s="53"/>
      <c r="AK3550" s="53"/>
      <c r="AL3550" s="53"/>
      <c r="AM3550" s="53"/>
      <c r="AN3550" s="53"/>
      <c r="AO3550" s="53"/>
      <c r="AP3550" s="53"/>
      <c r="AQ3550" s="53"/>
      <c r="AR3550" s="53"/>
      <c r="AS3550" s="53"/>
      <c r="AT3550" s="53"/>
      <c r="AU3550" s="53"/>
      <c r="AV3550" s="53"/>
      <c r="AW3550" s="53"/>
      <c r="AX3550" s="53"/>
      <c r="AY3550" s="53"/>
      <c r="AZ3550" s="53"/>
      <c r="BA3550" s="53"/>
      <c r="BB3550" s="53"/>
      <c r="BC3550" s="53"/>
      <c r="BD3550" s="53"/>
      <c r="BE3550" s="53"/>
      <c r="BF3550" s="53"/>
      <c r="BG3550" s="53"/>
      <c r="BH3550" s="53"/>
      <c r="BI3550" s="53"/>
      <c r="BJ3550" s="53"/>
      <c r="BK3550" s="53"/>
      <c r="BL3550" s="53"/>
      <c r="BM3550" s="53"/>
      <c r="BN3550" s="53"/>
      <c r="BO3550" s="53"/>
      <c r="BP3550" s="53"/>
      <c r="BQ3550" s="53"/>
      <c r="BR3550" s="53"/>
      <c r="BS3550" s="53"/>
      <c r="BT3550" s="53"/>
      <c r="BU3550" s="53"/>
      <c r="BV3550" s="53"/>
      <c r="BW3550" s="53"/>
      <c r="BX3550" s="53"/>
      <c r="BY3550" s="53"/>
      <c r="BZ3550" s="53"/>
      <c r="CA3550" s="53"/>
      <c r="CB3550" s="53"/>
      <c r="CC3550" s="53"/>
      <c r="CD3550" s="53"/>
      <c r="CE3550" s="53"/>
      <c r="CF3550" s="53"/>
      <c r="CG3550" s="53"/>
      <c r="CH3550" s="53"/>
      <c r="CI3550" s="53"/>
      <c r="CJ3550" s="53"/>
      <c r="CK3550" s="53"/>
      <c r="CL3550" s="53"/>
      <c r="CM3550" s="53"/>
      <c r="CN3550" s="53"/>
    </row>
    <row r="3551" spans="1:92" outlineLevel="1">
      <c r="A3551" s="52" t="s">
        <v>649</v>
      </c>
      <c r="B3551" s="53"/>
      <c r="C3551" s="53"/>
      <c r="D3551" s="53"/>
      <c r="E3551" s="53"/>
      <c r="F3551" s="53"/>
      <c r="G3551" s="53"/>
      <c r="H3551" s="53"/>
      <c r="I3551" s="53"/>
      <c r="J3551" s="53"/>
      <c r="K3551" s="53"/>
      <c r="L3551" s="53"/>
      <c r="M3551" s="53"/>
      <c r="N3551" s="53"/>
      <c r="O3551" s="53">
        <v>2618509.22437499</v>
      </c>
      <c r="P3551" s="53">
        <v>2618509.22437499</v>
      </c>
      <c r="Q3551" s="53">
        <v>2618509.22437499</v>
      </c>
      <c r="R3551" s="53">
        <v>2618509.22437499</v>
      </c>
      <c r="S3551" s="53">
        <v>2618509.22437499</v>
      </c>
      <c r="T3551" s="53">
        <v>2618509.22437499</v>
      </c>
      <c r="U3551" s="53">
        <v>2618509.22437499</v>
      </c>
      <c r="V3551" s="53">
        <v>2618509.22437499</v>
      </c>
      <c r="W3551" s="53">
        <v>2618509.22437499</v>
      </c>
      <c r="X3551" s="53">
        <v>2618509.22437499</v>
      </c>
      <c r="Y3551" s="53">
        <v>2618509.22437499</v>
      </c>
      <c r="Z3551" s="53">
        <v>2618509.22437499</v>
      </c>
      <c r="AA3551" s="53">
        <v>31422110.692499802</v>
      </c>
      <c r="AB3551" s="53">
        <v>4388870.2495274898</v>
      </c>
      <c r="AC3551" s="53">
        <v>4388870.2495274898</v>
      </c>
      <c r="AD3551" s="53">
        <v>4388870.2495274898</v>
      </c>
      <c r="AE3551" s="53">
        <v>4388870.2495274898</v>
      </c>
      <c r="AF3551" s="53">
        <v>4388870.2495274898</v>
      </c>
      <c r="AG3551" s="53">
        <v>4388870.2495274898</v>
      </c>
      <c r="AH3551" s="53">
        <v>4388870.2495274898</v>
      </c>
      <c r="AI3551" s="53">
        <v>4388870.2495274898</v>
      </c>
      <c r="AJ3551" s="53">
        <v>4388870.2495274898</v>
      </c>
      <c r="AK3551" s="53">
        <v>4388870.2495274898</v>
      </c>
      <c r="AL3551" s="53">
        <v>4388870.2495274898</v>
      </c>
      <c r="AM3551" s="53">
        <v>4388870.2495274898</v>
      </c>
      <c r="AN3551" s="53">
        <v>52666442.9943299</v>
      </c>
      <c r="AO3551" s="53">
        <v>5253169.3333333302</v>
      </c>
      <c r="AP3551" s="53">
        <v>5253169.3333333302</v>
      </c>
      <c r="AQ3551" s="53">
        <v>5253169.3333333302</v>
      </c>
      <c r="AR3551" s="53">
        <v>5253169.3333333302</v>
      </c>
      <c r="AS3551" s="53">
        <v>5253169.3333333302</v>
      </c>
      <c r="AT3551" s="53">
        <v>5253169.3333333302</v>
      </c>
      <c r="AU3551" s="53">
        <v>5253169.3333333302</v>
      </c>
      <c r="AV3551" s="53">
        <v>5253169.3333333302</v>
      </c>
      <c r="AW3551" s="53">
        <v>5253169.3333333302</v>
      </c>
      <c r="AX3551" s="53">
        <v>5253169.3333333302</v>
      </c>
      <c r="AY3551" s="53">
        <v>5253169.3333333302</v>
      </c>
      <c r="AZ3551" s="53">
        <v>5253169.3333333302</v>
      </c>
      <c r="BA3551" s="53">
        <v>63038031.999999903</v>
      </c>
      <c r="BB3551" s="53">
        <v>7932402.2177273398</v>
      </c>
      <c r="BC3551" s="53">
        <v>7932402.2177273398</v>
      </c>
      <c r="BD3551" s="53">
        <v>7932402.2177273398</v>
      </c>
      <c r="BE3551" s="53">
        <v>7932402.2177273398</v>
      </c>
      <c r="BF3551" s="53">
        <v>7932402.2177273398</v>
      </c>
      <c r="BG3551" s="53">
        <v>7932402.2177273398</v>
      </c>
      <c r="BH3551" s="53">
        <v>7932402.2177273398</v>
      </c>
      <c r="BI3551" s="53">
        <v>7932402.2177273398</v>
      </c>
      <c r="BJ3551" s="53">
        <v>7932402.2177273398</v>
      </c>
      <c r="BK3551" s="53">
        <v>7932402.2177273398</v>
      </c>
      <c r="BL3551" s="53">
        <v>7932402.2177273398</v>
      </c>
      <c r="BM3551" s="53">
        <v>7932402.2177273398</v>
      </c>
      <c r="BN3551" s="53">
        <v>95188826.612728104</v>
      </c>
      <c r="BO3551" s="53">
        <v>9706836.634939</v>
      </c>
      <c r="BP3551" s="53">
        <v>9706836.634939</v>
      </c>
      <c r="BQ3551" s="53">
        <v>9706836.634939</v>
      </c>
      <c r="BR3551" s="53">
        <v>9706836.634939</v>
      </c>
      <c r="BS3551" s="53">
        <v>9706836.634939</v>
      </c>
      <c r="BT3551" s="53">
        <v>9706836.634939</v>
      </c>
      <c r="BU3551" s="53">
        <v>9706836.634939</v>
      </c>
      <c r="BV3551" s="53">
        <v>9706836.634939</v>
      </c>
      <c r="BW3551" s="53">
        <v>9706836.634939</v>
      </c>
      <c r="BX3551" s="53">
        <v>9706836.634939</v>
      </c>
      <c r="BY3551" s="53">
        <v>9706836.634939</v>
      </c>
      <c r="BZ3551" s="53">
        <v>9706836.634939</v>
      </c>
      <c r="CA3551" s="53">
        <v>116482039.619267</v>
      </c>
      <c r="CB3551" s="53">
        <v>36488.334177215103</v>
      </c>
      <c r="CC3551" s="53">
        <v>36488.334177215103</v>
      </c>
      <c r="CD3551" s="53">
        <v>36488.334177215103</v>
      </c>
      <c r="CE3551" s="53">
        <v>36488.334177215103</v>
      </c>
      <c r="CF3551" s="53">
        <v>36488.334177215103</v>
      </c>
      <c r="CG3551" s="53">
        <v>36488.334177215103</v>
      </c>
      <c r="CH3551" s="53">
        <v>36488.334177215103</v>
      </c>
      <c r="CI3551" s="53">
        <v>36488.334177215103</v>
      </c>
      <c r="CJ3551" s="53">
        <v>36488.334177215103</v>
      </c>
      <c r="CK3551" s="53">
        <v>36488.334177215103</v>
      </c>
      <c r="CL3551" s="53">
        <v>36488.334177215103</v>
      </c>
      <c r="CM3551" s="53">
        <v>36488.334177215103</v>
      </c>
      <c r="CN3551" s="53">
        <v>437860.010126582</v>
      </c>
    </row>
    <row r="3552" spans="1:92" outlineLevel="1">
      <c r="A3552" s="52" t="s">
        <v>1691</v>
      </c>
      <c r="B3552" s="53"/>
      <c r="C3552" s="53"/>
      <c r="D3552" s="53"/>
      <c r="E3552" s="53"/>
      <c r="F3552" s="53"/>
      <c r="G3552" s="53"/>
      <c r="H3552" s="53"/>
      <c r="I3552" s="53"/>
      <c r="J3552" s="53"/>
      <c r="K3552" s="53"/>
      <c r="L3552" s="53"/>
      <c r="M3552" s="53"/>
      <c r="N3552" s="53"/>
      <c r="O3552" s="53"/>
      <c r="P3552" s="53"/>
      <c r="Q3552" s="53"/>
      <c r="R3552" s="53"/>
      <c r="S3552" s="53"/>
      <c r="T3552" s="53"/>
      <c r="U3552" s="53"/>
      <c r="V3552" s="53"/>
      <c r="W3552" s="53"/>
      <c r="X3552" s="53"/>
      <c r="Y3552" s="53"/>
      <c r="Z3552" s="53"/>
      <c r="AA3552" s="53"/>
      <c r="AB3552" s="53"/>
      <c r="AC3552" s="53"/>
      <c r="AD3552" s="53"/>
      <c r="AE3552" s="53"/>
      <c r="AF3552" s="53"/>
      <c r="AG3552" s="53"/>
      <c r="AH3552" s="53"/>
      <c r="AI3552" s="53"/>
      <c r="AJ3552" s="53"/>
      <c r="AK3552" s="53"/>
      <c r="AL3552" s="53"/>
      <c r="AM3552" s="53"/>
      <c r="AN3552" s="53"/>
      <c r="AO3552" s="53"/>
      <c r="AP3552" s="53"/>
      <c r="AQ3552" s="53"/>
      <c r="AR3552" s="53"/>
      <c r="AS3552" s="53"/>
      <c r="AT3552" s="53"/>
      <c r="AU3552" s="53"/>
      <c r="AV3552" s="53"/>
      <c r="AW3552" s="53"/>
      <c r="AX3552" s="53"/>
      <c r="AY3552" s="53"/>
      <c r="AZ3552" s="53"/>
      <c r="BA3552" s="53"/>
      <c r="BB3552" s="53"/>
      <c r="BC3552" s="53"/>
      <c r="BD3552" s="53"/>
      <c r="BE3552" s="53"/>
      <c r="BF3552" s="53"/>
      <c r="BG3552" s="53"/>
      <c r="BH3552" s="53"/>
      <c r="BI3552" s="53"/>
      <c r="BJ3552" s="53"/>
      <c r="BK3552" s="53"/>
      <c r="BL3552" s="53"/>
      <c r="BM3552" s="53"/>
      <c r="BN3552" s="53"/>
      <c r="BO3552" s="53"/>
      <c r="BP3552" s="53"/>
      <c r="BQ3552" s="53"/>
      <c r="BR3552" s="53"/>
      <c r="BS3552" s="53"/>
      <c r="BT3552" s="53"/>
      <c r="BU3552" s="53"/>
      <c r="BV3552" s="53"/>
      <c r="BW3552" s="53"/>
      <c r="BX3552" s="53"/>
      <c r="BY3552" s="53"/>
      <c r="BZ3552" s="53"/>
      <c r="CA3552" s="53"/>
      <c r="CB3552" s="53">
        <v>13019.146118721401</v>
      </c>
      <c r="CC3552" s="53">
        <v>13019.146118721401</v>
      </c>
      <c r="CD3552" s="53">
        <v>13019.146118721401</v>
      </c>
      <c r="CE3552" s="53">
        <v>13019.146118721401</v>
      </c>
      <c r="CF3552" s="53">
        <v>13019.146118721401</v>
      </c>
      <c r="CG3552" s="53">
        <v>13019.146118721401</v>
      </c>
      <c r="CH3552" s="53">
        <v>13019.146118721401</v>
      </c>
      <c r="CI3552" s="53">
        <v>13019.146118721401</v>
      </c>
      <c r="CJ3552" s="53">
        <v>13019.146118721401</v>
      </c>
      <c r="CK3552" s="53">
        <v>13019.146118721401</v>
      </c>
      <c r="CL3552" s="53">
        <v>13019.146118721401</v>
      </c>
      <c r="CM3552" s="53">
        <v>13019.146118721401</v>
      </c>
      <c r="CN3552" s="53">
        <v>156229.75342465701</v>
      </c>
    </row>
    <row r="3553" spans="1:92" outlineLevel="1">
      <c r="A3553" s="52" t="s">
        <v>649</v>
      </c>
      <c r="B3553" s="53"/>
      <c r="C3553" s="53"/>
      <c r="D3553" s="53"/>
      <c r="E3553" s="53"/>
      <c r="F3553" s="53"/>
      <c r="G3553" s="53"/>
      <c r="H3553" s="53"/>
      <c r="I3553" s="53"/>
      <c r="J3553" s="53"/>
      <c r="K3553" s="53"/>
      <c r="L3553" s="53"/>
      <c r="M3553" s="53"/>
      <c r="N3553" s="53"/>
      <c r="O3553" s="53"/>
      <c r="P3553" s="53"/>
      <c r="Q3553" s="53"/>
      <c r="R3553" s="53"/>
      <c r="S3553" s="53"/>
      <c r="T3553" s="53"/>
      <c r="U3553" s="53"/>
      <c r="V3553" s="53"/>
      <c r="W3553" s="53"/>
      <c r="X3553" s="53"/>
      <c r="Y3553" s="53"/>
      <c r="Z3553" s="53"/>
      <c r="AA3553" s="53"/>
      <c r="AB3553" s="53">
        <v>2822982.41666666</v>
      </c>
      <c r="AC3553" s="53">
        <v>2822982.41666666</v>
      </c>
      <c r="AD3553" s="53">
        <v>2822982.41666666</v>
      </c>
      <c r="AE3553" s="53">
        <v>2822982.41666666</v>
      </c>
      <c r="AF3553" s="53">
        <v>2822982.41666666</v>
      </c>
      <c r="AG3553" s="53">
        <v>2822982.41666666</v>
      </c>
      <c r="AH3553" s="53">
        <v>2822982.41666666</v>
      </c>
      <c r="AI3553" s="53">
        <v>2822982.41666666</v>
      </c>
      <c r="AJ3553" s="53">
        <v>2822982.41666666</v>
      </c>
      <c r="AK3553" s="53">
        <v>2822982.41666666</v>
      </c>
      <c r="AL3553" s="53">
        <v>2822982.41666666</v>
      </c>
      <c r="AM3553" s="53">
        <v>2822982.41666666</v>
      </c>
      <c r="AN3553" s="53">
        <v>33875789</v>
      </c>
      <c r="AO3553" s="53">
        <v>5406504.6666666605</v>
      </c>
      <c r="AP3553" s="53">
        <v>5406504.6666666605</v>
      </c>
      <c r="AQ3553" s="53">
        <v>5406504.6666666605</v>
      </c>
      <c r="AR3553" s="53">
        <v>5406504.6666666605</v>
      </c>
      <c r="AS3553" s="53">
        <v>5406504.6666666605</v>
      </c>
      <c r="AT3553" s="53">
        <v>5406504.6666666605</v>
      </c>
      <c r="AU3553" s="53">
        <v>5406504.6666666605</v>
      </c>
      <c r="AV3553" s="53">
        <v>5406504.6666666605</v>
      </c>
      <c r="AW3553" s="53">
        <v>5406504.6666666605</v>
      </c>
      <c r="AX3553" s="53">
        <v>5406504.6666666605</v>
      </c>
      <c r="AY3553" s="53">
        <v>5406504.6666666605</v>
      </c>
      <c r="AZ3553" s="53">
        <v>5406504.6666666605</v>
      </c>
      <c r="BA3553" s="53">
        <v>64878056</v>
      </c>
      <c r="BB3553" s="53">
        <v>5339176.0833333302</v>
      </c>
      <c r="BC3553" s="53">
        <v>5339176.0833333302</v>
      </c>
      <c r="BD3553" s="53">
        <v>5339176.0833333302</v>
      </c>
      <c r="BE3553" s="53">
        <v>5339176.0833333302</v>
      </c>
      <c r="BF3553" s="53">
        <v>5339176.0833333302</v>
      </c>
      <c r="BG3553" s="53">
        <v>5339176.0833333302</v>
      </c>
      <c r="BH3553" s="53">
        <v>5339176.0833333302</v>
      </c>
      <c r="BI3553" s="53">
        <v>5339176.0833333302</v>
      </c>
      <c r="BJ3553" s="53">
        <v>5339176.0833333302</v>
      </c>
      <c r="BK3553" s="53">
        <v>5339176.0833333302</v>
      </c>
      <c r="BL3553" s="53">
        <v>5339176.0833333302</v>
      </c>
      <c r="BM3553" s="53">
        <v>5339176.0833333302</v>
      </c>
      <c r="BN3553" s="53">
        <v>64070112.999999903</v>
      </c>
      <c r="BO3553" s="53">
        <v>7932402.25</v>
      </c>
      <c r="BP3553" s="53">
        <v>7932402.25</v>
      </c>
      <c r="BQ3553" s="53">
        <v>7932402.25</v>
      </c>
      <c r="BR3553" s="53">
        <v>7932402.25</v>
      </c>
      <c r="BS3553" s="53">
        <v>7932402.25</v>
      </c>
      <c r="BT3553" s="53">
        <v>7932402.25</v>
      </c>
      <c r="BU3553" s="53">
        <v>7932402.25</v>
      </c>
      <c r="BV3553" s="53">
        <v>7932402.25</v>
      </c>
      <c r="BW3553" s="53">
        <v>7932402.25</v>
      </c>
      <c r="BX3553" s="53">
        <v>7932402.25</v>
      </c>
      <c r="BY3553" s="53">
        <v>7932402.25</v>
      </c>
      <c r="BZ3553" s="53">
        <v>7932402.25</v>
      </c>
      <c r="CA3553" s="53">
        <v>95188827</v>
      </c>
      <c r="CB3553" s="53">
        <v>13527.6846307385</v>
      </c>
      <c r="CC3553" s="53">
        <v>13527.6846307385</v>
      </c>
      <c r="CD3553" s="53">
        <v>13527.6846307385</v>
      </c>
      <c r="CE3553" s="53">
        <v>13527.6846307385</v>
      </c>
      <c r="CF3553" s="53">
        <v>13527.6846307385</v>
      </c>
      <c r="CG3553" s="53">
        <v>13527.6846307385</v>
      </c>
      <c r="CH3553" s="53">
        <v>13527.6846307385</v>
      </c>
      <c r="CI3553" s="53">
        <v>13527.6846307385</v>
      </c>
      <c r="CJ3553" s="53">
        <v>13527.6846307385</v>
      </c>
      <c r="CK3553" s="53">
        <v>13527.6846307385</v>
      </c>
      <c r="CL3553" s="53">
        <v>13527.6846307385</v>
      </c>
      <c r="CM3553" s="53">
        <v>13527.6846307385</v>
      </c>
      <c r="CN3553" s="53">
        <v>162332.21556886201</v>
      </c>
    </row>
    <row r="3554" spans="1:92" outlineLevel="1">
      <c r="A3554" s="57" t="s">
        <v>1771</v>
      </c>
      <c r="B3554" s="53">
        <v>13500698812.92</v>
      </c>
      <c r="C3554" s="53">
        <v>13559499238.32</v>
      </c>
      <c r="D3554" s="53">
        <v>13620957142.4</v>
      </c>
      <c r="E3554" s="53">
        <v>13878660384.85</v>
      </c>
      <c r="F3554" s="53">
        <v>14069128377.689899</v>
      </c>
      <c r="G3554" s="53">
        <v>14132984074.179899</v>
      </c>
      <c r="H3554" s="53">
        <v>14257738331.99</v>
      </c>
      <c r="I3554" s="53">
        <v>14469744553.6</v>
      </c>
      <c r="J3554" s="53">
        <v>14930564577.16</v>
      </c>
      <c r="K3554" s="53">
        <v>15139423860.0599</v>
      </c>
      <c r="L3554" s="53">
        <v>15469448802.259899</v>
      </c>
      <c r="M3554" s="53">
        <v>15582216969.25</v>
      </c>
      <c r="N3554" s="53">
        <v>15582216969.25</v>
      </c>
      <c r="O3554" s="53">
        <v>15715081449.975599</v>
      </c>
      <c r="P3554" s="53">
        <v>15688010709.281799</v>
      </c>
      <c r="Q3554" s="53">
        <v>15753237807.414499</v>
      </c>
      <c r="R3554" s="53">
        <v>15802178686.0627</v>
      </c>
      <c r="S3554" s="53">
        <v>15872649850.040501</v>
      </c>
      <c r="T3554" s="53">
        <v>15836062117.601101</v>
      </c>
      <c r="U3554" s="53">
        <v>15753519184.6824</v>
      </c>
      <c r="V3554" s="53">
        <v>15681269688.961901</v>
      </c>
      <c r="W3554" s="53">
        <v>15543767601.4305</v>
      </c>
      <c r="X3554" s="53">
        <v>15560931056.4028</v>
      </c>
      <c r="Y3554" s="53">
        <v>15384435385.6012</v>
      </c>
      <c r="Z3554" s="53">
        <v>15315882542.998301</v>
      </c>
      <c r="AA3554" s="53">
        <v>15315882542.998301</v>
      </c>
      <c r="AB3554" s="53">
        <v>15340652406.9545</v>
      </c>
      <c r="AC3554" s="53">
        <v>15260290878.4681</v>
      </c>
      <c r="AD3554" s="53">
        <v>15260242782.709</v>
      </c>
      <c r="AE3554" s="53">
        <v>15284521338.0875</v>
      </c>
      <c r="AF3554" s="53">
        <v>15347196891.787901</v>
      </c>
      <c r="AG3554" s="53">
        <v>15344639984.291401</v>
      </c>
      <c r="AH3554" s="53">
        <v>15297181275.629801</v>
      </c>
      <c r="AI3554" s="53">
        <v>15374928350.6803</v>
      </c>
      <c r="AJ3554" s="53">
        <v>15331574739.025499</v>
      </c>
      <c r="AK3554" s="53">
        <v>15363694355.751499</v>
      </c>
      <c r="AL3554" s="53">
        <v>15185910495.2715</v>
      </c>
      <c r="AM3554" s="53">
        <v>15028425305.256399</v>
      </c>
      <c r="AN3554" s="53">
        <v>15028425305.256399</v>
      </c>
      <c r="AO3554" s="53">
        <v>15083983569.3251</v>
      </c>
      <c r="AP3554" s="53">
        <v>15106245167.738701</v>
      </c>
      <c r="AQ3554" s="53">
        <v>15221837958.959801</v>
      </c>
      <c r="AR3554" s="53">
        <v>15326874756.5341</v>
      </c>
      <c r="AS3554" s="53">
        <v>15468939016.7213</v>
      </c>
      <c r="AT3554" s="53">
        <v>15796508419.9911</v>
      </c>
      <c r="AU3554" s="53">
        <v>15839239972.3316</v>
      </c>
      <c r="AV3554" s="53">
        <v>15934862785.9468</v>
      </c>
      <c r="AW3554" s="53">
        <v>15960563804.056</v>
      </c>
      <c r="AX3554" s="53">
        <v>15993055116.433399</v>
      </c>
      <c r="AY3554" s="53">
        <v>15797634660.461</v>
      </c>
      <c r="AZ3554" s="53">
        <v>15847780531.5403</v>
      </c>
      <c r="BA3554" s="53">
        <v>15847780531.5403</v>
      </c>
      <c r="BB3554" s="53">
        <v>15966715434.801399</v>
      </c>
      <c r="BC3554" s="53">
        <v>15971577915.350201</v>
      </c>
      <c r="BD3554" s="53">
        <v>16070142217.7619</v>
      </c>
      <c r="BE3554" s="53">
        <v>16155231511.3489</v>
      </c>
      <c r="BF3554" s="53">
        <v>16275094990.6222</v>
      </c>
      <c r="BG3554" s="53">
        <v>16627350089.496401</v>
      </c>
      <c r="BH3554" s="53">
        <v>16671996039.3407</v>
      </c>
      <c r="BI3554" s="53">
        <v>16769538681.2407</v>
      </c>
      <c r="BJ3554" s="53">
        <v>16709611595.9314</v>
      </c>
      <c r="BK3554" s="53">
        <v>16744242396.3181</v>
      </c>
      <c r="BL3554" s="53">
        <v>16526755472.5119</v>
      </c>
      <c r="BM3554" s="53">
        <v>16604411565.3118</v>
      </c>
      <c r="BN3554" s="53">
        <v>16604411565.3118</v>
      </c>
      <c r="BO3554" s="53">
        <v>16718640479.7498</v>
      </c>
      <c r="BP3554" s="53">
        <v>16721065055.1768</v>
      </c>
      <c r="BQ3554" s="53">
        <v>16822520584.361099</v>
      </c>
      <c r="BR3554" s="53">
        <v>16906472958.3661</v>
      </c>
      <c r="BS3554" s="53">
        <v>17023734859.274099</v>
      </c>
      <c r="BT3554" s="53">
        <v>17303652128.1203</v>
      </c>
      <c r="BU3554" s="53">
        <v>17366315883.516602</v>
      </c>
      <c r="BV3554" s="53">
        <v>17472537326.461201</v>
      </c>
      <c r="BW3554" s="53">
        <v>17569607760.253101</v>
      </c>
      <c r="BX3554" s="53">
        <v>17607740117.703201</v>
      </c>
      <c r="BY3554" s="53">
        <v>17377141732.402901</v>
      </c>
      <c r="BZ3554" s="53">
        <v>17403243947.657799</v>
      </c>
      <c r="CA3554" s="53">
        <v>17403243947.657799</v>
      </c>
      <c r="CB3554" s="53">
        <v>20148.9797979797</v>
      </c>
      <c r="CC3554" s="53">
        <v>20148.9797979797</v>
      </c>
      <c r="CD3554" s="53">
        <v>20148.9797979797</v>
      </c>
      <c r="CE3554" s="53">
        <v>20148.9797979797</v>
      </c>
      <c r="CF3554" s="53">
        <v>20148.9797979797</v>
      </c>
      <c r="CG3554" s="53">
        <v>20148.9797979797</v>
      </c>
      <c r="CH3554" s="53">
        <v>20148.9797979797</v>
      </c>
      <c r="CI3554" s="53">
        <v>20148.9797979797</v>
      </c>
      <c r="CJ3554" s="53">
        <v>20148.9797979797</v>
      </c>
      <c r="CK3554" s="53">
        <v>20148.9797979797</v>
      </c>
      <c r="CL3554" s="53">
        <v>20148.9797979797</v>
      </c>
      <c r="CM3554" s="53">
        <v>20148.9797979797</v>
      </c>
      <c r="CN3554" s="53">
        <v>241787.75757575699</v>
      </c>
    </row>
    <row r="3555" spans="1:92" outlineLevel="1">
      <c r="A3555" s="52" t="s">
        <v>1772</v>
      </c>
      <c r="B3555" s="53"/>
      <c r="C3555" s="53"/>
      <c r="D3555" s="53"/>
      <c r="E3555" s="53"/>
      <c r="F3555" s="53"/>
      <c r="G3555" s="53"/>
      <c r="H3555" s="53"/>
      <c r="I3555" s="53"/>
      <c r="J3555" s="53"/>
      <c r="K3555" s="53"/>
      <c r="L3555" s="53"/>
      <c r="M3555" s="53"/>
      <c r="N3555" s="53"/>
      <c r="O3555" s="53"/>
      <c r="P3555" s="53"/>
      <c r="Q3555" s="53"/>
      <c r="R3555" s="53"/>
      <c r="S3555" s="53"/>
      <c r="T3555" s="53"/>
      <c r="U3555" s="53"/>
      <c r="V3555" s="53"/>
      <c r="W3555" s="53"/>
      <c r="X3555" s="53"/>
      <c r="Y3555" s="53"/>
      <c r="Z3555" s="53"/>
      <c r="AA3555" s="53"/>
      <c r="AB3555" s="53"/>
      <c r="AC3555" s="53"/>
      <c r="AD3555" s="53"/>
      <c r="AE3555" s="53"/>
      <c r="AF3555" s="53"/>
      <c r="AG3555" s="53"/>
      <c r="AH3555" s="53"/>
      <c r="AI3555" s="53"/>
      <c r="AJ3555" s="53"/>
      <c r="AK3555" s="53"/>
      <c r="AL3555" s="53"/>
      <c r="AM3555" s="53"/>
      <c r="AN3555" s="53"/>
      <c r="AO3555" s="53"/>
      <c r="AP3555" s="53"/>
      <c r="AQ3555" s="53"/>
      <c r="AR3555" s="53"/>
      <c r="AS3555" s="53"/>
      <c r="AT3555" s="53"/>
      <c r="AU3555" s="53"/>
      <c r="AV3555" s="53"/>
      <c r="AW3555" s="53"/>
      <c r="AX3555" s="53"/>
      <c r="AY3555" s="53"/>
      <c r="AZ3555" s="53"/>
      <c r="BA3555" s="53"/>
      <c r="BB3555" s="53"/>
      <c r="BC3555" s="53"/>
      <c r="BD3555" s="53"/>
      <c r="BE3555" s="53"/>
      <c r="BF3555" s="53"/>
      <c r="BG3555" s="53"/>
      <c r="BH3555" s="53"/>
      <c r="BI3555" s="53"/>
      <c r="BJ3555" s="53"/>
      <c r="BK3555" s="53"/>
      <c r="BL3555" s="53"/>
      <c r="BM3555" s="53"/>
      <c r="BN3555" s="53"/>
      <c r="BO3555" s="53"/>
      <c r="BP3555" s="53"/>
      <c r="BQ3555" s="53"/>
      <c r="BR3555" s="53"/>
      <c r="BS3555" s="53"/>
      <c r="BT3555" s="53"/>
      <c r="BU3555" s="53"/>
      <c r="BV3555" s="53"/>
      <c r="BW3555" s="53"/>
      <c r="BX3555" s="53"/>
      <c r="BY3555" s="53"/>
      <c r="BZ3555" s="53"/>
      <c r="CA3555" s="53"/>
      <c r="CB3555" s="53">
        <v>24699.685950413201</v>
      </c>
      <c r="CC3555" s="53"/>
      <c r="CD3555" s="53"/>
      <c r="CE3555" s="53"/>
      <c r="CF3555" s="53"/>
      <c r="CG3555" s="53"/>
      <c r="CH3555" s="53"/>
      <c r="CI3555" s="53"/>
      <c r="CJ3555" s="53"/>
      <c r="CK3555" s="53"/>
      <c r="CL3555" s="53"/>
      <c r="CM3555" s="53"/>
      <c r="CN3555" s="53">
        <v>24699.685950413201</v>
      </c>
    </row>
    <row r="3556" spans="1:92" outlineLevel="1">
      <c r="A3556" s="57" t="s">
        <v>1773</v>
      </c>
      <c r="B3556" s="53"/>
      <c r="C3556" s="53"/>
      <c r="D3556" s="53"/>
      <c r="E3556" s="53"/>
      <c r="F3556" s="53"/>
      <c r="G3556" s="53"/>
      <c r="H3556" s="53"/>
      <c r="I3556" s="53"/>
      <c r="J3556" s="53"/>
      <c r="K3556" s="53"/>
      <c r="L3556" s="53"/>
      <c r="M3556" s="53"/>
      <c r="N3556" s="53"/>
      <c r="O3556" s="53"/>
      <c r="P3556" s="53"/>
      <c r="Q3556" s="53"/>
      <c r="R3556" s="53"/>
      <c r="S3556" s="53"/>
      <c r="T3556" s="53"/>
      <c r="U3556" s="53"/>
      <c r="V3556" s="53"/>
      <c r="W3556" s="53"/>
      <c r="X3556" s="53"/>
      <c r="Y3556" s="53"/>
      <c r="Z3556" s="53"/>
      <c r="AA3556" s="53"/>
      <c r="AB3556" s="53"/>
      <c r="AC3556" s="53"/>
      <c r="AD3556" s="53"/>
      <c r="AE3556" s="53"/>
      <c r="AF3556" s="53"/>
      <c r="AG3556" s="53"/>
      <c r="AH3556" s="53"/>
      <c r="AI3556" s="53"/>
      <c r="AJ3556" s="53"/>
      <c r="AK3556" s="53"/>
      <c r="AL3556" s="53"/>
      <c r="AM3556" s="53"/>
      <c r="AN3556" s="53"/>
      <c r="AO3556" s="53"/>
      <c r="AP3556" s="53"/>
      <c r="AQ3556" s="53"/>
      <c r="AR3556" s="53"/>
      <c r="AS3556" s="53"/>
      <c r="AT3556" s="53"/>
      <c r="AU3556" s="53"/>
      <c r="AV3556" s="53"/>
      <c r="AW3556" s="53"/>
      <c r="AX3556" s="53"/>
      <c r="AY3556" s="53"/>
      <c r="AZ3556" s="53"/>
      <c r="BA3556" s="53"/>
      <c r="BB3556" s="53"/>
      <c r="BC3556" s="53"/>
      <c r="BD3556" s="53"/>
      <c r="BE3556" s="53"/>
      <c r="BF3556" s="53"/>
      <c r="BG3556" s="53"/>
      <c r="BH3556" s="53"/>
      <c r="BI3556" s="53"/>
      <c r="BJ3556" s="53"/>
      <c r="BK3556" s="53"/>
      <c r="BL3556" s="53"/>
      <c r="BM3556" s="53"/>
      <c r="BN3556" s="53"/>
      <c r="BO3556" s="53"/>
      <c r="BP3556" s="53"/>
      <c r="BQ3556" s="53"/>
      <c r="BR3556" s="53"/>
      <c r="BS3556" s="53"/>
      <c r="BT3556" s="53"/>
      <c r="BU3556" s="53"/>
      <c r="BV3556" s="53"/>
      <c r="BW3556" s="53"/>
      <c r="BX3556" s="53"/>
      <c r="BY3556" s="53"/>
      <c r="BZ3556" s="53"/>
      <c r="CA3556" s="53"/>
      <c r="CB3556" s="53">
        <v>13370.822605965401</v>
      </c>
      <c r="CC3556" s="53">
        <v>13370.822605965401</v>
      </c>
      <c r="CD3556" s="53">
        <v>13370.822605965401</v>
      </c>
      <c r="CE3556" s="53">
        <v>13370.822605965401</v>
      </c>
      <c r="CF3556" s="53">
        <v>13370.822605965401</v>
      </c>
      <c r="CG3556" s="53">
        <v>13370.822605965401</v>
      </c>
      <c r="CH3556" s="53">
        <v>13370.822605965401</v>
      </c>
      <c r="CI3556" s="53">
        <v>13370.822605965401</v>
      </c>
      <c r="CJ3556" s="53">
        <v>13370.822605965401</v>
      </c>
      <c r="CK3556" s="53">
        <v>13370.822605965401</v>
      </c>
      <c r="CL3556" s="53">
        <v>13370.822605965401</v>
      </c>
      <c r="CM3556" s="53">
        <v>13370.822605965401</v>
      </c>
      <c r="CN3556" s="53">
        <v>160449.871271585</v>
      </c>
    </row>
    <row r="3557" spans="1:92" outlineLevel="1">
      <c r="A3557" s="52" t="s">
        <v>1774</v>
      </c>
      <c r="B3557" s="53">
        <v>0</v>
      </c>
      <c r="C3557" s="53">
        <v>0</v>
      </c>
      <c r="D3557" s="53">
        <v>0</v>
      </c>
      <c r="E3557" s="53">
        <v>0</v>
      </c>
      <c r="F3557" s="53">
        <v>0</v>
      </c>
      <c r="G3557" s="53">
        <v>0</v>
      </c>
      <c r="H3557" s="53">
        <v>0</v>
      </c>
      <c r="I3557" s="53">
        <v>0</v>
      </c>
      <c r="J3557" s="53">
        <v>0</v>
      </c>
      <c r="K3557" s="53">
        <v>0</v>
      </c>
      <c r="L3557" s="53">
        <v>0</v>
      </c>
      <c r="M3557" s="53">
        <v>0</v>
      </c>
      <c r="N3557" s="53">
        <v>0</v>
      </c>
      <c r="O3557" s="53">
        <v>0</v>
      </c>
      <c r="P3557" s="53">
        <v>0</v>
      </c>
      <c r="Q3557" s="53">
        <v>0</v>
      </c>
      <c r="R3557" s="53">
        <v>0</v>
      </c>
      <c r="S3557" s="53">
        <v>0</v>
      </c>
      <c r="T3557" s="53">
        <v>0</v>
      </c>
      <c r="U3557" s="53">
        <v>0</v>
      </c>
      <c r="V3557" s="53">
        <v>0</v>
      </c>
      <c r="W3557" s="53">
        <v>0</v>
      </c>
      <c r="X3557" s="53">
        <v>0</v>
      </c>
      <c r="Y3557" s="53">
        <v>0</v>
      </c>
      <c r="Z3557" s="53">
        <v>0</v>
      </c>
      <c r="AA3557" s="53">
        <v>0</v>
      </c>
      <c r="AB3557" s="53">
        <v>0</v>
      </c>
      <c r="AC3557" s="53">
        <v>0</v>
      </c>
      <c r="AD3557" s="53">
        <v>0</v>
      </c>
      <c r="AE3557" s="53">
        <v>0</v>
      </c>
      <c r="AF3557" s="53">
        <v>0</v>
      </c>
      <c r="AG3557" s="53">
        <v>0</v>
      </c>
      <c r="AH3557" s="53">
        <v>0</v>
      </c>
      <c r="AI3557" s="53">
        <v>0</v>
      </c>
      <c r="AJ3557" s="53">
        <v>0</v>
      </c>
      <c r="AK3557" s="53">
        <v>0</v>
      </c>
      <c r="AL3557" s="53">
        <v>0</v>
      </c>
      <c r="AM3557" s="53">
        <v>0</v>
      </c>
      <c r="AN3557" s="53">
        <v>0</v>
      </c>
      <c r="AO3557" s="53">
        <v>0</v>
      </c>
      <c r="AP3557" s="53">
        <v>0</v>
      </c>
      <c r="AQ3557" s="53">
        <v>0</v>
      </c>
      <c r="AR3557" s="53">
        <v>0</v>
      </c>
      <c r="AS3557" s="53">
        <v>0</v>
      </c>
      <c r="AT3557" s="53">
        <v>0</v>
      </c>
      <c r="AU3557" s="53">
        <v>0</v>
      </c>
      <c r="AV3557" s="53">
        <v>0</v>
      </c>
      <c r="AW3557" s="53">
        <v>0</v>
      </c>
      <c r="AX3557" s="53">
        <v>0</v>
      </c>
      <c r="AY3557" s="53">
        <v>0</v>
      </c>
      <c r="AZ3557" s="53">
        <v>0</v>
      </c>
      <c r="BA3557" s="53">
        <v>0</v>
      </c>
      <c r="BB3557" s="53">
        <v>0</v>
      </c>
      <c r="BC3557" s="53">
        <v>0</v>
      </c>
      <c r="BD3557" s="53">
        <v>0</v>
      </c>
      <c r="BE3557" s="53">
        <v>0</v>
      </c>
      <c r="BF3557" s="53">
        <v>0</v>
      </c>
      <c r="BG3557" s="53">
        <v>0</v>
      </c>
      <c r="BH3557" s="53">
        <v>0</v>
      </c>
      <c r="BI3557" s="53">
        <v>0</v>
      </c>
      <c r="BJ3557" s="53">
        <v>0</v>
      </c>
      <c r="BK3557" s="53">
        <v>0</v>
      </c>
      <c r="BL3557" s="53">
        <v>0</v>
      </c>
      <c r="BM3557" s="53">
        <v>0</v>
      </c>
      <c r="BN3557" s="53">
        <v>0</v>
      </c>
      <c r="BO3557" s="53">
        <v>0</v>
      </c>
      <c r="BP3557" s="53">
        <v>0</v>
      </c>
      <c r="BQ3557" s="53">
        <v>0</v>
      </c>
      <c r="BR3557" s="53">
        <v>0</v>
      </c>
      <c r="BS3557" s="53">
        <v>0</v>
      </c>
      <c r="BT3557" s="53">
        <v>0</v>
      </c>
      <c r="BU3557" s="53">
        <v>0</v>
      </c>
      <c r="BV3557" s="53">
        <v>0</v>
      </c>
      <c r="BW3557" s="53">
        <v>0</v>
      </c>
      <c r="BX3557" s="53">
        <v>0</v>
      </c>
      <c r="BY3557" s="53">
        <v>0</v>
      </c>
      <c r="BZ3557" s="53">
        <v>0</v>
      </c>
      <c r="CA3557" s="53">
        <v>0</v>
      </c>
      <c r="CB3557" s="53">
        <v>44991.872611464903</v>
      </c>
      <c r="CC3557" s="53">
        <v>44991.872611464903</v>
      </c>
      <c r="CD3557" s="53">
        <v>44991.872611464903</v>
      </c>
      <c r="CE3557" s="53">
        <v>44991.872611464903</v>
      </c>
      <c r="CF3557" s="53">
        <v>44991.872611464903</v>
      </c>
      <c r="CG3557" s="53">
        <v>44991.872611464903</v>
      </c>
      <c r="CH3557" s="53">
        <v>44991.872611464903</v>
      </c>
      <c r="CI3557" s="53">
        <v>44991.872611464903</v>
      </c>
      <c r="CJ3557" s="53">
        <v>44991.872611464903</v>
      </c>
      <c r="CK3557" s="53">
        <v>44991.872611464903</v>
      </c>
      <c r="CL3557" s="53">
        <v>44991.872611464903</v>
      </c>
      <c r="CM3557" s="53">
        <v>44991.872611464903</v>
      </c>
      <c r="CN3557" s="53">
        <v>539902.47133757896</v>
      </c>
    </row>
    <row r="3558" spans="1:92" outlineLevel="1">
      <c r="A3558" s="57" t="s">
        <v>1775</v>
      </c>
      <c r="B3558" s="53">
        <v>0</v>
      </c>
      <c r="C3558" s="53">
        <v>0</v>
      </c>
      <c r="D3558" s="53">
        <v>0</v>
      </c>
      <c r="E3558" s="53">
        <v>0</v>
      </c>
      <c r="F3558" s="53">
        <v>0</v>
      </c>
      <c r="G3558" s="53">
        <v>0</v>
      </c>
      <c r="H3558" s="53">
        <v>0</v>
      </c>
      <c r="I3558" s="53">
        <v>0</v>
      </c>
      <c r="J3558" s="53">
        <v>0</v>
      </c>
      <c r="K3558" s="53">
        <v>0</v>
      </c>
      <c r="L3558" s="53">
        <v>0</v>
      </c>
      <c r="M3558" s="53">
        <v>0</v>
      </c>
      <c r="N3558" s="53">
        <v>0</v>
      </c>
      <c r="O3558" s="53">
        <v>0</v>
      </c>
      <c r="P3558" s="53">
        <v>0</v>
      </c>
      <c r="Q3558" s="53">
        <v>0</v>
      </c>
      <c r="R3558" s="53">
        <v>0</v>
      </c>
      <c r="S3558" s="53">
        <v>0</v>
      </c>
      <c r="T3558" s="53">
        <v>0</v>
      </c>
      <c r="U3558" s="53">
        <v>0</v>
      </c>
      <c r="V3558" s="53">
        <v>0</v>
      </c>
      <c r="W3558" s="53">
        <v>0</v>
      </c>
      <c r="X3558" s="53">
        <v>0</v>
      </c>
      <c r="Y3558" s="53">
        <v>0</v>
      </c>
      <c r="Z3558" s="53">
        <v>0</v>
      </c>
      <c r="AA3558" s="53">
        <v>0</v>
      </c>
      <c r="AB3558" s="53">
        <v>0</v>
      </c>
      <c r="AC3558" s="53">
        <v>0</v>
      </c>
      <c r="AD3558" s="53">
        <v>0</v>
      </c>
      <c r="AE3558" s="53">
        <v>0</v>
      </c>
      <c r="AF3558" s="53">
        <v>0</v>
      </c>
      <c r="AG3558" s="53">
        <v>0</v>
      </c>
      <c r="AH3558" s="53">
        <v>0</v>
      </c>
      <c r="AI3558" s="53">
        <v>0</v>
      </c>
      <c r="AJ3558" s="53">
        <v>0</v>
      </c>
      <c r="AK3558" s="53">
        <v>0</v>
      </c>
      <c r="AL3558" s="53">
        <v>0</v>
      </c>
      <c r="AM3558" s="53">
        <v>0</v>
      </c>
      <c r="AN3558" s="53">
        <v>0</v>
      </c>
      <c r="AO3558" s="53">
        <v>0</v>
      </c>
      <c r="AP3558" s="53">
        <v>0</v>
      </c>
      <c r="AQ3558" s="53">
        <v>0</v>
      </c>
      <c r="AR3558" s="53">
        <v>0</v>
      </c>
      <c r="AS3558" s="53">
        <v>0</v>
      </c>
      <c r="AT3558" s="53">
        <v>0</v>
      </c>
      <c r="AU3558" s="53">
        <v>0</v>
      </c>
      <c r="AV3558" s="53">
        <v>0</v>
      </c>
      <c r="AW3558" s="53">
        <v>0</v>
      </c>
      <c r="AX3558" s="53">
        <v>0</v>
      </c>
      <c r="AY3558" s="53">
        <v>0</v>
      </c>
      <c r="AZ3558" s="53">
        <v>0</v>
      </c>
      <c r="BA3558" s="53">
        <v>0</v>
      </c>
      <c r="BB3558" s="53">
        <v>0</v>
      </c>
      <c r="BC3558" s="53">
        <v>0</v>
      </c>
      <c r="BD3558" s="53">
        <v>0</v>
      </c>
      <c r="BE3558" s="53">
        <v>0</v>
      </c>
      <c r="BF3558" s="53">
        <v>0</v>
      </c>
      <c r="BG3558" s="53">
        <v>0</v>
      </c>
      <c r="BH3558" s="53">
        <v>0</v>
      </c>
      <c r="BI3558" s="53">
        <v>0</v>
      </c>
      <c r="BJ3558" s="53">
        <v>0</v>
      </c>
      <c r="BK3558" s="53">
        <v>0</v>
      </c>
      <c r="BL3558" s="53">
        <v>0</v>
      </c>
      <c r="BM3558" s="53">
        <v>0</v>
      </c>
      <c r="BN3558" s="53">
        <v>0</v>
      </c>
      <c r="BO3558" s="53">
        <v>0</v>
      </c>
      <c r="BP3558" s="53">
        <v>0</v>
      </c>
      <c r="BQ3558" s="53">
        <v>0</v>
      </c>
      <c r="BR3558" s="53">
        <v>0</v>
      </c>
      <c r="BS3558" s="53">
        <v>0</v>
      </c>
      <c r="BT3558" s="53">
        <v>0</v>
      </c>
      <c r="BU3558" s="53">
        <v>0</v>
      </c>
      <c r="BV3558" s="53">
        <v>0</v>
      </c>
      <c r="BW3558" s="53">
        <v>0</v>
      </c>
      <c r="BX3558" s="53">
        <v>0</v>
      </c>
      <c r="BY3558" s="53">
        <v>0</v>
      </c>
      <c r="BZ3558" s="53">
        <v>0</v>
      </c>
      <c r="CA3558" s="53">
        <v>0</v>
      </c>
      <c r="CB3558" s="53">
        <v>52157.242105263002</v>
      </c>
      <c r="CC3558" s="53">
        <v>52157.242105263002</v>
      </c>
      <c r="CD3558" s="53">
        <v>52157.242105263002</v>
      </c>
      <c r="CE3558" s="53">
        <v>52157.242105263002</v>
      </c>
      <c r="CF3558" s="53">
        <v>52157.242105263002</v>
      </c>
      <c r="CG3558" s="53">
        <v>52157.242105263002</v>
      </c>
      <c r="CH3558" s="53">
        <v>52157.242105263002</v>
      </c>
      <c r="CI3558" s="53">
        <v>52157.242105263002</v>
      </c>
      <c r="CJ3558" s="53">
        <v>52157.242105263002</v>
      </c>
      <c r="CK3558" s="53">
        <v>52157.242105263002</v>
      </c>
      <c r="CL3558" s="53">
        <v>52157.242105263002</v>
      </c>
      <c r="CM3558" s="53">
        <v>52157.242105263002</v>
      </c>
      <c r="CN3558" s="53">
        <v>625886.90526315698</v>
      </c>
    </row>
    <row r="3559" spans="1:92" outlineLevel="1">
      <c r="A3559" s="52" t="s">
        <v>1776</v>
      </c>
      <c r="B3559" s="53"/>
      <c r="C3559" s="53"/>
      <c r="D3559" s="53"/>
      <c r="E3559" s="53"/>
      <c r="F3559" s="53"/>
      <c r="G3559" s="53"/>
      <c r="H3559" s="53"/>
      <c r="I3559" s="53"/>
      <c r="J3559" s="53"/>
      <c r="K3559" s="53"/>
      <c r="L3559" s="53"/>
      <c r="M3559" s="53"/>
      <c r="N3559" s="53"/>
      <c r="O3559" s="53"/>
      <c r="P3559" s="53"/>
      <c r="Q3559" s="53"/>
      <c r="R3559" s="53"/>
      <c r="S3559" s="53"/>
      <c r="T3559" s="53"/>
      <c r="U3559" s="53"/>
      <c r="V3559" s="53"/>
      <c r="W3559" s="53"/>
      <c r="X3559" s="53"/>
      <c r="Y3559" s="53"/>
      <c r="Z3559" s="53"/>
      <c r="AA3559" s="53"/>
      <c r="AB3559" s="53"/>
      <c r="AC3559" s="53"/>
      <c r="AD3559" s="53"/>
      <c r="AE3559" s="53"/>
      <c r="AF3559" s="53"/>
      <c r="AG3559" s="53"/>
      <c r="AH3559" s="53"/>
      <c r="AI3559" s="53"/>
      <c r="AJ3559" s="53"/>
      <c r="AK3559" s="53"/>
      <c r="AL3559" s="53"/>
      <c r="AM3559" s="53"/>
      <c r="AN3559" s="53"/>
      <c r="AO3559" s="53"/>
      <c r="AP3559" s="53"/>
      <c r="AQ3559" s="53"/>
      <c r="AR3559" s="53"/>
      <c r="AS3559" s="53"/>
      <c r="AT3559" s="53"/>
      <c r="AU3559" s="53"/>
      <c r="AV3559" s="53"/>
      <c r="AW3559" s="53"/>
      <c r="AX3559" s="53"/>
      <c r="AY3559" s="53"/>
      <c r="AZ3559" s="53"/>
      <c r="BA3559" s="53"/>
      <c r="BB3559" s="53"/>
      <c r="BC3559" s="53"/>
      <c r="BD3559" s="53"/>
      <c r="BE3559" s="53"/>
      <c r="BF3559" s="53"/>
      <c r="BG3559" s="53"/>
      <c r="BH3559" s="53"/>
      <c r="BI3559" s="53"/>
      <c r="BJ3559" s="53"/>
      <c r="BK3559" s="53"/>
      <c r="BL3559" s="53"/>
      <c r="BM3559" s="53"/>
      <c r="BN3559" s="53"/>
      <c r="BO3559" s="53"/>
      <c r="BP3559" s="53"/>
      <c r="BQ3559" s="53"/>
      <c r="BR3559" s="53"/>
      <c r="BS3559" s="53"/>
      <c r="BT3559" s="53"/>
      <c r="BU3559" s="53"/>
      <c r="BV3559" s="53"/>
      <c r="BW3559" s="53"/>
      <c r="BX3559" s="53"/>
      <c r="BY3559" s="53"/>
      <c r="BZ3559" s="53"/>
      <c r="CA3559" s="53"/>
      <c r="CB3559" s="53"/>
      <c r="CC3559" s="53"/>
      <c r="CD3559" s="53"/>
      <c r="CE3559" s="53"/>
      <c r="CF3559" s="53"/>
      <c r="CG3559" s="53"/>
      <c r="CH3559" s="53"/>
      <c r="CI3559" s="53"/>
      <c r="CJ3559" s="53"/>
      <c r="CK3559" s="53"/>
      <c r="CL3559" s="53"/>
      <c r="CM3559" s="53"/>
      <c r="CN3559" s="53"/>
    </row>
    <row r="3560" spans="1:92" outlineLevel="1">
      <c r="A3560" s="57" t="s">
        <v>1777</v>
      </c>
      <c r="B3560" s="53"/>
      <c r="C3560" s="53"/>
      <c r="D3560" s="53"/>
      <c r="E3560" s="53"/>
      <c r="F3560" s="53"/>
      <c r="G3560" s="53"/>
      <c r="H3560" s="53"/>
      <c r="I3560" s="53"/>
      <c r="J3560" s="53"/>
      <c r="K3560" s="53"/>
      <c r="L3560" s="53"/>
      <c r="M3560" s="53"/>
      <c r="N3560" s="53"/>
      <c r="O3560" s="53"/>
      <c r="P3560" s="53"/>
      <c r="Q3560" s="53"/>
      <c r="R3560" s="53"/>
      <c r="S3560" s="53"/>
      <c r="T3560" s="53"/>
      <c r="U3560" s="53"/>
      <c r="V3560" s="53"/>
      <c r="W3560" s="53"/>
      <c r="X3560" s="53"/>
      <c r="Y3560" s="53"/>
      <c r="Z3560" s="53"/>
      <c r="AA3560" s="53"/>
      <c r="AB3560" s="53"/>
      <c r="AC3560" s="53"/>
      <c r="AD3560" s="53"/>
      <c r="AE3560" s="53"/>
      <c r="AF3560" s="53"/>
      <c r="AG3560" s="53"/>
      <c r="AH3560" s="53"/>
      <c r="AI3560" s="53"/>
      <c r="AJ3560" s="53"/>
      <c r="AK3560" s="53"/>
      <c r="AL3560" s="53"/>
      <c r="AM3560" s="53"/>
      <c r="AN3560" s="53"/>
      <c r="AO3560" s="53"/>
      <c r="AP3560" s="53"/>
      <c r="AQ3560" s="53"/>
      <c r="AR3560" s="53"/>
      <c r="AS3560" s="53"/>
      <c r="AT3560" s="53"/>
      <c r="AU3560" s="53"/>
      <c r="AV3560" s="53"/>
      <c r="AW3560" s="53"/>
      <c r="AX3560" s="53"/>
      <c r="AY3560" s="53"/>
      <c r="AZ3560" s="53"/>
      <c r="BA3560" s="53"/>
      <c r="BB3560" s="53"/>
      <c r="BC3560" s="53"/>
      <c r="BD3560" s="53"/>
      <c r="BE3560" s="53"/>
      <c r="BF3560" s="53"/>
      <c r="BG3560" s="53"/>
      <c r="BH3560" s="53"/>
      <c r="BI3560" s="53"/>
      <c r="BJ3560" s="53"/>
      <c r="BK3560" s="53"/>
      <c r="BL3560" s="53"/>
      <c r="BM3560" s="53"/>
      <c r="BN3560" s="53"/>
      <c r="BO3560" s="53"/>
      <c r="BP3560" s="53"/>
      <c r="BQ3560" s="53"/>
      <c r="BR3560" s="53"/>
      <c r="BS3560" s="53"/>
      <c r="BT3560" s="53"/>
      <c r="BU3560" s="53"/>
      <c r="BV3560" s="53"/>
      <c r="BW3560" s="53"/>
      <c r="BX3560" s="53"/>
      <c r="BY3560" s="53"/>
      <c r="BZ3560" s="53"/>
      <c r="CA3560" s="53"/>
      <c r="CB3560" s="53">
        <v>38996.049261083703</v>
      </c>
      <c r="CC3560" s="53">
        <v>38996.049261083703</v>
      </c>
      <c r="CD3560" s="53">
        <v>38996.049261083703</v>
      </c>
      <c r="CE3560" s="53">
        <v>38996.049261083703</v>
      </c>
      <c r="CF3560" s="53">
        <v>38996.049261083703</v>
      </c>
      <c r="CG3560" s="53">
        <v>38996.049261083703</v>
      </c>
      <c r="CH3560" s="53">
        <v>38996.049261083703</v>
      </c>
      <c r="CI3560" s="53">
        <v>38996.049261083703</v>
      </c>
      <c r="CJ3560" s="53">
        <v>38996.049261083703</v>
      </c>
      <c r="CK3560" s="53">
        <v>38996.049261083703</v>
      </c>
      <c r="CL3560" s="53">
        <v>38996.049261083703</v>
      </c>
      <c r="CM3560" s="53">
        <v>38996.049261083703</v>
      </c>
      <c r="CN3560" s="53">
        <v>467952.591133004</v>
      </c>
    </row>
    <row r="3561" spans="1:92" outlineLevel="1">
      <c r="A3561" s="52" t="s">
        <v>1778</v>
      </c>
      <c r="B3561" s="53">
        <v>0</v>
      </c>
      <c r="C3561" s="53">
        <v>0</v>
      </c>
      <c r="D3561" s="53">
        <v>0</v>
      </c>
      <c r="E3561" s="53">
        <v>0</v>
      </c>
      <c r="F3561" s="53">
        <v>0</v>
      </c>
      <c r="G3561" s="53">
        <v>0</v>
      </c>
      <c r="H3561" s="53">
        <v>0</v>
      </c>
      <c r="I3561" s="53">
        <v>0</v>
      </c>
      <c r="J3561" s="53">
        <v>0</v>
      </c>
      <c r="K3561" s="53">
        <v>0</v>
      </c>
      <c r="L3561" s="53">
        <v>0</v>
      </c>
      <c r="M3561" s="53">
        <v>0</v>
      </c>
      <c r="N3561" s="53">
        <v>0</v>
      </c>
      <c r="O3561" s="53">
        <v>0</v>
      </c>
      <c r="P3561" s="53">
        <v>0</v>
      </c>
      <c r="Q3561" s="53">
        <v>0</v>
      </c>
      <c r="R3561" s="53">
        <v>0</v>
      </c>
      <c r="S3561" s="53">
        <v>0</v>
      </c>
      <c r="T3561" s="53">
        <v>0</v>
      </c>
      <c r="U3561" s="53">
        <v>0</v>
      </c>
      <c r="V3561" s="53">
        <v>0</v>
      </c>
      <c r="W3561" s="53">
        <v>0</v>
      </c>
      <c r="X3561" s="53">
        <v>0</v>
      </c>
      <c r="Y3561" s="53">
        <v>0</v>
      </c>
      <c r="Z3561" s="53">
        <v>0</v>
      </c>
      <c r="AA3561" s="53">
        <v>0</v>
      </c>
      <c r="AB3561" s="53">
        <v>0</v>
      </c>
      <c r="AC3561" s="53">
        <v>0</v>
      </c>
      <c r="AD3561" s="53">
        <v>0</v>
      </c>
      <c r="AE3561" s="53">
        <v>0</v>
      </c>
      <c r="AF3561" s="53">
        <v>0</v>
      </c>
      <c r="AG3561" s="53">
        <v>0</v>
      </c>
      <c r="AH3561" s="53">
        <v>0</v>
      </c>
      <c r="AI3561" s="53">
        <v>0</v>
      </c>
      <c r="AJ3561" s="53">
        <v>0</v>
      </c>
      <c r="AK3561" s="53">
        <v>0</v>
      </c>
      <c r="AL3561" s="53">
        <v>0</v>
      </c>
      <c r="AM3561" s="53">
        <v>0</v>
      </c>
      <c r="AN3561" s="53">
        <v>0</v>
      </c>
      <c r="AO3561" s="53">
        <v>0</v>
      </c>
      <c r="AP3561" s="53">
        <v>0</v>
      </c>
      <c r="AQ3561" s="53">
        <v>0</v>
      </c>
      <c r="AR3561" s="53">
        <v>0</v>
      </c>
      <c r="AS3561" s="53">
        <v>0</v>
      </c>
      <c r="AT3561" s="53">
        <v>0</v>
      </c>
      <c r="AU3561" s="53">
        <v>0</v>
      </c>
      <c r="AV3561" s="53">
        <v>0</v>
      </c>
      <c r="AW3561" s="53">
        <v>0</v>
      </c>
      <c r="AX3561" s="53">
        <v>0</v>
      </c>
      <c r="AY3561" s="53">
        <v>0</v>
      </c>
      <c r="AZ3561" s="53">
        <v>0</v>
      </c>
      <c r="BA3561" s="53">
        <v>0</v>
      </c>
      <c r="BB3561" s="53">
        <v>0</v>
      </c>
      <c r="BC3561" s="53">
        <v>0</v>
      </c>
      <c r="BD3561" s="53">
        <v>0</v>
      </c>
      <c r="BE3561" s="53">
        <v>0</v>
      </c>
      <c r="BF3561" s="53">
        <v>0</v>
      </c>
      <c r="BG3561" s="53">
        <v>0</v>
      </c>
      <c r="BH3561" s="53">
        <v>0</v>
      </c>
      <c r="BI3561" s="53">
        <v>0</v>
      </c>
      <c r="BJ3561" s="53">
        <v>0</v>
      </c>
      <c r="BK3561" s="53">
        <v>0</v>
      </c>
      <c r="BL3561" s="53">
        <v>0</v>
      </c>
      <c r="BM3561" s="53">
        <v>0</v>
      </c>
      <c r="BN3561" s="53">
        <v>0</v>
      </c>
      <c r="BO3561" s="53">
        <v>0</v>
      </c>
      <c r="BP3561" s="53">
        <v>0</v>
      </c>
      <c r="BQ3561" s="53">
        <v>0</v>
      </c>
      <c r="BR3561" s="53">
        <v>0</v>
      </c>
      <c r="BS3561" s="53">
        <v>0</v>
      </c>
      <c r="BT3561" s="53">
        <v>0</v>
      </c>
      <c r="BU3561" s="53">
        <v>0</v>
      </c>
      <c r="BV3561" s="53">
        <v>0</v>
      </c>
      <c r="BW3561" s="53">
        <v>0</v>
      </c>
      <c r="BX3561" s="53">
        <v>0</v>
      </c>
      <c r="BY3561" s="53">
        <v>0</v>
      </c>
      <c r="BZ3561" s="53">
        <v>0</v>
      </c>
      <c r="CA3561" s="53">
        <v>0</v>
      </c>
      <c r="CB3561" s="53">
        <v>48595.514644351497</v>
      </c>
      <c r="CC3561" s="53">
        <v>48595.514644351497</v>
      </c>
      <c r="CD3561" s="53">
        <v>48595.514644351497</v>
      </c>
      <c r="CE3561" s="53">
        <v>48595.514644351497</v>
      </c>
      <c r="CF3561" s="53">
        <v>48595.514644351497</v>
      </c>
      <c r="CG3561" s="53">
        <v>48595.514644351497</v>
      </c>
      <c r="CH3561" s="53">
        <v>48595.514644351497</v>
      </c>
      <c r="CI3561" s="53">
        <v>48595.514644351497</v>
      </c>
      <c r="CJ3561" s="53">
        <v>48595.514644351497</v>
      </c>
      <c r="CK3561" s="53">
        <v>48595.514644351497</v>
      </c>
      <c r="CL3561" s="53">
        <v>48595.514644351497</v>
      </c>
      <c r="CM3561" s="53">
        <v>48595.514644351497</v>
      </c>
      <c r="CN3561" s="53">
        <v>583146.17573221796</v>
      </c>
    </row>
    <row r="3562" spans="1:92" outlineLevel="1">
      <c r="A3562" s="52" t="s">
        <v>1779</v>
      </c>
      <c r="B3562" s="53">
        <v>0</v>
      </c>
      <c r="C3562" s="53">
        <v>0</v>
      </c>
      <c r="D3562" s="53">
        <v>0</v>
      </c>
      <c r="E3562" s="53">
        <v>0</v>
      </c>
      <c r="F3562" s="53">
        <v>0</v>
      </c>
      <c r="G3562" s="53">
        <v>0</v>
      </c>
      <c r="H3562" s="53">
        <v>0</v>
      </c>
      <c r="I3562" s="53">
        <v>0</v>
      </c>
      <c r="J3562" s="53">
        <v>0</v>
      </c>
      <c r="K3562" s="53">
        <v>0</v>
      </c>
      <c r="L3562" s="53">
        <v>0</v>
      </c>
      <c r="M3562" s="53">
        <v>0</v>
      </c>
      <c r="N3562" s="53">
        <v>0</v>
      </c>
      <c r="O3562" s="53">
        <v>0</v>
      </c>
      <c r="P3562" s="53">
        <v>0</v>
      </c>
      <c r="Q3562" s="53">
        <v>0</v>
      </c>
      <c r="R3562" s="53">
        <v>0</v>
      </c>
      <c r="S3562" s="53">
        <v>0</v>
      </c>
      <c r="T3562" s="53">
        <v>0</v>
      </c>
      <c r="U3562" s="53">
        <v>0</v>
      </c>
      <c r="V3562" s="53">
        <v>0</v>
      </c>
      <c r="W3562" s="53">
        <v>0</v>
      </c>
      <c r="X3562" s="53">
        <v>0</v>
      </c>
      <c r="Y3562" s="53">
        <v>0</v>
      </c>
      <c r="Z3562" s="53">
        <v>0</v>
      </c>
      <c r="AA3562" s="53">
        <v>0</v>
      </c>
      <c r="AB3562" s="53">
        <v>0</v>
      </c>
      <c r="AC3562" s="53">
        <v>0</v>
      </c>
      <c r="AD3562" s="53">
        <v>0</v>
      </c>
      <c r="AE3562" s="53">
        <v>0</v>
      </c>
      <c r="AF3562" s="53">
        <v>0</v>
      </c>
      <c r="AG3562" s="53">
        <v>0</v>
      </c>
      <c r="AH3562" s="53">
        <v>0</v>
      </c>
      <c r="AI3562" s="53">
        <v>0</v>
      </c>
      <c r="AJ3562" s="53">
        <v>0</v>
      </c>
      <c r="AK3562" s="53">
        <v>0</v>
      </c>
      <c r="AL3562" s="53">
        <v>0</v>
      </c>
      <c r="AM3562" s="53">
        <v>0</v>
      </c>
      <c r="AN3562" s="53">
        <v>0</v>
      </c>
      <c r="AO3562" s="53">
        <v>0</v>
      </c>
      <c r="AP3562" s="53">
        <v>0</v>
      </c>
      <c r="AQ3562" s="53">
        <v>0</v>
      </c>
      <c r="AR3562" s="53">
        <v>0</v>
      </c>
      <c r="AS3562" s="53">
        <v>0</v>
      </c>
      <c r="AT3562" s="53">
        <v>0</v>
      </c>
      <c r="AU3562" s="53">
        <v>0</v>
      </c>
      <c r="AV3562" s="53">
        <v>0</v>
      </c>
      <c r="AW3562" s="53">
        <v>0</v>
      </c>
      <c r="AX3562" s="53">
        <v>0</v>
      </c>
      <c r="AY3562" s="53">
        <v>0</v>
      </c>
      <c r="AZ3562" s="53">
        <v>0</v>
      </c>
      <c r="BA3562" s="53">
        <v>0</v>
      </c>
      <c r="BB3562" s="53">
        <v>0</v>
      </c>
      <c r="BC3562" s="53">
        <v>0</v>
      </c>
      <c r="BD3562" s="53">
        <v>0</v>
      </c>
      <c r="BE3562" s="53">
        <v>0</v>
      </c>
      <c r="BF3562" s="53">
        <v>0</v>
      </c>
      <c r="BG3562" s="53">
        <v>0</v>
      </c>
      <c r="BH3562" s="53">
        <v>0</v>
      </c>
      <c r="BI3562" s="53">
        <v>0</v>
      </c>
      <c r="BJ3562" s="53">
        <v>0</v>
      </c>
      <c r="BK3562" s="53">
        <v>0</v>
      </c>
      <c r="BL3562" s="53">
        <v>0</v>
      </c>
      <c r="BM3562" s="53">
        <v>0</v>
      </c>
      <c r="BN3562" s="53">
        <v>0</v>
      </c>
      <c r="BO3562" s="53">
        <v>0</v>
      </c>
      <c r="BP3562" s="53">
        <v>0</v>
      </c>
      <c r="BQ3562" s="53">
        <v>0</v>
      </c>
      <c r="BR3562" s="53">
        <v>0</v>
      </c>
      <c r="BS3562" s="53">
        <v>0</v>
      </c>
      <c r="BT3562" s="53">
        <v>0</v>
      </c>
      <c r="BU3562" s="53">
        <v>0</v>
      </c>
      <c r="BV3562" s="53">
        <v>0</v>
      </c>
      <c r="BW3562" s="53">
        <v>0</v>
      </c>
      <c r="BX3562" s="53">
        <v>0</v>
      </c>
      <c r="BY3562" s="53">
        <v>0</v>
      </c>
      <c r="BZ3562" s="53">
        <v>0</v>
      </c>
      <c r="CA3562" s="53">
        <v>0</v>
      </c>
      <c r="CB3562" s="53">
        <v>16652.086230876201</v>
      </c>
      <c r="CC3562" s="53">
        <v>16652.086230876201</v>
      </c>
      <c r="CD3562" s="53">
        <v>16652.086230876201</v>
      </c>
      <c r="CE3562" s="53">
        <v>16652.086230876201</v>
      </c>
      <c r="CF3562" s="53">
        <v>16652.086230876201</v>
      </c>
      <c r="CG3562" s="53">
        <v>16652.086230876201</v>
      </c>
      <c r="CH3562" s="53">
        <v>16652.086230876201</v>
      </c>
      <c r="CI3562" s="53">
        <v>16652.086230876201</v>
      </c>
      <c r="CJ3562" s="53">
        <v>16652.086230876201</v>
      </c>
      <c r="CK3562" s="53">
        <v>16652.086230876201</v>
      </c>
      <c r="CL3562" s="53">
        <v>16652.086230876201</v>
      </c>
      <c r="CM3562" s="53">
        <v>16652.086230876201</v>
      </c>
      <c r="CN3562" s="53">
        <v>199825.034770514</v>
      </c>
    </row>
    <row r="3563" spans="1:92" outlineLevel="1">
      <c r="A3563" s="52" t="s">
        <v>1780</v>
      </c>
      <c r="B3563" s="53">
        <v>1766035360.75</v>
      </c>
      <c r="C3563" s="53">
        <v>1766035360.75</v>
      </c>
      <c r="D3563" s="53">
        <v>1766035360.75</v>
      </c>
      <c r="E3563" s="53">
        <v>1766035360.75</v>
      </c>
      <c r="F3563" s="53">
        <v>1766035360.75</v>
      </c>
      <c r="G3563" s="53">
        <v>1766035360.75</v>
      </c>
      <c r="H3563" s="53">
        <v>1766035360.75</v>
      </c>
      <c r="I3563" s="53">
        <v>1766035360.75</v>
      </c>
      <c r="J3563" s="53">
        <v>1766035360.75</v>
      </c>
      <c r="K3563" s="53">
        <v>1766035360.75</v>
      </c>
      <c r="L3563" s="53">
        <v>1591035360.75</v>
      </c>
      <c r="M3563" s="53">
        <v>1591035360.75</v>
      </c>
      <c r="N3563" s="53">
        <v>1591035360.75</v>
      </c>
      <c r="O3563" s="53">
        <v>1591035360.75</v>
      </c>
      <c r="P3563" s="53">
        <v>1591035360.75</v>
      </c>
      <c r="Q3563" s="53">
        <v>1591035360.75</v>
      </c>
      <c r="R3563" s="53">
        <v>1591035360.75</v>
      </c>
      <c r="S3563" s="53">
        <v>1591035360.75</v>
      </c>
      <c r="T3563" s="53">
        <v>1591035360.75</v>
      </c>
      <c r="U3563" s="53">
        <v>1591035360.75</v>
      </c>
      <c r="V3563" s="53">
        <v>1591035360.75</v>
      </c>
      <c r="W3563" s="53">
        <v>1591035360.75</v>
      </c>
      <c r="X3563" s="53">
        <v>1591035360.75</v>
      </c>
      <c r="Y3563" s="53">
        <v>1591035360.75</v>
      </c>
      <c r="Z3563" s="53">
        <v>1591035360.75</v>
      </c>
      <c r="AA3563" s="53">
        <v>1591035360.75</v>
      </c>
      <c r="AB3563" s="53">
        <v>1591035360.75</v>
      </c>
      <c r="AC3563" s="53">
        <v>1591035360.75</v>
      </c>
      <c r="AD3563" s="53">
        <v>1591035360.75</v>
      </c>
      <c r="AE3563" s="53">
        <v>1591035360.75</v>
      </c>
      <c r="AF3563" s="53">
        <v>1591035360.75</v>
      </c>
      <c r="AG3563" s="53">
        <v>1591035360.75</v>
      </c>
      <c r="AH3563" s="53">
        <v>1591035360.75</v>
      </c>
      <c r="AI3563" s="53">
        <v>1591035360.75</v>
      </c>
      <c r="AJ3563" s="53">
        <v>1591035360.75</v>
      </c>
      <c r="AK3563" s="53">
        <v>1591035360.75</v>
      </c>
      <c r="AL3563" s="53">
        <v>1591035360.75</v>
      </c>
      <c r="AM3563" s="53">
        <v>1591035360.75</v>
      </c>
      <c r="AN3563" s="53">
        <v>1591035360.75</v>
      </c>
      <c r="AO3563" s="53">
        <v>1591035360.75</v>
      </c>
      <c r="AP3563" s="53">
        <v>1591035360.75</v>
      </c>
      <c r="AQ3563" s="53">
        <v>1591035360.75</v>
      </c>
      <c r="AR3563" s="53">
        <v>1591035360.75</v>
      </c>
      <c r="AS3563" s="53">
        <v>1591035360.75</v>
      </c>
      <c r="AT3563" s="53">
        <v>1591035360.75</v>
      </c>
      <c r="AU3563" s="53">
        <v>1591035360.75</v>
      </c>
      <c r="AV3563" s="53">
        <v>1591035360.75</v>
      </c>
      <c r="AW3563" s="53">
        <v>1591035360.75</v>
      </c>
      <c r="AX3563" s="53">
        <v>1591035360.75</v>
      </c>
      <c r="AY3563" s="53">
        <v>1591035360.75</v>
      </c>
      <c r="AZ3563" s="53">
        <v>1591035360.75</v>
      </c>
      <c r="BA3563" s="53">
        <v>1591035360.75</v>
      </c>
      <c r="BB3563" s="53">
        <v>1591035360.75</v>
      </c>
      <c r="BC3563" s="53">
        <v>1591035360.75</v>
      </c>
      <c r="BD3563" s="53">
        <v>1591035360.75</v>
      </c>
      <c r="BE3563" s="53">
        <v>1591035360.75</v>
      </c>
      <c r="BF3563" s="53">
        <v>1591035360.75</v>
      </c>
      <c r="BG3563" s="53">
        <v>1591035360.75</v>
      </c>
      <c r="BH3563" s="53">
        <v>1591035360.75</v>
      </c>
      <c r="BI3563" s="53">
        <v>1591035360.75</v>
      </c>
      <c r="BJ3563" s="53">
        <v>1591035360.75</v>
      </c>
      <c r="BK3563" s="53">
        <v>1591035360.75</v>
      </c>
      <c r="BL3563" s="53">
        <v>1591035360.75</v>
      </c>
      <c r="BM3563" s="53">
        <v>1591035360.75</v>
      </c>
      <c r="BN3563" s="53">
        <v>1591035360.75</v>
      </c>
      <c r="BO3563" s="53">
        <v>1591035360.75</v>
      </c>
      <c r="BP3563" s="53">
        <v>1591035360.75</v>
      </c>
      <c r="BQ3563" s="53">
        <v>1591035360.75</v>
      </c>
      <c r="BR3563" s="53">
        <v>1591035360.75</v>
      </c>
      <c r="BS3563" s="53">
        <v>1591035360.75</v>
      </c>
      <c r="BT3563" s="53">
        <v>1591035360.75</v>
      </c>
      <c r="BU3563" s="53">
        <v>1591035360.75</v>
      </c>
      <c r="BV3563" s="53">
        <v>1591035360.75</v>
      </c>
      <c r="BW3563" s="53">
        <v>1591035360.75</v>
      </c>
      <c r="BX3563" s="53">
        <v>1591035360.75</v>
      </c>
      <c r="BY3563" s="53">
        <v>1591035360.75</v>
      </c>
      <c r="BZ3563" s="53">
        <v>1591035360.75</v>
      </c>
      <c r="CA3563" s="53">
        <v>1591035360.75</v>
      </c>
      <c r="CB3563" s="53"/>
      <c r="CC3563" s="53"/>
      <c r="CD3563" s="53"/>
      <c r="CE3563" s="53"/>
      <c r="CF3563" s="53"/>
      <c r="CG3563" s="53"/>
      <c r="CH3563" s="53"/>
      <c r="CI3563" s="53"/>
      <c r="CJ3563" s="53"/>
      <c r="CK3563" s="53"/>
      <c r="CL3563" s="53"/>
      <c r="CM3563" s="53"/>
      <c r="CN3563" s="53"/>
    </row>
    <row r="3564" spans="1:92" outlineLevel="1">
      <c r="A3564" s="52" t="s">
        <v>1218</v>
      </c>
      <c r="B3564" s="53">
        <v>5747701450.6870003</v>
      </c>
      <c r="C3564" s="53">
        <v>6515736999.8999796</v>
      </c>
      <c r="D3564" s="53">
        <v>6514429365.68999</v>
      </c>
      <c r="E3564" s="53">
        <v>6511626738.5899897</v>
      </c>
      <c r="F3564" s="53">
        <v>6510463308.5699902</v>
      </c>
      <c r="G3564" s="53">
        <v>6507181516.6499996</v>
      </c>
      <c r="H3564" s="53">
        <v>6507272353.2399902</v>
      </c>
      <c r="I3564" s="53">
        <v>6503400319.9700003</v>
      </c>
      <c r="J3564" s="53">
        <v>6505005448.0999899</v>
      </c>
      <c r="K3564" s="53">
        <v>6503644153.1099997</v>
      </c>
      <c r="L3564" s="53">
        <v>6499191657.9099903</v>
      </c>
      <c r="M3564" s="53">
        <v>6492242540.2499905</v>
      </c>
      <c r="N3564" s="53">
        <v>5747701450.6870003</v>
      </c>
      <c r="O3564" s="53">
        <v>6485645618.26999</v>
      </c>
      <c r="P3564" s="53">
        <v>6606556865.2754698</v>
      </c>
      <c r="Q3564" s="53">
        <v>6660129059.6970301</v>
      </c>
      <c r="R3564" s="53">
        <v>6722581784.8255596</v>
      </c>
      <c r="S3564" s="53">
        <v>6767589777.2006798</v>
      </c>
      <c r="T3564" s="53">
        <v>6840267282.6884604</v>
      </c>
      <c r="U3564" s="53">
        <v>6946102979.6942701</v>
      </c>
      <c r="V3564" s="53">
        <v>7038949067.3731298</v>
      </c>
      <c r="W3564" s="53">
        <v>7179769749.6437302</v>
      </c>
      <c r="X3564" s="53">
        <v>7284784191.38237</v>
      </c>
      <c r="Y3564" s="53">
        <v>7344066182.2695599</v>
      </c>
      <c r="Z3564" s="53">
        <v>7373813665.25278</v>
      </c>
      <c r="AA3564" s="53">
        <v>6485645618.26999</v>
      </c>
      <c r="AB3564" s="53">
        <v>7439260116.5615101</v>
      </c>
      <c r="AC3564" s="53">
        <v>7561217371.8157196</v>
      </c>
      <c r="AD3564" s="53">
        <v>7612104613.1009302</v>
      </c>
      <c r="AE3564" s="53">
        <v>7654312730.2560596</v>
      </c>
      <c r="AF3564" s="53">
        <v>7703333675.2883396</v>
      </c>
      <c r="AG3564" s="53">
        <v>7781220249.8464298</v>
      </c>
      <c r="AH3564" s="53">
        <v>7886348176.3706503</v>
      </c>
      <c r="AI3564" s="53">
        <v>7990165936.2839699</v>
      </c>
      <c r="AJ3564" s="53">
        <v>8143016348.25</v>
      </c>
      <c r="AK3564" s="53">
        <v>8237108348.1015997</v>
      </c>
      <c r="AL3564" s="53">
        <v>8305466819.8754702</v>
      </c>
      <c r="AM3564" s="53">
        <v>8342218075.20891</v>
      </c>
      <c r="AN3564" s="53">
        <v>7439260116.5615101</v>
      </c>
      <c r="AO3564" s="53">
        <v>8409459287.8760796</v>
      </c>
      <c r="AP3564" s="53">
        <v>8525651803.5560398</v>
      </c>
      <c r="AQ3564" s="53">
        <v>8566207876.8115396</v>
      </c>
      <c r="AR3564" s="53">
        <v>8596352892.4043808</v>
      </c>
      <c r="AS3564" s="53">
        <v>8639629805.6759491</v>
      </c>
      <c r="AT3564" s="53">
        <v>8711091970.9357109</v>
      </c>
      <c r="AU3564" s="53">
        <v>8798989758.8664494</v>
      </c>
      <c r="AV3564" s="53">
        <v>8896681757.1473007</v>
      </c>
      <c r="AW3564" s="53">
        <v>9042804331.8083496</v>
      </c>
      <c r="AX3564" s="53">
        <v>9121969069.3127403</v>
      </c>
      <c r="AY3564" s="53">
        <v>9182766456.8134308</v>
      </c>
      <c r="AZ3564" s="53">
        <v>9209508959.2617493</v>
      </c>
      <c r="BA3564" s="53">
        <v>8409459287.8760796</v>
      </c>
      <c r="BB3564" s="53">
        <v>9262464965.5402603</v>
      </c>
      <c r="BC3564" s="53">
        <v>9377749293.2066593</v>
      </c>
      <c r="BD3564" s="53">
        <v>9417402429.84725</v>
      </c>
      <c r="BE3564" s="53">
        <v>9445971443.3228493</v>
      </c>
      <c r="BF3564" s="53">
        <v>9488234295.8146496</v>
      </c>
      <c r="BG3564" s="53">
        <v>9559179570.3376102</v>
      </c>
      <c r="BH3564" s="53">
        <v>9598286143.6695309</v>
      </c>
      <c r="BI3564" s="53">
        <v>9697022959.76507</v>
      </c>
      <c r="BJ3564" s="53">
        <v>9844179713.6106796</v>
      </c>
      <c r="BK3564" s="53">
        <v>9923983682.2803993</v>
      </c>
      <c r="BL3564" s="53">
        <v>9985206327.5130806</v>
      </c>
      <c r="BM3564" s="53">
        <v>10011519622.4583</v>
      </c>
      <c r="BN3564" s="53">
        <v>9262464965.5402603</v>
      </c>
      <c r="BO3564" s="53">
        <v>10066056387.2288</v>
      </c>
      <c r="BP3564" s="53">
        <v>10178684800.932699</v>
      </c>
      <c r="BQ3564" s="53">
        <v>10218396924.891701</v>
      </c>
      <c r="BR3564" s="53">
        <v>10245879094.009199</v>
      </c>
      <c r="BS3564" s="53">
        <v>10286637698.773199</v>
      </c>
      <c r="BT3564" s="53">
        <v>10356880016.7658</v>
      </c>
      <c r="BU3564" s="53">
        <v>10318848642.7059</v>
      </c>
      <c r="BV3564" s="53">
        <v>10415294748.6754</v>
      </c>
      <c r="BW3564" s="53">
        <v>10560249370.055901</v>
      </c>
      <c r="BX3564" s="53">
        <v>10638793094.2633</v>
      </c>
      <c r="BY3564" s="53">
        <v>10698197899.4629</v>
      </c>
      <c r="BZ3564" s="53">
        <v>10722298711.8859</v>
      </c>
      <c r="CA3564" s="53">
        <v>10066056387.2288</v>
      </c>
      <c r="CB3564" s="53">
        <v>1213.9315068493099</v>
      </c>
      <c r="CC3564" s="53">
        <v>1213.9315068493099</v>
      </c>
      <c r="CD3564" s="53">
        <v>1213.9315068493099</v>
      </c>
      <c r="CE3564" s="53">
        <v>1213.9315068493099</v>
      </c>
      <c r="CF3564" s="53">
        <v>1213.9315068493099</v>
      </c>
      <c r="CG3564" s="53">
        <v>1213.9315068493099</v>
      </c>
      <c r="CH3564" s="53">
        <v>1213.9315068493099</v>
      </c>
      <c r="CI3564" s="53">
        <v>1213.9315068493099</v>
      </c>
      <c r="CJ3564" s="53">
        <v>1213.9315068493099</v>
      </c>
      <c r="CK3564" s="53">
        <v>1213.9315068493099</v>
      </c>
      <c r="CL3564" s="53">
        <v>1213.9315068493099</v>
      </c>
      <c r="CM3564" s="53">
        <v>1213.9315068493099</v>
      </c>
      <c r="CN3564" s="53">
        <v>14567.1780821917</v>
      </c>
    </row>
    <row r="3565" spans="1:92" outlineLevel="1">
      <c r="A3565" s="52" t="s">
        <v>699</v>
      </c>
      <c r="B3565" s="53"/>
      <c r="C3565" s="53"/>
      <c r="D3565" s="53"/>
      <c r="E3565" s="53"/>
      <c r="F3565" s="53"/>
      <c r="G3565" s="53"/>
      <c r="H3565" s="53"/>
      <c r="I3565" s="53"/>
      <c r="J3565" s="53"/>
      <c r="K3565" s="53"/>
      <c r="L3565" s="53"/>
      <c r="M3565" s="53"/>
      <c r="N3565" s="53"/>
      <c r="O3565" s="53"/>
      <c r="P3565" s="53"/>
      <c r="Q3565" s="53"/>
      <c r="R3565" s="53"/>
      <c r="S3565" s="53"/>
      <c r="T3565" s="53"/>
      <c r="U3565" s="53"/>
      <c r="V3565" s="53"/>
      <c r="W3565" s="53"/>
      <c r="X3565" s="53"/>
      <c r="Y3565" s="53"/>
      <c r="Z3565" s="53"/>
      <c r="AA3565" s="53"/>
      <c r="AB3565" s="53"/>
      <c r="AC3565" s="53"/>
      <c r="AD3565" s="53"/>
      <c r="AE3565" s="53"/>
      <c r="AF3565" s="53"/>
      <c r="AG3565" s="53"/>
      <c r="AH3565" s="53"/>
      <c r="AI3565" s="53"/>
      <c r="AJ3565" s="53"/>
      <c r="AK3565" s="53"/>
      <c r="AL3565" s="53"/>
      <c r="AM3565" s="53"/>
      <c r="AN3565" s="53"/>
      <c r="AO3565" s="53"/>
      <c r="AP3565" s="53"/>
      <c r="AQ3565" s="53"/>
      <c r="AR3565" s="53"/>
      <c r="AS3565" s="53"/>
      <c r="AT3565" s="53"/>
      <c r="AU3565" s="53"/>
      <c r="AV3565" s="53"/>
      <c r="AW3565" s="53"/>
      <c r="AX3565" s="53"/>
      <c r="AY3565" s="53"/>
      <c r="AZ3565" s="53"/>
      <c r="BA3565" s="53"/>
      <c r="BB3565" s="53"/>
      <c r="BC3565" s="53"/>
      <c r="BD3565" s="53"/>
      <c r="BE3565" s="53"/>
      <c r="BF3565" s="53"/>
      <c r="BG3565" s="53"/>
      <c r="BH3565" s="53"/>
      <c r="BI3565" s="53"/>
      <c r="BJ3565" s="53"/>
      <c r="BK3565" s="53"/>
      <c r="BL3565" s="53"/>
      <c r="BM3565" s="53"/>
      <c r="BN3565" s="53"/>
      <c r="BO3565" s="53"/>
      <c r="BP3565" s="53"/>
      <c r="BQ3565" s="53"/>
      <c r="BR3565" s="53"/>
      <c r="BS3565" s="53"/>
      <c r="BT3565" s="53"/>
      <c r="BU3565" s="53"/>
      <c r="BV3565" s="53"/>
      <c r="BW3565" s="53"/>
      <c r="BX3565" s="53"/>
      <c r="BY3565" s="53"/>
      <c r="BZ3565" s="53"/>
      <c r="CA3565" s="53"/>
      <c r="CB3565" s="53">
        <v>1583.15671641791</v>
      </c>
      <c r="CC3565" s="53">
        <v>1583.15671641791</v>
      </c>
      <c r="CD3565" s="53">
        <v>1583.15671641791</v>
      </c>
      <c r="CE3565" s="53">
        <v>1583.15671641791</v>
      </c>
      <c r="CF3565" s="53">
        <v>1583.15671641791</v>
      </c>
      <c r="CG3565" s="53">
        <v>1583.15671641791</v>
      </c>
      <c r="CH3565" s="53">
        <v>1583.15671641791</v>
      </c>
      <c r="CI3565" s="53">
        <v>1583.15671641791</v>
      </c>
      <c r="CJ3565" s="53">
        <v>1583.15671641791</v>
      </c>
      <c r="CK3565" s="53">
        <v>1583.15671641791</v>
      </c>
      <c r="CL3565" s="53">
        <v>1583.15671641791</v>
      </c>
      <c r="CM3565" s="53">
        <v>1583.15671641791</v>
      </c>
      <c r="CN3565" s="53">
        <v>18997.880597014901</v>
      </c>
    </row>
    <row r="3566" spans="1:92" outlineLevel="1">
      <c r="A3566" s="52" t="s">
        <v>1229</v>
      </c>
      <c r="B3566" s="53"/>
      <c r="C3566" s="53"/>
      <c r="D3566" s="53"/>
      <c r="E3566" s="53"/>
      <c r="F3566" s="53"/>
      <c r="G3566" s="53"/>
      <c r="H3566" s="53"/>
      <c r="I3566" s="53"/>
      <c r="J3566" s="53"/>
      <c r="K3566" s="53"/>
      <c r="L3566" s="53"/>
      <c r="M3566" s="53"/>
      <c r="N3566" s="53"/>
      <c r="O3566" s="53"/>
      <c r="P3566" s="53"/>
      <c r="Q3566" s="53"/>
      <c r="R3566" s="53"/>
      <c r="S3566" s="53"/>
      <c r="T3566" s="53"/>
      <c r="U3566" s="53"/>
      <c r="V3566" s="53"/>
      <c r="W3566" s="53"/>
      <c r="X3566" s="53"/>
      <c r="Y3566" s="53"/>
      <c r="Z3566" s="53"/>
      <c r="AA3566" s="53"/>
      <c r="AB3566" s="53"/>
      <c r="AC3566" s="53"/>
      <c r="AD3566" s="53"/>
      <c r="AE3566" s="53"/>
      <c r="AF3566" s="53"/>
      <c r="AG3566" s="53"/>
      <c r="AH3566" s="53"/>
      <c r="AI3566" s="53"/>
      <c r="AJ3566" s="53"/>
      <c r="AK3566" s="53"/>
      <c r="AL3566" s="53"/>
      <c r="AM3566" s="53"/>
      <c r="AN3566" s="53"/>
      <c r="AO3566" s="53"/>
      <c r="AP3566" s="53"/>
      <c r="AQ3566" s="53"/>
      <c r="AR3566" s="53"/>
      <c r="AS3566" s="53"/>
      <c r="AT3566" s="53"/>
      <c r="AU3566" s="53"/>
      <c r="AV3566" s="53"/>
      <c r="AW3566" s="53"/>
      <c r="AX3566" s="53"/>
      <c r="AY3566" s="53"/>
      <c r="AZ3566" s="53"/>
      <c r="BA3566" s="53"/>
      <c r="BB3566" s="53"/>
      <c r="BC3566" s="53"/>
      <c r="BD3566" s="53"/>
      <c r="BE3566" s="53"/>
      <c r="BF3566" s="53"/>
      <c r="BG3566" s="53"/>
      <c r="BH3566" s="53"/>
      <c r="BI3566" s="53"/>
      <c r="BJ3566" s="53"/>
      <c r="BK3566" s="53"/>
      <c r="BL3566" s="53"/>
      <c r="BM3566" s="53"/>
      <c r="BN3566" s="53"/>
      <c r="BO3566" s="53"/>
      <c r="BP3566" s="53"/>
      <c r="BQ3566" s="53"/>
      <c r="BR3566" s="53"/>
      <c r="BS3566" s="53"/>
      <c r="BT3566" s="53"/>
      <c r="BU3566" s="53"/>
      <c r="BV3566" s="53"/>
      <c r="BW3566" s="53"/>
      <c r="BX3566" s="53"/>
      <c r="BY3566" s="53"/>
      <c r="BZ3566" s="53"/>
      <c r="CA3566" s="53"/>
      <c r="CB3566" s="53">
        <v>1833.3899204244001</v>
      </c>
      <c r="CC3566" s="53">
        <v>1833.3899204244001</v>
      </c>
      <c r="CD3566" s="53">
        <v>1833.3899204244001</v>
      </c>
      <c r="CE3566" s="53">
        <v>1833.3899204244001</v>
      </c>
      <c r="CF3566" s="53">
        <v>1833.3899204244001</v>
      </c>
      <c r="CG3566" s="53">
        <v>1833.3899204244001</v>
      </c>
      <c r="CH3566" s="53">
        <v>1833.3899204244001</v>
      </c>
      <c r="CI3566" s="53">
        <v>1833.3899204244001</v>
      </c>
      <c r="CJ3566" s="53">
        <v>1833.3899204244001</v>
      </c>
      <c r="CK3566" s="53">
        <v>1833.3899204244001</v>
      </c>
      <c r="CL3566" s="53">
        <v>1833.3899204244001</v>
      </c>
      <c r="CM3566" s="53">
        <v>1833.3899204244001</v>
      </c>
      <c r="CN3566" s="53">
        <v>22000.679045092798</v>
      </c>
    </row>
    <row r="3567" spans="1:92" outlineLevel="1">
      <c r="A3567" s="52" t="s">
        <v>1781</v>
      </c>
      <c r="B3567" s="53"/>
      <c r="C3567" s="53"/>
      <c r="D3567" s="53"/>
      <c r="E3567" s="53"/>
      <c r="F3567" s="53"/>
      <c r="G3567" s="53"/>
      <c r="H3567" s="53"/>
      <c r="I3567" s="53"/>
      <c r="J3567" s="53"/>
      <c r="K3567" s="53"/>
      <c r="L3567" s="53"/>
      <c r="M3567" s="53"/>
      <c r="N3567" s="53"/>
      <c r="O3567" s="53"/>
      <c r="P3567" s="53"/>
      <c r="Q3567" s="53"/>
      <c r="R3567" s="53"/>
      <c r="S3567" s="53"/>
      <c r="T3567" s="53"/>
      <c r="U3567" s="53"/>
      <c r="V3567" s="53"/>
      <c r="W3567" s="53"/>
      <c r="X3567" s="53"/>
      <c r="Y3567" s="53"/>
      <c r="Z3567" s="53"/>
      <c r="AA3567" s="53"/>
      <c r="AB3567" s="53"/>
      <c r="AC3567" s="53"/>
      <c r="AD3567" s="53"/>
      <c r="AE3567" s="53"/>
      <c r="AF3567" s="53"/>
      <c r="AG3567" s="53"/>
      <c r="AH3567" s="53"/>
      <c r="AI3567" s="53"/>
      <c r="AJ3567" s="53"/>
      <c r="AK3567" s="53"/>
      <c r="AL3567" s="53"/>
      <c r="AM3567" s="53"/>
      <c r="AN3567" s="53"/>
      <c r="AO3567" s="53"/>
      <c r="AP3567" s="53"/>
      <c r="AQ3567" s="53"/>
      <c r="AR3567" s="53"/>
      <c r="AS3567" s="53"/>
      <c r="AT3567" s="53"/>
      <c r="AU3567" s="53"/>
      <c r="AV3567" s="53"/>
      <c r="AW3567" s="53"/>
      <c r="AX3567" s="53"/>
      <c r="AY3567" s="53"/>
      <c r="AZ3567" s="53"/>
      <c r="BA3567" s="53"/>
      <c r="BB3567" s="53"/>
      <c r="BC3567" s="53"/>
      <c r="BD3567" s="53"/>
      <c r="BE3567" s="53"/>
      <c r="BF3567" s="53"/>
      <c r="BG3567" s="53"/>
      <c r="BH3567" s="53"/>
      <c r="BI3567" s="53"/>
      <c r="BJ3567" s="53"/>
      <c r="BK3567" s="53"/>
      <c r="BL3567" s="53"/>
      <c r="BM3567" s="53"/>
      <c r="BN3567" s="53"/>
      <c r="BO3567" s="53"/>
      <c r="BP3567" s="53"/>
      <c r="BQ3567" s="53"/>
      <c r="BR3567" s="53"/>
      <c r="BS3567" s="53"/>
      <c r="BT3567" s="53"/>
      <c r="BU3567" s="53"/>
      <c r="BV3567" s="53"/>
      <c r="BW3567" s="53"/>
      <c r="BX3567" s="53"/>
      <c r="BY3567" s="53"/>
      <c r="BZ3567" s="53"/>
      <c r="CA3567" s="53"/>
      <c r="CB3567" s="53"/>
      <c r="CC3567" s="53"/>
      <c r="CD3567" s="53"/>
      <c r="CE3567" s="53"/>
      <c r="CF3567" s="53"/>
      <c r="CG3567" s="53"/>
      <c r="CH3567" s="53"/>
      <c r="CI3567" s="53"/>
      <c r="CJ3567" s="53"/>
      <c r="CK3567" s="53"/>
      <c r="CL3567" s="53"/>
      <c r="CM3567" s="53"/>
      <c r="CN3567" s="53"/>
    </row>
    <row r="3568" spans="1:92" outlineLevel="1">
      <c r="A3568" s="52" t="s">
        <v>649</v>
      </c>
      <c r="B3568" s="53">
        <v>104410576.98</v>
      </c>
      <c r="C3568" s="53">
        <v>26199403.8600001</v>
      </c>
      <c r="D3568" s="53">
        <v>45317581.880000003</v>
      </c>
      <c r="E3568" s="53">
        <v>63973249.160000101</v>
      </c>
      <c r="F3568" s="53">
        <v>80666448.5</v>
      </c>
      <c r="G3568" s="53">
        <v>121300437.04000001</v>
      </c>
      <c r="H3568" s="53">
        <v>103749138.25</v>
      </c>
      <c r="I3568" s="53">
        <v>131985712.40000001</v>
      </c>
      <c r="J3568" s="53">
        <v>86628252.679999799</v>
      </c>
      <c r="K3568" s="53">
        <v>73550140.060000002</v>
      </c>
      <c r="L3568" s="53">
        <v>47136720.219999902</v>
      </c>
      <c r="M3568" s="53">
        <v>51066816.229999997</v>
      </c>
      <c r="N3568" s="53">
        <v>935984477.26000094</v>
      </c>
      <c r="O3568" s="53">
        <v>120911247.006062</v>
      </c>
      <c r="P3568" s="53">
        <v>53572194.420760401</v>
      </c>
      <c r="Q3568" s="53">
        <v>62452725.128923498</v>
      </c>
      <c r="R3568" s="53">
        <v>45007992.375067197</v>
      </c>
      <c r="S3568" s="53">
        <v>72677505.488241106</v>
      </c>
      <c r="T3568" s="53">
        <v>105835697.00632299</v>
      </c>
      <c r="U3568" s="53">
        <v>92846087.679724693</v>
      </c>
      <c r="V3568" s="53">
        <v>140820682.268556</v>
      </c>
      <c r="W3568" s="53">
        <v>105014441.738617</v>
      </c>
      <c r="X3568" s="53">
        <v>59281990.88713</v>
      </c>
      <c r="Y3568" s="53">
        <v>29747482.983165201</v>
      </c>
      <c r="Z3568" s="53">
        <v>65446451.308665797</v>
      </c>
      <c r="AA3568" s="53">
        <v>953614498.29123795</v>
      </c>
      <c r="AB3568" s="53">
        <v>121957255.25412001</v>
      </c>
      <c r="AC3568" s="53">
        <v>50887241.285122603</v>
      </c>
      <c r="AD3568" s="53">
        <v>42208117.155037403</v>
      </c>
      <c r="AE3568" s="53">
        <v>49020945.033146001</v>
      </c>
      <c r="AF3568" s="53">
        <v>77886574.558095306</v>
      </c>
      <c r="AG3568" s="53">
        <v>105127926.524479</v>
      </c>
      <c r="AH3568" s="53">
        <v>103817759.91374101</v>
      </c>
      <c r="AI3568" s="53">
        <v>152850411.966407</v>
      </c>
      <c r="AJ3568" s="53">
        <v>94091999.852054805</v>
      </c>
      <c r="AK3568" s="53">
        <v>68358471.772034496</v>
      </c>
      <c r="AL3568" s="53">
        <v>36751255.333444797</v>
      </c>
      <c r="AM3568" s="53">
        <v>67241212.667171806</v>
      </c>
      <c r="AN3568" s="53">
        <v>970199171.31485605</v>
      </c>
      <c r="AO3568" s="53">
        <v>116192515.680006</v>
      </c>
      <c r="AP3568" s="53">
        <v>40556073.255500503</v>
      </c>
      <c r="AQ3568" s="53">
        <v>30145015.591943</v>
      </c>
      <c r="AR3568" s="53">
        <v>43276913.272023499</v>
      </c>
      <c r="AS3568" s="53">
        <v>71462165.260179698</v>
      </c>
      <c r="AT3568" s="53">
        <v>87897787.930613607</v>
      </c>
      <c r="AU3568" s="53">
        <v>97691998.281774998</v>
      </c>
      <c r="AV3568" s="53">
        <v>146122574.661044</v>
      </c>
      <c r="AW3568" s="53">
        <v>79164737.503399</v>
      </c>
      <c r="AX3568" s="53">
        <v>60797387.501280703</v>
      </c>
      <c r="AY3568" s="53">
        <v>26742502.4483243</v>
      </c>
      <c r="AZ3568" s="53">
        <v>52956006.277775899</v>
      </c>
      <c r="BA3568" s="53">
        <v>853005677.66386604</v>
      </c>
      <c r="BB3568" s="53">
        <v>115284327.666733</v>
      </c>
      <c r="BC3568" s="53">
        <v>39653136.640592501</v>
      </c>
      <c r="BD3568" s="53">
        <v>28569013.475719899</v>
      </c>
      <c r="BE3568" s="53">
        <v>42262852.4917152</v>
      </c>
      <c r="BF3568" s="53">
        <v>70945274.522929296</v>
      </c>
      <c r="BG3568" s="53">
        <v>89106573.332076594</v>
      </c>
      <c r="BH3568" s="53">
        <v>98736816.095387205</v>
      </c>
      <c r="BI3568" s="53">
        <v>147156753.84560901</v>
      </c>
      <c r="BJ3568" s="53">
        <v>79803968.669881701</v>
      </c>
      <c r="BK3568" s="53">
        <v>61222645.232520401</v>
      </c>
      <c r="BL3568" s="53">
        <v>26313294.9452518</v>
      </c>
      <c r="BM3568" s="53">
        <v>54536764.7702531</v>
      </c>
      <c r="BN3568" s="53">
        <v>853591421.68867004</v>
      </c>
      <c r="BO3568" s="53">
        <v>112628413.704126</v>
      </c>
      <c r="BP3568" s="53">
        <v>39712123.959011003</v>
      </c>
      <c r="BQ3568" s="53">
        <v>27482169.117506001</v>
      </c>
      <c r="BR3568" s="53">
        <v>40758604.764064699</v>
      </c>
      <c r="BS3568" s="53">
        <v>70242317.992557094</v>
      </c>
      <c r="BT3568" s="53">
        <v>86968625.940318003</v>
      </c>
      <c r="BU3568" s="53">
        <v>96446105.969310001</v>
      </c>
      <c r="BV3568" s="53">
        <v>144954621.38044599</v>
      </c>
      <c r="BW3568" s="53">
        <v>78543724.207548499</v>
      </c>
      <c r="BX3568" s="53">
        <v>59404805.199486203</v>
      </c>
      <c r="BY3568" s="53">
        <v>24100812.4229987</v>
      </c>
      <c r="BZ3568" s="53">
        <v>53359914.462140098</v>
      </c>
      <c r="CA3568" s="53">
        <v>834602239.11951399</v>
      </c>
      <c r="CB3568" s="53">
        <v>11723.4531645569</v>
      </c>
      <c r="CC3568" s="53">
        <v>11723.4531645569</v>
      </c>
      <c r="CD3568" s="53">
        <v>11723.4531645569</v>
      </c>
      <c r="CE3568" s="53">
        <v>11723.4531645569</v>
      </c>
      <c r="CF3568" s="53">
        <v>11723.4531645569</v>
      </c>
      <c r="CG3568" s="53">
        <v>11723.4531645569</v>
      </c>
      <c r="CH3568" s="53">
        <v>11723.4531645569</v>
      </c>
      <c r="CI3568" s="53">
        <v>11723.4531645569</v>
      </c>
      <c r="CJ3568" s="53">
        <v>11723.4531645569</v>
      </c>
      <c r="CK3568" s="53">
        <v>11723.4531645569</v>
      </c>
      <c r="CL3568" s="53">
        <v>11723.4531645569</v>
      </c>
      <c r="CM3568" s="53">
        <v>11723.4531645569</v>
      </c>
      <c r="CN3568" s="53">
        <v>140681.43797468301</v>
      </c>
    </row>
    <row r="3569" spans="1:92" outlineLevel="1">
      <c r="A3569" s="52" t="s">
        <v>672</v>
      </c>
      <c r="B3569" s="53"/>
      <c r="C3569" s="53"/>
      <c r="D3569" s="53"/>
      <c r="E3569" s="53"/>
      <c r="F3569" s="53"/>
      <c r="G3569" s="53"/>
      <c r="H3569" s="53"/>
      <c r="I3569" s="53"/>
      <c r="J3569" s="53"/>
      <c r="K3569" s="53"/>
      <c r="L3569" s="53"/>
      <c r="M3569" s="53"/>
      <c r="N3569" s="53"/>
      <c r="O3569" s="53"/>
      <c r="P3569" s="53"/>
      <c r="Q3569" s="53"/>
      <c r="R3569" s="53"/>
      <c r="S3569" s="53"/>
      <c r="T3569" s="53"/>
      <c r="U3569" s="53"/>
      <c r="V3569" s="53"/>
      <c r="W3569" s="53"/>
      <c r="X3569" s="53"/>
      <c r="Y3569" s="53"/>
      <c r="Z3569" s="53"/>
      <c r="AA3569" s="53"/>
      <c r="AB3569" s="53"/>
      <c r="AC3569" s="53"/>
      <c r="AD3569" s="53"/>
      <c r="AE3569" s="53"/>
      <c r="AF3569" s="53"/>
      <c r="AG3569" s="53"/>
      <c r="AH3569" s="53"/>
      <c r="AI3569" s="53"/>
      <c r="AJ3569" s="53"/>
      <c r="AK3569" s="53"/>
      <c r="AL3569" s="53"/>
      <c r="AM3569" s="53"/>
      <c r="AN3569" s="53"/>
      <c r="AO3569" s="53"/>
      <c r="AP3569" s="53"/>
      <c r="AQ3569" s="53"/>
      <c r="AR3569" s="53"/>
      <c r="AS3569" s="53"/>
      <c r="AT3569" s="53"/>
      <c r="AU3569" s="53"/>
      <c r="AV3569" s="53"/>
      <c r="AW3569" s="53"/>
      <c r="AX3569" s="53"/>
      <c r="AY3569" s="53"/>
      <c r="AZ3569" s="53"/>
      <c r="BA3569" s="53"/>
      <c r="BB3569" s="53"/>
      <c r="BC3569" s="53"/>
      <c r="BD3569" s="53"/>
      <c r="BE3569" s="53"/>
      <c r="BF3569" s="53"/>
      <c r="BG3569" s="53"/>
      <c r="BH3569" s="53"/>
      <c r="BI3569" s="53"/>
      <c r="BJ3569" s="53"/>
      <c r="BK3569" s="53"/>
      <c r="BL3569" s="53"/>
      <c r="BM3569" s="53"/>
      <c r="BN3569" s="53"/>
      <c r="BO3569" s="53"/>
      <c r="BP3569" s="53"/>
      <c r="BQ3569" s="53"/>
      <c r="BR3569" s="53"/>
      <c r="BS3569" s="53"/>
      <c r="BT3569" s="53"/>
      <c r="BU3569" s="53"/>
      <c r="BV3569" s="53"/>
      <c r="BW3569" s="53"/>
      <c r="BX3569" s="53"/>
      <c r="BY3569" s="53"/>
      <c r="BZ3569" s="53"/>
      <c r="CA3569" s="53"/>
      <c r="CB3569" s="53">
        <v>4051.8264840182501</v>
      </c>
      <c r="CC3569" s="53">
        <v>4051.8264840182401</v>
      </c>
      <c r="CD3569" s="53">
        <v>4051.8264840182401</v>
      </c>
      <c r="CE3569" s="53">
        <v>4051.8264840182401</v>
      </c>
      <c r="CF3569" s="53">
        <v>4051.8264840182401</v>
      </c>
      <c r="CG3569" s="53">
        <v>4051.8264840182501</v>
      </c>
      <c r="CH3569" s="53">
        <v>4051.8264840182501</v>
      </c>
      <c r="CI3569" s="53">
        <v>4051.8264840182401</v>
      </c>
      <c r="CJ3569" s="53">
        <v>4051.8264840182401</v>
      </c>
      <c r="CK3569" s="53">
        <v>4051.8264840182501</v>
      </c>
      <c r="CL3569" s="53">
        <v>4051.8264840182401</v>
      </c>
      <c r="CM3569" s="53">
        <v>4051.8264840182401</v>
      </c>
      <c r="CN3569" s="53">
        <v>48621.917808218997</v>
      </c>
    </row>
    <row r="3570" spans="1:92" outlineLevel="1">
      <c r="A3570" s="52" t="s">
        <v>1782</v>
      </c>
      <c r="B3570" s="53"/>
      <c r="C3570" s="53"/>
      <c r="D3570" s="53"/>
      <c r="E3570" s="53"/>
      <c r="F3570" s="53"/>
      <c r="G3570" s="53"/>
      <c r="H3570" s="53"/>
      <c r="I3570" s="53"/>
      <c r="J3570" s="53"/>
      <c r="K3570" s="53"/>
      <c r="L3570" s="53"/>
      <c r="M3570" s="53"/>
      <c r="N3570" s="53"/>
      <c r="O3570" s="53"/>
      <c r="P3570" s="53"/>
      <c r="Q3570" s="53"/>
      <c r="R3570" s="53"/>
      <c r="S3570" s="53"/>
      <c r="T3570" s="53"/>
      <c r="U3570" s="53"/>
      <c r="V3570" s="53"/>
      <c r="W3570" s="53"/>
      <c r="X3570" s="53"/>
      <c r="Y3570" s="53"/>
      <c r="Z3570" s="53"/>
      <c r="AA3570" s="53"/>
      <c r="AB3570" s="53"/>
      <c r="AC3570" s="53"/>
      <c r="AD3570" s="53"/>
      <c r="AE3570" s="53"/>
      <c r="AF3570" s="53"/>
      <c r="AG3570" s="53"/>
      <c r="AH3570" s="53"/>
      <c r="AI3570" s="53"/>
      <c r="AJ3570" s="53"/>
      <c r="AK3570" s="53"/>
      <c r="AL3570" s="53"/>
      <c r="AM3570" s="53"/>
      <c r="AN3570" s="53"/>
      <c r="AO3570" s="53"/>
      <c r="AP3570" s="53"/>
      <c r="AQ3570" s="53"/>
      <c r="AR3570" s="53"/>
      <c r="AS3570" s="53"/>
      <c r="AT3570" s="53"/>
      <c r="AU3570" s="53"/>
      <c r="AV3570" s="53"/>
      <c r="AW3570" s="53"/>
      <c r="AX3570" s="53"/>
      <c r="AY3570" s="53"/>
      <c r="AZ3570" s="53"/>
      <c r="BA3570" s="53"/>
      <c r="BB3570" s="53"/>
      <c r="BC3570" s="53"/>
      <c r="BD3570" s="53"/>
      <c r="BE3570" s="53"/>
      <c r="BF3570" s="53"/>
      <c r="BG3570" s="53"/>
      <c r="BH3570" s="53"/>
      <c r="BI3570" s="53"/>
      <c r="BJ3570" s="53"/>
      <c r="BK3570" s="53"/>
      <c r="BL3570" s="53"/>
      <c r="BM3570" s="53"/>
      <c r="BN3570" s="53"/>
      <c r="BO3570" s="53"/>
      <c r="BP3570" s="53"/>
      <c r="BQ3570" s="53"/>
      <c r="BR3570" s="53"/>
      <c r="BS3570" s="53"/>
      <c r="BT3570" s="53"/>
      <c r="BU3570" s="53"/>
      <c r="BV3570" s="53"/>
      <c r="BW3570" s="53"/>
      <c r="BX3570" s="53"/>
      <c r="BY3570" s="53"/>
      <c r="BZ3570" s="53"/>
      <c r="CA3570" s="53"/>
      <c r="CB3570" s="53">
        <v>3523.40918163673</v>
      </c>
      <c r="CC3570" s="53">
        <v>3523.40918163673</v>
      </c>
      <c r="CD3570" s="53">
        <v>3523.40918163673</v>
      </c>
      <c r="CE3570" s="53">
        <v>3523.40918163673</v>
      </c>
      <c r="CF3570" s="53">
        <v>3523.40918163673</v>
      </c>
      <c r="CG3570" s="53">
        <v>3523.40918163673</v>
      </c>
      <c r="CH3570" s="53">
        <v>3523.40918163673</v>
      </c>
      <c r="CI3570" s="53">
        <v>3523.40918163673</v>
      </c>
      <c r="CJ3570" s="53">
        <v>3523.40918163673</v>
      </c>
      <c r="CK3570" s="53">
        <v>3523.40918163673</v>
      </c>
      <c r="CL3570" s="53">
        <v>3523.40918163673</v>
      </c>
      <c r="CM3570" s="53">
        <v>3523.40918163673</v>
      </c>
      <c r="CN3570" s="53">
        <v>42280.910179640799</v>
      </c>
    </row>
    <row r="3571" spans="1:92" outlineLevel="1">
      <c r="A3571" s="52" t="s">
        <v>1783</v>
      </c>
      <c r="B3571" s="53"/>
      <c r="C3571" s="53"/>
      <c r="D3571" s="53"/>
      <c r="E3571" s="53"/>
      <c r="F3571" s="53"/>
      <c r="G3571" s="53"/>
      <c r="H3571" s="53"/>
      <c r="I3571" s="53"/>
      <c r="J3571" s="53"/>
      <c r="K3571" s="53"/>
      <c r="L3571" s="53"/>
      <c r="M3571" s="53"/>
      <c r="N3571" s="53"/>
      <c r="O3571" s="53"/>
      <c r="P3571" s="53"/>
      <c r="Q3571" s="53"/>
      <c r="R3571" s="53"/>
      <c r="S3571" s="53"/>
      <c r="T3571" s="53"/>
      <c r="U3571" s="53"/>
      <c r="V3571" s="53"/>
      <c r="W3571" s="53"/>
      <c r="X3571" s="53"/>
      <c r="Y3571" s="53"/>
      <c r="Z3571" s="53"/>
      <c r="AA3571" s="53"/>
      <c r="AB3571" s="53"/>
      <c r="AC3571" s="53"/>
      <c r="AD3571" s="53"/>
      <c r="AE3571" s="53"/>
      <c r="AF3571" s="53"/>
      <c r="AG3571" s="53"/>
      <c r="AH3571" s="53"/>
      <c r="AI3571" s="53"/>
      <c r="AJ3571" s="53"/>
      <c r="AK3571" s="53"/>
      <c r="AL3571" s="53"/>
      <c r="AM3571" s="53"/>
      <c r="AN3571" s="53"/>
      <c r="AO3571" s="53"/>
      <c r="AP3571" s="53"/>
      <c r="AQ3571" s="53"/>
      <c r="AR3571" s="53"/>
      <c r="AS3571" s="53"/>
      <c r="AT3571" s="53"/>
      <c r="AU3571" s="53"/>
      <c r="AV3571" s="53"/>
      <c r="AW3571" s="53"/>
      <c r="AX3571" s="53"/>
      <c r="AY3571" s="53"/>
      <c r="AZ3571" s="53"/>
      <c r="BA3571" s="53"/>
      <c r="BB3571" s="53"/>
      <c r="BC3571" s="53"/>
      <c r="BD3571" s="53"/>
      <c r="BE3571" s="53"/>
      <c r="BF3571" s="53"/>
      <c r="BG3571" s="53"/>
      <c r="BH3571" s="53"/>
      <c r="BI3571" s="53"/>
      <c r="BJ3571" s="53"/>
      <c r="BK3571" s="53"/>
      <c r="BL3571" s="53"/>
      <c r="BM3571" s="53"/>
      <c r="BN3571" s="53"/>
      <c r="BO3571" s="53"/>
      <c r="BP3571" s="53"/>
      <c r="BQ3571" s="53"/>
      <c r="BR3571" s="53"/>
      <c r="BS3571" s="53"/>
      <c r="BT3571" s="53"/>
      <c r="BU3571" s="53"/>
      <c r="BV3571" s="53"/>
      <c r="BW3571" s="53"/>
      <c r="BX3571" s="53"/>
      <c r="BY3571" s="53"/>
      <c r="BZ3571" s="53"/>
      <c r="CA3571" s="53"/>
      <c r="CB3571" s="53">
        <v>9347.6262626262305</v>
      </c>
      <c r="CC3571" s="53">
        <v>9347.6262626262305</v>
      </c>
      <c r="CD3571" s="53">
        <v>9347.6262626262305</v>
      </c>
      <c r="CE3571" s="53">
        <v>9347.6262626262305</v>
      </c>
      <c r="CF3571" s="53">
        <v>9347.6262626262305</v>
      </c>
      <c r="CG3571" s="53">
        <v>9347.6262626262305</v>
      </c>
      <c r="CH3571" s="53">
        <v>9347.6262626262305</v>
      </c>
      <c r="CI3571" s="53">
        <v>9347.6262626262305</v>
      </c>
      <c r="CJ3571" s="53">
        <v>9347.6262626262305</v>
      </c>
      <c r="CK3571" s="53">
        <v>9347.6262626262305</v>
      </c>
      <c r="CL3571" s="53">
        <v>9347.6262626262305</v>
      </c>
      <c r="CM3571" s="53">
        <v>9347.6262626262305</v>
      </c>
      <c r="CN3571" s="53">
        <v>112171.515151514</v>
      </c>
    </row>
    <row r="3572" spans="1:92" outlineLevel="1">
      <c r="A3572" s="52" t="s">
        <v>649</v>
      </c>
      <c r="B3572" s="53"/>
      <c r="C3572" s="53"/>
      <c r="D3572" s="53"/>
      <c r="E3572" s="53"/>
      <c r="F3572" s="53"/>
      <c r="G3572" s="53"/>
      <c r="H3572" s="53"/>
      <c r="I3572" s="53"/>
      <c r="J3572" s="53"/>
      <c r="K3572" s="53"/>
      <c r="L3572" s="53">
        <v>-175000000</v>
      </c>
      <c r="M3572" s="53"/>
      <c r="N3572" s="53">
        <v>-175000000</v>
      </c>
      <c r="O3572" s="53"/>
      <c r="P3572" s="53"/>
      <c r="Q3572" s="53"/>
      <c r="R3572" s="53"/>
      <c r="S3572" s="53"/>
      <c r="T3572" s="53"/>
      <c r="U3572" s="53"/>
      <c r="V3572" s="53"/>
      <c r="W3572" s="53"/>
      <c r="X3572" s="53"/>
      <c r="Y3572" s="53"/>
      <c r="Z3572" s="53"/>
      <c r="AA3572" s="53"/>
      <c r="AB3572" s="53"/>
      <c r="AC3572" s="53"/>
      <c r="AD3572" s="53"/>
      <c r="AE3572" s="53"/>
      <c r="AF3572" s="53"/>
      <c r="AG3572" s="53"/>
      <c r="AH3572" s="53"/>
      <c r="AI3572" s="53"/>
      <c r="AJ3572" s="53"/>
      <c r="AK3572" s="53"/>
      <c r="AL3572" s="53"/>
      <c r="AM3572" s="53"/>
      <c r="AN3572" s="53"/>
      <c r="AO3572" s="53"/>
      <c r="AP3572" s="53"/>
      <c r="AQ3572" s="53"/>
      <c r="AR3572" s="53"/>
      <c r="AS3572" s="53"/>
      <c r="AT3572" s="53"/>
      <c r="AU3572" s="53"/>
      <c r="AV3572" s="53"/>
      <c r="AW3572" s="53"/>
      <c r="AX3572" s="53"/>
      <c r="AY3572" s="53"/>
      <c r="AZ3572" s="53"/>
      <c r="BA3572" s="53"/>
      <c r="BB3572" s="53"/>
      <c r="BC3572" s="53"/>
      <c r="BD3572" s="53"/>
      <c r="BE3572" s="53"/>
      <c r="BF3572" s="53"/>
      <c r="BG3572" s="53">
        <v>-50000000</v>
      </c>
      <c r="BH3572" s="53"/>
      <c r="BI3572" s="53"/>
      <c r="BJ3572" s="53"/>
      <c r="BK3572" s="53"/>
      <c r="BL3572" s="53"/>
      <c r="BM3572" s="53"/>
      <c r="BN3572" s="53">
        <v>-50000000</v>
      </c>
      <c r="BO3572" s="53"/>
      <c r="BP3572" s="53"/>
      <c r="BQ3572" s="53"/>
      <c r="BR3572" s="53"/>
      <c r="BS3572" s="53"/>
      <c r="BT3572" s="53">
        <v>-125000000</v>
      </c>
      <c r="BU3572" s="53"/>
      <c r="BV3572" s="53"/>
      <c r="BW3572" s="53"/>
      <c r="BX3572" s="53"/>
      <c r="BY3572" s="53"/>
      <c r="BZ3572" s="53"/>
      <c r="CA3572" s="53">
        <v>-125000000</v>
      </c>
      <c r="CB3572" s="53">
        <v>1620.19834710743</v>
      </c>
      <c r="CC3572" s="53"/>
      <c r="CD3572" s="53"/>
      <c r="CE3572" s="53"/>
      <c r="CF3572" s="53"/>
      <c r="CG3572" s="53"/>
      <c r="CH3572" s="53"/>
      <c r="CI3572" s="53"/>
      <c r="CJ3572" s="53"/>
      <c r="CK3572" s="53"/>
      <c r="CL3572" s="53"/>
      <c r="CM3572" s="53"/>
      <c r="CN3572" s="53">
        <v>1620.19834710743</v>
      </c>
    </row>
    <row r="3573" spans="1:92" outlineLevel="1">
      <c r="A3573" s="52" t="s">
        <v>1784</v>
      </c>
      <c r="B3573" s="53">
        <v>6515736999.8999796</v>
      </c>
      <c r="C3573" s="53">
        <v>6514429365.68999</v>
      </c>
      <c r="D3573" s="53">
        <v>6511626738.5899897</v>
      </c>
      <c r="E3573" s="53">
        <v>6510463308.5699902</v>
      </c>
      <c r="F3573" s="53">
        <v>6507181516.6499996</v>
      </c>
      <c r="G3573" s="53">
        <v>6507272353.2399902</v>
      </c>
      <c r="H3573" s="53">
        <v>6503400319.9700003</v>
      </c>
      <c r="I3573" s="53">
        <v>6505005448.0999899</v>
      </c>
      <c r="J3573" s="53">
        <v>6503644153.1099997</v>
      </c>
      <c r="K3573" s="53">
        <v>6499191657.9099903</v>
      </c>
      <c r="L3573" s="53">
        <v>6492242540.2499905</v>
      </c>
      <c r="M3573" s="53">
        <v>6485645618.26999</v>
      </c>
      <c r="N3573" s="53">
        <v>6485645618.26999</v>
      </c>
      <c r="O3573" s="53">
        <v>6606556865.2754698</v>
      </c>
      <c r="P3573" s="53">
        <v>6660129059.6970301</v>
      </c>
      <c r="Q3573" s="53">
        <v>6722581784.8255596</v>
      </c>
      <c r="R3573" s="53">
        <v>6767589777.2006798</v>
      </c>
      <c r="S3573" s="53">
        <v>6840267282.6884604</v>
      </c>
      <c r="T3573" s="53">
        <v>6946102979.6942701</v>
      </c>
      <c r="U3573" s="53">
        <v>7038949067.3731298</v>
      </c>
      <c r="V3573" s="53">
        <v>7179769749.6437302</v>
      </c>
      <c r="W3573" s="53">
        <v>7284784191.38237</v>
      </c>
      <c r="X3573" s="53">
        <v>7344066182.2695599</v>
      </c>
      <c r="Y3573" s="53">
        <v>7373813665.25278</v>
      </c>
      <c r="Z3573" s="53">
        <v>7439260116.5615101</v>
      </c>
      <c r="AA3573" s="53">
        <v>7439260116.5615101</v>
      </c>
      <c r="AB3573" s="53">
        <v>7561217371.8157196</v>
      </c>
      <c r="AC3573" s="53">
        <v>7612104613.1009302</v>
      </c>
      <c r="AD3573" s="53">
        <v>7654312730.2560596</v>
      </c>
      <c r="AE3573" s="53">
        <v>7703333675.2883396</v>
      </c>
      <c r="AF3573" s="53">
        <v>7781220249.8464298</v>
      </c>
      <c r="AG3573" s="53">
        <v>7886348176.3706503</v>
      </c>
      <c r="AH3573" s="53">
        <v>7990165936.2839699</v>
      </c>
      <c r="AI3573" s="53">
        <v>8143016348.25</v>
      </c>
      <c r="AJ3573" s="53">
        <v>8237108348.1015997</v>
      </c>
      <c r="AK3573" s="53">
        <v>8305466819.8754702</v>
      </c>
      <c r="AL3573" s="53">
        <v>8342218075.20891</v>
      </c>
      <c r="AM3573" s="53">
        <v>8409459287.8760796</v>
      </c>
      <c r="AN3573" s="53">
        <v>8409459287.8760796</v>
      </c>
      <c r="AO3573" s="53">
        <v>8525651803.5560398</v>
      </c>
      <c r="AP3573" s="53">
        <v>8566207876.8115396</v>
      </c>
      <c r="AQ3573" s="53">
        <v>8596352892.4043808</v>
      </c>
      <c r="AR3573" s="53">
        <v>8639629805.6759491</v>
      </c>
      <c r="AS3573" s="53">
        <v>8711091970.9357109</v>
      </c>
      <c r="AT3573" s="53">
        <v>8798989758.8664494</v>
      </c>
      <c r="AU3573" s="53">
        <v>8896681757.1473007</v>
      </c>
      <c r="AV3573" s="53">
        <v>9042804331.8083496</v>
      </c>
      <c r="AW3573" s="53">
        <v>9121969069.3127403</v>
      </c>
      <c r="AX3573" s="53">
        <v>9182766456.8134308</v>
      </c>
      <c r="AY3573" s="53">
        <v>9209508959.2617493</v>
      </c>
      <c r="AZ3573" s="53">
        <v>9262464965.5402603</v>
      </c>
      <c r="BA3573" s="53">
        <v>9262464965.5402603</v>
      </c>
      <c r="BB3573" s="53">
        <v>9377749293.2066593</v>
      </c>
      <c r="BC3573" s="53">
        <v>9417402429.84725</v>
      </c>
      <c r="BD3573" s="53">
        <v>9445971443.3228493</v>
      </c>
      <c r="BE3573" s="53">
        <v>9488234295.8146496</v>
      </c>
      <c r="BF3573" s="53">
        <v>9559179570.3376102</v>
      </c>
      <c r="BG3573" s="53">
        <v>9598286143.6695309</v>
      </c>
      <c r="BH3573" s="53">
        <v>9697022959.76507</v>
      </c>
      <c r="BI3573" s="53">
        <v>9844179713.6106796</v>
      </c>
      <c r="BJ3573" s="53">
        <v>9923983682.2803993</v>
      </c>
      <c r="BK3573" s="53">
        <v>9985206327.5130806</v>
      </c>
      <c r="BL3573" s="53">
        <v>10011519622.4583</v>
      </c>
      <c r="BM3573" s="53">
        <v>10066056387.2288</v>
      </c>
      <c r="BN3573" s="53">
        <v>10066056387.2288</v>
      </c>
      <c r="BO3573" s="53">
        <v>10178684800.932699</v>
      </c>
      <c r="BP3573" s="53">
        <v>10218396924.891701</v>
      </c>
      <c r="BQ3573" s="53">
        <v>10245879094.009199</v>
      </c>
      <c r="BR3573" s="53">
        <v>10286637698.773199</v>
      </c>
      <c r="BS3573" s="53">
        <v>10356880016.7658</v>
      </c>
      <c r="BT3573" s="53">
        <v>10318848642.7059</v>
      </c>
      <c r="BU3573" s="53">
        <v>10415294748.6754</v>
      </c>
      <c r="BV3573" s="53">
        <v>10560249370.055901</v>
      </c>
      <c r="BW3573" s="53">
        <v>10638793094.2633</v>
      </c>
      <c r="BX3573" s="53">
        <v>10698197899.4629</v>
      </c>
      <c r="BY3573" s="53">
        <v>10722298711.8859</v>
      </c>
      <c r="BZ3573" s="53">
        <v>10775658626.348101</v>
      </c>
      <c r="CA3573" s="53">
        <v>10775658626.348101</v>
      </c>
      <c r="CB3573" s="53">
        <v>1540.86342229199</v>
      </c>
      <c r="CC3573" s="53">
        <v>1540.86342229199</v>
      </c>
      <c r="CD3573" s="53">
        <v>1540.86342229199</v>
      </c>
      <c r="CE3573" s="53">
        <v>1540.86342229199</v>
      </c>
      <c r="CF3573" s="53">
        <v>1540.86342229199</v>
      </c>
      <c r="CG3573" s="53">
        <v>1540.86342229199</v>
      </c>
      <c r="CH3573" s="53">
        <v>1540.86342229199</v>
      </c>
      <c r="CI3573" s="53">
        <v>1540.86342229199</v>
      </c>
      <c r="CJ3573" s="53">
        <v>1540.86342229199</v>
      </c>
      <c r="CK3573" s="53">
        <v>1540.86342229199</v>
      </c>
      <c r="CL3573" s="53">
        <v>1540.86342229199</v>
      </c>
      <c r="CM3573" s="53">
        <v>1540.86342229199</v>
      </c>
      <c r="CN3573" s="53">
        <v>18490.361067503902</v>
      </c>
    </row>
    <row r="3574" spans="1:92" outlineLevel="1">
      <c r="A3574" s="52" t="s">
        <v>1785</v>
      </c>
      <c r="B3574" s="53">
        <v>5602102.7299999902</v>
      </c>
      <c r="C3574" s="53">
        <v>5602102.7299999902</v>
      </c>
      <c r="D3574" s="53">
        <v>5602102.7299999902</v>
      </c>
      <c r="E3574" s="53">
        <v>5602102.7299999902</v>
      </c>
      <c r="F3574" s="53">
        <v>5602102.7299999902</v>
      </c>
      <c r="G3574" s="53">
        <v>5602102.7299999902</v>
      </c>
      <c r="H3574" s="53">
        <v>5602102.7299999902</v>
      </c>
      <c r="I3574" s="53">
        <v>5602102.7299999902</v>
      </c>
      <c r="J3574" s="53">
        <v>5602102.7299999902</v>
      </c>
      <c r="K3574" s="53">
        <v>5602102.7299999902</v>
      </c>
      <c r="L3574" s="53">
        <v>5602102.7299999902</v>
      </c>
      <c r="M3574" s="53">
        <v>5602102.7299999902</v>
      </c>
      <c r="N3574" s="53">
        <v>5602102.7299999902</v>
      </c>
      <c r="O3574" s="53">
        <v>5602102.7299999902</v>
      </c>
      <c r="P3574" s="53">
        <v>5602102.7299999902</v>
      </c>
      <c r="Q3574" s="53">
        <v>5602102.7299999902</v>
      </c>
      <c r="R3574" s="53">
        <v>5602102.7299999902</v>
      </c>
      <c r="S3574" s="53">
        <v>5602102.7299999902</v>
      </c>
      <c r="T3574" s="53">
        <v>5602102.7299999902</v>
      </c>
      <c r="U3574" s="53">
        <v>5602102.7299999902</v>
      </c>
      <c r="V3574" s="53">
        <v>5602102.7299999902</v>
      </c>
      <c r="W3574" s="53">
        <v>5602102.7299999902</v>
      </c>
      <c r="X3574" s="53">
        <v>5602102.7299999902</v>
      </c>
      <c r="Y3574" s="53">
        <v>5602102.7299999902</v>
      </c>
      <c r="Z3574" s="53">
        <v>5602102.7299999902</v>
      </c>
      <c r="AA3574" s="53">
        <v>5602102.7299999902</v>
      </c>
      <c r="AB3574" s="53">
        <v>5602102.7299999902</v>
      </c>
      <c r="AC3574" s="53">
        <v>5602102.7299999902</v>
      </c>
      <c r="AD3574" s="53">
        <v>5602102.7299999902</v>
      </c>
      <c r="AE3574" s="53">
        <v>5602102.7299999902</v>
      </c>
      <c r="AF3574" s="53">
        <v>5602102.7299999902</v>
      </c>
      <c r="AG3574" s="53">
        <v>5602102.7299999902</v>
      </c>
      <c r="AH3574" s="53">
        <v>5602102.7299999902</v>
      </c>
      <c r="AI3574" s="53">
        <v>5602102.7299999902</v>
      </c>
      <c r="AJ3574" s="53">
        <v>5602102.7299999902</v>
      </c>
      <c r="AK3574" s="53">
        <v>5602102.7299999902</v>
      </c>
      <c r="AL3574" s="53">
        <v>5602102.7299999902</v>
      </c>
      <c r="AM3574" s="53">
        <v>5602102.7299999902</v>
      </c>
      <c r="AN3574" s="53">
        <v>5602102.7299999902</v>
      </c>
      <c r="AO3574" s="53">
        <v>5602102.7299999902</v>
      </c>
      <c r="AP3574" s="53">
        <v>5602102.7299999902</v>
      </c>
      <c r="AQ3574" s="53">
        <v>5602102.7299999902</v>
      </c>
      <c r="AR3574" s="53">
        <v>5602102.7299999902</v>
      </c>
      <c r="AS3574" s="53">
        <v>5602102.7299999902</v>
      </c>
      <c r="AT3574" s="53">
        <v>5602102.7299999902</v>
      </c>
      <c r="AU3574" s="53">
        <v>5602102.7299999902</v>
      </c>
      <c r="AV3574" s="53">
        <v>5602102.7299999902</v>
      </c>
      <c r="AW3574" s="53">
        <v>5602102.7299999902</v>
      </c>
      <c r="AX3574" s="53">
        <v>5602102.7299999902</v>
      </c>
      <c r="AY3574" s="53">
        <v>5602102.7299999902</v>
      </c>
      <c r="AZ3574" s="53">
        <v>5602102.7299999902</v>
      </c>
      <c r="BA3574" s="53">
        <v>5602102.7299999902</v>
      </c>
      <c r="BB3574" s="53">
        <v>5602102.7299999902</v>
      </c>
      <c r="BC3574" s="53">
        <v>5602102.7299999902</v>
      </c>
      <c r="BD3574" s="53">
        <v>5602102.7299999902</v>
      </c>
      <c r="BE3574" s="53">
        <v>5602102.7299999902</v>
      </c>
      <c r="BF3574" s="53">
        <v>5602102.7299999902</v>
      </c>
      <c r="BG3574" s="53">
        <v>5602102.7299999902</v>
      </c>
      <c r="BH3574" s="53">
        <v>5602102.7299999902</v>
      </c>
      <c r="BI3574" s="53">
        <v>5602102.7299999902</v>
      </c>
      <c r="BJ3574" s="53">
        <v>5602102.7299999902</v>
      </c>
      <c r="BK3574" s="53">
        <v>5602102.7299999902</v>
      </c>
      <c r="BL3574" s="53">
        <v>5602102.7299999902</v>
      </c>
      <c r="BM3574" s="53">
        <v>5602102.7299999902</v>
      </c>
      <c r="BN3574" s="53">
        <v>5602102.7299999902</v>
      </c>
      <c r="BO3574" s="53">
        <v>5602102.7299999902</v>
      </c>
      <c r="BP3574" s="53">
        <v>5602102.7299999902</v>
      </c>
      <c r="BQ3574" s="53">
        <v>5602102.7299999902</v>
      </c>
      <c r="BR3574" s="53">
        <v>5602102.7299999902</v>
      </c>
      <c r="BS3574" s="53">
        <v>5602102.7299999902</v>
      </c>
      <c r="BT3574" s="53">
        <v>5602102.7299999902</v>
      </c>
      <c r="BU3574" s="53">
        <v>5602102.7299999902</v>
      </c>
      <c r="BV3574" s="53">
        <v>5602102.7299999902</v>
      </c>
      <c r="BW3574" s="53">
        <v>5602102.7299999902</v>
      </c>
      <c r="BX3574" s="53">
        <v>5602102.7299999902</v>
      </c>
      <c r="BY3574" s="53">
        <v>5602102.7299999902</v>
      </c>
      <c r="BZ3574" s="53">
        <v>5602102.7299999902</v>
      </c>
      <c r="CA3574" s="53">
        <v>5602102.7299999902</v>
      </c>
      <c r="CB3574" s="53">
        <v>9185.2866242038108</v>
      </c>
      <c r="CC3574" s="53">
        <v>9185.2866242038108</v>
      </c>
      <c r="CD3574" s="53">
        <v>9185.2866242038108</v>
      </c>
      <c r="CE3574" s="53">
        <v>9185.2866242038108</v>
      </c>
      <c r="CF3574" s="53">
        <v>9185.2866242038108</v>
      </c>
      <c r="CG3574" s="53">
        <v>9185.2866242038108</v>
      </c>
      <c r="CH3574" s="53">
        <v>9185.2866242038108</v>
      </c>
      <c r="CI3574" s="53">
        <v>9185.2866242038108</v>
      </c>
      <c r="CJ3574" s="53">
        <v>9185.2866242038108</v>
      </c>
      <c r="CK3574" s="53">
        <v>9185.2866242038108</v>
      </c>
      <c r="CL3574" s="53">
        <v>9185.2866242038108</v>
      </c>
      <c r="CM3574" s="53">
        <v>9185.2866242038108</v>
      </c>
      <c r="CN3574" s="53">
        <v>110223.439490445</v>
      </c>
    </row>
    <row r="3575" spans="1:92" outlineLevel="1">
      <c r="A3575" s="52" t="s">
        <v>1786</v>
      </c>
      <c r="B3575" s="53">
        <v>0</v>
      </c>
      <c r="C3575" s="53">
        <v>0</v>
      </c>
      <c r="D3575" s="53">
        <v>0</v>
      </c>
      <c r="E3575" s="53">
        <v>0</v>
      </c>
      <c r="F3575" s="53">
        <v>0</v>
      </c>
      <c r="G3575" s="53">
        <v>0</v>
      </c>
      <c r="H3575" s="53">
        <v>0</v>
      </c>
      <c r="I3575" s="53">
        <v>0</v>
      </c>
      <c r="J3575" s="53">
        <v>0</v>
      </c>
      <c r="K3575" s="53">
        <v>0</v>
      </c>
      <c r="L3575" s="53">
        <v>0</v>
      </c>
      <c r="M3575" s="53">
        <v>0</v>
      </c>
      <c r="N3575" s="53">
        <v>0</v>
      </c>
      <c r="O3575" s="53">
        <v>0</v>
      </c>
      <c r="P3575" s="53">
        <v>0</v>
      </c>
      <c r="Q3575" s="53">
        <v>0</v>
      </c>
      <c r="R3575" s="53">
        <v>0</v>
      </c>
      <c r="S3575" s="53">
        <v>0</v>
      </c>
      <c r="T3575" s="53">
        <v>0</v>
      </c>
      <c r="U3575" s="53">
        <v>0</v>
      </c>
      <c r="V3575" s="53">
        <v>0</v>
      </c>
      <c r="W3575" s="53">
        <v>0</v>
      </c>
      <c r="X3575" s="53">
        <v>0</v>
      </c>
      <c r="Y3575" s="53">
        <v>0</v>
      </c>
      <c r="Z3575" s="53">
        <v>0</v>
      </c>
      <c r="AA3575" s="53">
        <v>0</v>
      </c>
      <c r="AB3575" s="53">
        <v>0</v>
      </c>
      <c r="AC3575" s="53">
        <v>0</v>
      </c>
      <c r="AD3575" s="53">
        <v>0</v>
      </c>
      <c r="AE3575" s="53">
        <v>0</v>
      </c>
      <c r="AF3575" s="53">
        <v>0</v>
      </c>
      <c r="AG3575" s="53">
        <v>0</v>
      </c>
      <c r="AH3575" s="53">
        <v>0</v>
      </c>
      <c r="AI3575" s="53">
        <v>0</v>
      </c>
      <c r="AJ3575" s="53">
        <v>0</v>
      </c>
      <c r="AK3575" s="53">
        <v>0</v>
      </c>
      <c r="AL3575" s="53">
        <v>0</v>
      </c>
      <c r="AM3575" s="53">
        <v>0</v>
      </c>
      <c r="AN3575" s="53">
        <v>0</v>
      </c>
      <c r="AO3575" s="53">
        <v>0</v>
      </c>
      <c r="AP3575" s="53">
        <v>0</v>
      </c>
      <c r="AQ3575" s="53">
        <v>0</v>
      </c>
      <c r="AR3575" s="53">
        <v>0</v>
      </c>
      <c r="AS3575" s="53">
        <v>0</v>
      </c>
      <c r="AT3575" s="53">
        <v>0</v>
      </c>
      <c r="AU3575" s="53">
        <v>0</v>
      </c>
      <c r="AV3575" s="53">
        <v>0</v>
      </c>
      <c r="AW3575" s="53">
        <v>0</v>
      </c>
      <c r="AX3575" s="53">
        <v>0</v>
      </c>
      <c r="AY3575" s="53">
        <v>0</v>
      </c>
      <c r="AZ3575" s="53">
        <v>0</v>
      </c>
      <c r="BA3575" s="53">
        <v>0</v>
      </c>
      <c r="BB3575" s="53">
        <v>0</v>
      </c>
      <c r="BC3575" s="53">
        <v>0</v>
      </c>
      <c r="BD3575" s="53">
        <v>0</v>
      </c>
      <c r="BE3575" s="53">
        <v>0</v>
      </c>
      <c r="BF3575" s="53">
        <v>0</v>
      </c>
      <c r="BG3575" s="53">
        <v>0</v>
      </c>
      <c r="BH3575" s="53">
        <v>0</v>
      </c>
      <c r="BI3575" s="53">
        <v>0</v>
      </c>
      <c r="BJ3575" s="53">
        <v>0</v>
      </c>
      <c r="BK3575" s="53">
        <v>0</v>
      </c>
      <c r="BL3575" s="53">
        <v>0</v>
      </c>
      <c r="BM3575" s="53">
        <v>0</v>
      </c>
      <c r="BN3575" s="53">
        <v>0</v>
      </c>
      <c r="BO3575" s="53">
        <v>0</v>
      </c>
      <c r="BP3575" s="53">
        <v>0</v>
      </c>
      <c r="BQ3575" s="53">
        <v>0</v>
      </c>
      <c r="BR3575" s="53">
        <v>0</v>
      </c>
      <c r="BS3575" s="53">
        <v>0</v>
      </c>
      <c r="BT3575" s="53">
        <v>0</v>
      </c>
      <c r="BU3575" s="53">
        <v>0</v>
      </c>
      <c r="BV3575" s="53">
        <v>0</v>
      </c>
      <c r="BW3575" s="53">
        <v>0</v>
      </c>
      <c r="BX3575" s="53">
        <v>0</v>
      </c>
      <c r="BY3575" s="53">
        <v>0</v>
      </c>
      <c r="BZ3575" s="53">
        <v>0</v>
      </c>
      <c r="CA3575" s="53">
        <v>0</v>
      </c>
      <c r="CB3575" s="53">
        <v>3087.3789473684201</v>
      </c>
      <c r="CC3575" s="53">
        <v>3087.3789473684201</v>
      </c>
      <c r="CD3575" s="53">
        <v>3087.3789473684201</v>
      </c>
      <c r="CE3575" s="53">
        <v>3087.3789473684201</v>
      </c>
      <c r="CF3575" s="53">
        <v>3087.3789473684201</v>
      </c>
      <c r="CG3575" s="53">
        <v>3087.3789473684201</v>
      </c>
      <c r="CH3575" s="53">
        <v>3087.3789473684201</v>
      </c>
      <c r="CI3575" s="53">
        <v>3087.3789473684201</v>
      </c>
      <c r="CJ3575" s="53">
        <v>3087.3789473684201</v>
      </c>
      <c r="CK3575" s="53">
        <v>3087.3789473684201</v>
      </c>
      <c r="CL3575" s="53">
        <v>3087.3789473684201</v>
      </c>
      <c r="CM3575" s="53">
        <v>3087.3789473684201</v>
      </c>
      <c r="CN3575" s="53">
        <v>37048.547368421001</v>
      </c>
    </row>
    <row r="3576" spans="1:92" outlineLevel="1">
      <c r="A3576" s="52" t="s">
        <v>1787</v>
      </c>
      <c r="B3576" s="53">
        <v>104410576.97999901</v>
      </c>
      <c r="C3576" s="53">
        <v>130609980.83999901</v>
      </c>
      <c r="D3576" s="53">
        <v>175927562.72</v>
      </c>
      <c r="E3576" s="53">
        <v>239900811.88</v>
      </c>
      <c r="F3576" s="53">
        <v>320567260.37999898</v>
      </c>
      <c r="G3576" s="53">
        <v>441867697.42000002</v>
      </c>
      <c r="H3576" s="53">
        <v>545616835.669999</v>
      </c>
      <c r="I3576" s="53">
        <v>677602548.07000005</v>
      </c>
      <c r="J3576" s="53">
        <v>764230800.75</v>
      </c>
      <c r="K3576" s="53">
        <v>837780940.80999899</v>
      </c>
      <c r="L3576" s="53">
        <v>884917661.02999902</v>
      </c>
      <c r="M3576" s="53">
        <v>935984477.26000094</v>
      </c>
      <c r="N3576" s="53">
        <v>935984477.26000094</v>
      </c>
      <c r="O3576" s="53">
        <v>935984477.26000094</v>
      </c>
      <c r="P3576" s="53">
        <v>935984477.26000094</v>
      </c>
      <c r="Q3576" s="53">
        <v>935984477.26000094</v>
      </c>
      <c r="R3576" s="53">
        <v>935984477.26000094</v>
      </c>
      <c r="S3576" s="53">
        <v>935984477.26000094</v>
      </c>
      <c r="T3576" s="53">
        <v>935984477.26000094</v>
      </c>
      <c r="U3576" s="53">
        <v>935984477.26000094</v>
      </c>
      <c r="V3576" s="53">
        <v>935984477.26000094</v>
      </c>
      <c r="W3576" s="53">
        <v>935984477.26000094</v>
      </c>
      <c r="X3576" s="53">
        <v>935984477.26000094</v>
      </c>
      <c r="Y3576" s="53">
        <v>935984477.26000094</v>
      </c>
      <c r="Z3576" s="53">
        <v>935984477.26000094</v>
      </c>
      <c r="AA3576" s="53">
        <v>935984477.26000094</v>
      </c>
      <c r="AB3576" s="53">
        <v>935984477.26000094</v>
      </c>
      <c r="AC3576" s="53">
        <v>935984477.26000094</v>
      </c>
      <c r="AD3576" s="53">
        <v>935984477.26000094</v>
      </c>
      <c r="AE3576" s="53">
        <v>935984477.26000094</v>
      </c>
      <c r="AF3576" s="53">
        <v>935984477.26000094</v>
      </c>
      <c r="AG3576" s="53">
        <v>935984477.26000094</v>
      </c>
      <c r="AH3576" s="53">
        <v>935984477.26000094</v>
      </c>
      <c r="AI3576" s="53">
        <v>935984477.26000094</v>
      </c>
      <c r="AJ3576" s="53">
        <v>935984477.26000094</v>
      </c>
      <c r="AK3576" s="53">
        <v>935984477.26000094</v>
      </c>
      <c r="AL3576" s="53">
        <v>935984477.26000094</v>
      </c>
      <c r="AM3576" s="53">
        <v>935984477.26000094</v>
      </c>
      <c r="AN3576" s="53">
        <v>935984477.26000094</v>
      </c>
      <c r="AO3576" s="53">
        <v>935984477.26000094</v>
      </c>
      <c r="AP3576" s="53">
        <v>935984477.26000094</v>
      </c>
      <c r="AQ3576" s="53">
        <v>935984477.26000094</v>
      </c>
      <c r="AR3576" s="53">
        <v>935984477.26000094</v>
      </c>
      <c r="AS3576" s="53">
        <v>935984477.26000094</v>
      </c>
      <c r="AT3576" s="53">
        <v>935984477.26000094</v>
      </c>
      <c r="AU3576" s="53">
        <v>935984477.26000094</v>
      </c>
      <c r="AV3576" s="53">
        <v>935984477.26000094</v>
      </c>
      <c r="AW3576" s="53">
        <v>935984477.26000094</v>
      </c>
      <c r="AX3576" s="53">
        <v>935984477.26000094</v>
      </c>
      <c r="AY3576" s="53">
        <v>935984477.26000094</v>
      </c>
      <c r="AZ3576" s="53">
        <v>935984477.26000094</v>
      </c>
      <c r="BA3576" s="53">
        <v>935984477.26000094</v>
      </c>
      <c r="BB3576" s="53">
        <v>935984477.26000094</v>
      </c>
      <c r="BC3576" s="53">
        <v>935984477.26000094</v>
      </c>
      <c r="BD3576" s="53">
        <v>935984477.26000094</v>
      </c>
      <c r="BE3576" s="53">
        <v>935984477.26000094</v>
      </c>
      <c r="BF3576" s="53">
        <v>935984477.26000094</v>
      </c>
      <c r="BG3576" s="53">
        <v>935984477.26000094</v>
      </c>
      <c r="BH3576" s="53">
        <v>935984477.26000094</v>
      </c>
      <c r="BI3576" s="53">
        <v>935984477.26000094</v>
      </c>
      <c r="BJ3576" s="53">
        <v>935984477.26000094</v>
      </c>
      <c r="BK3576" s="53">
        <v>935984477.26000094</v>
      </c>
      <c r="BL3576" s="53">
        <v>935984477.26000094</v>
      </c>
      <c r="BM3576" s="53">
        <v>935984477.26000094</v>
      </c>
      <c r="BN3576" s="53">
        <v>935984477.26000094</v>
      </c>
      <c r="BO3576" s="53">
        <v>935984477.26000094</v>
      </c>
      <c r="BP3576" s="53">
        <v>935984477.26000094</v>
      </c>
      <c r="BQ3576" s="53">
        <v>935984477.26000094</v>
      </c>
      <c r="BR3576" s="53">
        <v>935984477.26000094</v>
      </c>
      <c r="BS3576" s="53">
        <v>935984477.26000094</v>
      </c>
      <c r="BT3576" s="53">
        <v>935984477.26000094</v>
      </c>
      <c r="BU3576" s="53">
        <v>935984477.26000094</v>
      </c>
      <c r="BV3576" s="53">
        <v>935984477.26000094</v>
      </c>
      <c r="BW3576" s="53">
        <v>935984477.26000094</v>
      </c>
      <c r="BX3576" s="53">
        <v>935984477.26000094</v>
      </c>
      <c r="BY3576" s="53">
        <v>935984477.26000094</v>
      </c>
      <c r="BZ3576" s="53">
        <v>935984477.26000094</v>
      </c>
      <c r="CA3576" s="53">
        <v>935984477.26000094</v>
      </c>
      <c r="CB3576" s="53">
        <v>5700.3251231527101</v>
      </c>
      <c r="CC3576" s="53">
        <v>5700.3251231527101</v>
      </c>
      <c r="CD3576" s="53">
        <v>5700.3251231527101</v>
      </c>
      <c r="CE3576" s="53">
        <v>5700.3251231527101</v>
      </c>
      <c r="CF3576" s="53">
        <v>5700.3251231527101</v>
      </c>
      <c r="CG3576" s="53">
        <v>5700.3251231527101</v>
      </c>
      <c r="CH3576" s="53">
        <v>5700.3251231527101</v>
      </c>
      <c r="CI3576" s="53">
        <v>5700.3251231527101</v>
      </c>
      <c r="CJ3576" s="53">
        <v>5700.3251231527101</v>
      </c>
      <c r="CK3576" s="53">
        <v>5700.3251231527101</v>
      </c>
      <c r="CL3576" s="53">
        <v>5700.3251231527101</v>
      </c>
      <c r="CM3576" s="53">
        <v>5700.3251231527101</v>
      </c>
      <c r="CN3576" s="53">
        <v>68403.901477832507</v>
      </c>
    </row>
    <row r="3577" spans="1:92" outlineLevel="1">
      <c r="A3577" s="52" t="s">
        <v>1788</v>
      </c>
      <c r="B3577" s="53">
        <v>-2590038.35</v>
      </c>
      <c r="C3577" s="53">
        <v>-2928823.89</v>
      </c>
      <c r="D3577" s="53">
        <v>-4098310.08</v>
      </c>
      <c r="E3577" s="53">
        <v>-4097594.23</v>
      </c>
      <c r="F3577" s="53">
        <v>-4465814.32</v>
      </c>
      <c r="G3577" s="53">
        <v>-5191480.84</v>
      </c>
      <c r="H3577" s="53">
        <v>-5191480.84</v>
      </c>
      <c r="I3577" s="53">
        <v>-4963212.26</v>
      </c>
      <c r="J3577" s="53">
        <v>-6089247.9299999997</v>
      </c>
      <c r="K3577" s="53">
        <v>-6089246.0499999998</v>
      </c>
      <c r="L3577" s="53">
        <v>-6144457.1399999997</v>
      </c>
      <c r="M3577" s="53">
        <v>-8259277.2300000004</v>
      </c>
      <c r="N3577" s="53">
        <v>-8259277.2300000004</v>
      </c>
      <c r="O3577" s="53">
        <v>-8259277.2300000004</v>
      </c>
      <c r="P3577" s="53">
        <v>-8259277.2300000004</v>
      </c>
      <c r="Q3577" s="53">
        <v>-8259277.2300000004</v>
      </c>
      <c r="R3577" s="53">
        <v>-8259277.2300000004</v>
      </c>
      <c r="S3577" s="53">
        <v>-8259277.2300000004</v>
      </c>
      <c r="T3577" s="53">
        <v>-8259277.2300000004</v>
      </c>
      <c r="U3577" s="53">
        <v>-8259277.2300000004</v>
      </c>
      <c r="V3577" s="53">
        <v>-8259277.2300000004</v>
      </c>
      <c r="W3577" s="53">
        <v>-8259277.2300000004</v>
      </c>
      <c r="X3577" s="53">
        <v>-8259277.2300000004</v>
      </c>
      <c r="Y3577" s="53">
        <v>-8259277.2300000004</v>
      </c>
      <c r="Z3577" s="53">
        <v>-8259277.2300000004</v>
      </c>
      <c r="AA3577" s="53">
        <v>-8259277.2300000004</v>
      </c>
      <c r="AB3577" s="53">
        <v>-8259277.2300000004</v>
      </c>
      <c r="AC3577" s="53">
        <v>-8259277.2300000004</v>
      </c>
      <c r="AD3577" s="53">
        <v>-8259277.2300000004</v>
      </c>
      <c r="AE3577" s="53">
        <v>-8259277.2300000004</v>
      </c>
      <c r="AF3577" s="53">
        <v>-8259277.2300000004</v>
      </c>
      <c r="AG3577" s="53">
        <v>-8259277.2300000004</v>
      </c>
      <c r="AH3577" s="53">
        <v>-8259277.2300000004</v>
      </c>
      <c r="AI3577" s="53">
        <v>-8259277.2300000004</v>
      </c>
      <c r="AJ3577" s="53">
        <v>-8259277.2300000004</v>
      </c>
      <c r="AK3577" s="53">
        <v>-8259277.2300000004</v>
      </c>
      <c r="AL3577" s="53">
        <v>-8259277.2300000004</v>
      </c>
      <c r="AM3577" s="53">
        <v>-8259277.2300000004</v>
      </c>
      <c r="AN3577" s="53">
        <v>-8259277.2300000004</v>
      </c>
      <c r="AO3577" s="53">
        <v>-8259277.2300000004</v>
      </c>
      <c r="AP3577" s="53">
        <v>-8259277.2300000004</v>
      </c>
      <c r="AQ3577" s="53">
        <v>-8259277.2300000004</v>
      </c>
      <c r="AR3577" s="53">
        <v>-8259277.2300000004</v>
      </c>
      <c r="AS3577" s="53">
        <v>-8259277.2300000004</v>
      </c>
      <c r="AT3577" s="53">
        <v>-8259277.2300000004</v>
      </c>
      <c r="AU3577" s="53">
        <v>-8259277.2300000004</v>
      </c>
      <c r="AV3577" s="53">
        <v>-8259277.2300000004</v>
      </c>
      <c r="AW3577" s="53">
        <v>-8259277.2300000004</v>
      </c>
      <c r="AX3577" s="53">
        <v>-8259277.2300000004</v>
      </c>
      <c r="AY3577" s="53">
        <v>-8259277.2300000004</v>
      </c>
      <c r="AZ3577" s="53">
        <v>-8259277.2300000004</v>
      </c>
      <c r="BA3577" s="53">
        <v>-8259277.2300000004</v>
      </c>
      <c r="BB3577" s="53">
        <v>-8259277.2300000004</v>
      </c>
      <c r="BC3577" s="53">
        <v>-8259277.2300000004</v>
      </c>
      <c r="BD3577" s="53">
        <v>-8259277.2300000004</v>
      </c>
      <c r="BE3577" s="53">
        <v>-8259277.2300000004</v>
      </c>
      <c r="BF3577" s="53">
        <v>-8259277.2300000004</v>
      </c>
      <c r="BG3577" s="53">
        <v>-8259277.2300000004</v>
      </c>
      <c r="BH3577" s="53">
        <v>-8259277.2300000004</v>
      </c>
      <c r="BI3577" s="53">
        <v>-8259277.2300000004</v>
      </c>
      <c r="BJ3577" s="53">
        <v>-8259277.2300000004</v>
      </c>
      <c r="BK3577" s="53">
        <v>-8259277.2300000004</v>
      </c>
      <c r="BL3577" s="53">
        <v>-8259277.2300000004</v>
      </c>
      <c r="BM3577" s="53">
        <v>-8259277.2300000004</v>
      </c>
      <c r="BN3577" s="53">
        <v>-8259277.2300000004</v>
      </c>
      <c r="BO3577" s="53">
        <v>-8259277.2300000004</v>
      </c>
      <c r="BP3577" s="53">
        <v>-8259277.2300000004</v>
      </c>
      <c r="BQ3577" s="53">
        <v>-8259277.2300000004</v>
      </c>
      <c r="BR3577" s="53">
        <v>-8259277.2300000004</v>
      </c>
      <c r="BS3577" s="53">
        <v>-8259277.2300000004</v>
      </c>
      <c r="BT3577" s="53">
        <v>-8259277.2300000004</v>
      </c>
      <c r="BU3577" s="53">
        <v>-8259277.2300000004</v>
      </c>
      <c r="BV3577" s="53">
        <v>-8259277.2300000004</v>
      </c>
      <c r="BW3577" s="53">
        <v>-8259277.2300000004</v>
      </c>
      <c r="BX3577" s="53">
        <v>-8259277.2300000004</v>
      </c>
      <c r="BY3577" s="53">
        <v>-8259277.2300000004</v>
      </c>
      <c r="BZ3577" s="53">
        <v>-8259277.2300000004</v>
      </c>
      <c r="CA3577" s="53">
        <v>-8259277.2300000004</v>
      </c>
      <c r="CB3577" s="53">
        <v>8149.6234309623196</v>
      </c>
      <c r="CC3577" s="53">
        <v>8149.6234309623196</v>
      </c>
      <c r="CD3577" s="53">
        <v>8149.6234309623196</v>
      </c>
      <c r="CE3577" s="53">
        <v>8149.6234309623196</v>
      </c>
      <c r="CF3577" s="53">
        <v>8149.6234309623196</v>
      </c>
      <c r="CG3577" s="53">
        <v>8149.6234309623196</v>
      </c>
      <c r="CH3577" s="53">
        <v>8149.6234309623196</v>
      </c>
      <c r="CI3577" s="53">
        <v>8149.6234309623196</v>
      </c>
      <c r="CJ3577" s="53">
        <v>8149.6234309623196</v>
      </c>
      <c r="CK3577" s="53">
        <v>8149.6234309623196</v>
      </c>
      <c r="CL3577" s="53">
        <v>8149.6234309623196</v>
      </c>
      <c r="CM3577" s="53">
        <v>8149.6234309623196</v>
      </c>
      <c r="CN3577" s="53">
        <v>97795.481171547799</v>
      </c>
    </row>
    <row r="3578" spans="1:92" outlineLevel="1">
      <c r="A3578" s="52" t="s">
        <v>1218</v>
      </c>
      <c r="B3578" s="53">
        <v>8284487697.08599</v>
      </c>
      <c r="C3578" s="53">
        <v>8389195002.0099802</v>
      </c>
      <c r="D3578" s="53">
        <v>8413747986.1199903</v>
      </c>
      <c r="E3578" s="53">
        <v>8455093454.7099895</v>
      </c>
      <c r="F3578" s="53">
        <v>8517903989.6999903</v>
      </c>
      <c r="G3578" s="53">
        <v>8594920426.1900005</v>
      </c>
      <c r="H3578" s="53">
        <v>8715586033.2999897</v>
      </c>
      <c r="I3578" s="53">
        <v>8815463138.2800007</v>
      </c>
      <c r="J3578" s="53">
        <v>8949282247.3899899</v>
      </c>
      <c r="K3578" s="53">
        <v>9033423169.4099998</v>
      </c>
      <c r="L3578" s="53">
        <v>9102520816.1499901</v>
      </c>
      <c r="M3578" s="53">
        <v>8967653207.6199894</v>
      </c>
      <c r="N3578" s="53">
        <v>8284487697.08599</v>
      </c>
      <c r="O3578" s="53">
        <v>9010008281.7799892</v>
      </c>
      <c r="P3578" s="53">
        <v>9130919528.7854691</v>
      </c>
      <c r="Q3578" s="53">
        <v>9184491723.2070293</v>
      </c>
      <c r="R3578" s="53">
        <v>9246944448.3355694</v>
      </c>
      <c r="S3578" s="53">
        <v>9291952440.7106895</v>
      </c>
      <c r="T3578" s="53">
        <v>9364629946.1984596</v>
      </c>
      <c r="U3578" s="53">
        <v>9470465643.2042694</v>
      </c>
      <c r="V3578" s="53">
        <v>9563311730.8831406</v>
      </c>
      <c r="W3578" s="53">
        <v>9704132413.1537304</v>
      </c>
      <c r="X3578" s="53">
        <v>9809146854.8923702</v>
      </c>
      <c r="Y3578" s="53">
        <v>9868428845.7795601</v>
      </c>
      <c r="Z3578" s="53">
        <v>9898176328.7627792</v>
      </c>
      <c r="AA3578" s="53">
        <v>9010008281.7799892</v>
      </c>
      <c r="AB3578" s="53">
        <v>9963622780.0715103</v>
      </c>
      <c r="AC3578" s="53">
        <v>10085580035.325701</v>
      </c>
      <c r="AD3578" s="53">
        <v>10136467276.610901</v>
      </c>
      <c r="AE3578" s="53">
        <v>10178675393.766001</v>
      </c>
      <c r="AF3578" s="53">
        <v>10227696338.7983</v>
      </c>
      <c r="AG3578" s="53">
        <v>10305582913.3564</v>
      </c>
      <c r="AH3578" s="53">
        <v>10410710839.8806</v>
      </c>
      <c r="AI3578" s="53">
        <v>10514528599.7939</v>
      </c>
      <c r="AJ3578" s="53">
        <v>10667379011.76</v>
      </c>
      <c r="AK3578" s="53">
        <v>10761471011.611601</v>
      </c>
      <c r="AL3578" s="53">
        <v>10829829483.385401</v>
      </c>
      <c r="AM3578" s="53">
        <v>10866580738.718901</v>
      </c>
      <c r="AN3578" s="53">
        <v>9963622780.0715103</v>
      </c>
      <c r="AO3578" s="53">
        <v>10933821951.386</v>
      </c>
      <c r="AP3578" s="53">
        <v>11050014467.066</v>
      </c>
      <c r="AQ3578" s="53">
        <v>11090570540.321501</v>
      </c>
      <c r="AR3578" s="53">
        <v>11120715555.914301</v>
      </c>
      <c r="AS3578" s="53">
        <v>11163992469.1859</v>
      </c>
      <c r="AT3578" s="53">
        <v>11235454634.4457</v>
      </c>
      <c r="AU3578" s="53">
        <v>11323352422.3764</v>
      </c>
      <c r="AV3578" s="53">
        <v>11421044420.657301</v>
      </c>
      <c r="AW3578" s="53">
        <v>11567166995.3183</v>
      </c>
      <c r="AX3578" s="53">
        <v>11646331732.822701</v>
      </c>
      <c r="AY3578" s="53">
        <v>11707129120.3234</v>
      </c>
      <c r="AZ3578" s="53">
        <v>11733871622.7717</v>
      </c>
      <c r="BA3578" s="53">
        <v>10933821951.386</v>
      </c>
      <c r="BB3578" s="53">
        <v>11786827629.0502</v>
      </c>
      <c r="BC3578" s="53">
        <v>11902111956.7166</v>
      </c>
      <c r="BD3578" s="53">
        <v>11941765093.357201</v>
      </c>
      <c r="BE3578" s="53">
        <v>11970334106.8328</v>
      </c>
      <c r="BF3578" s="53">
        <v>12012596959.3246</v>
      </c>
      <c r="BG3578" s="53">
        <v>12083542233.847601</v>
      </c>
      <c r="BH3578" s="53">
        <v>12122648807.179501</v>
      </c>
      <c r="BI3578" s="53">
        <v>12221385623.275</v>
      </c>
      <c r="BJ3578" s="53">
        <v>12368542377.1206</v>
      </c>
      <c r="BK3578" s="53">
        <v>12448346345.7904</v>
      </c>
      <c r="BL3578" s="53">
        <v>12509568991.023001</v>
      </c>
      <c r="BM3578" s="53">
        <v>12535882285.9683</v>
      </c>
      <c r="BN3578" s="53">
        <v>11786827629.0502</v>
      </c>
      <c r="BO3578" s="53">
        <v>12590419050.7388</v>
      </c>
      <c r="BP3578" s="53">
        <v>12703047464.442699</v>
      </c>
      <c r="BQ3578" s="53">
        <v>12742759588.401699</v>
      </c>
      <c r="BR3578" s="53">
        <v>12770241757.519199</v>
      </c>
      <c r="BS3578" s="53">
        <v>12811000362.283199</v>
      </c>
      <c r="BT3578" s="53">
        <v>12881242680.275801</v>
      </c>
      <c r="BU3578" s="53">
        <v>12843211306.2159</v>
      </c>
      <c r="BV3578" s="53">
        <v>12939657412.1854</v>
      </c>
      <c r="BW3578" s="53">
        <v>13084612033.565901</v>
      </c>
      <c r="BX3578" s="53">
        <v>13163155757.7733</v>
      </c>
      <c r="BY3578" s="53">
        <v>13222560562.9729</v>
      </c>
      <c r="BZ3578" s="53">
        <v>13246661375.395901</v>
      </c>
      <c r="CA3578" s="53">
        <v>12590419050.7388</v>
      </c>
      <c r="CB3578" s="53">
        <v>7907.1043115438397</v>
      </c>
      <c r="CC3578" s="53">
        <v>7907.1043115438397</v>
      </c>
      <c r="CD3578" s="53">
        <v>7907.1043115438397</v>
      </c>
      <c r="CE3578" s="53">
        <v>7907.1043115438397</v>
      </c>
      <c r="CF3578" s="53">
        <v>7907.1043115438397</v>
      </c>
      <c r="CG3578" s="53">
        <v>7907.1043115438397</v>
      </c>
      <c r="CH3578" s="53">
        <v>7907.1043115438397</v>
      </c>
      <c r="CI3578" s="53">
        <v>7907.1043115438397</v>
      </c>
      <c r="CJ3578" s="53">
        <v>7907.1043115438397</v>
      </c>
      <c r="CK3578" s="53">
        <v>7907.1043115438397</v>
      </c>
      <c r="CL3578" s="53">
        <v>7907.1043115438397</v>
      </c>
      <c r="CM3578" s="53">
        <v>7907.1043115438397</v>
      </c>
      <c r="CN3578" s="53">
        <v>94885.251738526102</v>
      </c>
    </row>
    <row r="3579" spans="1:92" outlineLevel="1">
      <c r="A3579" s="52" t="s">
        <v>699</v>
      </c>
      <c r="B3579" s="53"/>
      <c r="C3579" s="53"/>
      <c r="D3579" s="53"/>
      <c r="E3579" s="53"/>
      <c r="F3579" s="53"/>
      <c r="G3579" s="53"/>
      <c r="H3579" s="53"/>
      <c r="I3579" s="53"/>
      <c r="J3579" s="53"/>
      <c r="K3579" s="53"/>
      <c r="L3579" s="53"/>
      <c r="M3579" s="53"/>
      <c r="N3579" s="53"/>
      <c r="O3579" s="53"/>
      <c r="P3579" s="53"/>
      <c r="Q3579" s="53"/>
      <c r="R3579" s="53"/>
      <c r="S3579" s="53"/>
      <c r="T3579" s="53"/>
      <c r="U3579" s="53"/>
      <c r="V3579" s="53"/>
      <c r="W3579" s="53"/>
      <c r="X3579" s="53"/>
      <c r="Y3579" s="53"/>
      <c r="Z3579" s="53"/>
      <c r="AA3579" s="53"/>
      <c r="AB3579" s="53"/>
      <c r="AC3579" s="53"/>
      <c r="AD3579" s="53"/>
      <c r="AE3579" s="53"/>
      <c r="AF3579" s="53"/>
      <c r="AG3579" s="53"/>
      <c r="AH3579" s="53"/>
      <c r="AI3579" s="53"/>
      <c r="AJ3579" s="53"/>
      <c r="AK3579" s="53"/>
      <c r="AL3579" s="53"/>
      <c r="AM3579" s="53"/>
      <c r="AN3579" s="53"/>
      <c r="AO3579" s="53"/>
      <c r="AP3579" s="53"/>
      <c r="AQ3579" s="53"/>
      <c r="AR3579" s="53"/>
      <c r="AS3579" s="53"/>
      <c r="AT3579" s="53"/>
      <c r="AU3579" s="53"/>
      <c r="AV3579" s="53"/>
      <c r="AW3579" s="53"/>
      <c r="AX3579" s="53"/>
      <c r="AY3579" s="53"/>
      <c r="AZ3579" s="53"/>
      <c r="BA3579" s="53"/>
      <c r="BB3579" s="53"/>
      <c r="BC3579" s="53"/>
      <c r="BD3579" s="53"/>
      <c r="BE3579" s="53"/>
      <c r="BF3579" s="53"/>
      <c r="BG3579" s="53"/>
      <c r="BH3579" s="53"/>
      <c r="BI3579" s="53"/>
      <c r="BJ3579" s="53"/>
      <c r="BK3579" s="53"/>
      <c r="BL3579" s="53"/>
      <c r="BM3579" s="53"/>
      <c r="BN3579" s="53"/>
      <c r="BO3579" s="53"/>
      <c r="BP3579" s="53"/>
      <c r="BQ3579" s="53"/>
      <c r="BR3579" s="53"/>
      <c r="BS3579" s="53"/>
      <c r="BT3579" s="53"/>
      <c r="BU3579" s="53"/>
      <c r="BV3579" s="53"/>
      <c r="BW3579" s="53"/>
      <c r="BX3579" s="53"/>
      <c r="BY3579" s="53"/>
      <c r="BZ3579" s="53"/>
      <c r="CA3579" s="53"/>
      <c r="CB3579" s="53"/>
      <c r="CC3579" s="53"/>
      <c r="CD3579" s="53"/>
      <c r="CE3579" s="53"/>
      <c r="CF3579" s="53"/>
      <c r="CG3579" s="53"/>
      <c r="CH3579" s="53"/>
      <c r="CI3579" s="53"/>
      <c r="CJ3579" s="53"/>
      <c r="CK3579" s="53"/>
      <c r="CL3579" s="53"/>
      <c r="CM3579" s="53"/>
      <c r="CN3579" s="53"/>
    </row>
    <row r="3580" spans="1:92" outlineLevel="1">
      <c r="A3580" s="52" t="s">
        <v>1229</v>
      </c>
      <c r="B3580" s="53"/>
      <c r="C3580" s="53"/>
      <c r="D3580" s="53"/>
      <c r="E3580" s="53"/>
      <c r="F3580" s="53"/>
      <c r="G3580" s="53"/>
      <c r="H3580" s="53"/>
      <c r="I3580" s="53"/>
      <c r="J3580" s="53"/>
      <c r="K3580" s="53"/>
      <c r="L3580" s="53"/>
      <c r="M3580" s="53"/>
      <c r="N3580" s="53"/>
      <c r="O3580" s="53"/>
      <c r="P3580" s="53"/>
      <c r="Q3580" s="53"/>
      <c r="R3580" s="53"/>
      <c r="S3580" s="53"/>
      <c r="T3580" s="53"/>
      <c r="U3580" s="53"/>
      <c r="V3580" s="53"/>
      <c r="W3580" s="53"/>
      <c r="X3580" s="53"/>
      <c r="Y3580" s="53"/>
      <c r="Z3580" s="53"/>
      <c r="AA3580" s="53"/>
      <c r="AB3580" s="53"/>
      <c r="AC3580" s="53"/>
      <c r="AD3580" s="53"/>
      <c r="AE3580" s="53"/>
      <c r="AF3580" s="53"/>
      <c r="AG3580" s="53"/>
      <c r="AH3580" s="53"/>
      <c r="AI3580" s="53"/>
      <c r="AJ3580" s="53"/>
      <c r="AK3580" s="53"/>
      <c r="AL3580" s="53"/>
      <c r="AM3580" s="53"/>
      <c r="AN3580" s="53"/>
      <c r="AO3580" s="53"/>
      <c r="AP3580" s="53"/>
      <c r="AQ3580" s="53"/>
      <c r="AR3580" s="53"/>
      <c r="AS3580" s="53"/>
      <c r="AT3580" s="53"/>
      <c r="AU3580" s="53"/>
      <c r="AV3580" s="53"/>
      <c r="AW3580" s="53"/>
      <c r="AX3580" s="53"/>
      <c r="AY3580" s="53"/>
      <c r="AZ3580" s="53"/>
      <c r="BA3580" s="53"/>
      <c r="BB3580" s="53"/>
      <c r="BC3580" s="53"/>
      <c r="BD3580" s="53"/>
      <c r="BE3580" s="53"/>
      <c r="BF3580" s="53"/>
      <c r="BG3580" s="53"/>
      <c r="BH3580" s="53"/>
      <c r="BI3580" s="53"/>
      <c r="BJ3580" s="53"/>
      <c r="BK3580" s="53"/>
      <c r="BL3580" s="53"/>
      <c r="BM3580" s="53"/>
      <c r="BN3580" s="53"/>
      <c r="BO3580" s="53"/>
      <c r="BP3580" s="53"/>
      <c r="BQ3580" s="53"/>
      <c r="BR3580" s="53"/>
      <c r="BS3580" s="53"/>
      <c r="BT3580" s="53"/>
      <c r="BU3580" s="53"/>
      <c r="BV3580" s="53"/>
      <c r="BW3580" s="53"/>
      <c r="BX3580" s="53"/>
      <c r="BY3580" s="53"/>
      <c r="BZ3580" s="53"/>
      <c r="CA3580" s="53"/>
      <c r="CB3580" s="53"/>
      <c r="CC3580" s="53"/>
      <c r="CD3580" s="53"/>
      <c r="CE3580" s="53"/>
      <c r="CF3580" s="53"/>
      <c r="CG3580" s="53"/>
      <c r="CH3580" s="53"/>
      <c r="CI3580" s="53"/>
      <c r="CJ3580" s="53"/>
      <c r="CK3580" s="53"/>
      <c r="CL3580" s="53"/>
      <c r="CM3580" s="53"/>
      <c r="CN3580" s="53"/>
    </row>
    <row r="3581" spans="1:92" outlineLevel="1">
      <c r="A3581" s="52" t="s">
        <v>1781</v>
      </c>
      <c r="B3581" s="53"/>
      <c r="C3581" s="53"/>
      <c r="D3581" s="53"/>
      <c r="E3581" s="53"/>
      <c r="F3581" s="53"/>
      <c r="G3581" s="53"/>
      <c r="H3581" s="53"/>
      <c r="I3581" s="53"/>
      <c r="J3581" s="53"/>
      <c r="K3581" s="53"/>
      <c r="L3581" s="53"/>
      <c r="M3581" s="53"/>
      <c r="N3581" s="53"/>
      <c r="O3581" s="53"/>
      <c r="P3581" s="53"/>
      <c r="Q3581" s="53"/>
      <c r="R3581" s="53"/>
      <c r="S3581" s="53"/>
      <c r="T3581" s="53"/>
      <c r="U3581" s="53"/>
      <c r="V3581" s="53"/>
      <c r="W3581" s="53"/>
      <c r="X3581" s="53"/>
      <c r="Y3581" s="53"/>
      <c r="Z3581" s="53"/>
      <c r="AA3581" s="53"/>
      <c r="AB3581" s="53"/>
      <c r="AC3581" s="53"/>
      <c r="AD3581" s="53"/>
      <c r="AE3581" s="53"/>
      <c r="AF3581" s="53"/>
      <c r="AG3581" s="53"/>
      <c r="AH3581" s="53"/>
      <c r="AI3581" s="53"/>
      <c r="AJ3581" s="53"/>
      <c r="AK3581" s="53"/>
      <c r="AL3581" s="53"/>
      <c r="AM3581" s="53"/>
      <c r="AN3581" s="53"/>
      <c r="AO3581" s="53"/>
      <c r="AP3581" s="53"/>
      <c r="AQ3581" s="53"/>
      <c r="AR3581" s="53"/>
      <c r="AS3581" s="53"/>
      <c r="AT3581" s="53"/>
      <c r="AU3581" s="53"/>
      <c r="AV3581" s="53"/>
      <c r="AW3581" s="53"/>
      <c r="AX3581" s="53"/>
      <c r="AY3581" s="53"/>
      <c r="AZ3581" s="53"/>
      <c r="BA3581" s="53"/>
      <c r="BB3581" s="53"/>
      <c r="BC3581" s="53"/>
      <c r="BD3581" s="53"/>
      <c r="BE3581" s="53"/>
      <c r="BF3581" s="53"/>
      <c r="BG3581" s="53"/>
      <c r="BH3581" s="53"/>
      <c r="BI3581" s="53"/>
      <c r="BJ3581" s="53"/>
      <c r="BK3581" s="53"/>
      <c r="BL3581" s="53"/>
      <c r="BM3581" s="53"/>
      <c r="BN3581" s="53"/>
      <c r="BO3581" s="53"/>
      <c r="BP3581" s="53"/>
      <c r="BQ3581" s="53"/>
      <c r="BR3581" s="53"/>
      <c r="BS3581" s="53"/>
      <c r="BT3581" s="53"/>
      <c r="BU3581" s="53"/>
      <c r="BV3581" s="53"/>
      <c r="BW3581" s="53"/>
      <c r="BX3581" s="53"/>
      <c r="BY3581" s="53"/>
      <c r="BZ3581" s="53"/>
      <c r="CA3581" s="53"/>
      <c r="CB3581" s="53">
        <v>-4.8774041723446997</v>
      </c>
      <c r="CC3581" s="53">
        <v>-4.9127938041185102</v>
      </c>
      <c r="CD3581" s="53">
        <v>-4.9484402171622097</v>
      </c>
      <c r="CE3581" s="53">
        <v>-4.9843452746378496</v>
      </c>
      <c r="CF3581" s="53"/>
      <c r="CG3581" s="53"/>
      <c r="CH3581" s="53"/>
      <c r="CI3581" s="53"/>
      <c r="CJ3581" s="53"/>
      <c r="CK3581" s="53"/>
      <c r="CL3581" s="53"/>
      <c r="CM3581" s="53"/>
      <c r="CN3581" s="53">
        <v>-19.722983468263202</v>
      </c>
    </row>
    <row r="3582" spans="1:92" outlineLevel="1">
      <c r="A3582" s="52" t="s">
        <v>649</v>
      </c>
      <c r="B3582" s="53">
        <v>104410576.98</v>
      </c>
      <c r="C3582" s="53">
        <v>26199403.8600001</v>
      </c>
      <c r="D3582" s="53">
        <v>45317581.880000003</v>
      </c>
      <c r="E3582" s="53">
        <v>63973249.160000101</v>
      </c>
      <c r="F3582" s="53">
        <v>80666448.5</v>
      </c>
      <c r="G3582" s="53">
        <v>121300437.04000001</v>
      </c>
      <c r="H3582" s="53">
        <v>103749138.25</v>
      </c>
      <c r="I3582" s="53">
        <v>131985712.40000001</v>
      </c>
      <c r="J3582" s="53">
        <v>86628252.679999799</v>
      </c>
      <c r="K3582" s="53">
        <v>73550140.060000002</v>
      </c>
      <c r="L3582" s="53">
        <v>47136720.219999902</v>
      </c>
      <c r="M3582" s="53">
        <v>51066816.229999997</v>
      </c>
      <c r="N3582" s="53">
        <v>935984477.26000094</v>
      </c>
      <c r="O3582" s="53">
        <v>120911247.006062</v>
      </c>
      <c r="P3582" s="53">
        <v>53572194.420760401</v>
      </c>
      <c r="Q3582" s="53">
        <v>62452725.128923498</v>
      </c>
      <c r="R3582" s="53">
        <v>45007992.375067197</v>
      </c>
      <c r="S3582" s="53">
        <v>72677505.488241106</v>
      </c>
      <c r="T3582" s="53">
        <v>105835697.00632299</v>
      </c>
      <c r="U3582" s="53">
        <v>92846087.679724693</v>
      </c>
      <c r="V3582" s="53">
        <v>140820682.268556</v>
      </c>
      <c r="W3582" s="53">
        <v>105014441.738617</v>
      </c>
      <c r="X3582" s="53">
        <v>59281990.88713</v>
      </c>
      <c r="Y3582" s="53">
        <v>29747482.983165201</v>
      </c>
      <c r="Z3582" s="53">
        <v>65446451.308665797</v>
      </c>
      <c r="AA3582" s="53">
        <v>953614498.29123795</v>
      </c>
      <c r="AB3582" s="53">
        <v>121957255.25412001</v>
      </c>
      <c r="AC3582" s="53">
        <v>50887241.285122603</v>
      </c>
      <c r="AD3582" s="53">
        <v>42208117.155037403</v>
      </c>
      <c r="AE3582" s="53">
        <v>49020945.033146001</v>
      </c>
      <c r="AF3582" s="53">
        <v>77886574.558095306</v>
      </c>
      <c r="AG3582" s="53">
        <v>105127926.524479</v>
      </c>
      <c r="AH3582" s="53">
        <v>103817759.91374101</v>
      </c>
      <c r="AI3582" s="53">
        <v>152850411.966407</v>
      </c>
      <c r="AJ3582" s="53">
        <v>94091999.852054805</v>
      </c>
      <c r="AK3582" s="53">
        <v>68358471.772034496</v>
      </c>
      <c r="AL3582" s="53">
        <v>36751255.333444797</v>
      </c>
      <c r="AM3582" s="53">
        <v>67241212.667171806</v>
      </c>
      <c r="AN3582" s="53">
        <v>970199171.31485605</v>
      </c>
      <c r="AO3582" s="53">
        <v>116192515.680006</v>
      </c>
      <c r="AP3582" s="53">
        <v>40556073.255500503</v>
      </c>
      <c r="AQ3582" s="53">
        <v>30145015.591943</v>
      </c>
      <c r="AR3582" s="53">
        <v>43276913.272023499</v>
      </c>
      <c r="AS3582" s="53">
        <v>71462165.260179698</v>
      </c>
      <c r="AT3582" s="53">
        <v>87897787.930613607</v>
      </c>
      <c r="AU3582" s="53">
        <v>97691998.281774998</v>
      </c>
      <c r="AV3582" s="53">
        <v>146122574.661044</v>
      </c>
      <c r="AW3582" s="53">
        <v>79164737.503399</v>
      </c>
      <c r="AX3582" s="53">
        <v>60797387.501280703</v>
      </c>
      <c r="AY3582" s="53">
        <v>26742502.4483243</v>
      </c>
      <c r="AZ3582" s="53">
        <v>52956006.277775899</v>
      </c>
      <c r="BA3582" s="53">
        <v>853005677.66386604</v>
      </c>
      <c r="BB3582" s="53">
        <v>115284327.666733</v>
      </c>
      <c r="BC3582" s="53">
        <v>39653136.640592501</v>
      </c>
      <c r="BD3582" s="53">
        <v>28569013.475719899</v>
      </c>
      <c r="BE3582" s="53">
        <v>42262852.4917152</v>
      </c>
      <c r="BF3582" s="53">
        <v>70945274.522929296</v>
      </c>
      <c r="BG3582" s="53">
        <v>89106573.332076594</v>
      </c>
      <c r="BH3582" s="53">
        <v>98736816.095387205</v>
      </c>
      <c r="BI3582" s="53">
        <v>147156753.84560901</v>
      </c>
      <c r="BJ3582" s="53">
        <v>79803968.669881701</v>
      </c>
      <c r="BK3582" s="53">
        <v>61222645.232520401</v>
      </c>
      <c r="BL3582" s="53">
        <v>26313294.9452518</v>
      </c>
      <c r="BM3582" s="53">
        <v>54536764.7702531</v>
      </c>
      <c r="BN3582" s="53">
        <v>853591421.68867004</v>
      </c>
      <c r="BO3582" s="53">
        <v>112628413.704126</v>
      </c>
      <c r="BP3582" s="53">
        <v>39712123.959011003</v>
      </c>
      <c r="BQ3582" s="53">
        <v>27482169.117506001</v>
      </c>
      <c r="BR3582" s="53">
        <v>40758604.764064699</v>
      </c>
      <c r="BS3582" s="53">
        <v>70242317.992557094</v>
      </c>
      <c r="BT3582" s="53">
        <v>86968625.940318003</v>
      </c>
      <c r="BU3582" s="53">
        <v>96446105.969310001</v>
      </c>
      <c r="BV3582" s="53">
        <v>144954621.38044599</v>
      </c>
      <c r="BW3582" s="53">
        <v>78543724.207548499</v>
      </c>
      <c r="BX3582" s="53">
        <v>59404805.199486203</v>
      </c>
      <c r="BY3582" s="53">
        <v>24100812.4229987</v>
      </c>
      <c r="BZ3582" s="53">
        <v>53359914.462140098</v>
      </c>
      <c r="CA3582" s="53">
        <v>834602239.11951399</v>
      </c>
      <c r="CB3582" s="53">
        <v>416184.23529139103</v>
      </c>
      <c r="CC3582" s="53">
        <v>418719.49092470802</v>
      </c>
      <c r="CD3582" s="53">
        <v>421270.19049025001</v>
      </c>
      <c r="CE3582" s="53"/>
      <c r="CF3582" s="53"/>
      <c r="CG3582" s="53"/>
      <c r="CH3582" s="53"/>
      <c r="CI3582" s="53"/>
      <c r="CJ3582" s="53"/>
      <c r="CK3582" s="53"/>
      <c r="CL3582" s="53"/>
      <c r="CM3582" s="53"/>
      <c r="CN3582" s="53">
        <v>1256173.9167063499</v>
      </c>
    </row>
    <row r="3583" spans="1:92" outlineLevel="1">
      <c r="A3583" s="52" t="s">
        <v>672</v>
      </c>
      <c r="B3583" s="53"/>
      <c r="C3583" s="53"/>
      <c r="D3583" s="53"/>
      <c r="E3583" s="53"/>
      <c r="F3583" s="53"/>
      <c r="G3583" s="53"/>
      <c r="H3583" s="53"/>
      <c r="I3583" s="53"/>
      <c r="J3583" s="53"/>
      <c r="K3583" s="53"/>
      <c r="L3583" s="53"/>
      <c r="M3583" s="53"/>
      <c r="N3583" s="53"/>
      <c r="O3583" s="53"/>
      <c r="P3583" s="53"/>
      <c r="Q3583" s="53"/>
      <c r="R3583" s="53"/>
      <c r="S3583" s="53"/>
      <c r="T3583" s="53"/>
      <c r="U3583" s="53"/>
      <c r="V3583" s="53"/>
      <c r="W3583" s="53"/>
      <c r="X3583" s="53"/>
      <c r="Y3583" s="53"/>
      <c r="Z3583" s="53"/>
      <c r="AA3583" s="53"/>
      <c r="AB3583" s="53"/>
      <c r="AC3583" s="53"/>
      <c r="AD3583" s="53"/>
      <c r="AE3583" s="53"/>
      <c r="AF3583" s="53"/>
      <c r="AG3583" s="53"/>
      <c r="AH3583" s="53"/>
      <c r="AI3583" s="53"/>
      <c r="AJ3583" s="53"/>
      <c r="AK3583" s="53"/>
      <c r="AL3583" s="53"/>
      <c r="AM3583" s="53"/>
      <c r="AN3583" s="53"/>
      <c r="AO3583" s="53"/>
      <c r="AP3583" s="53"/>
      <c r="AQ3583" s="53"/>
      <c r="AR3583" s="53"/>
      <c r="AS3583" s="53"/>
      <c r="AT3583" s="53"/>
      <c r="AU3583" s="53"/>
      <c r="AV3583" s="53"/>
      <c r="AW3583" s="53"/>
      <c r="AX3583" s="53"/>
      <c r="AY3583" s="53"/>
      <c r="AZ3583" s="53"/>
      <c r="BA3583" s="53"/>
      <c r="BB3583" s="53"/>
      <c r="BC3583" s="53"/>
      <c r="BD3583" s="53"/>
      <c r="BE3583" s="53"/>
      <c r="BF3583" s="53"/>
      <c r="BG3583" s="53"/>
      <c r="BH3583" s="53"/>
      <c r="BI3583" s="53"/>
      <c r="BJ3583" s="53"/>
      <c r="BK3583" s="53"/>
      <c r="BL3583" s="53"/>
      <c r="BM3583" s="53"/>
      <c r="BN3583" s="53"/>
      <c r="BO3583" s="53"/>
      <c r="BP3583" s="53"/>
      <c r="BQ3583" s="53"/>
      <c r="BR3583" s="53"/>
      <c r="BS3583" s="53"/>
      <c r="BT3583" s="53"/>
      <c r="BU3583" s="53"/>
      <c r="BV3583" s="53"/>
      <c r="BW3583" s="53"/>
      <c r="BX3583" s="53"/>
      <c r="BY3583" s="53"/>
      <c r="BZ3583" s="53"/>
      <c r="CA3583" s="53"/>
      <c r="CB3583" s="53"/>
      <c r="CC3583" s="53"/>
      <c r="CD3583" s="53"/>
      <c r="CE3583" s="53"/>
      <c r="CF3583" s="53"/>
      <c r="CG3583" s="53"/>
      <c r="CH3583" s="53"/>
      <c r="CI3583" s="53"/>
      <c r="CJ3583" s="53"/>
      <c r="CK3583" s="53"/>
      <c r="CL3583" s="53"/>
      <c r="CM3583" s="53"/>
      <c r="CN3583" s="53"/>
    </row>
    <row r="3584" spans="1:92" outlineLevel="1">
      <c r="A3584" s="52" t="s">
        <v>1782</v>
      </c>
      <c r="B3584" s="53"/>
      <c r="C3584" s="53"/>
      <c r="D3584" s="53"/>
      <c r="E3584" s="53"/>
      <c r="F3584" s="53"/>
      <c r="G3584" s="53"/>
      <c r="H3584" s="53"/>
      <c r="I3584" s="53"/>
      <c r="J3584" s="53"/>
      <c r="K3584" s="53"/>
      <c r="L3584" s="53"/>
      <c r="M3584" s="53"/>
      <c r="N3584" s="53"/>
      <c r="O3584" s="53"/>
      <c r="P3584" s="53"/>
      <c r="Q3584" s="53"/>
      <c r="R3584" s="53"/>
      <c r="S3584" s="53"/>
      <c r="T3584" s="53"/>
      <c r="U3584" s="53"/>
      <c r="V3584" s="53"/>
      <c r="W3584" s="53"/>
      <c r="X3584" s="53"/>
      <c r="Y3584" s="53"/>
      <c r="Z3584" s="53"/>
      <c r="AA3584" s="53"/>
      <c r="AB3584" s="53"/>
      <c r="AC3584" s="53"/>
      <c r="AD3584" s="53"/>
      <c r="AE3584" s="53"/>
      <c r="AF3584" s="53"/>
      <c r="AG3584" s="53"/>
      <c r="AH3584" s="53"/>
      <c r="AI3584" s="53"/>
      <c r="AJ3584" s="53"/>
      <c r="AK3584" s="53"/>
      <c r="AL3584" s="53"/>
      <c r="AM3584" s="53"/>
      <c r="AN3584" s="53"/>
      <c r="AO3584" s="53"/>
      <c r="AP3584" s="53"/>
      <c r="AQ3584" s="53"/>
      <c r="AR3584" s="53"/>
      <c r="AS3584" s="53"/>
      <c r="AT3584" s="53"/>
      <c r="AU3584" s="53"/>
      <c r="AV3584" s="53"/>
      <c r="AW3584" s="53"/>
      <c r="AX3584" s="53"/>
      <c r="AY3584" s="53"/>
      <c r="AZ3584" s="53"/>
      <c r="BA3584" s="53"/>
      <c r="BB3584" s="53"/>
      <c r="BC3584" s="53"/>
      <c r="BD3584" s="53"/>
      <c r="BE3584" s="53"/>
      <c r="BF3584" s="53"/>
      <c r="BG3584" s="53"/>
      <c r="BH3584" s="53"/>
      <c r="BI3584" s="53"/>
      <c r="BJ3584" s="53"/>
      <c r="BK3584" s="53"/>
      <c r="BL3584" s="53"/>
      <c r="BM3584" s="53"/>
      <c r="BN3584" s="53"/>
      <c r="BO3584" s="53"/>
      <c r="BP3584" s="53"/>
      <c r="BQ3584" s="53"/>
      <c r="BR3584" s="53"/>
      <c r="BS3584" s="53"/>
      <c r="BT3584" s="53"/>
      <c r="BU3584" s="53"/>
      <c r="BV3584" s="53"/>
      <c r="BW3584" s="53"/>
      <c r="BX3584" s="53"/>
      <c r="BY3584" s="53"/>
      <c r="BZ3584" s="53"/>
      <c r="CA3584" s="53"/>
      <c r="CB3584" s="53"/>
      <c r="CC3584" s="53"/>
      <c r="CD3584" s="53"/>
      <c r="CE3584" s="53"/>
      <c r="CF3584" s="53"/>
      <c r="CG3584" s="53"/>
      <c r="CH3584" s="53"/>
      <c r="CI3584" s="53"/>
      <c r="CJ3584" s="53"/>
      <c r="CK3584" s="53"/>
      <c r="CL3584" s="53"/>
      <c r="CM3584" s="53"/>
      <c r="CN3584" s="53"/>
    </row>
    <row r="3585" spans="1:92" outlineLevel="1">
      <c r="A3585" s="52" t="s">
        <v>1783</v>
      </c>
      <c r="B3585" s="53"/>
      <c r="C3585" s="53"/>
      <c r="D3585" s="53"/>
      <c r="E3585" s="53"/>
      <c r="F3585" s="53"/>
      <c r="G3585" s="53"/>
      <c r="H3585" s="53"/>
      <c r="I3585" s="53"/>
      <c r="J3585" s="53"/>
      <c r="K3585" s="53"/>
      <c r="L3585" s="53"/>
      <c r="M3585" s="53"/>
      <c r="N3585" s="53"/>
      <c r="O3585" s="53"/>
      <c r="P3585" s="53"/>
      <c r="Q3585" s="53"/>
      <c r="R3585" s="53"/>
      <c r="S3585" s="53"/>
      <c r="T3585" s="53"/>
      <c r="U3585" s="53"/>
      <c r="V3585" s="53"/>
      <c r="W3585" s="53"/>
      <c r="X3585" s="53"/>
      <c r="Y3585" s="53"/>
      <c r="Z3585" s="53"/>
      <c r="AA3585" s="53"/>
      <c r="AB3585" s="53"/>
      <c r="AC3585" s="53"/>
      <c r="AD3585" s="53"/>
      <c r="AE3585" s="53"/>
      <c r="AF3585" s="53"/>
      <c r="AG3585" s="53"/>
      <c r="AH3585" s="53"/>
      <c r="AI3585" s="53"/>
      <c r="AJ3585" s="53"/>
      <c r="AK3585" s="53"/>
      <c r="AL3585" s="53"/>
      <c r="AM3585" s="53"/>
      <c r="AN3585" s="53"/>
      <c r="AO3585" s="53"/>
      <c r="AP3585" s="53"/>
      <c r="AQ3585" s="53"/>
      <c r="AR3585" s="53"/>
      <c r="AS3585" s="53"/>
      <c r="AT3585" s="53"/>
      <c r="AU3585" s="53"/>
      <c r="AV3585" s="53"/>
      <c r="AW3585" s="53"/>
      <c r="AX3585" s="53"/>
      <c r="AY3585" s="53"/>
      <c r="AZ3585" s="53"/>
      <c r="BA3585" s="53"/>
      <c r="BB3585" s="53"/>
      <c r="BC3585" s="53"/>
      <c r="BD3585" s="53"/>
      <c r="BE3585" s="53"/>
      <c r="BF3585" s="53"/>
      <c r="BG3585" s="53"/>
      <c r="BH3585" s="53"/>
      <c r="BI3585" s="53"/>
      <c r="BJ3585" s="53"/>
      <c r="BK3585" s="53"/>
      <c r="BL3585" s="53"/>
      <c r="BM3585" s="53"/>
      <c r="BN3585" s="53"/>
      <c r="BO3585" s="53"/>
      <c r="BP3585" s="53"/>
      <c r="BQ3585" s="53"/>
      <c r="BR3585" s="53"/>
      <c r="BS3585" s="53"/>
      <c r="BT3585" s="53"/>
      <c r="BU3585" s="53"/>
      <c r="BV3585" s="53"/>
      <c r="BW3585" s="53"/>
      <c r="BX3585" s="53"/>
      <c r="BY3585" s="53"/>
      <c r="BZ3585" s="53"/>
      <c r="CA3585" s="53"/>
      <c r="CB3585" s="53"/>
      <c r="CC3585" s="53"/>
      <c r="CD3585" s="53"/>
      <c r="CE3585" s="53"/>
      <c r="CF3585" s="53"/>
      <c r="CG3585" s="53">
        <v>550000000</v>
      </c>
      <c r="CH3585" s="53"/>
      <c r="CI3585" s="53"/>
      <c r="CJ3585" s="53"/>
      <c r="CK3585" s="53"/>
      <c r="CL3585" s="53"/>
      <c r="CM3585" s="53"/>
      <c r="CN3585" s="53">
        <v>550000000</v>
      </c>
    </row>
    <row r="3586" spans="1:92" outlineLevel="1">
      <c r="A3586" s="52" t="s">
        <v>649</v>
      </c>
      <c r="B3586" s="53"/>
      <c r="C3586" s="53"/>
      <c r="D3586" s="53"/>
      <c r="E3586" s="53"/>
      <c r="F3586" s="53"/>
      <c r="G3586" s="53"/>
      <c r="H3586" s="53"/>
      <c r="I3586" s="53"/>
      <c r="J3586" s="53"/>
      <c r="K3586" s="53"/>
      <c r="L3586" s="53">
        <v>-175000000</v>
      </c>
      <c r="M3586" s="53"/>
      <c r="N3586" s="53">
        <v>-175000000</v>
      </c>
      <c r="O3586" s="53"/>
      <c r="P3586" s="53"/>
      <c r="Q3586" s="53"/>
      <c r="R3586" s="53"/>
      <c r="S3586" s="53"/>
      <c r="T3586" s="53"/>
      <c r="U3586" s="53"/>
      <c r="V3586" s="53"/>
      <c r="W3586" s="53"/>
      <c r="X3586" s="53"/>
      <c r="Y3586" s="53"/>
      <c r="Z3586" s="53"/>
      <c r="AA3586" s="53"/>
      <c r="AB3586" s="53"/>
      <c r="AC3586" s="53"/>
      <c r="AD3586" s="53"/>
      <c r="AE3586" s="53"/>
      <c r="AF3586" s="53"/>
      <c r="AG3586" s="53"/>
      <c r="AH3586" s="53"/>
      <c r="AI3586" s="53"/>
      <c r="AJ3586" s="53"/>
      <c r="AK3586" s="53"/>
      <c r="AL3586" s="53"/>
      <c r="AM3586" s="53"/>
      <c r="AN3586" s="53"/>
      <c r="AO3586" s="53"/>
      <c r="AP3586" s="53"/>
      <c r="AQ3586" s="53"/>
      <c r="AR3586" s="53"/>
      <c r="AS3586" s="53"/>
      <c r="AT3586" s="53"/>
      <c r="AU3586" s="53"/>
      <c r="AV3586" s="53"/>
      <c r="AW3586" s="53"/>
      <c r="AX3586" s="53"/>
      <c r="AY3586" s="53"/>
      <c r="AZ3586" s="53"/>
      <c r="BA3586" s="53"/>
      <c r="BB3586" s="53"/>
      <c r="BC3586" s="53"/>
      <c r="BD3586" s="53"/>
      <c r="BE3586" s="53"/>
      <c r="BF3586" s="53"/>
      <c r="BG3586" s="53">
        <v>-50000000</v>
      </c>
      <c r="BH3586" s="53"/>
      <c r="BI3586" s="53"/>
      <c r="BJ3586" s="53"/>
      <c r="BK3586" s="53"/>
      <c r="BL3586" s="53"/>
      <c r="BM3586" s="53"/>
      <c r="BN3586" s="53">
        <v>-50000000</v>
      </c>
      <c r="BO3586" s="53"/>
      <c r="BP3586" s="53"/>
      <c r="BQ3586" s="53"/>
      <c r="BR3586" s="53"/>
      <c r="BS3586" s="53"/>
      <c r="BT3586" s="53">
        <v>-125000000</v>
      </c>
      <c r="BU3586" s="53"/>
      <c r="BV3586" s="53"/>
      <c r="BW3586" s="53"/>
      <c r="BX3586" s="53"/>
      <c r="BY3586" s="53"/>
      <c r="BZ3586" s="53"/>
      <c r="CA3586" s="53">
        <v>-125000000</v>
      </c>
      <c r="CB3586" s="53"/>
      <c r="CC3586" s="53"/>
      <c r="CD3586" s="53"/>
      <c r="CE3586" s="53"/>
      <c r="CF3586" s="53"/>
      <c r="CG3586" s="53"/>
      <c r="CH3586" s="53"/>
      <c r="CI3586" s="53"/>
      <c r="CJ3586" s="53"/>
      <c r="CK3586" s="53"/>
      <c r="CL3586" s="53"/>
      <c r="CM3586" s="53"/>
      <c r="CN3586" s="53"/>
    </row>
    <row r="3587" spans="1:92" outlineLevel="1">
      <c r="A3587" s="59" t="s">
        <v>1789</v>
      </c>
      <c r="B3587" s="53">
        <v>8389195002.0099802</v>
      </c>
      <c r="C3587" s="53">
        <v>8413747986.1199903</v>
      </c>
      <c r="D3587" s="53">
        <v>8455093454.7099895</v>
      </c>
      <c r="E3587" s="53">
        <v>8517903989.6999903</v>
      </c>
      <c r="F3587" s="53">
        <v>8594920426.1900005</v>
      </c>
      <c r="G3587" s="53">
        <v>8715586033.2999897</v>
      </c>
      <c r="H3587" s="53">
        <v>8815463138.2800007</v>
      </c>
      <c r="I3587" s="53">
        <v>8949282247.3899899</v>
      </c>
      <c r="J3587" s="53">
        <v>9033423169.4099998</v>
      </c>
      <c r="K3587" s="53">
        <v>9102520816.1499901</v>
      </c>
      <c r="L3587" s="53">
        <v>8967653207.6199894</v>
      </c>
      <c r="M3587" s="53">
        <v>9010008281.7799892</v>
      </c>
      <c r="N3587" s="53">
        <v>9010008281.7799892</v>
      </c>
      <c r="O3587" s="53">
        <v>9130919528.7854691</v>
      </c>
      <c r="P3587" s="53">
        <v>9184491723.2070293</v>
      </c>
      <c r="Q3587" s="53">
        <v>9246944448.3355694</v>
      </c>
      <c r="R3587" s="53">
        <v>9291952440.7106895</v>
      </c>
      <c r="S3587" s="53">
        <v>9364629946.1984596</v>
      </c>
      <c r="T3587" s="53">
        <v>9470465643.2042694</v>
      </c>
      <c r="U3587" s="53">
        <v>9563311730.8831406</v>
      </c>
      <c r="V3587" s="53">
        <v>9704132413.1537304</v>
      </c>
      <c r="W3587" s="53">
        <v>9809146854.8923702</v>
      </c>
      <c r="X3587" s="53">
        <v>9868428845.7795601</v>
      </c>
      <c r="Y3587" s="53">
        <v>9898176328.7627792</v>
      </c>
      <c r="Z3587" s="53">
        <v>9963622780.0715103</v>
      </c>
      <c r="AA3587" s="53">
        <v>9963622780.0715103</v>
      </c>
      <c r="AB3587" s="53">
        <v>10085580035.325701</v>
      </c>
      <c r="AC3587" s="53">
        <v>10136467276.610901</v>
      </c>
      <c r="AD3587" s="53">
        <v>10178675393.766001</v>
      </c>
      <c r="AE3587" s="53">
        <v>10227696338.7983</v>
      </c>
      <c r="AF3587" s="53">
        <v>10305582913.3564</v>
      </c>
      <c r="AG3587" s="53">
        <v>10410710839.8806</v>
      </c>
      <c r="AH3587" s="53">
        <v>10514528599.7939</v>
      </c>
      <c r="AI3587" s="53">
        <v>10667379011.76</v>
      </c>
      <c r="AJ3587" s="53">
        <v>10761471011.611601</v>
      </c>
      <c r="AK3587" s="53">
        <v>10829829483.385401</v>
      </c>
      <c r="AL3587" s="53">
        <v>10866580738.718901</v>
      </c>
      <c r="AM3587" s="53">
        <v>10933821951.386</v>
      </c>
      <c r="AN3587" s="53">
        <v>10933821951.386</v>
      </c>
      <c r="AO3587" s="53">
        <v>11050014467.066</v>
      </c>
      <c r="AP3587" s="53">
        <v>11090570540.321501</v>
      </c>
      <c r="AQ3587" s="53">
        <v>11120715555.914301</v>
      </c>
      <c r="AR3587" s="53">
        <v>11163992469.1859</v>
      </c>
      <c r="AS3587" s="53">
        <v>11235454634.4457</v>
      </c>
      <c r="AT3587" s="53">
        <v>11323352422.3764</v>
      </c>
      <c r="AU3587" s="53">
        <v>11421044420.657301</v>
      </c>
      <c r="AV3587" s="53">
        <v>11567166995.3183</v>
      </c>
      <c r="AW3587" s="53">
        <v>11646331732.822701</v>
      </c>
      <c r="AX3587" s="53">
        <v>11707129120.3234</v>
      </c>
      <c r="AY3587" s="53">
        <v>11733871622.7717</v>
      </c>
      <c r="AZ3587" s="53">
        <v>11786827629.0502</v>
      </c>
      <c r="BA3587" s="53">
        <v>11786827629.0502</v>
      </c>
      <c r="BB3587" s="53">
        <v>11902111956.7166</v>
      </c>
      <c r="BC3587" s="53">
        <v>11941765093.357201</v>
      </c>
      <c r="BD3587" s="53">
        <v>11970334106.8328</v>
      </c>
      <c r="BE3587" s="53">
        <v>12012596959.3246</v>
      </c>
      <c r="BF3587" s="53">
        <v>12083542233.847601</v>
      </c>
      <c r="BG3587" s="53">
        <v>12122648807.179501</v>
      </c>
      <c r="BH3587" s="53">
        <v>12221385623.275</v>
      </c>
      <c r="BI3587" s="53">
        <v>12368542377.1206</v>
      </c>
      <c r="BJ3587" s="53">
        <v>12448346345.7904</v>
      </c>
      <c r="BK3587" s="53">
        <v>12509568991.023001</v>
      </c>
      <c r="BL3587" s="53">
        <v>12535882285.9683</v>
      </c>
      <c r="BM3587" s="53">
        <v>12590419050.7388</v>
      </c>
      <c r="BN3587" s="53">
        <v>12590419050.7388</v>
      </c>
      <c r="BO3587" s="53">
        <v>12703047464.442699</v>
      </c>
      <c r="BP3587" s="53">
        <v>12742759588.401699</v>
      </c>
      <c r="BQ3587" s="53">
        <v>12770241757.519199</v>
      </c>
      <c r="BR3587" s="53">
        <v>12811000362.283199</v>
      </c>
      <c r="BS3587" s="53">
        <v>12881242680.275801</v>
      </c>
      <c r="BT3587" s="53">
        <v>12843211306.2159</v>
      </c>
      <c r="BU3587" s="53">
        <v>12939657412.1854</v>
      </c>
      <c r="BV3587" s="53">
        <v>13084612033.565901</v>
      </c>
      <c r="BW3587" s="53">
        <v>13163155757.7733</v>
      </c>
      <c r="BX3587" s="53">
        <v>13222560562.9729</v>
      </c>
      <c r="BY3587" s="53">
        <v>13246661375.395901</v>
      </c>
      <c r="BZ3587" s="53">
        <v>13300021289.858101</v>
      </c>
      <c r="CA3587" s="53">
        <v>13300021289.858101</v>
      </c>
      <c r="CB3587" s="53">
        <v>10014252.445839399</v>
      </c>
      <c r="CC3587" s="53">
        <v>5695985.3494004598</v>
      </c>
      <c r="CD3587" s="53">
        <v>56073374.921472199</v>
      </c>
      <c r="CE3587" s="53">
        <v>55467475.822112098</v>
      </c>
      <c r="CF3587" s="53">
        <v>38737969.727702603</v>
      </c>
      <c r="CG3587" s="53">
        <v>129564121.638422</v>
      </c>
      <c r="CH3587" s="53">
        <v>25424080.3079019</v>
      </c>
      <c r="CI3587" s="53"/>
      <c r="CJ3587" s="53"/>
      <c r="CK3587" s="53"/>
      <c r="CL3587" s="53"/>
      <c r="CM3587" s="53"/>
      <c r="CN3587" s="53">
        <v>320977260.21285099</v>
      </c>
    </row>
    <row r="3588" spans="1:92" outlineLevel="1">
      <c r="A3588" s="52" t="s">
        <v>1790</v>
      </c>
      <c r="B3588" s="53"/>
      <c r="C3588" s="53"/>
      <c r="D3588" s="53"/>
      <c r="E3588" s="53"/>
      <c r="F3588" s="53"/>
      <c r="G3588" s="53"/>
      <c r="H3588" s="53"/>
      <c r="I3588" s="53"/>
      <c r="J3588" s="53"/>
      <c r="K3588" s="53"/>
      <c r="L3588" s="53"/>
      <c r="M3588" s="53"/>
      <c r="N3588" s="53"/>
      <c r="O3588" s="53"/>
      <c r="P3588" s="53"/>
      <c r="Q3588" s="53"/>
      <c r="R3588" s="53"/>
      <c r="S3588" s="53"/>
      <c r="T3588" s="53"/>
      <c r="U3588" s="53"/>
      <c r="V3588" s="53"/>
      <c r="W3588" s="53"/>
      <c r="X3588" s="53"/>
      <c r="Y3588" s="53"/>
      <c r="Z3588" s="53"/>
      <c r="AA3588" s="53"/>
      <c r="AB3588" s="53"/>
      <c r="AC3588" s="53"/>
      <c r="AD3588" s="53"/>
      <c r="AE3588" s="53"/>
      <c r="AF3588" s="53"/>
      <c r="AG3588" s="53"/>
      <c r="AH3588" s="53"/>
      <c r="AI3588" s="53"/>
      <c r="AJ3588" s="53"/>
      <c r="AK3588" s="53"/>
      <c r="AL3588" s="53"/>
      <c r="AM3588" s="53"/>
      <c r="AN3588" s="53"/>
      <c r="AO3588" s="53"/>
      <c r="AP3588" s="53"/>
      <c r="AQ3588" s="53"/>
      <c r="AR3588" s="53"/>
      <c r="AS3588" s="53"/>
      <c r="AT3588" s="53"/>
      <c r="AU3588" s="53"/>
      <c r="AV3588" s="53"/>
      <c r="AW3588" s="53"/>
      <c r="AX3588" s="53"/>
      <c r="AY3588" s="53"/>
      <c r="AZ3588" s="53"/>
      <c r="BA3588" s="53"/>
      <c r="BB3588" s="53"/>
      <c r="BC3588" s="53"/>
      <c r="BD3588" s="53"/>
      <c r="BE3588" s="53"/>
      <c r="BF3588" s="53"/>
      <c r="BG3588" s="53"/>
      <c r="BH3588" s="53"/>
      <c r="BI3588" s="53"/>
      <c r="BJ3588" s="53"/>
      <c r="BK3588" s="53"/>
      <c r="BL3588" s="53"/>
      <c r="BM3588" s="53"/>
      <c r="BN3588" s="53"/>
      <c r="BO3588" s="53"/>
      <c r="BP3588" s="53"/>
      <c r="BQ3588" s="53"/>
      <c r="BR3588" s="53"/>
      <c r="BS3588" s="53"/>
      <c r="BT3588" s="53"/>
      <c r="BU3588" s="53"/>
      <c r="BV3588" s="53"/>
      <c r="BW3588" s="53"/>
      <c r="BX3588" s="53"/>
      <c r="BY3588" s="53"/>
      <c r="BZ3588" s="53"/>
      <c r="CA3588" s="53"/>
      <c r="CB3588" s="53"/>
      <c r="CC3588" s="53"/>
      <c r="CD3588" s="53"/>
      <c r="CE3588" s="53"/>
      <c r="CF3588" s="53"/>
      <c r="CG3588" s="53"/>
      <c r="CH3588" s="53"/>
      <c r="CI3588" s="53"/>
      <c r="CJ3588" s="53"/>
      <c r="CK3588" s="53"/>
      <c r="CL3588" s="53"/>
      <c r="CM3588" s="53"/>
      <c r="CN3588" s="53"/>
    </row>
    <row r="3589" spans="1:92" outlineLevel="1">
      <c r="A3589" s="52" t="s">
        <v>1791</v>
      </c>
      <c r="B3589" s="53">
        <v>0</v>
      </c>
      <c r="C3589" s="53">
        <v>0</v>
      </c>
      <c r="D3589" s="53">
        <v>0</v>
      </c>
      <c r="E3589" s="53">
        <v>0</v>
      </c>
      <c r="F3589" s="53">
        <v>0</v>
      </c>
      <c r="G3589" s="53">
        <v>0</v>
      </c>
      <c r="H3589" s="53">
        <v>0</v>
      </c>
      <c r="I3589" s="53">
        <v>0</v>
      </c>
      <c r="J3589" s="53">
        <v>0</v>
      </c>
      <c r="K3589" s="53">
        <v>0</v>
      </c>
      <c r="L3589" s="53">
        <v>0</v>
      </c>
      <c r="M3589" s="53">
        <v>0</v>
      </c>
      <c r="N3589" s="53">
        <v>0</v>
      </c>
      <c r="O3589" s="53">
        <v>0</v>
      </c>
      <c r="P3589" s="53">
        <v>0</v>
      </c>
      <c r="Q3589" s="53">
        <v>0</v>
      </c>
      <c r="R3589" s="53">
        <v>0</v>
      </c>
      <c r="S3589" s="53">
        <v>0</v>
      </c>
      <c r="T3589" s="53">
        <v>0</v>
      </c>
      <c r="U3589" s="53">
        <v>0</v>
      </c>
      <c r="V3589" s="53">
        <v>0</v>
      </c>
      <c r="W3589" s="53">
        <v>0</v>
      </c>
      <c r="X3589" s="53">
        <v>0</v>
      </c>
      <c r="Y3589" s="53">
        <v>0</v>
      </c>
      <c r="Z3589" s="53">
        <v>0</v>
      </c>
      <c r="AA3589" s="53">
        <v>0</v>
      </c>
      <c r="AB3589" s="53">
        <v>0</v>
      </c>
      <c r="AC3589" s="53">
        <v>0</v>
      </c>
      <c r="AD3589" s="53">
        <v>0</v>
      </c>
      <c r="AE3589" s="53">
        <v>0</v>
      </c>
      <c r="AF3589" s="53">
        <v>0</v>
      </c>
      <c r="AG3589" s="53">
        <v>0</v>
      </c>
      <c r="AH3589" s="53">
        <v>0</v>
      </c>
      <c r="AI3589" s="53">
        <v>0</v>
      </c>
      <c r="AJ3589" s="53">
        <v>0</v>
      </c>
      <c r="AK3589" s="53">
        <v>0</v>
      </c>
      <c r="AL3589" s="53">
        <v>0</v>
      </c>
      <c r="AM3589" s="53">
        <v>0</v>
      </c>
      <c r="AN3589" s="53">
        <v>0</v>
      </c>
      <c r="AO3589" s="53">
        <v>0</v>
      </c>
      <c r="AP3589" s="53">
        <v>0</v>
      </c>
      <c r="AQ3589" s="53">
        <v>0</v>
      </c>
      <c r="AR3589" s="53">
        <v>0</v>
      </c>
      <c r="AS3589" s="53">
        <v>0</v>
      </c>
      <c r="AT3589" s="53">
        <v>0</v>
      </c>
      <c r="AU3589" s="53">
        <v>0</v>
      </c>
      <c r="AV3589" s="53">
        <v>0</v>
      </c>
      <c r="AW3589" s="53">
        <v>0</v>
      </c>
      <c r="AX3589" s="53">
        <v>0</v>
      </c>
      <c r="AY3589" s="53">
        <v>0</v>
      </c>
      <c r="AZ3589" s="53">
        <v>0</v>
      </c>
      <c r="BA3589" s="53">
        <v>0</v>
      </c>
      <c r="BB3589" s="53">
        <v>0</v>
      </c>
      <c r="BC3589" s="53">
        <v>0</v>
      </c>
      <c r="BD3589" s="53">
        <v>0</v>
      </c>
      <c r="BE3589" s="53">
        <v>0</v>
      </c>
      <c r="BF3589" s="53">
        <v>0</v>
      </c>
      <c r="BG3589" s="53">
        <v>0</v>
      </c>
      <c r="BH3589" s="53">
        <v>0</v>
      </c>
      <c r="BI3589" s="53">
        <v>0</v>
      </c>
      <c r="BJ3589" s="53">
        <v>0</v>
      </c>
      <c r="BK3589" s="53">
        <v>0</v>
      </c>
      <c r="BL3589" s="53">
        <v>0</v>
      </c>
      <c r="BM3589" s="53">
        <v>0</v>
      </c>
      <c r="BN3589" s="53">
        <v>0</v>
      </c>
      <c r="BO3589" s="53">
        <v>0</v>
      </c>
      <c r="BP3589" s="53">
        <v>0</v>
      </c>
      <c r="BQ3589" s="53">
        <v>0</v>
      </c>
      <c r="BR3589" s="53">
        <v>0</v>
      </c>
      <c r="BS3589" s="53">
        <v>0</v>
      </c>
      <c r="BT3589" s="53">
        <v>0</v>
      </c>
      <c r="BU3589" s="53">
        <v>0</v>
      </c>
      <c r="BV3589" s="53">
        <v>0</v>
      </c>
      <c r="BW3589" s="53">
        <v>0</v>
      </c>
      <c r="BX3589" s="53">
        <v>0</v>
      </c>
      <c r="BY3589" s="53">
        <v>0</v>
      </c>
      <c r="BZ3589" s="53">
        <v>0</v>
      </c>
      <c r="CA3589" s="53">
        <v>0</v>
      </c>
      <c r="CB3589" s="53"/>
      <c r="CC3589" s="53"/>
      <c r="CD3589" s="53"/>
      <c r="CE3589" s="53"/>
      <c r="CF3589" s="53"/>
      <c r="CG3589" s="53"/>
      <c r="CH3589" s="53"/>
      <c r="CI3589" s="53"/>
      <c r="CJ3589" s="53"/>
      <c r="CK3589" s="53"/>
      <c r="CL3589" s="53"/>
      <c r="CM3589" s="53"/>
      <c r="CN3589" s="53"/>
    </row>
    <row r="3590" spans="1:92" outlineLevel="1">
      <c r="A3590" s="52" t="s">
        <v>1792</v>
      </c>
      <c r="B3590" s="53">
        <v>0</v>
      </c>
      <c r="C3590" s="53">
        <v>0</v>
      </c>
      <c r="D3590" s="53">
        <v>0</v>
      </c>
      <c r="E3590" s="53">
        <v>0</v>
      </c>
      <c r="F3590" s="53">
        <v>0</v>
      </c>
      <c r="G3590" s="53">
        <v>0</v>
      </c>
      <c r="H3590" s="53">
        <v>0</v>
      </c>
      <c r="I3590" s="53">
        <v>0</v>
      </c>
      <c r="J3590" s="53">
        <v>0</v>
      </c>
      <c r="K3590" s="53">
        <v>0</v>
      </c>
      <c r="L3590" s="53">
        <v>0</v>
      </c>
      <c r="M3590" s="53">
        <v>0</v>
      </c>
      <c r="N3590" s="53">
        <v>0</v>
      </c>
      <c r="O3590" s="53">
        <v>0</v>
      </c>
      <c r="P3590" s="53">
        <v>0</v>
      </c>
      <c r="Q3590" s="53">
        <v>0</v>
      </c>
      <c r="R3590" s="53">
        <v>0</v>
      </c>
      <c r="S3590" s="53">
        <v>0</v>
      </c>
      <c r="T3590" s="53">
        <v>0</v>
      </c>
      <c r="U3590" s="53">
        <v>0</v>
      </c>
      <c r="V3590" s="53">
        <v>0</v>
      </c>
      <c r="W3590" s="53">
        <v>0</v>
      </c>
      <c r="X3590" s="53">
        <v>0</v>
      </c>
      <c r="Y3590" s="53">
        <v>0</v>
      </c>
      <c r="Z3590" s="53">
        <v>0</v>
      </c>
      <c r="AA3590" s="53">
        <v>0</v>
      </c>
      <c r="AB3590" s="53">
        <v>0</v>
      </c>
      <c r="AC3590" s="53">
        <v>0</v>
      </c>
      <c r="AD3590" s="53">
        <v>0</v>
      </c>
      <c r="AE3590" s="53">
        <v>0</v>
      </c>
      <c r="AF3590" s="53">
        <v>0</v>
      </c>
      <c r="AG3590" s="53">
        <v>0</v>
      </c>
      <c r="AH3590" s="53">
        <v>0</v>
      </c>
      <c r="AI3590" s="53">
        <v>0</v>
      </c>
      <c r="AJ3590" s="53">
        <v>0</v>
      </c>
      <c r="AK3590" s="53">
        <v>0</v>
      </c>
      <c r="AL3590" s="53">
        <v>0</v>
      </c>
      <c r="AM3590" s="53">
        <v>0</v>
      </c>
      <c r="AN3590" s="53">
        <v>0</v>
      </c>
      <c r="AO3590" s="53">
        <v>0</v>
      </c>
      <c r="AP3590" s="53">
        <v>0</v>
      </c>
      <c r="AQ3590" s="53">
        <v>0</v>
      </c>
      <c r="AR3590" s="53">
        <v>0</v>
      </c>
      <c r="AS3590" s="53">
        <v>0</v>
      </c>
      <c r="AT3590" s="53">
        <v>0</v>
      </c>
      <c r="AU3590" s="53">
        <v>0</v>
      </c>
      <c r="AV3590" s="53">
        <v>0</v>
      </c>
      <c r="AW3590" s="53">
        <v>0</v>
      </c>
      <c r="AX3590" s="53">
        <v>0</v>
      </c>
      <c r="AY3590" s="53">
        <v>0</v>
      </c>
      <c r="AZ3590" s="53">
        <v>0</v>
      </c>
      <c r="BA3590" s="53">
        <v>0</v>
      </c>
      <c r="BB3590" s="53">
        <v>0</v>
      </c>
      <c r="BC3590" s="53">
        <v>0</v>
      </c>
      <c r="BD3590" s="53">
        <v>0</v>
      </c>
      <c r="BE3590" s="53">
        <v>0</v>
      </c>
      <c r="BF3590" s="53">
        <v>0</v>
      </c>
      <c r="BG3590" s="53">
        <v>0</v>
      </c>
      <c r="BH3590" s="53">
        <v>0</v>
      </c>
      <c r="BI3590" s="53">
        <v>0</v>
      </c>
      <c r="BJ3590" s="53">
        <v>0</v>
      </c>
      <c r="BK3590" s="53">
        <v>0</v>
      </c>
      <c r="BL3590" s="53">
        <v>0</v>
      </c>
      <c r="BM3590" s="53">
        <v>0</v>
      </c>
      <c r="BN3590" s="53">
        <v>0</v>
      </c>
      <c r="BO3590" s="53">
        <v>0</v>
      </c>
      <c r="BP3590" s="53">
        <v>0</v>
      </c>
      <c r="BQ3590" s="53">
        <v>0</v>
      </c>
      <c r="BR3590" s="53">
        <v>0</v>
      </c>
      <c r="BS3590" s="53">
        <v>0</v>
      </c>
      <c r="BT3590" s="53">
        <v>0</v>
      </c>
      <c r="BU3590" s="53">
        <v>0</v>
      </c>
      <c r="BV3590" s="53">
        <v>0</v>
      </c>
      <c r="BW3590" s="53">
        <v>0</v>
      </c>
      <c r="BX3590" s="53">
        <v>0</v>
      </c>
      <c r="BY3590" s="53">
        <v>0</v>
      </c>
      <c r="BZ3590" s="53">
        <v>0</v>
      </c>
      <c r="CA3590" s="53">
        <v>0</v>
      </c>
      <c r="CB3590" s="53"/>
      <c r="CC3590" s="53"/>
      <c r="CD3590" s="53"/>
      <c r="CE3590" s="53"/>
      <c r="CF3590" s="53"/>
      <c r="CG3590" s="53"/>
      <c r="CH3590" s="53"/>
      <c r="CI3590" s="53"/>
      <c r="CJ3590" s="53"/>
      <c r="CK3590" s="53"/>
      <c r="CL3590" s="53"/>
      <c r="CM3590" s="53"/>
      <c r="CN3590" s="53"/>
    </row>
    <row r="3591" spans="1:92" outlineLevel="1">
      <c r="A3591" s="52" t="s">
        <v>1793</v>
      </c>
      <c r="B3591" s="53">
        <v>0</v>
      </c>
      <c r="C3591" s="53">
        <v>0</v>
      </c>
      <c r="D3591" s="53">
        <v>0</v>
      </c>
      <c r="E3591" s="53">
        <v>0</v>
      </c>
      <c r="F3591" s="53">
        <v>0</v>
      </c>
      <c r="G3591" s="53">
        <v>0</v>
      </c>
      <c r="H3591" s="53">
        <v>0</v>
      </c>
      <c r="I3591" s="53">
        <v>0</v>
      </c>
      <c r="J3591" s="53">
        <v>0</v>
      </c>
      <c r="K3591" s="53">
        <v>0</v>
      </c>
      <c r="L3591" s="53">
        <v>0</v>
      </c>
      <c r="M3591" s="53">
        <v>0</v>
      </c>
      <c r="N3591" s="53">
        <v>0</v>
      </c>
      <c r="O3591" s="53">
        <v>0</v>
      </c>
      <c r="P3591" s="53">
        <v>0</v>
      </c>
      <c r="Q3591" s="53">
        <v>0</v>
      </c>
      <c r="R3591" s="53">
        <v>0</v>
      </c>
      <c r="S3591" s="53">
        <v>0</v>
      </c>
      <c r="T3591" s="53">
        <v>0</v>
      </c>
      <c r="U3591" s="53">
        <v>0</v>
      </c>
      <c r="V3591" s="53">
        <v>0</v>
      </c>
      <c r="W3591" s="53">
        <v>0</v>
      </c>
      <c r="X3591" s="53">
        <v>0</v>
      </c>
      <c r="Y3591" s="53">
        <v>0</v>
      </c>
      <c r="Z3591" s="53">
        <v>0</v>
      </c>
      <c r="AA3591" s="53">
        <v>0</v>
      </c>
      <c r="AB3591" s="53">
        <v>0</v>
      </c>
      <c r="AC3591" s="53">
        <v>0</v>
      </c>
      <c r="AD3591" s="53">
        <v>0</v>
      </c>
      <c r="AE3591" s="53">
        <v>0</v>
      </c>
      <c r="AF3591" s="53">
        <v>0</v>
      </c>
      <c r="AG3591" s="53">
        <v>0</v>
      </c>
      <c r="AH3591" s="53">
        <v>0</v>
      </c>
      <c r="AI3591" s="53">
        <v>0</v>
      </c>
      <c r="AJ3591" s="53">
        <v>0</v>
      </c>
      <c r="AK3591" s="53">
        <v>0</v>
      </c>
      <c r="AL3591" s="53">
        <v>0</v>
      </c>
      <c r="AM3591" s="53">
        <v>0</v>
      </c>
      <c r="AN3591" s="53">
        <v>0</v>
      </c>
      <c r="AO3591" s="53">
        <v>0</v>
      </c>
      <c r="AP3591" s="53">
        <v>0</v>
      </c>
      <c r="AQ3591" s="53">
        <v>0</v>
      </c>
      <c r="AR3591" s="53">
        <v>0</v>
      </c>
      <c r="AS3591" s="53">
        <v>0</v>
      </c>
      <c r="AT3591" s="53">
        <v>0</v>
      </c>
      <c r="AU3591" s="53">
        <v>0</v>
      </c>
      <c r="AV3591" s="53">
        <v>0</v>
      </c>
      <c r="AW3591" s="53">
        <v>0</v>
      </c>
      <c r="AX3591" s="53">
        <v>0</v>
      </c>
      <c r="AY3591" s="53">
        <v>0</v>
      </c>
      <c r="AZ3591" s="53">
        <v>0</v>
      </c>
      <c r="BA3591" s="53">
        <v>0</v>
      </c>
      <c r="BB3591" s="53">
        <v>0</v>
      </c>
      <c r="BC3591" s="53">
        <v>0</v>
      </c>
      <c r="BD3591" s="53">
        <v>0</v>
      </c>
      <c r="BE3591" s="53">
        <v>0</v>
      </c>
      <c r="BF3591" s="53">
        <v>0</v>
      </c>
      <c r="BG3591" s="53">
        <v>0</v>
      </c>
      <c r="BH3591" s="53">
        <v>0</v>
      </c>
      <c r="BI3591" s="53">
        <v>0</v>
      </c>
      <c r="BJ3591" s="53">
        <v>0</v>
      </c>
      <c r="BK3591" s="53">
        <v>0</v>
      </c>
      <c r="BL3591" s="53">
        <v>0</v>
      </c>
      <c r="BM3591" s="53">
        <v>0</v>
      </c>
      <c r="BN3591" s="53">
        <v>0</v>
      </c>
      <c r="BO3591" s="53">
        <v>0</v>
      </c>
      <c r="BP3591" s="53">
        <v>0</v>
      </c>
      <c r="BQ3591" s="53">
        <v>0</v>
      </c>
      <c r="BR3591" s="53">
        <v>0</v>
      </c>
      <c r="BS3591" s="53">
        <v>0</v>
      </c>
      <c r="BT3591" s="53">
        <v>0</v>
      </c>
      <c r="BU3591" s="53">
        <v>0</v>
      </c>
      <c r="BV3591" s="53">
        <v>0</v>
      </c>
      <c r="BW3591" s="53">
        <v>0</v>
      </c>
      <c r="BX3591" s="53">
        <v>0</v>
      </c>
      <c r="BY3591" s="53">
        <v>0</v>
      </c>
      <c r="BZ3591" s="53">
        <v>0</v>
      </c>
      <c r="CA3591" s="53">
        <v>0</v>
      </c>
      <c r="CB3591" s="53"/>
      <c r="CC3591" s="53"/>
      <c r="CD3591" s="53"/>
      <c r="CE3591" s="53"/>
      <c r="CF3591" s="53"/>
      <c r="CG3591" s="53"/>
      <c r="CH3591" s="53"/>
      <c r="CI3591" s="53"/>
      <c r="CJ3591" s="53"/>
      <c r="CK3591" s="53"/>
      <c r="CL3591" s="53"/>
      <c r="CM3591" s="53"/>
      <c r="CN3591" s="53"/>
    </row>
    <row r="3592" spans="1:92" outlineLevel="1">
      <c r="A3592" s="59" t="s">
        <v>1794</v>
      </c>
      <c r="B3592" s="53">
        <v>0</v>
      </c>
      <c r="C3592" s="53">
        <v>0</v>
      </c>
      <c r="D3592" s="53">
        <v>0</v>
      </c>
      <c r="E3592" s="53">
        <v>0</v>
      </c>
      <c r="F3592" s="53">
        <v>0</v>
      </c>
      <c r="G3592" s="53">
        <v>0</v>
      </c>
      <c r="H3592" s="53">
        <v>0</v>
      </c>
      <c r="I3592" s="53">
        <v>0</v>
      </c>
      <c r="J3592" s="53">
        <v>0</v>
      </c>
      <c r="K3592" s="53">
        <v>0</v>
      </c>
      <c r="L3592" s="53">
        <v>0</v>
      </c>
      <c r="M3592" s="53">
        <v>0</v>
      </c>
      <c r="N3592" s="53">
        <v>0</v>
      </c>
      <c r="O3592" s="53">
        <v>0</v>
      </c>
      <c r="P3592" s="53">
        <v>0</v>
      </c>
      <c r="Q3592" s="53">
        <v>0</v>
      </c>
      <c r="R3592" s="53">
        <v>0</v>
      </c>
      <c r="S3592" s="53">
        <v>0</v>
      </c>
      <c r="T3592" s="53">
        <v>0</v>
      </c>
      <c r="U3592" s="53">
        <v>0</v>
      </c>
      <c r="V3592" s="53">
        <v>0</v>
      </c>
      <c r="W3592" s="53">
        <v>0</v>
      </c>
      <c r="X3592" s="53">
        <v>0</v>
      </c>
      <c r="Y3592" s="53">
        <v>0</v>
      </c>
      <c r="Z3592" s="53">
        <v>0</v>
      </c>
      <c r="AA3592" s="53">
        <v>0</v>
      </c>
      <c r="AB3592" s="53">
        <v>0</v>
      </c>
      <c r="AC3592" s="53">
        <v>0</v>
      </c>
      <c r="AD3592" s="53">
        <v>0</v>
      </c>
      <c r="AE3592" s="53">
        <v>0</v>
      </c>
      <c r="AF3592" s="53">
        <v>0</v>
      </c>
      <c r="AG3592" s="53">
        <v>0</v>
      </c>
      <c r="AH3592" s="53">
        <v>0</v>
      </c>
      <c r="AI3592" s="53">
        <v>0</v>
      </c>
      <c r="AJ3592" s="53">
        <v>0</v>
      </c>
      <c r="AK3592" s="53">
        <v>0</v>
      </c>
      <c r="AL3592" s="53">
        <v>0</v>
      </c>
      <c r="AM3592" s="53">
        <v>0</v>
      </c>
      <c r="AN3592" s="53">
        <v>0</v>
      </c>
      <c r="AO3592" s="53">
        <v>0</v>
      </c>
      <c r="AP3592" s="53">
        <v>0</v>
      </c>
      <c r="AQ3592" s="53">
        <v>0</v>
      </c>
      <c r="AR3592" s="53">
        <v>0</v>
      </c>
      <c r="AS3592" s="53">
        <v>0</v>
      </c>
      <c r="AT3592" s="53">
        <v>0</v>
      </c>
      <c r="AU3592" s="53">
        <v>0</v>
      </c>
      <c r="AV3592" s="53">
        <v>0</v>
      </c>
      <c r="AW3592" s="53">
        <v>0</v>
      </c>
      <c r="AX3592" s="53">
        <v>0</v>
      </c>
      <c r="AY3592" s="53">
        <v>0</v>
      </c>
      <c r="AZ3592" s="53">
        <v>0</v>
      </c>
      <c r="BA3592" s="53">
        <v>0</v>
      </c>
      <c r="BB3592" s="53">
        <v>0</v>
      </c>
      <c r="BC3592" s="53">
        <v>0</v>
      </c>
      <c r="BD3592" s="53">
        <v>0</v>
      </c>
      <c r="BE3592" s="53">
        <v>0</v>
      </c>
      <c r="BF3592" s="53">
        <v>0</v>
      </c>
      <c r="BG3592" s="53">
        <v>0</v>
      </c>
      <c r="BH3592" s="53">
        <v>0</v>
      </c>
      <c r="BI3592" s="53">
        <v>0</v>
      </c>
      <c r="BJ3592" s="53">
        <v>0</v>
      </c>
      <c r="BK3592" s="53">
        <v>0</v>
      </c>
      <c r="BL3592" s="53">
        <v>0</v>
      </c>
      <c r="BM3592" s="53">
        <v>0</v>
      </c>
      <c r="BN3592" s="53">
        <v>0</v>
      </c>
      <c r="BO3592" s="53">
        <v>0</v>
      </c>
      <c r="BP3592" s="53">
        <v>0</v>
      </c>
      <c r="BQ3592" s="53">
        <v>0</v>
      </c>
      <c r="BR3592" s="53">
        <v>0</v>
      </c>
      <c r="BS3592" s="53">
        <v>0</v>
      </c>
      <c r="BT3592" s="53">
        <v>0</v>
      </c>
      <c r="BU3592" s="53">
        <v>0</v>
      </c>
      <c r="BV3592" s="53">
        <v>0</v>
      </c>
      <c r="BW3592" s="53">
        <v>0</v>
      </c>
      <c r="BX3592" s="53">
        <v>0</v>
      </c>
      <c r="BY3592" s="53">
        <v>0</v>
      </c>
      <c r="BZ3592" s="53">
        <v>0</v>
      </c>
      <c r="CA3592" s="53">
        <v>0</v>
      </c>
      <c r="CB3592" s="53"/>
      <c r="CC3592" s="53"/>
      <c r="CD3592" s="53"/>
      <c r="CE3592" s="53"/>
      <c r="CF3592" s="53"/>
      <c r="CG3592" s="53"/>
      <c r="CH3592" s="53"/>
      <c r="CI3592" s="53"/>
      <c r="CJ3592" s="53"/>
      <c r="CK3592" s="53"/>
      <c r="CL3592" s="53"/>
      <c r="CM3592" s="53"/>
      <c r="CN3592" s="53"/>
    </row>
    <row r="3593" spans="1:92" outlineLevel="1">
      <c r="A3593" s="52" t="s">
        <v>602</v>
      </c>
      <c r="B3593" s="53"/>
      <c r="C3593" s="53"/>
      <c r="D3593" s="53"/>
      <c r="E3593" s="53"/>
      <c r="F3593" s="53"/>
      <c r="G3593" s="53"/>
      <c r="H3593" s="53"/>
      <c r="I3593" s="53"/>
      <c r="J3593" s="53"/>
      <c r="K3593" s="53"/>
      <c r="L3593" s="53"/>
      <c r="M3593" s="53"/>
      <c r="N3593" s="53"/>
      <c r="O3593" s="53"/>
      <c r="P3593" s="53"/>
      <c r="Q3593" s="53"/>
      <c r="R3593" s="53"/>
      <c r="S3593" s="53"/>
      <c r="T3593" s="53"/>
      <c r="U3593" s="53"/>
      <c r="V3593" s="53"/>
      <c r="W3593" s="53"/>
      <c r="X3593" s="53"/>
      <c r="Y3593" s="53"/>
      <c r="Z3593" s="53"/>
      <c r="AA3593" s="53"/>
      <c r="AB3593" s="53"/>
      <c r="AC3593" s="53"/>
      <c r="AD3593" s="53"/>
      <c r="AE3593" s="53"/>
      <c r="AF3593" s="53"/>
      <c r="AG3593" s="53"/>
      <c r="AH3593" s="53"/>
      <c r="AI3593" s="53"/>
      <c r="AJ3593" s="53"/>
      <c r="AK3593" s="53"/>
      <c r="AL3593" s="53"/>
      <c r="AM3593" s="53"/>
      <c r="AN3593" s="53"/>
      <c r="AO3593" s="53"/>
      <c r="AP3593" s="53"/>
      <c r="AQ3593" s="53"/>
      <c r="AR3593" s="53"/>
      <c r="AS3593" s="53"/>
      <c r="AT3593" s="53"/>
      <c r="AU3593" s="53"/>
      <c r="AV3593" s="53"/>
      <c r="AW3593" s="53"/>
      <c r="AX3593" s="53"/>
      <c r="AY3593" s="53"/>
      <c r="AZ3593" s="53"/>
      <c r="BA3593" s="53"/>
      <c r="BB3593" s="53"/>
      <c r="BC3593" s="53"/>
      <c r="BD3593" s="53"/>
      <c r="BE3593" s="53"/>
      <c r="BF3593" s="53"/>
      <c r="BG3593" s="53"/>
      <c r="BH3593" s="53"/>
      <c r="BI3593" s="53"/>
      <c r="BJ3593" s="53"/>
      <c r="BK3593" s="53"/>
      <c r="BL3593" s="53"/>
      <c r="BM3593" s="53"/>
      <c r="BN3593" s="53"/>
      <c r="BO3593" s="53"/>
      <c r="BP3593" s="53"/>
      <c r="BQ3593" s="53"/>
      <c r="BR3593" s="53"/>
      <c r="BS3593" s="53"/>
      <c r="BT3593" s="53"/>
      <c r="BU3593" s="53"/>
      <c r="BV3593" s="53"/>
      <c r="BW3593" s="53"/>
      <c r="BX3593" s="53"/>
      <c r="BY3593" s="53"/>
      <c r="BZ3593" s="53"/>
      <c r="CA3593" s="53"/>
      <c r="CB3593" s="53"/>
      <c r="CC3593" s="53"/>
      <c r="CD3593" s="53"/>
      <c r="CE3593" s="53"/>
      <c r="CF3593" s="53"/>
      <c r="CG3593" s="53"/>
      <c r="CH3593" s="53"/>
      <c r="CI3593" s="53"/>
      <c r="CJ3593" s="53"/>
      <c r="CK3593" s="53"/>
      <c r="CL3593" s="53"/>
      <c r="CM3593" s="53"/>
      <c r="CN3593" s="53"/>
    </row>
    <row r="3594" spans="1:92" outlineLevel="1">
      <c r="A3594" s="52" t="s">
        <v>1218</v>
      </c>
      <c r="B3594" s="53">
        <v>8284487697.08599</v>
      </c>
      <c r="C3594" s="53">
        <v>8389195002.0099802</v>
      </c>
      <c r="D3594" s="53">
        <v>8413747986.1199903</v>
      </c>
      <c r="E3594" s="53">
        <v>8455093454.7099895</v>
      </c>
      <c r="F3594" s="53">
        <v>8517903989.6999903</v>
      </c>
      <c r="G3594" s="53">
        <v>8594920426.1900005</v>
      </c>
      <c r="H3594" s="53">
        <v>8715586033.2999897</v>
      </c>
      <c r="I3594" s="53">
        <v>8815463138.2800007</v>
      </c>
      <c r="J3594" s="53">
        <v>8949282247.3899899</v>
      </c>
      <c r="K3594" s="53">
        <v>9033423169.4099998</v>
      </c>
      <c r="L3594" s="53">
        <v>9102520816.1499901</v>
      </c>
      <c r="M3594" s="53">
        <v>8967653207.6199894</v>
      </c>
      <c r="N3594" s="53">
        <v>8284487697.08599</v>
      </c>
      <c r="O3594" s="53">
        <v>9010008281.7799892</v>
      </c>
      <c r="P3594" s="53">
        <v>9130919528.7854691</v>
      </c>
      <c r="Q3594" s="53">
        <v>9184491723.2070293</v>
      </c>
      <c r="R3594" s="53">
        <v>9246944448.3355694</v>
      </c>
      <c r="S3594" s="53">
        <v>9291952440.7106895</v>
      </c>
      <c r="T3594" s="53">
        <v>9364629946.1984596</v>
      </c>
      <c r="U3594" s="53">
        <v>9470465643.2042694</v>
      </c>
      <c r="V3594" s="53">
        <v>9563311730.8831406</v>
      </c>
      <c r="W3594" s="53">
        <v>9704132413.1537304</v>
      </c>
      <c r="X3594" s="53">
        <v>9809146854.8923702</v>
      </c>
      <c r="Y3594" s="53">
        <v>9868428845.7795601</v>
      </c>
      <c r="Z3594" s="53">
        <v>9898176328.7627792</v>
      </c>
      <c r="AA3594" s="53">
        <v>9010008281.7799892</v>
      </c>
      <c r="AB3594" s="53">
        <v>9963622780.0715103</v>
      </c>
      <c r="AC3594" s="53">
        <v>10085580035.325701</v>
      </c>
      <c r="AD3594" s="53">
        <v>10136467276.610901</v>
      </c>
      <c r="AE3594" s="53">
        <v>10178675393.766001</v>
      </c>
      <c r="AF3594" s="53">
        <v>10227696338.7983</v>
      </c>
      <c r="AG3594" s="53">
        <v>10305582913.3564</v>
      </c>
      <c r="AH3594" s="53">
        <v>10410710839.8806</v>
      </c>
      <c r="AI3594" s="53">
        <v>10514528599.7939</v>
      </c>
      <c r="AJ3594" s="53">
        <v>10667379011.76</v>
      </c>
      <c r="AK3594" s="53">
        <v>10761471011.611601</v>
      </c>
      <c r="AL3594" s="53">
        <v>10829829483.385401</v>
      </c>
      <c r="AM3594" s="53">
        <v>10866580738.718901</v>
      </c>
      <c r="AN3594" s="53">
        <v>9963622780.0715103</v>
      </c>
      <c r="AO3594" s="53">
        <v>10933821951.386</v>
      </c>
      <c r="AP3594" s="53">
        <v>11050014467.066</v>
      </c>
      <c r="AQ3594" s="53">
        <v>11090570540.321501</v>
      </c>
      <c r="AR3594" s="53">
        <v>11120715555.914301</v>
      </c>
      <c r="AS3594" s="53">
        <v>11163992469.1859</v>
      </c>
      <c r="AT3594" s="53">
        <v>11235454634.4457</v>
      </c>
      <c r="AU3594" s="53">
        <v>11323352422.3764</v>
      </c>
      <c r="AV3594" s="53">
        <v>11421044420.657301</v>
      </c>
      <c r="AW3594" s="53">
        <v>11567166995.3183</v>
      </c>
      <c r="AX3594" s="53">
        <v>11646331732.822701</v>
      </c>
      <c r="AY3594" s="53">
        <v>11707129120.3234</v>
      </c>
      <c r="AZ3594" s="53">
        <v>11733871622.7717</v>
      </c>
      <c r="BA3594" s="53">
        <v>10933821951.386</v>
      </c>
      <c r="BB3594" s="53">
        <v>11786827629.0502</v>
      </c>
      <c r="BC3594" s="53">
        <v>11902111956.7166</v>
      </c>
      <c r="BD3594" s="53">
        <v>11941765093.357201</v>
      </c>
      <c r="BE3594" s="53">
        <v>11970334106.8328</v>
      </c>
      <c r="BF3594" s="53">
        <v>12012596959.3246</v>
      </c>
      <c r="BG3594" s="53">
        <v>12083542233.847601</v>
      </c>
      <c r="BH3594" s="53">
        <v>12122648807.179501</v>
      </c>
      <c r="BI3594" s="53">
        <v>12221385623.275</v>
      </c>
      <c r="BJ3594" s="53">
        <v>12368542377.1206</v>
      </c>
      <c r="BK3594" s="53">
        <v>12448346345.7904</v>
      </c>
      <c r="BL3594" s="53">
        <v>12509568991.023001</v>
      </c>
      <c r="BM3594" s="53">
        <v>12535882285.9683</v>
      </c>
      <c r="BN3594" s="53">
        <v>11786827629.0502</v>
      </c>
      <c r="BO3594" s="53">
        <v>12590419050.7388</v>
      </c>
      <c r="BP3594" s="53">
        <v>12703047464.442699</v>
      </c>
      <c r="BQ3594" s="53">
        <v>12742759588.401699</v>
      </c>
      <c r="BR3594" s="53">
        <v>12770241757.519199</v>
      </c>
      <c r="BS3594" s="53">
        <v>12811000362.283199</v>
      </c>
      <c r="BT3594" s="53">
        <v>12881242680.275801</v>
      </c>
      <c r="BU3594" s="53">
        <v>12843211306.2159</v>
      </c>
      <c r="BV3594" s="53">
        <v>12939657412.1854</v>
      </c>
      <c r="BW3594" s="53">
        <v>13084612033.565901</v>
      </c>
      <c r="BX3594" s="53">
        <v>13163155757.7733</v>
      </c>
      <c r="BY3594" s="53">
        <v>13222560562.9729</v>
      </c>
      <c r="BZ3594" s="53">
        <v>13246661375.395901</v>
      </c>
      <c r="CA3594" s="53">
        <v>12590419050.7388</v>
      </c>
      <c r="CB3594" s="53"/>
      <c r="CC3594" s="53"/>
      <c r="CD3594" s="53"/>
      <c r="CE3594" s="53"/>
      <c r="CF3594" s="53"/>
      <c r="CG3594" s="53"/>
      <c r="CH3594" s="53"/>
      <c r="CI3594" s="53"/>
      <c r="CJ3594" s="53"/>
      <c r="CK3594" s="53"/>
      <c r="CL3594" s="53"/>
      <c r="CM3594" s="53"/>
      <c r="CN3594" s="53"/>
    </row>
    <row r="3595" spans="1:92" outlineLevel="1">
      <c r="A3595" s="52" t="s">
        <v>699</v>
      </c>
      <c r="B3595" s="53"/>
      <c r="C3595" s="53"/>
      <c r="D3595" s="53"/>
      <c r="E3595" s="53"/>
      <c r="F3595" s="53"/>
      <c r="G3595" s="53"/>
      <c r="H3595" s="53"/>
      <c r="I3595" s="53"/>
      <c r="J3595" s="53"/>
      <c r="K3595" s="53"/>
      <c r="L3595" s="53"/>
      <c r="M3595" s="53"/>
      <c r="N3595" s="53"/>
      <c r="O3595" s="53"/>
      <c r="P3595" s="53"/>
      <c r="Q3595" s="53"/>
      <c r="R3595" s="53"/>
      <c r="S3595" s="53"/>
      <c r="T3595" s="53"/>
      <c r="U3595" s="53"/>
      <c r="V3595" s="53"/>
      <c r="W3595" s="53"/>
      <c r="X3595" s="53"/>
      <c r="Y3595" s="53"/>
      <c r="Z3595" s="53"/>
      <c r="AA3595" s="53"/>
      <c r="AB3595" s="53"/>
      <c r="AC3595" s="53"/>
      <c r="AD3595" s="53"/>
      <c r="AE3595" s="53"/>
      <c r="AF3595" s="53"/>
      <c r="AG3595" s="53"/>
      <c r="AH3595" s="53"/>
      <c r="AI3595" s="53"/>
      <c r="AJ3595" s="53"/>
      <c r="AK3595" s="53"/>
      <c r="AL3595" s="53"/>
      <c r="AM3595" s="53"/>
      <c r="AN3595" s="53"/>
      <c r="AO3595" s="53"/>
      <c r="AP3595" s="53"/>
      <c r="AQ3595" s="53"/>
      <c r="AR3595" s="53"/>
      <c r="AS3595" s="53"/>
      <c r="AT3595" s="53"/>
      <c r="AU3595" s="53"/>
      <c r="AV3595" s="53"/>
      <c r="AW3595" s="53"/>
      <c r="AX3595" s="53"/>
      <c r="AY3595" s="53"/>
      <c r="AZ3595" s="53"/>
      <c r="BA3595" s="53"/>
      <c r="BB3595" s="53"/>
      <c r="BC3595" s="53"/>
      <c r="BD3595" s="53"/>
      <c r="BE3595" s="53"/>
      <c r="BF3595" s="53"/>
      <c r="BG3595" s="53"/>
      <c r="BH3595" s="53"/>
      <c r="BI3595" s="53"/>
      <c r="BJ3595" s="53"/>
      <c r="BK3595" s="53"/>
      <c r="BL3595" s="53"/>
      <c r="BM3595" s="53"/>
      <c r="BN3595" s="53"/>
      <c r="BO3595" s="53"/>
      <c r="BP3595" s="53"/>
      <c r="BQ3595" s="53"/>
      <c r="BR3595" s="53"/>
      <c r="BS3595" s="53"/>
      <c r="BT3595" s="53"/>
      <c r="BU3595" s="53"/>
      <c r="BV3595" s="53"/>
      <c r="BW3595" s="53"/>
      <c r="BX3595" s="53"/>
      <c r="BY3595" s="53"/>
      <c r="BZ3595" s="53"/>
      <c r="CA3595" s="53"/>
      <c r="CB3595" s="53"/>
      <c r="CC3595" s="53"/>
      <c r="CD3595" s="53"/>
      <c r="CE3595" s="53"/>
      <c r="CF3595" s="53"/>
      <c r="CG3595" s="53"/>
      <c r="CH3595" s="53"/>
      <c r="CI3595" s="53"/>
      <c r="CJ3595" s="53"/>
      <c r="CK3595" s="53"/>
      <c r="CL3595" s="53"/>
      <c r="CM3595" s="53"/>
      <c r="CN3595" s="53"/>
    </row>
    <row r="3596" spans="1:92" outlineLevel="1">
      <c r="A3596" s="52" t="s">
        <v>1229</v>
      </c>
      <c r="B3596" s="53"/>
      <c r="C3596" s="53"/>
      <c r="D3596" s="53"/>
      <c r="E3596" s="53"/>
      <c r="F3596" s="53"/>
      <c r="G3596" s="53"/>
      <c r="H3596" s="53"/>
      <c r="I3596" s="53"/>
      <c r="J3596" s="53"/>
      <c r="K3596" s="53"/>
      <c r="L3596" s="53"/>
      <c r="M3596" s="53"/>
      <c r="N3596" s="53"/>
      <c r="O3596" s="53"/>
      <c r="P3596" s="53"/>
      <c r="Q3596" s="53"/>
      <c r="R3596" s="53"/>
      <c r="S3596" s="53"/>
      <c r="T3596" s="53"/>
      <c r="U3596" s="53"/>
      <c r="V3596" s="53"/>
      <c r="W3596" s="53"/>
      <c r="X3596" s="53"/>
      <c r="Y3596" s="53"/>
      <c r="Z3596" s="53"/>
      <c r="AA3596" s="53"/>
      <c r="AB3596" s="53"/>
      <c r="AC3596" s="53"/>
      <c r="AD3596" s="53"/>
      <c r="AE3596" s="53"/>
      <c r="AF3596" s="53"/>
      <c r="AG3596" s="53"/>
      <c r="AH3596" s="53"/>
      <c r="AI3596" s="53"/>
      <c r="AJ3596" s="53"/>
      <c r="AK3596" s="53"/>
      <c r="AL3596" s="53"/>
      <c r="AM3596" s="53"/>
      <c r="AN3596" s="53"/>
      <c r="AO3596" s="53"/>
      <c r="AP3596" s="53"/>
      <c r="AQ3596" s="53"/>
      <c r="AR3596" s="53"/>
      <c r="AS3596" s="53"/>
      <c r="AT3596" s="53"/>
      <c r="AU3596" s="53"/>
      <c r="AV3596" s="53"/>
      <c r="AW3596" s="53"/>
      <c r="AX3596" s="53"/>
      <c r="AY3596" s="53"/>
      <c r="AZ3596" s="53"/>
      <c r="BA3596" s="53"/>
      <c r="BB3596" s="53"/>
      <c r="BC3596" s="53"/>
      <c r="BD3596" s="53"/>
      <c r="BE3596" s="53"/>
      <c r="BF3596" s="53"/>
      <c r="BG3596" s="53"/>
      <c r="BH3596" s="53"/>
      <c r="BI3596" s="53"/>
      <c r="BJ3596" s="53"/>
      <c r="BK3596" s="53"/>
      <c r="BL3596" s="53"/>
      <c r="BM3596" s="53"/>
      <c r="BN3596" s="53"/>
      <c r="BO3596" s="53"/>
      <c r="BP3596" s="53"/>
      <c r="BQ3596" s="53"/>
      <c r="BR3596" s="53"/>
      <c r="BS3596" s="53"/>
      <c r="BT3596" s="53"/>
      <c r="BU3596" s="53"/>
      <c r="BV3596" s="53"/>
      <c r="BW3596" s="53"/>
      <c r="BX3596" s="53"/>
      <c r="BY3596" s="53"/>
      <c r="BZ3596" s="53"/>
      <c r="CA3596" s="53"/>
      <c r="CB3596" s="53"/>
      <c r="CC3596" s="53"/>
      <c r="CD3596" s="53"/>
      <c r="CE3596" s="53"/>
      <c r="CF3596" s="53"/>
      <c r="CG3596" s="53"/>
      <c r="CH3596" s="53"/>
      <c r="CI3596" s="53"/>
      <c r="CJ3596" s="53"/>
      <c r="CK3596" s="53"/>
      <c r="CL3596" s="53"/>
      <c r="CM3596" s="53"/>
      <c r="CN3596" s="53"/>
    </row>
    <row r="3597" spans="1:92" outlineLevel="1">
      <c r="A3597" s="52" t="s">
        <v>1781</v>
      </c>
      <c r="B3597" s="53"/>
      <c r="C3597" s="53"/>
      <c r="D3597" s="53"/>
      <c r="E3597" s="53"/>
      <c r="F3597" s="53"/>
      <c r="G3597" s="53"/>
      <c r="H3597" s="53"/>
      <c r="I3597" s="53"/>
      <c r="J3597" s="53"/>
      <c r="K3597" s="53"/>
      <c r="L3597" s="53"/>
      <c r="M3597" s="53"/>
      <c r="N3597" s="53"/>
      <c r="O3597" s="53"/>
      <c r="P3597" s="53"/>
      <c r="Q3597" s="53"/>
      <c r="R3597" s="53"/>
      <c r="S3597" s="53"/>
      <c r="T3597" s="53"/>
      <c r="U3597" s="53"/>
      <c r="V3597" s="53"/>
      <c r="W3597" s="53"/>
      <c r="X3597" s="53"/>
      <c r="Y3597" s="53"/>
      <c r="Z3597" s="53"/>
      <c r="AA3597" s="53"/>
      <c r="AB3597" s="53"/>
      <c r="AC3597" s="53"/>
      <c r="AD3597" s="53"/>
      <c r="AE3597" s="53"/>
      <c r="AF3597" s="53"/>
      <c r="AG3597" s="53"/>
      <c r="AH3597" s="53"/>
      <c r="AI3597" s="53"/>
      <c r="AJ3597" s="53"/>
      <c r="AK3597" s="53"/>
      <c r="AL3597" s="53"/>
      <c r="AM3597" s="53"/>
      <c r="AN3597" s="53"/>
      <c r="AO3597" s="53"/>
      <c r="AP3597" s="53"/>
      <c r="AQ3597" s="53"/>
      <c r="AR3597" s="53"/>
      <c r="AS3597" s="53"/>
      <c r="AT3597" s="53"/>
      <c r="AU3597" s="53"/>
      <c r="AV3597" s="53"/>
      <c r="AW3597" s="53"/>
      <c r="AX3597" s="53"/>
      <c r="AY3597" s="53"/>
      <c r="AZ3597" s="53"/>
      <c r="BA3597" s="53"/>
      <c r="BB3597" s="53"/>
      <c r="BC3597" s="53"/>
      <c r="BD3597" s="53"/>
      <c r="BE3597" s="53"/>
      <c r="BF3597" s="53"/>
      <c r="BG3597" s="53"/>
      <c r="BH3597" s="53"/>
      <c r="BI3597" s="53"/>
      <c r="BJ3597" s="53"/>
      <c r="BK3597" s="53"/>
      <c r="BL3597" s="53"/>
      <c r="BM3597" s="53"/>
      <c r="BN3597" s="53"/>
      <c r="BO3597" s="53"/>
      <c r="BP3597" s="53"/>
      <c r="BQ3597" s="53"/>
      <c r="BR3597" s="53"/>
      <c r="BS3597" s="53"/>
      <c r="BT3597" s="53"/>
      <c r="BU3597" s="53"/>
      <c r="BV3597" s="53"/>
      <c r="BW3597" s="53"/>
      <c r="BX3597" s="53"/>
      <c r="BY3597" s="53"/>
      <c r="BZ3597" s="53"/>
      <c r="CA3597" s="53"/>
      <c r="CB3597" s="53">
        <v>9966657.5352246799</v>
      </c>
      <c r="CC3597" s="53">
        <v>4649169.1058668504</v>
      </c>
      <c r="CD3597" s="53">
        <v>4180311.4957047999</v>
      </c>
      <c r="CE3597" s="53">
        <v>8515473.5558954906</v>
      </c>
      <c r="CF3597" s="53">
        <v>19756860.9266943</v>
      </c>
      <c r="CG3597" s="53">
        <v>24261694.077486001</v>
      </c>
      <c r="CH3597" s="53">
        <v>29436058.5516885</v>
      </c>
      <c r="CI3597" s="53">
        <v>29677056.700727601</v>
      </c>
      <c r="CJ3597" s="53">
        <v>24727090.512954202</v>
      </c>
      <c r="CK3597" s="53">
        <v>14592147.8233594</v>
      </c>
      <c r="CL3597" s="53">
        <v>4828308.1482623396</v>
      </c>
      <c r="CM3597" s="53">
        <v>6254011.0540844398</v>
      </c>
      <c r="CN3597" s="53">
        <v>180844839.487948</v>
      </c>
    </row>
    <row r="3598" spans="1:92" outlineLevel="1">
      <c r="A3598" s="52" t="s">
        <v>649</v>
      </c>
      <c r="B3598" s="53">
        <v>104410576.98</v>
      </c>
      <c r="C3598" s="53">
        <v>26199403.8600001</v>
      </c>
      <c r="D3598" s="53">
        <v>45317581.880000003</v>
      </c>
      <c r="E3598" s="53">
        <v>63973249.160000101</v>
      </c>
      <c r="F3598" s="53">
        <v>80666448.5</v>
      </c>
      <c r="G3598" s="53">
        <v>121300437.04000001</v>
      </c>
      <c r="H3598" s="53">
        <v>103749138.25</v>
      </c>
      <c r="I3598" s="53">
        <v>131985712.40000001</v>
      </c>
      <c r="J3598" s="53">
        <v>86628252.679999799</v>
      </c>
      <c r="K3598" s="53">
        <v>73550140.060000002</v>
      </c>
      <c r="L3598" s="53">
        <v>47136720.219999902</v>
      </c>
      <c r="M3598" s="53">
        <v>51066816.229999997</v>
      </c>
      <c r="N3598" s="53">
        <v>935984477.26000094</v>
      </c>
      <c r="O3598" s="53">
        <v>120911247.006062</v>
      </c>
      <c r="P3598" s="53">
        <v>53572194.420760401</v>
      </c>
      <c r="Q3598" s="53">
        <v>62452725.128923498</v>
      </c>
      <c r="R3598" s="53">
        <v>45007992.375067197</v>
      </c>
      <c r="S3598" s="53">
        <v>72677505.488241106</v>
      </c>
      <c r="T3598" s="53">
        <v>105835697.00632299</v>
      </c>
      <c r="U3598" s="53">
        <v>92846087.679724693</v>
      </c>
      <c r="V3598" s="53">
        <v>140820682.268556</v>
      </c>
      <c r="W3598" s="53">
        <v>105014441.738617</v>
      </c>
      <c r="X3598" s="53">
        <v>59281990.88713</v>
      </c>
      <c r="Y3598" s="53">
        <v>29747482.983165201</v>
      </c>
      <c r="Z3598" s="53">
        <v>65446451.308665797</v>
      </c>
      <c r="AA3598" s="53">
        <v>953614498.29123795</v>
      </c>
      <c r="AB3598" s="53">
        <v>121957255.25412001</v>
      </c>
      <c r="AC3598" s="53">
        <v>50887241.285122603</v>
      </c>
      <c r="AD3598" s="53">
        <v>42208117.155037403</v>
      </c>
      <c r="AE3598" s="53">
        <v>49020945.033146001</v>
      </c>
      <c r="AF3598" s="53">
        <v>77886574.558095306</v>
      </c>
      <c r="AG3598" s="53">
        <v>105127926.524479</v>
      </c>
      <c r="AH3598" s="53">
        <v>103817759.91374101</v>
      </c>
      <c r="AI3598" s="53">
        <v>152850411.966407</v>
      </c>
      <c r="AJ3598" s="53">
        <v>94091999.852054805</v>
      </c>
      <c r="AK3598" s="53">
        <v>68358471.772034496</v>
      </c>
      <c r="AL3598" s="53">
        <v>36751255.333444797</v>
      </c>
      <c r="AM3598" s="53">
        <v>67241212.667171806</v>
      </c>
      <c r="AN3598" s="53">
        <v>970199171.31485605</v>
      </c>
      <c r="AO3598" s="53">
        <v>116192515.680006</v>
      </c>
      <c r="AP3598" s="53">
        <v>40556073.255500503</v>
      </c>
      <c r="AQ3598" s="53">
        <v>30145015.591943</v>
      </c>
      <c r="AR3598" s="53">
        <v>43276913.272023499</v>
      </c>
      <c r="AS3598" s="53">
        <v>71462165.260179698</v>
      </c>
      <c r="AT3598" s="53">
        <v>87897787.930613607</v>
      </c>
      <c r="AU3598" s="53">
        <v>97691998.281774998</v>
      </c>
      <c r="AV3598" s="53">
        <v>146122574.661044</v>
      </c>
      <c r="AW3598" s="53">
        <v>79164737.503399</v>
      </c>
      <c r="AX3598" s="53">
        <v>60797387.501280703</v>
      </c>
      <c r="AY3598" s="53">
        <v>26742502.4483243</v>
      </c>
      <c r="AZ3598" s="53">
        <v>52956006.277775899</v>
      </c>
      <c r="BA3598" s="53">
        <v>853005677.66386604</v>
      </c>
      <c r="BB3598" s="53">
        <v>115284327.666733</v>
      </c>
      <c r="BC3598" s="53">
        <v>39653136.640592501</v>
      </c>
      <c r="BD3598" s="53">
        <v>28569013.475719899</v>
      </c>
      <c r="BE3598" s="53">
        <v>42262852.4917152</v>
      </c>
      <c r="BF3598" s="53">
        <v>70945274.522929296</v>
      </c>
      <c r="BG3598" s="53">
        <v>89106573.332076594</v>
      </c>
      <c r="BH3598" s="53">
        <v>98736816.095387205</v>
      </c>
      <c r="BI3598" s="53">
        <v>147156753.84560901</v>
      </c>
      <c r="BJ3598" s="53">
        <v>79803968.669881701</v>
      </c>
      <c r="BK3598" s="53">
        <v>61222645.232520401</v>
      </c>
      <c r="BL3598" s="53">
        <v>26313294.9452518</v>
      </c>
      <c r="BM3598" s="53">
        <v>54536764.7702531</v>
      </c>
      <c r="BN3598" s="53">
        <v>853591421.68867004</v>
      </c>
      <c r="BO3598" s="53">
        <v>112628413.704126</v>
      </c>
      <c r="BP3598" s="53">
        <v>39712123.959011003</v>
      </c>
      <c r="BQ3598" s="53">
        <v>27482169.117506001</v>
      </c>
      <c r="BR3598" s="53">
        <v>40758604.764064699</v>
      </c>
      <c r="BS3598" s="53">
        <v>70242317.992557094</v>
      </c>
      <c r="BT3598" s="53">
        <v>86968625.940318003</v>
      </c>
      <c r="BU3598" s="53">
        <v>96446105.969310001</v>
      </c>
      <c r="BV3598" s="53">
        <v>144954621.38044599</v>
      </c>
      <c r="BW3598" s="53">
        <v>78543724.207548499</v>
      </c>
      <c r="BX3598" s="53">
        <v>59404805.199486203</v>
      </c>
      <c r="BY3598" s="53">
        <v>24100812.4229987</v>
      </c>
      <c r="BZ3598" s="53">
        <v>53359914.462140098</v>
      </c>
      <c r="CA3598" s="53">
        <v>834602239.11951399</v>
      </c>
      <c r="CB3598" s="53"/>
      <c r="CC3598" s="53"/>
      <c r="CD3598" s="53"/>
      <c r="CE3598" s="53"/>
      <c r="CF3598" s="53"/>
      <c r="CG3598" s="53"/>
      <c r="CH3598" s="53"/>
      <c r="CI3598" s="53"/>
      <c r="CJ3598" s="53"/>
      <c r="CK3598" s="53"/>
      <c r="CL3598" s="53"/>
      <c r="CM3598" s="53"/>
      <c r="CN3598" s="53"/>
    </row>
    <row r="3599" spans="1:92" outlineLevel="1">
      <c r="A3599" s="52" t="s">
        <v>672</v>
      </c>
      <c r="B3599" s="53"/>
      <c r="C3599" s="53"/>
      <c r="D3599" s="53"/>
      <c r="E3599" s="53"/>
      <c r="F3599" s="53"/>
      <c r="G3599" s="53"/>
      <c r="H3599" s="53"/>
      <c r="I3599" s="53"/>
      <c r="J3599" s="53"/>
      <c r="K3599" s="53"/>
      <c r="L3599" s="53"/>
      <c r="M3599" s="53"/>
      <c r="N3599" s="53"/>
      <c r="O3599" s="53"/>
      <c r="P3599" s="53"/>
      <c r="Q3599" s="53"/>
      <c r="R3599" s="53"/>
      <c r="S3599" s="53"/>
      <c r="T3599" s="53"/>
      <c r="U3599" s="53"/>
      <c r="V3599" s="53"/>
      <c r="W3599" s="53"/>
      <c r="X3599" s="53"/>
      <c r="Y3599" s="53"/>
      <c r="Z3599" s="53"/>
      <c r="AA3599" s="53"/>
      <c r="AB3599" s="53"/>
      <c r="AC3599" s="53"/>
      <c r="AD3599" s="53"/>
      <c r="AE3599" s="53"/>
      <c r="AF3599" s="53"/>
      <c r="AG3599" s="53"/>
      <c r="AH3599" s="53"/>
      <c r="AI3599" s="53"/>
      <c r="AJ3599" s="53"/>
      <c r="AK3599" s="53"/>
      <c r="AL3599" s="53"/>
      <c r="AM3599" s="53"/>
      <c r="AN3599" s="53"/>
      <c r="AO3599" s="53"/>
      <c r="AP3599" s="53"/>
      <c r="AQ3599" s="53"/>
      <c r="AR3599" s="53"/>
      <c r="AS3599" s="53"/>
      <c r="AT3599" s="53"/>
      <c r="AU3599" s="53"/>
      <c r="AV3599" s="53"/>
      <c r="AW3599" s="53"/>
      <c r="AX3599" s="53"/>
      <c r="AY3599" s="53"/>
      <c r="AZ3599" s="53"/>
      <c r="BA3599" s="53"/>
      <c r="BB3599" s="53"/>
      <c r="BC3599" s="53"/>
      <c r="BD3599" s="53"/>
      <c r="BE3599" s="53"/>
      <c r="BF3599" s="53"/>
      <c r="BG3599" s="53"/>
      <c r="BH3599" s="53"/>
      <c r="BI3599" s="53"/>
      <c r="BJ3599" s="53"/>
      <c r="BK3599" s="53"/>
      <c r="BL3599" s="53"/>
      <c r="BM3599" s="53"/>
      <c r="BN3599" s="53"/>
      <c r="BO3599" s="53"/>
      <c r="BP3599" s="53"/>
      <c r="BQ3599" s="53"/>
      <c r="BR3599" s="53"/>
      <c r="BS3599" s="53"/>
      <c r="BT3599" s="53"/>
      <c r="BU3599" s="53"/>
      <c r="BV3599" s="53"/>
      <c r="BW3599" s="53"/>
      <c r="BX3599" s="53"/>
      <c r="BY3599" s="53"/>
      <c r="BZ3599" s="53"/>
      <c r="CA3599" s="53"/>
      <c r="CB3599" s="53">
        <v>10635897.274225701</v>
      </c>
      <c r="CC3599" s="53">
        <v>10846350.2420482</v>
      </c>
      <c r="CD3599" s="53">
        <v>10275474.654750301</v>
      </c>
      <c r="CE3599" s="53">
        <v>8764534.2034978997</v>
      </c>
      <c r="CF3599" s="53">
        <v>7751278.7869478604</v>
      </c>
      <c r="CG3599" s="53">
        <v>7236684.0452761399</v>
      </c>
      <c r="CH3599" s="53">
        <v>7225027.4822321301</v>
      </c>
      <c r="CI3599" s="53">
        <v>7223498.5982780801</v>
      </c>
      <c r="CJ3599" s="53">
        <v>7150318.9687357303</v>
      </c>
      <c r="CK3599" s="53">
        <v>7862363.9665323095</v>
      </c>
      <c r="CL3599" s="53">
        <v>9385504.8733291402</v>
      </c>
      <c r="CM3599" s="53">
        <v>8988787.2571279295</v>
      </c>
      <c r="CN3599" s="53">
        <v>103345720.352981</v>
      </c>
    </row>
    <row r="3600" spans="1:92" outlineLevel="1">
      <c r="A3600" s="52" t="s">
        <v>1782</v>
      </c>
      <c r="B3600" s="53"/>
      <c r="C3600" s="53"/>
      <c r="D3600" s="53"/>
      <c r="E3600" s="53"/>
      <c r="F3600" s="53"/>
      <c r="G3600" s="53"/>
      <c r="H3600" s="53"/>
      <c r="I3600" s="53"/>
      <c r="J3600" s="53"/>
      <c r="K3600" s="53"/>
      <c r="L3600" s="53"/>
      <c r="M3600" s="53"/>
      <c r="N3600" s="53"/>
      <c r="O3600" s="53"/>
      <c r="P3600" s="53"/>
      <c r="Q3600" s="53"/>
      <c r="R3600" s="53"/>
      <c r="S3600" s="53"/>
      <c r="T3600" s="53"/>
      <c r="U3600" s="53"/>
      <c r="V3600" s="53"/>
      <c r="W3600" s="53"/>
      <c r="X3600" s="53"/>
      <c r="Y3600" s="53"/>
      <c r="Z3600" s="53"/>
      <c r="AA3600" s="53"/>
      <c r="AB3600" s="53"/>
      <c r="AC3600" s="53"/>
      <c r="AD3600" s="53"/>
      <c r="AE3600" s="53"/>
      <c r="AF3600" s="53"/>
      <c r="AG3600" s="53"/>
      <c r="AH3600" s="53"/>
      <c r="AI3600" s="53"/>
      <c r="AJ3600" s="53"/>
      <c r="AK3600" s="53"/>
      <c r="AL3600" s="53"/>
      <c r="AM3600" s="53"/>
      <c r="AN3600" s="53"/>
      <c r="AO3600" s="53"/>
      <c r="AP3600" s="53"/>
      <c r="AQ3600" s="53"/>
      <c r="AR3600" s="53"/>
      <c r="AS3600" s="53"/>
      <c r="AT3600" s="53"/>
      <c r="AU3600" s="53"/>
      <c r="AV3600" s="53"/>
      <c r="AW3600" s="53"/>
      <c r="AX3600" s="53"/>
      <c r="AY3600" s="53"/>
      <c r="AZ3600" s="53"/>
      <c r="BA3600" s="53"/>
      <c r="BB3600" s="53"/>
      <c r="BC3600" s="53"/>
      <c r="BD3600" s="53"/>
      <c r="BE3600" s="53"/>
      <c r="BF3600" s="53"/>
      <c r="BG3600" s="53"/>
      <c r="BH3600" s="53"/>
      <c r="BI3600" s="53"/>
      <c r="BJ3600" s="53"/>
      <c r="BK3600" s="53"/>
      <c r="BL3600" s="53"/>
      <c r="BM3600" s="53"/>
      <c r="BN3600" s="53"/>
      <c r="BO3600" s="53"/>
      <c r="BP3600" s="53"/>
      <c r="BQ3600" s="53"/>
      <c r="BR3600" s="53"/>
      <c r="BS3600" s="53"/>
      <c r="BT3600" s="53"/>
      <c r="BU3600" s="53"/>
      <c r="BV3600" s="53"/>
      <c r="BW3600" s="53"/>
      <c r="BX3600" s="53"/>
      <c r="BY3600" s="53"/>
      <c r="BZ3600" s="53"/>
      <c r="CA3600" s="53"/>
      <c r="CB3600" s="53"/>
      <c r="CC3600" s="53"/>
      <c r="CD3600" s="53"/>
      <c r="CE3600" s="53"/>
      <c r="CF3600" s="53"/>
      <c r="CG3600" s="53"/>
      <c r="CH3600" s="53"/>
      <c r="CI3600" s="53"/>
      <c r="CJ3600" s="53"/>
      <c r="CK3600" s="53"/>
      <c r="CL3600" s="53"/>
      <c r="CM3600" s="53"/>
      <c r="CN3600" s="53"/>
    </row>
    <row r="3601" spans="1:92" outlineLevel="1">
      <c r="A3601" s="52" t="s">
        <v>1783</v>
      </c>
      <c r="B3601" s="53"/>
      <c r="C3601" s="53"/>
      <c r="D3601" s="53"/>
      <c r="E3601" s="53"/>
      <c r="F3601" s="53"/>
      <c r="G3601" s="53"/>
      <c r="H3601" s="53"/>
      <c r="I3601" s="53"/>
      <c r="J3601" s="53"/>
      <c r="K3601" s="53"/>
      <c r="L3601" s="53"/>
      <c r="M3601" s="53"/>
      <c r="N3601" s="53"/>
      <c r="O3601" s="53"/>
      <c r="P3601" s="53"/>
      <c r="Q3601" s="53"/>
      <c r="R3601" s="53"/>
      <c r="S3601" s="53"/>
      <c r="T3601" s="53"/>
      <c r="U3601" s="53"/>
      <c r="V3601" s="53"/>
      <c r="W3601" s="53"/>
      <c r="X3601" s="53"/>
      <c r="Y3601" s="53"/>
      <c r="Z3601" s="53"/>
      <c r="AA3601" s="53"/>
      <c r="AB3601" s="53"/>
      <c r="AC3601" s="53"/>
      <c r="AD3601" s="53"/>
      <c r="AE3601" s="53"/>
      <c r="AF3601" s="53"/>
      <c r="AG3601" s="53"/>
      <c r="AH3601" s="53"/>
      <c r="AI3601" s="53"/>
      <c r="AJ3601" s="53"/>
      <c r="AK3601" s="53"/>
      <c r="AL3601" s="53"/>
      <c r="AM3601" s="53"/>
      <c r="AN3601" s="53"/>
      <c r="AO3601" s="53"/>
      <c r="AP3601" s="53"/>
      <c r="AQ3601" s="53"/>
      <c r="AR3601" s="53"/>
      <c r="AS3601" s="53"/>
      <c r="AT3601" s="53"/>
      <c r="AU3601" s="53"/>
      <c r="AV3601" s="53"/>
      <c r="AW3601" s="53"/>
      <c r="AX3601" s="53"/>
      <c r="AY3601" s="53"/>
      <c r="AZ3601" s="53"/>
      <c r="BA3601" s="53"/>
      <c r="BB3601" s="53"/>
      <c r="BC3601" s="53"/>
      <c r="BD3601" s="53"/>
      <c r="BE3601" s="53"/>
      <c r="BF3601" s="53"/>
      <c r="BG3601" s="53"/>
      <c r="BH3601" s="53"/>
      <c r="BI3601" s="53"/>
      <c r="BJ3601" s="53"/>
      <c r="BK3601" s="53"/>
      <c r="BL3601" s="53"/>
      <c r="BM3601" s="53"/>
      <c r="BN3601" s="53"/>
      <c r="BO3601" s="53"/>
      <c r="BP3601" s="53"/>
      <c r="BQ3601" s="53"/>
      <c r="BR3601" s="53"/>
      <c r="BS3601" s="53"/>
      <c r="BT3601" s="53"/>
      <c r="BU3601" s="53"/>
      <c r="BV3601" s="53"/>
      <c r="BW3601" s="53"/>
      <c r="BX3601" s="53"/>
      <c r="BY3601" s="53"/>
      <c r="BZ3601" s="53"/>
      <c r="CA3601" s="53"/>
      <c r="CB3601" s="53"/>
      <c r="CC3601" s="53"/>
      <c r="CD3601" s="53"/>
      <c r="CE3601" s="53"/>
      <c r="CF3601" s="53"/>
      <c r="CG3601" s="53"/>
      <c r="CH3601" s="53"/>
      <c r="CI3601" s="53"/>
      <c r="CJ3601" s="53"/>
      <c r="CK3601" s="53"/>
      <c r="CL3601" s="53"/>
      <c r="CM3601" s="53"/>
      <c r="CN3601" s="53"/>
    </row>
    <row r="3602" spans="1:92" outlineLevel="1">
      <c r="A3602" s="52" t="s">
        <v>649</v>
      </c>
      <c r="B3602" s="53"/>
      <c r="C3602" s="53"/>
      <c r="D3602" s="53"/>
      <c r="E3602" s="53"/>
      <c r="F3602" s="53"/>
      <c r="G3602" s="53"/>
      <c r="H3602" s="53"/>
      <c r="I3602" s="53"/>
      <c r="J3602" s="53"/>
      <c r="K3602" s="53"/>
      <c r="L3602" s="53">
        <v>-175000000</v>
      </c>
      <c r="M3602" s="53"/>
      <c r="N3602" s="53">
        <v>-175000000</v>
      </c>
      <c r="O3602" s="53"/>
      <c r="P3602" s="53"/>
      <c r="Q3602" s="53"/>
      <c r="R3602" s="53"/>
      <c r="S3602" s="53"/>
      <c r="T3602" s="53"/>
      <c r="U3602" s="53"/>
      <c r="V3602" s="53"/>
      <c r="W3602" s="53"/>
      <c r="X3602" s="53"/>
      <c r="Y3602" s="53"/>
      <c r="Z3602" s="53"/>
      <c r="AA3602" s="53"/>
      <c r="AB3602" s="53"/>
      <c r="AC3602" s="53"/>
      <c r="AD3602" s="53"/>
      <c r="AE3602" s="53"/>
      <c r="AF3602" s="53"/>
      <c r="AG3602" s="53"/>
      <c r="AH3602" s="53"/>
      <c r="AI3602" s="53"/>
      <c r="AJ3602" s="53"/>
      <c r="AK3602" s="53"/>
      <c r="AL3602" s="53"/>
      <c r="AM3602" s="53"/>
      <c r="AN3602" s="53"/>
      <c r="AO3602" s="53"/>
      <c r="AP3602" s="53"/>
      <c r="AQ3602" s="53"/>
      <c r="AR3602" s="53"/>
      <c r="AS3602" s="53"/>
      <c r="AT3602" s="53"/>
      <c r="AU3602" s="53"/>
      <c r="AV3602" s="53"/>
      <c r="AW3602" s="53"/>
      <c r="AX3602" s="53"/>
      <c r="AY3602" s="53"/>
      <c r="AZ3602" s="53"/>
      <c r="BA3602" s="53"/>
      <c r="BB3602" s="53"/>
      <c r="BC3602" s="53"/>
      <c r="BD3602" s="53"/>
      <c r="BE3602" s="53"/>
      <c r="BF3602" s="53"/>
      <c r="BG3602" s="53">
        <v>-50000000</v>
      </c>
      <c r="BH3602" s="53"/>
      <c r="BI3602" s="53"/>
      <c r="BJ3602" s="53"/>
      <c r="BK3602" s="53"/>
      <c r="BL3602" s="53"/>
      <c r="BM3602" s="53"/>
      <c r="BN3602" s="53">
        <v>-50000000</v>
      </c>
      <c r="BO3602" s="53"/>
      <c r="BP3602" s="53"/>
      <c r="BQ3602" s="53"/>
      <c r="BR3602" s="53"/>
      <c r="BS3602" s="53"/>
      <c r="BT3602" s="53">
        <v>-125000000</v>
      </c>
      <c r="BU3602" s="53"/>
      <c r="BV3602" s="53"/>
      <c r="BW3602" s="53"/>
      <c r="BX3602" s="53"/>
      <c r="BY3602" s="53"/>
      <c r="BZ3602" s="53"/>
      <c r="CA3602" s="53">
        <v>-125000000</v>
      </c>
      <c r="CB3602" s="53">
        <v>3372083.3333333302</v>
      </c>
      <c r="CC3602" s="53">
        <v>3372083.3333333302</v>
      </c>
      <c r="CD3602" s="53">
        <v>3372083.3333333302</v>
      </c>
      <c r="CE3602" s="53">
        <v>3372083.3333333302</v>
      </c>
      <c r="CF3602" s="53">
        <v>3372083.3333333302</v>
      </c>
      <c r="CG3602" s="53">
        <v>3372083.3333333302</v>
      </c>
      <c r="CH3602" s="53">
        <v>3372083.3333333302</v>
      </c>
      <c r="CI3602" s="53">
        <v>3372083.3333333302</v>
      </c>
      <c r="CJ3602" s="53">
        <v>3372083.3333333302</v>
      </c>
      <c r="CK3602" s="53">
        <v>3372083.3333333302</v>
      </c>
      <c r="CL3602" s="53">
        <v>3372083.3333333302</v>
      </c>
      <c r="CM3602" s="53">
        <v>3372083.3333333302</v>
      </c>
      <c r="CN3602" s="53">
        <v>40465000</v>
      </c>
    </row>
    <row r="3603" spans="1:92" outlineLevel="1">
      <c r="A3603" s="57" t="s">
        <v>1795</v>
      </c>
      <c r="B3603" s="53">
        <v>8389195002.0099802</v>
      </c>
      <c r="C3603" s="53">
        <v>8413747986.1199903</v>
      </c>
      <c r="D3603" s="53">
        <v>8455093454.7099895</v>
      </c>
      <c r="E3603" s="53">
        <v>8517903989.6999903</v>
      </c>
      <c r="F3603" s="53">
        <v>8594920426.1900005</v>
      </c>
      <c r="G3603" s="53">
        <v>8715586033.2999897</v>
      </c>
      <c r="H3603" s="53">
        <v>8815463138.2800007</v>
      </c>
      <c r="I3603" s="53">
        <v>8949282247.3899899</v>
      </c>
      <c r="J3603" s="53">
        <v>9033423169.4099998</v>
      </c>
      <c r="K3603" s="53">
        <v>9102520816.1499901</v>
      </c>
      <c r="L3603" s="53">
        <v>8967653207.6199894</v>
      </c>
      <c r="M3603" s="53">
        <v>9010008281.7799892</v>
      </c>
      <c r="N3603" s="53">
        <v>9010008281.7799892</v>
      </c>
      <c r="O3603" s="53">
        <v>9130919528.7854691</v>
      </c>
      <c r="P3603" s="53">
        <v>9184491723.2070293</v>
      </c>
      <c r="Q3603" s="53">
        <v>9246944448.3355694</v>
      </c>
      <c r="R3603" s="53">
        <v>9291952440.7106895</v>
      </c>
      <c r="S3603" s="53">
        <v>9364629946.1984596</v>
      </c>
      <c r="T3603" s="53">
        <v>9470465643.2042694</v>
      </c>
      <c r="U3603" s="53">
        <v>9563311730.8831406</v>
      </c>
      <c r="V3603" s="53">
        <v>9704132413.1537304</v>
      </c>
      <c r="W3603" s="53">
        <v>9809146854.8923702</v>
      </c>
      <c r="X3603" s="53">
        <v>9868428845.7795601</v>
      </c>
      <c r="Y3603" s="53">
        <v>9898176328.7627792</v>
      </c>
      <c r="Z3603" s="53">
        <v>9963622780.0715103</v>
      </c>
      <c r="AA3603" s="53">
        <v>9963622780.0715103</v>
      </c>
      <c r="AB3603" s="53">
        <v>10085580035.325701</v>
      </c>
      <c r="AC3603" s="53">
        <v>10136467276.610901</v>
      </c>
      <c r="AD3603" s="53">
        <v>10178675393.766001</v>
      </c>
      <c r="AE3603" s="53">
        <v>10227696338.7983</v>
      </c>
      <c r="AF3603" s="53">
        <v>10305582913.3564</v>
      </c>
      <c r="AG3603" s="53">
        <v>10410710839.8806</v>
      </c>
      <c r="AH3603" s="53">
        <v>10514528599.7939</v>
      </c>
      <c r="AI3603" s="53">
        <v>10667379011.76</v>
      </c>
      <c r="AJ3603" s="53">
        <v>10761471011.611601</v>
      </c>
      <c r="AK3603" s="53">
        <v>10829829483.385401</v>
      </c>
      <c r="AL3603" s="53">
        <v>10866580738.718901</v>
      </c>
      <c r="AM3603" s="53">
        <v>10933821951.386</v>
      </c>
      <c r="AN3603" s="53">
        <v>10933821951.386</v>
      </c>
      <c r="AO3603" s="53">
        <v>11050014467.066</v>
      </c>
      <c r="AP3603" s="53">
        <v>11090570540.321501</v>
      </c>
      <c r="AQ3603" s="53">
        <v>11120715555.914301</v>
      </c>
      <c r="AR3603" s="53">
        <v>11163992469.1859</v>
      </c>
      <c r="AS3603" s="53">
        <v>11235454634.4457</v>
      </c>
      <c r="AT3603" s="53">
        <v>11323352422.3764</v>
      </c>
      <c r="AU3603" s="53">
        <v>11421044420.657301</v>
      </c>
      <c r="AV3603" s="53">
        <v>11567166995.3183</v>
      </c>
      <c r="AW3603" s="53">
        <v>11646331732.822701</v>
      </c>
      <c r="AX3603" s="53">
        <v>11707129120.3234</v>
      </c>
      <c r="AY3603" s="53">
        <v>11733871622.7717</v>
      </c>
      <c r="AZ3603" s="53">
        <v>11786827629.0502</v>
      </c>
      <c r="BA3603" s="53">
        <v>11786827629.0502</v>
      </c>
      <c r="BB3603" s="53">
        <v>11902111956.7166</v>
      </c>
      <c r="BC3603" s="53">
        <v>11941765093.357201</v>
      </c>
      <c r="BD3603" s="53">
        <v>11970334106.8328</v>
      </c>
      <c r="BE3603" s="53">
        <v>12012596959.3246</v>
      </c>
      <c r="BF3603" s="53">
        <v>12083542233.847601</v>
      </c>
      <c r="BG3603" s="53">
        <v>12122648807.179501</v>
      </c>
      <c r="BH3603" s="53">
        <v>12221385623.275</v>
      </c>
      <c r="BI3603" s="53">
        <v>12368542377.1206</v>
      </c>
      <c r="BJ3603" s="53">
        <v>12448346345.7904</v>
      </c>
      <c r="BK3603" s="53">
        <v>12509568991.023001</v>
      </c>
      <c r="BL3603" s="53">
        <v>12535882285.9683</v>
      </c>
      <c r="BM3603" s="53">
        <v>12590419050.7388</v>
      </c>
      <c r="BN3603" s="53">
        <v>12590419050.7388</v>
      </c>
      <c r="BO3603" s="53">
        <v>12703047464.442699</v>
      </c>
      <c r="BP3603" s="53">
        <v>12742759588.401699</v>
      </c>
      <c r="BQ3603" s="53">
        <v>12770241757.519199</v>
      </c>
      <c r="BR3603" s="53">
        <v>12811000362.283199</v>
      </c>
      <c r="BS3603" s="53">
        <v>12881242680.275801</v>
      </c>
      <c r="BT3603" s="53">
        <v>12843211306.2159</v>
      </c>
      <c r="BU3603" s="53">
        <v>12939657412.1854</v>
      </c>
      <c r="BV3603" s="53">
        <v>13084612033.565901</v>
      </c>
      <c r="BW3603" s="53">
        <v>13163155757.7733</v>
      </c>
      <c r="BX3603" s="53">
        <v>13222560562.9729</v>
      </c>
      <c r="BY3603" s="53">
        <v>13246661375.395901</v>
      </c>
      <c r="BZ3603" s="53">
        <v>13300021289.858101</v>
      </c>
      <c r="CA3603" s="53">
        <v>13300021289.858101</v>
      </c>
      <c r="CB3603" s="53"/>
      <c r="CC3603" s="53"/>
      <c r="CD3603" s="53"/>
      <c r="CE3603" s="53"/>
      <c r="CF3603" s="53"/>
      <c r="CG3603" s="53"/>
      <c r="CH3603" s="53"/>
      <c r="CI3603" s="53"/>
      <c r="CJ3603" s="53"/>
      <c r="CK3603" s="53"/>
      <c r="CL3603" s="53"/>
      <c r="CM3603" s="53"/>
      <c r="CN3603" s="53"/>
    </row>
    <row r="3604" spans="1:92" outlineLevel="1">
      <c r="A3604" s="52" t="s">
        <v>1796</v>
      </c>
      <c r="B3604" s="53"/>
      <c r="C3604" s="53"/>
      <c r="D3604" s="53"/>
      <c r="E3604" s="53"/>
      <c r="F3604" s="53"/>
      <c r="G3604" s="53"/>
      <c r="H3604" s="53"/>
      <c r="I3604" s="53"/>
      <c r="J3604" s="53"/>
      <c r="K3604" s="53"/>
      <c r="L3604" s="53"/>
      <c r="M3604" s="53"/>
      <c r="N3604" s="53"/>
      <c r="O3604" s="53"/>
      <c r="P3604" s="53"/>
      <c r="Q3604" s="53"/>
      <c r="R3604" s="53"/>
      <c r="S3604" s="53"/>
      <c r="T3604" s="53"/>
      <c r="U3604" s="53"/>
      <c r="V3604" s="53"/>
      <c r="W3604" s="53"/>
      <c r="X3604" s="53"/>
      <c r="Y3604" s="53"/>
      <c r="Z3604" s="53"/>
      <c r="AA3604" s="53"/>
      <c r="AB3604" s="53"/>
      <c r="AC3604" s="53"/>
      <c r="AD3604" s="53"/>
      <c r="AE3604" s="53"/>
      <c r="AF3604" s="53"/>
      <c r="AG3604" s="53"/>
      <c r="AH3604" s="53"/>
      <c r="AI3604" s="53"/>
      <c r="AJ3604" s="53"/>
      <c r="AK3604" s="53"/>
      <c r="AL3604" s="53"/>
      <c r="AM3604" s="53"/>
      <c r="AN3604" s="53"/>
      <c r="AO3604" s="53"/>
      <c r="AP3604" s="53"/>
      <c r="AQ3604" s="53"/>
      <c r="AR3604" s="53"/>
      <c r="AS3604" s="53"/>
      <c r="AT3604" s="53"/>
      <c r="AU3604" s="53"/>
      <c r="AV3604" s="53"/>
      <c r="AW3604" s="53"/>
      <c r="AX3604" s="53"/>
      <c r="AY3604" s="53"/>
      <c r="AZ3604" s="53"/>
      <c r="BA3604" s="53"/>
      <c r="BB3604" s="53"/>
      <c r="BC3604" s="53"/>
      <c r="BD3604" s="53"/>
      <c r="BE3604" s="53"/>
      <c r="BF3604" s="53"/>
      <c r="BG3604" s="53"/>
      <c r="BH3604" s="53"/>
      <c r="BI3604" s="53"/>
      <c r="BJ3604" s="53"/>
      <c r="BK3604" s="53"/>
      <c r="BL3604" s="53"/>
      <c r="BM3604" s="53"/>
      <c r="BN3604" s="53"/>
      <c r="BO3604" s="53"/>
      <c r="BP3604" s="53"/>
      <c r="BQ3604" s="53"/>
      <c r="BR3604" s="53"/>
      <c r="BS3604" s="53"/>
      <c r="BT3604" s="53"/>
      <c r="BU3604" s="53"/>
      <c r="BV3604" s="53"/>
      <c r="BW3604" s="53"/>
      <c r="BX3604" s="53"/>
      <c r="BY3604" s="53"/>
      <c r="BZ3604" s="53"/>
      <c r="CA3604" s="53"/>
      <c r="CB3604" s="53">
        <v>-1903376.24999999</v>
      </c>
      <c r="CC3604" s="53">
        <v>-1903376.24999999</v>
      </c>
      <c r="CD3604" s="53">
        <v>-1903376.24999999</v>
      </c>
      <c r="CE3604" s="53">
        <v>-1903376.24999999</v>
      </c>
      <c r="CF3604" s="53">
        <v>-1903376.24999999</v>
      </c>
      <c r="CG3604" s="53">
        <v>-1903376.24999999</v>
      </c>
      <c r="CH3604" s="53">
        <v>-1903376.24999999</v>
      </c>
      <c r="CI3604" s="53">
        <v>-1903376.24999999</v>
      </c>
      <c r="CJ3604" s="53">
        <v>-1903376.24999999</v>
      </c>
      <c r="CK3604" s="53">
        <v>-1903376.24999999</v>
      </c>
      <c r="CL3604" s="53">
        <v>-1903376.24999999</v>
      </c>
      <c r="CM3604" s="53">
        <v>-1903376.24999999</v>
      </c>
      <c r="CN3604" s="53">
        <v>-22840515</v>
      </c>
    </row>
    <row r="3605" spans="1:92" outlineLevel="1">
      <c r="A3605" s="52" t="s">
        <v>1218</v>
      </c>
      <c r="B3605" s="53">
        <v>21714642919.485001</v>
      </c>
      <c r="C3605" s="53">
        <v>21889893814.929901</v>
      </c>
      <c r="D3605" s="53">
        <v>21973247224.439899</v>
      </c>
      <c r="E3605" s="53">
        <v>22076050597.109901</v>
      </c>
      <c r="F3605" s="53">
        <v>22396564374.549999</v>
      </c>
      <c r="G3605" s="53">
        <v>22664048803.879902</v>
      </c>
      <c r="H3605" s="53">
        <v>22848570107.4799</v>
      </c>
      <c r="I3605" s="53">
        <v>23073201470.27</v>
      </c>
      <c r="J3605" s="53">
        <v>23419026800.989899</v>
      </c>
      <c r="K3605" s="53">
        <v>23963987746.57</v>
      </c>
      <c r="L3605" s="53">
        <v>24241944676.2099</v>
      </c>
      <c r="M3605" s="53">
        <v>24437102009.879902</v>
      </c>
      <c r="N3605" s="53">
        <v>21714642919.485001</v>
      </c>
      <c r="O3605" s="53">
        <v>24592225251.029999</v>
      </c>
      <c r="P3605" s="53">
        <v>24846000978.761101</v>
      </c>
      <c r="Q3605" s="53">
        <v>24872502432.4888</v>
      </c>
      <c r="R3605" s="53">
        <v>25000182255.750099</v>
      </c>
      <c r="S3605" s="53">
        <v>25094131126.773399</v>
      </c>
      <c r="T3605" s="53">
        <v>25237279796.238998</v>
      </c>
      <c r="U3605" s="53">
        <v>25306527760.805401</v>
      </c>
      <c r="V3605" s="53">
        <v>25316830915.565498</v>
      </c>
      <c r="W3605" s="53">
        <v>25385402102.1157</v>
      </c>
      <c r="X3605" s="53">
        <v>25352914456.322899</v>
      </c>
      <c r="Y3605" s="53">
        <v>25429359902.1824</v>
      </c>
      <c r="Z3605" s="53">
        <v>25282611714.363998</v>
      </c>
      <c r="AA3605" s="53">
        <v>24592225251.029999</v>
      </c>
      <c r="AB3605" s="53">
        <v>25279505323.069801</v>
      </c>
      <c r="AC3605" s="53">
        <v>25426232442.2803</v>
      </c>
      <c r="AD3605" s="53">
        <v>25396758155.078999</v>
      </c>
      <c r="AE3605" s="53">
        <v>25438918176.475101</v>
      </c>
      <c r="AF3605" s="53">
        <v>25512217676.885799</v>
      </c>
      <c r="AG3605" s="53">
        <v>25652779805.144299</v>
      </c>
      <c r="AH3605" s="53">
        <v>25755350824.1721</v>
      </c>
      <c r="AI3605" s="53">
        <v>25811709875.423801</v>
      </c>
      <c r="AJ3605" s="53">
        <v>26042307362.4403</v>
      </c>
      <c r="AK3605" s="53">
        <v>26093045750.6371</v>
      </c>
      <c r="AL3605" s="53">
        <v>26193523839.137001</v>
      </c>
      <c r="AM3605" s="53">
        <v>26052491233.990398</v>
      </c>
      <c r="AN3605" s="53">
        <v>25279505323.069801</v>
      </c>
      <c r="AO3605" s="53">
        <v>25962247256.642502</v>
      </c>
      <c r="AP3605" s="53">
        <v>26133998036.391102</v>
      </c>
      <c r="AQ3605" s="53">
        <v>26196815708.060299</v>
      </c>
      <c r="AR3605" s="53">
        <v>26342553514.874199</v>
      </c>
      <c r="AS3605" s="53">
        <v>26490867225.7201</v>
      </c>
      <c r="AT3605" s="53">
        <v>26704393651.167099</v>
      </c>
      <c r="AU3605" s="53">
        <v>27119860842.367599</v>
      </c>
      <c r="AV3605" s="53">
        <v>27260284392.988899</v>
      </c>
      <c r="AW3605" s="53">
        <v>27502029781.265099</v>
      </c>
      <c r="AX3605" s="53">
        <v>27606895536.8787</v>
      </c>
      <c r="AY3605" s="53">
        <v>27700184236.756802</v>
      </c>
      <c r="AZ3605" s="53">
        <v>27531506283.2327</v>
      </c>
      <c r="BA3605" s="53">
        <v>25962247256.642502</v>
      </c>
      <c r="BB3605" s="53">
        <v>27634608160.590599</v>
      </c>
      <c r="BC3605" s="53">
        <v>27868827391.518101</v>
      </c>
      <c r="BD3605" s="53">
        <v>27913343008.707401</v>
      </c>
      <c r="BE3605" s="53">
        <v>28040476324.594799</v>
      </c>
      <c r="BF3605" s="53">
        <v>28167828470.6735</v>
      </c>
      <c r="BG3605" s="53">
        <v>28358637224.469799</v>
      </c>
      <c r="BH3605" s="53">
        <v>28749998896.675999</v>
      </c>
      <c r="BI3605" s="53">
        <v>28893381662.615799</v>
      </c>
      <c r="BJ3605" s="53">
        <v>29138081058.361401</v>
      </c>
      <c r="BK3605" s="53">
        <v>29157957941.721901</v>
      </c>
      <c r="BL3605" s="53">
        <v>29253811387.341202</v>
      </c>
      <c r="BM3605" s="53">
        <v>29062637758.480202</v>
      </c>
      <c r="BN3605" s="53">
        <v>27634608160.590599</v>
      </c>
      <c r="BO3605" s="53">
        <v>29194830616.050598</v>
      </c>
      <c r="BP3605" s="53">
        <v>29421687944.1926</v>
      </c>
      <c r="BQ3605" s="53">
        <v>29463824643.578499</v>
      </c>
      <c r="BR3605" s="53">
        <v>29592762341.880299</v>
      </c>
      <c r="BS3605" s="53">
        <v>29717473320.649399</v>
      </c>
      <c r="BT3605" s="53">
        <v>29904977539.549999</v>
      </c>
      <c r="BU3605" s="53">
        <v>30146863434.3363</v>
      </c>
      <c r="BV3605" s="53">
        <v>30305973295.702</v>
      </c>
      <c r="BW3605" s="53">
        <v>30557149360.0271</v>
      </c>
      <c r="BX3605" s="53">
        <v>30732763518.026402</v>
      </c>
      <c r="BY3605" s="53">
        <v>30830300680.676102</v>
      </c>
      <c r="BZ3605" s="53">
        <v>30623803107.798901</v>
      </c>
      <c r="CA3605" s="53">
        <v>29194830616.050598</v>
      </c>
      <c r="CB3605" s="53"/>
      <c r="CC3605" s="53"/>
      <c r="CD3605" s="53"/>
      <c r="CE3605" s="53"/>
      <c r="CF3605" s="53"/>
      <c r="CG3605" s="53"/>
      <c r="CH3605" s="53"/>
      <c r="CI3605" s="53"/>
      <c r="CJ3605" s="53"/>
      <c r="CK3605" s="53"/>
      <c r="CL3605" s="53"/>
      <c r="CM3605" s="53"/>
      <c r="CN3605" s="53"/>
    </row>
    <row r="3606" spans="1:92" outlineLevel="1">
      <c r="A3606" s="52" t="s">
        <v>699</v>
      </c>
      <c r="B3606" s="53"/>
      <c r="C3606" s="53"/>
      <c r="D3606" s="53"/>
      <c r="E3606" s="53"/>
      <c r="F3606" s="53"/>
      <c r="G3606" s="53"/>
      <c r="H3606" s="53"/>
      <c r="I3606" s="53"/>
      <c r="J3606" s="53"/>
      <c r="K3606" s="53"/>
      <c r="L3606" s="53"/>
      <c r="M3606" s="53"/>
      <c r="N3606" s="53"/>
      <c r="O3606" s="53"/>
      <c r="P3606" s="53"/>
      <c r="Q3606" s="53"/>
      <c r="R3606" s="53"/>
      <c r="S3606" s="53"/>
      <c r="T3606" s="53"/>
      <c r="U3606" s="53"/>
      <c r="V3606" s="53"/>
      <c r="W3606" s="53"/>
      <c r="X3606" s="53"/>
      <c r="Y3606" s="53"/>
      <c r="Z3606" s="53"/>
      <c r="AA3606" s="53"/>
      <c r="AB3606" s="53"/>
      <c r="AC3606" s="53"/>
      <c r="AD3606" s="53"/>
      <c r="AE3606" s="53"/>
      <c r="AF3606" s="53"/>
      <c r="AG3606" s="53"/>
      <c r="AH3606" s="53"/>
      <c r="AI3606" s="53"/>
      <c r="AJ3606" s="53"/>
      <c r="AK3606" s="53"/>
      <c r="AL3606" s="53"/>
      <c r="AM3606" s="53"/>
      <c r="AN3606" s="53"/>
      <c r="AO3606" s="53"/>
      <c r="AP3606" s="53"/>
      <c r="AQ3606" s="53"/>
      <c r="AR3606" s="53"/>
      <c r="AS3606" s="53"/>
      <c r="AT3606" s="53"/>
      <c r="AU3606" s="53"/>
      <c r="AV3606" s="53"/>
      <c r="AW3606" s="53"/>
      <c r="AX3606" s="53"/>
      <c r="AY3606" s="53"/>
      <c r="AZ3606" s="53"/>
      <c r="BA3606" s="53"/>
      <c r="BB3606" s="53"/>
      <c r="BC3606" s="53"/>
      <c r="BD3606" s="53"/>
      <c r="BE3606" s="53"/>
      <c r="BF3606" s="53"/>
      <c r="BG3606" s="53"/>
      <c r="BH3606" s="53"/>
      <c r="BI3606" s="53"/>
      <c r="BJ3606" s="53"/>
      <c r="BK3606" s="53"/>
      <c r="BL3606" s="53"/>
      <c r="BM3606" s="53"/>
      <c r="BN3606" s="53"/>
      <c r="BO3606" s="53"/>
      <c r="BP3606" s="53"/>
      <c r="BQ3606" s="53"/>
      <c r="BR3606" s="53"/>
      <c r="BS3606" s="53"/>
      <c r="BT3606" s="53"/>
      <c r="BU3606" s="53"/>
      <c r="BV3606" s="53"/>
      <c r="BW3606" s="53"/>
      <c r="BX3606" s="53"/>
      <c r="BY3606" s="53"/>
      <c r="BZ3606" s="53"/>
      <c r="CA3606" s="53"/>
      <c r="CB3606" s="53"/>
      <c r="CC3606" s="53"/>
      <c r="CD3606" s="53"/>
      <c r="CE3606" s="53"/>
      <c r="CF3606" s="53"/>
      <c r="CG3606" s="53"/>
      <c r="CH3606" s="53"/>
      <c r="CI3606" s="53"/>
      <c r="CJ3606" s="53"/>
      <c r="CK3606" s="53"/>
      <c r="CL3606" s="53"/>
      <c r="CM3606" s="53"/>
      <c r="CN3606" s="53"/>
    </row>
    <row r="3607" spans="1:92" outlineLevel="1">
      <c r="A3607" s="52" t="s">
        <v>673</v>
      </c>
      <c r="B3607" s="53"/>
      <c r="C3607" s="53"/>
      <c r="D3607" s="53"/>
      <c r="E3607" s="53"/>
      <c r="F3607" s="53"/>
      <c r="G3607" s="53"/>
      <c r="H3607" s="53"/>
      <c r="I3607" s="53"/>
      <c r="J3607" s="53"/>
      <c r="K3607" s="53"/>
      <c r="L3607" s="53"/>
      <c r="M3607" s="53"/>
      <c r="N3607" s="53"/>
      <c r="O3607" s="53"/>
      <c r="P3607" s="53"/>
      <c r="Q3607" s="53"/>
      <c r="R3607" s="53"/>
      <c r="S3607" s="53"/>
      <c r="T3607" s="53"/>
      <c r="U3607" s="53"/>
      <c r="V3607" s="53"/>
      <c r="W3607" s="53"/>
      <c r="X3607" s="53"/>
      <c r="Y3607" s="53"/>
      <c r="Z3607" s="53"/>
      <c r="AA3607" s="53"/>
      <c r="AB3607" s="53"/>
      <c r="AC3607" s="53"/>
      <c r="AD3607" s="53"/>
      <c r="AE3607" s="53"/>
      <c r="AF3607" s="53"/>
      <c r="AG3607" s="53"/>
      <c r="AH3607" s="53"/>
      <c r="AI3607" s="53"/>
      <c r="AJ3607" s="53"/>
      <c r="AK3607" s="53"/>
      <c r="AL3607" s="53"/>
      <c r="AM3607" s="53"/>
      <c r="AN3607" s="53"/>
      <c r="AO3607" s="53"/>
      <c r="AP3607" s="53"/>
      <c r="AQ3607" s="53"/>
      <c r="AR3607" s="53"/>
      <c r="AS3607" s="53"/>
      <c r="AT3607" s="53"/>
      <c r="AU3607" s="53"/>
      <c r="AV3607" s="53"/>
      <c r="AW3607" s="53"/>
      <c r="AX3607" s="53"/>
      <c r="AY3607" s="53"/>
      <c r="AZ3607" s="53"/>
      <c r="BA3607" s="53"/>
      <c r="BB3607" s="53"/>
      <c r="BC3607" s="53"/>
      <c r="BD3607" s="53"/>
      <c r="BE3607" s="53"/>
      <c r="BF3607" s="53"/>
      <c r="BG3607" s="53"/>
      <c r="BH3607" s="53"/>
      <c r="BI3607" s="53"/>
      <c r="BJ3607" s="53"/>
      <c r="BK3607" s="53"/>
      <c r="BL3607" s="53"/>
      <c r="BM3607" s="53"/>
      <c r="BN3607" s="53"/>
      <c r="BO3607" s="53"/>
      <c r="BP3607" s="53"/>
      <c r="BQ3607" s="53"/>
      <c r="BR3607" s="53"/>
      <c r="BS3607" s="53"/>
      <c r="BT3607" s="53"/>
      <c r="BU3607" s="53"/>
      <c r="BV3607" s="53"/>
      <c r="BW3607" s="53"/>
      <c r="BX3607" s="53"/>
      <c r="BY3607" s="53"/>
      <c r="BZ3607" s="53"/>
      <c r="CA3607" s="53"/>
      <c r="CB3607" s="53"/>
      <c r="CC3607" s="53"/>
      <c r="CD3607" s="53"/>
      <c r="CE3607" s="53"/>
      <c r="CF3607" s="53"/>
      <c r="CG3607" s="53"/>
      <c r="CH3607" s="53"/>
      <c r="CI3607" s="53"/>
      <c r="CJ3607" s="53"/>
      <c r="CK3607" s="53"/>
      <c r="CL3607" s="53"/>
      <c r="CM3607" s="53"/>
      <c r="CN3607" s="53"/>
    </row>
    <row r="3608" spans="1:92" outlineLevel="1">
      <c r="A3608" s="52" t="s">
        <v>1520</v>
      </c>
      <c r="B3608" s="53"/>
      <c r="C3608" s="53"/>
      <c r="D3608" s="53"/>
      <c r="E3608" s="53"/>
      <c r="F3608" s="53"/>
      <c r="G3608" s="53"/>
      <c r="H3608" s="53"/>
      <c r="I3608" s="53"/>
      <c r="J3608" s="53"/>
      <c r="K3608" s="53"/>
      <c r="L3608" s="53"/>
      <c r="M3608" s="53"/>
      <c r="N3608" s="53"/>
      <c r="O3608" s="53"/>
      <c r="P3608" s="53"/>
      <c r="Q3608" s="53"/>
      <c r="R3608" s="53"/>
      <c r="S3608" s="53"/>
      <c r="T3608" s="53"/>
      <c r="U3608" s="53"/>
      <c r="V3608" s="53"/>
      <c r="W3608" s="53"/>
      <c r="X3608" s="53"/>
      <c r="Y3608" s="53"/>
      <c r="Z3608" s="53"/>
      <c r="AA3608" s="53"/>
      <c r="AB3608" s="53"/>
      <c r="AC3608" s="53"/>
      <c r="AD3608" s="53"/>
      <c r="AE3608" s="53"/>
      <c r="AF3608" s="53"/>
      <c r="AG3608" s="53"/>
      <c r="AH3608" s="53"/>
      <c r="AI3608" s="53"/>
      <c r="AJ3608" s="53"/>
      <c r="AK3608" s="53"/>
      <c r="AL3608" s="53"/>
      <c r="AM3608" s="53"/>
      <c r="AN3608" s="53"/>
      <c r="AO3608" s="53"/>
      <c r="AP3608" s="53"/>
      <c r="AQ3608" s="53"/>
      <c r="AR3608" s="53"/>
      <c r="AS3608" s="53"/>
      <c r="AT3608" s="53"/>
      <c r="AU3608" s="53"/>
      <c r="AV3608" s="53"/>
      <c r="AW3608" s="53"/>
      <c r="AX3608" s="53"/>
      <c r="AY3608" s="53"/>
      <c r="AZ3608" s="53"/>
      <c r="BA3608" s="53"/>
      <c r="BB3608" s="53"/>
      <c r="BC3608" s="53"/>
      <c r="BD3608" s="53"/>
      <c r="BE3608" s="53"/>
      <c r="BF3608" s="53"/>
      <c r="BG3608" s="53"/>
      <c r="BH3608" s="53"/>
      <c r="BI3608" s="53"/>
      <c r="BJ3608" s="53"/>
      <c r="BK3608" s="53"/>
      <c r="BL3608" s="53"/>
      <c r="BM3608" s="53"/>
      <c r="BN3608" s="53"/>
      <c r="BO3608" s="53"/>
      <c r="BP3608" s="53"/>
      <c r="BQ3608" s="53"/>
      <c r="BR3608" s="53"/>
      <c r="BS3608" s="53"/>
      <c r="BT3608" s="53"/>
      <c r="BU3608" s="53"/>
      <c r="BV3608" s="53"/>
      <c r="BW3608" s="53"/>
      <c r="BX3608" s="53"/>
      <c r="BY3608" s="53"/>
      <c r="BZ3608" s="53"/>
      <c r="CA3608" s="53"/>
      <c r="CB3608" s="53">
        <v>-90631.833333333299</v>
      </c>
      <c r="CC3608" s="53">
        <v>-90631.833333333299</v>
      </c>
      <c r="CD3608" s="53">
        <v>-90631.833333333299</v>
      </c>
      <c r="CE3608" s="53">
        <v>-90631.833333333299</v>
      </c>
      <c r="CF3608" s="53">
        <v>-90631.833333333299</v>
      </c>
      <c r="CG3608" s="53">
        <v>-90631.833333333299</v>
      </c>
      <c r="CH3608" s="53">
        <v>-90631.833333333299</v>
      </c>
      <c r="CI3608" s="53">
        <v>-90631.833333333299</v>
      </c>
      <c r="CJ3608" s="53">
        <v>-90631.833333333299</v>
      </c>
      <c r="CK3608" s="53">
        <v>-90631.833333333299</v>
      </c>
      <c r="CL3608" s="53">
        <v>-90631.833333333299</v>
      </c>
      <c r="CM3608" s="53">
        <v>-90631.833333333299</v>
      </c>
      <c r="CN3608" s="53">
        <v>-1087582</v>
      </c>
    </row>
    <row r="3609" spans="1:92" outlineLevel="1">
      <c r="A3609" s="52" t="s">
        <v>649</v>
      </c>
      <c r="B3609" s="53">
        <v>-49532600</v>
      </c>
      <c r="C3609" s="53">
        <v>-13701929.999999899</v>
      </c>
      <c r="D3609" s="53">
        <v>-21369310</v>
      </c>
      <c r="E3609" s="53">
        <v>-52134260</v>
      </c>
      <c r="F3609" s="53">
        <v>-45052590</v>
      </c>
      <c r="G3609" s="53">
        <v>-44743879.999999903</v>
      </c>
      <c r="H3609" s="53">
        <v>-19071120</v>
      </c>
      <c r="I3609" s="53">
        <v>-20102889.999999899</v>
      </c>
      <c r="J3609" s="53">
        <v>-28170880</v>
      </c>
      <c r="K3609" s="53">
        <v>-18342059.999999899</v>
      </c>
      <c r="L3609" s="53">
        <v>-11259660</v>
      </c>
      <c r="M3609" s="53">
        <v>-112475200</v>
      </c>
      <c r="N3609" s="53">
        <v>-435956380</v>
      </c>
      <c r="O3609" s="53">
        <v>-8142821.3115744004</v>
      </c>
      <c r="P3609" s="53">
        <v>-10542594.613081099</v>
      </c>
      <c r="Q3609" s="53">
        <v>-12382804.366219301</v>
      </c>
      <c r="R3609" s="53">
        <v>-11098361.701905901</v>
      </c>
      <c r="S3609" s="53">
        <v>-11762132.9542941</v>
      </c>
      <c r="T3609" s="53">
        <v>-11477400.705452699</v>
      </c>
      <c r="U3609" s="53">
        <v>-9635670.8464655001</v>
      </c>
      <c r="V3609" s="53">
        <v>-9029064.0355952401</v>
      </c>
      <c r="W3609" s="53">
        <v>-11223658.545841301</v>
      </c>
      <c r="X3609" s="53">
        <v>-13263897.4348695</v>
      </c>
      <c r="Y3609" s="53">
        <v>-12352307.531198099</v>
      </c>
      <c r="Z3609" s="53">
        <v>-10205959.087228499</v>
      </c>
      <c r="AA3609" s="53">
        <v>-131116673.133726</v>
      </c>
      <c r="AB3609" s="53">
        <v>-9804773.6157705802</v>
      </c>
      <c r="AC3609" s="53">
        <v>-11457866.700318901</v>
      </c>
      <c r="AD3609" s="53">
        <v>-12269556.206738301</v>
      </c>
      <c r="AE3609" s="53">
        <v>-12060435.753611101</v>
      </c>
      <c r="AF3609" s="53">
        <v>-11069931.3451088</v>
      </c>
      <c r="AG3609" s="53">
        <v>-11001107.4155141</v>
      </c>
      <c r="AH3609" s="53">
        <v>-11220203.889342999</v>
      </c>
      <c r="AI3609" s="53">
        <v>-11976627.673650401</v>
      </c>
      <c r="AJ3609" s="53">
        <v>-10418595.9307463</v>
      </c>
      <c r="AK3609" s="53">
        <v>-10217570.536063701</v>
      </c>
      <c r="AL3609" s="53">
        <v>-10304266.1630976</v>
      </c>
      <c r="AM3609" s="53">
        <v>-10060591.749775</v>
      </c>
      <c r="AN3609" s="53">
        <v>-131861526.979738</v>
      </c>
      <c r="AO3609" s="53">
        <v>-10271988.5360114</v>
      </c>
      <c r="AP3609" s="53">
        <v>-11260268.9555362</v>
      </c>
      <c r="AQ3609" s="53">
        <v>-11471264.2898903</v>
      </c>
      <c r="AR3609" s="53">
        <v>-11315478.882906999</v>
      </c>
      <c r="AS3609" s="53">
        <v>-10252062.4524568</v>
      </c>
      <c r="AT3609" s="53">
        <v>-10153830.120303901</v>
      </c>
      <c r="AU3609" s="53">
        <v>-10432124.804749301</v>
      </c>
      <c r="AV3609" s="53">
        <v>-11287751.379008001</v>
      </c>
      <c r="AW3609" s="53">
        <v>-9949482.9827644303</v>
      </c>
      <c r="AX3609" s="53">
        <v>-9790420.6641364004</v>
      </c>
      <c r="AY3609" s="53">
        <v>-10141600.451407099</v>
      </c>
      <c r="AZ3609" s="53">
        <v>-9355186.5776413698</v>
      </c>
      <c r="BA3609" s="53">
        <v>-125681460.09681199</v>
      </c>
      <c r="BB3609" s="53">
        <v>-9717895.3637301996</v>
      </c>
      <c r="BC3609" s="53">
        <v>-10706400.1599728</v>
      </c>
      <c r="BD3609" s="53">
        <v>-10917200.7646276</v>
      </c>
      <c r="BE3609" s="53">
        <v>-10761343.194166301</v>
      </c>
      <c r="BF3609" s="53">
        <v>-9697937.8399923593</v>
      </c>
      <c r="BG3609" s="53">
        <v>-9599833.4168414008</v>
      </c>
      <c r="BH3609" s="53">
        <v>-9878150.8865057696</v>
      </c>
      <c r="BI3609" s="53">
        <v>-10733979.9137883</v>
      </c>
      <c r="BJ3609" s="53">
        <v>-9395379.2524781693</v>
      </c>
      <c r="BK3609" s="53">
        <v>-9236278.0370073505</v>
      </c>
      <c r="BL3609" s="53">
        <v>-9587493.2421651501</v>
      </c>
      <c r="BM3609" s="53">
        <v>-8801018.5987963006</v>
      </c>
      <c r="BN3609" s="53">
        <v>-119032910.67007101</v>
      </c>
      <c r="BO3609" s="53">
        <v>-9971080.1865897309</v>
      </c>
      <c r="BP3609" s="53">
        <v>-10966796.9221568</v>
      </c>
      <c r="BQ3609" s="53">
        <v>-11171338.5049794</v>
      </c>
      <c r="BR3609" s="53">
        <v>-11013161.4486541</v>
      </c>
      <c r="BS3609" s="53">
        <v>-9950112.1092787795</v>
      </c>
      <c r="BT3609" s="53">
        <v>-9856118.9503013194</v>
      </c>
      <c r="BU3609" s="53">
        <v>-10135168.7847954</v>
      </c>
      <c r="BV3609" s="53">
        <v>-10997505.077798501</v>
      </c>
      <c r="BW3609" s="53">
        <v>-9648224.7188650705</v>
      </c>
      <c r="BX3609" s="53">
        <v>-9487873.2771101091</v>
      </c>
      <c r="BY3609" s="53">
        <v>-9840226.8876015507</v>
      </c>
      <c r="BZ3609" s="53">
        <v>-9051798.4097553305</v>
      </c>
      <c r="CA3609" s="53">
        <v>-122089405.277886</v>
      </c>
      <c r="CB3609" s="53"/>
      <c r="CC3609" s="53"/>
      <c r="CD3609" s="53"/>
      <c r="CE3609" s="53"/>
      <c r="CF3609" s="53"/>
      <c r="CG3609" s="53"/>
      <c r="CH3609" s="53"/>
      <c r="CI3609" s="53"/>
      <c r="CJ3609" s="53"/>
      <c r="CK3609" s="53"/>
      <c r="CL3609" s="53"/>
      <c r="CM3609" s="53"/>
      <c r="CN3609" s="53"/>
    </row>
    <row r="3610" spans="1:92" outlineLevel="1">
      <c r="A3610" s="52" t="s">
        <v>1249</v>
      </c>
      <c r="B3610" s="53">
        <v>-49532600</v>
      </c>
      <c r="C3610" s="53">
        <v>-13701929.999999899</v>
      </c>
      <c r="D3610" s="53">
        <v>-21369310</v>
      </c>
      <c r="E3610" s="53">
        <v>-52134260</v>
      </c>
      <c r="F3610" s="53">
        <v>-45052590</v>
      </c>
      <c r="G3610" s="53">
        <v>-44743879.999999903</v>
      </c>
      <c r="H3610" s="53">
        <v>-19071120</v>
      </c>
      <c r="I3610" s="53">
        <v>-20102889.999999899</v>
      </c>
      <c r="J3610" s="53">
        <v>-28170880</v>
      </c>
      <c r="K3610" s="53">
        <v>-18342059.999999899</v>
      </c>
      <c r="L3610" s="53">
        <v>-11259660</v>
      </c>
      <c r="M3610" s="53">
        <v>-112475200</v>
      </c>
      <c r="N3610" s="53">
        <v>-435956380</v>
      </c>
      <c r="O3610" s="53">
        <v>-8142821.3115744004</v>
      </c>
      <c r="P3610" s="53">
        <v>-10542594.613081099</v>
      </c>
      <c r="Q3610" s="53">
        <v>-12382804.366219301</v>
      </c>
      <c r="R3610" s="53">
        <v>-11098361.701905901</v>
      </c>
      <c r="S3610" s="53">
        <v>-11762132.9542941</v>
      </c>
      <c r="T3610" s="53">
        <v>-11477400.705452699</v>
      </c>
      <c r="U3610" s="53">
        <v>-9635670.8464655001</v>
      </c>
      <c r="V3610" s="53">
        <v>-9029064.0355952401</v>
      </c>
      <c r="W3610" s="53">
        <v>-11223658.545841301</v>
      </c>
      <c r="X3610" s="53">
        <v>-13263897.4348695</v>
      </c>
      <c r="Y3610" s="53">
        <v>-12352307.531198099</v>
      </c>
      <c r="Z3610" s="53">
        <v>-10205959.087228499</v>
      </c>
      <c r="AA3610" s="53">
        <v>-131116673.133726</v>
      </c>
      <c r="AB3610" s="53">
        <v>-9804773.6157705802</v>
      </c>
      <c r="AC3610" s="53">
        <v>-11457866.700318901</v>
      </c>
      <c r="AD3610" s="53">
        <v>-12269556.206738301</v>
      </c>
      <c r="AE3610" s="53">
        <v>-12060435.753611101</v>
      </c>
      <c r="AF3610" s="53">
        <v>-11069931.3451088</v>
      </c>
      <c r="AG3610" s="53">
        <v>-11001107.4155141</v>
      </c>
      <c r="AH3610" s="53">
        <v>-11220203.889342999</v>
      </c>
      <c r="AI3610" s="53">
        <v>-11976627.673650401</v>
      </c>
      <c r="AJ3610" s="53">
        <v>-10418595.9307463</v>
      </c>
      <c r="AK3610" s="53">
        <v>-10217570.536063701</v>
      </c>
      <c r="AL3610" s="53">
        <v>-10304266.1630976</v>
      </c>
      <c r="AM3610" s="53">
        <v>-10060591.749775</v>
      </c>
      <c r="AN3610" s="53">
        <v>-131861526.979738</v>
      </c>
      <c r="AO3610" s="53">
        <v>-10271988.5360114</v>
      </c>
      <c r="AP3610" s="53">
        <v>-11260268.9555362</v>
      </c>
      <c r="AQ3610" s="53">
        <v>-11471264.2898903</v>
      </c>
      <c r="AR3610" s="53">
        <v>-11315478.882906999</v>
      </c>
      <c r="AS3610" s="53">
        <v>-10252062.4524568</v>
      </c>
      <c r="AT3610" s="53">
        <v>-10153830.120303901</v>
      </c>
      <c r="AU3610" s="53">
        <v>-10432124.804749301</v>
      </c>
      <c r="AV3610" s="53">
        <v>-11287751.379008001</v>
      </c>
      <c r="AW3610" s="53">
        <v>-9949482.9827644303</v>
      </c>
      <c r="AX3610" s="53">
        <v>-9790420.6641364004</v>
      </c>
      <c r="AY3610" s="53">
        <v>-10141600.451407099</v>
      </c>
      <c r="AZ3610" s="53">
        <v>-9355186.5776413698</v>
      </c>
      <c r="BA3610" s="53">
        <v>-125681460.09681199</v>
      </c>
      <c r="BB3610" s="53">
        <v>-9717895.3637301996</v>
      </c>
      <c r="BC3610" s="53">
        <v>-10706400.1599728</v>
      </c>
      <c r="BD3610" s="53">
        <v>-10917200.7646276</v>
      </c>
      <c r="BE3610" s="53">
        <v>-10761343.194166301</v>
      </c>
      <c r="BF3610" s="53">
        <v>-9697937.8399923593</v>
      </c>
      <c r="BG3610" s="53">
        <v>-9599833.4168414008</v>
      </c>
      <c r="BH3610" s="53">
        <v>-9878150.8865057696</v>
      </c>
      <c r="BI3610" s="53">
        <v>-10733979.9137883</v>
      </c>
      <c r="BJ3610" s="53">
        <v>-9395379.2524781693</v>
      </c>
      <c r="BK3610" s="53">
        <v>-9236278.0370073505</v>
      </c>
      <c r="BL3610" s="53">
        <v>-9587493.2421651501</v>
      </c>
      <c r="BM3610" s="53">
        <v>-8801018.5987963006</v>
      </c>
      <c r="BN3610" s="53">
        <v>-119032910.67007101</v>
      </c>
      <c r="BO3610" s="53">
        <v>-9971080.1865897309</v>
      </c>
      <c r="BP3610" s="53">
        <v>-10966796.9221568</v>
      </c>
      <c r="BQ3610" s="53">
        <v>-11171338.5049794</v>
      </c>
      <c r="BR3610" s="53">
        <v>-11013161.4486541</v>
      </c>
      <c r="BS3610" s="53">
        <v>-9950112.1092787795</v>
      </c>
      <c r="BT3610" s="53">
        <v>-9856118.9503013194</v>
      </c>
      <c r="BU3610" s="53">
        <v>-10135168.7847954</v>
      </c>
      <c r="BV3610" s="53">
        <v>-10997505.077798501</v>
      </c>
      <c r="BW3610" s="53">
        <v>-9648224.7188650705</v>
      </c>
      <c r="BX3610" s="53">
        <v>-9487873.2771101091</v>
      </c>
      <c r="BY3610" s="53">
        <v>-9840226.8876015507</v>
      </c>
      <c r="BZ3610" s="53">
        <v>-9051798.4097553305</v>
      </c>
      <c r="CA3610" s="53">
        <v>-122089405.277886</v>
      </c>
      <c r="CB3610" s="53">
        <v>-44492.666666666497</v>
      </c>
      <c r="CC3610" s="53">
        <v>-44492.666666666497</v>
      </c>
      <c r="CD3610" s="53">
        <v>-44492.666666666497</v>
      </c>
      <c r="CE3610" s="53">
        <v>-44492.666666666497</v>
      </c>
      <c r="CF3610" s="53">
        <v>-44492.666666666497</v>
      </c>
      <c r="CG3610" s="53">
        <v>-44492.666666666497</v>
      </c>
      <c r="CH3610" s="53">
        <v>-44492.666666666497</v>
      </c>
      <c r="CI3610" s="53">
        <v>-44492.666666666497</v>
      </c>
      <c r="CJ3610" s="53">
        <v>-44492.666666666497</v>
      </c>
      <c r="CK3610" s="53">
        <v>-44492.666666666497</v>
      </c>
      <c r="CL3610" s="53">
        <v>-44492.666666666497</v>
      </c>
      <c r="CM3610" s="53">
        <v>-44492.666666666497</v>
      </c>
      <c r="CN3610" s="53">
        <v>-533911.99999999895</v>
      </c>
    </row>
    <row r="3611" spans="1:92" outlineLevel="1">
      <c r="A3611" s="52" t="s">
        <v>750</v>
      </c>
      <c r="B3611" s="53"/>
      <c r="C3611" s="53"/>
      <c r="D3611" s="53"/>
      <c r="E3611" s="53"/>
      <c r="F3611" s="53"/>
      <c r="G3611" s="53"/>
      <c r="H3611" s="53"/>
      <c r="I3611" s="53"/>
      <c r="J3611" s="53"/>
      <c r="K3611" s="53"/>
      <c r="L3611" s="53"/>
      <c r="M3611" s="53"/>
      <c r="N3611" s="53"/>
      <c r="O3611" s="53"/>
      <c r="P3611" s="53"/>
      <c r="Q3611" s="53"/>
      <c r="R3611" s="53"/>
      <c r="S3611" s="53"/>
      <c r="T3611" s="53"/>
      <c r="U3611" s="53"/>
      <c r="V3611" s="53"/>
      <c r="W3611" s="53"/>
      <c r="X3611" s="53"/>
      <c r="Y3611" s="53"/>
      <c r="Z3611" s="53"/>
      <c r="AA3611" s="53"/>
      <c r="AB3611" s="53"/>
      <c r="AC3611" s="53"/>
      <c r="AD3611" s="53"/>
      <c r="AE3611" s="53"/>
      <c r="AF3611" s="53"/>
      <c r="AG3611" s="53"/>
      <c r="AH3611" s="53"/>
      <c r="AI3611" s="53"/>
      <c r="AJ3611" s="53"/>
      <c r="AK3611" s="53"/>
      <c r="AL3611" s="53"/>
      <c r="AM3611" s="53"/>
      <c r="AN3611" s="53"/>
      <c r="AO3611" s="53"/>
      <c r="AP3611" s="53"/>
      <c r="AQ3611" s="53"/>
      <c r="AR3611" s="53"/>
      <c r="AS3611" s="53"/>
      <c r="AT3611" s="53"/>
      <c r="AU3611" s="53"/>
      <c r="AV3611" s="53"/>
      <c r="AW3611" s="53"/>
      <c r="AX3611" s="53"/>
      <c r="AY3611" s="53"/>
      <c r="AZ3611" s="53"/>
      <c r="BA3611" s="53"/>
      <c r="BB3611" s="53"/>
      <c r="BC3611" s="53"/>
      <c r="BD3611" s="53"/>
      <c r="BE3611" s="53"/>
      <c r="BF3611" s="53"/>
      <c r="BG3611" s="53"/>
      <c r="BH3611" s="53"/>
      <c r="BI3611" s="53"/>
      <c r="BJ3611" s="53"/>
      <c r="BK3611" s="53"/>
      <c r="BL3611" s="53"/>
      <c r="BM3611" s="53"/>
      <c r="BN3611" s="53"/>
      <c r="BO3611" s="53"/>
      <c r="BP3611" s="53"/>
      <c r="BQ3611" s="53"/>
      <c r="BR3611" s="53"/>
      <c r="BS3611" s="53"/>
      <c r="BT3611" s="53"/>
      <c r="BU3611" s="53"/>
      <c r="BV3611" s="53"/>
      <c r="BW3611" s="53"/>
      <c r="BX3611" s="53"/>
      <c r="BY3611" s="53"/>
      <c r="BZ3611" s="53"/>
      <c r="CA3611" s="53"/>
      <c r="CB3611" s="53"/>
      <c r="CC3611" s="53"/>
      <c r="CD3611" s="53"/>
      <c r="CE3611" s="53"/>
      <c r="CF3611" s="53"/>
      <c r="CG3611" s="53"/>
      <c r="CH3611" s="53"/>
      <c r="CI3611" s="53"/>
      <c r="CJ3611" s="53"/>
      <c r="CK3611" s="53"/>
      <c r="CL3611" s="53"/>
      <c r="CM3611" s="53"/>
      <c r="CN3611" s="53"/>
    </row>
    <row r="3612" spans="1:92" outlineLevel="1">
      <c r="A3612" s="52" t="s">
        <v>1385</v>
      </c>
      <c r="B3612" s="53"/>
      <c r="C3612" s="53"/>
      <c r="D3612" s="53"/>
      <c r="E3612" s="53"/>
      <c r="F3612" s="53"/>
      <c r="G3612" s="53"/>
      <c r="H3612" s="53"/>
      <c r="I3612" s="53"/>
      <c r="J3612" s="53"/>
      <c r="K3612" s="53"/>
      <c r="L3612" s="53"/>
      <c r="M3612" s="53"/>
      <c r="N3612" s="53"/>
      <c r="O3612" s="53"/>
      <c r="P3612" s="53"/>
      <c r="Q3612" s="53"/>
      <c r="R3612" s="53"/>
      <c r="S3612" s="53"/>
      <c r="T3612" s="53"/>
      <c r="U3612" s="53"/>
      <c r="V3612" s="53"/>
      <c r="W3612" s="53"/>
      <c r="X3612" s="53"/>
      <c r="Y3612" s="53"/>
      <c r="Z3612" s="53"/>
      <c r="AA3612" s="53"/>
      <c r="AB3612" s="53"/>
      <c r="AC3612" s="53"/>
      <c r="AD3612" s="53"/>
      <c r="AE3612" s="53"/>
      <c r="AF3612" s="53"/>
      <c r="AG3612" s="53"/>
      <c r="AH3612" s="53"/>
      <c r="AI3612" s="53"/>
      <c r="AJ3612" s="53"/>
      <c r="AK3612" s="53"/>
      <c r="AL3612" s="53"/>
      <c r="AM3612" s="53"/>
      <c r="AN3612" s="53"/>
      <c r="AO3612" s="53"/>
      <c r="AP3612" s="53"/>
      <c r="AQ3612" s="53"/>
      <c r="AR3612" s="53"/>
      <c r="AS3612" s="53"/>
      <c r="AT3612" s="53"/>
      <c r="AU3612" s="53"/>
      <c r="AV3612" s="53"/>
      <c r="AW3612" s="53"/>
      <c r="AX3612" s="53"/>
      <c r="AY3612" s="53"/>
      <c r="AZ3612" s="53"/>
      <c r="BA3612" s="53"/>
      <c r="BB3612" s="53"/>
      <c r="BC3612" s="53"/>
      <c r="BD3612" s="53"/>
      <c r="BE3612" s="53"/>
      <c r="BF3612" s="53"/>
      <c r="BG3612" s="53"/>
      <c r="BH3612" s="53"/>
      <c r="BI3612" s="53"/>
      <c r="BJ3612" s="53"/>
      <c r="BK3612" s="53"/>
      <c r="BL3612" s="53"/>
      <c r="BM3612" s="53"/>
      <c r="BN3612" s="53"/>
      <c r="BO3612" s="53"/>
      <c r="BP3612" s="53"/>
      <c r="BQ3612" s="53"/>
      <c r="BR3612" s="53"/>
      <c r="BS3612" s="53"/>
      <c r="BT3612" s="53"/>
      <c r="BU3612" s="53"/>
      <c r="BV3612" s="53"/>
      <c r="BW3612" s="53"/>
      <c r="BX3612" s="53"/>
      <c r="BY3612" s="53"/>
      <c r="BZ3612" s="53"/>
      <c r="CA3612" s="53"/>
      <c r="CB3612" s="53"/>
      <c r="CC3612" s="53"/>
      <c r="CD3612" s="53"/>
      <c r="CE3612" s="53"/>
      <c r="CF3612" s="53"/>
      <c r="CG3612" s="53"/>
      <c r="CH3612" s="53"/>
      <c r="CI3612" s="53"/>
      <c r="CJ3612" s="53"/>
      <c r="CK3612" s="53"/>
      <c r="CL3612" s="53"/>
      <c r="CM3612" s="53"/>
      <c r="CN3612" s="53"/>
    </row>
    <row r="3613" spans="1:92" outlineLevel="1">
      <c r="A3613" s="52" t="s">
        <v>649</v>
      </c>
      <c r="B3613" s="53">
        <v>-109280</v>
      </c>
      <c r="C3613" s="53">
        <v>-109280</v>
      </c>
      <c r="D3613" s="53">
        <v>-109280</v>
      </c>
      <c r="E3613" s="53">
        <v>-109280</v>
      </c>
      <c r="F3613" s="53">
        <v>-109280</v>
      </c>
      <c r="G3613" s="53">
        <v>-109280</v>
      </c>
      <c r="H3613" s="53">
        <v>-109280</v>
      </c>
      <c r="I3613" s="53">
        <v>-109280</v>
      </c>
      <c r="J3613" s="53">
        <v>-109280</v>
      </c>
      <c r="K3613" s="53">
        <v>-89940</v>
      </c>
      <c r="L3613" s="53">
        <v>-89940</v>
      </c>
      <c r="M3613" s="53">
        <v>-89940</v>
      </c>
      <c r="N3613" s="53">
        <v>-1253340</v>
      </c>
      <c r="O3613" s="53">
        <v>-89948.085988144201</v>
      </c>
      <c r="P3613" s="53">
        <v>-89948.085988144201</v>
      </c>
      <c r="Q3613" s="53">
        <v>-89948.085988144201</v>
      </c>
      <c r="R3613" s="53">
        <v>-89948.085988144201</v>
      </c>
      <c r="S3613" s="53">
        <v>-89948.085988144201</v>
      </c>
      <c r="T3613" s="53">
        <v>-89948.085988144201</v>
      </c>
      <c r="U3613" s="53">
        <v>-89948.085988144201</v>
      </c>
      <c r="V3613" s="53">
        <v>-89948.085988144201</v>
      </c>
      <c r="W3613" s="53">
        <v>-89948.085988144201</v>
      </c>
      <c r="X3613" s="53">
        <v>-89948.085988144201</v>
      </c>
      <c r="Y3613" s="53">
        <v>-89948.085988144201</v>
      </c>
      <c r="Z3613" s="53">
        <v>-89948.085988144303</v>
      </c>
      <c r="AA3613" s="53">
        <v>-1079377.0318577299</v>
      </c>
      <c r="AB3613" s="53">
        <v>-89948.085988144201</v>
      </c>
      <c r="AC3613" s="53">
        <v>-89948.085988144201</v>
      </c>
      <c r="AD3613" s="53">
        <v>-89948.085988144201</v>
      </c>
      <c r="AE3613" s="53">
        <v>-89948.085988144303</v>
      </c>
      <c r="AF3613" s="53">
        <v>-89948.085988144303</v>
      </c>
      <c r="AG3613" s="53">
        <v>-89948.085988144303</v>
      </c>
      <c r="AH3613" s="53">
        <v>-89948.085988144303</v>
      </c>
      <c r="AI3613" s="53">
        <v>-89948.085988144303</v>
      </c>
      <c r="AJ3613" s="53">
        <v>-89948.085988144303</v>
      </c>
      <c r="AK3613" s="53">
        <v>-89948.085988144201</v>
      </c>
      <c r="AL3613" s="53">
        <v>-89948.085988144201</v>
      </c>
      <c r="AM3613" s="53">
        <v>-89948.085988144099</v>
      </c>
      <c r="AN3613" s="53">
        <v>-1079377.0318577299</v>
      </c>
      <c r="AO3613" s="53">
        <v>-79794.752654810902</v>
      </c>
      <c r="AP3613" s="53">
        <v>-79794.752654810902</v>
      </c>
      <c r="AQ3613" s="53">
        <v>-79794.752654810902</v>
      </c>
      <c r="AR3613" s="53">
        <v>-79794.752654810902</v>
      </c>
      <c r="AS3613" s="53">
        <v>-79794.752654810902</v>
      </c>
      <c r="AT3613" s="53">
        <v>-79794.752654810902</v>
      </c>
      <c r="AU3613" s="53">
        <v>-79794.752654810902</v>
      </c>
      <c r="AV3613" s="53">
        <v>-79794.752654810902</v>
      </c>
      <c r="AW3613" s="53">
        <v>-79794.752654810902</v>
      </c>
      <c r="AX3613" s="53">
        <v>-79794.752654810902</v>
      </c>
      <c r="AY3613" s="53">
        <v>-79794.752654810902</v>
      </c>
      <c r="AZ3613" s="53">
        <v>-79794.752654810902</v>
      </c>
      <c r="BA3613" s="53">
        <v>-957537.03185773105</v>
      </c>
      <c r="BB3613" s="53">
        <v>-79794.752654810902</v>
      </c>
      <c r="BC3613" s="53">
        <v>-79794.752654810902</v>
      </c>
      <c r="BD3613" s="53">
        <v>-79794.752654810902</v>
      </c>
      <c r="BE3613" s="53">
        <v>-79794.752654810902</v>
      </c>
      <c r="BF3613" s="53">
        <v>-79794.752654810902</v>
      </c>
      <c r="BG3613" s="53">
        <v>-79794.752654810902</v>
      </c>
      <c r="BH3613" s="53">
        <v>-79794.752654810902</v>
      </c>
      <c r="BI3613" s="53">
        <v>-79794.752654810902</v>
      </c>
      <c r="BJ3613" s="53">
        <v>-79794.752654810902</v>
      </c>
      <c r="BK3613" s="53">
        <v>-79794.752654810902</v>
      </c>
      <c r="BL3613" s="53">
        <v>-79794.752654810902</v>
      </c>
      <c r="BM3613" s="53">
        <v>-79794.752654810902</v>
      </c>
      <c r="BN3613" s="53">
        <v>-957537.03185773105</v>
      </c>
      <c r="BO3613" s="53">
        <v>-79794.752654810902</v>
      </c>
      <c r="BP3613" s="53">
        <v>-79794.752654810902</v>
      </c>
      <c r="BQ3613" s="53">
        <v>-79794.752654810902</v>
      </c>
      <c r="BR3613" s="53">
        <v>-79794.752654810902</v>
      </c>
      <c r="BS3613" s="53">
        <v>-79794.752654810902</v>
      </c>
      <c r="BT3613" s="53">
        <v>-79794.752654810902</v>
      </c>
      <c r="BU3613" s="53">
        <v>-79794.752654810902</v>
      </c>
      <c r="BV3613" s="53">
        <v>-79794.752654810902</v>
      </c>
      <c r="BW3613" s="53">
        <v>-79794.752654810902</v>
      </c>
      <c r="BX3613" s="53">
        <v>-79794.752654810902</v>
      </c>
      <c r="BY3613" s="53">
        <v>-79794.752654810902</v>
      </c>
      <c r="BZ3613" s="53">
        <v>-79794.752654810902</v>
      </c>
      <c r="CA3613" s="53">
        <v>-957537.03185773105</v>
      </c>
      <c r="CB3613" s="53">
        <v>2722409.65123385</v>
      </c>
      <c r="CC3613" s="53">
        <v>1248678.91999333</v>
      </c>
      <c r="CD3613" s="53">
        <v>1118736.0197216601</v>
      </c>
      <c r="CE3613" s="53">
        <v>2320217.0643701302</v>
      </c>
      <c r="CF3613" s="53">
        <v>5435743.9245058596</v>
      </c>
      <c r="CG3613" s="53">
        <v>6684248.9549595797</v>
      </c>
      <c r="CH3613" s="53">
        <v>8118313.1831336301</v>
      </c>
      <c r="CI3613" s="53">
        <v>8185105.3131268397</v>
      </c>
      <c r="CJ3613" s="53">
        <v>6813232.5979465004</v>
      </c>
      <c r="CK3613" s="53">
        <v>4004354.5534631899</v>
      </c>
      <c r="CL3613" s="53">
        <v>1298326.9287197101</v>
      </c>
      <c r="CM3613" s="53">
        <v>1693457.48966815</v>
      </c>
      <c r="CN3613" s="53">
        <v>49642824.600842401</v>
      </c>
    </row>
    <row r="3614" spans="1:92" outlineLevel="1">
      <c r="A3614" s="52" t="s">
        <v>755</v>
      </c>
      <c r="B3614" s="53"/>
      <c r="C3614" s="53"/>
      <c r="D3614" s="53"/>
      <c r="E3614" s="53"/>
      <c r="F3614" s="53"/>
      <c r="G3614" s="53"/>
      <c r="H3614" s="53"/>
      <c r="I3614" s="53"/>
      <c r="J3614" s="53"/>
      <c r="K3614" s="53"/>
      <c r="L3614" s="53"/>
      <c r="M3614" s="53"/>
      <c r="N3614" s="53"/>
      <c r="O3614" s="53"/>
      <c r="P3614" s="53"/>
      <c r="Q3614" s="53"/>
      <c r="R3614" s="53"/>
      <c r="S3614" s="53"/>
      <c r="T3614" s="53"/>
      <c r="U3614" s="53"/>
      <c r="V3614" s="53"/>
      <c r="W3614" s="53"/>
      <c r="X3614" s="53"/>
      <c r="Y3614" s="53"/>
      <c r="Z3614" s="53"/>
      <c r="AA3614" s="53"/>
      <c r="AB3614" s="53"/>
      <c r="AC3614" s="53"/>
      <c r="AD3614" s="53"/>
      <c r="AE3614" s="53"/>
      <c r="AF3614" s="53"/>
      <c r="AG3614" s="53"/>
      <c r="AH3614" s="53"/>
      <c r="AI3614" s="53"/>
      <c r="AJ3614" s="53"/>
      <c r="AK3614" s="53"/>
      <c r="AL3614" s="53"/>
      <c r="AM3614" s="53"/>
      <c r="AN3614" s="53"/>
      <c r="AO3614" s="53"/>
      <c r="AP3614" s="53"/>
      <c r="AQ3614" s="53"/>
      <c r="AR3614" s="53"/>
      <c r="AS3614" s="53"/>
      <c r="AT3614" s="53"/>
      <c r="AU3614" s="53"/>
      <c r="AV3614" s="53"/>
      <c r="AW3614" s="53"/>
      <c r="AX3614" s="53"/>
      <c r="AY3614" s="53"/>
      <c r="AZ3614" s="53"/>
      <c r="BA3614" s="53"/>
      <c r="BB3614" s="53"/>
      <c r="BC3614" s="53"/>
      <c r="BD3614" s="53"/>
      <c r="BE3614" s="53"/>
      <c r="BF3614" s="53"/>
      <c r="BG3614" s="53"/>
      <c r="BH3614" s="53"/>
      <c r="BI3614" s="53"/>
      <c r="BJ3614" s="53"/>
      <c r="BK3614" s="53"/>
      <c r="BL3614" s="53"/>
      <c r="BM3614" s="53"/>
      <c r="BN3614" s="53"/>
      <c r="BO3614" s="53"/>
      <c r="BP3614" s="53"/>
      <c r="BQ3614" s="53"/>
      <c r="BR3614" s="53"/>
      <c r="BS3614" s="53"/>
      <c r="BT3614" s="53"/>
      <c r="BU3614" s="53"/>
      <c r="BV3614" s="53"/>
      <c r="BW3614" s="53"/>
      <c r="BX3614" s="53"/>
      <c r="BY3614" s="53"/>
      <c r="BZ3614" s="53"/>
      <c r="CA3614" s="53"/>
      <c r="CB3614" s="53"/>
      <c r="CC3614" s="53"/>
      <c r="CD3614" s="53"/>
      <c r="CE3614" s="53"/>
      <c r="CF3614" s="53"/>
      <c r="CG3614" s="53"/>
      <c r="CH3614" s="53"/>
      <c r="CI3614" s="53"/>
      <c r="CJ3614" s="53"/>
      <c r="CK3614" s="53"/>
      <c r="CL3614" s="53"/>
      <c r="CM3614" s="53"/>
      <c r="CN3614" s="53"/>
    </row>
    <row r="3615" spans="1:92" outlineLevel="1">
      <c r="A3615" s="52" t="s">
        <v>1555</v>
      </c>
      <c r="B3615" s="53"/>
      <c r="C3615" s="53"/>
      <c r="D3615" s="53"/>
      <c r="E3615" s="53"/>
      <c r="F3615" s="53"/>
      <c r="G3615" s="53"/>
      <c r="H3615" s="53"/>
      <c r="I3615" s="53"/>
      <c r="J3615" s="53"/>
      <c r="K3615" s="53"/>
      <c r="L3615" s="53"/>
      <c r="M3615" s="53"/>
      <c r="N3615" s="53"/>
      <c r="O3615" s="53"/>
      <c r="P3615" s="53"/>
      <c r="Q3615" s="53"/>
      <c r="R3615" s="53"/>
      <c r="S3615" s="53"/>
      <c r="T3615" s="53"/>
      <c r="U3615" s="53"/>
      <c r="V3615" s="53"/>
      <c r="W3615" s="53"/>
      <c r="X3615" s="53"/>
      <c r="Y3615" s="53"/>
      <c r="Z3615" s="53"/>
      <c r="AA3615" s="53"/>
      <c r="AB3615" s="53"/>
      <c r="AC3615" s="53"/>
      <c r="AD3615" s="53"/>
      <c r="AE3615" s="53"/>
      <c r="AF3615" s="53"/>
      <c r="AG3615" s="53"/>
      <c r="AH3615" s="53"/>
      <c r="AI3615" s="53"/>
      <c r="AJ3615" s="53"/>
      <c r="AK3615" s="53"/>
      <c r="AL3615" s="53"/>
      <c r="AM3615" s="53"/>
      <c r="AN3615" s="53"/>
      <c r="AO3615" s="53"/>
      <c r="AP3615" s="53"/>
      <c r="AQ3615" s="53"/>
      <c r="AR3615" s="53"/>
      <c r="AS3615" s="53"/>
      <c r="AT3615" s="53"/>
      <c r="AU3615" s="53"/>
      <c r="AV3615" s="53"/>
      <c r="AW3615" s="53"/>
      <c r="AX3615" s="53"/>
      <c r="AY3615" s="53"/>
      <c r="AZ3615" s="53"/>
      <c r="BA3615" s="53"/>
      <c r="BB3615" s="53"/>
      <c r="BC3615" s="53"/>
      <c r="BD3615" s="53"/>
      <c r="BE3615" s="53"/>
      <c r="BF3615" s="53"/>
      <c r="BG3615" s="53"/>
      <c r="BH3615" s="53"/>
      <c r="BI3615" s="53"/>
      <c r="BJ3615" s="53"/>
      <c r="BK3615" s="53"/>
      <c r="BL3615" s="53"/>
      <c r="BM3615" s="53"/>
      <c r="BN3615" s="53"/>
      <c r="BO3615" s="53"/>
      <c r="BP3615" s="53"/>
      <c r="BQ3615" s="53"/>
      <c r="BR3615" s="53"/>
      <c r="BS3615" s="53"/>
      <c r="BT3615" s="53"/>
      <c r="BU3615" s="53"/>
      <c r="BV3615" s="53"/>
      <c r="BW3615" s="53"/>
      <c r="BX3615" s="53"/>
      <c r="BY3615" s="53"/>
      <c r="BZ3615" s="53"/>
      <c r="CA3615" s="53"/>
      <c r="CB3615" s="53">
        <v>3562423.1820731498</v>
      </c>
      <c r="CC3615" s="53">
        <v>3620749.77935324</v>
      </c>
      <c r="CD3615" s="53">
        <v>3462532.8113442701</v>
      </c>
      <c r="CE3615" s="53">
        <v>3043778.8440029402</v>
      </c>
      <c r="CF3615" s="53">
        <v>2762957.2369973902</v>
      </c>
      <c r="CG3615" s="53">
        <v>2620338.3869498</v>
      </c>
      <c r="CH3615" s="53">
        <v>2617107.7950252802</v>
      </c>
      <c r="CI3615" s="53">
        <v>2616684.06805389</v>
      </c>
      <c r="CJ3615" s="53">
        <v>2596402.4876818601</v>
      </c>
      <c r="CK3615" s="53">
        <v>2793744.2608177201</v>
      </c>
      <c r="CL3615" s="53">
        <v>3215879.5587457898</v>
      </c>
      <c r="CM3615" s="53">
        <v>3105930.1060319301</v>
      </c>
      <c r="CN3615" s="53">
        <v>36018528.517077297</v>
      </c>
    </row>
    <row r="3616" spans="1:92" outlineLevel="1">
      <c r="A3616" s="52" t="s">
        <v>757</v>
      </c>
      <c r="B3616" s="53"/>
      <c r="C3616" s="53"/>
      <c r="D3616" s="53"/>
      <c r="E3616" s="53"/>
      <c r="F3616" s="53"/>
      <c r="G3616" s="53"/>
      <c r="H3616" s="53"/>
      <c r="I3616" s="53"/>
      <c r="J3616" s="53"/>
      <c r="K3616" s="53"/>
      <c r="L3616" s="53">
        <v>-164266484</v>
      </c>
      <c r="M3616" s="53"/>
      <c r="N3616" s="53">
        <v>-164266484</v>
      </c>
      <c r="O3616" s="53"/>
      <c r="P3616" s="53"/>
      <c r="Q3616" s="53"/>
      <c r="R3616" s="53"/>
      <c r="S3616" s="53"/>
      <c r="T3616" s="53"/>
      <c r="U3616" s="53"/>
      <c r="V3616" s="53"/>
      <c r="W3616" s="53"/>
      <c r="X3616" s="53"/>
      <c r="Y3616" s="53">
        <v>-169521267.05250299</v>
      </c>
      <c r="Z3616" s="53"/>
      <c r="AA3616" s="53">
        <v>-169521267.05250299</v>
      </c>
      <c r="AB3616" s="53"/>
      <c r="AC3616" s="53"/>
      <c r="AD3616" s="53"/>
      <c r="AE3616" s="53"/>
      <c r="AF3616" s="53"/>
      <c r="AG3616" s="53"/>
      <c r="AH3616" s="53"/>
      <c r="AI3616" s="53"/>
      <c r="AJ3616" s="53"/>
      <c r="AK3616" s="53"/>
      <c r="AL3616" s="53">
        <v>-187117307.36951599</v>
      </c>
      <c r="AM3616" s="53"/>
      <c r="AN3616" s="53">
        <v>-187117307.36951599</v>
      </c>
      <c r="AO3616" s="53"/>
      <c r="AP3616" s="53"/>
      <c r="AQ3616" s="53"/>
      <c r="AR3616" s="53"/>
      <c r="AS3616" s="53"/>
      <c r="AT3616" s="53"/>
      <c r="AU3616" s="53"/>
      <c r="AV3616" s="53"/>
      <c r="AW3616" s="53"/>
      <c r="AX3616" s="53"/>
      <c r="AY3616" s="53">
        <v>-204565791.029935</v>
      </c>
      <c r="AZ3616" s="53"/>
      <c r="BA3616" s="53">
        <v>-204565791.029935</v>
      </c>
      <c r="BB3616" s="53"/>
      <c r="BC3616" s="53"/>
      <c r="BD3616" s="53"/>
      <c r="BE3616" s="53"/>
      <c r="BF3616" s="53"/>
      <c r="BG3616" s="53"/>
      <c r="BH3616" s="53"/>
      <c r="BI3616" s="53"/>
      <c r="BJ3616" s="53"/>
      <c r="BK3616" s="53"/>
      <c r="BL3616" s="53">
        <v>-228271414.617273</v>
      </c>
      <c r="BM3616" s="53"/>
      <c r="BN3616" s="53">
        <v>-228271414.617273</v>
      </c>
      <c r="BO3616" s="53"/>
      <c r="BP3616" s="53"/>
      <c r="BQ3616" s="53"/>
      <c r="BR3616" s="53"/>
      <c r="BS3616" s="53"/>
      <c r="BT3616" s="53"/>
      <c r="BU3616" s="53"/>
      <c r="BV3616" s="53"/>
      <c r="BW3616" s="53"/>
      <c r="BX3616" s="53"/>
      <c r="BY3616" s="53">
        <v>-244124137.39054999</v>
      </c>
      <c r="BZ3616" s="53"/>
      <c r="CA3616" s="53">
        <v>-244124137.39054999</v>
      </c>
      <c r="CB3616" s="53"/>
      <c r="CC3616" s="53"/>
      <c r="CD3616" s="53"/>
      <c r="CE3616" s="53"/>
      <c r="CF3616" s="53"/>
      <c r="CG3616" s="53"/>
      <c r="CH3616" s="53"/>
      <c r="CI3616" s="53"/>
      <c r="CJ3616" s="53"/>
      <c r="CK3616" s="53"/>
      <c r="CL3616" s="53"/>
      <c r="CM3616" s="53"/>
      <c r="CN3616" s="53"/>
    </row>
    <row r="3617" spans="1:92">
      <c r="A3617" s="52" t="s">
        <v>769</v>
      </c>
      <c r="B3617" s="53"/>
      <c r="C3617" s="53"/>
      <c r="D3617" s="53"/>
      <c r="E3617" s="53"/>
      <c r="F3617" s="53"/>
      <c r="G3617" s="53"/>
      <c r="H3617" s="53"/>
      <c r="I3617" s="53"/>
      <c r="J3617" s="53"/>
      <c r="K3617" s="53"/>
      <c r="L3617" s="53"/>
      <c r="M3617" s="53"/>
      <c r="N3617" s="53"/>
      <c r="O3617" s="53"/>
      <c r="P3617" s="53"/>
      <c r="Q3617" s="53"/>
      <c r="R3617" s="53"/>
      <c r="S3617" s="53"/>
      <c r="T3617" s="53"/>
      <c r="U3617" s="53"/>
      <c r="V3617" s="53"/>
      <c r="W3617" s="53"/>
      <c r="X3617" s="53"/>
      <c r="Y3617" s="53"/>
      <c r="Z3617" s="53"/>
      <c r="AA3617" s="53"/>
      <c r="AB3617" s="53"/>
      <c r="AC3617" s="53"/>
      <c r="AD3617" s="53"/>
      <c r="AE3617" s="53"/>
      <c r="AF3617" s="53"/>
      <c r="AG3617" s="53"/>
      <c r="AH3617" s="53"/>
      <c r="AI3617" s="53"/>
      <c r="AJ3617" s="53"/>
      <c r="AK3617" s="53"/>
      <c r="AL3617" s="53"/>
      <c r="AM3617" s="53"/>
      <c r="AN3617" s="53"/>
      <c r="AO3617" s="53"/>
      <c r="AP3617" s="53"/>
      <c r="AQ3617" s="53"/>
      <c r="AR3617" s="53"/>
      <c r="AS3617" s="53"/>
      <c r="AT3617" s="53"/>
      <c r="AU3617" s="53"/>
      <c r="AV3617" s="53"/>
      <c r="AW3617" s="53"/>
      <c r="AX3617" s="53"/>
      <c r="AY3617" s="53"/>
      <c r="AZ3617" s="53"/>
      <c r="BA3617" s="53"/>
      <c r="BB3617" s="53"/>
      <c r="BC3617" s="53"/>
      <c r="BD3617" s="53"/>
      <c r="BE3617" s="53"/>
      <c r="BF3617" s="53"/>
      <c r="BG3617" s="53"/>
      <c r="BH3617" s="53"/>
      <c r="BI3617" s="53"/>
      <c r="BJ3617" s="53"/>
      <c r="BK3617" s="53"/>
      <c r="BL3617" s="53"/>
      <c r="BM3617" s="53"/>
      <c r="BN3617" s="53"/>
      <c r="BO3617" s="53"/>
      <c r="BP3617" s="53"/>
      <c r="BQ3617" s="53"/>
      <c r="BR3617" s="53"/>
      <c r="BS3617" s="53"/>
      <c r="BT3617" s="53"/>
      <c r="BU3617" s="53"/>
      <c r="BV3617" s="53"/>
      <c r="BW3617" s="53"/>
      <c r="BX3617" s="53"/>
      <c r="BY3617" s="53"/>
      <c r="BZ3617" s="53"/>
      <c r="CA3617" s="53"/>
      <c r="CB3617" s="53"/>
      <c r="CC3617" s="53"/>
      <c r="CD3617" s="53"/>
      <c r="CE3617" s="53"/>
      <c r="CF3617" s="53"/>
      <c r="CG3617" s="53"/>
      <c r="CH3617" s="53"/>
      <c r="CI3617" s="53"/>
      <c r="CJ3617" s="53"/>
      <c r="CK3617" s="53"/>
      <c r="CL3617" s="53"/>
      <c r="CM3617" s="53"/>
      <c r="CN3617" s="53"/>
    </row>
    <row r="3618" spans="1:92">
      <c r="A3618" s="52" t="s">
        <v>770</v>
      </c>
      <c r="B3618" s="53"/>
      <c r="C3618" s="53"/>
      <c r="D3618" s="53"/>
      <c r="E3618" s="53"/>
      <c r="F3618" s="53"/>
      <c r="G3618" s="53"/>
      <c r="H3618" s="53"/>
      <c r="I3618" s="53"/>
      <c r="J3618" s="53"/>
      <c r="K3618" s="53"/>
      <c r="L3618" s="53"/>
      <c r="M3618" s="53"/>
      <c r="N3618" s="53"/>
      <c r="O3618" s="53"/>
      <c r="P3618" s="53"/>
      <c r="Q3618" s="53"/>
      <c r="R3618" s="53"/>
      <c r="S3618" s="53"/>
      <c r="T3618" s="53"/>
      <c r="U3618" s="53"/>
      <c r="V3618" s="53"/>
      <c r="W3618" s="53"/>
      <c r="X3618" s="53"/>
      <c r="Y3618" s="53"/>
      <c r="Z3618" s="53"/>
      <c r="AA3618" s="53"/>
      <c r="AB3618" s="53"/>
      <c r="AC3618" s="53"/>
      <c r="AD3618" s="53"/>
      <c r="AE3618" s="53"/>
      <c r="AF3618" s="53"/>
      <c r="AG3618" s="53"/>
      <c r="AH3618" s="53"/>
      <c r="AI3618" s="53"/>
      <c r="AJ3618" s="53"/>
      <c r="AK3618" s="53"/>
      <c r="AL3618" s="53"/>
      <c r="AM3618" s="53"/>
      <c r="AN3618" s="53"/>
      <c r="AO3618" s="53"/>
      <c r="AP3618" s="53"/>
      <c r="AQ3618" s="53"/>
      <c r="AR3618" s="53"/>
      <c r="AS3618" s="53"/>
      <c r="AT3618" s="53"/>
      <c r="AU3618" s="53"/>
      <c r="AV3618" s="53"/>
      <c r="AW3618" s="53"/>
      <c r="AX3618" s="53"/>
      <c r="AY3618" s="53"/>
      <c r="AZ3618" s="53"/>
      <c r="BA3618" s="53"/>
      <c r="BB3618" s="53"/>
      <c r="BC3618" s="53"/>
      <c r="BD3618" s="53"/>
      <c r="BE3618" s="53"/>
      <c r="BF3618" s="53"/>
      <c r="BG3618" s="53"/>
      <c r="BH3618" s="53"/>
      <c r="BI3618" s="53"/>
      <c r="BJ3618" s="53"/>
      <c r="BK3618" s="53"/>
      <c r="BL3618" s="53"/>
      <c r="BM3618" s="53"/>
      <c r="BN3618" s="53"/>
      <c r="BO3618" s="53"/>
      <c r="BP3618" s="53"/>
      <c r="BQ3618" s="53"/>
      <c r="BR3618" s="53"/>
      <c r="BS3618" s="53"/>
      <c r="BT3618" s="53"/>
      <c r="BU3618" s="53"/>
      <c r="BV3618" s="53"/>
      <c r="BW3618" s="53"/>
      <c r="BX3618" s="53"/>
      <c r="BY3618" s="53"/>
      <c r="BZ3618" s="53"/>
      <c r="CA3618" s="53"/>
      <c r="CB3618" s="53"/>
      <c r="CC3618" s="53"/>
      <c r="CD3618" s="53"/>
      <c r="CE3618" s="53">
        <v>2139049.0324459602</v>
      </c>
      <c r="CF3618" s="53"/>
      <c r="CG3618" s="53">
        <v>2139049.0324459602</v>
      </c>
      <c r="CH3618" s="53"/>
      <c r="CI3618" s="53"/>
      <c r="CJ3618" s="53">
        <v>-389417.81489192997</v>
      </c>
      <c r="CK3618" s="53"/>
      <c r="CL3618" s="53"/>
      <c r="CM3618" s="53">
        <v>6207896.75</v>
      </c>
      <c r="CN3618" s="53">
        <v>10096577</v>
      </c>
    </row>
    <row r="3619" spans="1:92">
      <c r="A3619" s="52" t="s">
        <v>1249</v>
      </c>
      <c r="B3619" s="53">
        <v>-56613493.259999998</v>
      </c>
      <c r="C3619" s="53">
        <v>-47825393.969999999</v>
      </c>
      <c r="D3619" s="53">
        <v>-44538790.159999996</v>
      </c>
      <c r="E3619" s="53">
        <v>-28822708.6599999</v>
      </c>
      <c r="F3619" s="53">
        <v>-24885311.41</v>
      </c>
      <c r="G3619" s="53">
        <v>-22769660.129999999</v>
      </c>
      <c r="H3619" s="53">
        <v>-37141707.170000002</v>
      </c>
      <c r="I3619" s="53">
        <v>-35851667.979999997</v>
      </c>
      <c r="J3619" s="53">
        <v>-40295825.060000002</v>
      </c>
      <c r="K3619" s="53">
        <v>-29914819.489999998</v>
      </c>
      <c r="L3619" s="53">
        <v>-10856786.35</v>
      </c>
      <c r="M3619" s="53">
        <v>-4020351.59</v>
      </c>
      <c r="N3619" s="53">
        <v>-383536515.23000002</v>
      </c>
      <c r="O3619" s="53">
        <v>-6484847.9900000002</v>
      </c>
      <c r="P3619" s="53">
        <v>-5555935.4699999997</v>
      </c>
      <c r="Q3619" s="53">
        <v>-10361733.09</v>
      </c>
      <c r="R3619" s="53">
        <v>-3442406.19</v>
      </c>
      <c r="S3619" s="53">
        <v>-19680039.010000002</v>
      </c>
      <c r="T3619" s="53">
        <v>-21630294.1599999</v>
      </c>
      <c r="U3619" s="53">
        <v>-26251780.309999999</v>
      </c>
      <c r="V3619" s="53">
        <v>-26420150.210000001</v>
      </c>
      <c r="W3619" s="53">
        <v>-23537547.07</v>
      </c>
      <c r="X3619" s="53">
        <v>-16098354.7999999</v>
      </c>
      <c r="Y3619" s="53">
        <v>-13872146.369999999</v>
      </c>
      <c r="Z3619" s="53">
        <v>-7963172.8099999903</v>
      </c>
      <c r="AA3619" s="53">
        <v>-181298407.47999999</v>
      </c>
      <c r="AB3619" s="53">
        <v>-5728202.5699999901</v>
      </c>
      <c r="AC3619" s="53">
        <v>-3210094.7699999898</v>
      </c>
      <c r="AD3619" s="53">
        <v>-1538372.26999999</v>
      </c>
      <c r="AE3619" s="53">
        <v>-8314765.3200000003</v>
      </c>
      <c r="AF3619" s="53">
        <v>-19365393</v>
      </c>
      <c r="AG3619" s="53">
        <v>-20069279.859999999</v>
      </c>
      <c r="AH3619" s="53">
        <v>-23835975.329999998</v>
      </c>
      <c r="AI3619" s="53">
        <v>-27905530.800000001</v>
      </c>
      <c r="AJ3619" s="53">
        <v>-19972074.969999999</v>
      </c>
      <c r="AK3619" s="53">
        <v>-16272585.4599999</v>
      </c>
      <c r="AL3619" s="53">
        <v>-11444636.060000001</v>
      </c>
      <c r="AM3619" s="53">
        <v>-4789635.57</v>
      </c>
      <c r="AN3619" s="53">
        <v>-162446545.97999999</v>
      </c>
      <c r="AO3619" s="53">
        <v>-5576383.21</v>
      </c>
      <c r="AP3619" s="53">
        <v>-4011587.47</v>
      </c>
      <c r="AQ3619" s="53">
        <v>-9666392.5399999991</v>
      </c>
      <c r="AR3619" s="53">
        <v>-6179840.1799999997</v>
      </c>
      <c r="AS3619" s="53">
        <v>-8819494.9399999995</v>
      </c>
      <c r="AT3619" s="53">
        <v>-9532164.6199999992</v>
      </c>
      <c r="AU3619" s="53">
        <v>-14918590.849999901</v>
      </c>
      <c r="AV3619" s="53">
        <v>-21156870.030000001</v>
      </c>
      <c r="AW3619" s="53">
        <v>-17099196.669999901</v>
      </c>
      <c r="AX3619" s="53">
        <v>-13315042.699999999</v>
      </c>
      <c r="AY3619" s="53">
        <v>-7239552.1799999997</v>
      </c>
      <c r="AZ3619" s="53">
        <v>-3496446.96</v>
      </c>
      <c r="BA3619" s="53">
        <v>-121011562.34999999</v>
      </c>
      <c r="BB3619" s="53">
        <v>-6311320.7800000003</v>
      </c>
      <c r="BC3619" s="53">
        <v>-4349404.99</v>
      </c>
      <c r="BD3619" s="53">
        <v>-4862191.16</v>
      </c>
      <c r="BE3619" s="53">
        <v>-5039601.68</v>
      </c>
      <c r="BF3619" s="53">
        <v>-13518226.08</v>
      </c>
      <c r="BG3619" s="53">
        <v>-15583061.09</v>
      </c>
      <c r="BH3619" s="53">
        <v>-19285200.839999899</v>
      </c>
      <c r="BI3619" s="53">
        <v>-22149230.469999999</v>
      </c>
      <c r="BJ3619" s="53">
        <v>-18530791.199999999</v>
      </c>
      <c r="BK3619" s="53">
        <v>-20243452.300000001</v>
      </c>
      <c r="BL3619" s="53">
        <v>-11746712.27</v>
      </c>
      <c r="BM3619" s="53">
        <v>-5258108.5599999996</v>
      </c>
      <c r="BN3619" s="53">
        <v>-146877301.41999999</v>
      </c>
      <c r="BO3619" s="53">
        <v>-6272379.7000000002</v>
      </c>
      <c r="BP3619" s="53">
        <v>-4007192.75</v>
      </c>
      <c r="BQ3619" s="53">
        <v>-8688162.2300000004</v>
      </c>
      <c r="BR3619" s="53">
        <v>-5955970.6399999997</v>
      </c>
      <c r="BS3619" s="53">
        <v>-14343028.7099999</v>
      </c>
      <c r="BT3619" s="53">
        <v>-17968877.059999999</v>
      </c>
      <c r="BU3619" s="53">
        <v>-19637064.370000001</v>
      </c>
      <c r="BV3619" s="53">
        <v>-21289464.829999998</v>
      </c>
      <c r="BW3619" s="53">
        <v>-17732063.300000001</v>
      </c>
      <c r="BX3619" s="53">
        <v>-15785682.439999999</v>
      </c>
      <c r="BY3619" s="53">
        <v>-4819984.8199999901</v>
      </c>
      <c r="BZ3619" s="53">
        <v>-4782938.5</v>
      </c>
      <c r="CA3619" s="53">
        <v>-141282809.34999999</v>
      </c>
      <c r="CB3619" s="53"/>
      <c r="CC3619" s="53"/>
      <c r="CD3619" s="53">
        <v>585831.63999823504</v>
      </c>
      <c r="CE3619" s="53"/>
      <c r="CF3619" s="53"/>
      <c r="CG3619" s="53"/>
      <c r="CH3619" s="53"/>
      <c r="CI3619" s="53"/>
      <c r="CJ3619" s="53">
        <v>659574.44485419604</v>
      </c>
      <c r="CK3619" s="53"/>
      <c r="CL3619" s="53"/>
      <c r="CM3619" s="53">
        <v>1678522.3330246501</v>
      </c>
      <c r="CN3619" s="53">
        <v>2923928.4178770799</v>
      </c>
    </row>
    <row r="3620" spans="1:92">
      <c r="A3620" s="52" t="s">
        <v>771</v>
      </c>
      <c r="B3620" s="53"/>
      <c r="C3620" s="53"/>
      <c r="D3620" s="53"/>
      <c r="E3620" s="53"/>
      <c r="F3620" s="53"/>
      <c r="G3620" s="53"/>
      <c r="H3620" s="53"/>
      <c r="I3620" s="53"/>
      <c r="J3620" s="53"/>
      <c r="K3620" s="53"/>
      <c r="L3620" s="53"/>
      <c r="M3620" s="53"/>
      <c r="N3620" s="53"/>
      <c r="O3620" s="53"/>
      <c r="P3620" s="53"/>
      <c r="Q3620" s="53"/>
      <c r="R3620" s="53"/>
      <c r="S3620" s="53"/>
      <c r="T3620" s="53"/>
      <c r="U3620" s="53"/>
      <c r="V3620" s="53"/>
      <c r="W3620" s="53"/>
      <c r="X3620" s="53"/>
      <c r="Y3620" s="53"/>
      <c r="Z3620" s="53"/>
      <c r="AA3620" s="53"/>
      <c r="AB3620" s="53"/>
      <c r="AC3620" s="53"/>
      <c r="AD3620" s="53"/>
      <c r="AE3620" s="53"/>
      <c r="AF3620" s="53"/>
      <c r="AG3620" s="53"/>
      <c r="AH3620" s="53"/>
      <c r="AI3620" s="53"/>
      <c r="AJ3620" s="53"/>
      <c r="AK3620" s="53"/>
      <c r="AL3620" s="53"/>
      <c r="AM3620" s="53"/>
      <c r="AN3620" s="53"/>
      <c r="AO3620" s="53"/>
      <c r="AP3620" s="53"/>
      <c r="AQ3620" s="53"/>
      <c r="AR3620" s="53"/>
      <c r="AS3620" s="53"/>
      <c r="AT3620" s="53"/>
      <c r="AU3620" s="53"/>
      <c r="AV3620" s="53"/>
      <c r="AW3620" s="53"/>
      <c r="AX3620" s="53"/>
      <c r="AY3620" s="53"/>
      <c r="AZ3620" s="53"/>
      <c r="BA3620" s="53"/>
      <c r="BB3620" s="53"/>
      <c r="BC3620" s="53"/>
      <c r="BD3620" s="53"/>
      <c r="BE3620" s="53"/>
      <c r="BF3620" s="53"/>
      <c r="BG3620" s="53"/>
      <c r="BH3620" s="53"/>
      <c r="BI3620" s="53"/>
      <c r="BJ3620" s="53"/>
      <c r="BK3620" s="53"/>
      <c r="BL3620" s="53"/>
      <c r="BM3620" s="53"/>
      <c r="BN3620" s="53"/>
      <c r="BO3620" s="53"/>
      <c r="BP3620" s="53"/>
      <c r="BQ3620" s="53"/>
      <c r="BR3620" s="53"/>
      <c r="BS3620" s="53"/>
      <c r="BT3620" s="53"/>
      <c r="BU3620" s="53"/>
      <c r="BV3620" s="53"/>
      <c r="BW3620" s="53"/>
      <c r="BX3620" s="53"/>
      <c r="BY3620" s="53"/>
      <c r="BZ3620" s="53"/>
      <c r="CA3620" s="53"/>
      <c r="CB3620" s="53"/>
      <c r="CC3620" s="53"/>
      <c r="CD3620" s="53"/>
      <c r="CE3620" s="53"/>
      <c r="CF3620" s="53"/>
      <c r="CG3620" s="53"/>
      <c r="CH3620" s="53"/>
      <c r="CI3620" s="53"/>
      <c r="CJ3620" s="53"/>
      <c r="CK3620" s="53"/>
      <c r="CL3620" s="53"/>
      <c r="CM3620" s="53"/>
      <c r="CN3620" s="53"/>
    </row>
    <row r="3621" spans="1:92">
      <c r="A3621" s="52" t="s">
        <v>1249</v>
      </c>
      <c r="B3621" s="53">
        <v>-3789809.94</v>
      </c>
      <c r="C3621" s="53">
        <v>-3422268.28</v>
      </c>
      <c r="D3621" s="53">
        <v>-3143837.66</v>
      </c>
      <c r="E3621" s="53">
        <v>-2093543.46</v>
      </c>
      <c r="F3621" s="53">
        <v>-3503076.71999999</v>
      </c>
      <c r="G3621" s="53">
        <v>-4028055.1799999899</v>
      </c>
      <c r="H3621" s="53">
        <v>-5073254.49</v>
      </c>
      <c r="I3621" s="53">
        <v>-5742731.75</v>
      </c>
      <c r="J3621" s="53">
        <v>-4862843.8</v>
      </c>
      <c r="K3621" s="53">
        <v>-2830850.48</v>
      </c>
      <c r="L3621" s="53">
        <v>-4178068.13</v>
      </c>
      <c r="M3621" s="53">
        <v>-4837041.5599999996</v>
      </c>
      <c r="N3621" s="53">
        <v>-47505381.450000003</v>
      </c>
      <c r="O3621" s="53">
        <v>-5141844.54</v>
      </c>
      <c r="P3621" s="53">
        <v>-4855313.92</v>
      </c>
      <c r="Q3621" s="53">
        <v>-4357533.95</v>
      </c>
      <c r="R3621" s="53">
        <v>-2534368.79</v>
      </c>
      <c r="S3621" s="53">
        <v>-2700229.93</v>
      </c>
      <c r="T3621" s="53">
        <v>-2893365.16</v>
      </c>
      <c r="U3621" s="53">
        <v>-2752843.91</v>
      </c>
      <c r="V3621" s="53">
        <v>-2924244.46</v>
      </c>
      <c r="W3621" s="53">
        <v>-2795109.63</v>
      </c>
      <c r="X3621" s="53">
        <v>-2153144.7000000002</v>
      </c>
      <c r="Y3621" s="53">
        <v>-5013419.0599999996</v>
      </c>
      <c r="Z3621" s="53">
        <v>-5546676.7599999998</v>
      </c>
      <c r="AA3621" s="53">
        <v>-43668094.810000002</v>
      </c>
      <c r="AB3621" s="53">
        <v>-4471780.09</v>
      </c>
      <c r="AC3621" s="53">
        <v>-4081060.52999999</v>
      </c>
      <c r="AD3621" s="53">
        <v>-3916406.12</v>
      </c>
      <c r="AE3621" s="53">
        <v>-2367178.5899999901</v>
      </c>
      <c r="AF3621" s="53">
        <v>-4838483.1100000003</v>
      </c>
      <c r="AG3621" s="53">
        <v>-2932146.04</v>
      </c>
      <c r="AH3621" s="53">
        <v>-2622953.9799999902</v>
      </c>
      <c r="AI3621" s="53">
        <v>-2763822.11</v>
      </c>
      <c r="AJ3621" s="53">
        <v>-2721854.29</v>
      </c>
      <c r="AK3621" s="53">
        <v>-2478806.4799999902</v>
      </c>
      <c r="AL3621" s="53">
        <v>-2545071.83</v>
      </c>
      <c r="AM3621" s="53">
        <v>-4647910.3599999901</v>
      </c>
      <c r="AN3621" s="53">
        <v>-40387473.530000001</v>
      </c>
      <c r="AO3621" s="53">
        <v>-4390621.54</v>
      </c>
      <c r="AP3621" s="53">
        <v>-3696168.5399999898</v>
      </c>
      <c r="AQ3621" s="53">
        <v>-3535796.98</v>
      </c>
      <c r="AR3621" s="53">
        <v>-2379921.96999999</v>
      </c>
      <c r="AS3621" s="53">
        <v>-3735262.3999999901</v>
      </c>
      <c r="AT3621" s="53">
        <v>-4022527.57</v>
      </c>
      <c r="AU3621" s="53">
        <v>-3041052.57</v>
      </c>
      <c r="AV3621" s="53">
        <v>-2881264.5699999901</v>
      </c>
      <c r="AW3621" s="53">
        <v>-2646040.23</v>
      </c>
      <c r="AX3621" s="53">
        <v>-2644422.67</v>
      </c>
      <c r="AY3621" s="53">
        <v>-3065965.94</v>
      </c>
      <c r="AZ3621" s="53">
        <v>-4345653.6500000004</v>
      </c>
      <c r="BA3621" s="53">
        <v>-40384698.629999898</v>
      </c>
      <c r="BB3621" s="53">
        <v>-4356287.4000000004</v>
      </c>
      <c r="BC3621" s="53">
        <v>-3562652.82</v>
      </c>
      <c r="BD3621" s="53">
        <v>-3418987</v>
      </c>
      <c r="BE3621" s="53">
        <v>-2627414.4300000002</v>
      </c>
      <c r="BF3621" s="53">
        <v>-2605299.6</v>
      </c>
      <c r="BG3621" s="53">
        <v>-2770695.12</v>
      </c>
      <c r="BH3621" s="53">
        <v>-2424136.56</v>
      </c>
      <c r="BI3621" s="53">
        <v>-2686188.02</v>
      </c>
      <c r="BJ3621" s="53">
        <v>-2714288.51</v>
      </c>
      <c r="BK3621" s="53">
        <v>-2389000.46</v>
      </c>
      <c r="BL3621" s="53">
        <v>-2955607.78</v>
      </c>
      <c r="BM3621" s="53">
        <v>-4348307.33</v>
      </c>
      <c r="BN3621" s="53">
        <v>-36858865.030000001</v>
      </c>
      <c r="BO3621" s="53">
        <v>-4190324.37</v>
      </c>
      <c r="BP3621" s="53">
        <v>-3861766.5</v>
      </c>
      <c r="BQ3621" s="53">
        <v>-3510986.22</v>
      </c>
      <c r="BR3621" s="53">
        <v>-2187418.92</v>
      </c>
      <c r="BS3621" s="53">
        <v>-2463125.96</v>
      </c>
      <c r="BT3621" s="53">
        <v>-2625186.5299999998</v>
      </c>
      <c r="BU3621" s="53">
        <v>-2537434.6599999899</v>
      </c>
      <c r="BV3621" s="53">
        <v>-2917305.7</v>
      </c>
      <c r="BW3621" s="53">
        <v>-2805057.84</v>
      </c>
      <c r="BX3621" s="53">
        <v>-2056321.21999999</v>
      </c>
      <c r="BY3621" s="53">
        <v>-1113091.3700000001</v>
      </c>
      <c r="BZ3621" s="53">
        <v>-1625862.3899999899</v>
      </c>
      <c r="CA3621" s="53">
        <v>-31893881.68</v>
      </c>
      <c r="CB3621" s="53"/>
      <c r="CC3621" s="53"/>
      <c r="CD3621" s="53"/>
      <c r="CE3621" s="53"/>
      <c r="CF3621" s="53"/>
      <c r="CG3621" s="53"/>
      <c r="CH3621" s="53"/>
      <c r="CI3621" s="53"/>
      <c r="CJ3621" s="53"/>
      <c r="CK3621" s="53"/>
      <c r="CL3621" s="53"/>
      <c r="CM3621" s="53"/>
      <c r="CN3621" s="53"/>
    </row>
    <row r="3622" spans="1:92">
      <c r="A3622" s="52" t="s">
        <v>772</v>
      </c>
      <c r="B3622" s="53"/>
      <c r="C3622" s="53"/>
      <c r="D3622" s="53"/>
      <c r="E3622" s="53"/>
      <c r="F3622" s="53"/>
      <c r="G3622" s="53"/>
      <c r="H3622" s="53"/>
      <c r="I3622" s="53"/>
      <c r="J3622" s="53"/>
      <c r="K3622" s="53"/>
      <c r="L3622" s="53"/>
      <c r="M3622" s="53"/>
      <c r="N3622" s="53"/>
      <c r="O3622" s="53"/>
      <c r="P3622" s="53"/>
      <c r="Q3622" s="53"/>
      <c r="R3622" s="53"/>
      <c r="S3622" s="53"/>
      <c r="T3622" s="53"/>
      <c r="U3622" s="53"/>
      <c r="V3622" s="53"/>
      <c r="W3622" s="53"/>
      <c r="X3622" s="53"/>
      <c r="Y3622" s="53"/>
      <c r="Z3622" s="53"/>
      <c r="AA3622" s="53"/>
      <c r="AB3622" s="53"/>
      <c r="AC3622" s="53"/>
      <c r="AD3622" s="53"/>
      <c r="AE3622" s="53"/>
      <c r="AF3622" s="53"/>
      <c r="AG3622" s="53"/>
      <c r="AH3622" s="53"/>
      <c r="AI3622" s="53"/>
      <c r="AJ3622" s="53"/>
      <c r="AK3622" s="53"/>
      <c r="AL3622" s="53"/>
      <c r="AM3622" s="53"/>
      <c r="AN3622" s="53"/>
      <c r="AO3622" s="53"/>
      <c r="AP3622" s="53"/>
      <c r="AQ3622" s="53"/>
      <c r="AR3622" s="53"/>
      <c r="AS3622" s="53"/>
      <c r="AT3622" s="53"/>
      <c r="AU3622" s="53"/>
      <c r="AV3622" s="53"/>
      <c r="AW3622" s="53"/>
      <c r="AX3622" s="53"/>
      <c r="AY3622" s="53"/>
      <c r="AZ3622" s="53"/>
      <c r="BA3622" s="53"/>
      <c r="BB3622" s="53"/>
      <c r="BC3622" s="53"/>
      <c r="BD3622" s="53"/>
      <c r="BE3622" s="53"/>
      <c r="BF3622" s="53"/>
      <c r="BG3622" s="53"/>
      <c r="BH3622" s="53"/>
      <c r="BI3622" s="53"/>
      <c r="BJ3622" s="53"/>
      <c r="BK3622" s="53"/>
      <c r="BL3622" s="53"/>
      <c r="BM3622" s="53"/>
      <c r="BN3622" s="53"/>
      <c r="BO3622" s="53"/>
      <c r="BP3622" s="53"/>
      <c r="BQ3622" s="53"/>
      <c r="BR3622" s="53"/>
      <c r="BS3622" s="53"/>
      <c r="BT3622" s="53"/>
      <c r="BU3622" s="53"/>
      <c r="BV3622" s="53"/>
      <c r="BW3622" s="53"/>
      <c r="BX3622" s="53"/>
      <c r="BY3622" s="53"/>
      <c r="BZ3622" s="53"/>
      <c r="CA3622" s="53"/>
      <c r="CB3622" s="53">
        <v>1907733.58333333</v>
      </c>
      <c r="CC3622" s="53">
        <v>1907733.58333333</v>
      </c>
      <c r="CD3622" s="53">
        <v>1907733.58333333</v>
      </c>
      <c r="CE3622" s="53">
        <v>1907733.58333333</v>
      </c>
      <c r="CF3622" s="53">
        <v>1907733.58333333</v>
      </c>
      <c r="CG3622" s="53">
        <v>1907733.58333333</v>
      </c>
      <c r="CH3622" s="53">
        <v>1907733.58333333</v>
      </c>
      <c r="CI3622" s="53">
        <v>1907733.58333333</v>
      </c>
      <c r="CJ3622" s="53">
        <v>1907733.58333333</v>
      </c>
      <c r="CK3622" s="53">
        <v>1907733.58333333</v>
      </c>
      <c r="CL3622" s="53">
        <v>1907733.58333333</v>
      </c>
      <c r="CM3622" s="53">
        <v>1907733.58333333</v>
      </c>
      <c r="CN3622" s="53">
        <v>22892803</v>
      </c>
    </row>
    <row r="3623" spans="1:92">
      <c r="A3623" s="52" t="s">
        <v>1249</v>
      </c>
      <c r="B3623" s="53">
        <v>-106318449.72999901</v>
      </c>
      <c r="C3623" s="53">
        <v>-100794760.3</v>
      </c>
      <c r="D3623" s="53">
        <v>-127940463.469999</v>
      </c>
      <c r="E3623" s="53">
        <v>-102737561</v>
      </c>
      <c r="F3623" s="53">
        <v>-165531098.33000001</v>
      </c>
      <c r="G3623" s="53">
        <v>-188818153.13</v>
      </c>
      <c r="H3623" s="53">
        <v>-245991165.06</v>
      </c>
      <c r="I3623" s="53">
        <v>-244053514.19999999</v>
      </c>
      <c r="J3623" s="53">
        <v>-221759871.77000001</v>
      </c>
      <c r="K3623" s="53">
        <v>-205629827.78999999</v>
      </c>
      <c r="L3623" s="53">
        <v>-149868013.94999999</v>
      </c>
      <c r="M3623" s="53">
        <v>-173142034.31</v>
      </c>
      <c r="N3623" s="53">
        <v>-2032584913.04</v>
      </c>
      <c r="O3623" s="53">
        <v>-170256544.28999999</v>
      </c>
      <c r="P3623" s="53">
        <v>-152994064.80000001</v>
      </c>
      <c r="Q3623" s="53">
        <v>-144113365.46000001</v>
      </c>
      <c r="R3623" s="53">
        <v>-128691680.13</v>
      </c>
      <c r="S3623" s="53">
        <v>-139762662.09</v>
      </c>
      <c r="T3623" s="53">
        <v>-151151211.72999999</v>
      </c>
      <c r="U3623" s="53">
        <v>-163390006.09</v>
      </c>
      <c r="V3623" s="53">
        <v>-159137751.93000001</v>
      </c>
      <c r="W3623" s="53">
        <v>-148151117.47999999</v>
      </c>
      <c r="X3623" s="53">
        <v>-135366420.88</v>
      </c>
      <c r="Y3623" s="53">
        <v>-122532544.019999</v>
      </c>
      <c r="Z3623" s="53">
        <v>-141364511.03</v>
      </c>
      <c r="AA3623" s="53">
        <v>-1756911879.9300001</v>
      </c>
      <c r="AB3623" s="53">
        <v>-145243330.71999899</v>
      </c>
      <c r="AC3623" s="53">
        <v>-131565532.47999901</v>
      </c>
      <c r="AD3623" s="53">
        <v>-125545250.39999899</v>
      </c>
      <c r="AE3623" s="53">
        <v>-107376927.11999901</v>
      </c>
      <c r="AF3623" s="53">
        <v>-116035234.78999899</v>
      </c>
      <c r="AG3623" s="53">
        <v>-131086793.279999</v>
      </c>
      <c r="AH3623" s="53">
        <v>-138610982.09</v>
      </c>
      <c r="AI3623" s="53">
        <v>-136039846.30000001</v>
      </c>
      <c r="AJ3623" s="53">
        <v>-133505884.06999999</v>
      </c>
      <c r="AK3623" s="53">
        <v>-121750731.81999999</v>
      </c>
      <c r="AL3623" s="53">
        <v>-109429431.84999999</v>
      </c>
      <c r="AM3623" s="53">
        <v>-127332792.81</v>
      </c>
      <c r="AN3623" s="53">
        <v>-1523522737.73</v>
      </c>
      <c r="AO3623" s="53">
        <v>-128410282.59999999</v>
      </c>
      <c r="AP3623" s="53">
        <v>-111936288.529999</v>
      </c>
      <c r="AQ3623" s="53">
        <v>-109343936.27</v>
      </c>
      <c r="AR3623" s="53">
        <v>-106153748.73</v>
      </c>
      <c r="AS3623" s="53">
        <v>-122746868.36</v>
      </c>
      <c r="AT3623" s="53">
        <v>-130665780.91</v>
      </c>
      <c r="AU3623" s="53">
        <v>-137968389.66999999</v>
      </c>
      <c r="AV3623" s="53">
        <v>-133672513.31</v>
      </c>
      <c r="AW3623" s="53">
        <v>-129613280.02</v>
      </c>
      <c r="AX3623" s="53">
        <v>-115433683.19</v>
      </c>
      <c r="AY3623" s="53">
        <v>-106979295.79000001</v>
      </c>
      <c r="AZ3623" s="53">
        <v>-124542360.67999899</v>
      </c>
      <c r="BA3623" s="53">
        <v>-1457466428.0599999</v>
      </c>
      <c r="BB3623" s="53">
        <v>-124667569.92</v>
      </c>
      <c r="BC3623" s="53">
        <v>-110298947.2</v>
      </c>
      <c r="BD3623" s="53">
        <v>-110241516.25</v>
      </c>
      <c r="BE3623" s="53">
        <v>-103431159.14999899</v>
      </c>
      <c r="BF3623" s="53">
        <v>-118639841.22</v>
      </c>
      <c r="BG3623" s="53">
        <v>-127349680.749999</v>
      </c>
      <c r="BH3623" s="53">
        <v>-134189338.11</v>
      </c>
      <c r="BI3623" s="53">
        <v>-131504854.22</v>
      </c>
      <c r="BJ3623" s="53">
        <v>-127738638.95</v>
      </c>
      <c r="BK3623" s="53">
        <v>-109139694.69</v>
      </c>
      <c r="BL3623" s="53">
        <v>-103570454.669999</v>
      </c>
      <c r="BM3623" s="53">
        <v>-120415089.45</v>
      </c>
      <c r="BN3623" s="53">
        <v>-1421186784.5799999</v>
      </c>
      <c r="BO3623" s="53">
        <v>-121357488.189999</v>
      </c>
      <c r="BP3623" s="53">
        <v>-106517265.29000001</v>
      </c>
      <c r="BQ3623" s="53">
        <v>-103255198.59</v>
      </c>
      <c r="BR3623" s="53">
        <v>-101450018.38</v>
      </c>
      <c r="BS3623" s="53">
        <v>-111594269.02</v>
      </c>
      <c r="BT3623" s="53">
        <v>-120582515.699999</v>
      </c>
      <c r="BU3623" s="53">
        <v>-128943973.16</v>
      </c>
      <c r="BV3623" s="53">
        <v>-127428889.34999999</v>
      </c>
      <c r="BW3623" s="53">
        <v>-122933468.55</v>
      </c>
      <c r="BX3623" s="53">
        <v>-109816579.059999</v>
      </c>
      <c r="BY3623" s="53">
        <v>-103137945.63</v>
      </c>
      <c r="BZ3623" s="53">
        <v>-117883663.52</v>
      </c>
      <c r="CA3623" s="53">
        <v>-1374901274.43999</v>
      </c>
      <c r="CB3623" s="53"/>
      <c r="CC3623" s="53"/>
      <c r="CD3623" s="53"/>
      <c r="CE3623" s="53"/>
      <c r="CF3623" s="53"/>
      <c r="CG3623" s="53"/>
      <c r="CH3623" s="53"/>
      <c r="CI3623" s="53"/>
      <c r="CJ3623" s="53"/>
      <c r="CK3623" s="53"/>
      <c r="CL3623" s="53"/>
      <c r="CM3623" s="53"/>
      <c r="CN3623" s="53"/>
    </row>
    <row r="3624" spans="1:92">
      <c r="A3624" s="52" t="s">
        <v>709</v>
      </c>
      <c r="B3624" s="53"/>
      <c r="C3624" s="53"/>
      <c r="D3624" s="53"/>
      <c r="E3624" s="53"/>
      <c r="F3624" s="53"/>
      <c r="G3624" s="53"/>
      <c r="H3624" s="53"/>
      <c r="I3624" s="53"/>
      <c r="J3624" s="53"/>
      <c r="K3624" s="53"/>
      <c r="L3624" s="53"/>
      <c r="M3624" s="53"/>
      <c r="N3624" s="53"/>
      <c r="O3624" s="53"/>
      <c r="P3624" s="53"/>
      <c r="Q3624" s="53"/>
      <c r="R3624" s="53"/>
      <c r="S3624" s="53"/>
      <c r="T3624" s="53"/>
      <c r="U3624" s="53"/>
      <c r="V3624" s="53"/>
      <c r="W3624" s="53"/>
      <c r="X3624" s="53"/>
      <c r="Y3624" s="53"/>
      <c r="Z3624" s="53"/>
      <c r="AA3624" s="53"/>
      <c r="AB3624" s="53"/>
      <c r="AC3624" s="53"/>
      <c r="AD3624" s="53"/>
      <c r="AE3624" s="53"/>
      <c r="AF3624" s="53"/>
      <c r="AG3624" s="53"/>
      <c r="AH3624" s="53"/>
      <c r="AI3624" s="53"/>
      <c r="AJ3624" s="53"/>
      <c r="AK3624" s="53"/>
      <c r="AL3624" s="53"/>
      <c r="AM3624" s="53"/>
      <c r="AN3624" s="53"/>
      <c r="AO3624" s="53"/>
      <c r="AP3624" s="53"/>
      <c r="AQ3624" s="53"/>
      <c r="AR3624" s="53"/>
      <c r="AS3624" s="53"/>
      <c r="AT3624" s="53"/>
      <c r="AU3624" s="53"/>
      <c r="AV3624" s="53"/>
      <c r="AW3624" s="53"/>
      <c r="AX3624" s="53"/>
      <c r="AY3624" s="53"/>
      <c r="AZ3624" s="53"/>
      <c r="BA3624" s="53"/>
      <c r="BB3624" s="53"/>
      <c r="BC3624" s="53"/>
      <c r="BD3624" s="53"/>
      <c r="BE3624" s="53"/>
      <c r="BF3624" s="53"/>
      <c r="BG3624" s="53"/>
      <c r="BH3624" s="53"/>
      <c r="BI3624" s="53"/>
      <c r="BJ3624" s="53"/>
      <c r="BK3624" s="53"/>
      <c r="BL3624" s="53"/>
      <c r="BM3624" s="53"/>
      <c r="BN3624" s="53"/>
      <c r="BO3624" s="53"/>
      <c r="BP3624" s="53"/>
      <c r="BQ3624" s="53"/>
      <c r="BR3624" s="53"/>
      <c r="BS3624" s="53"/>
      <c r="BT3624" s="53"/>
      <c r="BU3624" s="53"/>
      <c r="BV3624" s="53"/>
      <c r="BW3624" s="53"/>
      <c r="BX3624" s="53"/>
      <c r="BY3624" s="53"/>
      <c r="BZ3624" s="53"/>
      <c r="CA3624" s="53"/>
      <c r="CB3624" s="53"/>
      <c r="CC3624" s="53"/>
      <c r="CD3624" s="53"/>
      <c r="CE3624" s="53"/>
      <c r="CF3624" s="53"/>
      <c r="CG3624" s="53"/>
      <c r="CH3624" s="53"/>
      <c r="CI3624" s="53"/>
      <c r="CJ3624" s="53"/>
      <c r="CK3624" s="53"/>
      <c r="CL3624" s="53"/>
      <c r="CM3624" s="53"/>
      <c r="CN3624" s="53"/>
    </row>
    <row r="3625" spans="1:92">
      <c r="A3625" s="52" t="s">
        <v>1667</v>
      </c>
      <c r="B3625" s="53"/>
      <c r="C3625" s="53"/>
      <c r="D3625" s="53"/>
      <c r="E3625" s="53"/>
      <c r="F3625" s="53"/>
      <c r="G3625" s="53"/>
      <c r="H3625" s="53"/>
      <c r="I3625" s="53"/>
      <c r="J3625" s="53"/>
      <c r="K3625" s="53"/>
      <c r="L3625" s="53"/>
      <c r="M3625" s="53"/>
      <c r="N3625" s="53"/>
      <c r="O3625" s="53"/>
      <c r="P3625" s="53"/>
      <c r="Q3625" s="53"/>
      <c r="R3625" s="53"/>
      <c r="S3625" s="53"/>
      <c r="T3625" s="53"/>
      <c r="U3625" s="53"/>
      <c r="V3625" s="53"/>
      <c r="W3625" s="53"/>
      <c r="X3625" s="53"/>
      <c r="Y3625" s="53"/>
      <c r="Z3625" s="53"/>
      <c r="AA3625" s="53"/>
      <c r="AB3625" s="53"/>
      <c r="AC3625" s="53"/>
      <c r="AD3625" s="53"/>
      <c r="AE3625" s="53"/>
      <c r="AF3625" s="53"/>
      <c r="AG3625" s="53"/>
      <c r="AH3625" s="53"/>
      <c r="AI3625" s="53"/>
      <c r="AJ3625" s="53"/>
      <c r="AK3625" s="53"/>
      <c r="AL3625" s="53"/>
      <c r="AM3625" s="53"/>
      <c r="AN3625" s="53"/>
      <c r="AO3625" s="53"/>
      <c r="AP3625" s="53"/>
      <c r="AQ3625" s="53"/>
      <c r="AR3625" s="53"/>
      <c r="AS3625" s="53"/>
      <c r="AT3625" s="53"/>
      <c r="AU3625" s="53"/>
      <c r="AV3625" s="53"/>
      <c r="AW3625" s="53"/>
      <c r="AX3625" s="53"/>
      <c r="AY3625" s="53"/>
      <c r="AZ3625" s="53"/>
      <c r="BA3625" s="53"/>
      <c r="BB3625" s="53"/>
      <c r="BC3625" s="53"/>
      <c r="BD3625" s="53"/>
      <c r="BE3625" s="53"/>
      <c r="BF3625" s="53"/>
      <c r="BG3625" s="53"/>
      <c r="BH3625" s="53"/>
      <c r="BI3625" s="53"/>
      <c r="BJ3625" s="53"/>
      <c r="BK3625" s="53"/>
      <c r="BL3625" s="53"/>
      <c r="BM3625" s="53"/>
      <c r="BN3625" s="53"/>
      <c r="BO3625" s="53"/>
      <c r="BP3625" s="53"/>
      <c r="BQ3625" s="53"/>
      <c r="BR3625" s="53"/>
      <c r="BS3625" s="53"/>
      <c r="BT3625" s="53"/>
      <c r="BU3625" s="53"/>
      <c r="BV3625" s="53"/>
      <c r="BW3625" s="53"/>
      <c r="BX3625" s="53"/>
      <c r="BY3625" s="53"/>
      <c r="BZ3625" s="53"/>
      <c r="CA3625" s="53"/>
      <c r="CB3625" s="53"/>
      <c r="CC3625" s="53"/>
      <c r="CD3625" s="53"/>
      <c r="CE3625" s="53"/>
      <c r="CF3625" s="53"/>
      <c r="CG3625" s="53"/>
      <c r="CH3625" s="53"/>
      <c r="CI3625" s="53"/>
      <c r="CJ3625" s="53"/>
      <c r="CK3625" s="53"/>
      <c r="CL3625" s="53"/>
      <c r="CM3625" s="53"/>
      <c r="CN3625" s="53"/>
    </row>
    <row r="3626" spans="1:92">
      <c r="A3626" s="52" t="s">
        <v>1565</v>
      </c>
      <c r="B3626" s="53"/>
      <c r="C3626" s="53"/>
      <c r="D3626" s="53"/>
      <c r="E3626" s="53"/>
      <c r="F3626" s="53"/>
      <c r="G3626" s="53"/>
      <c r="H3626" s="53"/>
      <c r="I3626" s="53"/>
      <c r="J3626" s="53"/>
      <c r="K3626" s="53"/>
      <c r="L3626" s="53">
        <v>-4213250</v>
      </c>
      <c r="M3626" s="53"/>
      <c r="N3626" s="53">
        <v>-4213250</v>
      </c>
      <c r="O3626" s="53"/>
      <c r="P3626" s="53"/>
      <c r="Q3626" s="53"/>
      <c r="R3626" s="53"/>
      <c r="S3626" s="53"/>
      <c r="T3626" s="53"/>
      <c r="U3626" s="53"/>
      <c r="V3626" s="53"/>
      <c r="W3626" s="53"/>
      <c r="X3626" s="53"/>
      <c r="Y3626" s="53"/>
      <c r="Z3626" s="53"/>
      <c r="AA3626" s="53"/>
      <c r="AB3626" s="53"/>
      <c r="AC3626" s="53"/>
      <c r="AD3626" s="53"/>
      <c r="AE3626" s="53"/>
      <c r="AF3626" s="53"/>
      <c r="AG3626" s="53"/>
      <c r="AH3626" s="53"/>
      <c r="AI3626" s="53"/>
      <c r="AJ3626" s="53"/>
      <c r="AK3626" s="53"/>
      <c r="AL3626" s="53"/>
      <c r="AM3626" s="53"/>
      <c r="AN3626" s="53"/>
      <c r="AO3626" s="53"/>
      <c r="AP3626" s="53"/>
      <c r="AQ3626" s="53"/>
      <c r="AR3626" s="53"/>
      <c r="AS3626" s="53"/>
      <c r="AT3626" s="53"/>
      <c r="AU3626" s="53"/>
      <c r="AV3626" s="53"/>
      <c r="AW3626" s="53"/>
      <c r="AX3626" s="53"/>
      <c r="AY3626" s="53"/>
      <c r="AZ3626" s="53"/>
      <c r="BA3626" s="53"/>
      <c r="BB3626" s="53"/>
      <c r="BC3626" s="53"/>
      <c r="BD3626" s="53"/>
      <c r="BE3626" s="53"/>
      <c r="BF3626" s="53"/>
      <c r="BG3626" s="53"/>
      <c r="BH3626" s="53"/>
      <c r="BI3626" s="53"/>
      <c r="BJ3626" s="53"/>
      <c r="BK3626" s="53"/>
      <c r="BL3626" s="53"/>
      <c r="BM3626" s="53"/>
      <c r="BN3626" s="53"/>
      <c r="BO3626" s="53"/>
      <c r="BP3626" s="53"/>
      <c r="BQ3626" s="53"/>
      <c r="BR3626" s="53"/>
      <c r="BS3626" s="53"/>
      <c r="BT3626" s="53"/>
      <c r="BU3626" s="53"/>
      <c r="BV3626" s="53"/>
      <c r="BW3626" s="53"/>
      <c r="BX3626" s="53"/>
      <c r="BY3626" s="53"/>
      <c r="BZ3626" s="53"/>
      <c r="CA3626" s="53"/>
      <c r="CB3626" s="53"/>
      <c r="CC3626" s="53"/>
      <c r="CD3626" s="53"/>
      <c r="CE3626" s="53"/>
      <c r="CF3626" s="53"/>
      <c r="CG3626" s="53"/>
      <c r="CH3626" s="53"/>
      <c r="CI3626" s="53"/>
      <c r="CJ3626" s="53"/>
      <c r="CK3626" s="53"/>
      <c r="CL3626" s="53"/>
      <c r="CM3626" s="53"/>
      <c r="CN3626" s="53"/>
    </row>
    <row r="3627" spans="1:92" outlineLevel="1">
      <c r="A3627" s="52" t="s">
        <v>1665</v>
      </c>
      <c r="B3627" s="53"/>
      <c r="C3627" s="53"/>
      <c r="D3627" s="53"/>
      <c r="E3627" s="53"/>
      <c r="F3627" s="53"/>
      <c r="G3627" s="53"/>
      <c r="H3627" s="53"/>
      <c r="I3627" s="53"/>
      <c r="J3627" s="53"/>
      <c r="K3627" s="53"/>
      <c r="L3627" s="53"/>
      <c r="M3627" s="53"/>
      <c r="N3627" s="53"/>
      <c r="O3627" s="53"/>
      <c r="P3627" s="53"/>
      <c r="Q3627" s="53"/>
      <c r="R3627" s="53"/>
      <c r="S3627" s="53"/>
      <c r="T3627" s="53"/>
      <c r="U3627" s="53"/>
      <c r="V3627" s="53"/>
      <c r="W3627" s="53"/>
      <c r="X3627" s="53"/>
      <c r="Y3627" s="53"/>
      <c r="Z3627" s="53"/>
      <c r="AA3627" s="53"/>
      <c r="AB3627" s="53"/>
      <c r="AC3627" s="53"/>
      <c r="AD3627" s="53"/>
      <c r="AE3627" s="53"/>
      <c r="AF3627" s="53"/>
      <c r="AG3627" s="53"/>
      <c r="AH3627" s="53"/>
      <c r="AI3627" s="53"/>
      <c r="AJ3627" s="53"/>
      <c r="AK3627" s="53"/>
      <c r="AL3627" s="53"/>
      <c r="AM3627" s="53"/>
      <c r="AN3627" s="53"/>
      <c r="AO3627" s="53"/>
      <c r="AP3627" s="53"/>
      <c r="AQ3627" s="53"/>
      <c r="AR3627" s="53"/>
      <c r="AS3627" s="53"/>
      <c r="AT3627" s="53"/>
      <c r="AU3627" s="53"/>
      <c r="AV3627" s="53"/>
      <c r="AW3627" s="53"/>
      <c r="AX3627" s="53"/>
      <c r="AY3627" s="53"/>
      <c r="AZ3627" s="53"/>
      <c r="BA3627" s="53"/>
      <c r="BB3627" s="53"/>
      <c r="BC3627" s="53"/>
      <c r="BD3627" s="53"/>
      <c r="BE3627" s="53"/>
      <c r="BF3627" s="53"/>
      <c r="BG3627" s="53"/>
      <c r="BH3627" s="53"/>
      <c r="BI3627" s="53"/>
      <c r="BJ3627" s="53"/>
      <c r="BK3627" s="53"/>
      <c r="BL3627" s="53"/>
      <c r="BM3627" s="53"/>
      <c r="BN3627" s="53"/>
      <c r="BO3627" s="53"/>
      <c r="BP3627" s="53"/>
      <c r="BQ3627" s="53"/>
      <c r="BR3627" s="53"/>
      <c r="BS3627" s="53"/>
      <c r="BT3627" s="53"/>
      <c r="BU3627" s="53"/>
      <c r="BV3627" s="53"/>
      <c r="BW3627" s="53"/>
      <c r="BX3627" s="53"/>
      <c r="BY3627" s="53"/>
      <c r="BZ3627" s="53"/>
      <c r="CA3627" s="53"/>
      <c r="CB3627" s="53"/>
      <c r="CC3627" s="53"/>
      <c r="CD3627" s="53"/>
      <c r="CE3627" s="53"/>
      <c r="CF3627" s="53"/>
      <c r="CG3627" s="53"/>
      <c r="CH3627" s="53"/>
      <c r="CI3627" s="53"/>
      <c r="CJ3627" s="53"/>
      <c r="CK3627" s="53"/>
      <c r="CL3627" s="53"/>
      <c r="CM3627" s="53"/>
      <c r="CN3627" s="53"/>
    </row>
    <row r="3628" spans="1:92" outlineLevel="1">
      <c r="A3628" s="52" t="s">
        <v>1565</v>
      </c>
      <c r="B3628" s="53"/>
      <c r="C3628" s="53"/>
      <c r="D3628" s="53"/>
      <c r="E3628" s="53"/>
      <c r="F3628" s="53"/>
      <c r="G3628" s="53"/>
      <c r="H3628" s="53"/>
      <c r="I3628" s="53"/>
      <c r="J3628" s="53"/>
      <c r="K3628" s="53"/>
      <c r="L3628" s="53">
        <v>-3190000</v>
      </c>
      <c r="M3628" s="53"/>
      <c r="N3628" s="53">
        <v>-3190000</v>
      </c>
      <c r="O3628" s="53"/>
      <c r="P3628" s="53"/>
      <c r="Q3628" s="53"/>
      <c r="R3628" s="53"/>
      <c r="S3628" s="53"/>
      <c r="T3628" s="53"/>
      <c r="U3628" s="53"/>
      <c r="V3628" s="53"/>
      <c r="W3628" s="53"/>
      <c r="X3628" s="53"/>
      <c r="Y3628" s="53"/>
      <c r="Z3628" s="53"/>
      <c r="AA3628" s="53"/>
      <c r="AB3628" s="53"/>
      <c r="AC3628" s="53"/>
      <c r="AD3628" s="53"/>
      <c r="AE3628" s="53"/>
      <c r="AF3628" s="53"/>
      <c r="AG3628" s="53"/>
      <c r="AH3628" s="53"/>
      <c r="AI3628" s="53"/>
      <c r="AJ3628" s="53"/>
      <c r="AK3628" s="53"/>
      <c r="AL3628" s="53"/>
      <c r="AM3628" s="53"/>
      <c r="AN3628" s="53"/>
      <c r="AO3628" s="53"/>
      <c r="AP3628" s="53"/>
      <c r="AQ3628" s="53"/>
      <c r="AR3628" s="53"/>
      <c r="AS3628" s="53"/>
      <c r="AT3628" s="53"/>
      <c r="AU3628" s="53"/>
      <c r="AV3628" s="53"/>
      <c r="AW3628" s="53"/>
      <c r="AX3628" s="53"/>
      <c r="AY3628" s="53"/>
      <c r="AZ3628" s="53"/>
      <c r="BA3628" s="53"/>
      <c r="BB3628" s="53"/>
      <c r="BC3628" s="53"/>
      <c r="BD3628" s="53"/>
      <c r="BE3628" s="53"/>
      <c r="BF3628" s="53"/>
      <c r="BG3628" s="53"/>
      <c r="BH3628" s="53"/>
      <c r="BI3628" s="53"/>
      <c r="BJ3628" s="53"/>
      <c r="BK3628" s="53"/>
      <c r="BL3628" s="53"/>
      <c r="BM3628" s="53"/>
      <c r="BN3628" s="53"/>
      <c r="BO3628" s="53"/>
      <c r="BP3628" s="53"/>
      <c r="BQ3628" s="53"/>
      <c r="BR3628" s="53"/>
      <c r="BS3628" s="53"/>
      <c r="BT3628" s="53"/>
      <c r="BU3628" s="53"/>
      <c r="BV3628" s="53"/>
      <c r="BW3628" s="53"/>
      <c r="BX3628" s="53"/>
      <c r="BY3628" s="53"/>
      <c r="BZ3628" s="53"/>
      <c r="CA3628" s="53"/>
      <c r="CB3628" s="53">
        <v>248005.36583333299</v>
      </c>
      <c r="CC3628" s="53">
        <v>248005.36583333299</v>
      </c>
      <c r="CD3628" s="53">
        <v>248005.36583333299</v>
      </c>
      <c r="CE3628" s="53">
        <v>248005.36583333299</v>
      </c>
      <c r="CF3628" s="53">
        <v>248005.36583333299</v>
      </c>
      <c r="CG3628" s="53">
        <v>248005.36583333299</v>
      </c>
      <c r="CH3628" s="53">
        <v>248005.36583333299</v>
      </c>
      <c r="CI3628" s="53">
        <v>248005.36583333299</v>
      </c>
      <c r="CJ3628" s="53">
        <v>248005.36583333299</v>
      </c>
      <c r="CK3628" s="53">
        <v>248005.36583333299</v>
      </c>
      <c r="CL3628" s="53">
        <v>248005.36583333299</v>
      </c>
      <c r="CM3628" s="53">
        <v>248005.36583333299</v>
      </c>
      <c r="CN3628" s="53">
        <v>2976064.3899999899</v>
      </c>
    </row>
    <row r="3629" spans="1:92" outlineLevel="1">
      <c r="A3629" s="52" t="s">
        <v>1579</v>
      </c>
      <c r="B3629" s="53"/>
      <c r="C3629" s="53"/>
      <c r="D3629" s="53"/>
      <c r="E3629" s="53"/>
      <c r="F3629" s="53"/>
      <c r="G3629" s="53"/>
      <c r="H3629" s="53"/>
      <c r="I3629" s="53"/>
      <c r="J3629" s="53"/>
      <c r="K3629" s="53"/>
      <c r="L3629" s="53"/>
      <c r="M3629" s="53"/>
      <c r="N3629" s="53"/>
      <c r="O3629" s="53"/>
      <c r="P3629" s="53"/>
      <c r="Q3629" s="53"/>
      <c r="R3629" s="53"/>
      <c r="S3629" s="53"/>
      <c r="T3629" s="53"/>
      <c r="U3629" s="53"/>
      <c r="V3629" s="53"/>
      <c r="W3629" s="53"/>
      <c r="X3629" s="53"/>
      <c r="Y3629" s="53"/>
      <c r="Z3629" s="53"/>
      <c r="AA3629" s="53"/>
      <c r="AB3629" s="53"/>
      <c r="AC3629" s="53"/>
      <c r="AD3629" s="53"/>
      <c r="AE3629" s="53"/>
      <c r="AF3629" s="53"/>
      <c r="AG3629" s="53"/>
      <c r="AH3629" s="53"/>
      <c r="AI3629" s="53"/>
      <c r="AJ3629" s="53"/>
      <c r="AK3629" s="53"/>
      <c r="AL3629" s="53"/>
      <c r="AM3629" s="53"/>
      <c r="AN3629" s="53"/>
      <c r="AO3629" s="53"/>
      <c r="AP3629" s="53"/>
      <c r="AQ3629" s="53"/>
      <c r="AR3629" s="53"/>
      <c r="AS3629" s="53"/>
      <c r="AT3629" s="53"/>
      <c r="AU3629" s="53"/>
      <c r="AV3629" s="53"/>
      <c r="AW3629" s="53"/>
      <c r="AX3629" s="53"/>
      <c r="AY3629" s="53"/>
      <c r="AZ3629" s="53"/>
      <c r="BA3629" s="53"/>
      <c r="BB3629" s="53"/>
      <c r="BC3629" s="53"/>
      <c r="BD3629" s="53"/>
      <c r="BE3629" s="53"/>
      <c r="BF3629" s="53"/>
      <c r="BG3629" s="53"/>
      <c r="BH3629" s="53"/>
      <c r="BI3629" s="53"/>
      <c r="BJ3629" s="53"/>
      <c r="BK3629" s="53"/>
      <c r="BL3629" s="53"/>
      <c r="BM3629" s="53"/>
      <c r="BN3629" s="53"/>
      <c r="BO3629" s="53"/>
      <c r="BP3629" s="53"/>
      <c r="BQ3629" s="53"/>
      <c r="BR3629" s="53"/>
      <c r="BS3629" s="53"/>
      <c r="BT3629" s="53"/>
      <c r="BU3629" s="53"/>
      <c r="BV3629" s="53"/>
      <c r="BW3629" s="53"/>
      <c r="BX3629" s="53"/>
      <c r="BY3629" s="53"/>
      <c r="BZ3629" s="53"/>
      <c r="CA3629" s="53"/>
      <c r="CB3629" s="53"/>
      <c r="CC3629" s="53"/>
      <c r="CD3629" s="53"/>
      <c r="CE3629" s="53"/>
      <c r="CF3629" s="53"/>
      <c r="CG3629" s="53"/>
      <c r="CH3629" s="53"/>
      <c r="CI3629" s="53"/>
      <c r="CJ3629" s="53"/>
      <c r="CK3629" s="53"/>
      <c r="CL3629" s="53"/>
      <c r="CM3629" s="53"/>
      <c r="CN3629" s="53"/>
    </row>
    <row r="3630" spans="1:92" outlineLevel="1">
      <c r="A3630" s="52" t="s">
        <v>711</v>
      </c>
      <c r="B3630" s="53"/>
      <c r="C3630" s="53"/>
      <c r="D3630" s="53"/>
      <c r="E3630" s="53"/>
      <c r="F3630" s="53"/>
      <c r="G3630" s="53"/>
      <c r="H3630" s="53"/>
      <c r="I3630" s="53"/>
      <c r="J3630" s="53"/>
      <c r="K3630" s="53"/>
      <c r="L3630" s="53"/>
      <c r="M3630" s="53"/>
      <c r="N3630" s="53"/>
      <c r="O3630" s="53"/>
      <c r="P3630" s="53"/>
      <c r="Q3630" s="53"/>
      <c r="R3630" s="53"/>
      <c r="S3630" s="53"/>
      <c r="T3630" s="53"/>
      <c r="U3630" s="53"/>
      <c r="V3630" s="53"/>
      <c r="W3630" s="53"/>
      <c r="X3630" s="53"/>
      <c r="Y3630" s="53"/>
      <c r="Z3630" s="53"/>
      <c r="AA3630" s="53"/>
      <c r="AB3630" s="53"/>
      <c r="AC3630" s="53"/>
      <c r="AD3630" s="53"/>
      <c r="AE3630" s="53"/>
      <c r="AF3630" s="53"/>
      <c r="AG3630" s="53"/>
      <c r="AH3630" s="53"/>
      <c r="AI3630" s="53"/>
      <c r="AJ3630" s="53"/>
      <c r="AK3630" s="53"/>
      <c r="AL3630" s="53"/>
      <c r="AM3630" s="53"/>
      <c r="AN3630" s="53"/>
      <c r="AO3630" s="53"/>
      <c r="AP3630" s="53"/>
      <c r="AQ3630" s="53"/>
      <c r="AR3630" s="53"/>
      <c r="AS3630" s="53"/>
      <c r="AT3630" s="53"/>
      <c r="AU3630" s="53"/>
      <c r="AV3630" s="53"/>
      <c r="AW3630" s="53"/>
      <c r="AX3630" s="53"/>
      <c r="AY3630" s="53"/>
      <c r="AZ3630" s="53"/>
      <c r="BA3630" s="53"/>
      <c r="BB3630" s="53"/>
      <c r="BC3630" s="53"/>
      <c r="BD3630" s="53"/>
      <c r="BE3630" s="53"/>
      <c r="BF3630" s="53"/>
      <c r="BG3630" s="53"/>
      <c r="BH3630" s="53"/>
      <c r="BI3630" s="53"/>
      <c r="BJ3630" s="53"/>
      <c r="BK3630" s="53"/>
      <c r="BL3630" s="53"/>
      <c r="BM3630" s="53"/>
      <c r="BN3630" s="53"/>
      <c r="BO3630" s="53"/>
      <c r="BP3630" s="53"/>
      <c r="BQ3630" s="53"/>
      <c r="BR3630" s="53"/>
      <c r="BS3630" s="53"/>
      <c r="BT3630" s="53"/>
      <c r="BU3630" s="53"/>
      <c r="BV3630" s="53"/>
      <c r="BW3630" s="53"/>
      <c r="BX3630" s="53"/>
      <c r="BY3630" s="53"/>
      <c r="BZ3630" s="53"/>
      <c r="CA3630" s="53"/>
      <c r="CB3630" s="53"/>
      <c r="CC3630" s="53"/>
      <c r="CD3630" s="53"/>
      <c r="CE3630" s="53"/>
      <c r="CF3630" s="53"/>
      <c r="CG3630" s="53"/>
      <c r="CH3630" s="53"/>
      <c r="CI3630" s="53"/>
      <c r="CJ3630" s="53"/>
      <c r="CK3630" s="53"/>
      <c r="CL3630" s="53"/>
      <c r="CM3630" s="53"/>
      <c r="CN3630" s="53"/>
    </row>
    <row r="3631" spans="1:92" outlineLevel="1">
      <c r="A3631" s="52" t="s">
        <v>723</v>
      </c>
      <c r="B3631" s="53"/>
      <c r="C3631" s="53"/>
      <c r="D3631" s="53"/>
      <c r="E3631" s="53"/>
      <c r="F3631" s="53"/>
      <c r="G3631" s="53"/>
      <c r="H3631" s="53"/>
      <c r="I3631" s="53"/>
      <c r="J3631" s="53"/>
      <c r="K3631" s="53"/>
      <c r="L3631" s="53"/>
      <c r="M3631" s="53"/>
      <c r="N3631" s="53"/>
      <c r="O3631" s="53"/>
      <c r="P3631" s="53"/>
      <c r="Q3631" s="53"/>
      <c r="R3631" s="53"/>
      <c r="S3631" s="53"/>
      <c r="T3631" s="53"/>
      <c r="U3631" s="53"/>
      <c r="V3631" s="53"/>
      <c r="W3631" s="53"/>
      <c r="X3631" s="53"/>
      <c r="Y3631" s="53"/>
      <c r="Z3631" s="53"/>
      <c r="AA3631" s="53"/>
      <c r="AB3631" s="53"/>
      <c r="AC3631" s="53"/>
      <c r="AD3631" s="53"/>
      <c r="AE3631" s="53"/>
      <c r="AF3631" s="53"/>
      <c r="AG3631" s="53"/>
      <c r="AH3631" s="53"/>
      <c r="AI3631" s="53"/>
      <c r="AJ3631" s="53"/>
      <c r="AK3631" s="53"/>
      <c r="AL3631" s="53"/>
      <c r="AM3631" s="53"/>
      <c r="AN3631" s="53"/>
      <c r="AO3631" s="53"/>
      <c r="AP3631" s="53"/>
      <c r="AQ3631" s="53"/>
      <c r="AR3631" s="53"/>
      <c r="AS3631" s="53"/>
      <c r="AT3631" s="53"/>
      <c r="AU3631" s="53"/>
      <c r="AV3631" s="53"/>
      <c r="AW3631" s="53"/>
      <c r="AX3631" s="53"/>
      <c r="AY3631" s="53"/>
      <c r="AZ3631" s="53"/>
      <c r="BA3631" s="53"/>
      <c r="BB3631" s="53"/>
      <c r="BC3631" s="53"/>
      <c r="BD3631" s="53"/>
      <c r="BE3631" s="53"/>
      <c r="BF3631" s="53"/>
      <c r="BG3631" s="53"/>
      <c r="BH3631" s="53"/>
      <c r="BI3631" s="53"/>
      <c r="BJ3631" s="53"/>
      <c r="BK3631" s="53"/>
      <c r="BL3631" s="53"/>
      <c r="BM3631" s="53"/>
      <c r="BN3631" s="53"/>
      <c r="BO3631" s="53">
        <v>-650000000</v>
      </c>
      <c r="BP3631" s="53"/>
      <c r="BQ3631" s="53"/>
      <c r="BR3631" s="53"/>
      <c r="BS3631" s="53"/>
      <c r="BT3631" s="53"/>
      <c r="BU3631" s="53"/>
      <c r="BV3631" s="53"/>
      <c r="BW3631" s="53"/>
      <c r="BX3631" s="53"/>
      <c r="BY3631" s="53"/>
      <c r="BZ3631" s="53"/>
      <c r="CA3631" s="53">
        <v>-650000000</v>
      </c>
      <c r="CB3631" s="53"/>
      <c r="CC3631" s="53"/>
      <c r="CD3631" s="53"/>
      <c r="CE3631" s="53"/>
      <c r="CF3631" s="53"/>
      <c r="CG3631" s="53"/>
      <c r="CH3631" s="53"/>
      <c r="CI3631" s="53"/>
      <c r="CJ3631" s="53"/>
      <c r="CK3631" s="53"/>
      <c r="CL3631" s="53"/>
      <c r="CM3631" s="53"/>
      <c r="CN3631" s="53"/>
    </row>
    <row r="3632" spans="1:92" outlineLevel="1">
      <c r="A3632" s="52" t="s">
        <v>725</v>
      </c>
      <c r="B3632" s="53"/>
      <c r="C3632" s="53"/>
      <c r="D3632" s="53"/>
      <c r="E3632" s="53"/>
      <c r="F3632" s="53"/>
      <c r="G3632" s="53"/>
      <c r="H3632" s="53"/>
      <c r="I3632" s="53"/>
      <c r="J3632" s="53"/>
      <c r="K3632" s="53"/>
      <c r="L3632" s="53"/>
      <c r="M3632" s="53"/>
      <c r="N3632" s="53"/>
      <c r="O3632" s="53"/>
      <c r="P3632" s="53"/>
      <c r="Q3632" s="53"/>
      <c r="R3632" s="53"/>
      <c r="S3632" s="53"/>
      <c r="T3632" s="53"/>
      <c r="U3632" s="53"/>
      <c r="V3632" s="53"/>
      <c r="W3632" s="53"/>
      <c r="X3632" s="53"/>
      <c r="Y3632" s="53"/>
      <c r="Z3632" s="53"/>
      <c r="AA3632" s="53"/>
      <c r="AB3632" s="53"/>
      <c r="AC3632" s="53"/>
      <c r="AD3632" s="53"/>
      <c r="AE3632" s="53"/>
      <c r="AF3632" s="53"/>
      <c r="AG3632" s="53"/>
      <c r="AH3632" s="53"/>
      <c r="AI3632" s="53"/>
      <c r="AJ3632" s="53"/>
      <c r="AK3632" s="53"/>
      <c r="AL3632" s="53"/>
      <c r="AM3632" s="53"/>
      <c r="AN3632" s="53"/>
      <c r="AO3632" s="53"/>
      <c r="AP3632" s="53"/>
      <c r="AQ3632" s="53"/>
      <c r="AR3632" s="53"/>
      <c r="AS3632" s="53"/>
      <c r="AT3632" s="53"/>
      <c r="AU3632" s="53"/>
      <c r="AV3632" s="53"/>
      <c r="AW3632" s="53"/>
      <c r="AX3632" s="53"/>
      <c r="AY3632" s="53"/>
      <c r="AZ3632" s="53"/>
      <c r="BA3632" s="53"/>
      <c r="BB3632" s="53"/>
      <c r="BC3632" s="53"/>
      <c r="BD3632" s="53"/>
      <c r="BE3632" s="53"/>
      <c r="BF3632" s="53"/>
      <c r="BG3632" s="53"/>
      <c r="BH3632" s="53"/>
      <c r="BI3632" s="53"/>
      <c r="BJ3632" s="53"/>
      <c r="BK3632" s="53"/>
      <c r="BL3632" s="53"/>
      <c r="BM3632" s="53"/>
      <c r="BN3632" s="53"/>
      <c r="BO3632" s="53"/>
      <c r="BP3632" s="53"/>
      <c r="BQ3632" s="53"/>
      <c r="BR3632" s="53"/>
      <c r="BS3632" s="53"/>
      <c r="BT3632" s="53"/>
      <c r="BU3632" s="53"/>
      <c r="BV3632" s="53"/>
      <c r="BW3632" s="53"/>
      <c r="BX3632" s="53"/>
      <c r="BY3632" s="53"/>
      <c r="BZ3632" s="53"/>
      <c r="CA3632" s="53"/>
      <c r="CB3632" s="53"/>
      <c r="CC3632" s="53"/>
      <c r="CD3632" s="53"/>
      <c r="CE3632" s="53"/>
      <c r="CF3632" s="53"/>
      <c r="CG3632" s="53"/>
      <c r="CH3632" s="53"/>
      <c r="CI3632" s="53"/>
      <c r="CJ3632" s="53"/>
      <c r="CK3632" s="53"/>
      <c r="CL3632" s="53"/>
      <c r="CM3632" s="53"/>
      <c r="CN3632" s="53"/>
    </row>
    <row r="3633" spans="1:92" outlineLevel="1">
      <c r="A3633" s="52" t="s">
        <v>1564</v>
      </c>
      <c r="B3633" s="53"/>
      <c r="C3633" s="53"/>
      <c r="D3633" s="53"/>
      <c r="E3633" s="53"/>
      <c r="F3633" s="53"/>
      <c r="G3633" s="53"/>
      <c r="H3633" s="53"/>
      <c r="I3633" s="53"/>
      <c r="J3633" s="53"/>
      <c r="K3633" s="53"/>
      <c r="L3633" s="53"/>
      <c r="M3633" s="53"/>
      <c r="N3633" s="53"/>
      <c r="O3633" s="53"/>
      <c r="P3633" s="53"/>
      <c r="Q3633" s="53"/>
      <c r="R3633" s="53"/>
      <c r="S3633" s="53"/>
      <c r="T3633" s="53"/>
      <c r="U3633" s="53"/>
      <c r="V3633" s="53"/>
      <c r="W3633" s="53"/>
      <c r="X3633" s="53"/>
      <c r="Y3633" s="53"/>
      <c r="Z3633" s="53"/>
      <c r="AA3633" s="53"/>
      <c r="AB3633" s="53"/>
      <c r="AC3633" s="53"/>
      <c r="AD3633" s="53"/>
      <c r="AE3633" s="53">
        <v>-800000000</v>
      </c>
      <c r="AF3633" s="53"/>
      <c r="AG3633" s="53"/>
      <c r="AH3633" s="53"/>
      <c r="AI3633" s="53"/>
      <c r="AJ3633" s="53"/>
      <c r="AK3633" s="53"/>
      <c r="AL3633" s="53"/>
      <c r="AM3633" s="53"/>
      <c r="AN3633" s="53">
        <v>-800000000</v>
      </c>
      <c r="AO3633" s="53"/>
      <c r="AP3633" s="53"/>
      <c r="AQ3633" s="53"/>
      <c r="AR3633" s="53"/>
      <c r="AS3633" s="53"/>
      <c r="AT3633" s="53"/>
      <c r="AU3633" s="53"/>
      <c r="AV3633" s="53"/>
      <c r="AW3633" s="53"/>
      <c r="AX3633" s="53"/>
      <c r="AY3633" s="53"/>
      <c r="AZ3633" s="53"/>
      <c r="BA3633" s="53"/>
      <c r="BB3633" s="53"/>
      <c r="BC3633" s="53"/>
      <c r="BD3633" s="53"/>
      <c r="BE3633" s="53"/>
      <c r="BF3633" s="53"/>
      <c r="BG3633" s="53"/>
      <c r="BH3633" s="53"/>
      <c r="BI3633" s="53"/>
      <c r="BJ3633" s="53"/>
      <c r="BK3633" s="53"/>
      <c r="BL3633" s="53"/>
      <c r="BM3633" s="53"/>
      <c r="BN3633" s="53"/>
      <c r="BO3633" s="53"/>
      <c r="BP3633" s="53"/>
      <c r="BQ3633" s="53"/>
      <c r="BR3633" s="53"/>
      <c r="BS3633" s="53"/>
      <c r="BT3633" s="53"/>
      <c r="BU3633" s="53"/>
      <c r="BV3633" s="53"/>
      <c r="BW3633" s="53"/>
      <c r="BX3633" s="53"/>
      <c r="BY3633" s="53"/>
      <c r="BZ3633" s="53"/>
      <c r="CA3633" s="53"/>
      <c r="CB3633" s="53"/>
      <c r="CC3633" s="53"/>
      <c r="CD3633" s="53"/>
      <c r="CE3633" s="53"/>
      <c r="CF3633" s="53"/>
      <c r="CG3633" s="53"/>
      <c r="CH3633" s="53"/>
      <c r="CI3633" s="53"/>
      <c r="CJ3633" s="53"/>
      <c r="CK3633" s="53"/>
      <c r="CL3633" s="53"/>
      <c r="CM3633" s="53"/>
      <c r="CN3633" s="53"/>
    </row>
    <row r="3634" spans="1:92" outlineLevel="1">
      <c r="A3634" s="52" t="s">
        <v>1562</v>
      </c>
      <c r="B3634" s="53"/>
      <c r="C3634" s="53"/>
      <c r="D3634" s="53"/>
      <c r="E3634" s="53"/>
      <c r="F3634" s="53"/>
      <c r="G3634" s="53"/>
      <c r="H3634" s="53"/>
      <c r="I3634" s="53"/>
      <c r="J3634" s="53"/>
      <c r="K3634" s="53"/>
      <c r="L3634" s="53"/>
      <c r="M3634" s="53"/>
      <c r="N3634" s="53"/>
      <c r="O3634" s="53"/>
      <c r="P3634" s="53"/>
      <c r="Q3634" s="53"/>
      <c r="R3634" s="53"/>
      <c r="S3634" s="53"/>
      <c r="T3634" s="53"/>
      <c r="U3634" s="53"/>
      <c r="V3634" s="53"/>
      <c r="W3634" s="53"/>
      <c r="X3634" s="53"/>
      <c r="Y3634" s="53"/>
      <c r="Z3634" s="53"/>
      <c r="AA3634" s="53"/>
      <c r="AB3634" s="53"/>
      <c r="AC3634" s="53"/>
      <c r="AD3634" s="53"/>
      <c r="AE3634" s="53"/>
      <c r="AF3634" s="53"/>
      <c r="AG3634" s="53"/>
      <c r="AH3634" s="53"/>
      <c r="AI3634" s="53"/>
      <c r="AJ3634" s="53"/>
      <c r="AK3634" s="53"/>
      <c r="AL3634" s="53"/>
      <c r="AM3634" s="53"/>
      <c r="AN3634" s="53"/>
      <c r="AO3634" s="53"/>
      <c r="AP3634" s="53"/>
      <c r="AQ3634" s="53"/>
      <c r="AR3634" s="53"/>
      <c r="AS3634" s="53"/>
      <c r="AT3634" s="53"/>
      <c r="AU3634" s="53"/>
      <c r="AV3634" s="53"/>
      <c r="AW3634" s="53"/>
      <c r="AX3634" s="53"/>
      <c r="AY3634" s="53"/>
      <c r="AZ3634" s="53"/>
      <c r="BA3634" s="53"/>
      <c r="BB3634" s="53"/>
      <c r="BC3634" s="53"/>
      <c r="BD3634" s="53"/>
      <c r="BE3634" s="53"/>
      <c r="BF3634" s="53"/>
      <c r="BG3634" s="53"/>
      <c r="BH3634" s="53"/>
      <c r="BI3634" s="53"/>
      <c r="BJ3634" s="53"/>
      <c r="BK3634" s="53"/>
      <c r="BL3634" s="53"/>
      <c r="BM3634" s="53"/>
      <c r="BN3634" s="53"/>
      <c r="BO3634" s="53"/>
      <c r="BP3634" s="53"/>
      <c r="BQ3634" s="53"/>
      <c r="BR3634" s="53"/>
      <c r="BS3634" s="53"/>
      <c r="BT3634" s="53"/>
      <c r="BU3634" s="53"/>
      <c r="BV3634" s="53"/>
      <c r="BW3634" s="53"/>
      <c r="BX3634" s="53"/>
      <c r="BY3634" s="53"/>
      <c r="BZ3634" s="53"/>
      <c r="CA3634" s="53"/>
      <c r="CB3634" s="53"/>
      <c r="CC3634" s="53"/>
      <c r="CD3634" s="53"/>
      <c r="CE3634" s="53"/>
      <c r="CF3634" s="53"/>
      <c r="CG3634" s="53"/>
      <c r="CH3634" s="53"/>
      <c r="CI3634" s="53"/>
      <c r="CJ3634" s="53"/>
      <c r="CK3634" s="53"/>
      <c r="CL3634" s="53"/>
      <c r="CM3634" s="53"/>
      <c r="CN3634" s="53"/>
    </row>
    <row r="3635" spans="1:92" outlineLevel="1">
      <c r="A3635" s="52" t="s">
        <v>711</v>
      </c>
      <c r="B3635" s="53"/>
      <c r="C3635" s="53">
        <v>-5062500</v>
      </c>
      <c r="D3635" s="53"/>
      <c r="E3635" s="53"/>
      <c r="F3635" s="53"/>
      <c r="G3635" s="53"/>
      <c r="H3635" s="53"/>
      <c r="I3635" s="53">
        <v>-5062500</v>
      </c>
      <c r="J3635" s="53"/>
      <c r="K3635" s="53"/>
      <c r="L3635" s="53"/>
      <c r="M3635" s="53"/>
      <c r="N3635" s="53">
        <v>-10125000</v>
      </c>
      <c r="O3635" s="53"/>
      <c r="P3635" s="53">
        <v>-5062500</v>
      </c>
      <c r="Q3635" s="53"/>
      <c r="R3635" s="53"/>
      <c r="S3635" s="53"/>
      <c r="T3635" s="53"/>
      <c r="U3635" s="53"/>
      <c r="V3635" s="53">
        <v>-5062500</v>
      </c>
      <c r="W3635" s="53"/>
      <c r="X3635" s="53"/>
      <c r="Y3635" s="53"/>
      <c r="Z3635" s="53"/>
      <c r="AA3635" s="53">
        <v>-10125000</v>
      </c>
      <c r="AB3635" s="53"/>
      <c r="AC3635" s="53">
        <v>-5062500</v>
      </c>
      <c r="AD3635" s="53"/>
      <c r="AE3635" s="53"/>
      <c r="AF3635" s="53"/>
      <c r="AG3635" s="53"/>
      <c r="AH3635" s="53"/>
      <c r="AI3635" s="53">
        <v>-5062500</v>
      </c>
      <c r="AJ3635" s="53"/>
      <c r="AK3635" s="53"/>
      <c r="AL3635" s="53"/>
      <c r="AM3635" s="53"/>
      <c r="AN3635" s="53">
        <v>-10125000</v>
      </c>
      <c r="AO3635" s="53"/>
      <c r="AP3635" s="53">
        <v>-5062500</v>
      </c>
      <c r="AQ3635" s="53"/>
      <c r="AR3635" s="53"/>
      <c r="AS3635" s="53"/>
      <c r="AT3635" s="53"/>
      <c r="AU3635" s="53"/>
      <c r="AV3635" s="53">
        <v>-5062500</v>
      </c>
      <c r="AW3635" s="53"/>
      <c r="AX3635" s="53"/>
      <c r="AY3635" s="53"/>
      <c r="AZ3635" s="53"/>
      <c r="BA3635" s="53">
        <v>-10125000</v>
      </c>
      <c r="BB3635" s="53"/>
      <c r="BC3635" s="53">
        <v>-5062500</v>
      </c>
      <c r="BD3635" s="53"/>
      <c r="BE3635" s="53"/>
      <c r="BF3635" s="53"/>
      <c r="BG3635" s="53"/>
      <c r="BH3635" s="53"/>
      <c r="BI3635" s="53">
        <v>-5062500</v>
      </c>
      <c r="BJ3635" s="53"/>
      <c r="BK3635" s="53"/>
      <c r="BL3635" s="53"/>
      <c r="BM3635" s="53"/>
      <c r="BN3635" s="53">
        <v>-10125000</v>
      </c>
      <c r="BO3635" s="53"/>
      <c r="BP3635" s="53">
        <v>-5062500</v>
      </c>
      <c r="BQ3635" s="53"/>
      <c r="BR3635" s="53"/>
      <c r="BS3635" s="53"/>
      <c r="BT3635" s="53"/>
      <c r="BU3635" s="53"/>
      <c r="BV3635" s="53">
        <v>-5062500</v>
      </c>
      <c r="BW3635" s="53"/>
      <c r="BX3635" s="53"/>
      <c r="BY3635" s="53"/>
      <c r="BZ3635" s="53"/>
      <c r="CA3635" s="53">
        <v>-10125000</v>
      </c>
      <c r="CB3635" s="53"/>
      <c r="CC3635" s="53"/>
      <c r="CD3635" s="53"/>
      <c r="CE3635" s="53"/>
      <c r="CF3635" s="53"/>
      <c r="CG3635" s="53"/>
      <c r="CH3635" s="53"/>
      <c r="CI3635" s="53"/>
      <c r="CJ3635" s="53"/>
      <c r="CK3635" s="53"/>
      <c r="CL3635" s="53"/>
      <c r="CM3635" s="53"/>
      <c r="CN3635" s="53"/>
    </row>
    <row r="3636" spans="1:92">
      <c r="A3636" s="52" t="s">
        <v>712</v>
      </c>
      <c r="B3636" s="53"/>
      <c r="C3636" s="53"/>
      <c r="D3636" s="53">
        <v>-6637500</v>
      </c>
      <c r="E3636" s="53"/>
      <c r="F3636" s="53"/>
      <c r="G3636" s="53"/>
      <c r="H3636" s="53"/>
      <c r="I3636" s="53"/>
      <c r="J3636" s="53">
        <v>-6637500</v>
      </c>
      <c r="K3636" s="53"/>
      <c r="L3636" s="53"/>
      <c r="M3636" s="53"/>
      <c r="N3636" s="53">
        <v>-13275000</v>
      </c>
      <c r="O3636" s="53"/>
      <c r="P3636" s="53"/>
      <c r="Q3636" s="53">
        <v>-6637500</v>
      </c>
      <c r="R3636" s="53"/>
      <c r="S3636" s="53"/>
      <c r="T3636" s="53"/>
      <c r="U3636" s="53"/>
      <c r="V3636" s="53"/>
      <c r="W3636" s="53">
        <v>-6637500</v>
      </c>
      <c r="X3636" s="53"/>
      <c r="Y3636" s="53"/>
      <c r="Z3636" s="53"/>
      <c r="AA3636" s="53">
        <v>-13275000</v>
      </c>
      <c r="AB3636" s="53"/>
      <c r="AC3636" s="53"/>
      <c r="AD3636" s="53">
        <v>-6637500</v>
      </c>
      <c r="AE3636" s="53"/>
      <c r="AF3636" s="53"/>
      <c r="AG3636" s="53"/>
      <c r="AH3636" s="53"/>
      <c r="AI3636" s="53"/>
      <c r="AJ3636" s="53">
        <v>-6637500</v>
      </c>
      <c r="AK3636" s="53"/>
      <c r="AL3636" s="53"/>
      <c r="AM3636" s="53"/>
      <c r="AN3636" s="53">
        <v>-13275000</v>
      </c>
      <c r="AO3636" s="53"/>
      <c r="AP3636" s="53"/>
      <c r="AQ3636" s="53">
        <v>-6637500</v>
      </c>
      <c r="AR3636" s="53"/>
      <c r="AS3636" s="53"/>
      <c r="AT3636" s="53"/>
      <c r="AU3636" s="53"/>
      <c r="AV3636" s="53"/>
      <c r="AW3636" s="53">
        <v>-6637500</v>
      </c>
      <c r="AX3636" s="53"/>
      <c r="AY3636" s="53"/>
      <c r="AZ3636" s="53"/>
      <c r="BA3636" s="53">
        <v>-13275000</v>
      </c>
      <c r="BB3636" s="53"/>
      <c r="BC3636" s="53"/>
      <c r="BD3636" s="53">
        <v>-6637500</v>
      </c>
      <c r="BE3636" s="53"/>
      <c r="BF3636" s="53"/>
      <c r="BG3636" s="53"/>
      <c r="BH3636" s="53"/>
      <c r="BI3636" s="53"/>
      <c r="BJ3636" s="53">
        <v>-6637500</v>
      </c>
      <c r="BK3636" s="53"/>
      <c r="BL3636" s="53"/>
      <c r="BM3636" s="53"/>
      <c r="BN3636" s="53">
        <v>-13275000</v>
      </c>
      <c r="BO3636" s="53"/>
      <c r="BP3636" s="53"/>
      <c r="BQ3636" s="53">
        <v>-6637500</v>
      </c>
      <c r="BR3636" s="53"/>
      <c r="BS3636" s="53"/>
      <c r="BT3636" s="53"/>
      <c r="BU3636" s="53"/>
      <c r="BV3636" s="53"/>
      <c r="BW3636" s="53">
        <v>-6637500</v>
      </c>
      <c r="BX3636" s="53"/>
      <c r="BY3636" s="53"/>
      <c r="BZ3636" s="53"/>
      <c r="CA3636" s="53">
        <v>-13275000</v>
      </c>
      <c r="CB3636" s="53"/>
      <c r="CC3636" s="53"/>
      <c r="CD3636" s="53"/>
      <c r="CE3636" s="53"/>
      <c r="CF3636" s="53"/>
      <c r="CG3636" s="53"/>
      <c r="CH3636" s="53"/>
      <c r="CI3636" s="53"/>
      <c r="CJ3636" s="53"/>
      <c r="CK3636" s="53"/>
      <c r="CL3636" s="53"/>
      <c r="CM3636" s="53"/>
      <c r="CN3636" s="53"/>
    </row>
    <row r="3637" spans="1:92">
      <c r="A3637" s="52" t="s">
        <v>713</v>
      </c>
      <c r="B3637" s="53"/>
      <c r="C3637" s="53"/>
      <c r="D3637" s="53">
        <v>-15875000.666666601</v>
      </c>
      <c r="E3637" s="53"/>
      <c r="F3637" s="53"/>
      <c r="G3637" s="53"/>
      <c r="H3637" s="53"/>
      <c r="I3637" s="53"/>
      <c r="J3637" s="53">
        <v>-15874999.666666601</v>
      </c>
      <c r="K3637" s="53"/>
      <c r="L3637" s="53"/>
      <c r="M3637" s="53"/>
      <c r="N3637" s="53">
        <v>-31750000.333333299</v>
      </c>
      <c r="O3637" s="53"/>
      <c r="P3637" s="53"/>
      <c r="Q3637" s="53">
        <v>-15875000.3333333</v>
      </c>
      <c r="R3637" s="53"/>
      <c r="S3637" s="53"/>
      <c r="T3637" s="53"/>
      <c r="U3637" s="53"/>
      <c r="V3637" s="53"/>
      <c r="W3637" s="53">
        <v>-15875000</v>
      </c>
      <c r="X3637" s="53"/>
      <c r="Y3637" s="53"/>
      <c r="Z3637" s="53"/>
      <c r="AA3637" s="53">
        <v>-31750000.333333299</v>
      </c>
      <c r="AB3637" s="53"/>
      <c r="AC3637" s="53"/>
      <c r="AD3637" s="53">
        <v>-15875000</v>
      </c>
      <c r="AE3637" s="53"/>
      <c r="AF3637" s="53"/>
      <c r="AG3637" s="53"/>
      <c r="AH3637" s="53"/>
      <c r="AI3637" s="53"/>
      <c r="AJ3637" s="53">
        <v>-15875000</v>
      </c>
      <c r="AK3637" s="53"/>
      <c r="AL3637" s="53"/>
      <c r="AM3637" s="53"/>
      <c r="AN3637" s="53">
        <v>-31750000</v>
      </c>
      <c r="AO3637" s="53"/>
      <c r="AP3637" s="53"/>
      <c r="AQ3637" s="53">
        <v>-15875000</v>
      </c>
      <c r="AR3637" s="53"/>
      <c r="AS3637" s="53"/>
      <c r="AT3637" s="53"/>
      <c r="AU3637" s="53"/>
      <c r="AV3637" s="53"/>
      <c r="AW3637" s="53">
        <v>-15875000</v>
      </c>
      <c r="AX3637" s="53"/>
      <c r="AY3637" s="53"/>
      <c r="AZ3637" s="53"/>
      <c r="BA3637" s="53">
        <v>-31750000</v>
      </c>
      <c r="BB3637" s="53"/>
      <c r="BC3637" s="53"/>
      <c r="BD3637" s="53">
        <v>-15875000</v>
      </c>
      <c r="BE3637" s="53"/>
      <c r="BF3637" s="53"/>
      <c r="BG3637" s="53"/>
      <c r="BH3637" s="53"/>
      <c r="BI3637" s="53"/>
      <c r="BJ3637" s="53">
        <v>-15875000</v>
      </c>
      <c r="BK3637" s="53"/>
      <c r="BL3637" s="53"/>
      <c r="BM3637" s="53"/>
      <c r="BN3637" s="53">
        <v>-31750000</v>
      </c>
      <c r="BO3637" s="53"/>
      <c r="BP3637" s="53"/>
      <c r="BQ3637" s="53">
        <v>-15875000</v>
      </c>
      <c r="BR3637" s="53"/>
      <c r="BS3637" s="53"/>
      <c r="BT3637" s="53"/>
      <c r="BU3637" s="53"/>
      <c r="BV3637" s="53"/>
      <c r="BW3637" s="53">
        <v>-15875000</v>
      </c>
      <c r="BX3637" s="53"/>
      <c r="BY3637" s="53"/>
      <c r="BZ3637" s="53"/>
      <c r="CA3637" s="53">
        <v>-31750000</v>
      </c>
      <c r="CB3637" s="53"/>
      <c r="CC3637" s="53"/>
      <c r="CD3637" s="53"/>
      <c r="CE3637" s="53"/>
      <c r="CF3637" s="53"/>
      <c r="CG3637" s="53"/>
      <c r="CH3637" s="53"/>
      <c r="CI3637" s="53"/>
      <c r="CJ3637" s="53"/>
      <c r="CK3637" s="53"/>
      <c r="CL3637" s="53"/>
      <c r="CM3637" s="53"/>
      <c r="CN3637" s="53"/>
    </row>
    <row r="3638" spans="1:92">
      <c r="A3638" s="52" t="s">
        <v>716</v>
      </c>
      <c r="B3638" s="53"/>
      <c r="C3638" s="53"/>
      <c r="D3638" s="53"/>
      <c r="E3638" s="53"/>
      <c r="F3638" s="53"/>
      <c r="G3638" s="53">
        <v>-32000000.666666601</v>
      </c>
      <c r="H3638" s="53"/>
      <c r="I3638" s="53"/>
      <c r="J3638" s="53"/>
      <c r="K3638" s="53"/>
      <c r="L3638" s="53"/>
      <c r="M3638" s="53">
        <v>-31999999.666666601</v>
      </c>
      <c r="N3638" s="53">
        <v>-64000000.333333299</v>
      </c>
      <c r="O3638" s="53"/>
      <c r="P3638" s="53"/>
      <c r="Q3638" s="53"/>
      <c r="R3638" s="53"/>
      <c r="S3638" s="53"/>
      <c r="T3638" s="53">
        <v>-32000000.333333299</v>
      </c>
      <c r="U3638" s="53"/>
      <c r="V3638" s="53"/>
      <c r="W3638" s="53"/>
      <c r="X3638" s="53"/>
      <c r="Y3638" s="53"/>
      <c r="Z3638" s="53">
        <v>-31999999.999999899</v>
      </c>
      <c r="AA3638" s="53">
        <v>-64000000.333333299</v>
      </c>
      <c r="AB3638" s="53"/>
      <c r="AC3638" s="53"/>
      <c r="AD3638" s="53"/>
      <c r="AE3638" s="53"/>
      <c r="AF3638" s="53"/>
      <c r="AG3638" s="53">
        <v>-32000000</v>
      </c>
      <c r="AH3638" s="53"/>
      <c r="AI3638" s="53"/>
      <c r="AJ3638" s="53"/>
      <c r="AK3638" s="53"/>
      <c r="AL3638" s="53"/>
      <c r="AM3638" s="53">
        <v>-31999999.999999899</v>
      </c>
      <c r="AN3638" s="53">
        <v>-64000000</v>
      </c>
      <c r="AO3638" s="53"/>
      <c r="AP3638" s="53"/>
      <c r="AQ3638" s="53"/>
      <c r="AR3638" s="53"/>
      <c r="AS3638" s="53"/>
      <c r="AT3638" s="53">
        <v>-32000000</v>
      </c>
      <c r="AU3638" s="53"/>
      <c r="AV3638" s="53"/>
      <c r="AW3638" s="53"/>
      <c r="AX3638" s="53"/>
      <c r="AY3638" s="53"/>
      <c r="AZ3638" s="53">
        <v>-31999999.999999899</v>
      </c>
      <c r="BA3638" s="53">
        <v>-64000000</v>
      </c>
      <c r="BB3638" s="53"/>
      <c r="BC3638" s="53"/>
      <c r="BD3638" s="53"/>
      <c r="BE3638" s="53"/>
      <c r="BF3638" s="53"/>
      <c r="BG3638" s="53">
        <v>-32000000</v>
      </c>
      <c r="BH3638" s="53"/>
      <c r="BI3638" s="53"/>
      <c r="BJ3638" s="53"/>
      <c r="BK3638" s="53"/>
      <c r="BL3638" s="53"/>
      <c r="BM3638" s="53">
        <v>-31999999.999999899</v>
      </c>
      <c r="BN3638" s="53">
        <v>-64000000</v>
      </c>
      <c r="BO3638" s="53"/>
      <c r="BP3638" s="53"/>
      <c r="BQ3638" s="53"/>
      <c r="BR3638" s="53"/>
      <c r="BS3638" s="53"/>
      <c r="BT3638" s="53">
        <v>-32000000</v>
      </c>
      <c r="BU3638" s="53"/>
      <c r="BV3638" s="53"/>
      <c r="BW3638" s="53"/>
      <c r="BX3638" s="53"/>
      <c r="BY3638" s="53"/>
      <c r="BZ3638" s="53">
        <v>-31999999.999999899</v>
      </c>
      <c r="CA3638" s="53">
        <v>-64000000</v>
      </c>
      <c r="CB3638" s="53"/>
      <c r="CC3638" s="53"/>
      <c r="CD3638" s="53"/>
      <c r="CE3638" s="53"/>
      <c r="CF3638" s="53"/>
      <c r="CG3638" s="53"/>
      <c r="CH3638" s="53"/>
      <c r="CI3638" s="53"/>
      <c r="CJ3638" s="53"/>
      <c r="CK3638" s="53"/>
      <c r="CL3638" s="53"/>
      <c r="CM3638" s="53"/>
      <c r="CN3638" s="53"/>
    </row>
    <row r="3639" spans="1:92">
      <c r="A3639" s="52" t="s">
        <v>717</v>
      </c>
      <c r="B3639" s="53"/>
      <c r="C3639" s="53"/>
      <c r="D3639" s="53"/>
      <c r="E3639" s="53">
        <v>-9887499.5555555504</v>
      </c>
      <c r="F3639" s="53"/>
      <c r="G3639" s="53"/>
      <c r="H3639" s="53"/>
      <c r="I3639" s="53"/>
      <c r="J3639" s="53"/>
      <c r="K3639" s="53">
        <v>-9887499.5555555504</v>
      </c>
      <c r="L3639" s="53"/>
      <c r="M3639" s="53"/>
      <c r="N3639" s="53">
        <v>-19774999.111111101</v>
      </c>
      <c r="O3639" s="53"/>
      <c r="P3639" s="53"/>
      <c r="Q3639" s="53"/>
      <c r="R3639" s="53">
        <v>-9887499.5555555504</v>
      </c>
      <c r="S3639" s="53"/>
      <c r="T3639" s="53"/>
      <c r="U3639" s="53"/>
      <c r="V3639" s="53"/>
      <c r="W3639" s="53"/>
      <c r="X3639" s="53">
        <v>-9887500</v>
      </c>
      <c r="Y3639" s="53"/>
      <c r="Z3639" s="53"/>
      <c r="AA3639" s="53">
        <v>-19774999.5555555</v>
      </c>
      <c r="AB3639" s="53"/>
      <c r="AC3639" s="53"/>
      <c r="AD3639" s="53"/>
      <c r="AE3639" s="53">
        <v>-9887500</v>
      </c>
      <c r="AF3639" s="53"/>
      <c r="AG3639" s="53"/>
      <c r="AH3639" s="53"/>
      <c r="AI3639" s="53"/>
      <c r="AJ3639" s="53"/>
      <c r="AK3639" s="53">
        <v>-9887500</v>
      </c>
      <c r="AL3639" s="53"/>
      <c r="AM3639" s="53"/>
      <c r="AN3639" s="53">
        <v>-19775000</v>
      </c>
      <c r="AO3639" s="53"/>
      <c r="AP3639" s="53"/>
      <c r="AQ3639" s="53"/>
      <c r="AR3639" s="53">
        <v>-9887500</v>
      </c>
      <c r="AS3639" s="53"/>
      <c r="AT3639" s="53"/>
      <c r="AU3639" s="53"/>
      <c r="AV3639" s="53"/>
      <c r="AW3639" s="53"/>
      <c r="AX3639" s="53">
        <v>-9887500</v>
      </c>
      <c r="AY3639" s="53"/>
      <c r="AZ3639" s="53"/>
      <c r="BA3639" s="53">
        <v>-19775000</v>
      </c>
      <c r="BB3639" s="53"/>
      <c r="BC3639" s="53"/>
      <c r="BD3639" s="53"/>
      <c r="BE3639" s="53">
        <v>-9887500</v>
      </c>
      <c r="BF3639" s="53"/>
      <c r="BG3639" s="53"/>
      <c r="BH3639" s="53"/>
      <c r="BI3639" s="53"/>
      <c r="BJ3639" s="53"/>
      <c r="BK3639" s="53">
        <v>-9887500</v>
      </c>
      <c r="BL3639" s="53"/>
      <c r="BM3639" s="53"/>
      <c r="BN3639" s="53">
        <v>-19775000</v>
      </c>
      <c r="BO3639" s="53"/>
      <c r="BP3639" s="53"/>
      <c r="BQ3639" s="53"/>
      <c r="BR3639" s="53">
        <v>-9887500</v>
      </c>
      <c r="BS3639" s="53"/>
      <c r="BT3639" s="53"/>
      <c r="BU3639" s="53"/>
      <c r="BV3639" s="53"/>
      <c r="BW3639" s="53"/>
      <c r="BX3639" s="53">
        <v>-9887500</v>
      </c>
      <c r="BY3639" s="53"/>
      <c r="BZ3639" s="53"/>
      <c r="CA3639" s="53">
        <v>-19775000</v>
      </c>
      <c r="CB3639" s="53"/>
      <c r="CC3639" s="53"/>
      <c r="CD3639" s="53"/>
      <c r="CE3639" s="53"/>
      <c r="CF3639" s="53"/>
      <c r="CG3639" s="53"/>
      <c r="CH3639" s="53"/>
      <c r="CI3639" s="53"/>
      <c r="CJ3639" s="53"/>
      <c r="CK3639" s="53"/>
      <c r="CL3639" s="53"/>
      <c r="CM3639" s="53"/>
      <c r="CN3639" s="53"/>
    </row>
    <row r="3640" spans="1:92">
      <c r="A3640" s="52" t="s">
        <v>718</v>
      </c>
      <c r="B3640" s="53"/>
      <c r="C3640" s="53"/>
      <c r="D3640" s="53"/>
      <c r="E3640" s="53"/>
      <c r="F3640" s="53">
        <v>-7699999.6666666605</v>
      </c>
      <c r="G3640" s="53"/>
      <c r="H3640" s="53"/>
      <c r="I3640" s="53"/>
      <c r="J3640" s="53"/>
      <c r="K3640" s="53"/>
      <c r="L3640" s="53">
        <v>-7699999.6666666605</v>
      </c>
      <c r="M3640" s="53"/>
      <c r="N3640" s="53">
        <v>-15399999.3333333</v>
      </c>
      <c r="O3640" s="53"/>
      <c r="P3640" s="53"/>
      <c r="Q3640" s="53"/>
      <c r="R3640" s="53"/>
      <c r="S3640" s="53">
        <v>-7699999.9999999898</v>
      </c>
      <c r="T3640" s="53"/>
      <c r="U3640" s="53"/>
      <c r="V3640" s="53"/>
      <c r="W3640" s="53"/>
      <c r="X3640" s="53"/>
      <c r="Y3640" s="53">
        <v>-7700000</v>
      </c>
      <c r="Z3640" s="53"/>
      <c r="AA3640" s="53">
        <v>-15400000</v>
      </c>
      <c r="AB3640" s="53"/>
      <c r="AC3640" s="53"/>
      <c r="AD3640" s="53"/>
      <c r="AE3640" s="53"/>
      <c r="AF3640" s="53">
        <v>-7699999.9999999898</v>
      </c>
      <c r="AG3640" s="53"/>
      <c r="AH3640" s="53"/>
      <c r="AI3640" s="53"/>
      <c r="AJ3640" s="53"/>
      <c r="AK3640" s="53"/>
      <c r="AL3640" s="53">
        <v>-7700000</v>
      </c>
      <c r="AM3640" s="53"/>
      <c r="AN3640" s="53">
        <v>-15400000</v>
      </c>
      <c r="AO3640" s="53"/>
      <c r="AP3640" s="53"/>
      <c r="AQ3640" s="53"/>
      <c r="AR3640" s="53"/>
      <c r="AS3640" s="53">
        <v>-7699999.9999999898</v>
      </c>
      <c r="AT3640" s="53"/>
      <c r="AU3640" s="53"/>
      <c r="AV3640" s="53"/>
      <c r="AW3640" s="53"/>
      <c r="AX3640" s="53"/>
      <c r="AY3640" s="53">
        <v>-7700000</v>
      </c>
      <c r="AZ3640" s="53"/>
      <c r="BA3640" s="53">
        <v>-15400000</v>
      </c>
      <c r="BB3640" s="53"/>
      <c r="BC3640" s="53"/>
      <c r="BD3640" s="53"/>
      <c r="BE3640" s="53"/>
      <c r="BF3640" s="53">
        <v>-7699999.9999999898</v>
      </c>
      <c r="BG3640" s="53"/>
      <c r="BH3640" s="53"/>
      <c r="BI3640" s="53"/>
      <c r="BJ3640" s="53"/>
      <c r="BK3640" s="53"/>
      <c r="BL3640" s="53">
        <v>-7700000</v>
      </c>
      <c r="BM3640" s="53"/>
      <c r="BN3640" s="53">
        <v>-15400000</v>
      </c>
      <c r="BO3640" s="53"/>
      <c r="BP3640" s="53"/>
      <c r="BQ3640" s="53"/>
      <c r="BR3640" s="53"/>
      <c r="BS3640" s="53">
        <v>-7699999.9999999898</v>
      </c>
      <c r="BT3640" s="53"/>
      <c r="BU3640" s="53"/>
      <c r="BV3640" s="53"/>
      <c r="BW3640" s="53"/>
      <c r="BX3640" s="53"/>
      <c r="BY3640" s="53">
        <v>-7700000</v>
      </c>
      <c r="BZ3640" s="53"/>
      <c r="CA3640" s="53">
        <v>-15400000</v>
      </c>
      <c r="CB3640" s="53"/>
      <c r="CC3640" s="53"/>
      <c r="CD3640" s="53"/>
      <c r="CE3640" s="53"/>
      <c r="CF3640" s="53"/>
      <c r="CG3640" s="53"/>
      <c r="CH3640" s="53"/>
      <c r="CI3640" s="53"/>
      <c r="CJ3640" s="53"/>
      <c r="CK3640" s="53"/>
      <c r="CL3640" s="53"/>
      <c r="CM3640" s="53"/>
      <c r="CN3640" s="53"/>
    </row>
    <row r="3641" spans="1:92" outlineLevel="1">
      <c r="A3641" s="52" t="s">
        <v>1563</v>
      </c>
      <c r="B3641" s="53">
        <v>-182292</v>
      </c>
      <c r="C3641" s="53">
        <v>-187500</v>
      </c>
      <c r="D3641" s="53">
        <v>-187500</v>
      </c>
      <c r="E3641" s="53">
        <v>-187500</v>
      </c>
      <c r="F3641" s="53">
        <v>-187500</v>
      </c>
      <c r="G3641" s="53">
        <v>-187500</v>
      </c>
      <c r="H3641" s="53">
        <v>-562500</v>
      </c>
      <c r="I3641" s="53">
        <v>-937500</v>
      </c>
      <c r="J3641" s="53">
        <v>-937500</v>
      </c>
      <c r="K3641" s="53">
        <v>-937500</v>
      </c>
      <c r="L3641" s="53">
        <v>-937500</v>
      </c>
      <c r="M3641" s="53">
        <v>-937500</v>
      </c>
      <c r="N3641" s="53">
        <v>-6369791.9999999898</v>
      </c>
      <c r="O3641" s="53">
        <v>-994791.66666666605</v>
      </c>
      <c r="P3641" s="53">
        <v>-1052083.33333333</v>
      </c>
      <c r="Q3641" s="53">
        <v>-1052083.33333333</v>
      </c>
      <c r="R3641" s="53">
        <v>-1052083.33333333</v>
      </c>
      <c r="S3641" s="53">
        <v>-1052083.33333333</v>
      </c>
      <c r="T3641" s="53">
        <v>-1052083.33333333</v>
      </c>
      <c r="U3641" s="53">
        <v>-1046875</v>
      </c>
      <c r="V3641" s="53">
        <v>-1041666.66666666</v>
      </c>
      <c r="W3641" s="53">
        <v>-1041666.66666666</v>
      </c>
      <c r="X3641" s="53">
        <v>-1041666.66666666</v>
      </c>
      <c r="Y3641" s="53">
        <v>-1041666.66666666</v>
      </c>
      <c r="Z3641" s="53">
        <v>-1041666.66666666</v>
      </c>
      <c r="AA3641" s="53">
        <v>-12510416.666666601</v>
      </c>
      <c r="AB3641" s="53">
        <v>-989583.33333333302</v>
      </c>
      <c r="AC3641" s="53">
        <v>-937500</v>
      </c>
      <c r="AD3641" s="53">
        <v>-937500</v>
      </c>
      <c r="AE3641" s="53">
        <v>-937500</v>
      </c>
      <c r="AF3641" s="53">
        <v>-937500</v>
      </c>
      <c r="AG3641" s="53">
        <v>-937500</v>
      </c>
      <c r="AH3641" s="53">
        <v>-937500</v>
      </c>
      <c r="AI3641" s="53">
        <v>-937500</v>
      </c>
      <c r="AJ3641" s="53">
        <v>-937500</v>
      </c>
      <c r="AK3641" s="53">
        <v>-937500</v>
      </c>
      <c r="AL3641" s="53">
        <v>-937500</v>
      </c>
      <c r="AM3641" s="53">
        <v>-937500</v>
      </c>
      <c r="AN3641" s="53">
        <v>-11302083.3333333</v>
      </c>
      <c r="AO3641" s="53">
        <v>-859375</v>
      </c>
      <c r="AP3641" s="53">
        <v>-781250</v>
      </c>
      <c r="AQ3641" s="53">
        <v>-781250</v>
      </c>
      <c r="AR3641" s="53">
        <v>-781250</v>
      </c>
      <c r="AS3641" s="53">
        <v>-781250</v>
      </c>
      <c r="AT3641" s="53">
        <v>-781250</v>
      </c>
      <c r="AU3641" s="53">
        <v>-781250</v>
      </c>
      <c r="AV3641" s="53">
        <v>-781250</v>
      </c>
      <c r="AW3641" s="53">
        <v>-781250</v>
      </c>
      <c r="AX3641" s="53">
        <v>-781250</v>
      </c>
      <c r="AY3641" s="53">
        <v>-781250</v>
      </c>
      <c r="AZ3641" s="53">
        <v>-781250</v>
      </c>
      <c r="BA3641" s="53">
        <v>-9453125</v>
      </c>
      <c r="BB3641" s="53">
        <v>-770833.33333333302</v>
      </c>
      <c r="BC3641" s="53">
        <v>-760416.66666666605</v>
      </c>
      <c r="BD3641" s="53">
        <v>-760416.66666666605</v>
      </c>
      <c r="BE3641" s="53">
        <v>-760416.66666666605</v>
      </c>
      <c r="BF3641" s="53">
        <v>-760416.66666666605</v>
      </c>
      <c r="BG3641" s="53">
        <v>-760416.66666666605</v>
      </c>
      <c r="BH3641" s="53">
        <v>-760416.66666666605</v>
      </c>
      <c r="BI3641" s="53">
        <v>-760416.66666666605</v>
      </c>
      <c r="BJ3641" s="53">
        <v>-760416.66666666605</v>
      </c>
      <c r="BK3641" s="53">
        <v>-760416.66666666605</v>
      </c>
      <c r="BL3641" s="53">
        <v>-760416.66666666605</v>
      </c>
      <c r="BM3641" s="53">
        <v>-760416.66666666605</v>
      </c>
      <c r="BN3641" s="53">
        <v>-9135416.6666666605</v>
      </c>
      <c r="BO3641" s="53">
        <v>-765625</v>
      </c>
      <c r="BP3641" s="53">
        <v>-770833.33333333302</v>
      </c>
      <c r="BQ3641" s="53">
        <v>-770833.33333333302</v>
      </c>
      <c r="BR3641" s="53">
        <v>-770833.33333333302</v>
      </c>
      <c r="BS3641" s="53">
        <v>-770833.33333333302</v>
      </c>
      <c r="BT3641" s="53">
        <v>-770833.33333333302</v>
      </c>
      <c r="BU3641" s="53">
        <v>-770833.33333333302</v>
      </c>
      <c r="BV3641" s="53">
        <v>-770833.33333333302</v>
      </c>
      <c r="BW3641" s="53">
        <v>-770833.33333333302</v>
      </c>
      <c r="BX3641" s="53">
        <v>-770833.33333333302</v>
      </c>
      <c r="BY3641" s="53">
        <v>-770833.33333333302</v>
      </c>
      <c r="BZ3641" s="53">
        <v>-770833.33333333302</v>
      </c>
      <c r="CA3641" s="53">
        <v>-9244791.6666666698</v>
      </c>
      <c r="CB3641" s="53"/>
      <c r="CC3641" s="53"/>
      <c r="CD3641" s="53"/>
      <c r="CE3641" s="53"/>
      <c r="CF3641" s="53"/>
      <c r="CG3641" s="53"/>
      <c r="CH3641" s="53"/>
      <c r="CI3641" s="53"/>
      <c r="CJ3641" s="53"/>
      <c r="CK3641" s="53"/>
      <c r="CL3641" s="53"/>
      <c r="CM3641" s="53"/>
      <c r="CN3641" s="53"/>
    </row>
    <row r="3642" spans="1:92" outlineLevel="1">
      <c r="A3642" s="52" t="s">
        <v>721</v>
      </c>
      <c r="B3642" s="53"/>
      <c r="C3642" s="53"/>
      <c r="D3642" s="53"/>
      <c r="E3642" s="53">
        <v>-10199999.666666601</v>
      </c>
      <c r="F3642" s="53"/>
      <c r="G3642" s="53"/>
      <c r="H3642" s="53"/>
      <c r="I3642" s="53"/>
      <c r="J3642" s="53"/>
      <c r="K3642" s="53">
        <v>-10199999.666666601</v>
      </c>
      <c r="L3642" s="53"/>
      <c r="M3642" s="53"/>
      <c r="N3642" s="53">
        <v>-20399999.333333299</v>
      </c>
      <c r="O3642" s="53"/>
      <c r="P3642" s="53"/>
      <c r="Q3642" s="53"/>
      <c r="R3642" s="53">
        <v>-10199999.666666601</v>
      </c>
      <c r="S3642" s="53"/>
      <c r="T3642" s="53"/>
      <c r="U3642" s="53"/>
      <c r="V3642" s="53"/>
      <c r="W3642" s="53"/>
      <c r="X3642" s="53">
        <v>-10200000</v>
      </c>
      <c r="Y3642" s="53"/>
      <c r="Z3642" s="53"/>
      <c r="AA3642" s="53">
        <v>-20399999.666666601</v>
      </c>
      <c r="AB3642" s="53"/>
      <c r="AC3642" s="53"/>
      <c r="AD3642" s="53"/>
      <c r="AE3642" s="53">
        <v>-10200000</v>
      </c>
      <c r="AF3642" s="53"/>
      <c r="AG3642" s="53"/>
      <c r="AH3642" s="53"/>
      <c r="AI3642" s="53"/>
      <c r="AJ3642" s="53"/>
      <c r="AK3642" s="53">
        <v>-10200000</v>
      </c>
      <c r="AL3642" s="53"/>
      <c r="AM3642" s="53"/>
      <c r="AN3642" s="53">
        <v>-20400000</v>
      </c>
      <c r="AO3642" s="53"/>
      <c r="AP3642" s="53"/>
      <c r="AQ3642" s="53"/>
      <c r="AR3642" s="53">
        <v>-10200000</v>
      </c>
      <c r="AS3642" s="53"/>
      <c r="AT3642" s="53"/>
      <c r="AU3642" s="53"/>
      <c r="AV3642" s="53"/>
      <c r="AW3642" s="53"/>
      <c r="AX3642" s="53">
        <v>-10200000</v>
      </c>
      <c r="AY3642" s="53"/>
      <c r="AZ3642" s="53"/>
      <c r="BA3642" s="53">
        <v>-20400000</v>
      </c>
      <c r="BB3642" s="53"/>
      <c r="BC3642" s="53"/>
      <c r="BD3642" s="53"/>
      <c r="BE3642" s="53">
        <v>-10200000</v>
      </c>
      <c r="BF3642" s="53"/>
      <c r="BG3642" s="53"/>
      <c r="BH3642" s="53"/>
      <c r="BI3642" s="53"/>
      <c r="BJ3642" s="53"/>
      <c r="BK3642" s="53">
        <v>-10200000</v>
      </c>
      <c r="BL3642" s="53"/>
      <c r="BM3642" s="53"/>
      <c r="BN3642" s="53">
        <v>-20400000</v>
      </c>
      <c r="BO3642" s="53"/>
      <c r="BP3642" s="53"/>
      <c r="BQ3642" s="53"/>
      <c r="BR3642" s="53">
        <v>-10200000</v>
      </c>
      <c r="BS3642" s="53"/>
      <c r="BT3642" s="53"/>
      <c r="BU3642" s="53"/>
      <c r="BV3642" s="53"/>
      <c r="BW3642" s="53"/>
      <c r="BX3642" s="53">
        <v>-10200000</v>
      </c>
      <c r="BY3642" s="53"/>
      <c r="BZ3642" s="53"/>
      <c r="CA3642" s="53">
        <v>-20400000</v>
      </c>
      <c r="CB3642" s="53"/>
      <c r="CC3642" s="53"/>
      <c r="CD3642" s="53"/>
      <c r="CE3642" s="53"/>
      <c r="CF3642" s="53"/>
      <c r="CG3642" s="53"/>
      <c r="CH3642" s="53"/>
      <c r="CI3642" s="53"/>
      <c r="CJ3642" s="53"/>
      <c r="CK3642" s="53"/>
      <c r="CL3642" s="53"/>
      <c r="CM3642" s="53"/>
      <c r="CN3642" s="53"/>
    </row>
    <row r="3643" spans="1:92" outlineLevel="1">
      <c r="A3643" s="52" t="s">
        <v>723</v>
      </c>
      <c r="B3643" s="53">
        <v>-10399999.666666601</v>
      </c>
      <c r="C3643" s="53"/>
      <c r="D3643" s="53"/>
      <c r="E3643" s="53"/>
      <c r="F3643" s="53"/>
      <c r="G3643" s="53"/>
      <c r="H3643" s="53">
        <v>-10399999.666666601</v>
      </c>
      <c r="I3643" s="53"/>
      <c r="J3643" s="53"/>
      <c r="K3643" s="53"/>
      <c r="L3643" s="53"/>
      <c r="M3643" s="53"/>
      <c r="N3643" s="53">
        <v>-20799999.333333299</v>
      </c>
      <c r="O3643" s="53">
        <v>-10399999.666666601</v>
      </c>
      <c r="P3643" s="53"/>
      <c r="Q3643" s="53"/>
      <c r="R3643" s="53"/>
      <c r="S3643" s="53"/>
      <c r="T3643" s="53"/>
      <c r="U3643" s="53">
        <v>-10400000</v>
      </c>
      <c r="V3643" s="53"/>
      <c r="W3643" s="53"/>
      <c r="X3643" s="53"/>
      <c r="Y3643" s="53"/>
      <c r="Z3643" s="53"/>
      <c r="AA3643" s="53">
        <v>-20799999.666666601</v>
      </c>
      <c r="AB3643" s="53">
        <v>-10400000</v>
      </c>
      <c r="AC3643" s="53"/>
      <c r="AD3643" s="53"/>
      <c r="AE3643" s="53"/>
      <c r="AF3643" s="53"/>
      <c r="AG3643" s="53"/>
      <c r="AH3643" s="53">
        <v>-10400000</v>
      </c>
      <c r="AI3643" s="53"/>
      <c r="AJ3643" s="53"/>
      <c r="AK3643" s="53"/>
      <c r="AL3643" s="53"/>
      <c r="AM3643" s="53"/>
      <c r="AN3643" s="53">
        <v>-20800000</v>
      </c>
      <c r="AO3643" s="53">
        <v>-10400000</v>
      </c>
      <c r="AP3643" s="53"/>
      <c r="AQ3643" s="53"/>
      <c r="AR3643" s="53"/>
      <c r="AS3643" s="53"/>
      <c r="AT3643" s="53"/>
      <c r="AU3643" s="53">
        <v>-10400000</v>
      </c>
      <c r="AV3643" s="53"/>
      <c r="AW3643" s="53"/>
      <c r="AX3643" s="53"/>
      <c r="AY3643" s="53"/>
      <c r="AZ3643" s="53"/>
      <c r="BA3643" s="53">
        <v>-20800000</v>
      </c>
      <c r="BB3643" s="53">
        <v>-10400000</v>
      </c>
      <c r="BC3643" s="53"/>
      <c r="BD3643" s="53"/>
      <c r="BE3643" s="53"/>
      <c r="BF3643" s="53"/>
      <c r="BG3643" s="53"/>
      <c r="BH3643" s="53">
        <v>-10400000</v>
      </c>
      <c r="BI3643" s="53"/>
      <c r="BJ3643" s="53"/>
      <c r="BK3643" s="53"/>
      <c r="BL3643" s="53"/>
      <c r="BM3643" s="53"/>
      <c r="BN3643" s="53">
        <v>-20800000</v>
      </c>
      <c r="BO3643" s="53">
        <v>-10400000</v>
      </c>
      <c r="BP3643" s="53"/>
      <c r="BQ3643" s="53"/>
      <c r="BR3643" s="53"/>
      <c r="BS3643" s="53"/>
      <c r="BT3643" s="53"/>
      <c r="BU3643" s="53"/>
      <c r="BV3643" s="53"/>
      <c r="BW3643" s="53"/>
      <c r="BX3643" s="53"/>
      <c r="BY3643" s="53"/>
      <c r="BZ3643" s="53"/>
      <c r="CA3643" s="53">
        <v>-10400000</v>
      </c>
      <c r="CB3643" s="53"/>
      <c r="CC3643" s="53"/>
      <c r="CD3643" s="53"/>
      <c r="CE3643" s="53"/>
      <c r="CF3643" s="53"/>
      <c r="CG3643" s="53"/>
      <c r="CH3643" s="53"/>
      <c r="CI3643" s="53"/>
      <c r="CJ3643" s="53"/>
      <c r="CK3643" s="53"/>
      <c r="CL3643" s="53"/>
      <c r="CM3643" s="53"/>
      <c r="CN3643" s="53"/>
    </row>
    <row r="3644" spans="1:92" outlineLevel="1">
      <c r="A3644" s="52" t="s">
        <v>724</v>
      </c>
      <c r="B3644" s="53">
        <v>-8400000</v>
      </c>
      <c r="C3644" s="53"/>
      <c r="D3644" s="53"/>
      <c r="E3644" s="53"/>
      <c r="F3644" s="53"/>
      <c r="G3644" s="53"/>
      <c r="H3644" s="53">
        <v>-8400000</v>
      </c>
      <c r="I3644" s="53"/>
      <c r="J3644" s="53"/>
      <c r="K3644" s="53"/>
      <c r="L3644" s="53"/>
      <c r="M3644" s="53"/>
      <c r="N3644" s="53">
        <v>-16800000</v>
      </c>
      <c r="O3644" s="53">
        <v>-8400000</v>
      </c>
      <c r="P3644" s="53"/>
      <c r="Q3644" s="53"/>
      <c r="R3644" s="53"/>
      <c r="S3644" s="53"/>
      <c r="T3644" s="53"/>
      <c r="U3644" s="53">
        <v>-8400000</v>
      </c>
      <c r="V3644" s="53"/>
      <c r="W3644" s="53"/>
      <c r="X3644" s="53"/>
      <c r="Y3644" s="53"/>
      <c r="Z3644" s="53"/>
      <c r="AA3644" s="53">
        <v>-16800000</v>
      </c>
      <c r="AB3644" s="53">
        <v>-8400000</v>
      </c>
      <c r="AC3644" s="53"/>
      <c r="AD3644" s="53"/>
      <c r="AE3644" s="53"/>
      <c r="AF3644" s="53"/>
      <c r="AG3644" s="53"/>
      <c r="AH3644" s="53">
        <v>-8400000</v>
      </c>
      <c r="AI3644" s="53"/>
      <c r="AJ3644" s="53"/>
      <c r="AK3644" s="53"/>
      <c r="AL3644" s="53"/>
      <c r="AM3644" s="53"/>
      <c r="AN3644" s="53">
        <v>-16800000</v>
      </c>
      <c r="AO3644" s="53">
        <v>-8400000</v>
      </c>
      <c r="AP3644" s="53"/>
      <c r="AQ3644" s="53"/>
      <c r="AR3644" s="53"/>
      <c r="AS3644" s="53"/>
      <c r="AT3644" s="53"/>
      <c r="AU3644" s="53">
        <v>-8400000</v>
      </c>
      <c r="AV3644" s="53"/>
      <c r="AW3644" s="53"/>
      <c r="AX3644" s="53"/>
      <c r="AY3644" s="53"/>
      <c r="AZ3644" s="53"/>
      <c r="BA3644" s="53">
        <v>-16800000</v>
      </c>
      <c r="BB3644" s="53">
        <v>-8400000</v>
      </c>
      <c r="BC3644" s="53"/>
      <c r="BD3644" s="53"/>
      <c r="BE3644" s="53"/>
      <c r="BF3644" s="53"/>
      <c r="BG3644" s="53"/>
      <c r="BH3644" s="53">
        <v>-8400000</v>
      </c>
      <c r="BI3644" s="53"/>
      <c r="BJ3644" s="53"/>
      <c r="BK3644" s="53"/>
      <c r="BL3644" s="53"/>
      <c r="BM3644" s="53"/>
      <c r="BN3644" s="53">
        <v>-16800000</v>
      </c>
      <c r="BO3644" s="53">
        <v>-8400000</v>
      </c>
      <c r="BP3644" s="53"/>
      <c r="BQ3644" s="53"/>
      <c r="BR3644" s="53"/>
      <c r="BS3644" s="53"/>
      <c r="BT3644" s="53"/>
      <c r="BU3644" s="53">
        <v>-8400000</v>
      </c>
      <c r="BV3644" s="53"/>
      <c r="BW3644" s="53"/>
      <c r="BX3644" s="53"/>
      <c r="BY3644" s="53"/>
      <c r="BZ3644" s="53"/>
      <c r="CA3644" s="53">
        <v>-16800000</v>
      </c>
      <c r="CB3644" s="53"/>
      <c r="CC3644" s="53"/>
      <c r="CD3644" s="53"/>
      <c r="CE3644" s="53"/>
      <c r="CF3644" s="53"/>
      <c r="CG3644" s="53"/>
      <c r="CH3644" s="53"/>
      <c r="CI3644" s="53"/>
      <c r="CJ3644" s="53"/>
      <c r="CK3644" s="53"/>
      <c r="CL3644" s="53"/>
      <c r="CM3644" s="53"/>
      <c r="CN3644" s="53"/>
    </row>
    <row r="3645" spans="1:92" outlineLevel="1">
      <c r="A3645" s="52" t="s">
        <v>725</v>
      </c>
      <c r="B3645" s="53">
        <v>-11400000</v>
      </c>
      <c r="C3645" s="53"/>
      <c r="D3645" s="53"/>
      <c r="E3645" s="53"/>
      <c r="F3645" s="53"/>
      <c r="G3645" s="53"/>
      <c r="H3645" s="53">
        <v>-11400000</v>
      </c>
      <c r="I3645" s="53"/>
      <c r="J3645" s="53"/>
      <c r="K3645" s="53"/>
      <c r="L3645" s="53"/>
      <c r="M3645" s="53"/>
      <c r="N3645" s="53">
        <v>-22800000</v>
      </c>
      <c r="O3645" s="53">
        <v>-11400000</v>
      </c>
      <c r="P3645" s="53"/>
      <c r="Q3645" s="53"/>
      <c r="R3645" s="53"/>
      <c r="S3645" s="53"/>
      <c r="T3645" s="53"/>
      <c r="U3645" s="53">
        <v>-11400000</v>
      </c>
      <c r="V3645" s="53"/>
      <c r="W3645" s="53"/>
      <c r="X3645" s="53"/>
      <c r="Y3645" s="53"/>
      <c r="Z3645" s="53"/>
      <c r="AA3645" s="53">
        <v>-22800000</v>
      </c>
      <c r="AB3645" s="53">
        <v>-11400000</v>
      </c>
      <c r="AC3645" s="53"/>
      <c r="AD3645" s="53"/>
      <c r="AE3645" s="53"/>
      <c r="AF3645" s="53"/>
      <c r="AG3645" s="53"/>
      <c r="AH3645" s="53">
        <v>-11400000</v>
      </c>
      <c r="AI3645" s="53"/>
      <c r="AJ3645" s="53"/>
      <c r="AK3645" s="53"/>
      <c r="AL3645" s="53"/>
      <c r="AM3645" s="53"/>
      <c r="AN3645" s="53">
        <v>-22800000</v>
      </c>
      <c r="AO3645" s="53">
        <v>-11400000</v>
      </c>
      <c r="AP3645" s="53"/>
      <c r="AQ3645" s="53"/>
      <c r="AR3645" s="53"/>
      <c r="AS3645" s="53"/>
      <c r="AT3645" s="53"/>
      <c r="AU3645" s="53">
        <v>-11400000</v>
      </c>
      <c r="AV3645" s="53"/>
      <c r="AW3645" s="53"/>
      <c r="AX3645" s="53"/>
      <c r="AY3645" s="53"/>
      <c r="AZ3645" s="53"/>
      <c r="BA3645" s="53">
        <v>-22800000</v>
      </c>
      <c r="BB3645" s="53">
        <v>-11400000</v>
      </c>
      <c r="BC3645" s="53"/>
      <c r="BD3645" s="53"/>
      <c r="BE3645" s="53"/>
      <c r="BF3645" s="53"/>
      <c r="BG3645" s="53"/>
      <c r="BH3645" s="53">
        <v>-11400000</v>
      </c>
      <c r="BI3645" s="53"/>
      <c r="BJ3645" s="53"/>
      <c r="BK3645" s="53"/>
      <c r="BL3645" s="53"/>
      <c r="BM3645" s="53"/>
      <c r="BN3645" s="53">
        <v>-22800000</v>
      </c>
      <c r="BO3645" s="53">
        <v>-11400000</v>
      </c>
      <c r="BP3645" s="53"/>
      <c r="BQ3645" s="53"/>
      <c r="BR3645" s="53"/>
      <c r="BS3645" s="53"/>
      <c r="BT3645" s="53"/>
      <c r="BU3645" s="53">
        <v>-11400000</v>
      </c>
      <c r="BV3645" s="53"/>
      <c r="BW3645" s="53"/>
      <c r="BX3645" s="53"/>
      <c r="BY3645" s="53"/>
      <c r="BZ3645" s="53"/>
      <c r="CA3645" s="53">
        <v>-22800000</v>
      </c>
      <c r="CB3645" s="53"/>
      <c r="CC3645" s="53"/>
      <c r="CD3645" s="53"/>
      <c r="CE3645" s="53"/>
      <c r="CF3645" s="53"/>
      <c r="CG3645" s="53"/>
      <c r="CH3645" s="53"/>
      <c r="CI3645" s="53"/>
      <c r="CJ3645" s="53"/>
      <c r="CK3645" s="53"/>
      <c r="CL3645" s="53"/>
      <c r="CM3645" s="53"/>
      <c r="CN3645" s="53"/>
    </row>
    <row r="3646" spans="1:92" outlineLevel="1">
      <c r="A3646" s="52" t="s">
        <v>726</v>
      </c>
      <c r="B3646" s="53"/>
      <c r="C3646" s="53"/>
      <c r="D3646" s="53"/>
      <c r="E3646" s="53"/>
      <c r="F3646" s="53"/>
      <c r="G3646" s="53">
        <v>-8750000.1111111101</v>
      </c>
      <c r="H3646" s="53"/>
      <c r="I3646" s="53"/>
      <c r="J3646" s="53"/>
      <c r="K3646" s="53"/>
      <c r="L3646" s="53"/>
      <c r="M3646" s="53">
        <v>-8750000.1111111101</v>
      </c>
      <c r="N3646" s="53">
        <v>-17500000.222222202</v>
      </c>
      <c r="O3646" s="53"/>
      <c r="P3646" s="53"/>
      <c r="Q3646" s="53"/>
      <c r="R3646" s="53"/>
      <c r="S3646" s="53"/>
      <c r="T3646" s="53">
        <v>-8749999.7777777705</v>
      </c>
      <c r="U3646" s="53"/>
      <c r="V3646" s="53"/>
      <c r="W3646" s="53"/>
      <c r="X3646" s="53"/>
      <c r="Y3646" s="53"/>
      <c r="Z3646" s="53">
        <v>-8750000</v>
      </c>
      <c r="AA3646" s="53">
        <v>-17499999.777777702</v>
      </c>
      <c r="AB3646" s="53"/>
      <c r="AC3646" s="53"/>
      <c r="AD3646" s="53"/>
      <c r="AE3646" s="53"/>
      <c r="AF3646" s="53"/>
      <c r="AG3646" s="53">
        <v>-8750000</v>
      </c>
      <c r="AH3646" s="53"/>
      <c r="AI3646" s="53"/>
      <c r="AJ3646" s="53"/>
      <c r="AK3646" s="53"/>
      <c r="AL3646" s="53"/>
      <c r="AM3646" s="53">
        <v>-8750000</v>
      </c>
      <c r="AN3646" s="53">
        <v>-17500000</v>
      </c>
      <c r="AO3646" s="53"/>
      <c r="AP3646" s="53"/>
      <c r="AQ3646" s="53"/>
      <c r="AR3646" s="53"/>
      <c r="AS3646" s="53"/>
      <c r="AT3646" s="53">
        <v>-8750000</v>
      </c>
      <c r="AU3646" s="53"/>
      <c r="AV3646" s="53"/>
      <c r="AW3646" s="53"/>
      <c r="AX3646" s="53"/>
      <c r="AY3646" s="53"/>
      <c r="AZ3646" s="53">
        <v>-8750000</v>
      </c>
      <c r="BA3646" s="53">
        <v>-17500000</v>
      </c>
      <c r="BB3646" s="53"/>
      <c r="BC3646" s="53"/>
      <c r="BD3646" s="53"/>
      <c r="BE3646" s="53"/>
      <c r="BF3646" s="53"/>
      <c r="BG3646" s="53">
        <v>-8750000</v>
      </c>
      <c r="BH3646" s="53"/>
      <c r="BI3646" s="53"/>
      <c r="BJ3646" s="53"/>
      <c r="BK3646" s="53"/>
      <c r="BL3646" s="53"/>
      <c r="BM3646" s="53">
        <v>-8750000</v>
      </c>
      <c r="BN3646" s="53">
        <v>-17500000</v>
      </c>
      <c r="BO3646" s="53"/>
      <c r="BP3646" s="53"/>
      <c r="BQ3646" s="53"/>
      <c r="BR3646" s="53"/>
      <c r="BS3646" s="53"/>
      <c r="BT3646" s="53">
        <v>-8750000</v>
      </c>
      <c r="BU3646" s="53"/>
      <c r="BV3646" s="53"/>
      <c r="BW3646" s="53"/>
      <c r="BX3646" s="53"/>
      <c r="BY3646" s="53"/>
      <c r="BZ3646" s="53">
        <v>-8750000</v>
      </c>
      <c r="CA3646" s="53">
        <v>-17500000</v>
      </c>
      <c r="CB3646" s="53"/>
      <c r="CC3646" s="53"/>
      <c r="CD3646" s="53"/>
      <c r="CE3646" s="53"/>
      <c r="CF3646" s="53"/>
      <c r="CG3646" s="53"/>
      <c r="CH3646" s="53"/>
      <c r="CI3646" s="53"/>
      <c r="CJ3646" s="53"/>
      <c r="CK3646" s="53"/>
      <c r="CL3646" s="53"/>
      <c r="CM3646" s="53"/>
      <c r="CN3646" s="53"/>
    </row>
    <row r="3647" spans="1:92" outlineLevel="1">
      <c r="A3647" s="52" t="s">
        <v>728</v>
      </c>
      <c r="B3647" s="53"/>
      <c r="C3647" s="53"/>
      <c r="D3647" s="53"/>
      <c r="E3647" s="53"/>
      <c r="F3647" s="53"/>
      <c r="G3647" s="53">
        <v>-4374999.3333333302</v>
      </c>
      <c r="H3647" s="53"/>
      <c r="I3647" s="53"/>
      <c r="J3647" s="53"/>
      <c r="K3647" s="53"/>
      <c r="L3647" s="53"/>
      <c r="M3647" s="53">
        <v>-4375000.3333333302</v>
      </c>
      <c r="N3647" s="53">
        <v>-8749999.6666666605</v>
      </c>
      <c r="O3647" s="53"/>
      <c r="P3647" s="53"/>
      <c r="Q3647" s="53"/>
      <c r="R3647" s="53"/>
      <c r="S3647" s="53"/>
      <c r="T3647" s="53">
        <v>-4374999.6666666605</v>
      </c>
      <c r="U3647" s="53"/>
      <c r="V3647" s="53"/>
      <c r="W3647" s="53"/>
      <c r="X3647" s="53"/>
      <c r="Y3647" s="53"/>
      <c r="Z3647" s="53">
        <v>-4375000</v>
      </c>
      <c r="AA3647" s="53">
        <v>-8749999.6666666605</v>
      </c>
      <c r="AB3647" s="53"/>
      <c r="AC3647" s="53"/>
      <c r="AD3647" s="53"/>
      <c r="AE3647" s="53"/>
      <c r="AF3647" s="53"/>
      <c r="AG3647" s="53">
        <v>-4375000</v>
      </c>
      <c r="AH3647" s="53"/>
      <c r="AI3647" s="53"/>
      <c r="AJ3647" s="53"/>
      <c r="AK3647" s="53"/>
      <c r="AL3647" s="53"/>
      <c r="AM3647" s="53">
        <v>-4375000</v>
      </c>
      <c r="AN3647" s="53">
        <v>-8750000</v>
      </c>
      <c r="AO3647" s="53"/>
      <c r="AP3647" s="53"/>
      <c r="AQ3647" s="53"/>
      <c r="AR3647" s="53"/>
      <c r="AS3647" s="53"/>
      <c r="AT3647" s="53">
        <v>-4375000</v>
      </c>
      <c r="AU3647" s="53"/>
      <c r="AV3647" s="53"/>
      <c r="AW3647" s="53"/>
      <c r="AX3647" s="53"/>
      <c r="AY3647" s="53"/>
      <c r="AZ3647" s="53">
        <v>-4375000</v>
      </c>
      <c r="BA3647" s="53">
        <v>-8750000</v>
      </c>
      <c r="BB3647" s="53"/>
      <c r="BC3647" s="53"/>
      <c r="BD3647" s="53"/>
      <c r="BE3647" s="53"/>
      <c r="BF3647" s="53"/>
      <c r="BG3647" s="53">
        <v>-4375000</v>
      </c>
      <c r="BH3647" s="53"/>
      <c r="BI3647" s="53"/>
      <c r="BJ3647" s="53"/>
      <c r="BK3647" s="53"/>
      <c r="BL3647" s="53"/>
      <c r="BM3647" s="53">
        <v>-4375000</v>
      </c>
      <c r="BN3647" s="53">
        <v>-8750000</v>
      </c>
      <c r="BO3647" s="53"/>
      <c r="BP3647" s="53"/>
      <c r="BQ3647" s="53"/>
      <c r="BR3647" s="53"/>
      <c r="BS3647" s="53"/>
      <c r="BT3647" s="53">
        <v>-4375000</v>
      </c>
      <c r="BU3647" s="53"/>
      <c r="BV3647" s="53"/>
      <c r="BW3647" s="53"/>
      <c r="BX3647" s="53"/>
      <c r="BY3647" s="53"/>
      <c r="BZ3647" s="53">
        <v>-4375000</v>
      </c>
      <c r="CA3647" s="53">
        <v>-8750000</v>
      </c>
      <c r="CB3647" s="53"/>
      <c r="CC3647" s="53"/>
      <c r="CD3647" s="53"/>
      <c r="CE3647" s="53"/>
      <c r="CF3647" s="53"/>
      <c r="CG3647" s="53"/>
      <c r="CH3647" s="53"/>
      <c r="CI3647" s="53"/>
      <c r="CJ3647" s="53"/>
      <c r="CK3647" s="53"/>
      <c r="CL3647" s="53"/>
      <c r="CM3647" s="53"/>
      <c r="CN3647" s="53"/>
    </row>
    <row r="3648" spans="1:92" outlineLevel="1">
      <c r="A3648" s="52" t="s">
        <v>729</v>
      </c>
      <c r="B3648" s="53"/>
      <c r="C3648" s="53"/>
      <c r="D3648" s="53"/>
      <c r="E3648" s="53"/>
      <c r="F3648" s="53"/>
      <c r="G3648" s="53">
        <v>-8366129</v>
      </c>
      <c r="H3648" s="53"/>
      <c r="I3648" s="53"/>
      <c r="J3648" s="53"/>
      <c r="K3648" s="53"/>
      <c r="L3648" s="53"/>
      <c r="M3648" s="53">
        <v>-7800000</v>
      </c>
      <c r="N3648" s="53">
        <v>-16166129</v>
      </c>
      <c r="O3648" s="53"/>
      <c r="P3648" s="53"/>
      <c r="Q3648" s="53"/>
      <c r="R3648" s="53"/>
      <c r="S3648" s="53"/>
      <c r="T3648" s="53">
        <v>-7800000</v>
      </c>
      <c r="U3648" s="53"/>
      <c r="V3648" s="53"/>
      <c r="W3648" s="53"/>
      <c r="X3648" s="53"/>
      <c r="Y3648" s="53"/>
      <c r="Z3648" s="53">
        <v>-7800000</v>
      </c>
      <c r="AA3648" s="53">
        <v>-15600000</v>
      </c>
      <c r="AB3648" s="53"/>
      <c r="AC3648" s="53"/>
      <c r="AD3648" s="53"/>
      <c r="AE3648" s="53"/>
      <c r="AF3648" s="53"/>
      <c r="AG3648" s="53">
        <v>-7800000</v>
      </c>
      <c r="AH3648" s="53"/>
      <c r="AI3648" s="53"/>
      <c r="AJ3648" s="53"/>
      <c r="AK3648" s="53"/>
      <c r="AL3648" s="53"/>
      <c r="AM3648" s="53">
        <v>-7800000</v>
      </c>
      <c r="AN3648" s="53">
        <v>-15600000</v>
      </c>
      <c r="AO3648" s="53"/>
      <c r="AP3648" s="53"/>
      <c r="AQ3648" s="53"/>
      <c r="AR3648" s="53"/>
      <c r="AS3648" s="53"/>
      <c r="AT3648" s="53">
        <v>-7800000</v>
      </c>
      <c r="AU3648" s="53"/>
      <c r="AV3648" s="53"/>
      <c r="AW3648" s="53"/>
      <c r="AX3648" s="53"/>
      <c r="AY3648" s="53"/>
      <c r="AZ3648" s="53">
        <v>-7800000</v>
      </c>
      <c r="BA3648" s="53">
        <v>-15600000</v>
      </c>
      <c r="BB3648" s="53"/>
      <c r="BC3648" s="53"/>
      <c r="BD3648" s="53"/>
      <c r="BE3648" s="53"/>
      <c r="BF3648" s="53"/>
      <c r="BG3648" s="53">
        <v>-7800000</v>
      </c>
      <c r="BH3648" s="53"/>
      <c r="BI3648" s="53"/>
      <c r="BJ3648" s="53"/>
      <c r="BK3648" s="53"/>
      <c r="BL3648" s="53"/>
      <c r="BM3648" s="53">
        <v>-7800000</v>
      </c>
      <c r="BN3648" s="53">
        <v>-15600000</v>
      </c>
      <c r="BO3648" s="53"/>
      <c r="BP3648" s="53"/>
      <c r="BQ3648" s="53"/>
      <c r="BR3648" s="53"/>
      <c r="BS3648" s="53"/>
      <c r="BT3648" s="53">
        <v>-7800000</v>
      </c>
      <c r="BU3648" s="53"/>
      <c r="BV3648" s="53"/>
      <c r="BW3648" s="53"/>
      <c r="BX3648" s="53"/>
      <c r="BY3648" s="53"/>
      <c r="BZ3648" s="53">
        <v>-7800000</v>
      </c>
      <c r="CA3648" s="53">
        <v>-15600000</v>
      </c>
      <c r="CB3648" s="53"/>
      <c r="CC3648" s="53"/>
      <c r="CD3648" s="53"/>
      <c r="CE3648" s="53"/>
      <c r="CF3648" s="53"/>
      <c r="CG3648" s="53"/>
      <c r="CH3648" s="53"/>
      <c r="CI3648" s="53"/>
      <c r="CJ3648" s="53"/>
      <c r="CK3648" s="53"/>
      <c r="CL3648" s="53"/>
      <c r="CM3648" s="53"/>
      <c r="CN3648" s="53"/>
    </row>
    <row r="3649" spans="1:92" outlineLevel="1">
      <c r="A3649" s="52" t="s">
        <v>730</v>
      </c>
      <c r="B3649" s="53"/>
      <c r="C3649" s="53"/>
      <c r="D3649" s="53"/>
      <c r="E3649" s="53"/>
      <c r="F3649" s="53"/>
      <c r="G3649" s="53">
        <v>-8044355</v>
      </c>
      <c r="H3649" s="53"/>
      <c r="I3649" s="53"/>
      <c r="J3649" s="53"/>
      <c r="K3649" s="53"/>
      <c r="L3649" s="53"/>
      <c r="M3649" s="53">
        <v>-7500000</v>
      </c>
      <c r="N3649" s="53">
        <v>-15544355</v>
      </c>
      <c r="O3649" s="53"/>
      <c r="P3649" s="53"/>
      <c r="Q3649" s="53"/>
      <c r="R3649" s="53"/>
      <c r="S3649" s="53"/>
      <c r="T3649" s="53">
        <v>-7499999.9999999898</v>
      </c>
      <c r="U3649" s="53"/>
      <c r="V3649" s="53"/>
      <c r="W3649" s="53"/>
      <c r="X3649" s="53"/>
      <c r="Y3649" s="53"/>
      <c r="Z3649" s="53">
        <v>-7499999.9999999898</v>
      </c>
      <c r="AA3649" s="53">
        <v>-14999999.999999899</v>
      </c>
      <c r="AB3649" s="53"/>
      <c r="AC3649" s="53"/>
      <c r="AD3649" s="53"/>
      <c r="AE3649" s="53"/>
      <c r="AF3649" s="53"/>
      <c r="AG3649" s="53">
        <v>-7499999.9999999898</v>
      </c>
      <c r="AH3649" s="53"/>
      <c r="AI3649" s="53"/>
      <c r="AJ3649" s="53"/>
      <c r="AK3649" s="53"/>
      <c r="AL3649" s="53"/>
      <c r="AM3649" s="53">
        <v>-7499999.9999999898</v>
      </c>
      <c r="AN3649" s="53">
        <v>-14999999.999999899</v>
      </c>
      <c r="AO3649" s="53"/>
      <c r="AP3649" s="53"/>
      <c r="AQ3649" s="53"/>
      <c r="AR3649" s="53"/>
      <c r="AS3649" s="53"/>
      <c r="AT3649" s="53">
        <v>-7499999.9999999898</v>
      </c>
      <c r="AU3649" s="53"/>
      <c r="AV3649" s="53"/>
      <c r="AW3649" s="53"/>
      <c r="AX3649" s="53"/>
      <c r="AY3649" s="53"/>
      <c r="AZ3649" s="53">
        <v>-7499999.9999999898</v>
      </c>
      <c r="BA3649" s="53">
        <v>-14999999.999999899</v>
      </c>
      <c r="BB3649" s="53"/>
      <c r="BC3649" s="53"/>
      <c r="BD3649" s="53"/>
      <c r="BE3649" s="53"/>
      <c r="BF3649" s="53"/>
      <c r="BG3649" s="53">
        <v>-7499999.9999999898</v>
      </c>
      <c r="BH3649" s="53"/>
      <c r="BI3649" s="53"/>
      <c r="BJ3649" s="53"/>
      <c r="BK3649" s="53"/>
      <c r="BL3649" s="53"/>
      <c r="BM3649" s="53">
        <v>-7499999.9999999898</v>
      </c>
      <c r="BN3649" s="53">
        <v>-14999999.999999899</v>
      </c>
      <c r="BO3649" s="53"/>
      <c r="BP3649" s="53"/>
      <c r="BQ3649" s="53"/>
      <c r="BR3649" s="53"/>
      <c r="BS3649" s="53"/>
      <c r="BT3649" s="53">
        <v>-7499999.9999999898</v>
      </c>
      <c r="BU3649" s="53"/>
      <c r="BV3649" s="53"/>
      <c r="BW3649" s="53"/>
      <c r="BX3649" s="53"/>
      <c r="BY3649" s="53"/>
      <c r="BZ3649" s="53">
        <v>-7499999.9999999898</v>
      </c>
      <c r="CA3649" s="53">
        <v>-14999999.999999899</v>
      </c>
      <c r="CB3649" s="53"/>
      <c r="CC3649" s="53"/>
      <c r="CD3649" s="53"/>
      <c r="CE3649" s="53"/>
      <c r="CF3649" s="53"/>
      <c r="CG3649" s="53"/>
      <c r="CH3649" s="53"/>
      <c r="CI3649" s="53"/>
      <c r="CJ3649" s="53"/>
      <c r="CK3649" s="53"/>
      <c r="CL3649" s="53"/>
      <c r="CM3649" s="53"/>
      <c r="CN3649" s="53"/>
    </row>
    <row r="3650" spans="1:92">
      <c r="A3650" s="52" t="s">
        <v>1564</v>
      </c>
      <c r="B3650" s="53"/>
      <c r="C3650" s="53"/>
      <c r="D3650" s="53"/>
      <c r="E3650" s="53"/>
      <c r="F3650" s="53"/>
      <c r="G3650" s="53"/>
      <c r="H3650" s="53"/>
      <c r="I3650" s="53"/>
      <c r="J3650" s="53"/>
      <c r="K3650" s="53"/>
      <c r="L3650" s="53">
        <v>-1822724.4444444401</v>
      </c>
      <c r="M3650" s="53">
        <v>-2965061.4444444398</v>
      </c>
      <c r="N3650" s="53">
        <v>-4787785.8888888797</v>
      </c>
      <c r="O3650" s="53">
        <v>-2806790.4444444398</v>
      </c>
      <c r="P3650" s="53">
        <v>-3433333.3333333302</v>
      </c>
      <c r="Q3650" s="53">
        <v>-3433333.3333333302</v>
      </c>
      <c r="R3650" s="53">
        <v>-3433333.3333333302</v>
      </c>
      <c r="S3650" s="53">
        <v>-3433333.3333333302</v>
      </c>
      <c r="T3650" s="53">
        <v>-3433333.3333333302</v>
      </c>
      <c r="U3650" s="53">
        <v>-3428888.8888888801</v>
      </c>
      <c r="V3650" s="53">
        <v>-3300000</v>
      </c>
      <c r="W3650" s="53">
        <v>-3300000</v>
      </c>
      <c r="X3650" s="53">
        <v>-3300000</v>
      </c>
      <c r="Y3650" s="53">
        <v>-3300000</v>
      </c>
      <c r="Z3650" s="53">
        <v>-3300000</v>
      </c>
      <c r="AA3650" s="53">
        <v>-39902346</v>
      </c>
      <c r="AB3650" s="53">
        <v>-3287777.7777777701</v>
      </c>
      <c r="AC3650" s="53">
        <v>-2933333.3333333302</v>
      </c>
      <c r="AD3650" s="53">
        <v>-2933333.3333333302</v>
      </c>
      <c r="AE3650" s="53">
        <v>-4204444.4444444403</v>
      </c>
      <c r="AF3650" s="53"/>
      <c r="AG3650" s="53"/>
      <c r="AH3650" s="53"/>
      <c r="AI3650" s="53"/>
      <c r="AJ3650" s="53"/>
      <c r="AK3650" s="53"/>
      <c r="AL3650" s="53"/>
      <c r="AM3650" s="53"/>
      <c r="AN3650" s="53">
        <v>-13358888.888888801</v>
      </c>
      <c r="AO3650" s="53"/>
      <c r="AP3650" s="53"/>
      <c r="AQ3650" s="53"/>
      <c r="AR3650" s="53"/>
      <c r="AS3650" s="53"/>
      <c r="AT3650" s="53"/>
      <c r="AU3650" s="53"/>
      <c r="AV3650" s="53"/>
      <c r="AW3650" s="53"/>
      <c r="AX3650" s="53"/>
      <c r="AY3650" s="53"/>
      <c r="AZ3650" s="53"/>
      <c r="BA3650" s="53"/>
      <c r="BB3650" s="53"/>
      <c r="BC3650" s="53"/>
      <c r="BD3650" s="53"/>
      <c r="BE3650" s="53"/>
      <c r="BF3650" s="53"/>
      <c r="BG3650" s="53"/>
      <c r="BH3650" s="53"/>
      <c r="BI3650" s="53"/>
      <c r="BJ3650" s="53"/>
      <c r="BK3650" s="53"/>
      <c r="BL3650" s="53"/>
      <c r="BM3650" s="53"/>
      <c r="BN3650" s="53"/>
      <c r="BO3650" s="53"/>
      <c r="BP3650" s="53"/>
      <c r="BQ3650" s="53"/>
      <c r="BR3650" s="53"/>
      <c r="BS3650" s="53"/>
      <c r="BT3650" s="53"/>
      <c r="BU3650" s="53"/>
      <c r="BV3650" s="53"/>
      <c r="BW3650" s="53"/>
      <c r="BX3650" s="53"/>
      <c r="BY3650" s="53"/>
      <c r="BZ3650" s="53"/>
      <c r="CA3650" s="53"/>
      <c r="CB3650" s="53"/>
      <c r="CC3650" s="53"/>
      <c r="CD3650" s="53"/>
      <c r="CE3650" s="53"/>
      <c r="CF3650" s="53"/>
      <c r="CG3650" s="53"/>
      <c r="CH3650" s="53"/>
      <c r="CI3650" s="53"/>
      <c r="CJ3650" s="53"/>
      <c r="CK3650" s="53"/>
      <c r="CL3650" s="53"/>
      <c r="CM3650" s="53"/>
      <c r="CN3650" s="53"/>
    </row>
    <row r="3651" spans="1:92">
      <c r="A3651" s="52" t="s">
        <v>1565</v>
      </c>
      <c r="B3651" s="53"/>
      <c r="C3651" s="53"/>
      <c r="D3651" s="53"/>
      <c r="E3651" s="53"/>
      <c r="F3651" s="53"/>
      <c r="G3651" s="53"/>
      <c r="H3651" s="53"/>
      <c r="I3651" s="53"/>
      <c r="J3651" s="53"/>
      <c r="K3651" s="53"/>
      <c r="L3651" s="53"/>
      <c r="M3651" s="53"/>
      <c r="N3651" s="53"/>
      <c r="O3651" s="53"/>
      <c r="P3651" s="53"/>
      <c r="Q3651" s="53"/>
      <c r="R3651" s="53"/>
      <c r="S3651" s="53">
        <v>-15288194</v>
      </c>
      <c r="T3651" s="53"/>
      <c r="U3651" s="53"/>
      <c r="V3651" s="53"/>
      <c r="W3651" s="53"/>
      <c r="X3651" s="53"/>
      <c r="Y3651" s="53">
        <v>-14874999.999999899</v>
      </c>
      <c r="Z3651" s="53"/>
      <c r="AA3651" s="53">
        <v>-30163193.999999899</v>
      </c>
      <c r="AB3651" s="53"/>
      <c r="AC3651" s="53"/>
      <c r="AD3651" s="53"/>
      <c r="AE3651" s="53"/>
      <c r="AF3651" s="53">
        <v>-14874999.999999899</v>
      </c>
      <c r="AG3651" s="53"/>
      <c r="AH3651" s="53"/>
      <c r="AI3651" s="53"/>
      <c r="AJ3651" s="53"/>
      <c r="AK3651" s="53"/>
      <c r="AL3651" s="53">
        <v>-14874999.999999899</v>
      </c>
      <c r="AM3651" s="53"/>
      <c r="AN3651" s="53">
        <v>-29749999.999999899</v>
      </c>
      <c r="AO3651" s="53"/>
      <c r="AP3651" s="53"/>
      <c r="AQ3651" s="53"/>
      <c r="AR3651" s="53"/>
      <c r="AS3651" s="53">
        <v>-14874999.999999899</v>
      </c>
      <c r="AT3651" s="53"/>
      <c r="AU3651" s="53"/>
      <c r="AV3651" s="53"/>
      <c r="AW3651" s="53"/>
      <c r="AX3651" s="53"/>
      <c r="AY3651" s="53">
        <v>-14874999.999999899</v>
      </c>
      <c r="AZ3651" s="53"/>
      <c r="BA3651" s="53">
        <v>-29749999.999999899</v>
      </c>
      <c r="BB3651" s="53"/>
      <c r="BC3651" s="53"/>
      <c r="BD3651" s="53"/>
      <c r="BE3651" s="53"/>
      <c r="BF3651" s="53">
        <v>-14874999.999999899</v>
      </c>
      <c r="BG3651" s="53"/>
      <c r="BH3651" s="53"/>
      <c r="BI3651" s="53"/>
      <c r="BJ3651" s="53"/>
      <c r="BK3651" s="53"/>
      <c r="BL3651" s="53">
        <v>-14874999.999999899</v>
      </c>
      <c r="BM3651" s="53"/>
      <c r="BN3651" s="53">
        <v>-29749999.999999899</v>
      </c>
      <c r="BO3651" s="53"/>
      <c r="BP3651" s="53"/>
      <c r="BQ3651" s="53"/>
      <c r="BR3651" s="53"/>
      <c r="BS3651" s="53">
        <v>-14874999.999999899</v>
      </c>
      <c r="BT3651" s="53"/>
      <c r="BU3651" s="53"/>
      <c r="BV3651" s="53"/>
      <c r="BW3651" s="53"/>
      <c r="BX3651" s="53"/>
      <c r="BY3651" s="53">
        <v>-14874999.999999899</v>
      </c>
      <c r="BZ3651" s="53"/>
      <c r="CA3651" s="53">
        <v>-29749999.999999899</v>
      </c>
      <c r="CB3651" s="53"/>
      <c r="CC3651" s="53"/>
      <c r="CD3651" s="53"/>
      <c r="CE3651" s="53"/>
      <c r="CF3651" s="53"/>
      <c r="CG3651" s="53"/>
      <c r="CH3651" s="53"/>
      <c r="CI3651" s="53"/>
      <c r="CJ3651" s="53"/>
      <c r="CK3651" s="53"/>
      <c r="CL3651" s="53"/>
      <c r="CM3651" s="53"/>
      <c r="CN3651" s="53"/>
    </row>
    <row r="3652" spans="1:92">
      <c r="A3652" s="52" t="s">
        <v>1580</v>
      </c>
      <c r="B3652" s="53"/>
      <c r="C3652" s="53"/>
      <c r="D3652" s="53"/>
      <c r="E3652" s="53"/>
      <c r="F3652" s="53"/>
      <c r="G3652" s="53"/>
      <c r="H3652" s="53"/>
      <c r="I3652" s="53"/>
      <c r="J3652" s="53"/>
      <c r="K3652" s="53"/>
      <c r="L3652" s="53"/>
      <c r="M3652" s="53"/>
      <c r="N3652" s="53"/>
      <c r="O3652" s="53"/>
      <c r="P3652" s="53"/>
      <c r="Q3652" s="53"/>
      <c r="R3652" s="53"/>
      <c r="S3652" s="53"/>
      <c r="T3652" s="53"/>
      <c r="U3652" s="53"/>
      <c r="V3652" s="53"/>
      <c r="W3652" s="53"/>
      <c r="X3652" s="53"/>
      <c r="Y3652" s="53"/>
      <c r="Z3652" s="53"/>
      <c r="AA3652" s="53"/>
      <c r="AB3652" s="53"/>
      <c r="AC3652" s="53"/>
      <c r="AD3652" s="53"/>
      <c r="AE3652" s="53"/>
      <c r="AF3652" s="53"/>
      <c r="AG3652" s="53"/>
      <c r="AH3652" s="53"/>
      <c r="AI3652" s="53"/>
      <c r="AJ3652" s="53"/>
      <c r="AK3652" s="53"/>
      <c r="AL3652" s="53"/>
      <c r="AM3652" s="53"/>
      <c r="AN3652" s="53"/>
      <c r="AO3652" s="53"/>
      <c r="AP3652" s="53"/>
      <c r="AQ3652" s="53"/>
      <c r="AR3652" s="53"/>
      <c r="AS3652" s="53"/>
      <c r="AT3652" s="53"/>
      <c r="AU3652" s="53"/>
      <c r="AV3652" s="53"/>
      <c r="AW3652" s="53"/>
      <c r="AX3652" s="53"/>
      <c r="AY3652" s="53"/>
      <c r="AZ3652" s="53"/>
      <c r="BA3652" s="53"/>
      <c r="BB3652" s="53"/>
      <c r="BC3652" s="53"/>
      <c r="BD3652" s="53"/>
      <c r="BE3652" s="53"/>
      <c r="BF3652" s="53"/>
      <c r="BG3652" s="53"/>
      <c r="BH3652" s="53"/>
      <c r="BI3652" s="53"/>
      <c r="BJ3652" s="53"/>
      <c r="BK3652" s="53"/>
      <c r="BL3652" s="53"/>
      <c r="BM3652" s="53"/>
      <c r="BN3652" s="53"/>
      <c r="BO3652" s="53"/>
      <c r="BP3652" s="53"/>
      <c r="BQ3652" s="53"/>
      <c r="BR3652" s="53"/>
      <c r="BS3652" s="53"/>
      <c r="BT3652" s="53"/>
      <c r="BU3652" s="53"/>
      <c r="BV3652" s="53"/>
      <c r="BW3652" s="53"/>
      <c r="BX3652" s="53"/>
      <c r="BY3652" s="53"/>
      <c r="BZ3652" s="53"/>
      <c r="CA3652" s="53"/>
      <c r="CB3652" s="53"/>
      <c r="CC3652" s="53"/>
      <c r="CD3652" s="53"/>
      <c r="CE3652" s="53"/>
      <c r="CF3652" s="53"/>
      <c r="CG3652" s="53"/>
      <c r="CH3652" s="53"/>
      <c r="CI3652" s="53"/>
      <c r="CJ3652" s="53"/>
      <c r="CK3652" s="53"/>
      <c r="CL3652" s="53"/>
      <c r="CM3652" s="53"/>
      <c r="CN3652" s="53"/>
    </row>
    <row r="3653" spans="1:92">
      <c r="A3653" s="52" t="s">
        <v>711</v>
      </c>
      <c r="B3653" s="53"/>
      <c r="C3653" s="53"/>
      <c r="D3653" s="53"/>
      <c r="E3653" s="53"/>
      <c r="F3653" s="53"/>
      <c r="G3653" s="53"/>
      <c r="H3653" s="53"/>
      <c r="I3653" s="53"/>
      <c r="J3653" s="53"/>
      <c r="K3653" s="53"/>
      <c r="L3653" s="53"/>
      <c r="M3653" s="53"/>
      <c r="N3653" s="53"/>
      <c r="O3653" s="53"/>
      <c r="P3653" s="53"/>
      <c r="Q3653" s="53"/>
      <c r="R3653" s="53"/>
      <c r="S3653" s="53"/>
      <c r="T3653" s="53"/>
      <c r="U3653" s="53"/>
      <c r="V3653" s="53"/>
      <c r="W3653" s="53"/>
      <c r="X3653" s="53"/>
      <c r="Y3653" s="53"/>
      <c r="Z3653" s="53"/>
      <c r="AA3653" s="53"/>
      <c r="AB3653" s="53"/>
      <c r="AC3653" s="53"/>
      <c r="AD3653" s="53"/>
      <c r="AE3653" s="53"/>
      <c r="AF3653" s="53"/>
      <c r="AG3653" s="53"/>
      <c r="AH3653" s="53"/>
      <c r="AI3653" s="53"/>
      <c r="AJ3653" s="53"/>
      <c r="AK3653" s="53"/>
      <c r="AL3653" s="53"/>
      <c r="AM3653" s="53"/>
      <c r="AN3653" s="53"/>
      <c r="AO3653" s="53"/>
      <c r="AP3653" s="53"/>
      <c r="AQ3653" s="53"/>
      <c r="AR3653" s="53"/>
      <c r="AS3653" s="53"/>
      <c r="AT3653" s="53"/>
      <c r="AU3653" s="53"/>
      <c r="AV3653" s="53"/>
      <c r="AW3653" s="53"/>
      <c r="AX3653" s="53"/>
      <c r="AY3653" s="53"/>
      <c r="AZ3653" s="53"/>
      <c r="BA3653" s="53"/>
      <c r="BB3653" s="53"/>
      <c r="BC3653" s="53"/>
      <c r="BD3653" s="53"/>
      <c r="BE3653" s="53"/>
      <c r="BF3653" s="53"/>
      <c r="BG3653" s="53"/>
      <c r="BH3653" s="53"/>
      <c r="BI3653" s="53"/>
      <c r="BJ3653" s="53"/>
      <c r="BK3653" s="53"/>
      <c r="BL3653" s="53"/>
      <c r="BM3653" s="53"/>
      <c r="BN3653" s="53"/>
      <c r="BO3653" s="53"/>
      <c r="BP3653" s="53">
        <v>-150000000</v>
      </c>
      <c r="BQ3653" s="53"/>
      <c r="BR3653" s="53"/>
      <c r="BS3653" s="53"/>
      <c r="BT3653" s="53"/>
      <c r="BU3653" s="53"/>
      <c r="BV3653" s="53"/>
      <c r="BW3653" s="53"/>
      <c r="BX3653" s="53"/>
      <c r="BY3653" s="53"/>
      <c r="BZ3653" s="53"/>
      <c r="CA3653" s="53">
        <v>-150000000</v>
      </c>
      <c r="CB3653" s="53"/>
      <c r="CC3653" s="53"/>
      <c r="CD3653" s="53"/>
      <c r="CE3653" s="53"/>
      <c r="CF3653" s="53"/>
      <c r="CG3653" s="53"/>
      <c r="CH3653" s="53"/>
      <c r="CI3653" s="53"/>
      <c r="CJ3653" s="53"/>
      <c r="CK3653" s="53"/>
      <c r="CL3653" s="53"/>
      <c r="CM3653" s="53"/>
      <c r="CN3653" s="53"/>
    </row>
    <row r="3654" spans="1:92">
      <c r="A3654" s="52" t="s">
        <v>723</v>
      </c>
      <c r="B3654" s="53"/>
      <c r="C3654" s="53"/>
      <c r="D3654" s="53"/>
      <c r="E3654" s="53"/>
      <c r="F3654" s="53"/>
      <c r="G3654" s="53"/>
      <c r="H3654" s="53"/>
      <c r="I3654" s="53"/>
      <c r="J3654" s="53"/>
      <c r="K3654" s="53"/>
      <c r="L3654" s="53"/>
      <c r="M3654" s="53"/>
      <c r="N3654" s="53"/>
      <c r="O3654" s="53"/>
      <c r="P3654" s="53"/>
      <c r="Q3654" s="53"/>
      <c r="R3654" s="53"/>
      <c r="S3654" s="53"/>
      <c r="T3654" s="53"/>
      <c r="U3654" s="53"/>
      <c r="V3654" s="53"/>
      <c r="W3654" s="53"/>
      <c r="X3654" s="53"/>
      <c r="Y3654" s="53"/>
      <c r="Z3654" s="53"/>
      <c r="AA3654" s="53"/>
      <c r="AB3654" s="53"/>
      <c r="AC3654" s="53"/>
      <c r="AD3654" s="53"/>
      <c r="AE3654" s="53"/>
      <c r="AF3654" s="53"/>
      <c r="AG3654" s="53"/>
      <c r="AH3654" s="53"/>
      <c r="AI3654" s="53"/>
      <c r="AJ3654" s="53"/>
      <c r="AK3654" s="53"/>
      <c r="AL3654" s="53"/>
      <c r="AM3654" s="53"/>
      <c r="AN3654" s="53"/>
      <c r="AO3654" s="53"/>
      <c r="AP3654" s="53"/>
      <c r="AQ3654" s="53"/>
      <c r="AR3654" s="53"/>
      <c r="AS3654" s="53"/>
      <c r="AT3654" s="53"/>
      <c r="AU3654" s="53"/>
      <c r="AV3654" s="53"/>
      <c r="AW3654" s="53"/>
      <c r="AX3654" s="53"/>
      <c r="AY3654" s="53"/>
      <c r="AZ3654" s="53"/>
      <c r="BA3654" s="53"/>
      <c r="BB3654" s="53">
        <v>-650000000</v>
      </c>
      <c r="BC3654" s="53"/>
      <c r="BD3654" s="53"/>
      <c r="BE3654" s="53"/>
      <c r="BF3654" s="53"/>
      <c r="BG3654" s="53"/>
      <c r="BH3654" s="53"/>
      <c r="BI3654" s="53"/>
      <c r="BJ3654" s="53"/>
      <c r="BK3654" s="53"/>
      <c r="BL3654" s="53"/>
      <c r="BM3654" s="53"/>
      <c r="BN3654" s="53">
        <v>-650000000</v>
      </c>
      <c r="BO3654" s="53"/>
      <c r="BP3654" s="53"/>
      <c r="BQ3654" s="53"/>
      <c r="BR3654" s="53"/>
      <c r="BS3654" s="53"/>
      <c r="BT3654" s="53"/>
      <c r="BU3654" s="53"/>
      <c r="BV3654" s="53"/>
      <c r="BW3654" s="53"/>
      <c r="BX3654" s="53"/>
      <c r="BY3654" s="53"/>
      <c r="BZ3654" s="53"/>
      <c r="CA3654" s="53"/>
      <c r="CB3654" s="53"/>
      <c r="CC3654" s="53"/>
      <c r="CD3654" s="53"/>
      <c r="CE3654" s="53"/>
      <c r="CF3654" s="53"/>
      <c r="CG3654" s="53"/>
      <c r="CH3654" s="53"/>
      <c r="CI3654" s="53"/>
      <c r="CJ3654" s="53"/>
      <c r="CK3654" s="53"/>
      <c r="CL3654" s="53"/>
      <c r="CM3654" s="53"/>
      <c r="CN3654" s="53"/>
    </row>
    <row r="3655" spans="1:92">
      <c r="A3655" s="52" t="s">
        <v>725</v>
      </c>
      <c r="B3655" s="53"/>
      <c r="C3655" s="53"/>
      <c r="D3655" s="53"/>
      <c r="E3655" s="53"/>
      <c r="F3655" s="53"/>
      <c r="G3655" s="53"/>
      <c r="H3655" s="53"/>
      <c r="I3655" s="53"/>
      <c r="J3655" s="53"/>
      <c r="K3655" s="53"/>
      <c r="L3655" s="53"/>
      <c r="M3655" s="53"/>
      <c r="N3655" s="53"/>
      <c r="O3655" s="53"/>
      <c r="P3655" s="53"/>
      <c r="Q3655" s="53"/>
      <c r="R3655" s="53"/>
      <c r="S3655" s="53"/>
      <c r="T3655" s="53"/>
      <c r="U3655" s="53"/>
      <c r="V3655" s="53"/>
      <c r="W3655" s="53"/>
      <c r="X3655" s="53"/>
      <c r="Y3655" s="53"/>
      <c r="Z3655" s="53"/>
      <c r="AA3655" s="53"/>
      <c r="AB3655" s="53"/>
      <c r="AC3655" s="53"/>
      <c r="AD3655" s="53"/>
      <c r="AE3655" s="53"/>
      <c r="AF3655" s="53"/>
      <c r="AG3655" s="53"/>
      <c r="AH3655" s="53"/>
      <c r="AI3655" s="53"/>
      <c r="AJ3655" s="53"/>
      <c r="AK3655" s="53"/>
      <c r="AL3655" s="53"/>
      <c r="AM3655" s="53"/>
      <c r="AN3655" s="53"/>
      <c r="AO3655" s="53"/>
      <c r="AP3655" s="53"/>
      <c r="AQ3655" s="53"/>
      <c r="AR3655" s="53"/>
      <c r="AS3655" s="53"/>
      <c r="AT3655" s="53"/>
      <c r="AU3655" s="53"/>
      <c r="AV3655" s="53"/>
      <c r="AW3655" s="53"/>
      <c r="AX3655" s="53"/>
      <c r="AY3655" s="53"/>
      <c r="AZ3655" s="53"/>
      <c r="BA3655" s="53"/>
      <c r="BB3655" s="53"/>
      <c r="BC3655" s="53"/>
      <c r="BD3655" s="53"/>
      <c r="BE3655" s="53"/>
      <c r="BF3655" s="53"/>
      <c r="BG3655" s="53"/>
      <c r="BH3655" s="53"/>
      <c r="BI3655" s="53"/>
      <c r="BJ3655" s="53"/>
      <c r="BK3655" s="53"/>
      <c r="BL3655" s="53"/>
      <c r="BM3655" s="53"/>
      <c r="BN3655" s="53"/>
      <c r="BO3655" s="53"/>
      <c r="BP3655" s="53"/>
      <c r="BQ3655" s="53"/>
      <c r="BR3655" s="53"/>
      <c r="BS3655" s="53"/>
      <c r="BT3655" s="53"/>
      <c r="BU3655" s="53">
        <v>-600000000</v>
      </c>
      <c r="BV3655" s="53"/>
      <c r="BW3655" s="53"/>
      <c r="BX3655" s="53"/>
      <c r="BY3655" s="53"/>
      <c r="BZ3655" s="53"/>
      <c r="CA3655" s="53">
        <v>-600000000</v>
      </c>
      <c r="CB3655" s="53"/>
      <c r="CC3655" s="53"/>
      <c r="CD3655" s="53"/>
      <c r="CE3655" s="53"/>
      <c r="CF3655" s="53"/>
      <c r="CG3655" s="53"/>
      <c r="CH3655" s="53"/>
      <c r="CI3655" s="53"/>
      <c r="CJ3655" s="53"/>
      <c r="CK3655" s="53"/>
      <c r="CL3655" s="53"/>
      <c r="CM3655" s="53"/>
      <c r="CN3655" s="53"/>
    </row>
    <row r="3656" spans="1:92">
      <c r="A3656" s="52" t="s">
        <v>726</v>
      </c>
      <c r="B3656" s="53"/>
      <c r="C3656" s="53"/>
      <c r="D3656" s="53"/>
      <c r="E3656" s="53"/>
      <c r="F3656" s="53"/>
      <c r="G3656" s="53"/>
      <c r="H3656" s="53"/>
      <c r="I3656" s="53"/>
      <c r="J3656" s="53"/>
      <c r="K3656" s="53"/>
      <c r="L3656" s="53"/>
      <c r="M3656" s="53"/>
      <c r="N3656" s="53"/>
      <c r="O3656" s="53"/>
      <c r="P3656" s="53"/>
      <c r="Q3656" s="53"/>
      <c r="R3656" s="53"/>
      <c r="S3656" s="53"/>
      <c r="T3656" s="53"/>
      <c r="U3656" s="53"/>
      <c r="V3656" s="53"/>
      <c r="W3656" s="53"/>
      <c r="X3656" s="53"/>
      <c r="Y3656" s="53"/>
      <c r="Z3656" s="53"/>
      <c r="AA3656" s="53"/>
      <c r="AB3656" s="53"/>
      <c r="AC3656" s="53"/>
      <c r="AD3656" s="53"/>
      <c r="AE3656" s="53"/>
      <c r="AF3656" s="53"/>
      <c r="AG3656" s="53"/>
      <c r="AH3656" s="53"/>
      <c r="AI3656" s="53"/>
      <c r="AJ3656" s="53"/>
      <c r="AK3656" s="53"/>
      <c r="AL3656" s="53"/>
      <c r="AM3656" s="53"/>
      <c r="AN3656" s="53"/>
      <c r="AO3656" s="53"/>
      <c r="AP3656" s="53"/>
      <c r="AQ3656" s="53"/>
      <c r="AR3656" s="53"/>
      <c r="AS3656" s="53"/>
      <c r="AT3656" s="53"/>
      <c r="AU3656" s="53"/>
      <c r="AV3656" s="53"/>
      <c r="AW3656" s="53"/>
      <c r="AX3656" s="53"/>
      <c r="AY3656" s="53"/>
      <c r="AZ3656" s="53"/>
      <c r="BA3656" s="53"/>
      <c r="BB3656" s="53"/>
      <c r="BC3656" s="53"/>
      <c r="BD3656" s="53"/>
      <c r="BE3656" s="53"/>
      <c r="BF3656" s="53"/>
      <c r="BG3656" s="53"/>
      <c r="BH3656" s="53"/>
      <c r="BI3656" s="53"/>
      <c r="BJ3656" s="53"/>
      <c r="BK3656" s="53"/>
      <c r="BL3656" s="53"/>
      <c r="BM3656" s="53"/>
      <c r="BN3656" s="53"/>
      <c r="BO3656" s="53"/>
      <c r="BP3656" s="53"/>
      <c r="BQ3656" s="53"/>
      <c r="BR3656" s="53"/>
      <c r="BS3656" s="53"/>
      <c r="BT3656" s="53"/>
      <c r="BU3656" s="53"/>
      <c r="BV3656" s="53"/>
      <c r="BW3656" s="53"/>
      <c r="BX3656" s="53"/>
      <c r="BY3656" s="53"/>
      <c r="BZ3656" s="53"/>
      <c r="CA3656" s="53"/>
      <c r="CB3656" s="53">
        <v>853487</v>
      </c>
      <c r="CC3656" s="53">
        <v>853487</v>
      </c>
      <c r="CD3656" s="53">
        <v>853487</v>
      </c>
      <c r="CE3656" s="53">
        <v>853487</v>
      </c>
      <c r="CF3656" s="53">
        <v>853487</v>
      </c>
      <c r="CG3656" s="53">
        <v>853487</v>
      </c>
      <c r="CH3656" s="53">
        <v>853487</v>
      </c>
      <c r="CI3656" s="53">
        <v>853487</v>
      </c>
      <c r="CJ3656" s="53">
        <v>853487</v>
      </c>
      <c r="CK3656" s="53">
        <v>853487</v>
      </c>
      <c r="CL3656" s="53">
        <v>853487</v>
      </c>
      <c r="CM3656" s="53">
        <v>853487</v>
      </c>
      <c r="CN3656" s="53">
        <v>10241843.999999899</v>
      </c>
    </row>
    <row r="3657" spans="1:92" outlineLevel="1">
      <c r="A3657" s="52" t="s">
        <v>1564</v>
      </c>
      <c r="B3657" s="53"/>
      <c r="C3657" s="53"/>
      <c r="D3657" s="53"/>
      <c r="E3657" s="53"/>
      <c r="F3657" s="53"/>
      <c r="G3657" s="53"/>
      <c r="H3657" s="53"/>
      <c r="I3657" s="53"/>
      <c r="J3657" s="53"/>
      <c r="K3657" s="53"/>
      <c r="L3657" s="53"/>
      <c r="M3657" s="53"/>
      <c r="N3657" s="53"/>
      <c r="O3657" s="53"/>
      <c r="P3657" s="53"/>
      <c r="Q3657" s="53"/>
      <c r="R3657" s="53">
        <v>-800000000</v>
      </c>
      <c r="S3657" s="53"/>
      <c r="T3657" s="53"/>
      <c r="U3657" s="53"/>
      <c r="V3657" s="53"/>
      <c r="W3657" s="53"/>
      <c r="X3657" s="53"/>
      <c r="Y3657" s="53"/>
      <c r="Z3657" s="53"/>
      <c r="AA3657" s="53">
        <v>-800000000</v>
      </c>
      <c r="AB3657" s="53"/>
      <c r="AC3657" s="53"/>
      <c r="AD3657" s="53"/>
      <c r="AE3657" s="53"/>
      <c r="AF3657" s="53"/>
      <c r="AG3657" s="53"/>
      <c r="AH3657" s="53"/>
      <c r="AI3657" s="53"/>
      <c r="AJ3657" s="53"/>
      <c r="AK3657" s="53"/>
      <c r="AL3657" s="53"/>
      <c r="AM3657" s="53"/>
      <c r="AN3657" s="53"/>
      <c r="AO3657" s="53"/>
      <c r="AP3657" s="53"/>
      <c r="AQ3657" s="53"/>
      <c r="AR3657" s="53"/>
      <c r="AS3657" s="53"/>
      <c r="AT3657" s="53"/>
      <c r="AU3657" s="53"/>
      <c r="AV3657" s="53"/>
      <c r="AW3657" s="53"/>
      <c r="AX3657" s="53"/>
      <c r="AY3657" s="53"/>
      <c r="AZ3657" s="53"/>
      <c r="BA3657" s="53"/>
      <c r="BB3657" s="53"/>
      <c r="BC3657" s="53"/>
      <c r="BD3657" s="53"/>
      <c r="BE3657" s="53"/>
      <c r="BF3657" s="53"/>
      <c r="BG3657" s="53"/>
      <c r="BH3657" s="53"/>
      <c r="BI3657" s="53"/>
      <c r="BJ3657" s="53"/>
      <c r="BK3657" s="53"/>
      <c r="BL3657" s="53"/>
      <c r="BM3657" s="53"/>
      <c r="BN3657" s="53"/>
      <c r="BO3657" s="53"/>
      <c r="BP3657" s="53"/>
      <c r="BQ3657" s="53"/>
      <c r="BR3657" s="53"/>
      <c r="BS3657" s="53"/>
      <c r="BT3657" s="53"/>
      <c r="BU3657" s="53"/>
      <c r="BV3657" s="53"/>
      <c r="BW3657" s="53"/>
      <c r="BX3657" s="53"/>
      <c r="BY3657" s="53"/>
      <c r="BZ3657" s="53"/>
      <c r="CA3657" s="53"/>
      <c r="CB3657" s="53"/>
      <c r="CC3657" s="53"/>
      <c r="CD3657" s="53"/>
      <c r="CE3657" s="53"/>
      <c r="CF3657" s="53"/>
      <c r="CG3657" s="53"/>
      <c r="CH3657" s="53"/>
      <c r="CI3657" s="53"/>
      <c r="CJ3657" s="53"/>
      <c r="CK3657" s="53"/>
      <c r="CL3657" s="53"/>
      <c r="CM3657" s="53"/>
      <c r="CN3657" s="53"/>
    </row>
    <row r="3658" spans="1:92" outlineLevel="1">
      <c r="A3658" s="52" t="s">
        <v>1593</v>
      </c>
      <c r="B3658" s="53"/>
      <c r="C3658" s="53"/>
      <c r="D3658" s="53"/>
      <c r="E3658" s="53"/>
      <c r="F3658" s="53"/>
      <c r="G3658" s="53"/>
      <c r="H3658" s="53"/>
      <c r="I3658" s="53"/>
      <c r="J3658" s="53"/>
      <c r="K3658" s="53"/>
      <c r="L3658" s="53"/>
      <c r="M3658" s="53"/>
      <c r="N3658" s="53"/>
      <c r="O3658" s="53"/>
      <c r="P3658" s="53"/>
      <c r="Q3658" s="53"/>
      <c r="R3658" s="53"/>
      <c r="S3658" s="53"/>
      <c r="T3658" s="53"/>
      <c r="U3658" s="53"/>
      <c r="V3658" s="53"/>
      <c r="W3658" s="53"/>
      <c r="X3658" s="53"/>
      <c r="Y3658" s="53"/>
      <c r="Z3658" s="53"/>
      <c r="AA3658" s="53"/>
      <c r="AB3658" s="53"/>
      <c r="AC3658" s="53"/>
      <c r="AD3658" s="53"/>
      <c r="AE3658" s="53"/>
      <c r="AF3658" s="53"/>
      <c r="AG3658" s="53"/>
      <c r="AH3658" s="53"/>
      <c r="AI3658" s="53"/>
      <c r="AJ3658" s="53"/>
      <c r="AK3658" s="53"/>
      <c r="AL3658" s="53"/>
      <c r="AM3658" s="53"/>
      <c r="AN3658" s="53"/>
      <c r="AO3658" s="53"/>
      <c r="AP3658" s="53"/>
      <c r="AQ3658" s="53"/>
      <c r="AR3658" s="53"/>
      <c r="AS3658" s="53"/>
      <c r="AT3658" s="53"/>
      <c r="AU3658" s="53"/>
      <c r="AV3658" s="53"/>
      <c r="AW3658" s="53"/>
      <c r="AX3658" s="53"/>
      <c r="AY3658" s="53"/>
      <c r="AZ3658" s="53"/>
      <c r="BA3658" s="53"/>
      <c r="BB3658" s="53"/>
      <c r="BC3658" s="53"/>
      <c r="BD3658" s="53"/>
      <c r="BE3658" s="53"/>
      <c r="BF3658" s="53"/>
      <c r="BG3658" s="53"/>
      <c r="BH3658" s="53"/>
      <c r="BI3658" s="53"/>
      <c r="BJ3658" s="53"/>
      <c r="BK3658" s="53"/>
      <c r="BL3658" s="53"/>
      <c r="BM3658" s="53"/>
      <c r="BN3658" s="53"/>
      <c r="BO3658" s="53"/>
      <c r="BP3658" s="53"/>
      <c r="BQ3658" s="53"/>
      <c r="BR3658" s="53"/>
      <c r="BS3658" s="53"/>
      <c r="BT3658" s="53"/>
      <c r="BU3658" s="53"/>
      <c r="BV3658" s="53"/>
      <c r="BW3658" s="53"/>
      <c r="BX3658" s="53"/>
      <c r="BY3658" s="53"/>
      <c r="BZ3658" s="53"/>
      <c r="CA3658" s="53"/>
      <c r="CB3658" s="53">
        <v>256214</v>
      </c>
      <c r="CC3658" s="53">
        <v>256214</v>
      </c>
      <c r="CD3658" s="53">
        <v>256214</v>
      </c>
      <c r="CE3658" s="53">
        <v>256214</v>
      </c>
      <c r="CF3658" s="53">
        <v>256214</v>
      </c>
      <c r="CG3658" s="53">
        <v>256214</v>
      </c>
      <c r="CH3658" s="53">
        <v>256214</v>
      </c>
      <c r="CI3658" s="53">
        <v>256214</v>
      </c>
      <c r="CJ3658" s="53">
        <v>256214</v>
      </c>
      <c r="CK3658" s="53">
        <v>256214</v>
      </c>
      <c r="CL3658" s="53">
        <v>256214</v>
      </c>
      <c r="CM3658" s="53">
        <v>256214</v>
      </c>
      <c r="CN3658" s="53">
        <v>3074567.9999999902</v>
      </c>
    </row>
    <row r="3659" spans="1:92" outlineLevel="1">
      <c r="A3659" s="52" t="s">
        <v>711</v>
      </c>
      <c r="B3659" s="53">
        <v>-15351.524590163899</v>
      </c>
      <c r="C3659" s="53">
        <v>-15351.524590163899</v>
      </c>
      <c r="D3659" s="53">
        <v>-15351.524590163899</v>
      </c>
      <c r="E3659" s="53">
        <v>-15351.524590163899</v>
      </c>
      <c r="F3659" s="53">
        <v>-15351.524590163899</v>
      </c>
      <c r="G3659" s="53">
        <v>-15351.524590163899</v>
      </c>
      <c r="H3659" s="53">
        <v>-15351.524590163899</v>
      </c>
      <c r="I3659" s="53">
        <v>-15351.524590163899</v>
      </c>
      <c r="J3659" s="53">
        <v>-15351.524590163899</v>
      </c>
      <c r="K3659" s="53">
        <v>-15351.524590163899</v>
      </c>
      <c r="L3659" s="53">
        <v>-15351.524590163899</v>
      </c>
      <c r="M3659" s="53">
        <v>-15351.524590163899</v>
      </c>
      <c r="N3659" s="53">
        <v>-184218.29508196699</v>
      </c>
      <c r="O3659" s="53">
        <v>-15351.524590163899</v>
      </c>
      <c r="P3659" s="53">
        <v>-15351.524590163899</v>
      </c>
      <c r="Q3659" s="53">
        <v>-15351.524590163899</v>
      </c>
      <c r="R3659" s="53">
        <v>-15351.524590163899</v>
      </c>
      <c r="S3659" s="53">
        <v>-15351.524590163899</v>
      </c>
      <c r="T3659" s="53">
        <v>-15351.524590163899</v>
      </c>
      <c r="U3659" s="53">
        <v>-15351.524590163899</v>
      </c>
      <c r="V3659" s="53">
        <v>-15351.524590163899</v>
      </c>
      <c r="W3659" s="53">
        <v>-15351.524590163899</v>
      </c>
      <c r="X3659" s="53">
        <v>-15351.524590163899</v>
      </c>
      <c r="Y3659" s="53">
        <v>-15351.524590163899</v>
      </c>
      <c r="Z3659" s="53">
        <v>-15351.524590163899</v>
      </c>
      <c r="AA3659" s="53">
        <v>-184218.29508196699</v>
      </c>
      <c r="AB3659" s="53">
        <v>-15351.524590163899</v>
      </c>
      <c r="AC3659" s="53">
        <v>-15351.524590163899</v>
      </c>
      <c r="AD3659" s="53">
        <v>-15351.524590163899</v>
      </c>
      <c r="AE3659" s="53">
        <v>-15351.524590163899</v>
      </c>
      <c r="AF3659" s="53">
        <v>-15351.524590163899</v>
      </c>
      <c r="AG3659" s="53">
        <v>-15351.524590163899</v>
      </c>
      <c r="AH3659" s="53">
        <v>-15351.524590163899</v>
      </c>
      <c r="AI3659" s="53">
        <v>-15351.524590163899</v>
      </c>
      <c r="AJ3659" s="53">
        <v>-15351.524590163899</v>
      </c>
      <c r="AK3659" s="53">
        <v>-15351.524590163899</v>
      </c>
      <c r="AL3659" s="53">
        <v>-15351.524590163899</v>
      </c>
      <c r="AM3659" s="53">
        <v>-15351.524590163899</v>
      </c>
      <c r="AN3659" s="53">
        <v>-184218.29508196699</v>
      </c>
      <c r="AO3659" s="53">
        <v>-15351.524590163899</v>
      </c>
      <c r="AP3659" s="53">
        <v>-15351.524590163899</v>
      </c>
      <c r="AQ3659" s="53">
        <v>-15351.524590163899</v>
      </c>
      <c r="AR3659" s="53">
        <v>-15351.524590163899</v>
      </c>
      <c r="AS3659" s="53">
        <v>-15351.524590163899</v>
      </c>
      <c r="AT3659" s="53">
        <v>-15351.524590163899</v>
      </c>
      <c r="AU3659" s="53">
        <v>-15351.524590163899</v>
      </c>
      <c r="AV3659" s="53">
        <v>-15351.524590163899</v>
      </c>
      <c r="AW3659" s="53">
        <v>-15351.524590163899</v>
      </c>
      <c r="AX3659" s="53">
        <v>-15351.524590163899</v>
      </c>
      <c r="AY3659" s="53">
        <v>-15351.524590163899</v>
      </c>
      <c r="AZ3659" s="53">
        <v>-15351.524590163899</v>
      </c>
      <c r="BA3659" s="53">
        <v>-184218.29508196699</v>
      </c>
      <c r="BB3659" s="53">
        <v>-15351.524590163899</v>
      </c>
      <c r="BC3659" s="53">
        <v>-15351.524590163899</v>
      </c>
      <c r="BD3659" s="53">
        <v>-15351.524590163899</v>
      </c>
      <c r="BE3659" s="53">
        <v>-15351.524590163899</v>
      </c>
      <c r="BF3659" s="53">
        <v>-15351.524590163899</v>
      </c>
      <c r="BG3659" s="53">
        <v>-15351.524590163899</v>
      </c>
      <c r="BH3659" s="53">
        <v>-15351.524590163899</v>
      </c>
      <c r="BI3659" s="53">
        <v>-15351.524590163899</v>
      </c>
      <c r="BJ3659" s="53">
        <v>-15351.524590163899</v>
      </c>
      <c r="BK3659" s="53">
        <v>-15351.524590163899</v>
      </c>
      <c r="BL3659" s="53">
        <v>-15351.524590163899</v>
      </c>
      <c r="BM3659" s="53">
        <v>-15351.524590163899</v>
      </c>
      <c r="BN3659" s="53">
        <v>-184218.29508196699</v>
      </c>
      <c r="BO3659" s="53">
        <v>-15351.524590163899</v>
      </c>
      <c r="BP3659" s="53"/>
      <c r="BQ3659" s="53"/>
      <c r="BR3659" s="53"/>
      <c r="BS3659" s="53"/>
      <c r="BT3659" s="53"/>
      <c r="BU3659" s="53"/>
      <c r="BV3659" s="53"/>
      <c r="BW3659" s="53"/>
      <c r="BX3659" s="53"/>
      <c r="BY3659" s="53"/>
      <c r="BZ3659" s="53"/>
      <c r="CA3659" s="53">
        <v>-15351.524590163899</v>
      </c>
      <c r="CB3659" s="53"/>
      <c r="CC3659" s="53"/>
      <c r="CD3659" s="53"/>
      <c r="CE3659" s="53"/>
      <c r="CF3659" s="53"/>
      <c r="CG3659" s="53"/>
      <c r="CH3659" s="53"/>
      <c r="CI3659" s="53"/>
      <c r="CJ3659" s="53"/>
      <c r="CK3659" s="53"/>
      <c r="CL3659" s="53"/>
      <c r="CM3659" s="53"/>
      <c r="CN3659" s="53"/>
    </row>
    <row r="3660" spans="1:92" outlineLevel="1">
      <c r="A3660" s="52" t="s">
        <v>712</v>
      </c>
      <c r="B3660" s="53">
        <v>-8310.1065573770393</v>
      </c>
      <c r="C3660" s="53">
        <v>-8310.1065573770393</v>
      </c>
      <c r="D3660" s="53">
        <v>-8310.1065573770393</v>
      </c>
      <c r="E3660" s="53">
        <v>-8310.1065573770393</v>
      </c>
      <c r="F3660" s="53">
        <v>-8310.1065573770502</v>
      </c>
      <c r="G3660" s="53">
        <v>-8310.1065573770502</v>
      </c>
      <c r="H3660" s="53">
        <v>-8310.1065573770502</v>
      </c>
      <c r="I3660" s="53">
        <v>-8310.1065573770502</v>
      </c>
      <c r="J3660" s="53">
        <v>-8310.1065573770502</v>
      </c>
      <c r="K3660" s="53">
        <v>-8310.1065573770502</v>
      </c>
      <c r="L3660" s="53">
        <v>-8310.1065573770502</v>
      </c>
      <c r="M3660" s="53">
        <v>-8310.1065573770502</v>
      </c>
      <c r="N3660" s="53">
        <v>-99721.278688524602</v>
      </c>
      <c r="O3660" s="53">
        <v>-8310.1065573770502</v>
      </c>
      <c r="P3660" s="53">
        <v>-8310.1065573770502</v>
      </c>
      <c r="Q3660" s="53">
        <v>-8310.1065573770502</v>
      </c>
      <c r="R3660" s="53">
        <v>-8310.1065573770502</v>
      </c>
      <c r="S3660" s="53">
        <v>-8310.1065573770502</v>
      </c>
      <c r="T3660" s="53">
        <v>-8310.1065573770502</v>
      </c>
      <c r="U3660" s="53">
        <v>-8310.1065573770502</v>
      </c>
      <c r="V3660" s="53">
        <v>-8310.1065573770502</v>
      </c>
      <c r="W3660" s="53">
        <v>-8310.1065573770502</v>
      </c>
      <c r="X3660" s="53">
        <v>-8310.1065573770502</v>
      </c>
      <c r="Y3660" s="53">
        <v>-8310.1065573770502</v>
      </c>
      <c r="Z3660" s="53">
        <v>-8310.1065573770502</v>
      </c>
      <c r="AA3660" s="53">
        <v>-99721.278688524602</v>
      </c>
      <c r="AB3660" s="53">
        <v>-8310.1065573770502</v>
      </c>
      <c r="AC3660" s="53">
        <v>-8310.1065573770502</v>
      </c>
      <c r="AD3660" s="53">
        <v>-8310.1065573770502</v>
      </c>
      <c r="AE3660" s="53">
        <v>-8310.1065573770502</v>
      </c>
      <c r="AF3660" s="53">
        <v>-8310.1065573770502</v>
      </c>
      <c r="AG3660" s="53">
        <v>-8310.1065573770502</v>
      </c>
      <c r="AH3660" s="53">
        <v>-8310.1065573770502</v>
      </c>
      <c r="AI3660" s="53">
        <v>-8310.1065573770502</v>
      </c>
      <c r="AJ3660" s="53">
        <v>-8310.1065573770502</v>
      </c>
      <c r="AK3660" s="53">
        <v>-8310.1065573770502</v>
      </c>
      <c r="AL3660" s="53">
        <v>-8310.1065573770502</v>
      </c>
      <c r="AM3660" s="53">
        <v>-8310.1065573770502</v>
      </c>
      <c r="AN3660" s="53">
        <v>-99721.278688524602</v>
      </c>
      <c r="AO3660" s="53">
        <v>-8310.1065573770593</v>
      </c>
      <c r="AP3660" s="53">
        <v>-8310.1065573770593</v>
      </c>
      <c r="AQ3660" s="53">
        <v>-8310.1065573770593</v>
      </c>
      <c r="AR3660" s="53">
        <v>-8310.1065573770593</v>
      </c>
      <c r="AS3660" s="53">
        <v>-8310.1065573770593</v>
      </c>
      <c r="AT3660" s="53">
        <v>-8310.1065573770593</v>
      </c>
      <c r="AU3660" s="53">
        <v>-8310.1065573770593</v>
      </c>
      <c r="AV3660" s="53">
        <v>-8310.1065573770593</v>
      </c>
      <c r="AW3660" s="53">
        <v>-8310.1065573770593</v>
      </c>
      <c r="AX3660" s="53">
        <v>-8310.1065573770593</v>
      </c>
      <c r="AY3660" s="53">
        <v>-8310.1065573770593</v>
      </c>
      <c r="AZ3660" s="53">
        <v>-8310.1065573770593</v>
      </c>
      <c r="BA3660" s="53">
        <v>-99721.278688524704</v>
      </c>
      <c r="BB3660" s="53">
        <v>-8310.1065573770593</v>
      </c>
      <c r="BC3660" s="53">
        <v>-8310.1065573770593</v>
      </c>
      <c r="BD3660" s="53">
        <v>-8310.1065573770593</v>
      </c>
      <c r="BE3660" s="53">
        <v>-8310.1065573770593</v>
      </c>
      <c r="BF3660" s="53">
        <v>-8310.1065573770593</v>
      </c>
      <c r="BG3660" s="53">
        <v>-8310.1065573770593</v>
      </c>
      <c r="BH3660" s="53">
        <v>-8310.1065573770593</v>
      </c>
      <c r="BI3660" s="53">
        <v>-8310.1065573770593</v>
      </c>
      <c r="BJ3660" s="53">
        <v>-8310.1065573770593</v>
      </c>
      <c r="BK3660" s="53">
        <v>-8310.1065573770702</v>
      </c>
      <c r="BL3660" s="53">
        <v>-8310.1065573770702</v>
      </c>
      <c r="BM3660" s="53">
        <v>-8310.1065573770702</v>
      </c>
      <c r="BN3660" s="53">
        <v>-99721.278688524806</v>
      </c>
      <c r="BO3660" s="53">
        <v>-8310.1065573770702</v>
      </c>
      <c r="BP3660" s="53">
        <v>-8310.1065573770702</v>
      </c>
      <c r="BQ3660" s="53">
        <v>-8310.1065573770702</v>
      </c>
      <c r="BR3660" s="53">
        <v>-8310.1065573770702</v>
      </c>
      <c r="BS3660" s="53">
        <v>-8310.1065573770702</v>
      </c>
      <c r="BT3660" s="53">
        <v>-8310.1065573770702</v>
      </c>
      <c r="BU3660" s="53">
        <v>-8310.1065573770702</v>
      </c>
      <c r="BV3660" s="53">
        <v>-8310.1065573770702</v>
      </c>
      <c r="BW3660" s="53">
        <v>-8310.1065573770702</v>
      </c>
      <c r="BX3660" s="53">
        <v>-8310.1065573770702</v>
      </c>
      <c r="BY3660" s="53">
        <v>-8310.1065573770702</v>
      </c>
      <c r="BZ3660" s="53">
        <v>-8310.1065573770593</v>
      </c>
      <c r="CA3660" s="53">
        <v>-99721.278688524806</v>
      </c>
      <c r="CB3660" s="53"/>
      <c r="CC3660" s="53"/>
      <c r="CD3660" s="53"/>
      <c r="CE3660" s="53"/>
      <c r="CF3660" s="53"/>
      <c r="CG3660" s="53"/>
      <c r="CH3660" s="53"/>
      <c r="CI3660" s="53"/>
      <c r="CJ3660" s="53"/>
      <c r="CK3660" s="53"/>
      <c r="CL3660" s="53"/>
      <c r="CM3660" s="53"/>
      <c r="CN3660" s="53"/>
    </row>
    <row r="3661" spans="1:92" outlineLevel="1">
      <c r="A3661" s="52" t="s">
        <v>713</v>
      </c>
      <c r="B3661" s="53">
        <v>-18632.7082152974</v>
      </c>
      <c r="C3661" s="53">
        <v>-18632.7082152974</v>
      </c>
      <c r="D3661" s="53">
        <v>-18632.7082152974</v>
      </c>
      <c r="E3661" s="53">
        <v>-18632.7082152974</v>
      </c>
      <c r="F3661" s="53">
        <v>-18632.7082152974</v>
      </c>
      <c r="G3661" s="53">
        <v>-18632.7082152974</v>
      </c>
      <c r="H3661" s="53">
        <v>-18632.7082152974</v>
      </c>
      <c r="I3661" s="53">
        <v>-18632.7082152974</v>
      </c>
      <c r="J3661" s="53">
        <v>-18632.7082152974</v>
      </c>
      <c r="K3661" s="53">
        <v>-18632.7082152974</v>
      </c>
      <c r="L3661" s="53">
        <v>-18632.7082152974</v>
      </c>
      <c r="M3661" s="53">
        <v>-18632.7082152974</v>
      </c>
      <c r="N3661" s="53">
        <v>-223592.49858356899</v>
      </c>
      <c r="O3661" s="53">
        <v>-18632.7082152974</v>
      </c>
      <c r="P3661" s="53">
        <v>-18632.7082152974</v>
      </c>
      <c r="Q3661" s="53">
        <v>-18632.7082152974</v>
      </c>
      <c r="R3661" s="53">
        <v>-18632.7082152974</v>
      </c>
      <c r="S3661" s="53">
        <v>-18632.7082152974</v>
      </c>
      <c r="T3661" s="53">
        <v>-18632.7082152974</v>
      </c>
      <c r="U3661" s="53">
        <v>-18632.7082152974</v>
      </c>
      <c r="V3661" s="53">
        <v>-18632.7082152974</v>
      </c>
      <c r="W3661" s="53">
        <v>-18632.7082152974</v>
      </c>
      <c r="X3661" s="53">
        <v>-18632.7082152974</v>
      </c>
      <c r="Y3661" s="53">
        <v>-18632.7082152974</v>
      </c>
      <c r="Z3661" s="53">
        <v>-18632.7082152974</v>
      </c>
      <c r="AA3661" s="53">
        <v>-223592.49858356899</v>
      </c>
      <c r="AB3661" s="53">
        <v>-18632.7082152974</v>
      </c>
      <c r="AC3661" s="53">
        <v>-18632.7082152974</v>
      </c>
      <c r="AD3661" s="53">
        <v>-18632.7082152974</v>
      </c>
      <c r="AE3661" s="53">
        <v>-18632.7082152974</v>
      </c>
      <c r="AF3661" s="53">
        <v>-18632.7082152974</v>
      </c>
      <c r="AG3661" s="53">
        <v>-18632.7082152974</v>
      </c>
      <c r="AH3661" s="53">
        <v>-18632.7082152974</v>
      </c>
      <c r="AI3661" s="53">
        <v>-18632.7082152974</v>
      </c>
      <c r="AJ3661" s="53">
        <v>-18632.7082152974</v>
      </c>
      <c r="AK3661" s="53">
        <v>-18632.7082152974</v>
      </c>
      <c r="AL3661" s="53">
        <v>-18632.7082152974</v>
      </c>
      <c r="AM3661" s="53">
        <v>-18632.7082152974</v>
      </c>
      <c r="AN3661" s="53">
        <v>-223592.49858356899</v>
      </c>
      <c r="AO3661" s="53">
        <v>-18632.7082152974</v>
      </c>
      <c r="AP3661" s="53">
        <v>-18632.7082152974</v>
      </c>
      <c r="AQ3661" s="53">
        <v>-18632.7082152974</v>
      </c>
      <c r="AR3661" s="53">
        <v>-18632.7082152974</v>
      </c>
      <c r="AS3661" s="53">
        <v>-18632.7082152974</v>
      </c>
      <c r="AT3661" s="53">
        <v>-18632.7082152974</v>
      </c>
      <c r="AU3661" s="53">
        <v>-18632.7082152974</v>
      </c>
      <c r="AV3661" s="53">
        <v>-18632.7082152974</v>
      </c>
      <c r="AW3661" s="53">
        <v>-18632.7082152974</v>
      </c>
      <c r="AX3661" s="53">
        <v>-18632.7082152974</v>
      </c>
      <c r="AY3661" s="53">
        <v>-18632.7082152974</v>
      </c>
      <c r="AZ3661" s="53">
        <v>-18632.7082152974</v>
      </c>
      <c r="BA3661" s="53">
        <v>-223592.49858356899</v>
      </c>
      <c r="BB3661" s="53">
        <v>-18632.7082152974</v>
      </c>
      <c r="BC3661" s="53">
        <v>-18632.7082152974</v>
      </c>
      <c r="BD3661" s="53">
        <v>-18632.7082152974</v>
      </c>
      <c r="BE3661" s="53">
        <v>-18632.7082152974</v>
      </c>
      <c r="BF3661" s="53">
        <v>-18632.7082152974</v>
      </c>
      <c r="BG3661" s="53">
        <v>-18632.7082152974</v>
      </c>
      <c r="BH3661" s="53">
        <v>-18632.7082152974</v>
      </c>
      <c r="BI3661" s="53">
        <v>-18632.7082152974</v>
      </c>
      <c r="BJ3661" s="53">
        <v>-18632.7082152974</v>
      </c>
      <c r="BK3661" s="53">
        <v>-18632.7082152974</v>
      </c>
      <c r="BL3661" s="53">
        <v>-18632.7082152974</v>
      </c>
      <c r="BM3661" s="53">
        <v>-18632.7082152974</v>
      </c>
      <c r="BN3661" s="53">
        <v>-223592.49858356899</v>
      </c>
      <c r="BO3661" s="53">
        <v>-18632.7082152974</v>
      </c>
      <c r="BP3661" s="53">
        <v>-18632.7082152974</v>
      </c>
      <c r="BQ3661" s="53">
        <v>-18632.7082152974</v>
      </c>
      <c r="BR3661" s="53">
        <v>-18632.7082152974</v>
      </c>
      <c r="BS3661" s="53">
        <v>-18632.7082152974</v>
      </c>
      <c r="BT3661" s="53">
        <v>-18632.7082152974</v>
      </c>
      <c r="BU3661" s="53">
        <v>-18632.7082152974</v>
      </c>
      <c r="BV3661" s="53">
        <v>-18632.7082152974</v>
      </c>
      <c r="BW3661" s="53">
        <v>-18632.7082152974</v>
      </c>
      <c r="BX3661" s="53">
        <v>-18632.7082152974</v>
      </c>
      <c r="BY3661" s="53">
        <v>-18632.7082152974</v>
      </c>
      <c r="BZ3661" s="53">
        <v>-18632.7082152974</v>
      </c>
      <c r="CA3661" s="53">
        <v>-223592.49858356899</v>
      </c>
      <c r="CB3661" s="53">
        <v>1427936.33333333</v>
      </c>
      <c r="CC3661" s="53">
        <v>1427936.33333333</v>
      </c>
      <c r="CD3661" s="53">
        <v>1427936.33333333</v>
      </c>
      <c r="CE3661" s="53">
        <v>1427936.33333333</v>
      </c>
      <c r="CF3661" s="53">
        <v>1427936.33333333</v>
      </c>
      <c r="CG3661" s="53">
        <v>1427936.33333333</v>
      </c>
      <c r="CH3661" s="53">
        <v>1427936.33333333</v>
      </c>
      <c r="CI3661" s="53">
        <v>1427936.33333333</v>
      </c>
      <c r="CJ3661" s="53">
        <v>1427936.33333333</v>
      </c>
      <c r="CK3661" s="53">
        <v>1427936.33333333</v>
      </c>
      <c r="CL3661" s="53">
        <v>1427936.33333333</v>
      </c>
      <c r="CM3661" s="53">
        <v>1427936.33333333</v>
      </c>
      <c r="CN3661" s="53">
        <v>17135236</v>
      </c>
    </row>
    <row r="3662" spans="1:92" outlineLevel="1">
      <c r="A3662" s="52" t="s">
        <v>716</v>
      </c>
      <c r="B3662" s="53">
        <v>-36488.3342318059</v>
      </c>
      <c r="C3662" s="53">
        <v>-36488.3342318059</v>
      </c>
      <c r="D3662" s="53">
        <v>-36488.3342318059</v>
      </c>
      <c r="E3662" s="53">
        <v>-36488.3342318059</v>
      </c>
      <c r="F3662" s="53">
        <v>-36488.3342318059</v>
      </c>
      <c r="G3662" s="53">
        <v>-36488.3342318059</v>
      </c>
      <c r="H3662" s="53">
        <v>-36488.3342318059</v>
      </c>
      <c r="I3662" s="53">
        <v>-36488.3342318059</v>
      </c>
      <c r="J3662" s="53">
        <v>-36488.3342318059</v>
      </c>
      <c r="K3662" s="53">
        <v>-36488.3342318059</v>
      </c>
      <c r="L3662" s="53">
        <v>-36488.3342318059</v>
      </c>
      <c r="M3662" s="53">
        <v>-36488.3342318059</v>
      </c>
      <c r="N3662" s="53">
        <v>-437860.01078167098</v>
      </c>
      <c r="O3662" s="53">
        <v>-36488.3342318059</v>
      </c>
      <c r="P3662" s="53">
        <v>-36488.3342318059</v>
      </c>
      <c r="Q3662" s="53">
        <v>-36488.3342318059</v>
      </c>
      <c r="R3662" s="53">
        <v>-36488.3342318059</v>
      </c>
      <c r="S3662" s="53">
        <v>-36488.3342318059</v>
      </c>
      <c r="T3662" s="53">
        <v>-36488.3342318059</v>
      </c>
      <c r="U3662" s="53">
        <v>-36488.3342318059</v>
      </c>
      <c r="V3662" s="53">
        <v>-36488.3342318059</v>
      </c>
      <c r="W3662" s="53">
        <v>-36488.334231805798</v>
      </c>
      <c r="X3662" s="53">
        <v>-36488.334231805798</v>
      </c>
      <c r="Y3662" s="53">
        <v>-36488.334231805798</v>
      </c>
      <c r="Z3662" s="53">
        <v>-36488.334231805798</v>
      </c>
      <c r="AA3662" s="53">
        <v>-437860.01078166999</v>
      </c>
      <c r="AB3662" s="53">
        <v>-36488.334231805798</v>
      </c>
      <c r="AC3662" s="53">
        <v>-36488.334231805798</v>
      </c>
      <c r="AD3662" s="53">
        <v>-36488.334231805798</v>
      </c>
      <c r="AE3662" s="53">
        <v>-36488.334231805798</v>
      </c>
      <c r="AF3662" s="53">
        <v>-36488.334231805798</v>
      </c>
      <c r="AG3662" s="53">
        <v>-36488.334231805798</v>
      </c>
      <c r="AH3662" s="53">
        <v>-36488.334231805798</v>
      </c>
      <c r="AI3662" s="53">
        <v>-36488.334231805798</v>
      </c>
      <c r="AJ3662" s="53">
        <v>-36488.334231805798</v>
      </c>
      <c r="AK3662" s="53">
        <v>-36488.334231805798</v>
      </c>
      <c r="AL3662" s="53">
        <v>-36488.334231805798</v>
      </c>
      <c r="AM3662" s="53">
        <v>-36488.334231805798</v>
      </c>
      <c r="AN3662" s="53">
        <v>-437860.01078166999</v>
      </c>
      <c r="AO3662" s="53">
        <v>-36488.334231805798</v>
      </c>
      <c r="AP3662" s="53">
        <v>-36488.334231805798</v>
      </c>
      <c r="AQ3662" s="53">
        <v>-36488.334231805798</v>
      </c>
      <c r="AR3662" s="53">
        <v>-36488.334231805798</v>
      </c>
      <c r="AS3662" s="53">
        <v>-36488.334231805798</v>
      </c>
      <c r="AT3662" s="53">
        <v>-36488.334231805798</v>
      </c>
      <c r="AU3662" s="53">
        <v>-36488.334231805798</v>
      </c>
      <c r="AV3662" s="53">
        <v>-36488.334231805798</v>
      </c>
      <c r="AW3662" s="53">
        <v>-36488.334231805798</v>
      </c>
      <c r="AX3662" s="53">
        <v>-36488.334231805798</v>
      </c>
      <c r="AY3662" s="53">
        <v>-36488.334231805798</v>
      </c>
      <c r="AZ3662" s="53">
        <v>-36488.334231805798</v>
      </c>
      <c r="BA3662" s="53">
        <v>-437860.01078166999</v>
      </c>
      <c r="BB3662" s="53">
        <v>-36488.334231805798</v>
      </c>
      <c r="BC3662" s="53">
        <v>-36488.334231805798</v>
      </c>
      <c r="BD3662" s="53">
        <v>-36488.334231805798</v>
      </c>
      <c r="BE3662" s="53">
        <v>-36488.334231805798</v>
      </c>
      <c r="BF3662" s="53">
        <v>-36488.334231805798</v>
      </c>
      <c r="BG3662" s="53">
        <v>-36488.334231805798</v>
      </c>
      <c r="BH3662" s="53">
        <v>-36488.334231805798</v>
      </c>
      <c r="BI3662" s="53">
        <v>-36488.334231805798</v>
      </c>
      <c r="BJ3662" s="53">
        <v>-36488.334231805798</v>
      </c>
      <c r="BK3662" s="53">
        <v>-36488.334231805798</v>
      </c>
      <c r="BL3662" s="53">
        <v>-36488.334231805798</v>
      </c>
      <c r="BM3662" s="53">
        <v>-36488.334231805697</v>
      </c>
      <c r="BN3662" s="53">
        <v>-437860.010781669</v>
      </c>
      <c r="BO3662" s="53">
        <v>-36488.334231805697</v>
      </c>
      <c r="BP3662" s="53">
        <v>-36488.334231805697</v>
      </c>
      <c r="BQ3662" s="53">
        <v>-36488.334231805697</v>
      </c>
      <c r="BR3662" s="53">
        <v>-36488.334231805697</v>
      </c>
      <c r="BS3662" s="53">
        <v>-36488.334231805697</v>
      </c>
      <c r="BT3662" s="53">
        <v>-36488.334231805697</v>
      </c>
      <c r="BU3662" s="53">
        <v>-36488.334231805697</v>
      </c>
      <c r="BV3662" s="53">
        <v>-36488.334231805697</v>
      </c>
      <c r="BW3662" s="53">
        <v>-36488.334231805697</v>
      </c>
      <c r="BX3662" s="53">
        <v>-36488.334231805697</v>
      </c>
      <c r="BY3662" s="53">
        <v>-36488.334231805697</v>
      </c>
      <c r="BZ3662" s="53">
        <v>-36488.334231805697</v>
      </c>
      <c r="CA3662" s="53">
        <v>-437860.010781669</v>
      </c>
      <c r="CB3662" s="53"/>
      <c r="CC3662" s="53"/>
      <c r="CD3662" s="53"/>
      <c r="CE3662" s="53"/>
      <c r="CF3662" s="53"/>
      <c r="CG3662" s="53"/>
      <c r="CH3662" s="53"/>
      <c r="CI3662" s="53"/>
      <c r="CJ3662" s="53"/>
      <c r="CK3662" s="53"/>
      <c r="CL3662" s="53"/>
      <c r="CM3662" s="53"/>
      <c r="CN3662" s="53"/>
    </row>
    <row r="3663" spans="1:92" outlineLevel="1">
      <c r="A3663" s="52" t="s">
        <v>717</v>
      </c>
      <c r="B3663" s="53">
        <v>-13019.144927536199</v>
      </c>
      <c r="C3663" s="53">
        <v>-13019.144927536199</v>
      </c>
      <c r="D3663" s="53">
        <v>-13019.144927536199</v>
      </c>
      <c r="E3663" s="53">
        <v>-13019.144927536199</v>
      </c>
      <c r="F3663" s="53">
        <v>-13019.144927536199</v>
      </c>
      <c r="G3663" s="53">
        <v>-13019.144927536199</v>
      </c>
      <c r="H3663" s="53">
        <v>-13019.144927536199</v>
      </c>
      <c r="I3663" s="53">
        <v>-13019.144927536199</v>
      </c>
      <c r="J3663" s="53">
        <v>-13019.144927536199</v>
      </c>
      <c r="K3663" s="53">
        <v>-13019.144927536199</v>
      </c>
      <c r="L3663" s="53">
        <v>-13019.144927536199</v>
      </c>
      <c r="M3663" s="53">
        <v>-13019.144927536199</v>
      </c>
      <c r="N3663" s="53">
        <v>-156229.739130434</v>
      </c>
      <c r="O3663" s="53">
        <v>-13019.144927536199</v>
      </c>
      <c r="P3663" s="53">
        <v>-13019.144927536199</v>
      </c>
      <c r="Q3663" s="53">
        <v>-13019.144927536199</v>
      </c>
      <c r="R3663" s="53">
        <v>-13019.144927536199</v>
      </c>
      <c r="S3663" s="53">
        <v>-13019.144927536199</v>
      </c>
      <c r="T3663" s="53">
        <v>-13019.144927536199</v>
      </c>
      <c r="U3663" s="53">
        <v>-13019.144927536199</v>
      </c>
      <c r="V3663" s="53">
        <v>-13019.144927536199</v>
      </c>
      <c r="W3663" s="53">
        <v>-13019.144927536199</v>
      </c>
      <c r="X3663" s="53">
        <v>-13019.144927536199</v>
      </c>
      <c r="Y3663" s="53">
        <v>-13019.144927536199</v>
      </c>
      <c r="Z3663" s="53">
        <v>-13019.144927536199</v>
      </c>
      <c r="AA3663" s="53">
        <v>-156229.739130434</v>
      </c>
      <c r="AB3663" s="53">
        <v>-13019.144927536199</v>
      </c>
      <c r="AC3663" s="53">
        <v>-13019.144927536199</v>
      </c>
      <c r="AD3663" s="53">
        <v>-13019.144927536199</v>
      </c>
      <c r="AE3663" s="53">
        <v>-13019.144927536199</v>
      </c>
      <c r="AF3663" s="53">
        <v>-13019.144927536199</v>
      </c>
      <c r="AG3663" s="53">
        <v>-13019.144927536199</v>
      </c>
      <c r="AH3663" s="53">
        <v>-13019.144927536199</v>
      </c>
      <c r="AI3663" s="53">
        <v>-13019.144927536199</v>
      </c>
      <c r="AJ3663" s="53">
        <v>-13019.144927536199</v>
      </c>
      <c r="AK3663" s="53">
        <v>-13019.144927536199</v>
      </c>
      <c r="AL3663" s="53">
        <v>-13019.144927536199</v>
      </c>
      <c r="AM3663" s="53">
        <v>-13019.144927536199</v>
      </c>
      <c r="AN3663" s="53">
        <v>-156229.739130434</v>
      </c>
      <c r="AO3663" s="53">
        <v>-13019.144927536199</v>
      </c>
      <c r="AP3663" s="53">
        <v>-13019.144927536199</v>
      </c>
      <c r="AQ3663" s="53">
        <v>-13019.144927536199</v>
      </c>
      <c r="AR3663" s="53">
        <v>-13019.144927536199</v>
      </c>
      <c r="AS3663" s="53">
        <v>-13019.144927536199</v>
      </c>
      <c r="AT3663" s="53">
        <v>-13019.144927536199</v>
      </c>
      <c r="AU3663" s="53">
        <v>-13019.144927536199</v>
      </c>
      <c r="AV3663" s="53">
        <v>-13019.144927536199</v>
      </c>
      <c r="AW3663" s="53">
        <v>-13019.144927536199</v>
      </c>
      <c r="AX3663" s="53">
        <v>-13019.144927536199</v>
      </c>
      <c r="AY3663" s="53">
        <v>-13019.144927536199</v>
      </c>
      <c r="AZ3663" s="53">
        <v>-13019.144927536199</v>
      </c>
      <c r="BA3663" s="53">
        <v>-156229.739130434</v>
      </c>
      <c r="BB3663" s="53">
        <v>-13019.144927536199</v>
      </c>
      <c r="BC3663" s="53">
        <v>-13019.144927536199</v>
      </c>
      <c r="BD3663" s="53">
        <v>-13019.144927536199</v>
      </c>
      <c r="BE3663" s="53">
        <v>-13019.144927536199</v>
      </c>
      <c r="BF3663" s="53">
        <v>-13019.144927536199</v>
      </c>
      <c r="BG3663" s="53">
        <v>-13019.144927536199</v>
      </c>
      <c r="BH3663" s="53">
        <v>-13019.144927536199</v>
      </c>
      <c r="BI3663" s="53">
        <v>-13019.144927536199</v>
      </c>
      <c r="BJ3663" s="53">
        <v>-13019.144927536199</v>
      </c>
      <c r="BK3663" s="53">
        <v>-13019.144927536199</v>
      </c>
      <c r="BL3663" s="53">
        <v>-13019.144927536199</v>
      </c>
      <c r="BM3663" s="53">
        <v>-13019.144927536199</v>
      </c>
      <c r="BN3663" s="53">
        <v>-156229.739130434</v>
      </c>
      <c r="BO3663" s="53">
        <v>-13019.144927536199</v>
      </c>
      <c r="BP3663" s="53">
        <v>-13019.144927536199</v>
      </c>
      <c r="BQ3663" s="53">
        <v>-13019.144927536199</v>
      </c>
      <c r="BR3663" s="53">
        <v>-13019.144927536199</v>
      </c>
      <c r="BS3663" s="53">
        <v>-13019.144927536199</v>
      </c>
      <c r="BT3663" s="53">
        <v>-13019.144927536199</v>
      </c>
      <c r="BU3663" s="53">
        <v>-13019.144927536199</v>
      </c>
      <c r="BV3663" s="53">
        <v>-13019.144927536199</v>
      </c>
      <c r="BW3663" s="53">
        <v>-13019.144927536199</v>
      </c>
      <c r="BX3663" s="53">
        <v>-13019.144927536199</v>
      </c>
      <c r="BY3663" s="53">
        <v>-13019.144927536199</v>
      </c>
      <c r="BZ3663" s="53">
        <v>-13019.144927536199</v>
      </c>
      <c r="CA3663" s="53">
        <v>-156229.739130434</v>
      </c>
      <c r="CB3663" s="53"/>
      <c r="CC3663" s="53"/>
      <c r="CD3663" s="53"/>
      <c r="CE3663" s="53"/>
      <c r="CF3663" s="53"/>
      <c r="CG3663" s="53"/>
      <c r="CH3663" s="53"/>
      <c r="CI3663" s="53"/>
      <c r="CJ3663" s="53"/>
      <c r="CK3663" s="53"/>
      <c r="CL3663" s="53"/>
      <c r="CM3663" s="53"/>
      <c r="CN3663" s="53"/>
    </row>
    <row r="3664" spans="1:92" outlineLevel="1">
      <c r="A3664" s="52" t="s">
        <v>718</v>
      </c>
      <c r="B3664" s="53">
        <v>-13527.685534591101</v>
      </c>
      <c r="C3664" s="53">
        <v>-13527.685534591101</v>
      </c>
      <c r="D3664" s="53">
        <v>-13527.685534591101</v>
      </c>
      <c r="E3664" s="53">
        <v>-13527.685534591101</v>
      </c>
      <c r="F3664" s="53">
        <v>-13527.685534591101</v>
      </c>
      <c r="G3664" s="53">
        <v>-13527.685534591101</v>
      </c>
      <c r="H3664" s="53">
        <v>-13527.685534591101</v>
      </c>
      <c r="I3664" s="53">
        <v>-13527.685534591201</v>
      </c>
      <c r="J3664" s="53">
        <v>-13527.685534591201</v>
      </c>
      <c r="K3664" s="53">
        <v>-13527.685534591201</v>
      </c>
      <c r="L3664" s="53">
        <v>-13527.685534591201</v>
      </c>
      <c r="M3664" s="53">
        <v>-13527.685534591201</v>
      </c>
      <c r="N3664" s="53">
        <v>-162332.22641509399</v>
      </c>
      <c r="O3664" s="53">
        <v>-13527.685534591201</v>
      </c>
      <c r="P3664" s="53">
        <v>-13527.685534591201</v>
      </c>
      <c r="Q3664" s="53">
        <v>-13527.685534591201</v>
      </c>
      <c r="R3664" s="53">
        <v>-13527.685534591201</v>
      </c>
      <c r="S3664" s="53">
        <v>-13527.685534591201</v>
      </c>
      <c r="T3664" s="53">
        <v>-13527.685534591201</v>
      </c>
      <c r="U3664" s="53">
        <v>-13527.685534591201</v>
      </c>
      <c r="V3664" s="53">
        <v>-13527.685534591201</v>
      </c>
      <c r="W3664" s="53">
        <v>-13527.685534591201</v>
      </c>
      <c r="X3664" s="53">
        <v>-13527.685534591201</v>
      </c>
      <c r="Y3664" s="53">
        <v>-13527.685534591201</v>
      </c>
      <c r="Z3664" s="53">
        <v>-13527.685534591201</v>
      </c>
      <c r="AA3664" s="53">
        <v>-162332.22641509399</v>
      </c>
      <c r="AB3664" s="53">
        <v>-13527.685534591201</v>
      </c>
      <c r="AC3664" s="53">
        <v>-13527.685534591201</v>
      </c>
      <c r="AD3664" s="53">
        <v>-13527.685534591201</v>
      </c>
      <c r="AE3664" s="53">
        <v>-13527.685534591201</v>
      </c>
      <c r="AF3664" s="53">
        <v>-13527.685534591201</v>
      </c>
      <c r="AG3664" s="53">
        <v>-13527.685534591201</v>
      </c>
      <c r="AH3664" s="53">
        <v>-13527.685534591201</v>
      </c>
      <c r="AI3664" s="53">
        <v>-13527.685534591201</v>
      </c>
      <c r="AJ3664" s="53">
        <v>-13527.685534591201</v>
      </c>
      <c r="AK3664" s="53">
        <v>-13527.685534591201</v>
      </c>
      <c r="AL3664" s="53">
        <v>-13527.685534591201</v>
      </c>
      <c r="AM3664" s="53">
        <v>-13527.685534591201</v>
      </c>
      <c r="AN3664" s="53">
        <v>-162332.22641509399</v>
      </c>
      <c r="AO3664" s="53">
        <v>-13527.685534591201</v>
      </c>
      <c r="AP3664" s="53">
        <v>-13527.685534591201</v>
      </c>
      <c r="AQ3664" s="53">
        <v>-13527.685534591201</v>
      </c>
      <c r="AR3664" s="53">
        <v>-13527.685534591201</v>
      </c>
      <c r="AS3664" s="53">
        <v>-13527.685534591201</v>
      </c>
      <c r="AT3664" s="53">
        <v>-13527.685534591201</v>
      </c>
      <c r="AU3664" s="53">
        <v>-13527.685534591201</v>
      </c>
      <c r="AV3664" s="53">
        <v>-13527.685534591201</v>
      </c>
      <c r="AW3664" s="53">
        <v>-13527.685534591201</v>
      </c>
      <c r="AX3664" s="53">
        <v>-13527.685534591201</v>
      </c>
      <c r="AY3664" s="53">
        <v>-13527.685534591201</v>
      </c>
      <c r="AZ3664" s="53">
        <v>-13527.685534591201</v>
      </c>
      <c r="BA3664" s="53">
        <v>-162332.22641509399</v>
      </c>
      <c r="BB3664" s="53">
        <v>-13527.685534591201</v>
      </c>
      <c r="BC3664" s="53">
        <v>-13527.685534591201</v>
      </c>
      <c r="BD3664" s="53">
        <v>-13527.685534591201</v>
      </c>
      <c r="BE3664" s="53">
        <v>-13527.685534591201</v>
      </c>
      <c r="BF3664" s="53">
        <v>-13527.685534591201</v>
      </c>
      <c r="BG3664" s="53">
        <v>-13527.685534591201</v>
      </c>
      <c r="BH3664" s="53">
        <v>-13527.685534591201</v>
      </c>
      <c r="BI3664" s="53">
        <v>-13527.685534591201</v>
      </c>
      <c r="BJ3664" s="53">
        <v>-13527.685534591201</v>
      </c>
      <c r="BK3664" s="53">
        <v>-13527.685534591201</v>
      </c>
      <c r="BL3664" s="53">
        <v>-13527.685534591201</v>
      </c>
      <c r="BM3664" s="53">
        <v>-13527.685534591201</v>
      </c>
      <c r="BN3664" s="53">
        <v>-162332.22641509399</v>
      </c>
      <c r="BO3664" s="53">
        <v>-13527.685534591201</v>
      </c>
      <c r="BP3664" s="53">
        <v>-13527.685534591201</v>
      </c>
      <c r="BQ3664" s="53">
        <v>-13527.685534591201</v>
      </c>
      <c r="BR3664" s="53">
        <v>-13527.685534591201</v>
      </c>
      <c r="BS3664" s="53">
        <v>-13527.685534591201</v>
      </c>
      <c r="BT3664" s="53">
        <v>-13527.685534591201</v>
      </c>
      <c r="BU3664" s="53">
        <v>-13527.685534591201</v>
      </c>
      <c r="BV3664" s="53">
        <v>-13527.685534591201</v>
      </c>
      <c r="BW3664" s="53">
        <v>-13527.685534591201</v>
      </c>
      <c r="BX3664" s="53">
        <v>-13527.685534591201</v>
      </c>
      <c r="BY3664" s="53">
        <v>-13527.685534591201</v>
      </c>
      <c r="BZ3664" s="53">
        <v>-13527.685534591201</v>
      </c>
      <c r="CA3664" s="53">
        <v>-162332.22641509399</v>
      </c>
      <c r="CB3664" s="53">
        <v>-3947694.5833333302</v>
      </c>
      <c r="CC3664" s="53">
        <v>-3947694.5833333302</v>
      </c>
      <c r="CD3664" s="53">
        <v>-3947694.5833333302</v>
      </c>
      <c r="CE3664" s="53">
        <v>-3947694.5833333302</v>
      </c>
      <c r="CF3664" s="53">
        <v>-3947694.5833333302</v>
      </c>
      <c r="CG3664" s="53">
        <v>-3947694.5833333302</v>
      </c>
      <c r="CH3664" s="53">
        <v>-3947694.5833333302</v>
      </c>
      <c r="CI3664" s="53">
        <v>-3947694.5833333302</v>
      </c>
      <c r="CJ3664" s="53">
        <v>-3947694.5833333302</v>
      </c>
      <c r="CK3664" s="53">
        <v>-3947694.5833333302</v>
      </c>
      <c r="CL3664" s="53">
        <v>-3947694.5833333302</v>
      </c>
      <c r="CM3664" s="53">
        <v>-3947694.5833333302</v>
      </c>
      <c r="CN3664" s="53">
        <v>-47372334.999999903</v>
      </c>
    </row>
    <row r="3665" spans="1:92" outlineLevel="1">
      <c r="A3665" s="52" t="s">
        <v>721</v>
      </c>
      <c r="B3665" s="53">
        <v>-20148.9789473684</v>
      </c>
      <c r="C3665" s="53">
        <v>-20148.9789473684</v>
      </c>
      <c r="D3665" s="53">
        <v>-20148.9789473684</v>
      </c>
      <c r="E3665" s="53">
        <v>-20148.9789473684</v>
      </c>
      <c r="F3665" s="53">
        <v>-20148.9789473684</v>
      </c>
      <c r="G3665" s="53">
        <v>-20148.9789473684</v>
      </c>
      <c r="H3665" s="53">
        <v>-20148.9789473684</v>
      </c>
      <c r="I3665" s="53">
        <v>-20148.9789473684</v>
      </c>
      <c r="J3665" s="53">
        <v>-20148.9789473684</v>
      </c>
      <c r="K3665" s="53">
        <v>-20148.9789473684</v>
      </c>
      <c r="L3665" s="53">
        <v>-20148.9789473684</v>
      </c>
      <c r="M3665" s="53">
        <v>-20148.9789473684</v>
      </c>
      <c r="N3665" s="53">
        <v>-241787.747368421</v>
      </c>
      <c r="O3665" s="53">
        <v>-20148.9789473684</v>
      </c>
      <c r="P3665" s="53">
        <v>-20148.9789473684</v>
      </c>
      <c r="Q3665" s="53">
        <v>-20148.9789473684</v>
      </c>
      <c r="R3665" s="53">
        <v>-20148.9789473684</v>
      </c>
      <c r="S3665" s="53">
        <v>-20148.9789473684</v>
      </c>
      <c r="T3665" s="53">
        <v>-20148.9789473684</v>
      </c>
      <c r="U3665" s="53">
        <v>-20148.9789473684</v>
      </c>
      <c r="V3665" s="53">
        <v>-20148.9789473684</v>
      </c>
      <c r="W3665" s="53">
        <v>-20148.9789473684</v>
      </c>
      <c r="X3665" s="53">
        <v>-20148.9789473684</v>
      </c>
      <c r="Y3665" s="53">
        <v>-20148.9789473684</v>
      </c>
      <c r="Z3665" s="53">
        <v>-20148.9789473684</v>
      </c>
      <c r="AA3665" s="53">
        <v>-241787.747368421</v>
      </c>
      <c r="AB3665" s="53">
        <v>-20148.9789473684</v>
      </c>
      <c r="AC3665" s="53">
        <v>-20148.9789473684</v>
      </c>
      <c r="AD3665" s="53">
        <v>-20148.9789473684</v>
      </c>
      <c r="AE3665" s="53">
        <v>-20148.9789473684</v>
      </c>
      <c r="AF3665" s="53">
        <v>-20148.9789473684</v>
      </c>
      <c r="AG3665" s="53">
        <v>-20148.9789473684</v>
      </c>
      <c r="AH3665" s="53">
        <v>-20148.9789473684</v>
      </c>
      <c r="AI3665" s="53">
        <v>-20148.9789473684</v>
      </c>
      <c r="AJ3665" s="53">
        <v>-20148.9789473684</v>
      </c>
      <c r="AK3665" s="53">
        <v>-20148.9789473684</v>
      </c>
      <c r="AL3665" s="53">
        <v>-20148.9789473684</v>
      </c>
      <c r="AM3665" s="53">
        <v>-20148.9789473684</v>
      </c>
      <c r="AN3665" s="53">
        <v>-241787.747368421</v>
      </c>
      <c r="AO3665" s="53">
        <v>-20148.9789473684</v>
      </c>
      <c r="AP3665" s="53">
        <v>-20148.9789473684</v>
      </c>
      <c r="AQ3665" s="53">
        <v>-20148.9789473684</v>
      </c>
      <c r="AR3665" s="53">
        <v>-20148.9789473684</v>
      </c>
      <c r="AS3665" s="53">
        <v>-20148.9789473684</v>
      </c>
      <c r="AT3665" s="53">
        <v>-20148.9789473684</v>
      </c>
      <c r="AU3665" s="53">
        <v>-20148.9789473684</v>
      </c>
      <c r="AV3665" s="53">
        <v>-20148.9789473684</v>
      </c>
      <c r="AW3665" s="53">
        <v>-20148.9789473684</v>
      </c>
      <c r="AX3665" s="53">
        <v>-20148.9789473684</v>
      </c>
      <c r="AY3665" s="53">
        <v>-20148.9789473684</v>
      </c>
      <c r="AZ3665" s="53">
        <v>-20148.9789473684</v>
      </c>
      <c r="BA3665" s="53">
        <v>-241787.747368421</v>
      </c>
      <c r="BB3665" s="53">
        <v>-20148.9789473684</v>
      </c>
      <c r="BC3665" s="53">
        <v>-20148.9789473684</v>
      </c>
      <c r="BD3665" s="53">
        <v>-20148.9789473684</v>
      </c>
      <c r="BE3665" s="53">
        <v>-20148.978947368501</v>
      </c>
      <c r="BF3665" s="53">
        <v>-20148.978947368501</v>
      </c>
      <c r="BG3665" s="53">
        <v>-20148.978947368501</v>
      </c>
      <c r="BH3665" s="53">
        <v>-20148.978947368501</v>
      </c>
      <c r="BI3665" s="53">
        <v>-20148.978947368501</v>
      </c>
      <c r="BJ3665" s="53">
        <v>-20148.978947368501</v>
      </c>
      <c r="BK3665" s="53">
        <v>-20148.978947368501</v>
      </c>
      <c r="BL3665" s="53">
        <v>-20148.978947368501</v>
      </c>
      <c r="BM3665" s="53">
        <v>-20148.978947368501</v>
      </c>
      <c r="BN3665" s="53">
        <v>-241787.74736842199</v>
      </c>
      <c r="BO3665" s="53">
        <v>-20148.978947368501</v>
      </c>
      <c r="BP3665" s="53">
        <v>-20148.978947368501</v>
      </c>
      <c r="BQ3665" s="53">
        <v>-20148.978947368501</v>
      </c>
      <c r="BR3665" s="53">
        <v>-20148.978947368501</v>
      </c>
      <c r="BS3665" s="53">
        <v>-20148.978947368501</v>
      </c>
      <c r="BT3665" s="53">
        <v>-20148.978947368501</v>
      </c>
      <c r="BU3665" s="53">
        <v>-20148.978947368501</v>
      </c>
      <c r="BV3665" s="53">
        <v>-20148.978947368501</v>
      </c>
      <c r="BW3665" s="53">
        <v>-20148.978947368501</v>
      </c>
      <c r="BX3665" s="53">
        <v>-20148.978947368501</v>
      </c>
      <c r="BY3665" s="53">
        <v>-20148.978947368501</v>
      </c>
      <c r="BZ3665" s="53">
        <v>-20148.978947368501</v>
      </c>
      <c r="CA3665" s="53">
        <v>-241787.74736842199</v>
      </c>
      <c r="CB3665" s="53">
        <v>15714234856.475201</v>
      </c>
      <c r="CC3665" s="53">
        <v>15755671054.7369</v>
      </c>
      <c r="CD3665" s="53">
        <v>15798012380.0373</v>
      </c>
      <c r="CE3665" s="53">
        <v>15821084320.359501</v>
      </c>
      <c r="CF3665" s="53">
        <v>15866496137.769699</v>
      </c>
      <c r="CG3665" s="53">
        <v>16491139876.1078</v>
      </c>
      <c r="CH3665" s="53">
        <v>16437951400.0721</v>
      </c>
      <c r="CI3665" s="53">
        <v>16489654411.101101</v>
      </c>
      <c r="CJ3665" s="53">
        <v>16480209434.403099</v>
      </c>
      <c r="CK3665" s="53">
        <v>16523985201.497801</v>
      </c>
      <c r="CL3665" s="53">
        <v>16341175251.958401</v>
      </c>
      <c r="CM3665" s="53">
        <v>16230977635.2892</v>
      </c>
      <c r="CN3665" s="53">
        <v>16230977635.2892</v>
      </c>
    </row>
    <row r="3666" spans="1:92">
      <c r="A3666" s="52" t="s">
        <v>723</v>
      </c>
      <c r="B3666" s="53">
        <v>-49399.381443298902</v>
      </c>
      <c r="C3666" s="53">
        <v>-49399.381443298902</v>
      </c>
      <c r="D3666" s="53">
        <v>-49399.381443298902</v>
      </c>
      <c r="E3666" s="53">
        <v>-49399.381443298902</v>
      </c>
      <c r="F3666" s="53">
        <v>-49399.381443298902</v>
      </c>
      <c r="G3666" s="53">
        <v>-49399.381443298902</v>
      </c>
      <c r="H3666" s="53">
        <v>-49399.381443298902</v>
      </c>
      <c r="I3666" s="53">
        <v>-49399.381443298997</v>
      </c>
      <c r="J3666" s="53">
        <v>-49399.381443298902</v>
      </c>
      <c r="K3666" s="53">
        <v>-49399.381443298902</v>
      </c>
      <c r="L3666" s="53">
        <v>-49399.381443298902</v>
      </c>
      <c r="M3666" s="53">
        <v>-49399.381443298902</v>
      </c>
      <c r="N3666" s="53">
        <v>-592792.577319587</v>
      </c>
      <c r="O3666" s="53">
        <v>-49399.381443298902</v>
      </c>
      <c r="P3666" s="53">
        <v>-49399.381443298902</v>
      </c>
      <c r="Q3666" s="53">
        <v>-49399.381443298902</v>
      </c>
      <c r="R3666" s="53">
        <v>-49399.381443298902</v>
      </c>
      <c r="S3666" s="53">
        <v>-49399.381443298902</v>
      </c>
      <c r="T3666" s="53">
        <v>-49399.381443298902</v>
      </c>
      <c r="U3666" s="53">
        <v>-49399.381443298902</v>
      </c>
      <c r="V3666" s="53">
        <v>-49399.381443298902</v>
      </c>
      <c r="W3666" s="53">
        <v>-49399.381443298902</v>
      </c>
      <c r="X3666" s="53">
        <v>-49399.381443298902</v>
      </c>
      <c r="Y3666" s="53">
        <v>-49399.381443298902</v>
      </c>
      <c r="Z3666" s="53">
        <v>-49399.381443298902</v>
      </c>
      <c r="AA3666" s="53">
        <v>-592792.577319587</v>
      </c>
      <c r="AB3666" s="53">
        <v>-49399.381443298902</v>
      </c>
      <c r="AC3666" s="53">
        <v>-49399.381443298902</v>
      </c>
      <c r="AD3666" s="53">
        <v>-49399.381443298902</v>
      </c>
      <c r="AE3666" s="53">
        <v>-49399.381443298902</v>
      </c>
      <c r="AF3666" s="53">
        <v>-49399.381443298902</v>
      </c>
      <c r="AG3666" s="53">
        <v>-49399.381443298902</v>
      </c>
      <c r="AH3666" s="53">
        <v>-49399.381443298902</v>
      </c>
      <c r="AI3666" s="53">
        <v>-49399.381443298902</v>
      </c>
      <c r="AJ3666" s="53">
        <v>-49399.381443298902</v>
      </c>
      <c r="AK3666" s="53">
        <v>-49399.381443298902</v>
      </c>
      <c r="AL3666" s="53">
        <v>-49399.381443298902</v>
      </c>
      <c r="AM3666" s="53">
        <v>-49399.381443298902</v>
      </c>
      <c r="AN3666" s="53">
        <v>-592792.577319587</v>
      </c>
      <c r="AO3666" s="53">
        <v>-49399.381443298902</v>
      </c>
      <c r="AP3666" s="53">
        <v>-49399.381443298902</v>
      </c>
      <c r="AQ3666" s="53">
        <v>-49399.381443298902</v>
      </c>
      <c r="AR3666" s="53">
        <v>-49399.381443298902</v>
      </c>
      <c r="AS3666" s="53">
        <v>-49399.381443298902</v>
      </c>
      <c r="AT3666" s="53">
        <v>-49399.381443298902</v>
      </c>
      <c r="AU3666" s="53">
        <v>-49399.381443298902</v>
      </c>
      <c r="AV3666" s="53">
        <v>-49399.381443298902</v>
      </c>
      <c r="AW3666" s="53">
        <v>-49399.381443298902</v>
      </c>
      <c r="AX3666" s="53">
        <v>-49399.381443298902</v>
      </c>
      <c r="AY3666" s="53">
        <v>-49399.381443298902</v>
      </c>
      <c r="AZ3666" s="53">
        <v>-49399.381443298902</v>
      </c>
      <c r="BA3666" s="53">
        <v>-592792.577319587</v>
      </c>
      <c r="BB3666" s="53">
        <v>-24699.6907216494</v>
      </c>
      <c r="BC3666" s="53"/>
      <c r="BD3666" s="53"/>
      <c r="BE3666" s="53"/>
      <c r="BF3666" s="53"/>
      <c r="BG3666" s="53"/>
      <c r="BH3666" s="53"/>
      <c r="BI3666" s="53"/>
      <c r="BJ3666" s="53"/>
      <c r="BK3666" s="53"/>
      <c r="BL3666" s="53"/>
      <c r="BM3666" s="53"/>
      <c r="BN3666" s="53">
        <v>-24699.6907216494</v>
      </c>
      <c r="BO3666" s="53"/>
      <c r="BP3666" s="53"/>
      <c r="BQ3666" s="53"/>
      <c r="BR3666" s="53"/>
      <c r="BS3666" s="53"/>
      <c r="BT3666" s="53"/>
      <c r="BU3666" s="53"/>
      <c r="BV3666" s="53"/>
      <c r="BW3666" s="53"/>
      <c r="BX3666" s="53"/>
      <c r="BY3666" s="53"/>
      <c r="BZ3666" s="53"/>
      <c r="CA3666" s="53"/>
      <c r="CB3666" s="53"/>
      <c r="CC3666" s="53"/>
      <c r="CD3666" s="53"/>
      <c r="CE3666" s="53"/>
      <c r="CF3666" s="53"/>
      <c r="CG3666" s="53"/>
      <c r="CH3666" s="53"/>
      <c r="CI3666" s="53"/>
      <c r="CJ3666" s="53"/>
      <c r="CK3666" s="53"/>
      <c r="CL3666" s="53"/>
      <c r="CM3666" s="53"/>
      <c r="CN3666" s="53"/>
    </row>
    <row r="3667" spans="1:92">
      <c r="A3667" s="52" t="s">
        <v>724</v>
      </c>
      <c r="B3667" s="53">
        <v>-13370.822185970599</v>
      </c>
      <c r="C3667" s="53">
        <v>-13370.822185970599</v>
      </c>
      <c r="D3667" s="53">
        <v>-13370.822185970599</v>
      </c>
      <c r="E3667" s="53">
        <v>-13370.822185970599</v>
      </c>
      <c r="F3667" s="53">
        <v>-13370.822185970599</v>
      </c>
      <c r="G3667" s="53">
        <v>-13370.822185970599</v>
      </c>
      <c r="H3667" s="53">
        <v>-13370.822185970599</v>
      </c>
      <c r="I3667" s="53">
        <v>-13370.822185970599</v>
      </c>
      <c r="J3667" s="53">
        <v>-13370.822185970599</v>
      </c>
      <c r="K3667" s="53">
        <v>-13370.822185970599</v>
      </c>
      <c r="L3667" s="53">
        <v>-13370.822185970599</v>
      </c>
      <c r="M3667" s="53">
        <v>-13370.822185970599</v>
      </c>
      <c r="N3667" s="53">
        <v>-160449.866231647</v>
      </c>
      <c r="O3667" s="53">
        <v>-13370.822185970599</v>
      </c>
      <c r="P3667" s="53">
        <v>-13370.822185970599</v>
      </c>
      <c r="Q3667" s="53">
        <v>-13370.822185970599</v>
      </c>
      <c r="R3667" s="53">
        <v>-13370.822185970599</v>
      </c>
      <c r="S3667" s="53">
        <v>-13370.822185970599</v>
      </c>
      <c r="T3667" s="53">
        <v>-13370.822185970599</v>
      </c>
      <c r="U3667" s="53">
        <v>-13370.822185970599</v>
      </c>
      <c r="V3667" s="53">
        <v>-13370.822185970599</v>
      </c>
      <c r="W3667" s="53">
        <v>-13370.822185970599</v>
      </c>
      <c r="X3667" s="53">
        <v>-13370.822185970599</v>
      </c>
      <c r="Y3667" s="53">
        <v>-13370.822185970599</v>
      </c>
      <c r="Z3667" s="53">
        <v>-13370.822185970599</v>
      </c>
      <c r="AA3667" s="53">
        <v>-160449.866231647</v>
      </c>
      <c r="AB3667" s="53">
        <v>-13370.822185970599</v>
      </c>
      <c r="AC3667" s="53">
        <v>-13370.822185970599</v>
      </c>
      <c r="AD3667" s="53">
        <v>-13370.822185970599</v>
      </c>
      <c r="AE3667" s="53">
        <v>-13370.822185970599</v>
      </c>
      <c r="AF3667" s="53">
        <v>-13370.822185970599</v>
      </c>
      <c r="AG3667" s="53">
        <v>-13370.822185970599</v>
      </c>
      <c r="AH3667" s="53">
        <v>-13370.822185970599</v>
      </c>
      <c r="AI3667" s="53">
        <v>-13370.822185970599</v>
      </c>
      <c r="AJ3667" s="53">
        <v>-13370.822185970599</v>
      </c>
      <c r="AK3667" s="53">
        <v>-13370.822185970599</v>
      </c>
      <c r="AL3667" s="53">
        <v>-13370.822185970599</v>
      </c>
      <c r="AM3667" s="53">
        <v>-13370.822185970599</v>
      </c>
      <c r="AN3667" s="53">
        <v>-160449.866231647</v>
      </c>
      <c r="AO3667" s="53">
        <v>-13370.822185970599</v>
      </c>
      <c r="AP3667" s="53">
        <v>-13370.822185970599</v>
      </c>
      <c r="AQ3667" s="53">
        <v>-13370.822185970599</v>
      </c>
      <c r="AR3667" s="53">
        <v>-13370.822185970599</v>
      </c>
      <c r="AS3667" s="53">
        <v>-13370.822185970599</v>
      </c>
      <c r="AT3667" s="53">
        <v>-13370.822185970599</v>
      </c>
      <c r="AU3667" s="53">
        <v>-13370.822185970599</v>
      </c>
      <c r="AV3667" s="53">
        <v>-13370.822185970599</v>
      </c>
      <c r="AW3667" s="53">
        <v>-13370.822185970599</v>
      </c>
      <c r="AX3667" s="53">
        <v>-13370.822185970599</v>
      </c>
      <c r="AY3667" s="53">
        <v>-13370.822185970599</v>
      </c>
      <c r="AZ3667" s="53">
        <v>-13370.822185970599</v>
      </c>
      <c r="BA3667" s="53">
        <v>-160449.866231647</v>
      </c>
      <c r="BB3667" s="53">
        <v>-13370.822185970599</v>
      </c>
      <c r="BC3667" s="53">
        <v>-13370.822185970599</v>
      </c>
      <c r="BD3667" s="53">
        <v>-13370.822185970599</v>
      </c>
      <c r="BE3667" s="53">
        <v>-13370.822185970599</v>
      </c>
      <c r="BF3667" s="53">
        <v>-13370.822185970599</v>
      </c>
      <c r="BG3667" s="53">
        <v>-13370.822185970599</v>
      </c>
      <c r="BH3667" s="53">
        <v>-13370.822185970599</v>
      </c>
      <c r="BI3667" s="53">
        <v>-13370.822185970599</v>
      </c>
      <c r="BJ3667" s="53">
        <v>-13370.822185970599</v>
      </c>
      <c r="BK3667" s="53">
        <v>-13370.822185970599</v>
      </c>
      <c r="BL3667" s="53">
        <v>-13370.822185970599</v>
      </c>
      <c r="BM3667" s="53">
        <v>-13370.822185970599</v>
      </c>
      <c r="BN3667" s="53">
        <v>-160449.866231647</v>
      </c>
      <c r="BO3667" s="53">
        <v>-13370.822185970599</v>
      </c>
      <c r="BP3667" s="53">
        <v>-13370.822185970599</v>
      </c>
      <c r="BQ3667" s="53">
        <v>-13370.822185970599</v>
      </c>
      <c r="BR3667" s="53">
        <v>-13370.822185970599</v>
      </c>
      <c r="BS3667" s="53">
        <v>-13370.822185970599</v>
      </c>
      <c r="BT3667" s="53">
        <v>-13370.822185970599</v>
      </c>
      <c r="BU3667" s="53">
        <v>-13370.822185970599</v>
      </c>
      <c r="BV3667" s="53">
        <v>-13370.822185970599</v>
      </c>
      <c r="BW3667" s="53">
        <v>-13370.822185970599</v>
      </c>
      <c r="BX3667" s="53">
        <v>-13370.822185970599</v>
      </c>
      <c r="BY3667" s="53">
        <v>-13370.822185970599</v>
      </c>
      <c r="BZ3667" s="53">
        <v>-13370.822185970599</v>
      </c>
      <c r="CA3667" s="53">
        <v>-160449.866231647</v>
      </c>
      <c r="CB3667" s="53"/>
      <c r="CC3667" s="53"/>
      <c r="CD3667" s="53"/>
      <c r="CE3667" s="53"/>
      <c r="CF3667" s="53"/>
      <c r="CG3667" s="53"/>
      <c r="CH3667" s="53"/>
      <c r="CI3667" s="53"/>
      <c r="CJ3667" s="53"/>
      <c r="CK3667" s="53"/>
      <c r="CL3667" s="53"/>
      <c r="CM3667" s="53"/>
      <c r="CN3667" s="53"/>
    </row>
    <row r="3668" spans="1:92" outlineLevel="1">
      <c r="A3668" s="52" t="s">
        <v>725</v>
      </c>
      <c r="B3668" s="53">
        <v>-44991.8796992481</v>
      </c>
      <c r="C3668" s="53">
        <v>-44991.8796992481</v>
      </c>
      <c r="D3668" s="53">
        <v>-44991.8796992481</v>
      </c>
      <c r="E3668" s="53">
        <v>-44991.8796992481</v>
      </c>
      <c r="F3668" s="53">
        <v>-44991.8796992481</v>
      </c>
      <c r="G3668" s="53">
        <v>-44991.8796992481</v>
      </c>
      <c r="H3668" s="53">
        <v>-44991.8796992481</v>
      </c>
      <c r="I3668" s="53">
        <v>-44991.8796992481</v>
      </c>
      <c r="J3668" s="53">
        <v>-44991.8796992481</v>
      </c>
      <c r="K3668" s="53">
        <v>-44991.8796992481</v>
      </c>
      <c r="L3668" s="53">
        <v>-44991.8796992481</v>
      </c>
      <c r="M3668" s="53">
        <v>-44991.8796992481</v>
      </c>
      <c r="N3668" s="53">
        <v>-539902.556390977</v>
      </c>
      <c r="O3668" s="53">
        <v>-44991.8796992481</v>
      </c>
      <c r="P3668" s="53">
        <v>-44991.8796992481</v>
      </c>
      <c r="Q3668" s="53">
        <v>-44991.8796992481</v>
      </c>
      <c r="R3668" s="53">
        <v>-44991.8796992481</v>
      </c>
      <c r="S3668" s="53">
        <v>-44991.8796992481</v>
      </c>
      <c r="T3668" s="53">
        <v>-44991.8796992481</v>
      </c>
      <c r="U3668" s="53">
        <v>-44991.8796992481</v>
      </c>
      <c r="V3668" s="53">
        <v>-44991.8796992481</v>
      </c>
      <c r="W3668" s="53">
        <v>-44991.8796992481</v>
      </c>
      <c r="X3668" s="53">
        <v>-44991.8796992481</v>
      </c>
      <c r="Y3668" s="53">
        <v>-44991.8796992481</v>
      </c>
      <c r="Z3668" s="53">
        <v>-44991.8796992481</v>
      </c>
      <c r="AA3668" s="53">
        <v>-539902.556390977</v>
      </c>
      <c r="AB3668" s="53">
        <v>-44991.8796992481</v>
      </c>
      <c r="AC3668" s="53">
        <v>-44991.8796992481</v>
      </c>
      <c r="AD3668" s="53">
        <v>-44991.8796992481</v>
      </c>
      <c r="AE3668" s="53">
        <v>-44991.8796992481</v>
      </c>
      <c r="AF3668" s="53">
        <v>-44991.8796992481</v>
      </c>
      <c r="AG3668" s="53">
        <v>-44991.8796992481</v>
      </c>
      <c r="AH3668" s="53">
        <v>-44991.8796992481</v>
      </c>
      <c r="AI3668" s="53">
        <v>-44991.8796992481</v>
      </c>
      <c r="AJ3668" s="53">
        <v>-44991.8796992481</v>
      </c>
      <c r="AK3668" s="53">
        <v>-44991.8796992481</v>
      </c>
      <c r="AL3668" s="53">
        <v>-44991.8796992481</v>
      </c>
      <c r="AM3668" s="53">
        <v>-44991.8796992481</v>
      </c>
      <c r="AN3668" s="53">
        <v>-539902.556390977</v>
      </c>
      <c r="AO3668" s="53">
        <v>-44991.8796992481</v>
      </c>
      <c r="AP3668" s="53">
        <v>-44991.8796992481</v>
      </c>
      <c r="AQ3668" s="53">
        <v>-44991.8796992481</v>
      </c>
      <c r="AR3668" s="53">
        <v>-44991.8796992481</v>
      </c>
      <c r="AS3668" s="53">
        <v>-44991.8796992481</v>
      </c>
      <c r="AT3668" s="53">
        <v>-44991.8796992481</v>
      </c>
      <c r="AU3668" s="53">
        <v>-44991.8796992481</v>
      </c>
      <c r="AV3668" s="53">
        <v>-44991.8796992481</v>
      </c>
      <c r="AW3668" s="53">
        <v>-44991.8796992481</v>
      </c>
      <c r="AX3668" s="53">
        <v>-44991.8796992481</v>
      </c>
      <c r="AY3668" s="53">
        <v>-44991.8796992481</v>
      </c>
      <c r="AZ3668" s="53">
        <v>-44991.8796992481</v>
      </c>
      <c r="BA3668" s="53">
        <v>-539902.556390977</v>
      </c>
      <c r="BB3668" s="53">
        <v>-44991.8796992481</v>
      </c>
      <c r="BC3668" s="53">
        <v>-44991.8796992481</v>
      </c>
      <c r="BD3668" s="53">
        <v>-44991.8796992481</v>
      </c>
      <c r="BE3668" s="53">
        <v>-44991.8796992481</v>
      </c>
      <c r="BF3668" s="53">
        <v>-44991.8796992481</v>
      </c>
      <c r="BG3668" s="53">
        <v>-44991.8796992481</v>
      </c>
      <c r="BH3668" s="53">
        <v>-44991.8796992481</v>
      </c>
      <c r="BI3668" s="53">
        <v>-44991.8796992481</v>
      </c>
      <c r="BJ3668" s="53">
        <v>-44991.8796992481</v>
      </c>
      <c r="BK3668" s="53">
        <v>-44991.8796992481</v>
      </c>
      <c r="BL3668" s="53">
        <v>-44991.8796992481</v>
      </c>
      <c r="BM3668" s="53">
        <v>-44991.8796992481</v>
      </c>
      <c r="BN3668" s="53">
        <v>-539902.556390977</v>
      </c>
      <c r="BO3668" s="53">
        <v>-44991.8796992481</v>
      </c>
      <c r="BP3668" s="53">
        <v>-44991.8796992481</v>
      </c>
      <c r="BQ3668" s="53">
        <v>-44991.8796992481</v>
      </c>
      <c r="BR3668" s="53">
        <v>-44991.8796992481</v>
      </c>
      <c r="BS3668" s="53">
        <v>-44991.8796992481</v>
      </c>
      <c r="BT3668" s="53">
        <v>-44991.8796992481</v>
      </c>
      <c r="BU3668" s="53">
        <v>-22495.939849623999</v>
      </c>
      <c r="BV3668" s="53"/>
      <c r="BW3668" s="53"/>
      <c r="BX3668" s="53"/>
      <c r="BY3668" s="53"/>
      <c r="BZ3668" s="53"/>
      <c r="CA3668" s="53">
        <v>-292447.21804511198</v>
      </c>
      <c r="CB3668" s="53">
        <v>0</v>
      </c>
      <c r="CC3668" s="53">
        <v>0</v>
      </c>
      <c r="CD3668" s="53">
        <v>0</v>
      </c>
      <c r="CE3668" s="53">
        <v>0</v>
      </c>
      <c r="CF3668" s="53">
        <v>0</v>
      </c>
      <c r="CG3668" s="53">
        <v>0</v>
      </c>
      <c r="CH3668" s="53">
        <v>0</v>
      </c>
      <c r="CI3668" s="53">
        <v>0</v>
      </c>
      <c r="CJ3668" s="53">
        <v>0</v>
      </c>
      <c r="CK3668" s="53">
        <v>0</v>
      </c>
      <c r="CL3668" s="53">
        <v>0</v>
      </c>
      <c r="CM3668" s="53">
        <v>0</v>
      </c>
      <c r="CN3668" s="53">
        <v>0</v>
      </c>
    </row>
    <row r="3669" spans="1:92" outlineLevel="1">
      <c r="A3669" s="52" t="s">
        <v>726</v>
      </c>
      <c r="B3669" s="53">
        <v>-52157.240963855402</v>
      </c>
      <c r="C3669" s="53">
        <v>-52157.240963855402</v>
      </c>
      <c r="D3669" s="53">
        <v>-52157.240963855402</v>
      </c>
      <c r="E3669" s="53">
        <v>-52157.240963855402</v>
      </c>
      <c r="F3669" s="53">
        <v>-52157.240963855402</v>
      </c>
      <c r="G3669" s="53">
        <v>-52157.240963855402</v>
      </c>
      <c r="H3669" s="53">
        <v>-52157.240963855402</v>
      </c>
      <c r="I3669" s="53">
        <v>-52157.240963855402</v>
      </c>
      <c r="J3669" s="53">
        <v>-52157.240963855402</v>
      </c>
      <c r="K3669" s="53">
        <v>-52157.240963855402</v>
      </c>
      <c r="L3669" s="53">
        <v>-52157.240963855402</v>
      </c>
      <c r="M3669" s="53">
        <v>-52157.240963855402</v>
      </c>
      <c r="N3669" s="53">
        <v>-625886.89156626503</v>
      </c>
      <c r="O3669" s="53">
        <v>-52157.240963855402</v>
      </c>
      <c r="P3669" s="53">
        <v>-52157.240963855402</v>
      </c>
      <c r="Q3669" s="53">
        <v>-52157.240963855402</v>
      </c>
      <c r="R3669" s="53">
        <v>-52157.240963855402</v>
      </c>
      <c r="S3669" s="53">
        <v>-52157.240963855402</v>
      </c>
      <c r="T3669" s="53">
        <v>-52157.240963855402</v>
      </c>
      <c r="U3669" s="53">
        <v>-52157.240963855402</v>
      </c>
      <c r="V3669" s="53">
        <v>-52157.240963855402</v>
      </c>
      <c r="W3669" s="53">
        <v>-52157.240963855402</v>
      </c>
      <c r="X3669" s="53">
        <v>-52157.240963855402</v>
      </c>
      <c r="Y3669" s="53">
        <v>-52157.240963855402</v>
      </c>
      <c r="Z3669" s="53">
        <v>-52157.240963855402</v>
      </c>
      <c r="AA3669" s="53">
        <v>-625886.89156626503</v>
      </c>
      <c r="AB3669" s="53">
        <v>-52157.240963855402</v>
      </c>
      <c r="AC3669" s="53">
        <v>-52157.240963855402</v>
      </c>
      <c r="AD3669" s="53">
        <v>-52157.240963855402</v>
      </c>
      <c r="AE3669" s="53">
        <v>-52157.240963855402</v>
      </c>
      <c r="AF3669" s="53">
        <v>-52157.240963855402</v>
      </c>
      <c r="AG3669" s="53">
        <v>-52157.240963855402</v>
      </c>
      <c r="AH3669" s="53">
        <v>-52157.240963855402</v>
      </c>
      <c r="AI3669" s="53">
        <v>-52157.240963855402</v>
      </c>
      <c r="AJ3669" s="53">
        <v>-52157.240963855402</v>
      </c>
      <c r="AK3669" s="53">
        <v>-52157.240963855402</v>
      </c>
      <c r="AL3669" s="53">
        <v>-52157.240963855402</v>
      </c>
      <c r="AM3669" s="53">
        <v>-52157.240963855402</v>
      </c>
      <c r="AN3669" s="53">
        <v>-625886.89156626503</v>
      </c>
      <c r="AO3669" s="53">
        <v>-52157.240963855402</v>
      </c>
      <c r="AP3669" s="53">
        <v>-52157.240963855402</v>
      </c>
      <c r="AQ3669" s="53">
        <v>-52157.240963855402</v>
      </c>
      <c r="AR3669" s="53">
        <v>-52157.240963855402</v>
      </c>
      <c r="AS3669" s="53">
        <v>-52157.240963855402</v>
      </c>
      <c r="AT3669" s="53">
        <v>-52157.240963855402</v>
      </c>
      <c r="AU3669" s="53">
        <v>-52157.240963855402</v>
      </c>
      <c r="AV3669" s="53">
        <v>-52157.240963855402</v>
      </c>
      <c r="AW3669" s="53">
        <v>-52157.240963855402</v>
      </c>
      <c r="AX3669" s="53">
        <v>-52157.240963855402</v>
      </c>
      <c r="AY3669" s="53">
        <v>-52157.240963855402</v>
      </c>
      <c r="AZ3669" s="53">
        <v>-52157.240963855402</v>
      </c>
      <c r="BA3669" s="53">
        <v>-625886.89156626503</v>
      </c>
      <c r="BB3669" s="53">
        <v>-52157.240963855402</v>
      </c>
      <c r="BC3669" s="53">
        <v>-52157.240963855402</v>
      </c>
      <c r="BD3669" s="53">
        <v>-52157.240963855402</v>
      </c>
      <c r="BE3669" s="53">
        <v>-52157.240963855402</v>
      </c>
      <c r="BF3669" s="53">
        <v>-52157.240963855402</v>
      </c>
      <c r="BG3669" s="53">
        <v>-52157.240963855402</v>
      </c>
      <c r="BH3669" s="53">
        <v>-52157.240963855402</v>
      </c>
      <c r="BI3669" s="53">
        <v>-52157.240963855402</v>
      </c>
      <c r="BJ3669" s="53">
        <v>-52157.240963855402</v>
      </c>
      <c r="BK3669" s="53">
        <v>-52157.240963855402</v>
      </c>
      <c r="BL3669" s="53">
        <v>-52157.240963855402</v>
      </c>
      <c r="BM3669" s="53">
        <v>-52157.240963855402</v>
      </c>
      <c r="BN3669" s="53">
        <v>-625886.89156626503</v>
      </c>
      <c r="BO3669" s="53">
        <v>-52157.240963855402</v>
      </c>
      <c r="BP3669" s="53">
        <v>-52157.240963855402</v>
      </c>
      <c r="BQ3669" s="53">
        <v>-52157.240963855402</v>
      </c>
      <c r="BR3669" s="53">
        <v>-52157.240963855402</v>
      </c>
      <c r="BS3669" s="53">
        <v>-52157.240963855402</v>
      </c>
      <c r="BT3669" s="53">
        <v>-52157.240963855402</v>
      </c>
      <c r="BU3669" s="53">
        <v>-52157.240963855402</v>
      </c>
      <c r="BV3669" s="53">
        <v>-52157.240963855402</v>
      </c>
      <c r="BW3669" s="53">
        <v>-52157.240963855402</v>
      </c>
      <c r="BX3669" s="53">
        <v>-52157.240963855402</v>
      </c>
      <c r="BY3669" s="53">
        <v>-52157.240963855402</v>
      </c>
      <c r="BZ3669" s="53">
        <v>-52157.240963855402</v>
      </c>
      <c r="CA3669" s="53">
        <v>-625886.89156626503</v>
      </c>
      <c r="CB3669" s="53">
        <v>0</v>
      </c>
      <c r="CC3669" s="53">
        <v>0</v>
      </c>
      <c r="CD3669" s="53">
        <v>0</v>
      </c>
      <c r="CE3669" s="53">
        <v>0</v>
      </c>
      <c r="CF3669" s="53">
        <v>0</v>
      </c>
      <c r="CG3669" s="53">
        <v>0</v>
      </c>
      <c r="CH3669" s="53">
        <v>0</v>
      </c>
      <c r="CI3669" s="53">
        <v>0</v>
      </c>
      <c r="CJ3669" s="53">
        <v>0</v>
      </c>
      <c r="CK3669" s="53">
        <v>0</v>
      </c>
      <c r="CL3669" s="53">
        <v>0</v>
      </c>
      <c r="CM3669" s="53">
        <v>0</v>
      </c>
      <c r="CN3669" s="53">
        <v>0</v>
      </c>
    </row>
    <row r="3670" spans="1:92" outlineLevel="1">
      <c r="A3670" s="52" t="s">
        <v>728</v>
      </c>
      <c r="B3670" s="53">
        <v>-38996.0446927374</v>
      </c>
      <c r="C3670" s="53">
        <v>-38996.0446927374</v>
      </c>
      <c r="D3670" s="53">
        <v>-38996.0446927374</v>
      </c>
      <c r="E3670" s="53">
        <v>-38996.0446927374</v>
      </c>
      <c r="F3670" s="53">
        <v>-38996.0446927374</v>
      </c>
      <c r="G3670" s="53">
        <v>-38996.0446927374</v>
      </c>
      <c r="H3670" s="53">
        <v>-38996.0446927374</v>
      </c>
      <c r="I3670" s="53">
        <v>-38996.0446927374</v>
      </c>
      <c r="J3670" s="53">
        <v>-38996.0446927374</v>
      </c>
      <c r="K3670" s="53">
        <v>-38996.0446927374</v>
      </c>
      <c r="L3670" s="53">
        <v>-38996.0446927374</v>
      </c>
      <c r="M3670" s="53">
        <v>-38996.0446927374</v>
      </c>
      <c r="N3670" s="53">
        <v>-467952.53631284903</v>
      </c>
      <c r="O3670" s="53">
        <v>-38996.0446927374</v>
      </c>
      <c r="P3670" s="53">
        <v>-38996.0446927374</v>
      </c>
      <c r="Q3670" s="53">
        <v>-38996.0446927374</v>
      </c>
      <c r="R3670" s="53">
        <v>-38996.0446927374</v>
      </c>
      <c r="S3670" s="53">
        <v>-38996.0446927374</v>
      </c>
      <c r="T3670" s="53">
        <v>-38996.0446927374</v>
      </c>
      <c r="U3670" s="53">
        <v>-38996.0446927374</v>
      </c>
      <c r="V3670" s="53">
        <v>-38996.0446927374</v>
      </c>
      <c r="W3670" s="53">
        <v>-38996.0446927374</v>
      </c>
      <c r="X3670" s="53">
        <v>-38996.0446927374</v>
      </c>
      <c r="Y3670" s="53">
        <v>-38996.0446927374</v>
      </c>
      <c r="Z3670" s="53">
        <v>-38996.044692737298</v>
      </c>
      <c r="AA3670" s="53">
        <v>-467952.53631284798</v>
      </c>
      <c r="AB3670" s="53">
        <v>-38996.044692737298</v>
      </c>
      <c r="AC3670" s="53">
        <v>-38996.044692737298</v>
      </c>
      <c r="AD3670" s="53">
        <v>-38996.044692737298</v>
      </c>
      <c r="AE3670" s="53">
        <v>-38996.044692737298</v>
      </c>
      <c r="AF3670" s="53">
        <v>-38996.044692737298</v>
      </c>
      <c r="AG3670" s="53">
        <v>-38996.044692737298</v>
      </c>
      <c r="AH3670" s="53">
        <v>-38996.044692737298</v>
      </c>
      <c r="AI3670" s="53">
        <v>-38996.044692737298</v>
      </c>
      <c r="AJ3670" s="53">
        <v>-38996.044692737298</v>
      </c>
      <c r="AK3670" s="53">
        <v>-38996.044692737298</v>
      </c>
      <c r="AL3670" s="53">
        <v>-38996.044692737298</v>
      </c>
      <c r="AM3670" s="53">
        <v>-38996.044692737298</v>
      </c>
      <c r="AN3670" s="53">
        <v>-467952.53631284798</v>
      </c>
      <c r="AO3670" s="53">
        <v>-38996.044692737298</v>
      </c>
      <c r="AP3670" s="53">
        <v>-38996.044692737298</v>
      </c>
      <c r="AQ3670" s="53">
        <v>-38996.044692737298</v>
      </c>
      <c r="AR3670" s="53">
        <v>-38996.044692737298</v>
      </c>
      <c r="AS3670" s="53">
        <v>-38996.044692737298</v>
      </c>
      <c r="AT3670" s="53">
        <v>-38996.044692737298</v>
      </c>
      <c r="AU3670" s="53">
        <v>-38996.044692737298</v>
      </c>
      <c r="AV3670" s="53">
        <v>-38996.044692737298</v>
      </c>
      <c r="AW3670" s="53">
        <v>-38996.044692737298</v>
      </c>
      <c r="AX3670" s="53">
        <v>-38996.044692737298</v>
      </c>
      <c r="AY3670" s="53">
        <v>-38996.044692737298</v>
      </c>
      <c r="AZ3670" s="53">
        <v>-38996.044692737298</v>
      </c>
      <c r="BA3670" s="53">
        <v>-467952.53631284798</v>
      </c>
      <c r="BB3670" s="53">
        <v>-38996.044692737298</v>
      </c>
      <c r="BC3670" s="53">
        <v>-38996.044692737298</v>
      </c>
      <c r="BD3670" s="53">
        <v>-38996.044692737298</v>
      </c>
      <c r="BE3670" s="53">
        <v>-38996.044692737298</v>
      </c>
      <c r="BF3670" s="53">
        <v>-38996.044692737298</v>
      </c>
      <c r="BG3670" s="53">
        <v>-38996.044692737298</v>
      </c>
      <c r="BH3670" s="53">
        <v>-38996.044692737298</v>
      </c>
      <c r="BI3670" s="53">
        <v>-38996.044692737298</v>
      </c>
      <c r="BJ3670" s="53">
        <v>-38996.044692737298</v>
      </c>
      <c r="BK3670" s="53">
        <v>-38996.044692737298</v>
      </c>
      <c r="BL3670" s="53">
        <v>-38996.044692737298</v>
      </c>
      <c r="BM3670" s="53">
        <v>-38996.044692737298</v>
      </c>
      <c r="BN3670" s="53">
        <v>-467952.53631284798</v>
      </c>
      <c r="BO3670" s="53">
        <v>-38996.044692737298</v>
      </c>
      <c r="BP3670" s="53">
        <v>-38996.044692737298</v>
      </c>
      <c r="BQ3670" s="53">
        <v>-38996.0446927374</v>
      </c>
      <c r="BR3670" s="53">
        <v>-38996.0446927374</v>
      </c>
      <c r="BS3670" s="53">
        <v>-38996.0446927374</v>
      </c>
      <c r="BT3670" s="53">
        <v>-38996.0446927374</v>
      </c>
      <c r="BU3670" s="53">
        <v>-38996.0446927374</v>
      </c>
      <c r="BV3670" s="53">
        <v>-38996.0446927374</v>
      </c>
      <c r="BW3670" s="53">
        <v>-38996.0446927374</v>
      </c>
      <c r="BX3670" s="53">
        <v>-38996.0446927374</v>
      </c>
      <c r="BY3670" s="53">
        <v>-38996.044692737298</v>
      </c>
      <c r="BZ3670" s="53">
        <v>-38996.0446927374</v>
      </c>
      <c r="CA3670" s="53">
        <v>-467952.53631284798</v>
      </c>
      <c r="CB3670" s="53"/>
      <c r="CC3670" s="53"/>
      <c r="CD3670" s="53"/>
      <c r="CE3670" s="53"/>
      <c r="CF3670" s="53"/>
      <c r="CG3670" s="53"/>
      <c r="CH3670" s="53"/>
      <c r="CI3670" s="53"/>
      <c r="CJ3670" s="53"/>
      <c r="CK3670" s="53"/>
      <c r="CL3670" s="53"/>
      <c r="CM3670" s="53"/>
      <c r="CN3670" s="53"/>
    </row>
    <row r="3671" spans="1:92" outlineLevel="1">
      <c r="A3671" s="52" t="s">
        <v>729</v>
      </c>
      <c r="B3671" s="53">
        <v>-48595.5162790697</v>
      </c>
      <c r="C3671" s="53">
        <v>-48595.5162790697</v>
      </c>
      <c r="D3671" s="53">
        <v>-48595.5162790697</v>
      </c>
      <c r="E3671" s="53">
        <v>-48595.5162790697</v>
      </c>
      <c r="F3671" s="53">
        <v>-48595.5162790697</v>
      </c>
      <c r="G3671" s="53">
        <v>-48595.5162790697</v>
      </c>
      <c r="H3671" s="53">
        <v>-48595.5162790697</v>
      </c>
      <c r="I3671" s="53">
        <v>-48595.5162790697</v>
      </c>
      <c r="J3671" s="53">
        <v>-48595.5162790697</v>
      </c>
      <c r="K3671" s="53">
        <v>-48595.5162790697</v>
      </c>
      <c r="L3671" s="53">
        <v>-48595.5162790697</v>
      </c>
      <c r="M3671" s="53">
        <v>-48595.5162790697</v>
      </c>
      <c r="N3671" s="53">
        <v>-583146.19534883695</v>
      </c>
      <c r="O3671" s="53">
        <v>-48595.5162790697</v>
      </c>
      <c r="P3671" s="53">
        <v>-48595.5162790697</v>
      </c>
      <c r="Q3671" s="53">
        <v>-48595.5162790697</v>
      </c>
      <c r="R3671" s="53">
        <v>-48595.5162790697</v>
      </c>
      <c r="S3671" s="53">
        <v>-48595.5162790697</v>
      </c>
      <c r="T3671" s="53">
        <v>-48595.5162790697</v>
      </c>
      <c r="U3671" s="53">
        <v>-48595.5162790697</v>
      </c>
      <c r="V3671" s="53">
        <v>-48595.5162790697</v>
      </c>
      <c r="W3671" s="53">
        <v>-48595.5162790697</v>
      </c>
      <c r="X3671" s="53">
        <v>-48595.5162790697</v>
      </c>
      <c r="Y3671" s="53">
        <v>-48595.5162790697</v>
      </c>
      <c r="Z3671" s="53">
        <v>-48595.5162790697</v>
      </c>
      <c r="AA3671" s="53">
        <v>-583146.19534883695</v>
      </c>
      <c r="AB3671" s="53">
        <v>-48595.516279069801</v>
      </c>
      <c r="AC3671" s="53">
        <v>-48595.516279069801</v>
      </c>
      <c r="AD3671" s="53">
        <v>-48595.516279069801</v>
      </c>
      <c r="AE3671" s="53">
        <v>-48595.516279069801</v>
      </c>
      <c r="AF3671" s="53">
        <v>-48595.516279069801</v>
      </c>
      <c r="AG3671" s="53">
        <v>-48595.516279069801</v>
      </c>
      <c r="AH3671" s="53">
        <v>-48595.516279069801</v>
      </c>
      <c r="AI3671" s="53">
        <v>-48595.516279069801</v>
      </c>
      <c r="AJ3671" s="53">
        <v>-48595.516279069801</v>
      </c>
      <c r="AK3671" s="53">
        <v>-48595.516279069801</v>
      </c>
      <c r="AL3671" s="53">
        <v>-48595.516279069801</v>
      </c>
      <c r="AM3671" s="53">
        <v>-48595.516279069801</v>
      </c>
      <c r="AN3671" s="53">
        <v>-583146.19534883695</v>
      </c>
      <c r="AO3671" s="53">
        <v>-48595.516279069801</v>
      </c>
      <c r="AP3671" s="53">
        <v>-48595.516279069801</v>
      </c>
      <c r="AQ3671" s="53">
        <v>-48595.516279069801</v>
      </c>
      <c r="AR3671" s="53">
        <v>-48595.516279069801</v>
      </c>
      <c r="AS3671" s="53">
        <v>-48595.516279069801</v>
      </c>
      <c r="AT3671" s="53">
        <v>-48595.516279069801</v>
      </c>
      <c r="AU3671" s="53">
        <v>-48595.516279069801</v>
      </c>
      <c r="AV3671" s="53">
        <v>-48595.516279069801</v>
      </c>
      <c r="AW3671" s="53">
        <v>-48595.516279069801</v>
      </c>
      <c r="AX3671" s="53">
        <v>-48595.516279069801</v>
      </c>
      <c r="AY3671" s="53">
        <v>-48595.516279069801</v>
      </c>
      <c r="AZ3671" s="53">
        <v>-48595.516279069801</v>
      </c>
      <c r="BA3671" s="53">
        <v>-583146.19534883799</v>
      </c>
      <c r="BB3671" s="53">
        <v>-48595.516279069801</v>
      </c>
      <c r="BC3671" s="53">
        <v>-48595.516279069801</v>
      </c>
      <c r="BD3671" s="53">
        <v>-48595.516279069801</v>
      </c>
      <c r="BE3671" s="53">
        <v>-48595.516279069801</v>
      </c>
      <c r="BF3671" s="53">
        <v>-48595.516279069801</v>
      </c>
      <c r="BG3671" s="53">
        <v>-48595.516279069801</v>
      </c>
      <c r="BH3671" s="53">
        <v>-48595.516279069801</v>
      </c>
      <c r="BI3671" s="53">
        <v>-48595.516279069801</v>
      </c>
      <c r="BJ3671" s="53">
        <v>-48595.516279069801</v>
      </c>
      <c r="BK3671" s="53">
        <v>-48595.516279069801</v>
      </c>
      <c r="BL3671" s="53">
        <v>-48595.516279069801</v>
      </c>
      <c r="BM3671" s="53">
        <v>-48595.516279069801</v>
      </c>
      <c r="BN3671" s="53">
        <v>-583146.19534883799</v>
      </c>
      <c r="BO3671" s="53">
        <v>-48595.516279069801</v>
      </c>
      <c r="BP3671" s="53">
        <v>-48595.516279069801</v>
      </c>
      <c r="BQ3671" s="53">
        <v>-48595.516279069903</v>
      </c>
      <c r="BR3671" s="53">
        <v>-48595.516279069801</v>
      </c>
      <c r="BS3671" s="53">
        <v>-48595.516279069801</v>
      </c>
      <c r="BT3671" s="53">
        <v>-48595.516279069801</v>
      </c>
      <c r="BU3671" s="53">
        <v>-48595.516279069801</v>
      </c>
      <c r="BV3671" s="53">
        <v>-48595.516279069801</v>
      </c>
      <c r="BW3671" s="53">
        <v>-48595.516279069801</v>
      </c>
      <c r="BX3671" s="53">
        <v>-48595.516279069801</v>
      </c>
      <c r="BY3671" s="53">
        <v>-48595.516279069801</v>
      </c>
      <c r="BZ3671" s="53">
        <v>-48595.516279069801</v>
      </c>
      <c r="CA3671" s="53">
        <v>-583146.19534883799</v>
      </c>
      <c r="CB3671" s="53"/>
      <c r="CC3671" s="53"/>
      <c r="CD3671" s="53"/>
      <c r="CE3671" s="53"/>
      <c r="CF3671" s="53"/>
      <c r="CG3671" s="53"/>
      <c r="CH3671" s="53"/>
      <c r="CI3671" s="53"/>
      <c r="CJ3671" s="53"/>
      <c r="CK3671" s="53"/>
      <c r="CL3671" s="53"/>
      <c r="CM3671" s="53"/>
      <c r="CN3671" s="53"/>
    </row>
    <row r="3672" spans="1:92" outlineLevel="1">
      <c r="A3672" s="52" t="s">
        <v>730</v>
      </c>
      <c r="B3672" s="53">
        <v>-16652.086330935199</v>
      </c>
      <c r="C3672" s="53">
        <v>-16652.086330935199</v>
      </c>
      <c r="D3672" s="53">
        <v>-16652.086330935199</v>
      </c>
      <c r="E3672" s="53">
        <v>-16652.086330935199</v>
      </c>
      <c r="F3672" s="53">
        <v>-16652.086330935199</v>
      </c>
      <c r="G3672" s="53">
        <v>-16652.086330935199</v>
      </c>
      <c r="H3672" s="53">
        <v>-16652.086330935199</v>
      </c>
      <c r="I3672" s="53">
        <v>-16652.086330935199</v>
      </c>
      <c r="J3672" s="53">
        <v>-16652.086330935199</v>
      </c>
      <c r="K3672" s="53">
        <v>-16652.086330935199</v>
      </c>
      <c r="L3672" s="53">
        <v>-16652.086330935199</v>
      </c>
      <c r="M3672" s="53">
        <v>-16652.086330935199</v>
      </c>
      <c r="N3672" s="53">
        <v>-199825.035971223</v>
      </c>
      <c r="O3672" s="53">
        <v>-16652.086330935199</v>
      </c>
      <c r="P3672" s="53">
        <v>-16652.086330935199</v>
      </c>
      <c r="Q3672" s="53">
        <v>-16652.086330935199</v>
      </c>
      <c r="R3672" s="53">
        <v>-16652.086330935199</v>
      </c>
      <c r="S3672" s="53">
        <v>-16652.086330935199</v>
      </c>
      <c r="T3672" s="53">
        <v>-16652.086330935199</v>
      </c>
      <c r="U3672" s="53">
        <v>-16652.086330935199</v>
      </c>
      <c r="V3672" s="53">
        <v>-16652.086330935199</v>
      </c>
      <c r="W3672" s="53">
        <v>-16652.086330935199</v>
      </c>
      <c r="X3672" s="53">
        <v>-16652.086330935199</v>
      </c>
      <c r="Y3672" s="53">
        <v>-16652.086330935199</v>
      </c>
      <c r="Z3672" s="53">
        <v>-16652.086330935199</v>
      </c>
      <c r="AA3672" s="53">
        <v>-199825.035971223</v>
      </c>
      <c r="AB3672" s="53">
        <v>-16652.086330935199</v>
      </c>
      <c r="AC3672" s="53">
        <v>-16652.086330935199</v>
      </c>
      <c r="AD3672" s="53">
        <v>-16652.086330935199</v>
      </c>
      <c r="AE3672" s="53">
        <v>-16652.086330935199</v>
      </c>
      <c r="AF3672" s="53">
        <v>-16652.086330935199</v>
      </c>
      <c r="AG3672" s="53">
        <v>-16652.086330935199</v>
      </c>
      <c r="AH3672" s="53">
        <v>-16652.086330935199</v>
      </c>
      <c r="AI3672" s="53">
        <v>-16652.086330935199</v>
      </c>
      <c r="AJ3672" s="53">
        <v>-16652.086330935199</v>
      </c>
      <c r="AK3672" s="53">
        <v>-16652.086330935199</v>
      </c>
      <c r="AL3672" s="53">
        <v>-16652.086330935199</v>
      </c>
      <c r="AM3672" s="53">
        <v>-16652.086330935199</v>
      </c>
      <c r="AN3672" s="53">
        <v>-199825.035971223</v>
      </c>
      <c r="AO3672" s="53">
        <v>-16652.086330935199</v>
      </c>
      <c r="AP3672" s="53">
        <v>-16652.086330935199</v>
      </c>
      <c r="AQ3672" s="53">
        <v>-16652.086330935199</v>
      </c>
      <c r="AR3672" s="53">
        <v>-16652.086330935199</v>
      </c>
      <c r="AS3672" s="53">
        <v>-16652.086330935199</v>
      </c>
      <c r="AT3672" s="53">
        <v>-16652.086330935199</v>
      </c>
      <c r="AU3672" s="53">
        <v>-16652.086330935199</v>
      </c>
      <c r="AV3672" s="53">
        <v>-16652.086330935199</v>
      </c>
      <c r="AW3672" s="53">
        <v>-16652.086330935199</v>
      </c>
      <c r="AX3672" s="53">
        <v>-16652.086330935199</v>
      </c>
      <c r="AY3672" s="53">
        <v>-16652.086330935199</v>
      </c>
      <c r="AZ3672" s="53">
        <v>-16652.086330935199</v>
      </c>
      <c r="BA3672" s="53">
        <v>-199825.035971223</v>
      </c>
      <c r="BB3672" s="53">
        <v>-16652.086330935199</v>
      </c>
      <c r="BC3672" s="53">
        <v>-16652.086330935199</v>
      </c>
      <c r="BD3672" s="53">
        <v>-16652.086330935199</v>
      </c>
      <c r="BE3672" s="53">
        <v>-16652.086330935199</v>
      </c>
      <c r="BF3672" s="53">
        <v>-16652.086330935199</v>
      </c>
      <c r="BG3672" s="53">
        <v>-16652.086330935199</v>
      </c>
      <c r="BH3672" s="53">
        <v>-16652.086330935199</v>
      </c>
      <c r="BI3672" s="53">
        <v>-16652.086330935199</v>
      </c>
      <c r="BJ3672" s="53">
        <v>-16652.086330935199</v>
      </c>
      <c r="BK3672" s="53">
        <v>-16652.086330935199</v>
      </c>
      <c r="BL3672" s="53">
        <v>-16652.086330935199</v>
      </c>
      <c r="BM3672" s="53">
        <v>-16652.086330935199</v>
      </c>
      <c r="BN3672" s="53">
        <v>-199825.035971223</v>
      </c>
      <c r="BO3672" s="53">
        <v>-16652.086330935199</v>
      </c>
      <c r="BP3672" s="53">
        <v>-16652.086330935199</v>
      </c>
      <c r="BQ3672" s="53">
        <v>-16652.086330935199</v>
      </c>
      <c r="BR3672" s="53">
        <v>-16652.086330935199</v>
      </c>
      <c r="BS3672" s="53">
        <v>-16652.086330935199</v>
      </c>
      <c r="BT3672" s="53">
        <v>-16652.086330935199</v>
      </c>
      <c r="BU3672" s="53">
        <v>-16652.086330935199</v>
      </c>
      <c r="BV3672" s="53">
        <v>-16652.086330935199</v>
      </c>
      <c r="BW3672" s="53">
        <v>-16652.086330935199</v>
      </c>
      <c r="BX3672" s="53">
        <v>-16652.086330935199</v>
      </c>
      <c r="BY3672" s="53">
        <v>-16652.086330935199</v>
      </c>
      <c r="BZ3672" s="53">
        <v>-16652.086330935199</v>
      </c>
      <c r="CA3672" s="53">
        <v>-199825.035971223</v>
      </c>
      <c r="CB3672" s="53">
        <v>0</v>
      </c>
      <c r="CC3672" s="53">
        <v>0</v>
      </c>
      <c r="CD3672" s="53">
        <v>0</v>
      </c>
      <c r="CE3672" s="53">
        <v>0</v>
      </c>
      <c r="CF3672" s="53">
        <v>0</v>
      </c>
      <c r="CG3672" s="53">
        <v>0</v>
      </c>
      <c r="CH3672" s="53">
        <v>0</v>
      </c>
      <c r="CI3672" s="53">
        <v>0</v>
      </c>
      <c r="CJ3672" s="53">
        <v>0</v>
      </c>
      <c r="CK3672" s="53">
        <v>0</v>
      </c>
      <c r="CL3672" s="53">
        <v>0</v>
      </c>
      <c r="CM3672" s="53">
        <v>0</v>
      </c>
      <c r="CN3672" s="53">
        <v>0</v>
      </c>
    </row>
    <row r="3673" spans="1:92" outlineLevel="1">
      <c r="A3673" s="52" t="s">
        <v>1565</v>
      </c>
      <c r="B3673" s="53">
        <v>-11698.0753138075</v>
      </c>
      <c r="C3673" s="53">
        <v>-11698.0753138075</v>
      </c>
      <c r="D3673" s="53">
        <v>-11698.0753138075</v>
      </c>
      <c r="E3673" s="53">
        <v>-11698.0753138075</v>
      </c>
      <c r="F3673" s="53">
        <v>-11698.0753138075</v>
      </c>
      <c r="G3673" s="53">
        <v>-11698.0753138075</v>
      </c>
      <c r="H3673" s="53">
        <v>-11698.0753138075</v>
      </c>
      <c r="I3673" s="53">
        <v>-11698.0753138075</v>
      </c>
      <c r="J3673" s="53">
        <v>-11698.0753138075</v>
      </c>
      <c r="K3673" s="53">
        <v>-11698.0753138075</v>
      </c>
      <c r="L3673" s="53">
        <v>-11698.0753138075</v>
      </c>
      <c r="M3673" s="53">
        <v>-11698.0753138075</v>
      </c>
      <c r="N3673" s="53">
        <v>-140376.90376568999</v>
      </c>
      <c r="O3673" s="53">
        <v>-11698.0753138075</v>
      </c>
      <c r="P3673" s="53">
        <v>-11698.0753138075</v>
      </c>
      <c r="Q3673" s="53">
        <v>-11698.0753138075</v>
      </c>
      <c r="R3673" s="53">
        <v>-11698.0753138075</v>
      </c>
      <c r="S3673" s="53">
        <v>-11698.0753138075</v>
      </c>
      <c r="T3673" s="53">
        <v>-11698.0753138075</v>
      </c>
      <c r="U3673" s="53">
        <v>-11698.0753138075</v>
      </c>
      <c r="V3673" s="53">
        <v>-11698.0753138075</v>
      </c>
      <c r="W3673" s="53">
        <v>-11698.0753138075</v>
      </c>
      <c r="X3673" s="53">
        <v>-11698.0753138075</v>
      </c>
      <c r="Y3673" s="53">
        <v>-11698.0753138075</v>
      </c>
      <c r="Z3673" s="53">
        <v>-11698.0753138075</v>
      </c>
      <c r="AA3673" s="53">
        <v>-140376.90376568999</v>
      </c>
      <c r="AB3673" s="53">
        <v>-11698.0753138075</v>
      </c>
      <c r="AC3673" s="53">
        <v>-11698.0753138075</v>
      </c>
      <c r="AD3673" s="53">
        <v>-11698.0753138075</v>
      </c>
      <c r="AE3673" s="53">
        <v>-11698.0753138075</v>
      </c>
      <c r="AF3673" s="53">
        <v>-11698.0753138075</v>
      </c>
      <c r="AG3673" s="53">
        <v>-11698.0753138075</v>
      </c>
      <c r="AH3673" s="53">
        <v>-11698.0753138075</v>
      </c>
      <c r="AI3673" s="53">
        <v>-11698.0753138075</v>
      </c>
      <c r="AJ3673" s="53">
        <v>-11698.0753138075</v>
      </c>
      <c r="AK3673" s="53">
        <v>-11698.0753138075</v>
      </c>
      <c r="AL3673" s="53">
        <v>-11698.0753138075</v>
      </c>
      <c r="AM3673" s="53">
        <v>-11698.0753138075</v>
      </c>
      <c r="AN3673" s="53">
        <v>-140376.90376568999</v>
      </c>
      <c r="AO3673" s="53">
        <v>-11698.0753138075</v>
      </c>
      <c r="AP3673" s="53">
        <v>-11698.0753138075</v>
      </c>
      <c r="AQ3673" s="53">
        <v>-11698.0753138075</v>
      </c>
      <c r="AR3673" s="53">
        <v>-11698.0753138075</v>
      </c>
      <c r="AS3673" s="53">
        <v>-11698.0753138075</v>
      </c>
      <c r="AT3673" s="53">
        <v>-11698.0753138075</v>
      </c>
      <c r="AU3673" s="53">
        <v>-11698.0753138075</v>
      </c>
      <c r="AV3673" s="53">
        <v>-11698.0753138075</v>
      </c>
      <c r="AW3673" s="53">
        <v>-11698.0753138075</v>
      </c>
      <c r="AX3673" s="53">
        <v>-11698.0753138075</v>
      </c>
      <c r="AY3673" s="53">
        <v>-11698.0753138075</v>
      </c>
      <c r="AZ3673" s="53">
        <v>-11698.0753138075</v>
      </c>
      <c r="BA3673" s="53">
        <v>-140376.90376568999</v>
      </c>
      <c r="BB3673" s="53">
        <v>-11698.0753138075</v>
      </c>
      <c r="BC3673" s="53">
        <v>-11698.0753138075</v>
      </c>
      <c r="BD3673" s="53">
        <v>-11698.0753138075</v>
      </c>
      <c r="BE3673" s="53">
        <v>-11698.0753138075</v>
      </c>
      <c r="BF3673" s="53">
        <v>-11698.0753138075</v>
      </c>
      <c r="BG3673" s="53">
        <v>-11698.0753138075</v>
      </c>
      <c r="BH3673" s="53">
        <v>-11698.0753138075</v>
      </c>
      <c r="BI3673" s="53">
        <v>-11698.0753138075</v>
      </c>
      <c r="BJ3673" s="53">
        <v>-11698.0753138075</v>
      </c>
      <c r="BK3673" s="53">
        <v>-11698.0753138075</v>
      </c>
      <c r="BL3673" s="53">
        <v>-11698.0753138075</v>
      </c>
      <c r="BM3673" s="53">
        <v>-11698.0753138075</v>
      </c>
      <c r="BN3673" s="53">
        <v>-140376.90376568999</v>
      </c>
      <c r="BO3673" s="53">
        <v>-11698.0753138075</v>
      </c>
      <c r="BP3673" s="53">
        <v>-11698.0753138075</v>
      </c>
      <c r="BQ3673" s="53">
        <v>-11698.0753138075</v>
      </c>
      <c r="BR3673" s="53">
        <v>-11698.0753138075</v>
      </c>
      <c r="BS3673" s="53">
        <v>-11698.0753138075</v>
      </c>
      <c r="BT3673" s="53">
        <v>-11698.0753138075</v>
      </c>
      <c r="BU3673" s="53">
        <v>-11698.0753138075</v>
      </c>
      <c r="BV3673" s="53">
        <v>-11698.0753138075</v>
      </c>
      <c r="BW3673" s="53">
        <v>-11698.0753138075</v>
      </c>
      <c r="BX3673" s="53">
        <v>-11698.0753138075</v>
      </c>
      <c r="BY3673" s="53">
        <v>-11698.0753138075</v>
      </c>
      <c r="BZ3673" s="53">
        <v>-11698.0753138075</v>
      </c>
      <c r="CA3673" s="53">
        <v>-140376.90376568999</v>
      </c>
      <c r="CB3673" s="53">
        <v>0</v>
      </c>
      <c r="CC3673" s="53">
        <v>0</v>
      </c>
      <c r="CD3673" s="53">
        <v>0</v>
      </c>
      <c r="CE3673" s="53">
        <v>0</v>
      </c>
      <c r="CF3673" s="53">
        <v>0</v>
      </c>
      <c r="CG3673" s="53">
        <v>0</v>
      </c>
      <c r="CH3673" s="53">
        <v>0</v>
      </c>
      <c r="CI3673" s="53">
        <v>0</v>
      </c>
      <c r="CJ3673" s="53">
        <v>0</v>
      </c>
      <c r="CK3673" s="53">
        <v>0</v>
      </c>
      <c r="CL3673" s="53">
        <v>0</v>
      </c>
      <c r="CM3673" s="53">
        <v>0</v>
      </c>
      <c r="CN3673" s="53">
        <v>0</v>
      </c>
    </row>
    <row r="3674" spans="1:92" outlineLevel="1">
      <c r="A3674" s="52" t="s">
        <v>1591</v>
      </c>
      <c r="B3674" s="53"/>
      <c r="C3674" s="53"/>
      <c r="D3674" s="53"/>
      <c r="E3674" s="53"/>
      <c r="F3674" s="53"/>
      <c r="G3674" s="53"/>
      <c r="H3674" s="53"/>
      <c r="I3674" s="53"/>
      <c r="J3674" s="53"/>
      <c r="K3674" s="53"/>
      <c r="L3674" s="53"/>
      <c r="M3674" s="53"/>
      <c r="N3674" s="53"/>
      <c r="O3674" s="53"/>
      <c r="P3674" s="53"/>
      <c r="Q3674" s="53"/>
      <c r="R3674" s="53"/>
      <c r="S3674" s="53"/>
      <c r="T3674" s="53"/>
      <c r="U3674" s="53"/>
      <c r="V3674" s="53"/>
      <c r="W3674" s="53"/>
      <c r="X3674" s="53"/>
      <c r="Y3674" s="53"/>
      <c r="Z3674" s="53"/>
      <c r="AA3674" s="53"/>
      <c r="AB3674" s="53"/>
      <c r="AC3674" s="53"/>
      <c r="AD3674" s="53"/>
      <c r="AE3674" s="53"/>
      <c r="AF3674" s="53"/>
      <c r="AG3674" s="53"/>
      <c r="AH3674" s="53"/>
      <c r="AI3674" s="53"/>
      <c r="AJ3674" s="53"/>
      <c r="AK3674" s="53"/>
      <c r="AL3674" s="53"/>
      <c r="AM3674" s="53"/>
      <c r="AN3674" s="53"/>
      <c r="AO3674" s="53"/>
      <c r="AP3674" s="53"/>
      <c r="AQ3674" s="53"/>
      <c r="AR3674" s="53"/>
      <c r="AS3674" s="53"/>
      <c r="AT3674" s="53"/>
      <c r="AU3674" s="53"/>
      <c r="AV3674" s="53"/>
      <c r="AW3674" s="53"/>
      <c r="AX3674" s="53"/>
      <c r="AY3674" s="53"/>
      <c r="AZ3674" s="53"/>
      <c r="BA3674" s="53"/>
      <c r="BB3674" s="53"/>
      <c r="BC3674" s="53"/>
      <c r="BD3674" s="53"/>
      <c r="BE3674" s="53"/>
      <c r="BF3674" s="53"/>
      <c r="BG3674" s="53"/>
      <c r="BH3674" s="53"/>
      <c r="BI3674" s="53"/>
      <c r="BJ3674" s="53"/>
      <c r="BK3674" s="53"/>
      <c r="BL3674" s="53"/>
      <c r="BM3674" s="53"/>
      <c r="BN3674" s="53"/>
      <c r="BO3674" s="53"/>
      <c r="BP3674" s="53"/>
      <c r="BQ3674" s="53"/>
      <c r="BR3674" s="53"/>
      <c r="BS3674" s="53"/>
      <c r="BT3674" s="53"/>
      <c r="BU3674" s="53"/>
      <c r="BV3674" s="53"/>
      <c r="BW3674" s="53"/>
      <c r="BX3674" s="53"/>
      <c r="BY3674" s="53"/>
      <c r="BZ3674" s="53"/>
      <c r="CA3674" s="53"/>
      <c r="CB3674" s="53">
        <v>1766035360.75</v>
      </c>
      <c r="CC3674" s="53">
        <v>1766035360.75</v>
      </c>
      <c r="CD3674" s="53">
        <v>1766035360.75</v>
      </c>
      <c r="CE3674" s="53">
        <v>1766035360.75</v>
      </c>
      <c r="CF3674" s="53">
        <v>1766035360.75</v>
      </c>
      <c r="CG3674" s="53">
        <v>1766035360.75</v>
      </c>
      <c r="CH3674" s="53">
        <v>1766035360.75</v>
      </c>
      <c r="CI3674" s="53">
        <v>1766035360.75</v>
      </c>
      <c r="CJ3674" s="53">
        <v>1766035360.75</v>
      </c>
      <c r="CK3674" s="53">
        <v>1766035360.75</v>
      </c>
      <c r="CL3674" s="53">
        <v>1766035360.75</v>
      </c>
      <c r="CM3674" s="53">
        <v>1766035360.75</v>
      </c>
      <c r="CN3674" s="53">
        <v>1766035360.75</v>
      </c>
    </row>
    <row r="3675" spans="1:92" outlineLevel="1">
      <c r="A3675" s="52" t="s">
        <v>711</v>
      </c>
      <c r="B3675" s="53">
        <v>-1213.9344262295001</v>
      </c>
      <c r="C3675" s="53">
        <v>-1213.9344262295001</v>
      </c>
      <c r="D3675" s="53">
        <v>-1213.9344262295001</v>
      </c>
      <c r="E3675" s="53">
        <v>-1213.9344262295001</v>
      </c>
      <c r="F3675" s="53">
        <v>-1213.9344262295001</v>
      </c>
      <c r="G3675" s="53">
        <v>-1213.9344262295001</v>
      </c>
      <c r="H3675" s="53">
        <v>-1213.9344262295001</v>
      </c>
      <c r="I3675" s="53">
        <v>-1213.9344262295001</v>
      </c>
      <c r="J3675" s="53">
        <v>-1213.9344262295001</v>
      </c>
      <c r="K3675" s="53">
        <v>-1213.9344262295001</v>
      </c>
      <c r="L3675" s="53">
        <v>-1213.9344262295001</v>
      </c>
      <c r="M3675" s="53">
        <v>-1213.9344262295001</v>
      </c>
      <c r="N3675" s="53">
        <v>-14567.213114754</v>
      </c>
      <c r="O3675" s="53">
        <v>-1213.9344262295001</v>
      </c>
      <c r="P3675" s="53">
        <v>-1213.9344262295001</v>
      </c>
      <c r="Q3675" s="53">
        <v>-1213.9344262295001</v>
      </c>
      <c r="R3675" s="53">
        <v>-1213.9344262295001</v>
      </c>
      <c r="S3675" s="53">
        <v>-1213.9344262295001</v>
      </c>
      <c r="T3675" s="53">
        <v>-1213.9344262295001</v>
      </c>
      <c r="U3675" s="53">
        <v>-1213.9344262295001</v>
      </c>
      <c r="V3675" s="53">
        <v>-1213.9344262295001</v>
      </c>
      <c r="W3675" s="53">
        <v>-1213.9344262295001</v>
      </c>
      <c r="X3675" s="53">
        <v>-1213.9344262295001</v>
      </c>
      <c r="Y3675" s="53">
        <v>-1213.9344262295001</v>
      </c>
      <c r="Z3675" s="53">
        <v>-1213.9344262295001</v>
      </c>
      <c r="AA3675" s="53">
        <v>-14567.213114754</v>
      </c>
      <c r="AB3675" s="53">
        <v>-1213.9344262295001</v>
      </c>
      <c r="AC3675" s="53">
        <v>-1213.9344262295001</v>
      </c>
      <c r="AD3675" s="53">
        <v>-1213.9344262295001</v>
      </c>
      <c r="AE3675" s="53">
        <v>-1213.9344262295001</v>
      </c>
      <c r="AF3675" s="53">
        <v>-1213.9344262295001</v>
      </c>
      <c r="AG3675" s="53">
        <v>-1213.9344262295001</v>
      </c>
      <c r="AH3675" s="53">
        <v>-1213.9344262295001</v>
      </c>
      <c r="AI3675" s="53">
        <v>-1213.9344262295001</v>
      </c>
      <c r="AJ3675" s="53">
        <v>-1213.9344262295001</v>
      </c>
      <c r="AK3675" s="53">
        <v>-1213.9344262295001</v>
      </c>
      <c r="AL3675" s="53">
        <v>-1213.9344262295001</v>
      </c>
      <c r="AM3675" s="53">
        <v>-1213.9344262295001</v>
      </c>
      <c r="AN3675" s="53">
        <v>-14567.213114754</v>
      </c>
      <c r="AO3675" s="53">
        <v>-1213.9344262295001</v>
      </c>
      <c r="AP3675" s="53">
        <v>-1213.9344262295001</v>
      </c>
      <c r="AQ3675" s="53">
        <v>-1213.9344262295001</v>
      </c>
      <c r="AR3675" s="53">
        <v>-1213.9344262295001</v>
      </c>
      <c r="AS3675" s="53">
        <v>-1213.9344262295001</v>
      </c>
      <c r="AT3675" s="53">
        <v>-1213.9344262295001</v>
      </c>
      <c r="AU3675" s="53">
        <v>-1213.9344262295001</v>
      </c>
      <c r="AV3675" s="53">
        <v>-1213.9344262295001</v>
      </c>
      <c r="AW3675" s="53">
        <v>-1213.9344262295001</v>
      </c>
      <c r="AX3675" s="53">
        <v>-1213.9344262295001</v>
      </c>
      <c r="AY3675" s="53">
        <v>-1213.9344262295001</v>
      </c>
      <c r="AZ3675" s="53">
        <v>-1213.9344262295001</v>
      </c>
      <c r="BA3675" s="53">
        <v>-14567.213114754</v>
      </c>
      <c r="BB3675" s="53">
        <v>-1213.9344262295001</v>
      </c>
      <c r="BC3675" s="53">
        <v>-1213.9344262295001</v>
      </c>
      <c r="BD3675" s="53">
        <v>-1213.9344262295001</v>
      </c>
      <c r="BE3675" s="53">
        <v>-1213.9344262295001</v>
      </c>
      <c r="BF3675" s="53">
        <v>-1213.9344262295001</v>
      </c>
      <c r="BG3675" s="53">
        <v>-1213.9344262295001</v>
      </c>
      <c r="BH3675" s="53">
        <v>-1213.9344262295001</v>
      </c>
      <c r="BI3675" s="53">
        <v>-1213.9344262295001</v>
      </c>
      <c r="BJ3675" s="53">
        <v>-1213.9344262295001</v>
      </c>
      <c r="BK3675" s="53">
        <v>-1213.9344262295001</v>
      </c>
      <c r="BL3675" s="53">
        <v>-1213.9344262295001</v>
      </c>
      <c r="BM3675" s="53">
        <v>-1213.9344262295001</v>
      </c>
      <c r="BN3675" s="53">
        <v>-14567.2131147541</v>
      </c>
      <c r="BO3675" s="53">
        <v>-1213.9344262295001</v>
      </c>
      <c r="BP3675" s="53"/>
      <c r="BQ3675" s="53"/>
      <c r="BR3675" s="53"/>
      <c r="BS3675" s="53"/>
      <c r="BT3675" s="53"/>
      <c r="BU3675" s="53"/>
      <c r="BV3675" s="53"/>
      <c r="BW3675" s="53"/>
      <c r="BX3675" s="53"/>
      <c r="BY3675" s="53"/>
      <c r="BZ3675" s="53"/>
      <c r="CA3675" s="53">
        <v>-1213.9344262295001</v>
      </c>
      <c r="CB3675" s="53">
        <v>8910723409.9620609</v>
      </c>
      <c r="CC3675" s="53">
        <v>8997375359.9254208</v>
      </c>
      <c r="CD3675" s="53">
        <v>9064926013.8778</v>
      </c>
      <c r="CE3675" s="53">
        <v>9128701294.6301193</v>
      </c>
      <c r="CF3675" s="53">
        <v>9203237728.5521202</v>
      </c>
      <c r="CG3675" s="53">
        <v>9316388825.2218094</v>
      </c>
      <c r="CH3675" s="53">
        <v>8818504193.7294292</v>
      </c>
      <c r="CI3675" s="53">
        <v>8965114889.1787205</v>
      </c>
      <c r="CJ3675" s="53">
        <v>9112700534.0806293</v>
      </c>
      <c r="CK3675" s="53">
        <v>9241464051.0531197</v>
      </c>
      <c r="CL3675" s="53">
        <v>9334854373.8654499</v>
      </c>
      <c r="CM3675" s="53">
        <v>9397319205.5272503</v>
      </c>
      <c r="CN3675" s="53">
        <v>8910723409.9620609</v>
      </c>
    </row>
    <row r="3676" spans="1:92" outlineLevel="1">
      <c r="A3676" s="52" t="s">
        <v>712</v>
      </c>
      <c r="B3676" s="53">
        <v>-1583.1557377049101</v>
      </c>
      <c r="C3676" s="53">
        <v>-1583.1557377049101</v>
      </c>
      <c r="D3676" s="53">
        <v>-1583.1557377049101</v>
      </c>
      <c r="E3676" s="53">
        <v>-1583.1557377049101</v>
      </c>
      <c r="F3676" s="53">
        <v>-1583.1557377049101</v>
      </c>
      <c r="G3676" s="53">
        <v>-1583.1557377049101</v>
      </c>
      <c r="H3676" s="53">
        <v>-1583.1557377049101</v>
      </c>
      <c r="I3676" s="53">
        <v>-1583.1557377049101</v>
      </c>
      <c r="J3676" s="53">
        <v>-1583.1557377049101</v>
      </c>
      <c r="K3676" s="53">
        <v>-1583.1557377049101</v>
      </c>
      <c r="L3676" s="53">
        <v>-1583.1557377049101</v>
      </c>
      <c r="M3676" s="53">
        <v>-1583.1557377049101</v>
      </c>
      <c r="N3676" s="53">
        <v>-18997.868852459</v>
      </c>
      <c r="O3676" s="53">
        <v>-1583.1557377049101</v>
      </c>
      <c r="P3676" s="53">
        <v>-1583.1557377049101</v>
      </c>
      <c r="Q3676" s="53">
        <v>-1583.1557377049101</v>
      </c>
      <c r="R3676" s="53">
        <v>-1583.1557377049101</v>
      </c>
      <c r="S3676" s="53">
        <v>-1583.1557377049101</v>
      </c>
      <c r="T3676" s="53">
        <v>-1583.1557377049101</v>
      </c>
      <c r="U3676" s="53">
        <v>-1583.1557377049101</v>
      </c>
      <c r="V3676" s="53">
        <v>-1583.1557377049101</v>
      </c>
      <c r="W3676" s="53">
        <v>-1583.1557377049101</v>
      </c>
      <c r="X3676" s="53">
        <v>-1583.1557377049101</v>
      </c>
      <c r="Y3676" s="53">
        <v>-1583.1557377049101</v>
      </c>
      <c r="Z3676" s="53">
        <v>-1583.1557377049101</v>
      </c>
      <c r="AA3676" s="53">
        <v>-18997.868852459</v>
      </c>
      <c r="AB3676" s="53">
        <v>-1583.1557377049101</v>
      </c>
      <c r="AC3676" s="53">
        <v>-1583.1557377049101</v>
      </c>
      <c r="AD3676" s="53">
        <v>-1583.1557377049101</v>
      </c>
      <c r="AE3676" s="53">
        <v>-1583.1557377049101</v>
      </c>
      <c r="AF3676" s="53">
        <v>-1583.1557377049101</v>
      </c>
      <c r="AG3676" s="53">
        <v>-1583.1557377049101</v>
      </c>
      <c r="AH3676" s="53">
        <v>-1583.1557377049101</v>
      </c>
      <c r="AI3676" s="53">
        <v>-1583.1557377049101</v>
      </c>
      <c r="AJ3676" s="53">
        <v>-1583.1557377049101</v>
      </c>
      <c r="AK3676" s="53">
        <v>-1583.1557377049101</v>
      </c>
      <c r="AL3676" s="53">
        <v>-1583.1557377049101</v>
      </c>
      <c r="AM3676" s="53">
        <v>-1583.1557377049101</v>
      </c>
      <c r="AN3676" s="53">
        <v>-18997.868852459</v>
      </c>
      <c r="AO3676" s="53">
        <v>-1583.1557377049101</v>
      </c>
      <c r="AP3676" s="53">
        <v>-1583.1557377049201</v>
      </c>
      <c r="AQ3676" s="53">
        <v>-1583.1557377049201</v>
      </c>
      <c r="AR3676" s="53">
        <v>-1583.1557377049201</v>
      </c>
      <c r="AS3676" s="53">
        <v>-1583.1557377049201</v>
      </c>
      <c r="AT3676" s="53">
        <v>-1583.1557377049201</v>
      </c>
      <c r="AU3676" s="53">
        <v>-1583.1557377049201</v>
      </c>
      <c r="AV3676" s="53">
        <v>-1583.1557377049201</v>
      </c>
      <c r="AW3676" s="53">
        <v>-1583.1557377049201</v>
      </c>
      <c r="AX3676" s="53">
        <v>-1583.1557377049201</v>
      </c>
      <c r="AY3676" s="53">
        <v>-1583.1557377049201</v>
      </c>
      <c r="AZ3676" s="53">
        <v>-1583.1557377049201</v>
      </c>
      <c r="BA3676" s="53">
        <v>-18997.868852459</v>
      </c>
      <c r="BB3676" s="53">
        <v>-1583.1557377049201</v>
      </c>
      <c r="BC3676" s="53">
        <v>-1583.1557377049201</v>
      </c>
      <c r="BD3676" s="53">
        <v>-1583.1557377049201</v>
      </c>
      <c r="BE3676" s="53">
        <v>-1583.1557377049201</v>
      </c>
      <c r="BF3676" s="53">
        <v>-1583.1557377049201</v>
      </c>
      <c r="BG3676" s="53">
        <v>-1583.1557377049201</v>
      </c>
      <c r="BH3676" s="53">
        <v>-1583.1557377049201</v>
      </c>
      <c r="BI3676" s="53">
        <v>-1583.1557377049201</v>
      </c>
      <c r="BJ3676" s="53">
        <v>-1583.1557377049201</v>
      </c>
      <c r="BK3676" s="53">
        <v>-1583.1557377049201</v>
      </c>
      <c r="BL3676" s="53">
        <v>-1583.1557377049201</v>
      </c>
      <c r="BM3676" s="53">
        <v>-1583.1557377049201</v>
      </c>
      <c r="BN3676" s="53">
        <v>-18997.868852459</v>
      </c>
      <c r="BO3676" s="53">
        <v>-1583.1557377049201</v>
      </c>
      <c r="BP3676" s="53">
        <v>-1583.1557377049201</v>
      </c>
      <c r="BQ3676" s="53">
        <v>-1583.1557377049201</v>
      </c>
      <c r="BR3676" s="53">
        <v>-1583.1557377049201</v>
      </c>
      <c r="BS3676" s="53">
        <v>-1583.1557377049201</v>
      </c>
      <c r="BT3676" s="53">
        <v>-1583.1557377049201</v>
      </c>
      <c r="BU3676" s="53">
        <v>-1583.1557377049201</v>
      </c>
      <c r="BV3676" s="53">
        <v>-1583.1557377049201</v>
      </c>
      <c r="BW3676" s="53">
        <v>-1583.1557377049201</v>
      </c>
      <c r="BX3676" s="53">
        <v>-1583.1557377049201</v>
      </c>
      <c r="BY3676" s="53">
        <v>-1583.1557377049201</v>
      </c>
      <c r="BZ3676" s="53">
        <v>-1583.1557377049201</v>
      </c>
      <c r="CA3676" s="53">
        <v>-18997.868852459</v>
      </c>
      <c r="CB3676" s="53"/>
      <c r="CC3676" s="53"/>
      <c r="CD3676" s="53"/>
      <c r="CE3676" s="53"/>
      <c r="CF3676" s="53"/>
      <c r="CG3676" s="53"/>
      <c r="CH3676" s="53"/>
      <c r="CI3676" s="53"/>
      <c r="CJ3676" s="53"/>
      <c r="CK3676" s="53"/>
      <c r="CL3676" s="53"/>
      <c r="CM3676" s="53"/>
      <c r="CN3676" s="53"/>
    </row>
    <row r="3677" spans="1:92" outlineLevel="1">
      <c r="A3677" s="52" t="s">
        <v>713</v>
      </c>
      <c r="B3677" s="53">
        <v>-1833.3881019830001</v>
      </c>
      <c r="C3677" s="53">
        <v>-1833.3881019830001</v>
      </c>
      <c r="D3677" s="53">
        <v>-1833.3881019830001</v>
      </c>
      <c r="E3677" s="53">
        <v>-1833.3881019830001</v>
      </c>
      <c r="F3677" s="53">
        <v>-1833.3881019830001</v>
      </c>
      <c r="G3677" s="53">
        <v>-1833.3881019830001</v>
      </c>
      <c r="H3677" s="53">
        <v>-1833.3881019830001</v>
      </c>
      <c r="I3677" s="53">
        <v>-1833.3881019830001</v>
      </c>
      <c r="J3677" s="53">
        <v>-1833.3881019830001</v>
      </c>
      <c r="K3677" s="53">
        <v>-1833.3881019830001</v>
      </c>
      <c r="L3677" s="53">
        <v>-1833.3881019830001</v>
      </c>
      <c r="M3677" s="53">
        <v>-1833.3881019830001</v>
      </c>
      <c r="N3677" s="53">
        <v>-22000.657223795999</v>
      </c>
      <c r="O3677" s="53">
        <v>-1833.3881019830001</v>
      </c>
      <c r="P3677" s="53">
        <v>-1833.3881019830001</v>
      </c>
      <c r="Q3677" s="53">
        <v>-1833.3881019830001</v>
      </c>
      <c r="R3677" s="53">
        <v>-1833.3881019830001</v>
      </c>
      <c r="S3677" s="53">
        <v>-1833.3881019830001</v>
      </c>
      <c r="T3677" s="53">
        <v>-1833.3881019830001</v>
      </c>
      <c r="U3677" s="53">
        <v>-1833.3881019830001</v>
      </c>
      <c r="V3677" s="53">
        <v>-1833.3881019830001</v>
      </c>
      <c r="W3677" s="53">
        <v>-1833.3881019830001</v>
      </c>
      <c r="X3677" s="53">
        <v>-1833.3881019830001</v>
      </c>
      <c r="Y3677" s="53">
        <v>-1833.3881019830001</v>
      </c>
      <c r="Z3677" s="53">
        <v>-1833.3881019830001</v>
      </c>
      <c r="AA3677" s="53">
        <v>-22000.657223795999</v>
      </c>
      <c r="AB3677" s="53">
        <v>-1833.3881019830001</v>
      </c>
      <c r="AC3677" s="53">
        <v>-1833.3881019830001</v>
      </c>
      <c r="AD3677" s="53">
        <v>-1833.3881019830001</v>
      </c>
      <c r="AE3677" s="53">
        <v>-1833.3881019830001</v>
      </c>
      <c r="AF3677" s="53">
        <v>-1833.3881019829901</v>
      </c>
      <c r="AG3677" s="53">
        <v>-1833.3881019829901</v>
      </c>
      <c r="AH3677" s="53">
        <v>-1833.3881019829901</v>
      </c>
      <c r="AI3677" s="53">
        <v>-1833.3881019829901</v>
      </c>
      <c r="AJ3677" s="53">
        <v>-1833.3881019829901</v>
      </c>
      <c r="AK3677" s="53">
        <v>-1833.3881019829901</v>
      </c>
      <c r="AL3677" s="53">
        <v>-1833.3881019829901</v>
      </c>
      <c r="AM3677" s="53">
        <v>-1833.3881019829901</v>
      </c>
      <c r="AN3677" s="53">
        <v>-22000.657223795999</v>
      </c>
      <c r="AO3677" s="53">
        <v>-1833.3881019829901</v>
      </c>
      <c r="AP3677" s="53">
        <v>-1833.3881019829901</v>
      </c>
      <c r="AQ3677" s="53">
        <v>-1833.3881019829901</v>
      </c>
      <c r="AR3677" s="53">
        <v>-1833.3881019829901</v>
      </c>
      <c r="AS3677" s="53">
        <v>-1833.3881019829901</v>
      </c>
      <c r="AT3677" s="53">
        <v>-1833.3881019829901</v>
      </c>
      <c r="AU3677" s="53">
        <v>-1833.3881019829901</v>
      </c>
      <c r="AV3677" s="53">
        <v>-1833.3881019829901</v>
      </c>
      <c r="AW3677" s="53">
        <v>-1833.3881019829901</v>
      </c>
      <c r="AX3677" s="53">
        <v>-1833.3881019829901</v>
      </c>
      <c r="AY3677" s="53">
        <v>-1833.3881019829901</v>
      </c>
      <c r="AZ3677" s="53">
        <v>-1833.3881019829901</v>
      </c>
      <c r="BA3677" s="53">
        <v>-22000.657223795901</v>
      </c>
      <c r="BB3677" s="53">
        <v>-1833.3881019829901</v>
      </c>
      <c r="BC3677" s="53">
        <v>-1833.3881019829901</v>
      </c>
      <c r="BD3677" s="53">
        <v>-1833.3881019829901</v>
      </c>
      <c r="BE3677" s="53">
        <v>-1833.3881019829901</v>
      </c>
      <c r="BF3677" s="53">
        <v>-1833.3881019829901</v>
      </c>
      <c r="BG3677" s="53">
        <v>-1833.3881019830001</v>
      </c>
      <c r="BH3677" s="53">
        <v>-1833.3881019830001</v>
      </c>
      <c r="BI3677" s="53">
        <v>-1833.3881019830001</v>
      </c>
      <c r="BJ3677" s="53">
        <v>-1833.3881019830001</v>
      </c>
      <c r="BK3677" s="53">
        <v>-1833.3881019830001</v>
      </c>
      <c r="BL3677" s="53">
        <v>-1833.3881019830001</v>
      </c>
      <c r="BM3677" s="53">
        <v>-1833.3881019830001</v>
      </c>
      <c r="BN3677" s="53">
        <v>-22000.657223795999</v>
      </c>
      <c r="BO3677" s="53">
        <v>-1833.3881019830001</v>
      </c>
      <c r="BP3677" s="53">
        <v>-1833.3881019830001</v>
      </c>
      <c r="BQ3677" s="53">
        <v>-1833.3881019830001</v>
      </c>
      <c r="BR3677" s="53">
        <v>-1833.3881019830001</v>
      </c>
      <c r="BS3677" s="53">
        <v>-1833.3881019830001</v>
      </c>
      <c r="BT3677" s="53">
        <v>-1833.3881019830001</v>
      </c>
      <c r="BU3677" s="53">
        <v>-1833.3881019830001</v>
      </c>
      <c r="BV3677" s="53">
        <v>-1833.3881019830001</v>
      </c>
      <c r="BW3677" s="53">
        <v>-1833.3881019830001</v>
      </c>
      <c r="BX3677" s="53">
        <v>-1833.3881019830001</v>
      </c>
      <c r="BY3677" s="53">
        <v>-1833.3881019830001</v>
      </c>
      <c r="BZ3677" s="53">
        <v>-1833.3881019830001</v>
      </c>
      <c r="CA3677" s="53">
        <v>-22000.657223795999</v>
      </c>
      <c r="CB3677" s="53"/>
      <c r="CC3677" s="53"/>
      <c r="CD3677" s="53"/>
      <c r="CE3677" s="53"/>
      <c r="CF3677" s="53"/>
      <c r="CG3677" s="53"/>
      <c r="CH3677" s="53"/>
      <c r="CI3677" s="53"/>
      <c r="CJ3677" s="53"/>
      <c r="CK3677" s="53"/>
      <c r="CL3677" s="53"/>
      <c r="CM3677" s="53"/>
      <c r="CN3677" s="53"/>
    </row>
    <row r="3678" spans="1:92" outlineLevel="1">
      <c r="A3678" s="52" t="s">
        <v>716</v>
      </c>
      <c r="B3678" s="53">
        <v>-11723.4555256064</v>
      </c>
      <c r="C3678" s="53">
        <v>-11723.4555256064</v>
      </c>
      <c r="D3678" s="53">
        <v>-11723.4555256064</v>
      </c>
      <c r="E3678" s="53">
        <v>-11723.4555256064</v>
      </c>
      <c r="F3678" s="53">
        <v>-11723.4555256064</v>
      </c>
      <c r="G3678" s="53">
        <v>-11723.4555256064</v>
      </c>
      <c r="H3678" s="53">
        <v>-11723.4555256064</v>
      </c>
      <c r="I3678" s="53">
        <v>-11723.4555256064</v>
      </c>
      <c r="J3678" s="53">
        <v>-11723.4555256064</v>
      </c>
      <c r="K3678" s="53">
        <v>-11723.4555256064</v>
      </c>
      <c r="L3678" s="53">
        <v>-11723.4555256064</v>
      </c>
      <c r="M3678" s="53">
        <v>-11723.4555256064</v>
      </c>
      <c r="N3678" s="53">
        <v>-140681.46630727701</v>
      </c>
      <c r="O3678" s="53">
        <v>-11723.4555256064</v>
      </c>
      <c r="P3678" s="53">
        <v>-11723.4555256064</v>
      </c>
      <c r="Q3678" s="53">
        <v>-11723.4555256064</v>
      </c>
      <c r="R3678" s="53">
        <v>-11723.4555256064</v>
      </c>
      <c r="S3678" s="53">
        <v>-11723.4555256064</v>
      </c>
      <c r="T3678" s="53">
        <v>-11723.4555256064</v>
      </c>
      <c r="U3678" s="53">
        <v>-11723.4555256064</v>
      </c>
      <c r="V3678" s="53">
        <v>-11723.4555256064</v>
      </c>
      <c r="W3678" s="53">
        <v>-11723.4555256064</v>
      </c>
      <c r="X3678" s="53">
        <v>-11723.4555256064</v>
      </c>
      <c r="Y3678" s="53">
        <v>-11723.4555256064</v>
      </c>
      <c r="Z3678" s="53">
        <v>-11723.4555256064</v>
      </c>
      <c r="AA3678" s="53">
        <v>-140681.46630727701</v>
      </c>
      <c r="AB3678" s="53">
        <v>-11723.4555256064</v>
      </c>
      <c r="AC3678" s="53">
        <v>-11723.4555256064</v>
      </c>
      <c r="AD3678" s="53">
        <v>-11723.4555256064</v>
      </c>
      <c r="AE3678" s="53">
        <v>-11723.4555256064</v>
      </c>
      <c r="AF3678" s="53">
        <v>-11723.4555256064</v>
      </c>
      <c r="AG3678" s="53">
        <v>-11723.4555256064</v>
      </c>
      <c r="AH3678" s="53">
        <v>-11723.4555256064</v>
      </c>
      <c r="AI3678" s="53">
        <v>-11723.4555256064</v>
      </c>
      <c r="AJ3678" s="53">
        <v>-11723.4555256064</v>
      </c>
      <c r="AK3678" s="53">
        <v>-11723.4555256064</v>
      </c>
      <c r="AL3678" s="53">
        <v>-11723.4555256064</v>
      </c>
      <c r="AM3678" s="53">
        <v>-11723.4555256064</v>
      </c>
      <c r="AN3678" s="53">
        <v>-140681.46630727701</v>
      </c>
      <c r="AO3678" s="53">
        <v>-11723.4555256064</v>
      </c>
      <c r="AP3678" s="53">
        <v>-11723.4555256064</v>
      </c>
      <c r="AQ3678" s="53">
        <v>-11723.4555256064</v>
      </c>
      <c r="AR3678" s="53">
        <v>-11723.4555256064</v>
      </c>
      <c r="AS3678" s="53">
        <v>-11723.4555256064</v>
      </c>
      <c r="AT3678" s="53">
        <v>-11723.4555256064</v>
      </c>
      <c r="AU3678" s="53">
        <v>-11723.4555256064</v>
      </c>
      <c r="AV3678" s="53">
        <v>-11723.4555256064</v>
      </c>
      <c r="AW3678" s="53">
        <v>-11723.4555256064</v>
      </c>
      <c r="AX3678" s="53">
        <v>-11723.4555256064</v>
      </c>
      <c r="AY3678" s="53">
        <v>-11723.4555256064</v>
      </c>
      <c r="AZ3678" s="53">
        <v>-11723.4555256064</v>
      </c>
      <c r="BA3678" s="53">
        <v>-140681.46630727701</v>
      </c>
      <c r="BB3678" s="53">
        <v>-11723.4555256064</v>
      </c>
      <c r="BC3678" s="53">
        <v>-11723.4555256064</v>
      </c>
      <c r="BD3678" s="53">
        <v>-11723.4555256064</v>
      </c>
      <c r="BE3678" s="53">
        <v>-11723.4555256064</v>
      </c>
      <c r="BF3678" s="53">
        <v>-11723.4555256064</v>
      </c>
      <c r="BG3678" s="53">
        <v>-11723.4555256064</v>
      </c>
      <c r="BH3678" s="53">
        <v>-11723.4555256064</v>
      </c>
      <c r="BI3678" s="53">
        <v>-11723.4555256064</v>
      </c>
      <c r="BJ3678" s="53">
        <v>-11723.4555256064</v>
      </c>
      <c r="BK3678" s="53">
        <v>-11723.4555256064</v>
      </c>
      <c r="BL3678" s="53">
        <v>-11723.4555256064</v>
      </c>
      <c r="BM3678" s="53">
        <v>-11723.4555256064</v>
      </c>
      <c r="BN3678" s="53">
        <v>-140681.46630727701</v>
      </c>
      <c r="BO3678" s="53">
        <v>-11723.4555256064</v>
      </c>
      <c r="BP3678" s="53">
        <v>-11723.4555256064</v>
      </c>
      <c r="BQ3678" s="53">
        <v>-11723.4555256064</v>
      </c>
      <c r="BR3678" s="53">
        <v>-11723.4555256064</v>
      </c>
      <c r="BS3678" s="53">
        <v>-11723.4555256064</v>
      </c>
      <c r="BT3678" s="53">
        <v>-11723.4555256064</v>
      </c>
      <c r="BU3678" s="53">
        <v>-11723.4555256064</v>
      </c>
      <c r="BV3678" s="53">
        <v>-11723.4555256064</v>
      </c>
      <c r="BW3678" s="53">
        <v>-11723.4555256064</v>
      </c>
      <c r="BX3678" s="53">
        <v>-11723.4555256064</v>
      </c>
      <c r="BY3678" s="53">
        <v>-11723.4555256064</v>
      </c>
      <c r="BZ3678" s="53">
        <v>-11723.4555256064</v>
      </c>
      <c r="CA3678" s="53">
        <v>-140681.46630727701</v>
      </c>
      <c r="CB3678" s="53"/>
      <c r="CC3678" s="53"/>
      <c r="CD3678" s="53"/>
      <c r="CE3678" s="53"/>
      <c r="CF3678" s="53"/>
      <c r="CG3678" s="53"/>
      <c r="CH3678" s="53"/>
      <c r="CI3678" s="53"/>
      <c r="CJ3678" s="53"/>
      <c r="CK3678" s="53"/>
      <c r="CL3678" s="53"/>
      <c r="CM3678" s="53"/>
      <c r="CN3678" s="53"/>
    </row>
    <row r="3679" spans="1:92" outlineLevel="1">
      <c r="A3679" s="52" t="s">
        <v>717</v>
      </c>
      <c r="B3679" s="53">
        <v>-4051.8260869565202</v>
      </c>
      <c r="C3679" s="53">
        <v>-4051.8260869565202</v>
      </c>
      <c r="D3679" s="53">
        <v>-4051.8260869565202</v>
      </c>
      <c r="E3679" s="53">
        <v>-4051.8260869565202</v>
      </c>
      <c r="F3679" s="53">
        <v>-4051.8260869565202</v>
      </c>
      <c r="G3679" s="53">
        <v>-4051.8260869565202</v>
      </c>
      <c r="H3679" s="53">
        <v>-4051.8260869565202</v>
      </c>
      <c r="I3679" s="53">
        <v>-4051.8260869565202</v>
      </c>
      <c r="J3679" s="53">
        <v>-4051.8260869565102</v>
      </c>
      <c r="K3679" s="53">
        <v>-4051.8260869565102</v>
      </c>
      <c r="L3679" s="53">
        <v>-4051.8260869565102</v>
      </c>
      <c r="M3679" s="53">
        <v>-4051.8260869565102</v>
      </c>
      <c r="N3679" s="53">
        <v>-48621.913043478198</v>
      </c>
      <c r="O3679" s="53">
        <v>-4051.8260869565102</v>
      </c>
      <c r="P3679" s="53">
        <v>-4051.8260869565102</v>
      </c>
      <c r="Q3679" s="53">
        <v>-4051.8260869565102</v>
      </c>
      <c r="R3679" s="53">
        <v>-4051.8260869565102</v>
      </c>
      <c r="S3679" s="53">
        <v>-4051.8260869565102</v>
      </c>
      <c r="T3679" s="53">
        <v>-4051.8260869565102</v>
      </c>
      <c r="U3679" s="53">
        <v>-4051.8260869565102</v>
      </c>
      <c r="V3679" s="53">
        <v>-4051.8260869565102</v>
      </c>
      <c r="W3679" s="53">
        <v>-4051.8260869565102</v>
      </c>
      <c r="X3679" s="53">
        <v>-4051.8260869565102</v>
      </c>
      <c r="Y3679" s="53">
        <v>-4051.8260869565102</v>
      </c>
      <c r="Z3679" s="53">
        <v>-4051.8260869565102</v>
      </c>
      <c r="AA3679" s="53">
        <v>-48621.913043478198</v>
      </c>
      <c r="AB3679" s="53">
        <v>-4051.8260869565102</v>
      </c>
      <c r="AC3679" s="53">
        <v>-4051.8260869565102</v>
      </c>
      <c r="AD3679" s="53">
        <v>-4051.8260869565102</v>
      </c>
      <c r="AE3679" s="53">
        <v>-4051.8260869565102</v>
      </c>
      <c r="AF3679" s="53">
        <v>-4051.8260869565102</v>
      </c>
      <c r="AG3679" s="53">
        <v>-4051.8260869565102</v>
      </c>
      <c r="AH3679" s="53">
        <v>-4051.8260869565102</v>
      </c>
      <c r="AI3679" s="53">
        <v>-4051.8260869565102</v>
      </c>
      <c r="AJ3679" s="53">
        <v>-4051.8260869565102</v>
      </c>
      <c r="AK3679" s="53">
        <v>-4051.8260869565102</v>
      </c>
      <c r="AL3679" s="53">
        <v>-4051.8260869565102</v>
      </c>
      <c r="AM3679" s="53">
        <v>-4051.8260869565102</v>
      </c>
      <c r="AN3679" s="53">
        <v>-48621.913043478096</v>
      </c>
      <c r="AO3679" s="53">
        <v>-4051.8260869565102</v>
      </c>
      <c r="AP3679" s="53">
        <v>-4051.8260869565102</v>
      </c>
      <c r="AQ3679" s="53">
        <v>-4051.8260869565102</v>
      </c>
      <c r="AR3679" s="53">
        <v>-4051.8260869565102</v>
      </c>
      <c r="AS3679" s="53">
        <v>-4051.8260869565102</v>
      </c>
      <c r="AT3679" s="53">
        <v>-4051.8260869565102</v>
      </c>
      <c r="AU3679" s="53">
        <v>-4051.8260869565001</v>
      </c>
      <c r="AV3679" s="53">
        <v>-4051.8260869565001</v>
      </c>
      <c r="AW3679" s="53">
        <v>-4051.8260869565001</v>
      </c>
      <c r="AX3679" s="53">
        <v>-4051.8260869565102</v>
      </c>
      <c r="AY3679" s="53">
        <v>-4051.8260869565001</v>
      </c>
      <c r="AZ3679" s="53">
        <v>-4051.8260869565001</v>
      </c>
      <c r="BA3679" s="53">
        <v>-48621.913043478096</v>
      </c>
      <c r="BB3679" s="53">
        <v>-4051.8260869565102</v>
      </c>
      <c r="BC3679" s="53">
        <v>-4051.8260869565001</v>
      </c>
      <c r="BD3679" s="53">
        <v>-4051.8260869565001</v>
      </c>
      <c r="BE3679" s="53">
        <v>-4051.8260869565001</v>
      </c>
      <c r="BF3679" s="53">
        <v>-4051.8260869565001</v>
      </c>
      <c r="BG3679" s="53">
        <v>-4051.8260869565102</v>
      </c>
      <c r="BH3679" s="53">
        <v>-4051.8260869565102</v>
      </c>
      <c r="BI3679" s="53">
        <v>-4051.8260869565001</v>
      </c>
      <c r="BJ3679" s="53">
        <v>-4051.8260869565001</v>
      </c>
      <c r="BK3679" s="53">
        <v>-4051.8260869565102</v>
      </c>
      <c r="BL3679" s="53">
        <v>-4051.8260869565001</v>
      </c>
      <c r="BM3679" s="53">
        <v>-4051.8260869565001</v>
      </c>
      <c r="BN3679" s="53">
        <v>-48621.913043478096</v>
      </c>
      <c r="BO3679" s="53">
        <v>-4051.8260869565001</v>
      </c>
      <c r="BP3679" s="53">
        <v>-4051.8260869565102</v>
      </c>
      <c r="BQ3679" s="53">
        <v>-4051.8260869565001</v>
      </c>
      <c r="BR3679" s="53">
        <v>-4051.8260869565001</v>
      </c>
      <c r="BS3679" s="53">
        <v>-4051.8260869565001</v>
      </c>
      <c r="BT3679" s="53">
        <v>-4051.8260869565102</v>
      </c>
      <c r="BU3679" s="53">
        <v>-4051.8260869565001</v>
      </c>
      <c r="BV3679" s="53">
        <v>-4051.8260869565001</v>
      </c>
      <c r="BW3679" s="53">
        <v>-4051.8260869565102</v>
      </c>
      <c r="BX3679" s="53">
        <v>-4051.8260869565001</v>
      </c>
      <c r="BY3679" s="53">
        <v>-4051.8260869565001</v>
      </c>
      <c r="BZ3679" s="53">
        <v>-4051.8260869565001</v>
      </c>
      <c r="CA3679" s="53">
        <v>-48621.913043478096</v>
      </c>
      <c r="CB3679" s="53">
        <v>86651949.963373005</v>
      </c>
      <c r="CC3679" s="53">
        <v>67550653.952401504</v>
      </c>
      <c r="CD3679" s="53">
        <v>63775280.752329201</v>
      </c>
      <c r="CE3679" s="53">
        <v>74536433.922079802</v>
      </c>
      <c r="CF3679" s="53">
        <v>113151096.670636</v>
      </c>
      <c r="CG3679" s="53">
        <v>127115368.508406</v>
      </c>
      <c r="CH3679" s="53">
        <v>146610695.44742101</v>
      </c>
      <c r="CI3679" s="53">
        <v>147585644.90191099</v>
      </c>
      <c r="CJ3679" s="53">
        <v>128763516.972453</v>
      </c>
      <c r="CK3679" s="53">
        <v>93390322.812359393</v>
      </c>
      <c r="CL3679" s="53">
        <v>62464831.661802202</v>
      </c>
      <c r="CM3679" s="53">
        <v>66588160.930654302</v>
      </c>
      <c r="CN3679" s="53">
        <v>1178183956.49582</v>
      </c>
    </row>
    <row r="3680" spans="1:92" outlineLevel="1">
      <c r="A3680" s="52" t="s">
        <v>718</v>
      </c>
      <c r="B3680" s="53">
        <v>-3523.4088050314399</v>
      </c>
      <c r="C3680" s="53">
        <v>-3523.4088050314399</v>
      </c>
      <c r="D3680" s="53">
        <v>-3523.4088050314399</v>
      </c>
      <c r="E3680" s="53">
        <v>-3523.4088050314399</v>
      </c>
      <c r="F3680" s="53">
        <v>-3523.4088050314399</v>
      </c>
      <c r="G3680" s="53">
        <v>-3523.4088050314399</v>
      </c>
      <c r="H3680" s="53">
        <v>-3523.4088050314399</v>
      </c>
      <c r="I3680" s="53">
        <v>-3523.4088050314399</v>
      </c>
      <c r="J3680" s="53">
        <v>-3523.4088050314399</v>
      </c>
      <c r="K3680" s="53">
        <v>-3523.4088050314399</v>
      </c>
      <c r="L3680" s="53">
        <v>-3523.4088050314399</v>
      </c>
      <c r="M3680" s="53">
        <v>-3523.4088050314399</v>
      </c>
      <c r="N3680" s="53">
        <v>-42280.905660377299</v>
      </c>
      <c r="O3680" s="53">
        <v>-3523.4088050314399</v>
      </c>
      <c r="P3680" s="53">
        <v>-3523.4088050314399</v>
      </c>
      <c r="Q3680" s="53">
        <v>-3523.4088050314399</v>
      </c>
      <c r="R3680" s="53">
        <v>-3523.4088050314399</v>
      </c>
      <c r="S3680" s="53">
        <v>-3523.4088050314399</v>
      </c>
      <c r="T3680" s="53">
        <v>-3523.4088050314399</v>
      </c>
      <c r="U3680" s="53">
        <v>-3523.4088050314499</v>
      </c>
      <c r="V3680" s="53">
        <v>-3523.4088050314399</v>
      </c>
      <c r="W3680" s="53">
        <v>-3523.4088050314499</v>
      </c>
      <c r="X3680" s="53">
        <v>-3523.4088050314499</v>
      </c>
      <c r="Y3680" s="53">
        <v>-3523.4088050314499</v>
      </c>
      <c r="Z3680" s="53">
        <v>-3523.4088050314499</v>
      </c>
      <c r="AA3680" s="53">
        <v>-42280.905660377401</v>
      </c>
      <c r="AB3680" s="53">
        <v>-3523.4088050314499</v>
      </c>
      <c r="AC3680" s="53">
        <v>-3523.4088050314499</v>
      </c>
      <c r="AD3680" s="53">
        <v>-3523.4088050314499</v>
      </c>
      <c r="AE3680" s="53">
        <v>-3523.4088050314499</v>
      </c>
      <c r="AF3680" s="53">
        <v>-3523.4088050314499</v>
      </c>
      <c r="AG3680" s="53">
        <v>-3523.4088050314499</v>
      </c>
      <c r="AH3680" s="53">
        <v>-3523.4088050314499</v>
      </c>
      <c r="AI3680" s="53">
        <v>-3523.4088050314499</v>
      </c>
      <c r="AJ3680" s="53">
        <v>-3523.4088050314499</v>
      </c>
      <c r="AK3680" s="53">
        <v>-3523.4088050314499</v>
      </c>
      <c r="AL3680" s="53">
        <v>-3523.4088050314499</v>
      </c>
      <c r="AM3680" s="53">
        <v>-3523.4088050314499</v>
      </c>
      <c r="AN3680" s="53">
        <v>-42280.905660377401</v>
      </c>
      <c r="AO3680" s="53">
        <v>-3523.4088050314499</v>
      </c>
      <c r="AP3680" s="53">
        <v>-3523.4088050314499</v>
      </c>
      <c r="AQ3680" s="53">
        <v>-3523.4088050314499</v>
      </c>
      <c r="AR3680" s="53">
        <v>-3523.4088050314499</v>
      </c>
      <c r="AS3680" s="53">
        <v>-3523.4088050314499</v>
      </c>
      <c r="AT3680" s="53">
        <v>-3523.4088050314499</v>
      </c>
      <c r="AU3680" s="53">
        <v>-3523.4088050314499</v>
      </c>
      <c r="AV3680" s="53">
        <v>-3523.4088050314499</v>
      </c>
      <c r="AW3680" s="53">
        <v>-3523.4088050314499</v>
      </c>
      <c r="AX3680" s="53">
        <v>-3523.4088050314499</v>
      </c>
      <c r="AY3680" s="53">
        <v>-3523.4088050314499</v>
      </c>
      <c r="AZ3680" s="53">
        <v>-3523.4088050314499</v>
      </c>
      <c r="BA3680" s="53">
        <v>-42280.905660377401</v>
      </c>
      <c r="BB3680" s="53">
        <v>-3523.4088050314499</v>
      </c>
      <c r="BC3680" s="53">
        <v>-3523.4088050314499</v>
      </c>
      <c r="BD3680" s="53">
        <v>-3523.4088050314499</v>
      </c>
      <c r="BE3680" s="53">
        <v>-3523.4088050314499</v>
      </c>
      <c r="BF3680" s="53">
        <v>-3523.4088050314499</v>
      </c>
      <c r="BG3680" s="53">
        <v>-3523.4088050314499</v>
      </c>
      <c r="BH3680" s="53">
        <v>-3523.4088050314499</v>
      </c>
      <c r="BI3680" s="53">
        <v>-3523.4088050314499</v>
      </c>
      <c r="BJ3680" s="53">
        <v>-3523.4088050314499</v>
      </c>
      <c r="BK3680" s="53">
        <v>-3523.4088050314499</v>
      </c>
      <c r="BL3680" s="53">
        <v>-3523.4088050314499</v>
      </c>
      <c r="BM3680" s="53">
        <v>-3523.4088050314499</v>
      </c>
      <c r="BN3680" s="53">
        <v>-42280.905660377401</v>
      </c>
      <c r="BO3680" s="53">
        <v>-3523.4088050314499</v>
      </c>
      <c r="BP3680" s="53">
        <v>-3523.4088050314499</v>
      </c>
      <c r="BQ3680" s="53">
        <v>-3523.4088050314599</v>
      </c>
      <c r="BR3680" s="53">
        <v>-3523.4088050314599</v>
      </c>
      <c r="BS3680" s="53">
        <v>-3523.4088050314599</v>
      </c>
      <c r="BT3680" s="53">
        <v>-3523.4088050314599</v>
      </c>
      <c r="BU3680" s="53">
        <v>-3523.4088050314599</v>
      </c>
      <c r="BV3680" s="53">
        <v>-3523.4088050314599</v>
      </c>
      <c r="BW3680" s="53">
        <v>-3523.4088050314599</v>
      </c>
      <c r="BX3680" s="53">
        <v>-3523.4088050314599</v>
      </c>
      <c r="BY3680" s="53">
        <v>-3523.4088050314599</v>
      </c>
      <c r="BZ3680" s="53">
        <v>-3523.4088050314599</v>
      </c>
      <c r="CA3680" s="53">
        <v>-42280.905660377502</v>
      </c>
      <c r="CB3680" s="53"/>
      <c r="CC3680" s="53"/>
      <c r="CD3680" s="53"/>
      <c r="CE3680" s="53"/>
      <c r="CF3680" s="53"/>
      <c r="CG3680" s="53"/>
      <c r="CH3680" s="53"/>
      <c r="CI3680" s="53"/>
      <c r="CJ3680" s="53"/>
      <c r="CK3680" s="53"/>
      <c r="CL3680" s="53"/>
      <c r="CM3680" s="53"/>
      <c r="CN3680" s="53"/>
    </row>
    <row r="3681" spans="1:92" outlineLevel="1">
      <c r="A3681" s="52" t="s">
        <v>721</v>
      </c>
      <c r="B3681" s="53">
        <v>-9347.6245614034997</v>
      </c>
      <c r="C3681" s="53">
        <v>-9347.6245614034997</v>
      </c>
      <c r="D3681" s="53">
        <v>-9347.6245614035106</v>
      </c>
      <c r="E3681" s="53">
        <v>-9347.6245614035106</v>
      </c>
      <c r="F3681" s="53">
        <v>-9347.6245614035106</v>
      </c>
      <c r="G3681" s="53">
        <v>-9347.6245614035106</v>
      </c>
      <c r="H3681" s="53">
        <v>-9347.6245614035106</v>
      </c>
      <c r="I3681" s="53">
        <v>-9347.6245614035106</v>
      </c>
      <c r="J3681" s="53">
        <v>-9347.6245614035106</v>
      </c>
      <c r="K3681" s="53">
        <v>-9347.6245614035106</v>
      </c>
      <c r="L3681" s="53">
        <v>-9347.6245614035106</v>
      </c>
      <c r="M3681" s="53">
        <v>-9347.6245614035106</v>
      </c>
      <c r="N3681" s="53">
        <v>-112171.494736842</v>
      </c>
      <c r="O3681" s="53">
        <v>-9347.6245614035106</v>
      </c>
      <c r="P3681" s="53">
        <v>-9347.6245614035106</v>
      </c>
      <c r="Q3681" s="53">
        <v>-9347.6245614035106</v>
      </c>
      <c r="R3681" s="53">
        <v>-9347.6245614035197</v>
      </c>
      <c r="S3681" s="53">
        <v>-9347.6245614035197</v>
      </c>
      <c r="T3681" s="53">
        <v>-9347.6245614035197</v>
      </c>
      <c r="U3681" s="53">
        <v>-9347.6245614035197</v>
      </c>
      <c r="V3681" s="53">
        <v>-9347.6245614035197</v>
      </c>
      <c r="W3681" s="53">
        <v>-9347.6245614035197</v>
      </c>
      <c r="X3681" s="53">
        <v>-9347.6245614035197</v>
      </c>
      <c r="Y3681" s="53">
        <v>-9347.6245614035197</v>
      </c>
      <c r="Z3681" s="53">
        <v>-9347.6245614035197</v>
      </c>
      <c r="AA3681" s="53">
        <v>-112171.494736842</v>
      </c>
      <c r="AB3681" s="53">
        <v>-9347.6245614035197</v>
      </c>
      <c r="AC3681" s="53">
        <v>-9347.6245614035197</v>
      </c>
      <c r="AD3681" s="53">
        <v>-9347.6245614035197</v>
      </c>
      <c r="AE3681" s="53">
        <v>-9347.6245614035197</v>
      </c>
      <c r="AF3681" s="53">
        <v>-9347.6245614035197</v>
      </c>
      <c r="AG3681" s="53">
        <v>-9347.6245614035197</v>
      </c>
      <c r="AH3681" s="53">
        <v>-9347.6245614035197</v>
      </c>
      <c r="AI3681" s="53">
        <v>-9347.6245614035197</v>
      </c>
      <c r="AJ3681" s="53">
        <v>-9347.6245614035197</v>
      </c>
      <c r="AK3681" s="53">
        <v>-9347.6245614035197</v>
      </c>
      <c r="AL3681" s="53">
        <v>-9347.6245614035306</v>
      </c>
      <c r="AM3681" s="53">
        <v>-9347.6245614035306</v>
      </c>
      <c r="AN3681" s="53">
        <v>-112171.494736842</v>
      </c>
      <c r="AO3681" s="53">
        <v>-9347.6245614035306</v>
      </c>
      <c r="AP3681" s="53">
        <v>-9347.6245614035306</v>
      </c>
      <c r="AQ3681" s="53">
        <v>-9347.6245614035306</v>
      </c>
      <c r="AR3681" s="53">
        <v>-9347.6245614035306</v>
      </c>
      <c r="AS3681" s="53">
        <v>-9347.6245614035306</v>
      </c>
      <c r="AT3681" s="53">
        <v>-9347.6245614035306</v>
      </c>
      <c r="AU3681" s="53">
        <v>-9347.6245614035306</v>
      </c>
      <c r="AV3681" s="53">
        <v>-9347.6245614035306</v>
      </c>
      <c r="AW3681" s="53">
        <v>-9347.6245614035397</v>
      </c>
      <c r="AX3681" s="53">
        <v>-9347.6245614035397</v>
      </c>
      <c r="AY3681" s="53">
        <v>-9347.6245614035397</v>
      </c>
      <c r="AZ3681" s="53">
        <v>-9347.6245614035397</v>
      </c>
      <c r="BA3681" s="53">
        <v>-112171.494736842</v>
      </c>
      <c r="BB3681" s="53">
        <v>-9347.6245614035397</v>
      </c>
      <c r="BC3681" s="53">
        <v>-9347.6245614035397</v>
      </c>
      <c r="BD3681" s="53">
        <v>-9347.6245614035397</v>
      </c>
      <c r="BE3681" s="53">
        <v>-9347.6245614035397</v>
      </c>
      <c r="BF3681" s="53">
        <v>-9347.6245614035397</v>
      </c>
      <c r="BG3681" s="53">
        <v>-9347.6245614035397</v>
      </c>
      <c r="BH3681" s="53">
        <v>-9347.6245614035397</v>
      </c>
      <c r="BI3681" s="53">
        <v>-9347.6245614035397</v>
      </c>
      <c r="BJ3681" s="53">
        <v>-9347.6245614035397</v>
      </c>
      <c r="BK3681" s="53">
        <v>-9347.6245614035506</v>
      </c>
      <c r="BL3681" s="53">
        <v>-9347.6245614035506</v>
      </c>
      <c r="BM3681" s="53">
        <v>-9347.6245614035506</v>
      </c>
      <c r="BN3681" s="53">
        <v>-112171.494736842</v>
      </c>
      <c r="BO3681" s="53">
        <v>-9347.6245614035506</v>
      </c>
      <c r="BP3681" s="53">
        <v>-9347.6245614035506</v>
      </c>
      <c r="BQ3681" s="53">
        <v>-9347.6245614035506</v>
      </c>
      <c r="BR3681" s="53">
        <v>-9347.6245614035506</v>
      </c>
      <c r="BS3681" s="53">
        <v>-9347.6245614035597</v>
      </c>
      <c r="BT3681" s="53">
        <v>-9347.6245614035506</v>
      </c>
      <c r="BU3681" s="53">
        <v>-9347.6245614035506</v>
      </c>
      <c r="BV3681" s="53">
        <v>-9347.6245614035597</v>
      </c>
      <c r="BW3681" s="53">
        <v>-9347.6245614035597</v>
      </c>
      <c r="BX3681" s="53">
        <v>-9347.6245614035506</v>
      </c>
      <c r="BY3681" s="53">
        <v>-9347.6245614035597</v>
      </c>
      <c r="BZ3681" s="53">
        <v>-9347.6245614035506</v>
      </c>
      <c r="CA3681" s="53">
        <v>-112171.494736842</v>
      </c>
      <c r="CB3681" s="53"/>
      <c r="CC3681" s="53"/>
      <c r="CD3681" s="53"/>
      <c r="CE3681" s="53"/>
      <c r="CF3681" s="53"/>
      <c r="CG3681" s="53"/>
      <c r="CH3681" s="53"/>
      <c r="CI3681" s="53"/>
      <c r="CJ3681" s="53"/>
      <c r="CK3681" s="53"/>
      <c r="CL3681" s="53"/>
      <c r="CM3681" s="53"/>
      <c r="CN3681" s="53"/>
    </row>
    <row r="3682" spans="1:92" outlineLevel="1">
      <c r="A3682" s="52" t="s">
        <v>723</v>
      </c>
      <c r="B3682" s="53">
        <v>-3240.3917525773099</v>
      </c>
      <c r="C3682" s="53">
        <v>-3240.3917525773099</v>
      </c>
      <c r="D3682" s="53">
        <v>-3240.3917525773099</v>
      </c>
      <c r="E3682" s="53">
        <v>-3240.3917525773099</v>
      </c>
      <c r="F3682" s="53">
        <v>-3240.3917525773099</v>
      </c>
      <c r="G3682" s="53">
        <v>-3240.3917525773099</v>
      </c>
      <c r="H3682" s="53">
        <v>-3240.3917525773099</v>
      </c>
      <c r="I3682" s="53">
        <v>-3240.3917525773099</v>
      </c>
      <c r="J3682" s="53">
        <v>-3240.3917525773099</v>
      </c>
      <c r="K3682" s="53">
        <v>-3240.3917525773099</v>
      </c>
      <c r="L3682" s="53">
        <v>-3240.3917525773099</v>
      </c>
      <c r="M3682" s="53">
        <v>-3240.3917525773099</v>
      </c>
      <c r="N3682" s="53">
        <v>-38884.701030927798</v>
      </c>
      <c r="O3682" s="53">
        <v>-3240.3917525773099</v>
      </c>
      <c r="P3682" s="53">
        <v>-3240.3917525773099</v>
      </c>
      <c r="Q3682" s="53">
        <v>-3240.3917525773099</v>
      </c>
      <c r="R3682" s="53">
        <v>-3240.3917525773099</v>
      </c>
      <c r="S3682" s="53">
        <v>-3240.3917525773099</v>
      </c>
      <c r="T3682" s="53">
        <v>-3240.3917525773099</v>
      </c>
      <c r="U3682" s="53">
        <v>-3240.3917525773099</v>
      </c>
      <c r="V3682" s="53">
        <v>-3240.3917525773099</v>
      </c>
      <c r="W3682" s="53">
        <v>-3240.3917525773099</v>
      </c>
      <c r="X3682" s="53">
        <v>-3240.3917525773099</v>
      </c>
      <c r="Y3682" s="53">
        <v>-3240.3917525773099</v>
      </c>
      <c r="Z3682" s="53">
        <v>-3240.3917525773099</v>
      </c>
      <c r="AA3682" s="53">
        <v>-38884.701030927798</v>
      </c>
      <c r="AB3682" s="53">
        <v>-3240.3917525773099</v>
      </c>
      <c r="AC3682" s="53">
        <v>-3240.3917525773099</v>
      </c>
      <c r="AD3682" s="53">
        <v>-3240.3917525773099</v>
      </c>
      <c r="AE3682" s="53">
        <v>-3240.3917525773099</v>
      </c>
      <c r="AF3682" s="53">
        <v>-3240.3917525773099</v>
      </c>
      <c r="AG3682" s="53">
        <v>-3240.3917525773099</v>
      </c>
      <c r="AH3682" s="53">
        <v>-3240.3917525773099</v>
      </c>
      <c r="AI3682" s="53">
        <v>-3240.3917525773099</v>
      </c>
      <c r="AJ3682" s="53">
        <v>-3240.3917525773099</v>
      </c>
      <c r="AK3682" s="53">
        <v>-3240.3917525773099</v>
      </c>
      <c r="AL3682" s="53">
        <v>-3240.3917525773099</v>
      </c>
      <c r="AM3682" s="53">
        <v>-3240.3917525773099</v>
      </c>
      <c r="AN3682" s="53">
        <v>-38884.701030927703</v>
      </c>
      <c r="AO3682" s="53">
        <v>-3240.3917525773099</v>
      </c>
      <c r="AP3682" s="53">
        <v>-3240.3917525773099</v>
      </c>
      <c r="AQ3682" s="53">
        <v>-3240.3917525773099</v>
      </c>
      <c r="AR3682" s="53">
        <v>-3240.3917525773099</v>
      </c>
      <c r="AS3682" s="53">
        <v>-3240.3917525773099</v>
      </c>
      <c r="AT3682" s="53">
        <v>-3240.3917525773099</v>
      </c>
      <c r="AU3682" s="53">
        <v>-3240.3917525773099</v>
      </c>
      <c r="AV3682" s="53">
        <v>-3240.3917525773099</v>
      </c>
      <c r="AW3682" s="53">
        <v>-3240.3917525773099</v>
      </c>
      <c r="AX3682" s="53">
        <v>-3240.3917525773099</v>
      </c>
      <c r="AY3682" s="53">
        <v>-3240.3917525773099</v>
      </c>
      <c r="AZ3682" s="53">
        <v>-3240.3917525773099</v>
      </c>
      <c r="BA3682" s="53">
        <v>-38884.701030927703</v>
      </c>
      <c r="BB3682" s="53">
        <v>-1620.19587628865</v>
      </c>
      <c r="BC3682" s="53"/>
      <c r="BD3682" s="53"/>
      <c r="BE3682" s="53"/>
      <c r="BF3682" s="53"/>
      <c r="BG3682" s="53"/>
      <c r="BH3682" s="53"/>
      <c r="BI3682" s="53"/>
      <c r="BJ3682" s="53"/>
      <c r="BK3682" s="53"/>
      <c r="BL3682" s="53"/>
      <c r="BM3682" s="53"/>
      <c r="BN3682" s="53">
        <v>-1620.19587628865</v>
      </c>
      <c r="BO3682" s="53"/>
      <c r="BP3682" s="53"/>
      <c r="BQ3682" s="53"/>
      <c r="BR3682" s="53"/>
      <c r="BS3682" s="53"/>
      <c r="BT3682" s="53"/>
      <c r="BU3682" s="53"/>
      <c r="BV3682" s="53"/>
      <c r="BW3682" s="53"/>
      <c r="BX3682" s="53"/>
      <c r="BY3682" s="53"/>
      <c r="BZ3682" s="53"/>
      <c r="CA3682" s="53"/>
      <c r="CB3682" s="53"/>
      <c r="CC3682" s="53"/>
      <c r="CD3682" s="53"/>
      <c r="CE3682" s="53"/>
      <c r="CF3682" s="53"/>
      <c r="CG3682" s="53"/>
      <c r="CH3682" s="53"/>
      <c r="CI3682" s="53"/>
      <c r="CJ3682" s="53"/>
      <c r="CK3682" s="53"/>
      <c r="CL3682" s="53"/>
      <c r="CM3682" s="53"/>
      <c r="CN3682" s="53"/>
    </row>
    <row r="3683" spans="1:92" outlineLevel="1">
      <c r="A3683" s="52" t="s">
        <v>724</v>
      </c>
      <c r="B3683" s="53">
        <v>-1540.86460032626</v>
      </c>
      <c r="C3683" s="53">
        <v>-1540.86460032626</v>
      </c>
      <c r="D3683" s="53">
        <v>-1540.86460032626</v>
      </c>
      <c r="E3683" s="53">
        <v>-1540.86460032626</v>
      </c>
      <c r="F3683" s="53">
        <v>-1540.86460032626</v>
      </c>
      <c r="G3683" s="53">
        <v>-1540.86460032626</v>
      </c>
      <c r="H3683" s="53">
        <v>-1540.86460032626</v>
      </c>
      <c r="I3683" s="53">
        <v>-1540.86460032626</v>
      </c>
      <c r="J3683" s="53">
        <v>-1540.86460032626</v>
      </c>
      <c r="K3683" s="53">
        <v>-1540.86460032626</v>
      </c>
      <c r="L3683" s="53">
        <v>-1540.86460032626</v>
      </c>
      <c r="M3683" s="53">
        <v>-1540.86460032626</v>
      </c>
      <c r="N3683" s="53">
        <v>-18490.3752039151</v>
      </c>
      <c r="O3683" s="53">
        <v>-1540.86460032626</v>
      </c>
      <c r="P3683" s="53">
        <v>-1540.86460032626</v>
      </c>
      <c r="Q3683" s="53">
        <v>-1540.86460032626</v>
      </c>
      <c r="R3683" s="53">
        <v>-1540.86460032626</v>
      </c>
      <c r="S3683" s="53">
        <v>-1540.86460032626</v>
      </c>
      <c r="T3683" s="53">
        <v>-1540.86460032626</v>
      </c>
      <c r="U3683" s="53">
        <v>-1540.86460032626</v>
      </c>
      <c r="V3683" s="53">
        <v>-1540.86460032626</v>
      </c>
      <c r="W3683" s="53">
        <v>-1540.86460032626</v>
      </c>
      <c r="X3683" s="53">
        <v>-1540.86460032626</v>
      </c>
      <c r="Y3683" s="53">
        <v>-1540.86460032626</v>
      </c>
      <c r="Z3683" s="53">
        <v>-1540.86460032626</v>
      </c>
      <c r="AA3683" s="53">
        <v>-18490.3752039151</v>
      </c>
      <c r="AB3683" s="53">
        <v>-1540.86460032626</v>
      </c>
      <c r="AC3683" s="53">
        <v>-1540.86460032626</v>
      </c>
      <c r="AD3683" s="53">
        <v>-1540.86460032626</v>
      </c>
      <c r="AE3683" s="53">
        <v>-1540.86460032626</v>
      </c>
      <c r="AF3683" s="53">
        <v>-1540.86460032626</v>
      </c>
      <c r="AG3683" s="53">
        <v>-1540.86460032626</v>
      </c>
      <c r="AH3683" s="53">
        <v>-1540.86460032626</v>
      </c>
      <c r="AI3683" s="53">
        <v>-1540.86460032626</v>
      </c>
      <c r="AJ3683" s="53">
        <v>-1540.86460032626</v>
      </c>
      <c r="AK3683" s="53">
        <v>-1540.86460032626</v>
      </c>
      <c r="AL3683" s="53">
        <v>-1540.86460032626</v>
      </c>
      <c r="AM3683" s="53">
        <v>-1540.86460032626</v>
      </c>
      <c r="AN3683" s="53">
        <v>-18490.3752039151</v>
      </c>
      <c r="AO3683" s="53">
        <v>-1540.86460032626</v>
      </c>
      <c r="AP3683" s="53">
        <v>-1540.86460032626</v>
      </c>
      <c r="AQ3683" s="53">
        <v>-1540.86460032626</v>
      </c>
      <c r="AR3683" s="53">
        <v>-1540.86460032626</v>
      </c>
      <c r="AS3683" s="53">
        <v>-1540.86460032626</v>
      </c>
      <c r="AT3683" s="53">
        <v>-1540.86460032626</v>
      </c>
      <c r="AU3683" s="53">
        <v>-1540.86460032626</v>
      </c>
      <c r="AV3683" s="53">
        <v>-1540.86460032626</v>
      </c>
      <c r="AW3683" s="53">
        <v>-1540.86460032626</v>
      </c>
      <c r="AX3683" s="53">
        <v>-1540.86460032626</v>
      </c>
      <c r="AY3683" s="53">
        <v>-1540.86460032626</v>
      </c>
      <c r="AZ3683" s="53">
        <v>-1540.86460032626</v>
      </c>
      <c r="BA3683" s="53">
        <v>-18490.375203915199</v>
      </c>
      <c r="BB3683" s="53">
        <v>-1540.86460032626</v>
      </c>
      <c r="BC3683" s="53">
        <v>-1540.86460032626</v>
      </c>
      <c r="BD3683" s="53">
        <v>-1540.86460032626</v>
      </c>
      <c r="BE3683" s="53">
        <v>-1540.86460032626</v>
      </c>
      <c r="BF3683" s="53">
        <v>-1540.86460032626</v>
      </c>
      <c r="BG3683" s="53">
        <v>-1540.86460032626</v>
      </c>
      <c r="BH3683" s="53">
        <v>-1540.86460032626</v>
      </c>
      <c r="BI3683" s="53">
        <v>-1540.86460032626</v>
      </c>
      <c r="BJ3683" s="53">
        <v>-1540.86460032626</v>
      </c>
      <c r="BK3683" s="53">
        <v>-1540.86460032626</v>
      </c>
      <c r="BL3683" s="53">
        <v>-1540.86460032626</v>
      </c>
      <c r="BM3683" s="53">
        <v>-1540.86460032626</v>
      </c>
      <c r="BN3683" s="53">
        <v>-18490.375203915199</v>
      </c>
      <c r="BO3683" s="53">
        <v>-1540.86460032626</v>
      </c>
      <c r="BP3683" s="53">
        <v>-1540.86460032626</v>
      </c>
      <c r="BQ3683" s="53">
        <v>-1540.86460032626</v>
      </c>
      <c r="BR3683" s="53">
        <v>-1540.86460032626</v>
      </c>
      <c r="BS3683" s="53">
        <v>-1540.86460032626</v>
      </c>
      <c r="BT3683" s="53">
        <v>-1540.86460032626</v>
      </c>
      <c r="BU3683" s="53">
        <v>-1540.86460032626</v>
      </c>
      <c r="BV3683" s="53">
        <v>-1540.86460032626</v>
      </c>
      <c r="BW3683" s="53">
        <v>-1540.86460032626</v>
      </c>
      <c r="BX3683" s="53">
        <v>-1540.86460032626</v>
      </c>
      <c r="BY3683" s="53">
        <v>-1540.86460032627</v>
      </c>
      <c r="BZ3683" s="53">
        <v>-1540.86460032627</v>
      </c>
      <c r="CA3683" s="53">
        <v>-18490.375203915199</v>
      </c>
      <c r="CB3683" s="53"/>
      <c r="CC3683" s="53"/>
      <c r="CD3683" s="53"/>
      <c r="CE3683" s="53"/>
      <c r="CF3683" s="53"/>
      <c r="CG3683" s="53">
        <v>-625000000</v>
      </c>
      <c r="CH3683" s="53"/>
      <c r="CI3683" s="53"/>
      <c r="CJ3683" s="53"/>
      <c r="CK3683" s="53"/>
      <c r="CL3683" s="53"/>
      <c r="CM3683" s="53"/>
      <c r="CN3683" s="53">
        <v>-625000000</v>
      </c>
    </row>
    <row r="3684" spans="1:92" outlineLevel="1">
      <c r="A3684" s="52" t="s">
        <v>725</v>
      </c>
      <c r="B3684" s="53">
        <v>-9185.2932330827007</v>
      </c>
      <c r="C3684" s="53">
        <v>-9185.2932330827007</v>
      </c>
      <c r="D3684" s="53">
        <v>-9185.2932330827007</v>
      </c>
      <c r="E3684" s="53">
        <v>-9185.2932330827007</v>
      </c>
      <c r="F3684" s="53">
        <v>-9185.2932330827007</v>
      </c>
      <c r="G3684" s="53">
        <v>-9185.2932330827007</v>
      </c>
      <c r="H3684" s="53">
        <v>-9185.2932330827007</v>
      </c>
      <c r="I3684" s="53">
        <v>-9185.2932330827007</v>
      </c>
      <c r="J3684" s="53">
        <v>-9185.2932330827098</v>
      </c>
      <c r="K3684" s="53">
        <v>-9185.2932330827098</v>
      </c>
      <c r="L3684" s="53">
        <v>-9185.2932330827098</v>
      </c>
      <c r="M3684" s="53">
        <v>-9185.2932330827098</v>
      </c>
      <c r="N3684" s="53">
        <v>-110223.51879699199</v>
      </c>
      <c r="O3684" s="53">
        <v>-9185.2932330827098</v>
      </c>
      <c r="P3684" s="53">
        <v>-9185.2932330827098</v>
      </c>
      <c r="Q3684" s="53">
        <v>-9185.2932330827098</v>
      </c>
      <c r="R3684" s="53">
        <v>-9185.2932330827098</v>
      </c>
      <c r="S3684" s="53">
        <v>-9185.2932330827098</v>
      </c>
      <c r="T3684" s="53">
        <v>-9185.2932330827098</v>
      </c>
      <c r="U3684" s="53">
        <v>-9185.2932330827098</v>
      </c>
      <c r="V3684" s="53">
        <v>-9185.2932330827098</v>
      </c>
      <c r="W3684" s="53">
        <v>-9185.2932330827098</v>
      </c>
      <c r="X3684" s="53">
        <v>-9185.2932330827098</v>
      </c>
      <c r="Y3684" s="53">
        <v>-9185.2932330827098</v>
      </c>
      <c r="Z3684" s="53">
        <v>-9185.2932330827098</v>
      </c>
      <c r="AA3684" s="53">
        <v>-110223.51879699199</v>
      </c>
      <c r="AB3684" s="53">
        <v>-9185.2932330827098</v>
      </c>
      <c r="AC3684" s="53">
        <v>-9185.2932330827098</v>
      </c>
      <c r="AD3684" s="53">
        <v>-9185.2932330827098</v>
      </c>
      <c r="AE3684" s="53">
        <v>-9185.2932330827098</v>
      </c>
      <c r="AF3684" s="53">
        <v>-9185.2932330827098</v>
      </c>
      <c r="AG3684" s="53">
        <v>-9185.2932330827098</v>
      </c>
      <c r="AH3684" s="53">
        <v>-9185.2932330827098</v>
      </c>
      <c r="AI3684" s="53">
        <v>-9185.2932330827098</v>
      </c>
      <c r="AJ3684" s="53">
        <v>-9185.2932330827098</v>
      </c>
      <c r="AK3684" s="53">
        <v>-9185.2932330827098</v>
      </c>
      <c r="AL3684" s="53">
        <v>-9185.2932330827098</v>
      </c>
      <c r="AM3684" s="53">
        <v>-9185.2932330827098</v>
      </c>
      <c r="AN3684" s="53">
        <v>-110223.51879699199</v>
      </c>
      <c r="AO3684" s="53">
        <v>-9185.2932330827098</v>
      </c>
      <c r="AP3684" s="53">
        <v>-9185.2932330827098</v>
      </c>
      <c r="AQ3684" s="53">
        <v>-9185.2932330827098</v>
      </c>
      <c r="AR3684" s="53">
        <v>-9185.2932330827098</v>
      </c>
      <c r="AS3684" s="53">
        <v>-9185.2932330827098</v>
      </c>
      <c r="AT3684" s="53">
        <v>-9185.2932330827098</v>
      </c>
      <c r="AU3684" s="53">
        <v>-9185.2932330827098</v>
      </c>
      <c r="AV3684" s="53">
        <v>-9185.2932330827098</v>
      </c>
      <c r="AW3684" s="53">
        <v>-9185.2932330827098</v>
      </c>
      <c r="AX3684" s="53">
        <v>-9185.2932330827098</v>
      </c>
      <c r="AY3684" s="53">
        <v>-9185.2932330827098</v>
      </c>
      <c r="AZ3684" s="53">
        <v>-9185.2932330827098</v>
      </c>
      <c r="BA3684" s="53">
        <v>-110223.51879699199</v>
      </c>
      <c r="BB3684" s="53">
        <v>-9185.2932330827207</v>
      </c>
      <c r="BC3684" s="53">
        <v>-9185.2932330827098</v>
      </c>
      <c r="BD3684" s="53">
        <v>-9185.2932330827207</v>
      </c>
      <c r="BE3684" s="53">
        <v>-9185.2932330827098</v>
      </c>
      <c r="BF3684" s="53">
        <v>-9185.2932330827207</v>
      </c>
      <c r="BG3684" s="53">
        <v>-9185.2932330827098</v>
      </c>
      <c r="BH3684" s="53">
        <v>-9185.2932330827207</v>
      </c>
      <c r="BI3684" s="53">
        <v>-9185.2932330827207</v>
      </c>
      <c r="BJ3684" s="53">
        <v>-9185.2932330827207</v>
      </c>
      <c r="BK3684" s="53">
        <v>-9185.2932330827207</v>
      </c>
      <c r="BL3684" s="53">
        <v>-9185.2932330827207</v>
      </c>
      <c r="BM3684" s="53">
        <v>-9185.2932330827207</v>
      </c>
      <c r="BN3684" s="53">
        <v>-110223.51879699199</v>
      </c>
      <c r="BO3684" s="53">
        <v>-9185.2932330827207</v>
      </c>
      <c r="BP3684" s="53">
        <v>-9185.2932330827207</v>
      </c>
      <c r="BQ3684" s="53">
        <v>-9185.2932330827207</v>
      </c>
      <c r="BR3684" s="53">
        <v>-9185.2932330827207</v>
      </c>
      <c r="BS3684" s="53">
        <v>-9185.2932330827207</v>
      </c>
      <c r="BT3684" s="53">
        <v>-9185.2932330827207</v>
      </c>
      <c r="BU3684" s="53">
        <v>-4592.6466165413603</v>
      </c>
      <c r="BV3684" s="53"/>
      <c r="BW3684" s="53"/>
      <c r="BX3684" s="53"/>
      <c r="BY3684" s="53"/>
      <c r="BZ3684" s="53"/>
      <c r="CA3684" s="53">
        <v>-59704.406015037603</v>
      </c>
      <c r="CB3684" s="53">
        <v>8997375359.9254208</v>
      </c>
      <c r="CC3684" s="53">
        <v>9064926013.8778</v>
      </c>
      <c r="CD3684" s="53">
        <v>9128701294.6301193</v>
      </c>
      <c r="CE3684" s="53">
        <v>9203237728.5521202</v>
      </c>
      <c r="CF3684" s="53">
        <v>9316388825.2218094</v>
      </c>
      <c r="CG3684" s="53">
        <v>8818504193.7294292</v>
      </c>
      <c r="CH3684" s="53">
        <v>8965114889.1787205</v>
      </c>
      <c r="CI3684" s="53">
        <v>9112700534.0806293</v>
      </c>
      <c r="CJ3684" s="53">
        <v>9241464051.0531197</v>
      </c>
      <c r="CK3684" s="53">
        <v>9334854373.8654499</v>
      </c>
      <c r="CL3684" s="53">
        <v>9397319205.5272503</v>
      </c>
      <c r="CM3684" s="53">
        <v>9463907366.4579105</v>
      </c>
      <c r="CN3684" s="53">
        <v>9463907366.4579105</v>
      </c>
    </row>
    <row r="3685" spans="1:92" outlineLevel="1">
      <c r="A3685" s="52" t="s">
        <v>726</v>
      </c>
      <c r="B3685" s="53">
        <v>-3087.3734939759001</v>
      </c>
      <c r="C3685" s="53">
        <v>-3087.3734939759001</v>
      </c>
      <c r="D3685" s="53">
        <v>-3087.3734939759001</v>
      </c>
      <c r="E3685" s="53">
        <v>-3087.3734939759001</v>
      </c>
      <c r="F3685" s="53">
        <v>-3087.3734939759001</v>
      </c>
      <c r="G3685" s="53">
        <v>-3087.3734939759001</v>
      </c>
      <c r="H3685" s="53">
        <v>-3087.3734939759001</v>
      </c>
      <c r="I3685" s="53">
        <v>-3087.3734939759001</v>
      </c>
      <c r="J3685" s="53">
        <v>-3087.3734939759001</v>
      </c>
      <c r="K3685" s="53">
        <v>-3087.3734939759001</v>
      </c>
      <c r="L3685" s="53">
        <v>-3087.3734939759001</v>
      </c>
      <c r="M3685" s="53">
        <v>-3087.3734939759001</v>
      </c>
      <c r="N3685" s="53">
        <v>-37048.481927710804</v>
      </c>
      <c r="O3685" s="53">
        <v>-3087.3734939759001</v>
      </c>
      <c r="P3685" s="53">
        <v>-3087.3734939759001</v>
      </c>
      <c r="Q3685" s="53">
        <v>-3087.3734939759001</v>
      </c>
      <c r="R3685" s="53">
        <v>-3087.3734939759001</v>
      </c>
      <c r="S3685" s="53">
        <v>-3087.3734939759001</v>
      </c>
      <c r="T3685" s="53">
        <v>-3087.3734939759001</v>
      </c>
      <c r="U3685" s="53">
        <v>-3087.3734939759001</v>
      </c>
      <c r="V3685" s="53">
        <v>-3087.3734939759001</v>
      </c>
      <c r="W3685" s="53">
        <v>-3087.3734939759001</v>
      </c>
      <c r="X3685" s="53">
        <v>-3087.3734939759001</v>
      </c>
      <c r="Y3685" s="53">
        <v>-3087.3734939759001</v>
      </c>
      <c r="Z3685" s="53">
        <v>-3087.3734939759001</v>
      </c>
      <c r="AA3685" s="53">
        <v>-37048.481927710804</v>
      </c>
      <c r="AB3685" s="53">
        <v>-3087.3734939759001</v>
      </c>
      <c r="AC3685" s="53">
        <v>-3087.3734939759001</v>
      </c>
      <c r="AD3685" s="53">
        <v>-3087.3734939759001</v>
      </c>
      <c r="AE3685" s="53">
        <v>-3087.3734939759001</v>
      </c>
      <c r="AF3685" s="53">
        <v>-3087.3734939759001</v>
      </c>
      <c r="AG3685" s="53">
        <v>-3087.3734939759001</v>
      </c>
      <c r="AH3685" s="53">
        <v>-3087.3734939759001</v>
      </c>
      <c r="AI3685" s="53">
        <v>-3087.3734939759001</v>
      </c>
      <c r="AJ3685" s="53">
        <v>-3087.3734939759001</v>
      </c>
      <c r="AK3685" s="53">
        <v>-3087.3734939759001</v>
      </c>
      <c r="AL3685" s="53">
        <v>-3087.3734939759001</v>
      </c>
      <c r="AM3685" s="53">
        <v>-3087.3734939759001</v>
      </c>
      <c r="AN3685" s="53">
        <v>-37048.481927710804</v>
      </c>
      <c r="AO3685" s="53">
        <v>-3087.3734939759001</v>
      </c>
      <c r="AP3685" s="53">
        <v>-3087.3734939759001</v>
      </c>
      <c r="AQ3685" s="53">
        <v>-3087.3734939759001</v>
      </c>
      <c r="AR3685" s="53">
        <v>-3087.3734939759001</v>
      </c>
      <c r="AS3685" s="53">
        <v>-3087.3734939759001</v>
      </c>
      <c r="AT3685" s="53">
        <v>-3087.3734939759001</v>
      </c>
      <c r="AU3685" s="53">
        <v>-3087.3734939759001</v>
      </c>
      <c r="AV3685" s="53">
        <v>-3087.3734939759001</v>
      </c>
      <c r="AW3685" s="53">
        <v>-3087.3734939759001</v>
      </c>
      <c r="AX3685" s="53">
        <v>-3087.3734939759001</v>
      </c>
      <c r="AY3685" s="53">
        <v>-3087.3734939759001</v>
      </c>
      <c r="AZ3685" s="53">
        <v>-3087.3734939759001</v>
      </c>
      <c r="BA3685" s="53">
        <v>-37048.481927710804</v>
      </c>
      <c r="BB3685" s="53">
        <v>-3087.3734939759001</v>
      </c>
      <c r="BC3685" s="53">
        <v>-3087.3734939759001</v>
      </c>
      <c r="BD3685" s="53">
        <v>-3087.3734939759001</v>
      </c>
      <c r="BE3685" s="53">
        <v>-3087.3734939759001</v>
      </c>
      <c r="BF3685" s="53">
        <v>-3087.3734939759001</v>
      </c>
      <c r="BG3685" s="53">
        <v>-3087.3734939759001</v>
      </c>
      <c r="BH3685" s="53">
        <v>-3087.3734939759001</v>
      </c>
      <c r="BI3685" s="53">
        <v>-3087.3734939759001</v>
      </c>
      <c r="BJ3685" s="53">
        <v>-3087.3734939759001</v>
      </c>
      <c r="BK3685" s="53">
        <v>-3087.3734939759001</v>
      </c>
      <c r="BL3685" s="53">
        <v>-3087.3734939759001</v>
      </c>
      <c r="BM3685" s="53">
        <v>-3087.3734939759001</v>
      </c>
      <c r="BN3685" s="53">
        <v>-37048.481927710804</v>
      </c>
      <c r="BO3685" s="53">
        <v>-3087.3734939759001</v>
      </c>
      <c r="BP3685" s="53">
        <v>-3087.3734939759001</v>
      </c>
      <c r="BQ3685" s="53">
        <v>-3087.3734939759001</v>
      </c>
      <c r="BR3685" s="53">
        <v>-3087.3734939759001</v>
      </c>
      <c r="BS3685" s="53">
        <v>-3087.3734939759001</v>
      </c>
      <c r="BT3685" s="53">
        <v>-3087.3734939759001</v>
      </c>
      <c r="BU3685" s="53">
        <v>-3087.3734939759001</v>
      </c>
      <c r="BV3685" s="53">
        <v>-3087.3734939759001</v>
      </c>
      <c r="BW3685" s="53">
        <v>-3087.3734939759001</v>
      </c>
      <c r="BX3685" s="53">
        <v>-3087.3734939759001</v>
      </c>
      <c r="BY3685" s="53">
        <v>-3087.3734939759001</v>
      </c>
      <c r="BZ3685" s="53">
        <v>-3087.3734939759001</v>
      </c>
      <c r="CA3685" s="53">
        <v>-37048.481927710804</v>
      </c>
      <c r="CB3685" s="53">
        <v>5602102.7299999902</v>
      </c>
      <c r="CC3685" s="53">
        <v>5602102.7299999902</v>
      </c>
      <c r="CD3685" s="53">
        <v>5602102.7299999902</v>
      </c>
      <c r="CE3685" s="53">
        <v>5602102.7299999902</v>
      </c>
      <c r="CF3685" s="53">
        <v>5602102.7299999902</v>
      </c>
      <c r="CG3685" s="53">
        <v>5602102.7299999902</v>
      </c>
      <c r="CH3685" s="53">
        <v>5602102.7299999902</v>
      </c>
      <c r="CI3685" s="53">
        <v>5602102.7299999902</v>
      </c>
      <c r="CJ3685" s="53">
        <v>5602102.7299999902</v>
      </c>
      <c r="CK3685" s="53">
        <v>5602102.7299999902</v>
      </c>
      <c r="CL3685" s="53">
        <v>5602102.7299999902</v>
      </c>
      <c r="CM3685" s="53">
        <v>5602102.7299999902</v>
      </c>
      <c r="CN3685" s="53">
        <v>5602102.7299999902</v>
      </c>
    </row>
    <row r="3686" spans="1:92" outlineLevel="1">
      <c r="A3686" s="52" t="s">
        <v>728</v>
      </c>
      <c r="B3686" s="53">
        <v>-5700.3240223463599</v>
      </c>
      <c r="C3686" s="53">
        <v>-5700.3240223463599</v>
      </c>
      <c r="D3686" s="53">
        <v>-5700.3240223463599</v>
      </c>
      <c r="E3686" s="53">
        <v>-5700.3240223463599</v>
      </c>
      <c r="F3686" s="53">
        <v>-5700.3240223463599</v>
      </c>
      <c r="G3686" s="53">
        <v>-5700.3240223463599</v>
      </c>
      <c r="H3686" s="53">
        <v>-5700.3240223463599</v>
      </c>
      <c r="I3686" s="53">
        <v>-5700.3240223463599</v>
      </c>
      <c r="J3686" s="53">
        <v>-5700.3240223463599</v>
      </c>
      <c r="K3686" s="53">
        <v>-5700.3240223463599</v>
      </c>
      <c r="L3686" s="53">
        <v>-5700.3240223463599</v>
      </c>
      <c r="M3686" s="53">
        <v>-5700.3240223463599</v>
      </c>
      <c r="N3686" s="53">
        <v>-68403.888268156399</v>
      </c>
      <c r="O3686" s="53">
        <v>-5700.3240223463599</v>
      </c>
      <c r="P3686" s="53">
        <v>-5700.3240223463599</v>
      </c>
      <c r="Q3686" s="53">
        <v>-5700.3240223463599</v>
      </c>
      <c r="R3686" s="53">
        <v>-5700.3240223463599</v>
      </c>
      <c r="S3686" s="53">
        <v>-5700.3240223463599</v>
      </c>
      <c r="T3686" s="53">
        <v>-5700.3240223463599</v>
      </c>
      <c r="U3686" s="53">
        <v>-5700.3240223463599</v>
      </c>
      <c r="V3686" s="53">
        <v>-5700.3240223463599</v>
      </c>
      <c r="W3686" s="53">
        <v>-5700.3240223463599</v>
      </c>
      <c r="X3686" s="53">
        <v>-5700.3240223463599</v>
      </c>
      <c r="Y3686" s="53">
        <v>-5700.3240223463599</v>
      </c>
      <c r="Z3686" s="53">
        <v>-5700.3240223463599</v>
      </c>
      <c r="AA3686" s="53">
        <v>-68403.888268156399</v>
      </c>
      <c r="AB3686" s="53">
        <v>-5700.3240223463599</v>
      </c>
      <c r="AC3686" s="53">
        <v>-5700.3240223463599</v>
      </c>
      <c r="AD3686" s="53">
        <v>-5700.3240223463599</v>
      </c>
      <c r="AE3686" s="53">
        <v>-5700.3240223463699</v>
      </c>
      <c r="AF3686" s="53">
        <v>-5700.3240223463699</v>
      </c>
      <c r="AG3686" s="53">
        <v>-5700.3240223463699</v>
      </c>
      <c r="AH3686" s="53">
        <v>-5700.3240223463699</v>
      </c>
      <c r="AI3686" s="53">
        <v>-5700.3240223463699</v>
      </c>
      <c r="AJ3686" s="53">
        <v>-5700.3240223463699</v>
      </c>
      <c r="AK3686" s="53">
        <v>-5700.3240223463699</v>
      </c>
      <c r="AL3686" s="53">
        <v>-5700.3240223463699</v>
      </c>
      <c r="AM3686" s="53">
        <v>-5700.3240223463699</v>
      </c>
      <c r="AN3686" s="53">
        <v>-68403.888268156399</v>
      </c>
      <c r="AO3686" s="53">
        <v>-5700.3240223463699</v>
      </c>
      <c r="AP3686" s="53">
        <v>-5700.3240223463699</v>
      </c>
      <c r="AQ3686" s="53">
        <v>-5700.3240223463699</v>
      </c>
      <c r="AR3686" s="53">
        <v>-5700.3240223463699</v>
      </c>
      <c r="AS3686" s="53">
        <v>-5700.3240223463699</v>
      </c>
      <c r="AT3686" s="53">
        <v>-5700.3240223463699</v>
      </c>
      <c r="AU3686" s="53">
        <v>-5700.3240223463699</v>
      </c>
      <c r="AV3686" s="53">
        <v>-5700.3240223463699</v>
      </c>
      <c r="AW3686" s="53">
        <v>-5700.3240223463699</v>
      </c>
      <c r="AX3686" s="53">
        <v>-5700.3240223463699</v>
      </c>
      <c r="AY3686" s="53">
        <v>-5700.3240223463699</v>
      </c>
      <c r="AZ3686" s="53">
        <v>-5700.3240223463699</v>
      </c>
      <c r="BA3686" s="53">
        <v>-68403.888268156399</v>
      </c>
      <c r="BB3686" s="53">
        <v>-5700.3240223463699</v>
      </c>
      <c r="BC3686" s="53">
        <v>-5700.3240223463699</v>
      </c>
      <c r="BD3686" s="53">
        <v>-5700.3240223463699</v>
      </c>
      <c r="BE3686" s="53">
        <v>-5700.3240223463699</v>
      </c>
      <c r="BF3686" s="53">
        <v>-5700.3240223463699</v>
      </c>
      <c r="BG3686" s="53">
        <v>-5700.3240223463699</v>
      </c>
      <c r="BH3686" s="53">
        <v>-5700.3240223463699</v>
      </c>
      <c r="BI3686" s="53">
        <v>-5700.3240223463699</v>
      </c>
      <c r="BJ3686" s="53">
        <v>-5700.3240223463699</v>
      </c>
      <c r="BK3686" s="53">
        <v>-5700.3240223463699</v>
      </c>
      <c r="BL3686" s="53">
        <v>-5700.3240223463699</v>
      </c>
      <c r="BM3686" s="53">
        <v>-5700.3240223463699</v>
      </c>
      <c r="BN3686" s="53">
        <v>-68403.888268156399</v>
      </c>
      <c r="BO3686" s="53">
        <v>-5700.3240223463699</v>
      </c>
      <c r="BP3686" s="53">
        <v>-5700.3240223463699</v>
      </c>
      <c r="BQ3686" s="53">
        <v>-5700.3240223463699</v>
      </c>
      <c r="BR3686" s="53">
        <v>-5700.3240223463699</v>
      </c>
      <c r="BS3686" s="53">
        <v>-5700.3240223463699</v>
      </c>
      <c r="BT3686" s="53">
        <v>-5700.3240223463699</v>
      </c>
      <c r="BU3686" s="53">
        <v>-5700.3240223463699</v>
      </c>
      <c r="BV3686" s="53">
        <v>-5700.3240223463699</v>
      </c>
      <c r="BW3686" s="53">
        <v>-5700.3240223463699</v>
      </c>
      <c r="BX3686" s="53">
        <v>-5700.3240223463699</v>
      </c>
      <c r="BY3686" s="53">
        <v>-5700.3240223463699</v>
      </c>
      <c r="BZ3686" s="53">
        <v>-5700.3240223463699</v>
      </c>
      <c r="CA3686" s="53">
        <v>-68403.888268156501</v>
      </c>
      <c r="CB3686" s="53">
        <v>0</v>
      </c>
      <c r="CC3686" s="53">
        <v>0</v>
      </c>
      <c r="CD3686" s="53">
        <v>0</v>
      </c>
      <c r="CE3686" s="53">
        <v>0</v>
      </c>
      <c r="CF3686" s="53">
        <v>0</v>
      </c>
      <c r="CG3686" s="53">
        <v>0</v>
      </c>
      <c r="CH3686" s="53">
        <v>0</v>
      </c>
      <c r="CI3686" s="53">
        <v>0</v>
      </c>
      <c r="CJ3686" s="53">
        <v>0</v>
      </c>
      <c r="CK3686" s="53">
        <v>0</v>
      </c>
      <c r="CL3686" s="53">
        <v>0</v>
      </c>
      <c r="CM3686" s="53">
        <v>0</v>
      </c>
      <c r="CN3686" s="53">
        <v>0</v>
      </c>
    </row>
    <row r="3687" spans="1:92" outlineLevel="1">
      <c r="A3687" s="52" t="s">
        <v>729</v>
      </c>
      <c r="B3687" s="53">
        <v>-8149.6279069767397</v>
      </c>
      <c r="C3687" s="53">
        <v>-8149.6279069767397</v>
      </c>
      <c r="D3687" s="53">
        <v>-8149.6279069767397</v>
      </c>
      <c r="E3687" s="53">
        <v>-8149.6279069767397</v>
      </c>
      <c r="F3687" s="53">
        <v>-8149.6279069767397</v>
      </c>
      <c r="G3687" s="53">
        <v>-8149.6279069767397</v>
      </c>
      <c r="H3687" s="53">
        <v>-8149.6279069767397</v>
      </c>
      <c r="I3687" s="53">
        <v>-8149.6279069767397</v>
      </c>
      <c r="J3687" s="53">
        <v>-8149.6279069767397</v>
      </c>
      <c r="K3687" s="53">
        <v>-8149.6279069767397</v>
      </c>
      <c r="L3687" s="53">
        <v>-8149.6279069767397</v>
      </c>
      <c r="M3687" s="53">
        <v>-8149.6279069767397</v>
      </c>
      <c r="N3687" s="53">
        <v>-97795.534883720902</v>
      </c>
      <c r="O3687" s="53">
        <v>-8149.6279069767397</v>
      </c>
      <c r="P3687" s="53">
        <v>-8149.6279069767397</v>
      </c>
      <c r="Q3687" s="53">
        <v>-8149.6279069767397</v>
      </c>
      <c r="R3687" s="53">
        <v>-8149.6279069767397</v>
      </c>
      <c r="S3687" s="53">
        <v>-8149.6279069767397</v>
      </c>
      <c r="T3687" s="53">
        <v>-8149.6279069767297</v>
      </c>
      <c r="U3687" s="53">
        <v>-8149.6279069767297</v>
      </c>
      <c r="V3687" s="53">
        <v>-8149.6279069767297</v>
      </c>
      <c r="W3687" s="53">
        <v>-8149.6279069767297</v>
      </c>
      <c r="X3687" s="53">
        <v>-8149.6279069767297</v>
      </c>
      <c r="Y3687" s="53">
        <v>-8149.6279069767297</v>
      </c>
      <c r="Z3687" s="53">
        <v>-8149.6279069767297</v>
      </c>
      <c r="AA3687" s="53">
        <v>-97795.5348837208</v>
      </c>
      <c r="AB3687" s="53">
        <v>-8149.6279069767297</v>
      </c>
      <c r="AC3687" s="53">
        <v>-8149.6279069767297</v>
      </c>
      <c r="AD3687" s="53">
        <v>-8149.6279069767297</v>
      </c>
      <c r="AE3687" s="53">
        <v>-8149.6279069767297</v>
      </c>
      <c r="AF3687" s="53">
        <v>-8149.6279069767297</v>
      </c>
      <c r="AG3687" s="53">
        <v>-8149.6279069767297</v>
      </c>
      <c r="AH3687" s="53">
        <v>-8149.6279069767297</v>
      </c>
      <c r="AI3687" s="53">
        <v>-8149.6279069767297</v>
      </c>
      <c r="AJ3687" s="53">
        <v>-8149.6279069767297</v>
      </c>
      <c r="AK3687" s="53">
        <v>-8149.6279069767297</v>
      </c>
      <c r="AL3687" s="53">
        <v>-8149.6279069767297</v>
      </c>
      <c r="AM3687" s="53">
        <v>-8149.6279069767197</v>
      </c>
      <c r="AN3687" s="53">
        <v>-97795.534883720698</v>
      </c>
      <c r="AO3687" s="53">
        <v>-8149.6279069767197</v>
      </c>
      <c r="AP3687" s="53">
        <v>-8149.6279069767197</v>
      </c>
      <c r="AQ3687" s="53">
        <v>-8149.6279069767197</v>
      </c>
      <c r="AR3687" s="53">
        <v>-8149.6279069767197</v>
      </c>
      <c r="AS3687" s="53">
        <v>-8149.6279069767197</v>
      </c>
      <c r="AT3687" s="53">
        <v>-8149.6279069767197</v>
      </c>
      <c r="AU3687" s="53">
        <v>-8149.6279069767197</v>
      </c>
      <c r="AV3687" s="53">
        <v>-8149.6279069767197</v>
      </c>
      <c r="AW3687" s="53">
        <v>-8149.6279069767197</v>
      </c>
      <c r="AX3687" s="53">
        <v>-8149.6279069767197</v>
      </c>
      <c r="AY3687" s="53">
        <v>-8149.6279069767197</v>
      </c>
      <c r="AZ3687" s="53">
        <v>-8149.6279069767197</v>
      </c>
      <c r="BA3687" s="53">
        <v>-97795.534883720698</v>
      </c>
      <c r="BB3687" s="53">
        <v>-8149.6279069767197</v>
      </c>
      <c r="BC3687" s="53">
        <v>-8149.6279069767197</v>
      </c>
      <c r="BD3687" s="53">
        <v>-8149.6279069767197</v>
      </c>
      <c r="BE3687" s="53">
        <v>-8149.6279069767197</v>
      </c>
      <c r="BF3687" s="53">
        <v>-8149.6279069767197</v>
      </c>
      <c r="BG3687" s="53">
        <v>-8149.6279069767197</v>
      </c>
      <c r="BH3687" s="53">
        <v>-8149.6279069767197</v>
      </c>
      <c r="BI3687" s="53">
        <v>-8149.6279069767197</v>
      </c>
      <c r="BJ3687" s="53">
        <v>-8149.6279069767197</v>
      </c>
      <c r="BK3687" s="53">
        <v>-8149.6279069767197</v>
      </c>
      <c r="BL3687" s="53">
        <v>-8149.6279069767197</v>
      </c>
      <c r="BM3687" s="53">
        <v>-8149.6279069767197</v>
      </c>
      <c r="BN3687" s="53">
        <v>-97795.534883720597</v>
      </c>
      <c r="BO3687" s="53">
        <v>-8149.6279069767197</v>
      </c>
      <c r="BP3687" s="53">
        <v>-8149.6279069767197</v>
      </c>
      <c r="BQ3687" s="53">
        <v>-8149.6279069767197</v>
      </c>
      <c r="BR3687" s="53">
        <v>-8149.6279069767197</v>
      </c>
      <c r="BS3687" s="53">
        <v>-8149.6279069767197</v>
      </c>
      <c r="BT3687" s="53">
        <v>-8149.6279069767197</v>
      </c>
      <c r="BU3687" s="53">
        <v>-8149.6279069767197</v>
      </c>
      <c r="BV3687" s="53">
        <v>-8149.6279069767197</v>
      </c>
      <c r="BW3687" s="53">
        <v>-8149.6279069767197</v>
      </c>
      <c r="BX3687" s="53">
        <v>-8149.6279069767197</v>
      </c>
      <c r="BY3687" s="53">
        <v>-8149.6279069767197</v>
      </c>
      <c r="BZ3687" s="53">
        <v>-8149.6279069767197</v>
      </c>
      <c r="CA3687" s="53">
        <v>-97795.534883720698</v>
      </c>
      <c r="CB3687" s="53">
        <v>767738249.329</v>
      </c>
      <c r="CC3687" s="53">
        <v>767738249.329</v>
      </c>
      <c r="CD3687" s="53">
        <v>767738249.329</v>
      </c>
      <c r="CE3687" s="53">
        <v>767738249.329</v>
      </c>
      <c r="CF3687" s="53">
        <v>767738249.329</v>
      </c>
      <c r="CG3687" s="53">
        <v>767738249.329</v>
      </c>
      <c r="CH3687" s="53">
        <v>767738249.329</v>
      </c>
      <c r="CI3687" s="53">
        <v>767738249.329</v>
      </c>
      <c r="CJ3687" s="53">
        <v>767738249.329</v>
      </c>
      <c r="CK3687" s="53">
        <v>767738249.329</v>
      </c>
      <c r="CL3687" s="53">
        <v>767738249.329</v>
      </c>
      <c r="CM3687" s="53">
        <v>767738249.329</v>
      </c>
      <c r="CN3687" s="53">
        <v>767738249.329</v>
      </c>
    </row>
    <row r="3688" spans="1:92" outlineLevel="1">
      <c r="A3688" s="52" t="s">
        <v>730</v>
      </c>
      <c r="B3688" s="53">
        <v>-7907.1050359712199</v>
      </c>
      <c r="C3688" s="53">
        <v>-7907.1050359712199</v>
      </c>
      <c r="D3688" s="53">
        <v>-7907.1050359712199</v>
      </c>
      <c r="E3688" s="53">
        <v>-7907.1050359712199</v>
      </c>
      <c r="F3688" s="53">
        <v>-7907.1050359712199</v>
      </c>
      <c r="G3688" s="53">
        <v>-7907.1050359712199</v>
      </c>
      <c r="H3688" s="53">
        <v>-7907.1050359712199</v>
      </c>
      <c r="I3688" s="53">
        <v>-7907.1050359712199</v>
      </c>
      <c r="J3688" s="53">
        <v>-7907.1050359712199</v>
      </c>
      <c r="K3688" s="53">
        <v>-7907.1050359712199</v>
      </c>
      <c r="L3688" s="53">
        <v>-7907.1050359712199</v>
      </c>
      <c r="M3688" s="53">
        <v>-7907.1050359712199</v>
      </c>
      <c r="N3688" s="53">
        <v>-94885.260431654693</v>
      </c>
      <c r="O3688" s="53">
        <v>-7907.1050359712199</v>
      </c>
      <c r="P3688" s="53">
        <v>-7907.1050359712199</v>
      </c>
      <c r="Q3688" s="53">
        <v>-7907.1050359712199</v>
      </c>
      <c r="R3688" s="53">
        <v>-7907.1050359712199</v>
      </c>
      <c r="S3688" s="53">
        <v>-7907.1050359712199</v>
      </c>
      <c r="T3688" s="53">
        <v>-7907.1050359712199</v>
      </c>
      <c r="U3688" s="53">
        <v>-7907.1050359712199</v>
      </c>
      <c r="V3688" s="53">
        <v>-7907.1050359712199</v>
      </c>
      <c r="W3688" s="53">
        <v>-7907.1050359712199</v>
      </c>
      <c r="X3688" s="53">
        <v>-7907.1050359712199</v>
      </c>
      <c r="Y3688" s="53">
        <v>-7907.1050359712199</v>
      </c>
      <c r="Z3688" s="53">
        <v>-7907.1050359712199</v>
      </c>
      <c r="AA3688" s="53">
        <v>-94885.260431654693</v>
      </c>
      <c r="AB3688" s="53">
        <v>-7907.1050359712199</v>
      </c>
      <c r="AC3688" s="53">
        <v>-7907.1050359712199</v>
      </c>
      <c r="AD3688" s="53">
        <v>-7907.1050359712199</v>
      </c>
      <c r="AE3688" s="53">
        <v>-7907.1050359712199</v>
      </c>
      <c r="AF3688" s="53">
        <v>-7907.1050359712199</v>
      </c>
      <c r="AG3688" s="53">
        <v>-7907.1050359712199</v>
      </c>
      <c r="AH3688" s="53">
        <v>-7907.1050359712199</v>
      </c>
      <c r="AI3688" s="53">
        <v>-7907.1050359712199</v>
      </c>
      <c r="AJ3688" s="53">
        <v>-7907.1050359712199</v>
      </c>
      <c r="AK3688" s="53">
        <v>-7907.1050359712199</v>
      </c>
      <c r="AL3688" s="53">
        <v>-7907.1050359712199</v>
      </c>
      <c r="AM3688" s="53">
        <v>-7907.1050359712199</v>
      </c>
      <c r="AN3688" s="53">
        <v>-94885.260431654693</v>
      </c>
      <c r="AO3688" s="53">
        <v>-7907.1050359712199</v>
      </c>
      <c r="AP3688" s="53">
        <v>-7907.1050359712199</v>
      </c>
      <c r="AQ3688" s="53">
        <v>-7907.1050359712199</v>
      </c>
      <c r="AR3688" s="53">
        <v>-7907.1050359712199</v>
      </c>
      <c r="AS3688" s="53">
        <v>-7907.1050359712199</v>
      </c>
      <c r="AT3688" s="53">
        <v>-7907.1050359712199</v>
      </c>
      <c r="AU3688" s="53">
        <v>-7907.1050359712199</v>
      </c>
      <c r="AV3688" s="53">
        <v>-7907.1050359712199</v>
      </c>
      <c r="AW3688" s="53">
        <v>-7907.1050359712199</v>
      </c>
      <c r="AX3688" s="53">
        <v>-7907.1050359712199</v>
      </c>
      <c r="AY3688" s="53">
        <v>-7907.1050359712199</v>
      </c>
      <c r="AZ3688" s="53">
        <v>-7907.1050359712199</v>
      </c>
      <c r="BA3688" s="53">
        <v>-94885.260431654693</v>
      </c>
      <c r="BB3688" s="53">
        <v>-7907.1050359712199</v>
      </c>
      <c r="BC3688" s="53">
        <v>-7907.1050359712199</v>
      </c>
      <c r="BD3688" s="53">
        <v>-7907.1050359712199</v>
      </c>
      <c r="BE3688" s="53">
        <v>-7907.1050359712199</v>
      </c>
      <c r="BF3688" s="53">
        <v>-7907.1050359712199</v>
      </c>
      <c r="BG3688" s="53">
        <v>-7907.1050359712199</v>
      </c>
      <c r="BH3688" s="53">
        <v>-7907.1050359712199</v>
      </c>
      <c r="BI3688" s="53">
        <v>-7907.1050359712199</v>
      </c>
      <c r="BJ3688" s="53">
        <v>-7907.1050359712199</v>
      </c>
      <c r="BK3688" s="53">
        <v>-7907.1050359712199</v>
      </c>
      <c r="BL3688" s="53">
        <v>-7907.1050359712199</v>
      </c>
      <c r="BM3688" s="53">
        <v>-7907.1050359712199</v>
      </c>
      <c r="BN3688" s="53">
        <v>-94885.260431654693</v>
      </c>
      <c r="BO3688" s="53">
        <v>-7907.1050359712199</v>
      </c>
      <c r="BP3688" s="53">
        <v>-7907.1050359712199</v>
      </c>
      <c r="BQ3688" s="53">
        <v>-7907.1050359712199</v>
      </c>
      <c r="BR3688" s="53">
        <v>-7907.1050359712199</v>
      </c>
      <c r="BS3688" s="53">
        <v>-7907.1050359712199</v>
      </c>
      <c r="BT3688" s="53">
        <v>-7907.1050359712199</v>
      </c>
      <c r="BU3688" s="53">
        <v>-7907.1050359712199</v>
      </c>
      <c r="BV3688" s="53">
        <v>-7907.1050359712199</v>
      </c>
      <c r="BW3688" s="53">
        <v>-7907.1050359712199</v>
      </c>
      <c r="BX3688" s="53">
        <v>-7907.1050359712199</v>
      </c>
      <c r="BY3688" s="53">
        <v>-7907.1050359712199</v>
      </c>
      <c r="BZ3688" s="53">
        <v>-7907.1050359712199</v>
      </c>
      <c r="CA3688" s="53">
        <v>-94885.260431654693</v>
      </c>
      <c r="CB3688" s="53">
        <v>-2589466.4099999899</v>
      </c>
      <c r="CC3688" s="53">
        <v>-2589466.4099999899</v>
      </c>
      <c r="CD3688" s="53">
        <v>-2589466.4099999899</v>
      </c>
      <c r="CE3688" s="53">
        <v>-2589466.4099999899</v>
      </c>
      <c r="CF3688" s="53">
        <v>-2589466.4099999899</v>
      </c>
      <c r="CG3688" s="53">
        <v>-2589466.4099999899</v>
      </c>
      <c r="CH3688" s="53">
        <v>-2589466.4099999899</v>
      </c>
      <c r="CI3688" s="53">
        <v>-2589466.4099999899</v>
      </c>
      <c r="CJ3688" s="53">
        <v>-2589466.4099999899</v>
      </c>
      <c r="CK3688" s="53">
        <v>-2589466.4099999899</v>
      </c>
      <c r="CL3688" s="53">
        <v>-2589466.4099999899</v>
      </c>
      <c r="CM3688" s="53">
        <v>-2589466.4099999899</v>
      </c>
      <c r="CN3688" s="53">
        <v>-2589466.4099999899</v>
      </c>
    </row>
    <row r="3689" spans="1:92" outlineLevel="1">
      <c r="A3689" s="52" t="s">
        <v>1565</v>
      </c>
      <c r="B3689" s="53">
        <v>-8857.0264993026503</v>
      </c>
      <c r="C3689" s="53">
        <v>-8857.0264993026503</v>
      </c>
      <c r="D3689" s="53">
        <v>-8857.0264993026503</v>
      </c>
      <c r="E3689" s="53">
        <v>-8857.0264993026503</v>
      </c>
      <c r="F3689" s="53">
        <v>-8857.0264993026503</v>
      </c>
      <c r="G3689" s="53">
        <v>-8857.0264993026503</v>
      </c>
      <c r="H3689" s="53">
        <v>-8857.0264993026503</v>
      </c>
      <c r="I3689" s="53">
        <v>-8857.0264993026503</v>
      </c>
      <c r="J3689" s="53">
        <v>-8857.0264993026394</v>
      </c>
      <c r="K3689" s="53">
        <v>-8857.0264993026394</v>
      </c>
      <c r="L3689" s="53">
        <v>-8857.0264993026394</v>
      </c>
      <c r="M3689" s="53">
        <v>-8857.0264993026394</v>
      </c>
      <c r="N3689" s="53">
        <v>-106284.317991631</v>
      </c>
      <c r="O3689" s="53">
        <v>-8857.0264993026394</v>
      </c>
      <c r="P3689" s="53">
        <v>-8857.0264993026394</v>
      </c>
      <c r="Q3689" s="53">
        <v>-8857.0264993026394</v>
      </c>
      <c r="R3689" s="53">
        <v>-8857.0264993026394</v>
      </c>
      <c r="S3689" s="53">
        <v>-8857.0264993026394</v>
      </c>
      <c r="T3689" s="53">
        <v>-8857.0264993026394</v>
      </c>
      <c r="U3689" s="53">
        <v>-8857.0264993026394</v>
      </c>
      <c r="V3689" s="53">
        <v>-8857.0264993026394</v>
      </c>
      <c r="W3689" s="53">
        <v>-8857.0264993026394</v>
      </c>
      <c r="X3689" s="53">
        <v>-8857.0264993026394</v>
      </c>
      <c r="Y3689" s="53">
        <v>-8857.0264993026394</v>
      </c>
      <c r="Z3689" s="53">
        <v>-8857.0264993026394</v>
      </c>
      <c r="AA3689" s="53">
        <v>-106284.317991631</v>
      </c>
      <c r="AB3689" s="53">
        <v>-8857.0264993026394</v>
      </c>
      <c r="AC3689" s="53">
        <v>-8857.0264993026394</v>
      </c>
      <c r="AD3689" s="53">
        <v>-8857.0264993026394</v>
      </c>
      <c r="AE3689" s="53">
        <v>-8857.0264993026394</v>
      </c>
      <c r="AF3689" s="53">
        <v>-8857.0264993026394</v>
      </c>
      <c r="AG3689" s="53">
        <v>-8857.0264993026394</v>
      </c>
      <c r="AH3689" s="53">
        <v>-8857.0264993026394</v>
      </c>
      <c r="AI3689" s="53">
        <v>-8857.0264993026394</v>
      </c>
      <c r="AJ3689" s="53">
        <v>-8857.0264993026394</v>
      </c>
      <c r="AK3689" s="53">
        <v>-8857.0264993026394</v>
      </c>
      <c r="AL3689" s="53">
        <v>-8857.0264993026394</v>
      </c>
      <c r="AM3689" s="53">
        <v>-8857.0264993026394</v>
      </c>
      <c r="AN3689" s="53">
        <v>-106284.317991631</v>
      </c>
      <c r="AO3689" s="53">
        <v>-8857.0264993026394</v>
      </c>
      <c r="AP3689" s="53">
        <v>-8857.0264993026394</v>
      </c>
      <c r="AQ3689" s="53">
        <v>-8857.0264993026394</v>
      </c>
      <c r="AR3689" s="53">
        <v>-8857.0264993026394</v>
      </c>
      <c r="AS3689" s="53">
        <v>-8857.0264993026394</v>
      </c>
      <c r="AT3689" s="53">
        <v>-8857.0264993026394</v>
      </c>
      <c r="AU3689" s="53">
        <v>-8857.0264993026394</v>
      </c>
      <c r="AV3689" s="53">
        <v>-8857.0264993026394</v>
      </c>
      <c r="AW3689" s="53">
        <v>-8857.0264993026394</v>
      </c>
      <c r="AX3689" s="53">
        <v>-8857.0264993026394</v>
      </c>
      <c r="AY3689" s="53">
        <v>-8857.0264993026394</v>
      </c>
      <c r="AZ3689" s="53">
        <v>-8857.0264993026394</v>
      </c>
      <c r="BA3689" s="53">
        <v>-106284.317991631</v>
      </c>
      <c r="BB3689" s="53">
        <v>-8857.0264993026394</v>
      </c>
      <c r="BC3689" s="53">
        <v>-8857.0264993026394</v>
      </c>
      <c r="BD3689" s="53">
        <v>-8857.0264993026394</v>
      </c>
      <c r="BE3689" s="53">
        <v>-8857.0264993026394</v>
      </c>
      <c r="BF3689" s="53">
        <v>-8857.0264993026394</v>
      </c>
      <c r="BG3689" s="53">
        <v>-8857.0264993026394</v>
      </c>
      <c r="BH3689" s="53">
        <v>-8857.0264993026303</v>
      </c>
      <c r="BI3689" s="53">
        <v>-8857.0264993026303</v>
      </c>
      <c r="BJ3689" s="53">
        <v>-8857.0264993026303</v>
      </c>
      <c r="BK3689" s="53">
        <v>-8857.0264993026303</v>
      </c>
      <c r="BL3689" s="53">
        <v>-8857.0264993026303</v>
      </c>
      <c r="BM3689" s="53">
        <v>-8857.0264993026303</v>
      </c>
      <c r="BN3689" s="53">
        <v>-106284.317991631</v>
      </c>
      <c r="BO3689" s="53">
        <v>-8857.0264993026303</v>
      </c>
      <c r="BP3689" s="53">
        <v>-8857.0264993026303</v>
      </c>
      <c r="BQ3689" s="53">
        <v>-8857.0264993026303</v>
      </c>
      <c r="BR3689" s="53">
        <v>-8857.0264993026303</v>
      </c>
      <c r="BS3689" s="53">
        <v>-8857.0264993026303</v>
      </c>
      <c r="BT3689" s="53">
        <v>-8857.0264993026303</v>
      </c>
      <c r="BU3689" s="53">
        <v>-8857.0264993026303</v>
      </c>
      <c r="BV3689" s="53">
        <v>-8857.0264993026303</v>
      </c>
      <c r="BW3689" s="53">
        <v>-8857.0264993026303</v>
      </c>
      <c r="BX3689" s="53">
        <v>-8857.0264993026303</v>
      </c>
      <c r="BY3689" s="53">
        <v>-8857.0264993026303</v>
      </c>
      <c r="BZ3689" s="53">
        <v>-8857.0264993026303</v>
      </c>
      <c r="CA3689" s="53">
        <v>-106284.317991631</v>
      </c>
      <c r="CB3689" s="53">
        <v>11447509656.361</v>
      </c>
      <c r="CC3689" s="53">
        <v>11534161606.3244</v>
      </c>
      <c r="CD3689" s="53">
        <v>11601712260.2768</v>
      </c>
      <c r="CE3689" s="53">
        <v>11665487541.0291</v>
      </c>
      <c r="CF3689" s="53">
        <v>11740023974.951099</v>
      </c>
      <c r="CG3689" s="53">
        <v>11853175071.6208</v>
      </c>
      <c r="CH3689" s="53">
        <v>11355290440.128401</v>
      </c>
      <c r="CI3689" s="53">
        <v>11501901135.5777</v>
      </c>
      <c r="CJ3689" s="53">
        <v>11649486780.479601</v>
      </c>
      <c r="CK3689" s="53">
        <v>11778250297.452101</v>
      </c>
      <c r="CL3689" s="53">
        <v>11871640620.2644</v>
      </c>
      <c r="CM3689" s="53">
        <v>11934105451.926201</v>
      </c>
      <c r="CN3689" s="53">
        <v>11447509656.361</v>
      </c>
    </row>
    <row r="3690" spans="1:92" outlineLevel="1">
      <c r="A3690" s="52" t="s">
        <v>1376</v>
      </c>
      <c r="B3690" s="53"/>
      <c r="C3690" s="53"/>
      <c r="D3690" s="53"/>
      <c r="E3690" s="53"/>
      <c r="F3690" s="53"/>
      <c r="G3690" s="53"/>
      <c r="H3690" s="53"/>
      <c r="I3690" s="53"/>
      <c r="J3690" s="53"/>
      <c r="K3690" s="53"/>
      <c r="L3690" s="53"/>
      <c r="M3690" s="53"/>
      <c r="N3690" s="53"/>
      <c r="O3690" s="53"/>
      <c r="P3690" s="53"/>
      <c r="Q3690" s="53"/>
      <c r="R3690" s="53"/>
      <c r="S3690" s="53"/>
      <c r="T3690" s="53"/>
      <c r="U3690" s="53"/>
      <c r="V3690" s="53"/>
      <c r="W3690" s="53"/>
      <c r="X3690" s="53"/>
      <c r="Y3690" s="53"/>
      <c r="Z3690" s="53"/>
      <c r="AA3690" s="53"/>
      <c r="AB3690" s="53"/>
      <c r="AC3690" s="53"/>
      <c r="AD3690" s="53"/>
      <c r="AE3690" s="53"/>
      <c r="AF3690" s="53"/>
      <c r="AG3690" s="53"/>
      <c r="AH3690" s="53"/>
      <c r="AI3690" s="53"/>
      <c r="AJ3690" s="53"/>
      <c r="AK3690" s="53"/>
      <c r="AL3690" s="53"/>
      <c r="AM3690" s="53"/>
      <c r="AN3690" s="53"/>
      <c r="AO3690" s="53"/>
      <c r="AP3690" s="53"/>
      <c r="AQ3690" s="53"/>
      <c r="AR3690" s="53"/>
      <c r="AS3690" s="53"/>
      <c r="AT3690" s="53"/>
      <c r="AU3690" s="53"/>
      <c r="AV3690" s="53"/>
      <c r="AW3690" s="53"/>
      <c r="AX3690" s="53"/>
      <c r="AY3690" s="53"/>
      <c r="AZ3690" s="53"/>
      <c r="BA3690" s="53"/>
      <c r="BB3690" s="53"/>
      <c r="BC3690" s="53"/>
      <c r="BD3690" s="53"/>
      <c r="BE3690" s="53"/>
      <c r="BF3690" s="53"/>
      <c r="BG3690" s="53"/>
      <c r="BH3690" s="53"/>
      <c r="BI3690" s="53"/>
      <c r="BJ3690" s="53"/>
      <c r="BK3690" s="53"/>
      <c r="BL3690" s="53"/>
      <c r="BM3690" s="53"/>
      <c r="BN3690" s="53"/>
      <c r="BO3690" s="53"/>
      <c r="BP3690" s="53"/>
      <c r="BQ3690" s="53"/>
      <c r="BR3690" s="53"/>
      <c r="BS3690" s="53"/>
      <c r="BT3690" s="53"/>
      <c r="BU3690" s="53"/>
      <c r="BV3690" s="53"/>
      <c r="BW3690" s="53"/>
      <c r="BX3690" s="53"/>
      <c r="BY3690" s="53"/>
      <c r="BZ3690" s="53"/>
      <c r="CA3690" s="53"/>
      <c r="CB3690" s="53"/>
      <c r="CC3690" s="53"/>
      <c r="CD3690" s="53"/>
      <c r="CE3690" s="53"/>
      <c r="CF3690" s="53"/>
      <c r="CG3690" s="53"/>
      <c r="CH3690" s="53"/>
      <c r="CI3690" s="53"/>
      <c r="CJ3690" s="53"/>
      <c r="CK3690" s="53"/>
      <c r="CL3690" s="53"/>
      <c r="CM3690" s="53"/>
      <c r="CN3690" s="53"/>
    </row>
    <row r="3691" spans="1:92" outlineLevel="1">
      <c r="A3691" s="52" t="s">
        <v>1377</v>
      </c>
      <c r="B3691" s="53"/>
      <c r="C3691" s="53"/>
      <c r="D3691" s="53"/>
      <c r="E3691" s="53"/>
      <c r="F3691" s="53"/>
      <c r="G3691" s="53"/>
      <c r="H3691" s="53"/>
      <c r="I3691" s="53"/>
      <c r="J3691" s="53"/>
      <c r="K3691" s="53"/>
      <c r="L3691" s="53"/>
      <c r="M3691" s="53"/>
      <c r="N3691" s="53"/>
      <c r="O3691" s="53"/>
      <c r="P3691" s="53"/>
      <c r="Q3691" s="53"/>
      <c r="R3691" s="53"/>
      <c r="S3691" s="53"/>
      <c r="T3691" s="53"/>
      <c r="U3691" s="53"/>
      <c r="V3691" s="53"/>
      <c r="W3691" s="53"/>
      <c r="X3691" s="53"/>
      <c r="Y3691" s="53"/>
      <c r="Z3691" s="53"/>
      <c r="AA3691" s="53"/>
      <c r="AB3691" s="53"/>
      <c r="AC3691" s="53"/>
      <c r="AD3691" s="53"/>
      <c r="AE3691" s="53"/>
      <c r="AF3691" s="53"/>
      <c r="AG3691" s="53"/>
      <c r="AH3691" s="53"/>
      <c r="AI3691" s="53"/>
      <c r="AJ3691" s="53"/>
      <c r="AK3691" s="53"/>
      <c r="AL3691" s="53"/>
      <c r="AM3691" s="53"/>
      <c r="AN3691" s="53"/>
      <c r="AO3691" s="53"/>
      <c r="AP3691" s="53"/>
      <c r="AQ3691" s="53"/>
      <c r="AR3691" s="53"/>
      <c r="AS3691" s="53"/>
      <c r="AT3691" s="53"/>
      <c r="AU3691" s="53"/>
      <c r="AV3691" s="53"/>
      <c r="AW3691" s="53"/>
      <c r="AX3691" s="53"/>
      <c r="AY3691" s="53"/>
      <c r="AZ3691" s="53"/>
      <c r="BA3691" s="53"/>
      <c r="BB3691" s="53"/>
      <c r="BC3691" s="53"/>
      <c r="BD3691" s="53"/>
      <c r="BE3691" s="53"/>
      <c r="BF3691" s="53"/>
      <c r="BG3691" s="53"/>
      <c r="BH3691" s="53"/>
      <c r="BI3691" s="53"/>
      <c r="BJ3691" s="53"/>
      <c r="BK3691" s="53"/>
      <c r="BL3691" s="53"/>
      <c r="BM3691" s="53"/>
      <c r="BN3691" s="53"/>
      <c r="BO3691" s="53"/>
      <c r="BP3691" s="53"/>
      <c r="BQ3691" s="53"/>
      <c r="BR3691" s="53"/>
      <c r="BS3691" s="53"/>
      <c r="BT3691" s="53"/>
      <c r="BU3691" s="53"/>
      <c r="BV3691" s="53"/>
      <c r="BW3691" s="53"/>
      <c r="BX3691" s="53"/>
      <c r="BY3691" s="53"/>
      <c r="BZ3691" s="53"/>
      <c r="CA3691" s="53"/>
      <c r="CB3691" s="53"/>
      <c r="CC3691" s="53"/>
      <c r="CD3691" s="53"/>
      <c r="CE3691" s="53"/>
      <c r="CF3691" s="53"/>
      <c r="CG3691" s="53"/>
      <c r="CH3691" s="53"/>
      <c r="CI3691" s="53"/>
      <c r="CJ3691" s="53"/>
      <c r="CK3691" s="53"/>
      <c r="CL3691" s="53"/>
      <c r="CM3691" s="53"/>
      <c r="CN3691" s="53"/>
    </row>
    <row r="3692" spans="1:92" outlineLevel="1">
      <c r="A3692" s="52" t="s">
        <v>1378</v>
      </c>
      <c r="B3692" s="53">
        <v>-1092858.8531758301</v>
      </c>
      <c r="C3692" s="53">
        <v>-1100788.4559366601</v>
      </c>
      <c r="D3692" s="53">
        <v>-547623.79020000005</v>
      </c>
      <c r="E3692" s="53">
        <v>-509720.25867333298</v>
      </c>
      <c r="F3692" s="53">
        <v>-1057819.7020399999</v>
      </c>
      <c r="G3692" s="53">
        <v>-3033714.06765666</v>
      </c>
      <c r="H3692" s="53">
        <v>-3055726.1908216602</v>
      </c>
      <c r="I3692" s="53">
        <v>-3077898.0293899998</v>
      </c>
      <c r="J3692" s="53">
        <v>-1034298.744295</v>
      </c>
      <c r="K3692" s="53">
        <v>-595115.44545583299</v>
      </c>
      <c r="L3692" s="53">
        <v>-599433.50796583295</v>
      </c>
      <c r="M3692" s="53">
        <v>-1206811.6939083301</v>
      </c>
      <c r="N3692" s="53">
        <v>-16911808.739519101</v>
      </c>
      <c r="O3692" s="53">
        <v>-1204871.6006449901</v>
      </c>
      <c r="P3692" s="53">
        <v>-1213613.9481673399</v>
      </c>
      <c r="Q3692" s="53">
        <v>-661267.92870625702</v>
      </c>
      <c r="R3692" s="53">
        <v>-624188.97858562798</v>
      </c>
      <c r="S3692" s="53">
        <v>-1173118.9897827399</v>
      </c>
      <c r="T3692" s="53">
        <v>-3149849.9456527801</v>
      </c>
      <c r="U3692" s="53">
        <v>-3172704.7318834402</v>
      </c>
      <c r="V3692" s="53">
        <v>-3195725.34863387</v>
      </c>
      <c r="W3692" s="53">
        <v>-1152980.9991426601</v>
      </c>
      <c r="X3692" s="53">
        <v>-714658.83710894606</v>
      </c>
      <c r="Y3692" s="53">
        <v>-719844.28252120304</v>
      </c>
      <c r="Z3692" s="53">
        <v>-1328096.1526611301</v>
      </c>
      <c r="AA3692" s="53">
        <v>-18310921.743491001</v>
      </c>
      <c r="AB3692" s="53">
        <v>-1326741.92699548</v>
      </c>
      <c r="AC3692" s="53">
        <v>-1336368.5452941</v>
      </c>
      <c r="AD3692" s="53">
        <v>-784913.21273066802</v>
      </c>
      <c r="AE3692" s="53">
        <v>-748731.412183373</v>
      </c>
      <c r="AF3692" s="53">
        <v>3.8769374325073702</v>
      </c>
      <c r="AG3692" s="53">
        <v>3.9050678443614002</v>
      </c>
      <c r="AH3692" s="53">
        <v>3.93340236579545</v>
      </c>
      <c r="AI3692" s="53">
        <v>3.9619424777946</v>
      </c>
      <c r="AJ3692" s="53">
        <v>3.9906896720897298</v>
      </c>
      <c r="AK3692" s="53">
        <v>4.0196454512354602</v>
      </c>
      <c r="AL3692" s="53">
        <v>4.0488113286887204</v>
      </c>
      <c r="AM3692" s="53">
        <v>4.0781888288877903</v>
      </c>
      <c r="AN3692" s="53">
        <v>-4196723.2825182201</v>
      </c>
      <c r="AO3692" s="53">
        <v>4.1077794873320599</v>
      </c>
      <c r="AP3692" s="53">
        <v>4.1375848506622299</v>
      </c>
      <c r="AQ3692" s="53">
        <v>4.1676064767411498</v>
      </c>
      <c r="AR3692" s="53">
        <v>4.1978459347353096</v>
      </c>
      <c r="AS3692" s="53">
        <v>4.2283048051967498</v>
      </c>
      <c r="AT3692" s="53">
        <v>4.2589846801457902</v>
      </c>
      <c r="AU3692" s="53">
        <v>4.28988716315415</v>
      </c>
      <c r="AV3692" s="53">
        <v>4.3210138694287998</v>
      </c>
      <c r="AW3692" s="53">
        <v>4.3523664258963901</v>
      </c>
      <c r="AX3692" s="53">
        <v>4.3839464712882901</v>
      </c>
      <c r="AY3692" s="53">
        <v>4.4157556562262101</v>
      </c>
      <c r="AZ3692" s="53">
        <v>4.4477956433085</v>
      </c>
      <c r="BA3692" s="53">
        <v>51.308871464115597</v>
      </c>
      <c r="BB3692" s="53">
        <v>4.48006810719707</v>
      </c>
      <c r="BC3692" s="53">
        <v>4.5125747347048701</v>
      </c>
      <c r="BD3692" s="53">
        <v>4.5453172248840996</v>
      </c>
      <c r="BE3692" s="53">
        <v>4.57829728911498</v>
      </c>
      <c r="BF3692" s="53">
        <v>4.6115166511952497</v>
      </c>
      <c r="BG3692" s="53">
        <v>4.6449770474302099</v>
      </c>
      <c r="BH3692" s="53">
        <v>4.6786802267235101</v>
      </c>
      <c r="BI3692" s="53">
        <v>4.71262795066857</v>
      </c>
      <c r="BJ3692" s="53">
        <v>4.7468219936406202</v>
      </c>
      <c r="BK3692" s="53">
        <v>4.7812641428894702</v>
      </c>
      <c r="BL3692" s="53">
        <v>4.81595619863291</v>
      </c>
      <c r="BM3692" s="53">
        <v>4.8508999741508196</v>
      </c>
      <c r="BN3692" s="53">
        <v>55.959001541232396</v>
      </c>
      <c r="BO3692" s="53">
        <v>4.8860972958799103</v>
      </c>
      <c r="BP3692" s="53">
        <v>4.9215500035092301</v>
      </c>
      <c r="BQ3692" s="53">
        <v>4.9572599500763399</v>
      </c>
      <c r="BR3692" s="53">
        <v>4.9932290020640604</v>
      </c>
      <c r="BS3692" s="53"/>
      <c r="BT3692" s="53"/>
      <c r="BU3692" s="53"/>
      <c r="BV3692" s="53"/>
      <c r="BW3692" s="53"/>
      <c r="BX3692" s="53"/>
      <c r="BY3692" s="53"/>
      <c r="BZ3692" s="53"/>
      <c r="CA3692" s="53">
        <v>19.7581362515295</v>
      </c>
      <c r="CB3692" s="53"/>
      <c r="CC3692" s="53"/>
      <c r="CD3692" s="53"/>
      <c r="CE3692" s="53"/>
      <c r="CF3692" s="53"/>
      <c r="CG3692" s="53"/>
      <c r="CH3692" s="53"/>
      <c r="CI3692" s="53"/>
      <c r="CJ3692" s="53"/>
      <c r="CK3692" s="53"/>
      <c r="CL3692" s="53"/>
      <c r="CM3692" s="53"/>
      <c r="CN3692" s="53"/>
    </row>
    <row r="3693" spans="1:92" outlineLevel="1">
      <c r="A3693" s="52" t="s">
        <v>1379</v>
      </c>
      <c r="B3693" s="53">
        <v>-289089.632509007</v>
      </c>
      <c r="C3693" s="53">
        <v>-290850.66529097001</v>
      </c>
      <c r="D3693" s="53">
        <v>-292622.43963176099</v>
      </c>
      <c r="E3693" s="53">
        <v>-294404.99022865598</v>
      </c>
      <c r="F3693" s="53">
        <v>-296198.40715600102</v>
      </c>
      <c r="G3693" s="53">
        <v>-298002.75499340898</v>
      </c>
      <c r="H3693" s="53">
        <v>-299818.08483441698</v>
      </c>
      <c r="I3693" s="53">
        <v>-301644.47794360301</v>
      </c>
      <c r="J3693" s="53">
        <v>-303482.00289655698</v>
      </c>
      <c r="K3693" s="53">
        <v>-305330.71414299699</v>
      </c>
      <c r="L3693" s="53">
        <v>-307190.68249075598</v>
      </c>
      <c r="M3693" s="53">
        <v>-309061.98052333301</v>
      </c>
      <c r="N3693" s="53">
        <v>-3587696.8326414698</v>
      </c>
      <c r="O3693" s="53">
        <v>-310944.68276122899</v>
      </c>
      <c r="P3693" s="53">
        <v>-312838.85412038199</v>
      </c>
      <c r="Q3693" s="53">
        <v>-314744.56414006598</v>
      </c>
      <c r="R3693" s="53">
        <v>-316661.88310995197</v>
      </c>
      <c r="S3693" s="53">
        <v>-318590.88174789702</v>
      </c>
      <c r="T3693" s="53">
        <v>-320531.63120254403</v>
      </c>
      <c r="U3693" s="53">
        <v>-322484.20305595302</v>
      </c>
      <c r="V3693" s="53">
        <v>-324448.66932623601</v>
      </c>
      <c r="W3693" s="53">
        <v>-326425.10247021401</v>
      </c>
      <c r="X3693" s="53">
        <v>-328413.57538609498</v>
      </c>
      <c r="Y3693" s="53">
        <v>-330414.16141615598</v>
      </c>
      <c r="Z3693" s="53">
        <v>-332426.934349449</v>
      </c>
      <c r="AA3693" s="53">
        <v>-3858925.1430861698</v>
      </c>
      <c r="AB3693" s="53">
        <v>-334451.96842452802</v>
      </c>
      <c r="AC3693" s="53">
        <v>-336489.33833217999</v>
      </c>
      <c r="AD3693" s="53">
        <v>-338539.119218187</v>
      </c>
      <c r="AE3693" s="53">
        <v>-340601.38668609102</v>
      </c>
      <c r="AF3693" s="53">
        <v>-342676.21679998701</v>
      </c>
      <c r="AG3693" s="53">
        <v>-344763.68608732702</v>
      </c>
      <c r="AH3693" s="53">
        <v>-346863.871541742</v>
      </c>
      <c r="AI3693" s="53">
        <v>-348976.85062588402</v>
      </c>
      <c r="AJ3693" s="53">
        <v>-351102.70127428003</v>
      </c>
      <c r="AK3693" s="53">
        <v>-353241.50189620903</v>
      </c>
      <c r="AL3693" s="53">
        <v>-355393.33137859299</v>
      </c>
      <c r="AM3693" s="53">
        <v>-357558.26908890699</v>
      </c>
      <c r="AN3693" s="53">
        <v>-4150658.24135391</v>
      </c>
      <c r="AO3693" s="53">
        <v>-359736.39487810701</v>
      </c>
      <c r="AP3693" s="53">
        <v>-361927.78908357298</v>
      </c>
      <c r="AQ3693" s="53">
        <v>-364132.53253207402</v>
      </c>
      <c r="AR3693" s="53">
        <v>-366350.70654274803</v>
      </c>
      <c r="AS3693" s="53">
        <v>-368582.39293010399</v>
      </c>
      <c r="AT3693" s="53">
        <v>-370827.67400703701</v>
      </c>
      <c r="AU3693" s="53">
        <v>-373086.63258786203</v>
      </c>
      <c r="AV3693" s="53">
        <v>-375359.35199137701</v>
      </c>
      <c r="AW3693" s="53">
        <v>-377645.91604392399</v>
      </c>
      <c r="AX3693" s="53">
        <v>-379946.40908249101</v>
      </c>
      <c r="AY3693" s="53">
        <v>-382260.91595781897</v>
      </c>
      <c r="AZ3693" s="53">
        <v>-384589.52203752799</v>
      </c>
      <c r="BA3693" s="53">
        <v>-4464446.2376746396</v>
      </c>
      <c r="BB3693" s="53">
        <v>-386932.31320927298</v>
      </c>
      <c r="BC3693" s="53">
        <v>-389289.37588390597</v>
      </c>
      <c r="BD3693" s="53">
        <v>-391660.79699866503</v>
      </c>
      <c r="BE3693" s="53">
        <v>-394046.66402038198</v>
      </c>
      <c r="BF3693" s="53">
        <v>-396447.06494870601</v>
      </c>
      <c r="BG3693" s="53">
        <v>-398862.08831935102</v>
      </c>
      <c r="BH3693" s="53">
        <v>-401291.82320736302</v>
      </c>
      <c r="BI3693" s="53">
        <v>-403736.3592304</v>
      </c>
      <c r="BJ3693" s="53">
        <v>-406195.78655204503</v>
      </c>
      <c r="BK3693" s="53">
        <v>-408670.19588512398</v>
      </c>
      <c r="BL3693" s="53">
        <v>-411159.67849505699</v>
      </c>
      <c r="BM3693" s="53">
        <v>-413664.32620322099</v>
      </c>
      <c r="BN3693" s="53">
        <v>-4801956.47295349</v>
      </c>
      <c r="BO3693" s="53">
        <v>-416184.23139034002</v>
      </c>
      <c r="BP3693" s="53">
        <v>-418719.48699989298</v>
      </c>
      <c r="BQ3693" s="53">
        <v>-421270.186541526</v>
      </c>
      <c r="BR3693" s="53"/>
      <c r="BS3693" s="53"/>
      <c r="BT3693" s="53"/>
      <c r="BU3693" s="53"/>
      <c r="BV3693" s="53"/>
      <c r="BW3693" s="53"/>
      <c r="BX3693" s="53"/>
      <c r="BY3693" s="53"/>
      <c r="BZ3693" s="53"/>
      <c r="CA3693" s="53">
        <v>-1256173.9049317599</v>
      </c>
      <c r="CB3693" s="53">
        <v>86651949.963373005</v>
      </c>
      <c r="CC3693" s="53">
        <v>67550653.952401504</v>
      </c>
      <c r="CD3693" s="53">
        <v>63775280.752329201</v>
      </c>
      <c r="CE3693" s="53">
        <v>74536433.922079802</v>
      </c>
      <c r="CF3693" s="53">
        <v>113151096.670636</v>
      </c>
      <c r="CG3693" s="53">
        <v>127115368.508406</v>
      </c>
      <c r="CH3693" s="53">
        <v>146610695.44742101</v>
      </c>
      <c r="CI3693" s="53">
        <v>147585644.90191099</v>
      </c>
      <c r="CJ3693" s="53">
        <v>128763516.972453</v>
      </c>
      <c r="CK3693" s="53">
        <v>93390322.812359393</v>
      </c>
      <c r="CL3693" s="53">
        <v>62464831.661802202</v>
      </c>
      <c r="CM3693" s="53">
        <v>66588160.930654302</v>
      </c>
      <c r="CN3693" s="53">
        <v>1178183956.49582</v>
      </c>
    </row>
    <row r="3694" spans="1:92" outlineLevel="1">
      <c r="A3694" s="52" t="s">
        <v>1587</v>
      </c>
      <c r="B3694" s="53"/>
      <c r="C3694" s="53"/>
      <c r="D3694" s="53"/>
      <c r="E3694" s="53"/>
      <c r="F3694" s="53"/>
      <c r="G3694" s="53"/>
      <c r="H3694" s="53"/>
      <c r="I3694" s="53"/>
      <c r="J3694" s="53"/>
      <c r="K3694" s="53"/>
      <c r="L3694" s="53"/>
      <c r="M3694" s="53"/>
      <c r="N3694" s="53"/>
      <c r="O3694" s="53"/>
      <c r="P3694" s="53"/>
      <c r="Q3694" s="53"/>
      <c r="R3694" s="53"/>
      <c r="S3694" s="53"/>
      <c r="T3694" s="53"/>
      <c r="U3694" s="53"/>
      <c r="V3694" s="53"/>
      <c r="W3694" s="53"/>
      <c r="X3694" s="53"/>
      <c r="Y3694" s="53"/>
      <c r="Z3694" s="53"/>
      <c r="AA3694" s="53"/>
      <c r="AB3694" s="53"/>
      <c r="AC3694" s="53"/>
      <c r="AD3694" s="53"/>
      <c r="AE3694" s="53"/>
      <c r="AF3694" s="53"/>
      <c r="AG3694" s="53"/>
      <c r="AH3694" s="53"/>
      <c r="AI3694" s="53"/>
      <c r="AJ3694" s="53"/>
      <c r="AK3694" s="53"/>
      <c r="AL3694" s="53"/>
      <c r="AM3694" s="53"/>
      <c r="AN3694" s="53"/>
      <c r="AO3694" s="53"/>
      <c r="AP3694" s="53"/>
      <c r="AQ3694" s="53"/>
      <c r="AR3694" s="53"/>
      <c r="AS3694" s="53"/>
      <c r="AT3694" s="53"/>
      <c r="AU3694" s="53"/>
      <c r="AV3694" s="53"/>
      <c r="AW3694" s="53"/>
      <c r="AX3694" s="53"/>
      <c r="AY3694" s="53"/>
      <c r="AZ3694" s="53"/>
      <c r="BA3694" s="53"/>
      <c r="BB3694" s="53"/>
      <c r="BC3694" s="53"/>
      <c r="BD3694" s="53"/>
      <c r="BE3694" s="53"/>
      <c r="BF3694" s="53"/>
      <c r="BG3694" s="53"/>
      <c r="BH3694" s="53"/>
      <c r="BI3694" s="53"/>
      <c r="BJ3694" s="53"/>
      <c r="BK3694" s="53"/>
      <c r="BL3694" s="53"/>
      <c r="BM3694" s="53"/>
      <c r="BN3694" s="53"/>
      <c r="BO3694" s="53"/>
      <c r="BP3694" s="53"/>
      <c r="BQ3694" s="53"/>
      <c r="BR3694" s="53"/>
      <c r="BS3694" s="53"/>
      <c r="BT3694" s="53"/>
      <c r="BU3694" s="53"/>
      <c r="BV3694" s="53"/>
      <c r="BW3694" s="53"/>
      <c r="BX3694" s="53"/>
      <c r="BY3694" s="53"/>
      <c r="BZ3694" s="53"/>
      <c r="CA3694" s="53"/>
      <c r="CB3694" s="53"/>
      <c r="CC3694" s="53"/>
      <c r="CD3694" s="53"/>
      <c r="CE3694" s="53"/>
      <c r="CF3694" s="53"/>
      <c r="CG3694" s="53"/>
      <c r="CH3694" s="53"/>
      <c r="CI3694" s="53"/>
      <c r="CJ3694" s="53"/>
      <c r="CK3694" s="53"/>
      <c r="CL3694" s="53"/>
      <c r="CM3694" s="53"/>
      <c r="CN3694" s="53"/>
    </row>
    <row r="3695" spans="1:92" outlineLevel="1">
      <c r="A3695" s="52" t="s">
        <v>1378</v>
      </c>
      <c r="B3695" s="53">
        <v>-1204871.6006449901</v>
      </c>
      <c r="C3695" s="53">
        <v>-1213613.9481673399</v>
      </c>
      <c r="D3695" s="53">
        <v>-661267.92870625702</v>
      </c>
      <c r="E3695" s="53">
        <v>-624188.97858562798</v>
      </c>
      <c r="F3695" s="53">
        <v>-1173118.9897827399</v>
      </c>
      <c r="G3695" s="53">
        <v>-3149849.9456527801</v>
      </c>
      <c r="H3695" s="53">
        <v>-3172704.7318834402</v>
      </c>
      <c r="I3695" s="53">
        <v>-3195725.34863387</v>
      </c>
      <c r="J3695" s="53">
        <v>-1152980.9991426601</v>
      </c>
      <c r="K3695" s="53">
        <v>-714658.83710894606</v>
      </c>
      <c r="L3695" s="53">
        <v>-719844.28252120304</v>
      </c>
      <c r="M3695" s="53">
        <v>-1328096.1526611301</v>
      </c>
      <c r="N3695" s="53">
        <v>-18310921.743491001</v>
      </c>
      <c r="O3695" s="53">
        <v>-1326741.92699548</v>
      </c>
      <c r="P3695" s="53">
        <v>-1336368.5452941</v>
      </c>
      <c r="Q3695" s="53">
        <v>-784913.21273066802</v>
      </c>
      <c r="R3695" s="53">
        <v>-748731.412183373</v>
      </c>
      <c r="S3695" s="53">
        <v>3.8769374325073702</v>
      </c>
      <c r="T3695" s="53">
        <v>3.9050678443614002</v>
      </c>
      <c r="U3695" s="53">
        <v>3.93340236579545</v>
      </c>
      <c r="V3695" s="53">
        <v>3.9619424777946</v>
      </c>
      <c r="W3695" s="53">
        <v>3.9906896720897298</v>
      </c>
      <c r="X3695" s="53">
        <v>4.0196454512354602</v>
      </c>
      <c r="Y3695" s="53">
        <v>4.0488113286887204</v>
      </c>
      <c r="Z3695" s="53">
        <v>4.0781888288877903</v>
      </c>
      <c r="AA3695" s="53">
        <v>-4196723.2825182201</v>
      </c>
      <c r="AB3695" s="53">
        <v>4.1077794873320599</v>
      </c>
      <c r="AC3695" s="53">
        <v>4.1375848506622299</v>
      </c>
      <c r="AD3695" s="53">
        <v>4.1676064767411498</v>
      </c>
      <c r="AE3695" s="53">
        <v>4.1978459347353096</v>
      </c>
      <c r="AF3695" s="53">
        <v>4.2283048051967498</v>
      </c>
      <c r="AG3695" s="53">
        <v>4.2589846801457902</v>
      </c>
      <c r="AH3695" s="53">
        <v>4.28988716315415</v>
      </c>
      <c r="AI3695" s="53">
        <v>4.3210138694287998</v>
      </c>
      <c r="AJ3695" s="53">
        <v>4.3523664258963901</v>
      </c>
      <c r="AK3695" s="53">
        <v>4.3839464712882901</v>
      </c>
      <c r="AL3695" s="53">
        <v>4.4157556562262101</v>
      </c>
      <c r="AM3695" s="53">
        <v>4.4477956433085</v>
      </c>
      <c r="AN3695" s="53">
        <v>51.308871464115597</v>
      </c>
      <c r="AO3695" s="53">
        <v>4.48006810719707</v>
      </c>
      <c r="AP3695" s="53">
        <v>4.5125747347048701</v>
      </c>
      <c r="AQ3695" s="53">
        <v>4.5453172248840996</v>
      </c>
      <c r="AR3695" s="53">
        <v>4.57829728911498</v>
      </c>
      <c r="AS3695" s="53">
        <v>4.6115166511952497</v>
      </c>
      <c r="AT3695" s="53">
        <v>4.6449770474302099</v>
      </c>
      <c r="AU3695" s="53">
        <v>4.6786802267235101</v>
      </c>
      <c r="AV3695" s="53">
        <v>4.71262795066857</v>
      </c>
      <c r="AW3695" s="53">
        <v>4.7468219936406202</v>
      </c>
      <c r="AX3695" s="53">
        <v>4.7812641428894702</v>
      </c>
      <c r="AY3695" s="53">
        <v>4.81595619863291</v>
      </c>
      <c r="AZ3695" s="53">
        <v>4.8508999741508196</v>
      </c>
      <c r="BA3695" s="53">
        <v>55.959001541232396</v>
      </c>
      <c r="BB3695" s="53">
        <v>4.8860972958799103</v>
      </c>
      <c r="BC3695" s="53">
        <v>4.9215500035092301</v>
      </c>
      <c r="BD3695" s="53">
        <v>4.9572599500763399</v>
      </c>
      <c r="BE3695" s="53">
        <v>4.9932290020640604</v>
      </c>
      <c r="BF3695" s="53"/>
      <c r="BG3695" s="53"/>
      <c r="BH3695" s="53"/>
      <c r="BI3695" s="53"/>
      <c r="BJ3695" s="53"/>
      <c r="BK3695" s="53"/>
      <c r="BL3695" s="53"/>
      <c r="BM3695" s="53"/>
      <c r="BN3695" s="53">
        <v>19.7581362515295</v>
      </c>
      <c r="BO3695" s="53"/>
      <c r="BP3695" s="53"/>
      <c r="BQ3695" s="53"/>
      <c r="BR3695" s="53"/>
      <c r="BS3695" s="53"/>
      <c r="BT3695" s="53"/>
      <c r="BU3695" s="53"/>
      <c r="BV3695" s="53"/>
      <c r="BW3695" s="53"/>
      <c r="BX3695" s="53"/>
      <c r="BY3695" s="53"/>
      <c r="BZ3695" s="53"/>
      <c r="CA3695" s="53"/>
      <c r="CB3695" s="53"/>
      <c r="CC3695" s="53"/>
      <c r="CD3695" s="53"/>
      <c r="CE3695" s="53"/>
      <c r="CF3695" s="53"/>
      <c r="CG3695" s="53"/>
      <c r="CH3695" s="53"/>
      <c r="CI3695" s="53"/>
      <c r="CJ3695" s="53"/>
      <c r="CK3695" s="53"/>
      <c r="CL3695" s="53"/>
      <c r="CM3695" s="53"/>
      <c r="CN3695" s="53"/>
    </row>
    <row r="3696" spans="1:92" outlineLevel="1">
      <c r="A3696" s="52" t="s">
        <v>1379</v>
      </c>
      <c r="B3696" s="53">
        <v>-310944.68276122899</v>
      </c>
      <c r="C3696" s="53">
        <v>-312838.85412038199</v>
      </c>
      <c r="D3696" s="53">
        <v>-314744.56414006598</v>
      </c>
      <c r="E3696" s="53">
        <v>-316661.88310995197</v>
      </c>
      <c r="F3696" s="53">
        <v>-318590.88174789702</v>
      </c>
      <c r="G3696" s="53">
        <v>-320531.63120254403</v>
      </c>
      <c r="H3696" s="53">
        <v>-322484.20305595302</v>
      </c>
      <c r="I3696" s="53">
        <v>-324448.66932623601</v>
      </c>
      <c r="J3696" s="53">
        <v>-326425.10247021401</v>
      </c>
      <c r="K3696" s="53">
        <v>-328413.57538609498</v>
      </c>
      <c r="L3696" s="53">
        <v>-330414.16141615598</v>
      </c>
      <c r="M3696" s="53">
        <v>-332426.934349449</v>
      </c>
      <c r="N3696" s="53">
        <v>-3858925.1430861698</v>
      </c>
      <c r="O3696" s="53">
        <v>-334451.96842452802</v>
      </c>
      <c r="P3696" s="53">
        <v>-336489.33833217999</v>
      </c>
      <c r="Q3696" s="53">
        <v>-338539.119218187</v>
      </c>
      <c r="R3696" s="53">
        <v>-340601.38668609102</v>
      </c>
      <c r="S3696" s="53">
        <v>-342676.21679998701</v>
      </c>
      <c r="T3696" s="53">
        <v>-344763.68608732702</v>
      </c>
      <c r="U3696" s="53">
        <v>-346863.871541742</v>
      </c>
      <c r="V3696" s="53">
        <v>-348976.85062588402</v>
      </c>
      <c r="W3696" s="53">
        <v>-351102.70127428003</v>
      </c>
      <c r="X3696" s="53">
        <v>-353241.50189620903</v>
      </c>
      <c r="Y3696" s="53">
        <v>-355393.33137859299</v>
      </c>
      <c r="Z3696" s="53">
        <v>-357558.26908890699</v>
      </c>
      <c r="AA3696" s="53">
        <v>-4150658.24135391</v>
      </c>
      <c r="AB3696" s="53">
        <v>-359736.39487810701</v>
      </c>
      <c r="AC3696" s="53">
        <v>-361927.78908357298</v>
      </c>
      <c r="AD3696" s="53">
        <v>-364132.53253207402</v>
      </c>
      <c r="AE3696" s="53">
        <v>-366350.70654274803</v>
      </c>
      <c r="AF3696" s="53">
        <v>-368582.39293010399</v>
      </c>
      <c r="AG3696" s="53">
        <v>-370827.67400703701</v>
      </c>
      <c r="AH3696" s="53">
        <v>-373086.63258786203</v>
      </c>
      <c r="AI3696" s="53">
        <v>-375359.35199137701</v>
      </c>
      <c r="AJ3696" s="53">
        <v>-377645.91604392399</v>
      </c>
      <c r="AK3696" s="53">
        <v>-379946.40908249101</v>
      </c>
      <c r="AL3696" s="53">
        <v>-382260.91595781897</v>
      </c>
      <c r="AM3696" s="53">
        <v>-384589.52203752799</v>
      </c>
      <c r="AN3696" s="53">
        <v>-4464446.2376746396</v>
      </c>
      <c r="AO3696" s="53">
        <v>-386932.31320927298</v>
      </c>
      <c r="AP3696" s="53">
        <v>-389289.37588390597</v>
      </c>
      <c r="AQ3696" s="53">
        <v>-391660.79699866503</v>
      </c>
      <c r="AR3696" s="53">
        <v>-394046.66402038198</v>
      </c>
      <c r="AS3696" s="53">
        <v>-396447.06494870601</v>
      </c>
      <c r="AT3696" s="53">
        <v>-398862.08831935102</v>
      </c>
      <c r="AU3696" s="53">
        <v>-401291.82320736302</v>
      </c>
      <c r="AV3696" s="53">
        <v>-403736.3592304</v>
      </c>
      <c r="AW3696" s="53">
        <v>-406195.78655204503</v>
      </c>
      <c r="AX3696" s="53">
        <v>-408670.19588512398</v>
      </c>
      <c r="AY3696" s="53">
        <v>-411159.67849505699</v>
      </c>
      <c r="AZ3696" s="53">
        <v>-413664.32620322099</v>
      </c>
      <c r="BA3696" s="53">
        <v>-4801956.47295349</v>
      </c>
      <c r="BB3696" s="53">
        <v>-416184.23139034002</v>
      </c>
      <c r="BC3696" s="53">
        <v>-418719.48699989298</v>
      </c>
      <c r="BD3696" s="53">
        <v>-421270.186541526</v>
      </c>
      <c r="BE3696" s="53"/>
      <c r="BF3696" s="53"/>
      <c r="BG3696" s="53"/>
      <c r="BH3696" s="53"/>
      <c r="BI3696" s="53"/>
      <c r="BJ3696" s="53"/>
      <c r="BK3696" s="53"/>
      <c r="BL3696" s="53"/>
      <c r="BM3696" s="53"/>
      <c r="BN3696" s="53">
        <v>-1256173.9049317599</v>
      </c>
      <c r="BO3696" s="53"/>
      <c r="BP3696" s="53"/>
      <c r="BQ3696" s="53"/>
      <c r="BR3696" s="53"/>
      <c r="BS3696" s="53"/>
      <c r="BT3696" s="53"/>
      <c r="BU3696" s="53"/>
      <c r="BV3696" s="53"/>
      <c r="BW3696" s="53"/>
      <c r="BX3696" s="53"/>
      <c r="BY3696" s="53"/>
      <c r="BZ3696" s="53"/>
      <c r="CA3696" s="53"/>
      <c r="CB3696" s="53"/>
      <c r="CC3696" s="53"/>
      <c r="CD3696" s="53"/>
      <c r="CE3696" s="53"/>
      <c r="CF3696" s="53"/>
      <c r="CG3696" s="53"/>
      <c r="CH3696" s="53"/>
      <c r="CI3696" s="53"/>
      <c r="CJ3696" s="53"/>
      <c r="CK3696" s="53"/>
      <c r="CL3696" s="53"/>
      <c r="CM3696" s="53"/>
      <c r="CN3696" s="53"/>
    </row>
    <row r="3697" spans="1:92" outlineLevel="1">
      <c r="A3697" s="52" t="s">
        <v>741</v>
      </c>
      <c r="B3697" s="53"/>
      <c r="C3697" s="53"/>
      <c r="D3697" s="53"/>
      <c r="E3697" s="53"/>
      <c r="F3697" s="53"/>
      <c r="G3697" s="53"/>
      <c r="H3697" s="53"/>
      <c r="I3697" s="53"/>
      <c r="J3697" s="53"/>
      <c r="K3697" s="53"/>
      <c r="L3697" s="53"/>
      <c r="M3697" s="53"/>
      <c r="N3697" s="53"/>
      <c r="O3697" s="53"/>
      <c r="P3697" s="53"/>
      <c r="Q3697" s="53"/>
      <c r="R3697" s="53"/>
      <c r="S3697" s="53"/>
      <c r="T3697" s="53"/>
      <c r="U3697" s="53"/>
      <c r="V3697" s="53"/>
      <c r="W3697" s="53"/>
      <c r="X3697" s="53"/>
      <c r="Y3697" s="53"/>
      <c r="Z3697" s="53"/>
      <c r="AA3697" s="53"/>
      <c r="AB3697" s="53"/>
      <c r="AC3697" s="53"/>
      <c r="AD3697" s="53"/>
      <c r="AE3697" s="53"/>
      <c r="AF3697" s="53"/>
      <c r="AG3697" s="53"/>
      <c r="AH3697" s="53"/>
      <c r="AI3697" s="53"/>
      <c r="AJ3697" s="53"/>
      <c r="AK3697" s="53"/>
      <c r="AL3697" s="53"/>
      <c r="AM3697" s="53"/>
      <c r="AN3697" s="53"/>
      <c r="AO3697" s="53"/>
      <c r="AP3697" s="53"/>
      <c r="AQ3697" s="53"/>
      <c r="AR3697" s="53"/>
      <c r="AS3697" s="53"/>
      <c r="AT3697" s="53"/>
      <c r="AU3697" s="53"/>
      <c r="AV3697" s="53"/>
      <c r="AW3697" s="53"/>
      <c r="AX3697" s="53"/>
      <c r="AY3697" s="53"/>
      <c r="AZ3697" s="53"/>
      <c r="BA3697" s="53"/>
      <c r="BB3697" s="53"/>
      <c r="BC3697" s="53"/>
      <c r="BD3697" s="53"/>
      <c r="BE3697" s="53"/>
      <c r="BF3697" s="53"/>
      <c r="BG3697" s="53"/>
      <c r="BH3697" s="53"/>
      <c r="BI3697" s="53"/>
      <c r="BJ3697" s="53"/>
      <c r="BK3697" s="53"/>
      <c r="BL3697" s="53"/>
      <c r="BM3697" s="53"/>
      <c r="BN3697" s="53"/>
      <c r="BO3697" s="53"/>
      <c r="BP3697" s="53"/>
      <c r="BQ3697" s="53"/>
      <c r="BR3697" s="53"/>
      <c r="BS3697" s="53"/>
      <c r="BT3697" s="53"/>
      <c r="BU3697" s="53"/>
      <c r="BV3697" s="53"/>
      <c r="BW3697" s="53"/>
      <c r="BX3697" s="53"/>
      <c r="BY3697" s="53"/>
      <c r="BZ3697" s="53"/>
      <c r="CA3697" s="53"/>
      <c r="CB3697" s="53"/>
      <c r="CC3697" s="53"/>
      <c r="CD3697" s="53"/>
      <c r="CE3697" s="53"/>
      <c r="CF3697" s="53"/>
      <c r="CG3697" s="53">
        <v>-625000000</v>
      </c>
      <c r="CH3697" s="53"/>
      <c r="CI3697" s="53"/>
      <c r="CJ3697" s="53"/>
      <c r="CK3697" s="53"/>
      <c r="CL3697" s="53"/>
      <c r="CM3697" s="53"/>
      <c r="CN3697" s="53">
        <v>-625000000</v>
      </c>
    </row>
    <row r="3698" spans="1:92" outlineLevel="1">
      <c r="A3698" s="52" t="s">
        <v>1632</v>
      </c>
      <c r="B3698" s="53"/>
      <c r="C3698" s="53"/>
      <c r="D3698" s="53"/>
      <c r="E3698" s="53"/>
      <c r="F3698" s="53"/>
      <c r="G3698" s="53"/>
      <c r="H3698" s="53"/>
      <c r="I3698" s="53"/>
      <c r="J3698" s="53"/>
      <c r="K3698" s="53"/>
      <c r="L3698" s="53"/>
      <c r="M3698" s="53"/>
      <c r="N3698" s="53"/>
      <c r="O3698" s="53"/>
      <c r="P3698" s="53"/>
      <c r="Q3698" s="53"/>
      <c r="R3698" s="53"/>
      <c r="S3698" s="53"/>
      <c r="T3698" s="53"/>
      <c r="U3698" s="53"/>
      <c r="V3698" s="53"/>
      <c r="W3698" s="53"/>
      <c r="X3698" s="53"/>
      <c r="Y3698" s="53"/>
      <c r="Z3698" s="53"/>
      <c r="AA3698" s="53"/>
      <c r="AB3698" s="53"/>
      <c r="AC3698" s="53"/>
      <c r="AD3698" s="53"/>
      <c r="AE3698" s="53"/>
      <c r="AF3698" s="53"/>
      <c r="AG3698" s="53"/>
      <c r="AH3698" s="53"/>
      <c r="AI3698" s="53"/>
      <c r="AJ3698" s="53"/>
      <c r="AK3698" s="53"/>
      <c r="AL3698" s="53"/>
      <c r="AM3698" s="53"/>
      <c r="AN3698" s="53"/>
      <c r="AO3698" s="53"/>
      <c r="AP3698" s="53"/>
      <c r="AQ3698" s="53"/>
      <c r="AR3698" s="53"/>
      <c r="AS3698" s="53"/>
      <c r="AT3698" s="53"/>
      <c r="AU3698" s="53"/>
      <c r="AV3698" s="53"/>
      <c r="AW3698" s="53"/>
      <c r="AX3698" s="53"/>
      <c r="AY3698" s="53"/>
      <c r="AZ3698" s="53"/>
      <c r="BA3698" s="53"/>
      <c r="BB3698" s="53"/>
      <c r="BC3698" s="53"/>
      <c r="BD3698" s="53"/>
      <c r="BE3698" s="53"/>
      <c r="BF3698" s="53"/>
      <c r="BG3698" s="53"/>
      <c r="BH3698" s="53"/>
      <c r="BI3698" s="53"/>
      <c r="BJ3698" s="53"/>
      <c r="BK3698" s="53"/>
      <c r="BL3698" s="53"/>
      <c r="BM3698" s="53"/>
      <c r="BN3698" s="53"/>
      <c r="BO3698" s="53"/>
      <c r="BP3698" s="53"/>
      <c r="BQ3698" s="53"/>
      <c r="BR3698" s="53"/>
      <c r="BS3698" s="53"/>
      <c r="BT3698" s="53"/>
      <c r="BU3698" s="53"/>
      <c r="BV3698" s="53"/>
      <c r="BW3698" s="53"/>
      <c r="BX3698" s="53"/>
      <c r="BY3698" s="53"/>
      <c r="BZ3698" s="53"/>
      <c r="CA3698" s="53"/>
      <c r="CB3698" s="53">
        <v>11534161606.3244</v>
      </c>
      <c r="CC3698" s="53">
        <v>11601712260.2768</v>
      </c>
      <c r="CD3698" s="53">
        <v>11665487541.0291</v>
      </c>
      <c r="CE3698" s="53">
        <v>11740023974.951099</v>
      </c>
      <c r="CF3698" s="53">
        <v>11853175071.6208</v>
      </c>
      <c r="CG3698" s="53">
        <v>11355290440.128401</v>
      </c>
      <c r="CH3698" s="53">
        <v>11501901135.5777</v>
      </c>
      <c r="CI3698" s="53">
        <v>11649486780.479601</v>
      </c>
      <c r="CJ3698" s="53">
        <v>11778250297.452101</v>
      </c>
      <c r="CK3698" s="53">
        <v>11871640620.2644</v>
      </c>
      <c r="CL3698" s="53">
        <v>11934105451.926201</v>
      </c>
      <c r="CM3698" s="53">
        <v>12000693612.856899</v>
      </c>
      <c r="CN3698" s="53">
        <v>12000693612.856899</v>
      </c>
    </row>
    <row r="3699" spans="1:92" outlineLevel="1">
      <c r="A3699" s="52" t="s">
        <v>649</v>
      </c>
      <c r="B3699" s="53"/>
      <c r="C3699" s="53"/>
      <c r="D3699" s="53"/>
      <c r="E3699" s="53"/>
      <c r="F3699" s="53"/>
      <c r="G3699" s="53"/>
      <c r="H3699" s="53"/>
      <c r="I3699" s="53"/>
      <c r="J3699" s="53"/>
      <c r="K3699" s="53"/>
      <c r="L3699" s="53"/>
      <c r="M3699" s="53"/>
      <c r="N3699" s="53"/>
      <c r="O3699" s="53">
        <v>-611879.56999999995</v>
      </c>
      <c r="P3699" s="53"/>
      <c r="Q3699" s="53"/>
      <c r="R3699" s="53"/>
      <c r="S3699" s="53"/>
      <c r="T3699" s="53"/>
      <c r="U3699" s="53"/>
      <c r="V3699" s="53"/>
      <c r="W3699" s="53"/>
      <c r="X3699" s="53"/>
      <c r="Y3699" s="53"/>
      <c r="Z3699" s="53"/>
      <c r="AA3699" s="53">
        <v>-611879.56999999995</v>
      </c>
      <c r="AB3699" s="53">
        <v>-1009241.17999999</v>
      </c>
      <c r="AC3699" s="53"/>
      <c r="AD3699" s="53"/>
      <c r="AE3699" s="53"/>
      <c r="AF3699" s="53"/>
      <c r="AG3699" s="53"/>
      <c r="AH3699" s="53"/>
      <c r="AI3699" s="53"/>
      <c r="AJ3699" s="53"/>
      <c r="AK3699" s="53"/>
      <c r="AL3699" s="53"/>
      <c r="AM3699" s="53"/>
      <c r="AN3699" s="53">
        <v>-1009241.17999999</v>
      </c>
      <c r="AO3699" s="53"/>
      <c r="AP3699" s="53"/>
      <c r="AQ3699" s="53"/>
      <c r="AR3699" s="53"/>
      <c r="AS3699" s="53"/>
      <c r="AT3699" s="53"/>
      <c r="AU3699" s="53"/>
      <c r="AV3699" s="53"/>
      <c r="AW3699" s="53"/>
      <c r="AX3699" s="53"/>
      <c r="AY3699" s="53"/>
      <c r="AZ3699" s="53"/>
      <c r="BA3699" s="53"/>
      <c r="BB3699" s="53"/>
      <c r="BC3699" s="53"/>
      <c r="BD3699" s="53"/>
      <c r="BE3699" s="53"/>
      <c r="BF3699" s="53"/>
      <c r="BG3699" s="53"/>
      <c r="BH3699" s="53"/>
      <c r="BI3699" s="53"/>
      <c r="BJ3699" s="53"/>
      <c r="BK3699" s="53"/>
      <c r="BL3699" s="53"/>
      <c r="BM3699" s="53"/>
      <c r="BN3699" s="53"/>
      <c r="BO3699" s="53"/>
      <c r="BP3699" s="53"/>
      <c r="BQ3699" s="53"/>
      <c r="BR3699" s="53"/>
      <c r="BS3699" s="53"/>
      <c r="BT3699" s="53"/>
      <c r="BU3699" s="53"/>
      <c r="BV3699" s="53"/>
      <c r="BW3699" s="53"/>
      <c r="BX3699" s="53"/>
      <c r="BY3699" s="53"/>
      <c r="BZ3699" s="53"/>
      <c r="CA3699" s="53"/>
      <c r="CB3699" s="53"/>
      <c r="CC3699" s="53"/>
      <c r="CD3699" s="53"/>
      <c r="CE3699" s="53"/>
      <c r="CF3699" s="53"/>
      <c r="CG3699" s="53"/>
      <c r="CH3699" s="53"/>
      <c r="CI3699" s="53"/>
      <c r="CJ3699" s="53"/>
      <c r="CK3699" s="53"/>
      <c r="CL3699" s="53"/>
      <c r="CM3699" s="53"/>
      <c r="CN3699" s="53"/>
    </row>
    <row r="3700" spans="1:92" outlineLevel="1">
      <c r="A3700" s="52" t="s">
        <v>745</v>
      </c>
      <c r="B3700" s="53"/>
      <c r="C3700" s="53"/>
      <c r="D3700" s="53"/>
      <c r="E3700" s="53"/>
      <c r="F3700" s="53"/>
      <c r="G3700" s="53"/>
      <c r="H3700" s="53"/>
      <c r="I3700" s="53"/>
      <c r="J3700" s="53"/>
      <c r="K3700" s="53"/>
      <c r="L3700" s="53"/>
      <c r="M3700" s="53"/>
      <c r="N3700" s="53"/>
      <c r="O3700" s="53"/>
      <c r="P3700" s="53"/>
      <c r="Q3700" s="53"/>
      <c r="R3700" s="53"/>
      <c r="S3700" s="53"/>
      <c r="T3700" s="53"/>
      <c r="U3700" s="53"/>
      <c r="V3700" s="53"/>
      <c r="W3700" s="53"/>
      <c r="X3700" s="53"/>
      <c r="Y3700" s="53"/>
      <c r="Z3700" s="53"/>
      <c r="AA3700" s="53"/>
      <c r="AB3700" s="53"/>
      <c r="AC3700" s="53"/>
      <c r="AD3700" s="53"/>
      <c r="AE3700" s="53"/>
      <c r="AF3700" s="53"/>
      <c r="AG3700" s="53"/>
      <c r="AH3700" s="53"/>
      <c r="AI3700" s="53"/>
      <c r="AJ3700" s="53"/>
      <c r="AK3700" s="53"/>
      <c r="AL3700" s="53"/>
      <c r="AM3700" s="53"/>
      <c r="AN3700" s="53"/>
      <c r="AO3700" s="53"/>
      <c r="AP3700" s="53"/>
      <c r="AQ3700" s="53"/>
      <c r="AR3700" s="53"/>
      <c r="AS3700" s="53"/>
      <c r="AT3700" s="53"/>
      <c r="AU3700" s="53"/>
      <c r="AV3700" s="53"/>
      <c r="AW3700" s="53"/>
      <c r="AX3700" s="53"/>
      <c r="AY3700" s="53"/>
      <c r="AZ3700" s="53"/>
      <c r="BA3700" s="53"/>
      <c r="BB3700" s="53"/>
      <c r="BC3700" s="53"/>
      <c r="BD3700" s="53"/>
      <c r="BE3700" s="53"/>
      <c r="BF3700" s="53"/>
      <c r="BG3700" s="53"/>
      <c r="BH3700" s="53"/>
      <c r="BI3700" s="53"/>
      <c r="BJ3700" s="53"/>
      <c r="BK3700" s="53"/>
      <c r="BL3700" s="53"/>
      <c r="BM3700" s="53"/>
      <c r="BN3700" s="53"/>
      <c r="BO3700" s="53"/>
      <c r="BP3700" s="53"/>
      <c r="BQ3700" s="53"/>
      <c r="BR3700" s="53"/>
      <c r="BS3700" s="53"/>
      <c r="BT3700" s="53"/>
      <c r="BU3700" s="53"/>
      <c r="BV3700" s="53"/>
      <c r="BW3700" s="53"/>
      <c r="BX3700" s="53"/>
      <c r="BY3700" s="53"/>
      <c r="BZ3700" s="53"/>
      <c r="CA3700" s="53"/>
      <c r="CB3700" s="53">
        <v>0</v>
      </c>
      <c r="CC3700" s="53">
        <v>0</v>
      </c>
      <c r="CD3700" s="53">
        <v>0</v>
      </c>
      <c r="CE3700" s="53">
        <v>0</v>
      </c>
      <c r="CF3700" s="53">
        <v>0</v>
      </c>
      <c r="CG3700" s="53">
        <v>0</v>
      </c>
      <c r="CH3700" s="53">
        <v>0</v>
      </c>
      <c r="CI3700" s="53">
        <v>0</v>
      </c>
      <c r="CJ3700" s="53">
        <v>0</v>
      </c>
      <c r="CK3700" s="53">
        <v>0</v>
      </c>
      <c r="CL3700" s="53">
        <v>0</v>
      </c>
      <c r="CM3700" s="53">
        <v>0</v>
      </c>
      <c r="CN3700" s="53">
        <v>0</v>
      </c>
    </row>
    <row r="3701" spans="1:92" outlineLevel="1">
      <c r="A3701" s="52" t="s">
        <v>1536</v>
      </c>
      <c r="B3701" s="53"/>
      <c r="C3701" s="53"/>
      <c r="D3701" s="53"/>
      <c r="E3701" s="53"/>
      <c r="F3701" s="53"/>
      <c r="G3701" s="53"/>
      <c r="H3701" s="53"/>
      <c r="I3701" s="53"/>
      <c r="J3701" s="53"/>
      <c r="K3701" s="53"/>
      <c r="L3701" s="53"/>
      <c r="M3701" s="53"/>
      <c r="N3701" s="53"/>
      <c r="O3701" s="53"/>
      <c r="P3701" s="53"/>
      <c r="Q3701" s="53"/>
      <c r="R3701" s="53"/>
      <c r="S3701" s="53"/>
      <c r="T3701" s="53"/>
      <c r="U3701" s="53"/>
      <c r="V3701" s="53"/>
      <c r="W3701" s="53"/>
      <c r="X3701" s="53"/>
      <c r="Y3701" s="53"/>
      <c r="Z3701" s="53"/>
      <c r="AA3701" s="53"/>
      <c r="AB3701" s="53"/>
      <c r="AC3701" s="53"/>
      <c r="AD3701" s="53"/>
      <c r="AE3701" s="53"/>
      <c r="AF3701" s="53"/>
      <c r="AG3701" s="53"/>
      <c r="AH3701" s="53"/>
      <c r="AI3701" s="53"/>
      <c r="AJ3701" s="53"/>
      <c r="AK3701" s="53"/>
      <c r="AL3701" s="53"/>
      <c r="AM3701" s="53"/>
      <c r="AN3701" s="53"/>
      <c r="AO3701" s="53"/>
      <c r="AP3701" s="53"/>
      <c r="AQ3701" s="53"/>
      <c r="AR3701" s="53"/>
      <c r="AS3701" s="53"/>
      <c r="AT3701" s="53"/>
      <c r="AU3701" s="53"/>
      <c r="AV3701" s="53"/>
      <c r="AW3701" s="53"/>
      <c r="AX3701" s="53"/>
      <c r="AY3701" s="53"/>
      <c r="AZ3701" s="53"/>
      <c r="BA3701" s="53"/>
      <c r="BB3701" s="53"/>
      <c r="BC3701" s="53"/>
      <c r="BD3701" s="53"/>
      <c r="BE3701" s="53"/>
      <c r="BF3701" s="53"/>
      <c r="BG3701" s="53"/>
      <c r="BH3701" s="53"/>
      <c r="BI3701" s="53"/>
      <c r="BJ3701" s="53"/>
      <c r="BK3701" s="53"/>
      <c r="BL3701" s="53"/>
      <c r="BM3701" s="53"/>
      <c r="BN3701" s="53"/>
      <c r="BO3701" s="53"/>
      <c r="BP3701" s="53"/>
      <c r="BQ3701" s="53"/>
      <c r="BR3701" s="53"/>
      <c r="BS3701" s="53"/>
      <c r="BT3701" s="53"/>
      <c r="BU3701" s="53"/>
      <c r="BV3701" s="53"/>
      <c r="BW3701" s="53"/>
      <c r="BX3701" s="53"/>
      <c r="BY3701" s="53"/>
      <c r="BZ3701" s="53"/>
      <c r="CA3701" s="53"/>
      <c r="CB3701" s="53">
        <v>0</v>
      </c>
      <c r="CC3701" s="53">
        <v>0</v>
      </c>
      <c r="CD3701" s="53">
        <v>0</v>
      </c>
      <c r="CE3701" s="53">
        <v>0</v>
      </c>
      <c r="CF3701" s="53">
        <v>0</v>
      </c>
      <c r="CG3701" s="53">
        <v>0</v>
      </c>
      <c r="CH3701" s="53">
        <v>0</v>
      </c>
      <c r="CI3701" s="53">
        <v>0</v>
      </c>
      <c r="CJ3701" s="53">
        <v>0</v>
      </c>
      <c r="CK3701" s="53">
        <v>0</v>
      </c>
      <c r="CL3701" s="53">
        <v>0</v>
      </c>
      <c r="CM3701" s="53">
        <v>0</v>
      </c>
      <c r="CN3701" s="53">
        <v>0</v>
      </c>
    </row>
    <row r="3702" spans="1:92" outlineLevel="1">
      <c r="A3702" s="52" t="s">
        <v>649</v>
      </c>
      <c r="B3702" s="53">
        <v>-198553999.91</v>
      </c>
      <c r="C3702" s="53">
        <v>-469895999.91000003</v>
      </c>
      <c r="D3702" s="53">
        <v>-453197999.91000003</v>
      </c>
      <c r="E3702" s="53">
        <v>-467650999.91000003</v>
      </c>
      <c r="F3702" s="53">
        <v>-538569999.90999997</v>
      </c>
      <c r="G3702" s="53">
        <v>-567609999.90999997</v>
      </c>
      <c r="H3702" s="53">
        <v>-504409999.91000003</v>
      </c>
      <c r="I3702" s="53">
        <v>-660678999.90999997</v>
      </c>
      <c r="J3702" s="53">
        <v>-679318999.90999997</v>
      </c>
      <c r="K3702" s="53">
        <v>-982916999.90999997</v>
      </c>
      <c r="L3702" s="53">
        <v>-320077999.91000003</v>
      </c>
      <c r="M3702" s="53">
        <v>-336523999.91000003</v>
      </c>
      <c r="N3702" s="53">
        <v>-6179405998.9199896</v>
      </c>
      <c r="O3702" s="53">
        <v>-604923999.90999997</v>
      </c>
      <c r="P3702" s="53"/>
      <c r="Q3702" s="53"/>
      <c r="R3702" s="53"/>
      <c r="S3702" s="53"/>
      <c r="T3702" s="53"/>
      <c r="U3702" s="53"/>
      <c r="V3702" s="53"/>
      <c r="W3702" s="53"/>
      <c r="X3702" s="53"/>
      <c r="Y3702" s="53"/>
      <c r="Z3702" s="53"/>
      <c r="AA3702" s="53">
        <v>-604923999.90999997</v>
      </c>
      <c r="AB3702" s="53"/>
      <c r="AC3702" s="53"/>
      <c r="AD3702" s="53"/>
      <c r="AE3702" s="53"/>
      <c r="AF3702" s="53"/>
      <c r="AG3702" s="53"/>
      <c r="AH3702" s="53"/>
      <c r="AI3702" s="53"/>
      <c r="AJ3702" s="53"/>
      <c r="AK3702" s="53"/>
      <c r="AL3702" s="53"/>
      <c r="AM3702" s="53"/>
      <c r="AN3702" s="53"/>
      <c r="AO3702" s="53"/>
      <c r="AP3702" s="53"/>
      <c r="AQ3702" s="53"/>
      <c r="AR3702" s="53"/>
      <c r="AS3702" s="53"/>
      <c r="AT3702" s="53"/>
      <c r="AU3702" s="53"/>
      <c r="AV3702" s="53"/>
      <c r="AW3702" s="53"/>
      <c r="AX3702" s="53"/>
      <c r="AY3702" s="53"/>
      <c r="AZ3702" s="53"/>
      <c r="BA3702" s="53"/>
      <c r="BB3702" s="53"/>
      <c r="BC3702" s="53"/>
      <c r="BD3702" s="53"/>
      <c r="BE3702" s="53"/>
      <c r="BF3702" s="53"/>
      <c r="BG3702" s="53"/>
      <c r="BH3702" s="53"/>
      <c r="BI3702" s="53"/>
      <c r="BJ3702" s="53"/>
      <c r="BK3702" s="53"/>
      <c r="BL3702" s="53"/>
      <c r="BM3702" s="53"/>
      <c r="BN3702" s="53"/>
      <c r="BO3702" s="53"/>
      <c r="BP3702" s="53"/>
      <c r="BQ3702" s="53"/>
      <c r="BR3702" s="53"/>
      <c r="BS3702" s="53"/>
      <c r="BT3702" s="53"/>
      <c r="BU3702" s="53"/>
      <c r="BV3702" s="53"/>
      <c r="BW3702" s="53"/>
      <c r="BX3702" s="53"/>
      <c r="BY3702" s="53"/>
      <c r="BZ3702" s="53"/>
      <c r="CA3702" s="53"/>
      <c r="CB3702" s="53">
        <v>0</v>
      </c>
      <c r="CC3702" s="53">
        <v>0</v>
      </c>
      <c r="CD3702" s="53">
        <v>0</v>
      </c>
      <c r="CE3702" s="53">
        <v>0</v>
      </c>
      <c r="CF3702" s="53">
        <v>0</v>
      </c>
      <c r="CG3702" s="53">
        <v>0</v>
      </c>
      <c r="CH3702" s="53">
        <v>0</v>
      </c>
      <c r="CI3702" s="53">
        <v>0</v>
      </c>
      <c r="CJ3702" s="53">
        <v>0</v>
      </c>
      <c r="CK3702" s="53">
        <v>0</v>
      </c>
      <c r="CL3702" s="53">
        <v>0</v>
      </c>
      <c r="CM3702" s="53">
        <v>0</v>
      </c>
      <c r="CN3702" s="53">
        <v>0</v>
      </c>
    </row>
    <row r="3703" spans="1:92" outlineLevel="1">
      <c r="A3703" s="52" t="s">
        <v>1537</v>
      </c>
      <c r="B3703" s="53"/>
      <c r="C3703" s="53"/>
      <c r="D3703" s="53"/>
      <c r="E3703" s="53"/>
      <c r="F3703" s="53"/>
      <c r="G3703" s="53"/>
      <c r="H3703" s="53"/>
      <c r="I3703" s="53"/>
      <c r="J3703" s="53"/>
      <c r="K3703" s="53"/>
      <c r="L3703" s="53"/>
      <c r="M3703" s="53"/>
      <c r="N3703" s="53"/>
      <c r="O3703" s="53"/>
      <c r="P3703" s="53"/>
      <c r="Q3703" s="53"/>
      <c r="R3703" s="53"/>
      <c r="S3703" s="53"/>
      <c r="T3703" s="53"/>
      <c r="U3703" s="53"/>
      <c r="V3703" s="53"/>
      <c r="W3703" s="53"/>
      <c r="X3703" s="53"/>
      <c r="Y3703" s="53"/>
      <c r="Z3703" s="53"/>
      <c r="AA3703" s="53"/>
      <c r="AB3703" s="53"/>
      <c r="AC3703" s="53"/>
      <c r="AD3703" s="53"/>
      <c r="AE3703" s="53"/>
      <c r="AF3703" s="53"/>
      <c r="AG3703" s="53"/>
      <c r="AH3703" s="53"/>
      <c r="AI3703" s="53"/>
      <c r="AJ3703" s="53"/>
      <c r="AK3703" s="53"/>
      <c r="AL3703" s="53"/>
      <c r="AM3703" s="53"/>
      <c r="AN3703" s="53"/>
      <c r="AO3703" s="53"/>
      <c r="AP3703" s="53"/>
      <c r="AQ3703" s="53"/>
      <c r="AR3703" s="53"/>
      <c r="AS3703" s="53"/>
      <c r="AT3703" s="53"/>
      <c r="AU3703" s="53"/>
      <c r="AV3703" s="53"/>
      <c r="AW3703" s="53"/>
      <c r="AX3703" s="53"/>
      <c r="AY3703" s="53"/>
      <c r="AZ3703" s="53"/>
      <c r="BA3703" s="53"/>
      <c r="BB3703" s="53"/>
      <c r="BC3703" s="53"/>
      <c r="BD3703" s="53"/>
      <c r="BE3703" s="53"/>
      <c r="BF3703" s="53"/>
      <c r="BG3703" s="53"/>
      <c r="BH3703" s="53"/>
      <c r="BI3703" s="53"/>
      <c r="BJ3703" s="53"/>
      <c r="BK3703" s="53"/>
      <c r="BL3703" s="53"/>
      <c r="BM3703" s="53"/>
      <c r="BN3703" s="53"/>
      <c r="BO3703" s="53"/>
      <c r="BP3703" s="53"/>
      <c r="BQ3703" s="53"/>
      <c r="BR3703" s="53"/>
      <c r="BS3703" s="53"/>
      <c r="BT3703" s="53"/>
      <c r="BU3703" s="53"/>
      <c r="BV3703" s="53"/>
      <c r="BW3703" s="53"/>
      <c r="BX3703" s="53"/>
      <c r="BY3703" s="53"/>
      <c r="BZ3703" s="53"/>
      <c r="CA3703" s="53"/>
      <c r="CB3703" s="53">
        <v>0</v>
      </c>
      <c r="CC3703" s="53">
        <v>0</v>
      </c>
      <c r="CD3703" s="53">
        <v>0</v>
      </c>
      <c r="CE3703" s="53">
        <v>0</v>
      </c>
      <c r="CF3703" s="53">
        <v>0</v>
      </c>
      <c r="CG3703" s="53">
        <v>0</v>
      </c>
      <c r="CH3703" s="53">
        <v>0</v>
      </c>
      <c r="CI3703" s="53">
        <v>0</v>
      </c>
      <c r="CJ3703" s="53">
        <v>0</v>
      </c>
      <c r="CK3703" s="53">
        <v>0</v>
      </c>
      <c r="CL3703" s="53">
        <v>0</v>
      </c>
      <c r="CM3703" s="53">
        <v>0</v>
      </c>
      <c r="CN3703" s="53">
        <v>0</v>
      </c>
    </row>
    <row r="3704" spans="1:92" outlineLevel="1">
      <c r="A3704" s="52" t="s">
        <v>649</v>
      </c>
      <c r="B3704" s="53"/>
      <c r="C3704" s="53"/>
      <c r="D3704" s="53"/>
      <c r="E3704" s="53"/>
      <c r="F3704" s="53"/>
      <c r="G3704" s="53"/>
      <c r="H3704" s="53"/>
      <c r="I3704" s="53"/>
      <c r="J3704" s="53"/>
      <c r="K3704" s="53"/>
      <c r="L3704" s="53"/>
      <c r="M3704" s="53"/>
      <c r="N3704" s="53"/>
      <c r="O3704" s="53"/>
      <c r="P3704" s="53">
        <v>-691286528.74057901</v>
      </c>
      <c r="Q3704" s="53">
        <v>-640850776.38673306</v>
      </c>
      <c r="R3704" s="53">
        <v>-747112323.97426796</v>
      </c>
      <c r="S3704" s="53">
        <v>-804127382.51984704</v>
      </c>
      <c r="T3704" s="53">
        <v>-848837587.29495704</v>
      </c>
      <c r="U3704" s="53">
        <v>-266203941.454465</v>
      </c>
      <c r="V3704" s="53">
        <v>-156791960.200288</v>
      </c>
      <c r="W3704" s="53"/>
      <c r="X3704" s="53"/>
      <c r="Y3704" s="53"/>
      <c r="Z3704" s="53"/>
      <c r="AA3704" s="53">
        <v>-4155210500.5711398</v>
      </c>
      <c r="AB3704" s="53">
        <v>-160584988.64838701</v>
      </c>
      <c r="AC3704" s="53">
        <v>-145146799.75453001</v>
      </c>
      <c r="AD3704" s="53">
        <v>-43986462.048842996</v>
      </c>
      <c r="AE3704" s="53">
        <v>-126073770.957846</v>
      </c>
      <c r="AF3704" s="53">
        <v>-958100711.50871003</v>
      </c>
      <c r="AG3704" s="53">
        <v>-997092550.63431501</v>
      </c>
      <c r="AH3704" s="53">
        <v>-1089790129.6900799</v>
      </c>
      <c r="AI3704" s="53">
        <v>-1010243814.99792</v>
      </c>
      <c r="AJ3704" s="53"/>
      <c r="AK3704" s="53"/>
      <c r="AL3704" s="53"/>
      <c r="AM3704" s="53"/>
      <c r="AN3704" s="53">
        <v>-4531019228.2406301</v>
      </c>
      <c r="AO3704" s="53">
        <v>-5938772.7716698796</v>
      </c>
      <c r="AP3704" s="53">
        <v>-37208835.7320804</v>
      </c>
      <c r="AQ3704" s="53">
        <v>-27491554.847943299</v>
      </c>
      <c r="AR3704" s="53">
        <v>-189077993.35148901</v>
      </c>
      <c r="AS3704" s="53">
        <v>-271867626.10165399</v>
      </c>
      <c r="AT3704" s="53">
        <v>-374588955.818542</v>
      </c>
      <c r="AU3704" s="53"/>
      <c r="AV3704" s="53"/>
      <c r="AW3704" s="53"/>
      <c r="AX3704" s="53"/>
      <c r="AY3704" s="53"/>
      <c r="AZ3704" s="53"/>
      <c r="BA3704" s="53">
        <v>-906173738.62337995</v>
      </c>
      <c r="BB3704" s="53">
        <v>-131852214.951662</v>
      </c>
      <c r="BC3704" s="53">
        <v>-196512174.79109901</v>
      </c>
      <c r="BD3704" s="53">
        <v>-168300839.92753699</v>
      </c>
      <c r="BE3704" s="53">
        <v>-279697063.07687598</v>
      </c>
      <c r="BF3704" s="53">
        <v>-284151828.04402</v>
      </c>
      <c r="BG3704" s="53">
        <v>-363591134.76955199</v>
      </c>
      <c r="BH3704" s="53"/>
      <c r="BI3704" s="53"/>
      <c r="BJ3704" s="53"/>
      <c r="BK3704" s="53"/>
      <c r="BL3704" s="53"/>
      <c r="BM3704" s="53"/>
      <c r="BN3704" s="53">
        <v>-1424105255.56074</v>
      </c>
      <c r="BO3704" s="53">
        <v>-180915258.75754201</v>
      </c>
      <c r="BP3704" s="53">
        <v>-888992446.32978797</v>
      </c>
      <c r="BQ3704" s="53">
        <v>-858047614.98357701</v>
      </c>
      <c r="BR3704" s="53">
        <v>-973328736.45499504</v>
      </c>
      <c r="BS3704" s="53">
        <v>-974042396.54382598</v>
      </c>
      <c r="BT3704" s="53">
        <v>-1048936334.2269599</v>
      </c>
      <c r="BU3704" s="53"/>
      <c r="BV3704" s="53"/>
      <c r="BW3704" s="53"/>
      <c r="BX3704" s="53"/>
      <c r="BY3704" s="53"/>
      <c r="BZ3704" s="53"/>
      <c r="CA3704" s="53">
        <v>-4924262787.29669</v>
      </c>
      <c r="CB3704" s="53"/>
      <c r="CC3704" s="53"/>
      <c r="CD3704" s="53"/>
      <c r="CE3704" s="53"/>
      <c r="CF3704" s="53"/>
      <c r="CG3704" s="53"/>
      <c r="CH3704" s="53"/>
      <c r="CI3704" s="53"/>
      <c r="CJ3704" s="53"/>
      <c r="CK3704" s="53"/>
      <c r="CL3704" s="53"/>
      <c r="CM3704" s="53"/>
      <c r="CN3704" s="53"/>
    </row>
    <row r="3705" spans="1:92" outlineLevel="1">
      <c r="A3705" s="52" t="s">
        <v>700</v>
      </c>
      <c r="B3705" s="53"/>
      <c r="C3705" s="53"/>
      <c r="D3705" s="53"/>
      <c r="E3705" s="53"/>
      <c r="F3705" s="53"/>
      <c r="G3705" s="53"/>
      <c r="H3705" s="53"/>
      <c r="I3705" s="53"/>
      <c r="J3705" s="53"/>
      <c r="K3705" s="53"/>
      <c r="L3705" s="53"/>
      <c r="M3705" s="53"/>
      <c r="N3705" s="53"/>
      <c r="O3705" s="53"/>
      <c r="P3705" s="53"/>
      <c r="Q3705" s="53"/>
      <c r="R3705" s="53"/>
      <c r="S3705" s="53"/>
      <c r="T3705" s="53"/>
      <c r="U3705" s="53"/>
      <c r="V3705" s="53"/>
      <c r="W3705" s="53"/>
      <c r="X3705" s="53"/>
      <c r="Y3705" s="53"/>
      <c r="Z3705" s="53"/>
      <c r="AA3705" s="53"/>
      <c r="AB3705" s="53"/>
      <c r="AC3705" s="53"/>
      <c r="AD3705" s="53"/>
      <c r="AE3705" s="53"/>
      <c r="AF3705" s="53"/>
      <c r="AG3705" s="53"/>
      <c r="AH3705" s="53"/>
      <c r="AI3705" s="53"/>
      <c r="AJ3705" s="53"/>
      <c r="AK3705" s="53"/>
      <c r="AL3705" s="53"/>
      <c r="AM3705" s="53"/>
      <c r="AN3705" s="53"/>
      <c r="AO3705" s="53"/>
      <c r="AP3705" s="53"/>
      <c r="AQ3705" s="53"/>
      <c r="AR3705" s="53"/>
      <c r="AS3705" s="53"/>
      <c r="AT3705" s="53"/>
      <c r="AU3705" s="53"/>
      <c r="AV3705" s="53"/>
      <c r="AW3705" s="53"/>
      <c r="AX3705" s="53"/>
      <c r="AY3705" s="53"/>
      <c r="AZ3705" s="53"/>
      <c r="BA3705" s="53"/>
      <c r="BB3705" s="53"/>
      <c r="BC3705" s="53"/>
      <c r="BD3705" s="53"/>
      <c r="BE3705" s="53"/>
      <c r="BF3705" s="53"/>
      <c r="BG3705" s="53"/>
      <c r="BH3705" s="53"/>
      <c r="BI3705" s="53"/>
      <c r="BJ3705" s="53"/>
      <c r="BK3705" s="53"/>
      <c r="BL3705" s="53"/>
      <c r="BM3705" s="53"/>
      <c r="BN3705" s="53"/>
      <c r="BO3705" s="53"/>
      <c r="BP3705" s="53"/>
      <c r="BQ3705" s="53"/>
      <c r="BR3705" s="53"/>
      <c r="BS3705" s="53"/>
      <c r="BT3705" s="53"/>
      <c r="BU3705" s="53"/>
      <c r="BV3705" s="53"/>
      <c r="BW3705" s="53"/>
      <c r="BX3705" s="53"/>
      <c r="BY3705" s="53"/>
      <c r="BZ3705" s="53"/>
      <c r="CA3705" s="53"/>
      <c r="CB3705" s="53">
        <v>11447509656.361</v>
      </c>
      <c r="CC3705" s="53">
        <v>11534161606.3244</v>
      </c>
      <c r="CD3705" s="53">
        <v>11601712260.2768</v>
      </c>
      <c r="CE3705" s="53">
        <v>11665487541.0291</v>
      </c>
      <c r="CF3705" s="53">
        <v>11740023974.951099</v>
      </c>
      <c r="CG3705" s="53">
        <v>11853175071.6208</v>
      </c>
      <c r="CH3705" s="53">
        <v>11355290440.128401</v>
      </c>
      <c r="CI3705" s="53">
        <v>11501901135.5777</v>
      </c>
      <c r="CJ3705" s="53">
        <v>11649486780.479601</v>
      </c>
      <c r="CK3705" s="53">
        <v>11778250297.452101</v>
      </c>
      <c r="CL3705" s="53">
        <v>11871640620.2644</v>
      </c>
      <c r="CM3705" s="53">
        <v>11934105451.926201</v>
      </c>
      <c r="CN3705" s="53">
        <v>11447509656.361</v>
      </c>
    </row>
    <row r="3706" spans="1:92" outlineLevel="1">
      <c r="A3706" s="52" t="s">
        <v>1682</v>
      </c>
      <c r="B3706" s="53"/>
      <c r="C3706" s="53"/>
      <c r="D3706" s="53"/>
      <c r="E3706" s="53"/>
      <c r="F3706" s="53"/>
      <c r="G3706" s="53"/>
      <c r="H3706" s="53"/>
      <c r="I3706" s="53"/>
      <c r="J3706" s="53"/>
      <c r="K3706" s="53"/>
      <c r="L3706" s="53"/>
      <c r="M3706" s="53"/>
      <c r="N3706" s="53"/>
      <c r="O3706" s="53"/>
      <c r="P3706" s="53"/>
      <c r="Q3706" s="53"/>
      <c r="R3706" s="53"/>
      <c r="S3706" s="53"/>
      <c r="T3706" s="53"/>
      <c r="U3706" s="53"/>
      <c r="V3706" s="53"/>
      <c r="W3706" s="53"/>
      <c r="X3706" s="53"/>
      <c r="Y3706" s="53"/>
      <c r="Z3706" s="53"/>
      <c r="AA3706" s="53"/>
      <c r="AB3706" s="53"/>
      <c r="AC3706" s="53"/>
      <c r="AD3706" s="53"/>
      <c r="AE3706" s="53"/>
      <c r="AF3706" s="53"/>
      <c r="AG3706" s="53"/>
      <c r="AH3706" s="53"/>
      <c r="AI3706" s="53"/>
      <c r="AJ3706" s="53"/>
      <c r="AK3706" s="53"/>
      <c r="AL3706" s="53"/>
      <c r="AM3706" s="53"/>
      <c r="AN3706" s="53"/>
      <c r="AO3706" s="53"/>
      <c r="AP3706" s="53"/>
      <c r="AQ3706" s="53"/>
      <c r="AR3706" s="53"/>
      <c r="AS3706" s="53"/>
      <c r="AT3706" s="53"/>
      <c r="AU3706" s="53"/>
      <c r="AV3706" s="53"/>
      <c r="AW3706" s="53"/>
      <c r="AX3706" s="53"/>
      <c r="AY3706" s="53"/>
      <c r="AZ3706" s="53"/>
      <c r="BA3706" s="53"/>
      <c r="BB3706" s="53"/>
      <c r="BC3706" s="53"/>
      <c r="BD3706" s="53"/>
      <c r="BE3706" s="53"/>
      <c r="BF3706" s="53"/>
      <c r="BG3706" s="53"/>
      <c r="BH3706" s="53"/>
      <c r="BI3706" s="53"/>
      <c r="BJ3706" s="53"/>
      <c r="BK3706" s="53"/>
      <c r="BL3706" s="53"/>
      <c r="BM3706" s="53"/>
      <c r="BN3706" s="53"/>
      <c r="BO3706" s="53"/>
      <c r="BP3706" s="53"/>
      <c r="BQ3706" s="53"/>
      <c r="BR3706" s="53"/>
      <c r="BS3706" s="53"/>
      <c r="BT3706" s="53"/>
      <c r="BU3706" s="53"/>
      <c r="BV3706" s="53"/>
      <c r="BW3706" s="53"/>
      <c r="BX3706" s="53"/>
      <c r="BY3706" s="53"/>
      <c r="BZ3706" s="53"/>
      <c r="CA3706" s="53"/>
      <c r="CB3706" s="53"/>
      <c r="CC3706" s="53"/>
      <c r="CD3706" s="53"/>
      <c r="CE3706" s="53"/>
      <c r="CF3706" s="53"/>
      <c r="CG3706" s="53"/>
      <c r="CH3706" s="53"/>
      <c r="CI3706" s="53"/>
      <c r="CJ3706" s="53"/>
      <c r="CK3706" s="53"/>
      <c r="CL3706" s="53"/>
      <c r="CM3706" s="53"/>
      <c r="CN3706" s="53"/>
    </row>
    <row r="3707" spans="1:92" outlineLevel="1">
      <c r="A3707" s="52" t="s">
        <v>649</v>
      </c>
      <c r="B3707" s="53"/>
      <c r="C3707" s="53"/>
      <c r="D3707" s="53"/>
      <c r="E3707" s="53"/>
      <c r="F3707" s="53"/>
      <c r="G3707" s="53"/>
      <c r="H3707" s="53"/>
      <c r="I3707" s="53"/>
      <c r="J3707" s="53"/>
      <c r="K3707" s="53"/>
      <c r="L3707" s="53"/>
      <c r="M3707" s="53"/>
      <c r="N3707" s="53"/>
      <c r="O3707" s="53"/>
      <c r="P3707" s="53"/>
      <c r="Q3707" s="53"/>
      <c r="R3707" s="53"/>
      <c r="S3707" s="53"/>
      <c r="T3707" s="53"/>
      <c r="U3707" s="53"/>
      <c r="V3707" s="53"/>
      <c r="W3707" s="53"/>
      <c r="X3707" s="53"/>
      <c r="Y3707" s="53"/>
      <c r="Z3707" s="53"/>
      <c r="AA3707" s="53"/>
      <c r="AB3707" s="53"/>
      <c r="AC3707" s="53"/>
      <c r="AD3707" s="53"/>
      <c r="AE3707" s="53"/>
      <c r="AF3707" s="53"/>
      <c r="AG3707" s="53"/>
      <c r="AH3707" s="53"/>
      <c r="AI3707" s="53"/>
      <c r="AJ3707" s="53"/>
      <c r="AK3707" s="53"/>
      <c r="AL3707" s="53"/>
      <c r="AM3707" s="53"/>
      <c r="AN3707" s="53"/>
      <c r="AO3707" s="53"/>
      <c r="AP3707" s="53"/>
      <c r="AQ3707" s="53"/>
      <c r="AR3707" s="53"/>
      <c r="AS3707" s="53"/>
      <c r="AT3707" s="53"/>
      <c r="AU3707" s="53"/>
      <c r="AV3707" s="53"/>
      <c r="AW3707" s="53"/>
      <c r="AX3707" s="53"/>
      <c r="AY3707" s="53"/>
      <c r="AZ3707" s="53"/>
      <c r="BA3707" s="53"/>
      <c r="BB3707" s="53"/>
      <c r="BC3707" s="53"/>
      <c r="BD3707" s="53"/>
      <c r="BE3707" s="53"/>
      <c r="BF3707" s="53"/>
      <c r="BG3707" s="53"/>
      <c r="BH3707" s="53"/>
      <c r="BI3707" s="53"/>
      <c r="BJ3707" s="53"/>
      <c r="BK3707" s="53"/>
      <c r="BL3707" s="53"/>
      <c r="BM3707" s="53"/>
      <c r="BN3707" s="53"/>
      <c r="BO3707" s="53"/>
      <c r="BP3707" s="53"/>
      <c r="BQ3707" s="53"/>
      <c r="BR3707" s="53"/>
      <c r="BS3707" s="53"/>
      <c r="BT3707" s="53"/>
      <c r="BU3707" s="53"/>
      <c r="BV3707" s="53"/>
      <c r="BW3707" s="53"/>
      <c r="BX3707" s="53"/>
      <c r="BY3707" s="53"/>
      <c r="BZ3707" s="53">
        <v>-15115948.009687001</v>
      </c>
      <c r="CA3707" s="53">
        <v>-15115948.009687001</v>
      </c>
      <c r="CB3707" s="53"/>
      <c r="CC3707" s="53"/>
      <c r="CD3707" s="53"/>
      <c r="CE3707" s="53"/>
      <c r="CF3707" s="53"/>
      <c r="CG3707" s="53"/>
      <c r="CH3707" s="53"/>
      <c r="CI3707" s="53"/>
      <c r="CJ3707" s="53"/>
      <c r="CK3707" s="53"/>
      <c r="CL3707" s="53"/>
      <c r="CM3707" s="53"/>
      <c r="CN3707" s="53"/>
    </row>
    <row r="3708" spans="1:92" outlineLevel="1">
      <c r="A3708" s="52" t="s">
        <v>1544</v>
      </c>
      <c r="B3708" s="53"/>
      <c r="C3708" s="53"/>
      <c r="D3708" s="53"/>
      <c r="E3708" s="53"/>
      <c r="F3708" s="53"/>
      <c r="G3708" s="53"/>
      <c r="H3708" s="53"/>
      <c r="I3708" s="53"/>
      <c r="J3708" s="53"/>
      <c r="K3708" s="53"/>
      <c r="L3708" s="53"/>
      <c r="M3708" s="53"/>
      <c r="N3708" s="53"/>
      <c r="O3708" s="53"/>
      <c r="P3708" s="53"/>
      <c r="Q3708" s="53"/>
      <c r="R3708" s="53"/>
      <c r="S3708" s="53"/>
      <c r="T3708" s="53"/>
      <c r="U3708" s="53"/>
      <c r="V3708" s="53"/>
      <c r="W3708" s="53"/>
      <c r="X3708" s="53"/>
      <c r="Y3708" s="53"/>
      <c r="Z3708" s="53"/>
      <c r="AA3708" s="53"/>
      <c r="AB3708" s="53"/>
      <c r="AC3708" s="53"/>
      <c r="AD3708" s="53"/>
      <c r="AE3708" s="53"/>
      <c r="AF3708" s="53"/>
      <c r="AG3708" s="53"/>
      <c r="AH3708" s="53"/>
      <c r="AI3708" s="53"/>
      <c r="AJ3708" s="53"/>
      <c r="AK3708" s="53"/>
      <c r="AL3708" s="53"/>
      <c r="AM3708" s="53"/>
      <c r="AN3708" s="53"/>
      <c r="AO3708" s="53"/>
      <c r="AP3708" s="53"/>
      <c r="AQ3708" s="53"/>
      <c r="AR3708" s="53"/>
      <c r="AS3708" s="53"/>
      <c r="AT3708" s="53"/>
      <c r="AU3708" s="53"/>
      <c r="AV3708" s="53"/>
      <c r="AW3708" s="53"/>
      <c r="AX3708" s="53"/>
      <c r="AY3708" s="53"/>
      <c r="AZ3708" s="53"/>
      <c r="BA3708" s="53"/>
      <c r="BB3708" s="53"/>
      <c r="BC3708" s="53"/>
      <c r="BD3708" s="53"/>
      <c r="BE3708" s="53"/>
      <c r="BF3708" s="53"/>
      <c r="BG3708" s="53"/>
      <c r="BH3708" s="53"/>
      <c r="BI3708" s="53"/>
      <c r="BJ3708" s="53"/>
      <c r="BK3708" s="53"/>
      <c r="BL3708" s="53"/>
      <c r="BM3708" s="53"/>
      <c r="BN3708" s="53"/>
      <c r="BO3708" s="53"/>
      <c r="BP3708" s="53"/>
      <c r="BQ3708" s="53"/>
      <c r="BR3708" s="53"/>
      <c r="BS3708" s="53"/>
      <c r="BT3708" s="53"/>
      <c r="BU3708" s="53"/>
      <c r="BV3708" s="53"/>
      <c r="BW3708" s="53"/>
      <c r="BX3708" s="53"/>
      <c r="BY3708" s="53"/>
      <c r="BZ3708" s="53"/>
      <c r="CA3708" s="53"/>
      <c r="CB3708" s="53"/>
      <c r="CC3708" s="53"/>
      <c r="CD3708" s="53"/>
      <c r="CE3708" s="53"/>
      <c r="CF3708" s="53"/>
      <c r="CG3708" s="53"/>
      <c r="CH3708" s="53"/>
      <c r="CI3708" s="53"/>
      <c r="CJ3708" s="53"/>
      <c r="CK3708" s="53"/>
      <c r="CL3708" s="53"/>
      <c r="CM3708" s="53"/>
      <c r="CN3708" s="53"/>
    </row>
    <row r="3709" spans="1:92" outlineLevel="1">
      <c r="A3709" s="52" t="s">
        <v>649</v>
      </c>
      <c r="B3709" s="53"/>
      <c r="C3709" s="53"/>
      <c r="D3709" s="53">
        <v>47442494.959999897</v>
      </c>
      <c r="E3709" s="53"/>
      <c r="F3709" s="53"/>
      <c r="G3709" s="53">
        <v>2849005.1499999901</v>
      </c>
      <c r="H3709" s="53"/>
      <c r="I3709" s="53"/>
      <c r="J3709" s="53">
        <v>-43119528.619999997</v>
      </c>
      <c r="K3709" s="53"/>
      <c r="L3709" s="53"/>
      <c r="M3709" s="53">
        <v>54722177.339999899</v>
      </c>
      <c r="N3709" s="53">
        <v>61894148.829999901</v>
      </c>
      <c r="O3709" s="53"/>
      <c r="P3709" s="53"/>
      <c r="Q3709" s="53">
        <v>17416192.7099999</v>
      </c>
      <c r="R3709" s="53"/>
      <c r="S3709" s="53"/>
      <c r="T3709" s="53">
        <v>-51488699.856552303</v>
      </c>
      <c r="U3709" s="53"/>
      <c r="V3709" s="53"/>
      <c r="W3709" s="53">
        <v>-91651337.142873898</v>
      </c>
      <c r="X3709" s="53"/>
      <c r="Y3709" s="53"/>
      <c r="Z3709" s="53">
        <v>-158609896.31863701</v>
      </c>
      <c r="AA3709" s="53">
        <v>-284333740.60806298</v>
      </c>
      <c r="AB3709" s="53"/>
      <c r="AC3709" s="53"/>
      <c r="AD3709" s="53">
        <v>-45602349.288865097</v>
      </c>
      <c r="AE3709" s="53"/>
      <c r="AF3709" s="53"/>
      <c r="AG3709" s="53">
        <v>-67646357.598548502</v>
      </c>
      <c r="AH3709" s="53"/>
      <c r="AI3709" s="53"/>
      <c r="AJ3709" s="53">
        <v>-64717956.618295699</v>
      </c>
      <c r="AK3709" s="53"/>
      <c r="AL3709" s="53"/>
      <c r="AM3709" s="53">
        <v>-132584171.778988</v>
      </c>
      <c r="AN3709" s="53">
        <v>-310550835.284697</v>
      </c>
      <c r="AO3709" s="53"/>
      <c r="AP3709" s="53"/>
      <c r="AQ3709" s="53">
        <v>-31498494.791476101</v>
      </c>
      <c r="AR3709" s="53"/>
      <c r="AS3709" s="53"/>
      <c r="AT3709" s="53">
        <v>-3025349.2447274202</v>
      </c>
      <c r="AU3709" s="53"/>
      <c r="AV3709" s="53"/>
      <c r="AW3709" s="53">
        <v>-15179676.673713399</v>
      </c>
      <c r="AX3709" s="53"/>
      <c r="AY3709" s="53"/>
      <c r="AZ3709" s="53">
        <v>-62134762.025497198</v>
      </c>
      <c r="BA3709" s="53">
        <v>-111838282.735414</v>
      </c>
      <c r="BB3709" s="53"/>
      <c r="BC3709" s="53"/>
      <c r="BD3709" s="53">
        <v>1074693.90861633</v>
      </c>
      <c r="BE3709" s="53"/>
      <c r="BF3709" s="53"/>
      <c r="BG3709" s="53">
        <v>1194021.33633054</v>
      </c>
      <c r="BH3709" s="53"/>
      <c r="BI3709" s="53"/>
      <c r="BJ3709" s="53">
        <v>-12176916.617166501</v>
      </c>
      <c r="BK3709" s="53"/>
      <c r="BL3709" s="53"/>
      <c r="BM3709" s="53">
        <v>-57300392.401018597</v>
      </c>
      <c r="BN3709" s="53">
        <v>-67208593.773238301</v>
      </c>
      <c r="BO3709" s="53"/>
      <c r="BP3709" s="53"/>
      <c r="BQ3709" s="53">
        <v>4842215.8415603004</v>
      </c>
      <c r="BR3709" s="53"/>
      <c r="BS3709" s="53"/>
      <c r="BT3709" s="53">
        <v>5006162.9478243198</v>
      </c>
      <c r="BU3709" s="53"/>
      <c r="BV3709" s="53"/>
      <c r="BW3709" s="53">
        <v>-10159887.682525299</v>
      </c>
      <c r="BX3709" s="53"/>
      <c r="BY3709" s="53"/>
      <c r="BZ3709" s="53">
        <v>-56703779.489640497</v>
      </c>
      <c r="CA3709" s="53">
        <v>-57015288.382781297</v>
      </c>
      <c r="CB3709" s="53">
        <v>86651949.963373005</v>
      </c>
      <c r="CC3709" s="53">
        <v>67550653.952401504</v>
      </c>
      <c r="CD3709" s="53">
        <v>63775280.752329201</v>
      </c>
      <c r="CE3709" s="53">
        <v>74536433.922079802</v>
      </c>
      <c r="CF3709" s="53">
        <v>113151096.670636</v>
      </c>
      <c r="CG3709" s="53">
        <v>127115368.508406</v>
      </c>
      <c r="CH3709" s="53">
        <v>146610695.44742101</v>
      </c>
      <c r="CI3709" s="53">
        <v>147585644.90191099</v>
      </c>
      <c r="CJ3709" s="53">
        <v>128763516.972453</v>
      </c>
      <c r="CK3709" s="53">
        <v>93390322.812359393</v>
      </c>
      <c r="CL3709" s="53">
        <v>62464831.661802202</v>
      </c>
      <c r="CM3709" s="53">
        <v>66588160.930654302</v>
      </c>
      <c r="CN3709" s="53">
        <v>1178183956.49582</v>
      </c>
    </row>
    <row r="3710" spans="1:92" outlineLevel="1">
      <c r="A3710" s="52" t="s">
        <v>1365</v>
      </c>
      <c r="B3710" s="53"/>
      <c r="C3710" s="53"/>
      <c r="D3710" s="53"/>
      <c r="E3710" s="53"/>
      <c r="F3710" s="53"/>
      <c r="G3710" s="53"/>
      <c r="H3710" s="53"/>
      <c r="I3710" s="53"/>
      <c r="J3710" s="53"/>
      <c r="K3710" s="53"/>
      <c r="L3710" s="53"/>
      <c r="M3710" s="53"/>
      <c r="N3710" s="53"/>
      <c r="O3710" s="53"/>
      <c r="P3710" s="53"/>
      <c r="Q3710" s="53"/>
      <c r="R3710" s="53"/>
      <c r="S3710" s="53"/>
      <c r="T3710" s="53"/>
      <c r="U3710" s="53"/>
      <c r="V3710" s="53"/>
      <c r="W3710" s="53"/>
      <c r="X3710" s="53"/>
      <c r="Y3710" s="53"/>
      <c r="Z3710" s="53"/>
      <c r="AA3710" s="53"/>
      <c r="AB3710" s="53"/>
      <c r="AC3710" s="53"/>
      <c r="AD3710" s="53"/>
      <c r="AE3710" s="53"/>
      <c r="AF3710" s="53"/>
      <c r="AG3710" s="53"/>
      <c r="AH3710" s="53"/>
      <c r="AI3710" s="53"/>
      <c r="AJ3710" s="53"/>
      <c r="AK3710" s="53"/>
      <c r="AL3710" s="53"/>
      <c r="AM3710" s="53"/>
      <c r="AN3710" s="53"/>
      <c r="AO3710" s="53"/>
      <c r="AP3710" s="53"/>
      <c r="AQ3710" s="53"/>
      <c r="AR3710" s="53"/>
      <c r="AS3710" s="53"/>
      <c r="AT3710" s="53"/>
      <c r="AU3710" s="53"/>
      <c r="AV3710" s="53"/>
      <c r="AW3710" s="53"/>
      <c r="AX3710" s="53"/>
      <c r="AY3710" s="53"/>
      <c r="AZ3710" s="53"/>
      <c r="BA3710" s="53"/>
      <c r="BB3710" s="53"/>
      <c r="BC3710" s="53"/>
      <c r="BD3710" s="53"/>
      <c r="BE3710" s="53"/>
      <c r="BF3710" s="53"/>
      <c r="BG3710" s="53"/>
      <c r="BH3710" s="53"/>
      <c r="BI3710" s="53"/>
      <c r="BJ3710" s="53"/>
      <c r="BK3710" s="53"/>
      <c r="BL3710" s="53"/>
      <c r="BM3710" s="53"/>
      <c r="BN3710" s="53"/>
      <c r="BO3710" s="53"/>
      <c r="BP3710" s="53"/>
      <c r="BQ3710" s="53"/>
      <c r="BR3710" s="53"/>
      <c r="BS3710" s="53"/>
      <c r="BT3710" s="53"/>
      <c r="BU3710" s="53"/>
      <c r="BV3710" s="53"/>
      <c r="BW3710" s="53"/>
      <c r="BX3710" s="53"/>
      <c r="BY3710" s="53"/>
      <c r="BZ3710" s="53"/>
      <c r="CA3710" s="53"/>
      <c r="CB3710" s="53"/>
      <c r="CC3710" s="53"/>
      <c r="CD3710" s="53"/>
      <c r="CE3710" s="53"/>
      <c r="CF3710" s="53"/>
      <c r="CG3710" s="53"/>
      <c r="CH3710" s="53"/>
      <c r="CI3710" s="53"/>
      <c r="CJ3710" s="53"/>
      <c r="CK3710" s="53"/>
      <c r="CL3710" s="53"/>
      <c r="CM3710" s="53"/>
      <c r="CN3710" s="53"/>
    </row>
    <row r="3711" spans="1:92" outlineLevel="1">
      <c r="A3711" s="52" t="s">
        <v>1367</v>
      </c>
      <c r="B3711" s="53"/>
      <c r="C3711" s="53"/>
      <c r="D3711" s="53"/>
      <c r="E3711" s="53"/>
      <c r="F3711" s="53"/>
      <c r="G3711" s="53"/>
      <c r="H3711" s="53"/>
      <c r="I3711" s="53"/>
      <c r="J3711" s="53"/>
      <c r="K3711" s="53"/>
      <c r="L3711" s="53"/>
      <c r="M3711" s="53"/>
      <c r="N3711" s="53"/>
      <c r="O3711" s="53"/>
      <c r="P3711" s="53"/>
      <c r="Q3711" s="53"/>
      <c r="R3711" s="53"/>
      <c r="S3711" s="53"/>
      <c r="T3711" s="53"/>
      <c r="U3711" s="53"/>
      <c r="V3711" s="53"/>
      <c r="W3711" s="53"/>
      <c r="X3711" s="53"/>
      <c r="Y3711" s="53"/>
      <c r="Z3711" s="53"/>
      <c r="AA3711" s="53"/>
      <c r="AB3711" s="53"/>
      <c r="AC3711" s="53"/>
      <c r="AD3711" s="53"/>
      <c r="AE3711" s="53"/>
      <c r="AF3711" s="53"/>
      <c r="AG3711" s="53"/>
      <c r="AH3711" s="53"/>
      <c r="AI3711" s="53"/>
      <c r="AJ3711" s="53"/>
      <c r="AK3711" s="53"/>
      <c r="AL3711" s="53"/>
      <c r="AM3711" s="53"/>
      <c r="AN3711" s="53"/>
      <c r="AO3711" s="53"/>
      <c r="AP3711" s="53"/>
      <c r="AQ3711" s="53"/>
      <c r="AR3711" s="53"/>
      <c r="AS3711" s="53"/>
      <c r="AT3711" s="53"/>
      <c r="AU3711" s="53"/>
      <c r="AV3711" s="53"/>
      <c r="AW3711" s="53"/>
      <c r="AX3711" s="53"/>
      <c r="AY3711" s="53"/>
      <c r="AZ3711" s="53"/>
      <c r="BA3711" s="53"/>
      <c r="BB3711" s="53"/>
      <c r="BC3711" s="53"/>
      <c r="BD3711" s="53"/>
      <c r="BE3711" s="53"/>
      <c r="BF3711" s="53"/>
      <c r="BG3711" s="53"/>
      <c r="BH3711" s="53"/>
      <c r="BI3711" s="53"/>
      <c r="BJ3711" s="53"/>
      <c r="BK3711" s="53"/>
      <c r="BL3711" s="53"/>
      <c r="BM3711" s="53"/>
      <c r="BN3711" s="53"/>
      <c r="BO3711" s="53"/>
      <c r="BP3711" s="53"/>
      <c r="BQ3711" s="53"/>
      <c r="BR3711" s="53"/>
      <c r="BS3711" s="53"/>
      <c r="BT3711" s="53"/>
      <c r="BU3711" s="53"/>
      <c r="BV3711" s="53"/>
      <c r="BW3711" s="53"/>
      <c r="BX3711" s="53"/>
      <c r="BY3711" s="53"/>
      <c r="BZ3711" s="53"/>
      <c r="CA3711" s="53"/>
      <c r="CB3711" s="53"/>
      <c r="CC3711" s="53"/>
      <c r="CD3711" s="53"/>
      <c r="CE3711" s="53"/>
      <c r="CF3711" s="53"/>
      <c r="CG3711" s="53"/>
      <c r="CH3711" s="53"/>
      <c r="CI3711" s="53"/>
      <c r="CJ3711" s="53"/>
      <c r="CK3711" s="53"/>
      <c r="CL3711" s="53"/>
      <c r="CM3711" s="53"/>
      <c r="CN3711" s="53"/>
    </row>
    <row r="3712" spans="1:92" outlineLevel="1">
      <c r="A3712" s="52" t="s">
        <v>649</v>
      </c>
      <c r="B3712" s="53"/>
      <c r="C3712" s="53"/>
      <c r="D3712" s="53"/>
      <c r="E3712" s="53"/>
      <c r="F3712" s="53"/>
      <c r="G3712" s="53"/>
      <c r="H3712" s="53"/>
      <c r="I3712" s="53"/>
      <c r="J3712" s="53"/>
      <c r="K3712" s="53"/>
      <c r="L3712" s="53"/>
      <c r="M3712" s="53"/>
      <c r="N3712" s="53"/>
      <c r="O3712" s="53"/>
      <c r="P3712" s="53"/>
      <c r="Q3712" s="53"/>
      <c r="R3712" s="53"/>
      <c r="S3712" s="53"/>
      <c r="T3712" s="53"/>
      <c r="U3712" s="53"/>
      <c r="V3712" s="53"/>
      <c r="W3712" s="53"/>
      <c r="X3712" s="53"/>
      <c r="Y3712" s="53"/>
      <c r="Z3712" s="53">
        <v>-2452678.4923239001</v>
      </c>
      <c r="AA3712" s="53">
        <v>-2452678.4923239001</v>
      </c>
      <c r="AB3712" s="53"/>
      <c r="AC3712" s="53"/>
      <c r="AD3712" s="53"/>
      <c r="AE3712" s="53"/>
      <c r="AF3712" s="53"/>
      <c r="AG3712" s="53"/>
      <c r="AH3712" s="53"/>
      <c r="AI3712" s="53"/>
      <c r="AJ3712" s="53"/>
      <c r="AK3712" s="53"/>
      <c r="AL3712" s="53"/>
      <c r="AM3712" s="53">
        <v>-12211613.409646699</v>
      </c>
      <c r="AN3712" s="53">
        <v>-12211613.409646699</v>
      </c>
      <c r="AO3712" s="53"/>
      <c r="AP3712" s="53"/>
      <c r="AQ3712" s="53"/>
      <c r="AR3712" s="53"/>
      <c r="AS3712" s="53"/>
      <c r="AT3712" s="53"/>
      <c r="AU3712" s="53"/>
      <c r="AV3712" s="53"/>
      <c r="AW3712" s="53"/>
      <c r="AX3712" s="53"/>
      <c r="AY3712" s="53"/>
      <c r="AZ3712" s="53">
        <v>-1032080.95795413</v>
      </c>
      <c r="BA3712" s="53">
        <v>-1032080.95795413</v>
      </c>
      <c r="BB3712" s="53"/>
      <c r="BC3712" s="53"/>
      <c r="BD3712" s="53"/>
      <c r="BE3712" s="53"/>
      <c r="BF3712" s="53"/>
      <c r="BG3712" s="53"/>
      <c r="BH3712" s="53"/>
      <c r="BI3712" s="53"/>
      <c r="BJ3712" s="53"/>
      <c r="BK3712" s="53"/>
      <c r="BL3712" s="53"/>
      <c r="BM3712" s="53"/>
      <c r="BN3712" s="53"/>
      <c r="BO3712" s="53"/>
      <c r="BP3712" s="53"/>
      <c r="BQ3712" s="53"/>
      <c r="BR3712" s="53"/>
      <c r="BS3712" s="53"/>
      <c r="BT3712" s="53"/>
      <c r="BU3712" s="53"/>
      <c r="BV3712" s="53"/>
      <c r="BW3712" s="53"/>
      <c r="BX3712" s="53"/>
      <c r="BY3712" s="53"/>
      <c r="BZ3712" s="53">
        <v>-55635372.030196197</v>
      </c>
      <c r="CA3712" s="53">
        <v>-55635372.030196197</v>
      </c>
      <c r="CB3712" s="53"/>
      <c r="CC3712" s="53"/>
      <c r="CD3712" s="53"/>
      <c r="CE3712" s="53"/>
      <c r="CF3712" s="53"/>
      <c r="CG3712" s="53"/>
      <c r="CH3712" s="53"/>
      <c r="CI3712" s="53"/>
      <c r="CJ3712" s="53"/>
      <c r="CK3712" s="53"/>
      <c r="CL3712" s="53"/>
      <c r="CM3712" s="53"/>
      <c r="CN3712" s="53"/>
    </row>
    <row r="3713" spans="1:92" outlineLevel="1">
      <c r="A3713" s="52" t="s">
        <v>1683</v>
      </c>
      <c r="B3713" s="53"/>
      <c r="C3713" s="53"/>
      <c r="D3713" s="53"/>
      <c r="E3713" s="53"/>
      <c r="F3713" s="53"/>
      <c r="G3713" s="53"/>
      <c r="H3713" s="53"/>
      <c r="I3713" s="53"/>
      <c r="J3713" s="53"/>
      <c r="K3713" s="53"/>
      <c r="L3713" s="53"/>
      <c r="M3713" s="53"/>
      <c r="N3713" s="53"/>
      <c r="O3713" s="53"/>
      <c r="P3713" s="53"/>
      <c r="Q3713" s="53"/>
      <c r="R3713" s="53"/>
      <c r="S3713" s="53"/>
      <c r="T3713" s="53"/>
      <c r="U3713" s="53"/>
      <c r="V3713" s="53"/>
      <c r="W3713" s="53"/>
      <c r="X3713" s="53"/>
      <c r="Y3713" s="53"/>
      <c r="Z3713" s="53"/>
      <c r="AA3713" s="53"/>
      <c r="AB3713" s="53"/>
      <c r="AC3713" s="53"/>
      <c r="AD3713" s="53"/>
      <c r="AE3713" s="53"/>
      <c r="AF3713" s="53"/>
      <c r="AG3713" s="53"/>
      <c r="AH3713" s="53"/>
      <c r="AI3713" s="53"/>
      <c r="AJ3713" s="53"/>
      <c r="AK3713" s="53"/>
      <c r="AL3713" s="53"/>
      <c r="AM3713" s="53"/>
      <c r="AN3713" s="53"/>
      <c r="AO3713" s="53"/>
      <c r="AP3713" s="53"/>
      <c r="AQ3713" s="53"/>
      <c r="AR3713" s="53"/>
      <c r="AS3713" s="53"/>
      <c r="AT3713" s="53"/>
      <c r="AU3713" s="53"/>
      <c r="AV3713" s="53"/>
      <c r="AW3713" s="53"/>
      <c r="AX3713" s="53"/>
      <c r="AY3713" s="53"/>
      <c r="AZ3713" s="53"/>
      <c r="BA3713" s="53"/>
      <c r="BB3713" s="53"/>
      <c r="BC3713" s="53"/>
      <c r="BD3713" s="53"/>
      <c r="BE3713" s="53"/>
      <c r="BF3713" s="53"/>
      <c r="BG3713" s="53"/>
      <c r="BH3713" s="53"/>
      <c r="BI3713" s="53"/>
      <c r="BJ3713" s="53"/>
      <c r="BK3713" s="53"/>
      <c r="BL3713" s="53"/>
      <c r="BM3713" s="53"/>
      <c r="BN3713" s="53"/>
      <c r="BO3713" s="53"/>
      <c r="BP3713" s="53"/>
      <c r="BQ3713" s="53"/>
      <c r="BR3713" s="53"/>
      <c r="BS3713" s="53"/>
      <c r="BT3713" s="53"/>
      <c r="BU3713" s="53"/>
      <c r="BV3713" s="53"/>
      <c r="BW3713" s="53"/>
      <c r="BX3713" s="53"/>
      <c r="BY3713" s="53"/>
      <c r="BZ3713" s="53"/>
      <c r="CA3713" s="53"/>
      <c r="CB3713" s="53"/>
      <c r="CC3713" s="53"/>
      <c r="CD3713" s="53"/>
      <c r="CE3713" s="53"/>
      <c r="CF3713" s="53"/>
      <c r="CG3713" s="53">
        <v>-625000000</v>
      </c>
      <c r="CH3713" s="53"/>
      <c r="CI3713" s="53"/>
      <c r="CJ3713" s="53"/>
      <c r="CK3713" s="53"/>
      <c r="CL3713" s="53"/>
      <c r="CM3713" s="53"/>
      <c r="CN3713" s="53">
        <v>-625000000</v>
      </c>
    </row>
    <row r="3714" spans="1:92" outlineLevel="1">
      <c r="A3714" s="52" t="s">
        <v>649</v>
      </c>
      <c r="B3714" s="53"/>
      <c r="C3714" s="53"/>
      <c r="D3714" s="53">
        <v>5742246</v>
      </c>
      <c r="E3714" s="53"/>
      <c r="F3714" s="53"/>
      <c r="G3714" s="53">
        <v>5742246</v>
      </c>
      <c r="H3714" s="53"/>
      <c r="I3714" s="53"/>
      <c r="J3714" s="53">
        <v>5742246</v>
      </c>
      <c r="K3714" s="53"/>
      <c r="L3714" s="53">
        <v>3828164</v>
      </c>
      <c r="M3714" s="53">
        <v>22968984</v>
      </c>
      <c r="N3714" s="53">
        <v>44023886</v>
      </c>
      <c r="O3714" s="53">
        <v>1722498.58333333</v>
      </c>
      <c r="P3714" s="53">
        <v>1722498.58333333</v>
      </c>
      <c r="Q3714" s="53">
        <v>1722498.58333333</v>
      </c>
      <c r="R3714" s="53">
        <v>1722498.58333333</v>
      </c>
      <c r="S3714" s="53">
        <v>1722498.58333333</v>
      </c>
      <c r="T3714" s="53">
        <v>1722498.58333333</v>
      </c>
      <c r="U3714" s="53">
        <v>1722498.58333333</v>
      </c>
      <c r="V3714" s="53">
        <v>1722498.58333333</v>
      </c>
      <c r="W3714" s="53">
        <v>1722498.58333333</v>
      </c>
      <c r="X3714" s="53">
        <v>1722498.58333333</v>
      </c>
      <c r="Y3714" s="53">
        <v>1722498.58333333</v>
      </c>
      <c r="Z3714" s="53">
        <v>1722498.58333333</v>
      </c>
      <c r="AA3714" s="53">
        <v>20669983</v>
      </c>
      <c r="AB3714" s="53">
        <v>1758987.74999999</v>
      </c>
      <c r="AC3714" s="53">
        <v>1758987.74999999</v>
      </c>
      <c r="AD3714" s="53">
        <v>1758987.74999999</v>
      </c>
      <c r="AE3714" s="53">
        <v>1758987.74999999</v>
      </c>
      <c r="AF3714" s="53">
        <v>1758987.74999999</v>
      </c>
      <c r="AG3714" s="53">
        <v>1758987.74999999</v>
      </c>
      <c r="AH3714" s="53">
        <v>1758987.74999999</v>
      </c>
      <c r="AI3714" s="53">
        <v>1758987.74999999</v>
      </c>
      <c r="AJ3714" s="53">
        <v>1758987.74999999</v>
      </c>
      <c r="AK3714" s="53">
        <v>1758987.74999999</v>
      </c>
      <c r="AL3714" s="53">
        <v>1758987.74999999</v>
      </c>
      <c r="AM3714" s="53">
        <v>1758987.74999999</v>
      </c>
      <c r="AN3714" s="53">
        <v>21107853</v>
      </c>
      <c r="AO3714" s="53">
        <v>1792607.99999999</v>
      </c>
      <c r="AP3714" s="53">
        <v>1792607.99999999</v>
      </c>
      <c r="AQ3714" s="53">
        <v>1792607.99999999</v>
      </c>
      <c r="AR3714" s="53">
        <v>1792607.99999999</v>
      </c>
      <c r="AS3714" s="53">
        <v>1792607.99999999</v>
      </c>
      <c r="AT3714" s="53">
        <v>1792607.99999999</v>
      </c>
      <c r="AU3714" s="53">
        <v>1792607.99999999</v>
      </c>
      <c r="AV3714" s="53">
        <v>1792607.99999999</v>
      </c>
      <c r="AW3714" s="53">
        <v>1792607.99999999</v>
      </c>
      <c r="AX3714" s="53">
        <v>1792607.99999999</v>
      </c>
      <c r="AY3714" s="53">
        <v>1792607.99999999</v>
      </c>
      <c r="AZ3714" s="53">
        <v>1792607.99999999</v>
      </c>
      <c r="BA3714" s="53">
        <v>21511296</v>
      </c>
      <c r="BB3714" s="53">
        <v>1874453.91666666</v>
      </c>
      <c r="BC3714" s="53">
        <v>1874453.91666666</v>
      </c>
      <c r="BD3714" s="53">
        <v>1874453.91666666</v>
      </c>
      <c r="BE3714" s="53">
        <v>1874453.91666666</v>
      </c>
      <c r="BF3714" s="53">
        <v>1874453.91666666</v>
      </c>
      <c r="BG3714" s="53">
        <v>1874453.91666666</v>
      </c>
      <c r="BH3714" s="53">
        <v>1874453.91666666</v>
      </c>
      <c r="BI3714" s="53">
        <v>1874453.91666666</v>
      </c>
      <c r="BJ3714" s="53">
        <v>1874453.91666666</v>
      </c>
      <c r="BK3714" s="53">
        <v>1874453.91666666</v>
      </c>
      <c r="BL3714" s="53">
        <v>1874453.91666666</v>
      </c>
      <c r="BM3714" s="53">
        <v>1874453.91666666</v>
      </c>
      <c r="BN3714" s="53">
        <v>22493446.999999899</v>
      </c>
      <c r="BO3714" s="53">
        <v>1905986.91666666</v>
      </c>
      <c r="BP3714" s="53">
        <v>1905986.91666666</v>
      </c>
      <c r="BQ3714" s="53">
        <v>1905986.91666666</v>
      </c>
      <c r="BR3714" s="53">
        <v>1905986.91666666</v>
      </c>
      <c r="BS3714" s="53">
        <v>1905986.91666666</v>
      </c>
      <c r="BT3714" s="53">
        <v>1905986.91666666</v>
      </c>
      <c r="BU3714" s="53">
        <v>1905986.91666666</v>
      </c>
      <c r="BV3714" s="53">
        <v>1905986.91666666</v>
      </c>
      <c r="BW3714" s="53">
        <v>1905986.91666666</v>
      </c>
      <c r="BX3714" s="53">
        <v>1905986.91666666</v>
      </c>
      <c r="BY3714" s="53">
        <v>1905986.91666666</v>
      </c>
      <c r="BZ3714" s="53">
        <v>1905986.91666666</v>
      </c>
      <c r="CA3714" s="53">
        <v>22871843</v>
      </c>
      <c r="CB3714" s="53">
        <v>11534161606.3244</v>
      </c>
      <c r="CC3714" s="53">
        <v>11601712260.2768</v>
      </c>
      <c r="CD3714" s="53">
        <v>11665487541.0291</v>
      </c>
      <c r="CE3714" s="53">
        <v>11740023974.951099</v>
      </c>
      <c r="CF3714" s="53">
        <v>11853175071.6208</v>
      </c>
      <c r="CG3714" s="53">
        <v>11355290440.128401</v>
      </c>
      <c r="CH3714" s="53">
        <v>11501901135.5777</v>
      </c>
      <c r="CI3714" s="53">
        <v>11649486780.479601</v>
      </c>
      <c r="CJ3714" s="53">
        <v>11778250297.452101</v>
      </c>
      <c r="CK3714" s="53">
        <v>11871640620.2644</v>
      </c>
      <c r="CL3714" s="53">
        <v>11934105451.926201</v>
      </c>
      <c r="CM3714" s="53">
        <v>12000693612.856899</v>
      </c>
      <c r="CN3714" s="53">
        <v>12000693612.856899</v>
      </c>
    </row>
    <row r="3715" spans="1:92" outlineLevel="1">
      <c r="A3715" s="52" t="s">
        <v>1684</v>
      </c>
      <c r="B3715" s="53"/>
      <c r="C3715" s="53"/>
      <c r="D3715" s="53"/>
      <c r="E3715" s="53"/>
      <c r="F3715" s="53"/>
      <c r="G3715" s="53"/>
      <c r="H3715" s="53"/>
      <c r="I3715" s="53"/>
      <c r="J3715" s="53"/>
      <c r="K3715" s="53"/>
      <c r="L3715" s="53"/>
      <c r="M3715" s="53"/>
      <c r="N3715" s="53"/>
      <c r="O3715" s="53"/>
      <c r="P3715" s="53"/>
      <c r="Q3715" s="53"/>
      <c r="R3715" s="53"/>
      <c r="S3715" s="53"/>
      <c r="T3715" s="53"/>
      <c r="U3715" s="53"/>
      <c r="V3715" s="53"/>
      <c r="W3715" s="53"/>
      <c r="X3715" s="53"/>
      <c r="Y3715" s="53"/>
      <c r="Z3715" s="53"/>
      <c r="AA3715" s="53"/>
      <c r="AB3715" s="53"/>
      <c r="AC3715" s="53"/>
      <c r="AD3715" s="53"/>
      <c r="AE3715" s="53"/>
      <c r="AF3715" s="53"/>
      <c r="AG3715" s="53"/>
      <c r="AH3715" s="53"/>
      <c r="AI3715" s="53"/>
      <c r="AJ3715" s="53"/>
      <c r="AK3715" s="53"/>
      <c r="AL3715" s="53"/>
      <c r="AM3715" s="53"/>
      <c r="AN3715" s="53"/>
      <c r="AO3715" s="53"/>
      <c r="AP3715" s="53"/>
      <c r="AQ3715" s="53"/>
      <c r="AR3715" s="53"/>
      <c r="AS3715" s="53"/>
      <c r="AT3715" s="53"/>
      <c r="AU3715" s="53"/>
      <c r="AV3715" s="53"/>
      <c r="AW3715" s="53"/>
      <c r="AX3715" s="53"/>
      <c r="AY3715" s="53"/>
      <c r="AZ3715" s="53"/>
      <c r="BA3715" s="53"/>
      <c r="BB3715" s="53"/>
      <c r="BC3715" s="53"/>
      <c r="BD3715" s="53"/>
      <c r="BE3715" s="53"/>
      <c r="BF3715" s="53"/>
      <c r="BG3715" s="53"/>
      <c r="BH3715" s="53"/>
      <c r="BI3715" s="53"/>
      <c r="BJ3715" s="53"/>
      <c r="BK3715" s="53"/>
      <c r="BL3715" s="53"/>
      <c r="BM3715" s="53"/>
      <c r="BN3715" s="53"/>
      <c r="BO3715" s="53"/>
      <c r="BP3715" s="53"/>
      <c r="BQ3715" s="53"/>
      <c r="BR3715" s="53"/>
      <c r="BS3715" s="53"/>
      <c r="BT3715" s="53"/>
      <c r="BU3715" s="53"/>
      <c r="BV3715" s="53"/>
      <c r="BW3715" s="53"/>
      <c r="BX3715" s="53"/>
      <c r="BY3715" s="53"/>
      <c r="BZ3715" s="53"/>
      <c r="CA3715" s="53"/>
      <c r="CB3715" s="53"/>
      <c r="CC3715" s="53"/>
      <c r="CD3715" s="53"/>
      <c r="CE3715" s="53"/>
      <c r="CF3715" s="53"/>
      <c r="CG3715" s="53"/>
      <c r="CH3715" s="53"/>
      <c r="CI3715" s="53"/>
      <c r="CJ3715" s="53"/>
      <c r="CK3715" s="53"/>
      <c r="CL3715" s="53"/>
      <c r="CM3715" s="53"/>
      <c r="CN3715" s="53"/>
    </row>
    <row r="3716" spans="1:92" outlineLevel="1">
      <c r="A3716" s="52" t="s">
        <v>649</v>
      </c>
      <c r="B3716" s="53"/>
      <c r="C3716" s="53"/>
      <c r="D3716" s="53">
        <v>8949540</v>
      </c>
      <c r="E3716" s="53"/>
      <c r="F3716" s="53"/>
      <c r="G3716" s="53">
        <v>8949540</v>
      </c>
      <c r="H3716" s="53"/>
      <c r="I3716" s="53"/>
      <c r="J3716" s="53">
        <v>8949540</v>
      </c>
      <c r="K3716" s="53"/>
      <c r="L3716" s="53">
        <v>5966360</v>
      </c>
      <c r="M3716" s="53">
        <v>35798160</v>
      </c>
      <c r="N3716" s="53">
        <v>68613140</v>
      </c>
      <c r="O3716" s="53"/>
      <c r="P3716" s="53"/>
      <c r="Q3716" s="53"/>
      <c r="R3716" s="53"/>
      <c r="S3716" s="53"/>
      <c r="T3716" s="53"/>
      <c r="U3716" s="53"/>
      <c r="V3716" s="53"/>
      <c r="W3716" s="53"/>
      <c r="X3716" s="53"/>
      <c r="Y3716" s="53"/>
      <c r="Z3716" s="53"/>
      <c r="AA3716" s="53"/>
      <c r="AB3716" s="53"/>
      <c r="AC3716" s="53"/>
      <c r="AD3716" s="53"/>
      <c r="AE3716" s="53"/>
      <c r="AF3716" s="53"/>
      <c r="AG3716" s="53"/>
      <c r="AH3716" s="53"/>
      <c r="AI3716" s="53"/>
      <c r="AJ3716" s="53"/>
      <c r="AK3716" s="53"/>
      <c r="AL3716" s="53"/>
      <c r="AM3716" s="53"/>
      <c r="AN3716" s="53"/>
      <c r="AO3716" s="53"/>
      <c r="AP3716" s="53"/>
      <c r="AQ3716" s="53"/>
      <c r="AR3716" s="53"/>
      <c r="AS3716" s="53"/>
      <c r="AT3716" s="53"/>
      <c r="AU3716" s="53"/>
      <c r="AV3716" s="53"/>
      <c r="AW3716" s="53"/>
      <c r="AX3716" s="53"/>
      <c r="AY3716" s="53"/>
      <c r="AZ3716" s="53"/>
      <c r="BA3716" s="53"/>
      <c r="BB3716" s="53"/>
      <c r="BC3716" s="53"/>
      <c r="BD3716" s="53"/>
      <c r="BE3716" s="53"/>
      <c r="BF3716" s="53"/>
      <c r="BG3716" s="53"/>
      <c r="BH3716" s="53"/>
      <c r="BI3716" s="53"/>
      <c r="BJ3716" s="53"/>
      <c r="BK3716" s="53"/>
      <c r="BL3716" s="53"/>
      <c r="BM3716" s="53"/>
      <c r="BN3716" s="53"/>
      <c r="BO3716" s="53"/>
      <c r="BP3716" s="53"/>
      <c r="BQ3716" s="53"/>
      <c r="BR3716" s="53"/>
      <c r="BS3716" s="53"/>
      <c r="BT3716" s="53"/>
      <c r="BU3716" s="53"/>
      <c r="BV3716" s="53"/>
      <c r="BW3716" s="53"/>
      <c r="BX3716" s="53"/>
      <c r="BY3716" s="53"/>
      <c r="BZ3716" s="53"/>
      <c r="CA3716" s="53"/>
      <c r="CB3716" s="53">
        <v>27128407091.268299</v>
      </c>
      <c r="CC3716" s="53">
        <v>27248396462.799599</v>
      </c>
      <c r="CD3716" s="53">
        <v>27357383315.013699</v>
      </c>
      <c r="CE3716" s="53">
        <v>27463499921.066399</v>
      </c>
      <c r="CF3716" s="53">
        <v>27561108295.310699</v>
      </c>
      <c r="CG3716" s="53">
        <v>27719671209.390499</v>
      </c>
      <c r="CH3716" s="53">
        <v>27846430316.236198</v>
      </c>
      <c r="CI3716" s="53">
        <v>27939852535.649799</v>
      </c>
      <c r="CJ3716" s="53">
        <v>28139141191.5807</v>
      </c>
      <c r="CK3716" s="53">
        <v>28258459731.855301</v>
      </c>
      <c r="CL3716" s="53">
        <v>28395625821.762299</v>
      </c>
      <c r="CM3716" s="53">
        <v>28275280703.884701</v>
      </c>
      <c r="CN3716" s="53">
        <v>27128407091.268299</v>
      </c>
    </row>
    <row r="3717" spans="1:92" outlineLevel="1">
      <c r="A3717" s="52" t="s">
        <v>1685</v>
      </c>
      <c r="B3717" s="53"/>
      <c r="C3717" s="53"/>
      <c r="D3717" s="53"/>
      <c r="E3717" s="53"/>
      <c r="F3717" s="53"/>
      <c r="G3717" s="53"/>
      <c r="H3717" s="53"/>
      <c r="I3717" s="53"/>
      <c r="J3717" s="53"/>
      <c r="K3717" s="53"/>
      <c r="L3717" s="53"/>
      <c r="M3717" s="53"/>
      <c r="N3717" s="53"/>
      <c r="O3717" s="53"/>
      <c r="P3717" s="53"/>
      <c r="Q3717" s="53"/>
      <c r="R3717" s="53"/>
      <c r="S3717" s="53"/>
      <c r="T3717" s="53"/>
      <c r="U3717" s="53"/>
      <c r="V3717" s="53"/>
      <c r="W3717" s="53"/>
      <c r="X3717" s="53"/>
      <c r="Y3717" s="53"/>
      <c r="Z3717" s="53"/>
      <c r="AA3717" s="53"/>
      <c r="AB3717" s="53"/>
      <c r="AC3717" s="53"/>
      <c r="AD3717" s="53"/>
      <c r="AE3717" s="53"/>
      <c r="AF3717" s="53"/>
      <c r="AG3717" s="53"/>
      <c r="AH3717" s="53"/>
      <c r="AI3717" s="53"/>
      <c r="AJ3717" s="53"/>
      <c r="AK3717" s="53"/>
      <c r="AL3717" s="53"/>
      <c r="AM3717" s="53"/>
      <c r="AN3717" s="53"/>
      <c r="AO3717" s="53"/>
      <c r="AP3717" s="53"/>
      <c r="AQ3717" s="53"/>
      <c r="AR3717" s="53"/>
      <c r="AS3717" s="53"/>
      <c r="AT3717" s="53"/>
      <c r="AU3717" s="53"/>
      <c r="AV3717" s="53"/>
      <c r="AW3717" s="53"/>
      <c r="AX3717" s="53"/>
      <c r="AY3717" s="53"/>
      <c r="AZ3717" s="53"/>
      <c r="BA3717" s="53"/>
      <c r="BB3717" s="53"/>
      <c r="BC3717" s="53"/>
      <c r="BD3717" s="53"/>
      <c r="BE3717" s="53"/>
      <c r="BF3717" s="53"/>
      <c r="BG3717" s="53"/>
      <c r="BH3717" s="53"/>
      <c r="BI3717" s="53"/>
      <c r="BJ3717" s="53"/>
      <c r="BK3717" s="53"/>
      <c r="BL3717" s="53"/>
      <c r="BM3717" s="53"/>
      <c r="BN3717" s="53"/>
      <c r="BO3717" s="53"/>
      <c r="BP3717" s="53"/>
      <c r="BQ3717" s="53"/>
      <c r="BR3717" s="53"/>
      <c r="BS3717" s="53"/>
      <c r="BT3717" s="53"/>
      <c r="BU3717" s="53"/>
      <c r="BV3717" s="53"/>
      <c r="BW3717" s="53"/>
      <c r="BX3717" s="53"/>
      <c r="BY3717" s="53"/>
      <c r="BZ3717" s="53"/>
      <c r="CA3717" s="53"/>
      <c r="CB3717" s="53"/>
      <c r="CC3717" s="53"/>
      <c r="CD3717" s="53"/>
      <c r="CE3717" s="53"/>
      <c r="CF3717" s="53"/>
      <c r="CG3717" s="53"/>
      <c r="CH3717" s="53"/>
      <c r="CI3717" s="53"/>
      <c r="CJ3717" s="53"/>
      <c r="CK3717" s="53"/>
      <c r="CL3717" s="53"/>
      <c r="CM3717" s="53"/>
      <c r="CN3717" s="53"/>
    </row>
    <row r="3718" spans="1:92" outlineLevel="1">
      <c r="A3718" s="52" t="s">
        <v>649</v>
      </c>
      <c r="B3718" s="53"/>
      <c r="C3718" s="53"/>
      <c r="D3718" s="53"/>
      <c r="E3718" s="53"/>
      <c r="F3718" s="53"/>
      <c r="G3718" s="53"/>
      <c r="H3718" s="53"/>
      <c r="I3718" s="53"/>
      <c r="J3718" s="53"/>
      <c r="K3718" s="53"/>
      <c r="L3718" s="53"/>
      <c r="M3718" s="53"/>
      <c r="N3718" s="53"/>
      <c r="O3718" s="53">
        <v>90657.833333333299</v>
      </c>
      <c r="P3718" s="53">
        <v>90657.833333333299</v>
      </c>
      <c r="Q3718" s="53">
        <v>90657.833333333299</v>
      </c>
      <c r="R3718" s="53">
        <v>90657.833333333299</v>
      </c>
      <c r="S3718" s="53">
        <v>90657.833333333299</v>
      </c>
      <c r="T3718" s="53">
        <v>90657.833333333299</v>
      </c>
      <c r="U3718" s="53">
        <v>90657.833333333299</v>
      </c>
      <c r="V3718" s="53">
        <v>90657.833333333299</v>
      </c>
      <c r="W3718" s="53">
        <v>90657.833333333299</v>
      </c>
      <c r="X3718" s="53">
        <v>90657.833333333299</v>
      </c>
      <c r="Y3718" s="53">
        <v>90657.833333333299</v>
      </c>
      <c r="Z3718" s="53">
        <v>90657.833333333299</v>
      </c>
      <c r="AA3718" s="53">
        <v>1087894</v>
      </c>
      <c r="AB3718" s="53">
        <v>68152.333333333299</v>
      </c>
      <c r="AC3718" s="53">
        <v>68152.333333333299</v>
      </c>
      <c r="AD3718" s="53">
        <v>68152.333333333299</v>
      </c>
      <c r="AE3718" s="53">
        <v>68152.333333333299</v>
      </c>
      <c r="AF3718" s="53">
        <v>68152.333333333299</v>
      </c>
      <c r="AG3718" s="53">
        <v>68152.333333333299</v>
      </c>
      <c r="AH3718" s="53">
        <v>68152.333333333299</v>
      </c>
      <c r="AI3718" s="53">
        <v>68152.333333333299</v>
      </c>
      <c r="AJ3718" s="53">
        <v>68152.333333333299</v>
      </c>
      <c r="AK3718" s="53">
        <v>68152.333333333299</v>
      </c>
      <c r="AL3718" s="53">
        <v>68152.333333333299</v>
      </c>
      <c r="AM3718" s="53">
        <v>68152.333333333299</v>
      </c>
      <c r="AN3718" s="53">
        <v>817828</v>
      </c>
      <c r="AO3718" s="53">
        <v>69454.916666666599</v>
      </c>
      <c r="AP3718" s="53">
        <v>69454.916666666599</v>
      </c>
      <c r="AQ3718" s="53">
        <v>69454.916666666599</v>
      </c>
      <c r="AR3718" s="53">
        <v>69454.916666666599</v>
      </c>
      <c r="AS3718" s="53">
        <v>69454.916666666599</v>
      </c>
      <c r="AT3718" s="53">
        <v>69454.916666666599</v>
      </c>
      <c r="AU3718" s="53">
        <v>69454.916666666599</v>
      </c>
      <c r="AV3718" s="53">
        <v>69454.916666666599</v>
      </c>
      <c r="AW3718" s="53">
        <v>69454.916666666599</v>
      </c>
      <c r="AX3718" s="53">
        <v>69454.916666666599</v>
      </c>
      <c r="AY3718" s="53">
        <v>69454.916666666599</v>
      </c>
      <c r="AZ3718" s="53">
        <v>69454.916666666599</v>
      </c>
      <c r="BA3718" s="53">
        <v>833459</v>
      </c>
      <c r="BB3718" s="53">
        <v>72626.083333333299</v>
      </c>
      <c r="BC3718" s="53">
        <v>72626.083333333299</v>
      </c>
      <c r="BD3718" s="53">
        <v>72626.083333333299</v>
      </c>
      <c r="BE3718" s="53">
        <v>72626.083333333299</v>
      </c>
      <c r="BF3718" s="53">
        <v>72626.083333333299</v>
      </c>
      <c r="BG3718" s="53">
        <v>72626.083333333299</v>
      </c>
      <c r="BH3718" s="53">
        <v>72626.083333333299</v>
      </c>
      <c r="BI3718" s="53">
        <v>72626.083333333299</v>
      </c>
      <c r="BJ3718" s="53">
        <v>72626.083333333299</v>
      </c>
      <c r="BK3718" s="53">
        <v>72626.083333333299</v>
      </c>
      <c r="BL3718" s="53">
        <v>72626.083333333299</v>
      </c>
      <c r="BM3718" s="53">
        <v>72626.083333333299</v>
      </c>
      <c r="BN3718" s="53">
        <v>871512.99999999895</v>
      </c>
      <c r="BO3718" s="53">
        <v>73847.833333333299</v>
      </c>
      <c r="BP3718" s="53">
        <v>73847.833333333299</v>
      </c>
      <c r="BQ3718" s="53">
        <v>73847.833333333299</v>
      </c>
      <c r="BR3718" s="53">
        <v>73847.833333333299</v>
      </c>
      <c r="BS3718" s="53">
        <v>73847.833333333299</v>
      </c>
      <c r="BT3718" s="53">
        <v>73847.833333333299</v>
      </c>
      <c r="BU3718" s="53">
        <v>73847.833333333299</v>
      </c>
      <c r="BV3718" s="53">
        <v>73847.833333333299</v>
      </c>
      <c r="BW3718" s="53">
        <v>73847.833333333299</v>
      </c>
      <c r="BX3718" s="53">
        <v>73847.833333333299</v>
      </c>
      <c r="BY3718" s="53">
        <v>73847.833333333299</v>
      </c>
      <c r="BZ3718" s="53">
        <v>73847.833333333299</v>
      </c>
      <c r="CA3718" s="53">
        <v>886174</v>
      </c>
      <c r="CB3718" s="53"/>
      <c r="CC3718" s="53"/>
      <c r="CD3718" s="53"/>
      <c r="CE3718" s="53"/>
      <c r="CF3718" s="53"/>
      <c r="CG3718" s="53"/>
      <c r="CH3718" s="53"/>
      <c r="CI3718" s="53"/>
      <c r="CJ3718" s="53"/>
      <c r="CK3718" s="53"/>
      <c r="CL3718" s="53"/>
      <c r="CM3718" s="53"/>
      <c r="CN3718" s="53"/>
    </row>
    <row r="3719" spans="1:92" outlineLevel="1">
      <c r="A3719" s="52" t="s">
        <v>1686</v>
      </c>
      <c r="B3719" s="53"/>
      <c r="C3719" s="53"/>
      <c r="D3719" s="53"/>
      <c r="E3719" s="53"/>
      <c r="F3719" s="53"/>
      <c r="G3719" s="53"/>
      <c r="H3719" s="53"/>
      <c r="I3719" s="53"/>
      <c r="J3719" s="53"/>
      <c r="K3719" s="53"/>
      <c r="L3719" s="53"/>
      <c r="M3719" s="53"/>
      <c r="N3719" s="53"/>
      <c r="O3719" s="53"/>
      <c r="P3719" s="53"/>
      <c r="Q3719" s="53"/>
      <c r="R3719" s="53"/>
      <c r="S3719" s="53"/>
      <c r="T3719" s="53"/>
      <c r="U3719" s="53"/>
      <c r="V3719" s="53"/>
      <c r="W3719" s="53"/>
      <c r="X3719" s="53"/>
      <c r="Y3719" s="53"/>
      <c r="Z3719" s="53"/>
      <c r="AA3719" s="53"/>
      <c r="AB3719" s="53"/>
      <c r="AC3719" s="53"/>
      <c r="AD3719" s="53"/>
      <c r="AE3719" s="53"/>
      <c r="AF3719" s="53"/>
      <c r="AG3719" s="53"/>
      <c r="AH3719" s="53"/>
      <c r="AI3719" s="53"/>
      <c r="AJ3719" s="53"/>
      <c r="AK3719" s="53"/>
      <c r="AL3719" s="53"/>
      <c r="AM3719" s="53"/>
      <c r="AN3719" s="53"/>
      <c r="AO3719" s="53"/>
      <c r="AP3719" s="53"/>
      <c r="AQ3719" s="53"/>
      <c r="AR3719" s="53"/>
      <c r="AS3719" s="53"/>
      <c r="AT3719" s="53"/>
      <c r="AU3719" s="53"/>
      <c r="AV3719" s="53"/>
      <c r="AW3719" s="53"/>
      <c r="AX3719" s="53"/>
      <c r="AY3719" s="53"/>
      <c r="AZ3719" s="53"/>
      <c r="BA3719" s="53"/>
      <c r="BB3719" s="53"/>
      <c r="BC3719" s="53"/>
      <c r="BD3719" s="53"/>
      <c r="BE3719" s="53"/>
      <c r="BF3719" s="53"/>
      <c r="BG3719" s="53"/>
      <c r="BH3719" s="53"/>
      <c r="BI3719" s="53"/>
      <c r="BJ3719" s="53"/>
      <c r="BK3719" s="53"/>
      <c r="BL3719" s="53"/>
      <c r="BM3719" s="53"/>
      <c r="BN3719" s="53"/>
      <c r="BO3719" s="53"/>
      <c r="BP3719" s="53"/>
      <c r="BQ3719" s="53"/>
      <c r="BR3719" s="53"/>
      <c r="BS3719" s="53"/>
      <c r="BT3719" s="53"/>
      <c r="BU3719" s="53"/>
      <c r="BV3719" s="53"/>
      <c r="BW3719" s="53"/>
      <c r="BX3719" s="53"/>
      <c r="BY3719" s="53"/>
      <c r="BZ3719" s="53"/>
      <c r="CA3719" s="53"/>
      <c r="CB3719" s="53"/>
      <c r="CC3719" s="53"/>
      <c r="CD3719" s="53"/>
      <c r="CE3719" s="53"/>
      <c r="CF3719" s="53"/>
      <c r="CG3719" s="53"/>
      <c r="CH3719" s="53"/>
      <c r="CI3719" s="53"/>
      <c r="CJ3719" s="53"/>
      <c r="CK3719" s="53"/>
      <c r="CL3719" s="53"/>
      <c r="CM3719" s="53"/>
      <c r="CN3719" s="53"/>
    </row>
    <row r="3720" spans="1:92" outlineLevel="1">
      <c r="A3720" s="52" t="s">
        <v>649</v>
      </c>
      <c r="B3720" s="53"/>
      <c r="C3720" s="53"/>
      <c r="D3720" s="53"/>
      <c r="E3720" s="53"/>
      <c r="F3720" s="53"/>
      <c r="G3720" s="53"/>
      <c r="H3720" s="53"/>
      <c r="I3720" s="53"/>
      <c r="J3720" s="53"/>
      <c r="K3720" s="53"/>
      <c r="L3720" s="53"/>
      <c r="M3720" s="53"/>
      <c r="N3720" s="53"/>
      <c r="O3720" s="53">
        <v>174277.58333333299</v>
      </c>
      <c r="P3720" s="53">
        <v>174277.58333333299</v>
      </c>
      <c r="Q3720" s="53">
        <v>174277.58333333299</v>
      </c>
      <c r="R3720" s="53">
        <v>174277.58333333299</v>
      </c>
      <c r="S3720" s="53">
        <v>174277.58333333299</v>
      </c>
      <c r="T3720" s="53">
        <v>174277.58333333299</v>
      </c>
      <c r="U3720" s="53">
        <v>174277.58333333299</v>
      </c>
      <c r="V3720" s="53">
        <v>174277.58333333299</v>
      </c>
      <c r="W3720" s="53">
        <v>174277.58333333299</v>
      </c>
      <c r="X3720" s="53">
        <v>174277.58333333299</v>
      </c>
      <c r="Y3720" s="53">
        <v>174277.58333333299</v>
      </c>
      <c r="Z3720" s="53">
        <v>174277.58333333299</v>
      </c>
      <c r="AA3720" s="53">
        <v>2091330.99999999</v>
      </c>
      <c r="AB3720" s="53">
        <v>173444.25</v>
      </c>
      <c r="AC3720" s="53">
        <v>173444.25</v>
      </c>
      <c r="AD3720" s="53">
        <v>173444.25</v>
      </c>
      <c r="AE3720" s="53">
        <v>173444.25</v>
      </c>
      <c r="AF3720" s="53">
        <v>173444.25</v>
      </c>
      <c r="AG3720" s="53">
        <v>173444.25</v>
      </c>
      <c r="AH3720" s="53">
        <v>173444.25</v>
      </c>
      <c r="AI3720" s="53">
        <v>173444.25</v>
      </c>
      <c r="AJ3720" s="53">
        <v>173444.25</v>
      </c>
      <c r="AK3720" s="53">
        <v>173444.25</v>
      </c>
      <c r="AL3720" s="53">
        <v>173444.25</v>
      </c>
      <c r="AM3720" s="53">
        <v>173444.25</v>
      </c>
      <c r="AN3720" s="53">
        <v>2081331</v>
      </c>
      <c r="AO3720" s="53">
        <v>72615.666666666599</v>
      </c>
      <c r="AP3720" s="53">
        <v>72615.666666666599</v>
      </c>
      <c r="AQ3720" s="53">
        <v>72615.666666666599</v>
      </c>
      <c r="AR3720" s="53">
        <v>72615.666666666599</v>
      </c>
      <c r="AS3720" s="53">
        <v>72615.666666666599</v>
      </c>
      <c r="AT3720" s="53">
        <v>72615.666666666599</v>
      </c>
      <c r="AU3720" s="53">
        <v>72615.666666666599</v>
      </c>
      <c r="AV3720" s="53">
        <v>72615.666666666599</v>
      </c>
      <c r="AW3720" s="53">
        <v>72615.666666666599</v>
      </c>
      <c r="AX3720" s="53">
        <v>72615.666666666599</v>
      </c>
      <c r="AY3720" s="53">
        <v>72615.666666666599</v>
      </c>
      <c r="AZ3720" s="53">
        <v>72615.666666666599</v>
      </c>
      <c r="BA3720" s="53">
        <v>871388</v>
      </c>
      <c r="BB3720" s="53"/>
      <c r="BC3720" s="53"/>
      <c r="BD3720" s="53"/>
      <c r="BE3720" s="53"/>
      <c r="BF3720" s="53"/>
      <c r="BG3720" s="53"/>
      <c r="BH3720" s="53"/>
      <c r="BI3720" s="53"/>
      <c r="BJ3720" s="53"/>
      <c r="BK3720" s="53"/>
      <c r="BL3720" s="53"/>
      <c r="BM3720" s="53"/>
      <c r="BN3720" s="53"/>
      <c r="BO3720" s="53"/>
      <c r="BP3720" s="53"/>
      <c r="BQ3720" s="53"/>
      <c r="BR3720" s="53"/>
      <c r="BS3720" s="53"/>
      <c r="BT3720" s="53"/>
      <c r="BU3720" s="53"/>
      <c r="BV3720" s="53"/>
      <c r="BW3720" s="53"/>
      <c r="BX3720" s="53"/>
      <c r="BY3720" s="53"/>
      <c r="BZ3720" s="53"/>
      <c r="CA3720" s="53"/>
      <c r="CB3720" s="53">
        <v>-8862311.0487578698</v>
      </c>
      <c r="CC3720" s="53">
        <v>-9517177.7608454004</v>
      </c>
      <c r="CD3720" s="53">
        <v>-10580143.5419979</v>
      </c>
      <c r="CE3720" s="53">
        <v>-10608489.2905655</v>
      </c>
      <c r="CF3720" s="53">
        <v>-9906548.2787426002</v>
      </c>
      <c r="CG3720" s="53">
        <v>-9920691.9940579999</v>
      </c>
      <c r="CH3720" s="53">
        <v>-9803136.0555846002</v>
      </c>
      <c r="CI3720" s="53">
        <v>-9125686.0586299002</v>
      </c>
      <c r="CJ3720" s="53">
        <v>-8651325.0956799705</v>
      </c>
      <c r="CK3720" s="53">
        <v>-9384248.3921816796</v>
      </c>
      <c r="CL3720" s="53">
        <v>-8944815.07152717</v>
      </c>
      <c r="CM3720" s="53">
        <v>-8382254.2809268702</v>
      </c>
      <c r="CN3720" s="53">
        <v>-113686826.869497</v>
      </c>
    </row>
    <row r="3721" spans="1:92" outlineLevel="1">
      <c r="A3721" s="52" t="s">
        <v>703</v>
      </c>
      <c r="B3721" s="53"/>
      <c r="C3721" s="53"/>
      <c r="D3721" s="53"/>
      <c r="E3721" s="53"/>
      <c r="F3721" s="53"/>
      <c r="G3721" s="53"/>
      <c r="H3721" s="53"/>
      <c r="I3721" s="53"/>
      <c r="J3721" s="53"/>
      <c r="K3721" s="53"/>
      <c r="L3721" s="53"/>
      <c r="M3721" s="53"/>
      <c r="N3721" s="53"/>
      <c r="O3721" s="53"/>
      <c r="P3721" s="53"/>
      <c r="Q3721" s="53"/>
      <c r="R3721" s="53"/>
      <c r="S3721" s="53"/>
      <c r="T3721" s="53"/>
      <c r="U3721" s="53"/>
      <c r="V3721" s="53"/>
      <c r="W3721" s="53"/>
      <c r="X3721" s="53"/>
      <c r="Y3721" s="53"/>
      <c r="Z3721" s="53"/>
      <c r="AA3721" s="53"/>
      <c r="AB3721" s="53"/>
      <c r="AC3721" s="53"/>
      <c r="AD3721" s="53"/>
      <c r="AE3721" s="53"/>
      <c r="AF3721" s="53"/>
      <c r="AG3721" s="53"/>
      <c r="AH3721" s="53"/>
      <c r="AI3721" s="53"/>
      <c r="AJ3721" s="53"/>
      <c r="AK3721" s="53"/>
      <c r="AL3721" s="53"/>
      <c r="AM3721" s="53"/>
      <c r="AN3721" s="53"/>
      <c r="AO3721" s="53"/>
      <c r="AP3721" s="53"/>
      <c r="AQ3721" s="53"/>
      <c r="AR3721" s="53"/>
      <c r="AS3721" s="53"/>
      <c r="AT3721" s="53"/>
      <c r="AU3721" s="53"/>
      <c r="AV3721" s="53"/>
      <c r="AW3721" s="53"/>
      <c r="AX3721" s="53"/>
      <c r="AY3721" s="53"/>
      <c r="AZ3721" s="53"/>
      <c r="BA3721" s="53"/>
      <c r="BB3721" s="53"/>
      <c r="BC3721" s="53"/>
      <c r="BD3721" s="53"/>
      <c r="BE3721" s="53"/>
      <c r="BF3721" s="53"/>
      <c r="BG3721" s="53"/>
      <c r="BH3721" s="53"/>
      <c r="BI3721" s="53"/>
      <c r="BJ3721" s="53"/>
      <c r="BK3721" s="53"/>
      <c r="BL3721" s="53"/>
      <c r="BM3721" s="53"/>
      <c r="BN3721" s="53"/>
      <c r="BO3721" s="53"/>
      <c r="BP3721" s="53"/>
      <c r="BQ3721" s="53"/>
      <c r="BR3721" s="53"/>
      <c r="BS3721" s="53"/>
      <c r="BT3721" s="53"/>
      <c r="BU3721" s="53"/>
      <c r="BV3721" s="53"/>
      <c r="BW3721" s="53"/>
      <c r="BX3721" s="53"/>
      <c r="BY3721" s="53"/>
      <c r="BZ3721" s="53"/>
      <c r="CA3721" s="53"/>
      <c r="CB3721" s="53">
        <v>-8862311.0487578698</v>
      </c>
      <c r="CC3721" s="53">
        <v>-9517177.7608454004</v>
      </c>
      <c r="CD3721" s="53">
        <v>-10580143.5419979</v>
      </c>
      <c r="CE3721" s="53">
        <v>-10608489.2905655</v>
      </c>
      <c r="CF3721" s="53">
        <v>-9906548.2787426002</v>
      </c>
      <c r="CG3721" s="53">
        <v>-9920691.9940579999</v>
      </c>
      <c r="CH3721" s="53">
        <v>-9803136.0555846002</v>
      </c>
      <c r="CI3721" s="53">
        <v>-9125686.0586299002</v>
      </c>
      <c r="CJ3721" s="53">
        <v>-8651325.0956799705</v>
      </c>
      <c r="CK3721" s="53">
        <v>-9384248.3921816796</v>
      </c>
      <c r="CL3721" s="53">
        <v>-8944815.07152717</v>
      </c>
      <c r="CM3721" s="53">
        <v>-8382254.2809268702</v>
      </c>
      <c r="CN3721" s="53">
        <v>-113686826.869497</v>
      </c>
    </row>
    <row r="3722" spans="1:92" outlineLevel="1">
      <c r="A3722" s="52" t="s">
        <v>1547</v>
      </c>
      <c r="B3722" s="53"/>
      <c r="C3722" s="53"/>
      <c r="D3722" s="53"/>
      <c r="E3722" s="53"/>
      <c r="F3722" s="53"/>
      <c r="G3722" s="53"/>
      <c r="H3722" s="53"/>
      <c r="I3722" s="53"/>
      <c r="J3722" s="53"/>
      <c r="K3722" s="53"/>
      <c r="L3722" s="53"/>
      <c r="M3722" s="53"/>
      <c r="N3722" s="53"/>
      <c r="O3722" s="53"/>
      <c r="P3722" s="53"/>
      <c r="Q3722" s="53"/>
      <c r="R3722" s="53"/>
      <c r="S3722" s="53"/>
      <c r="T3722" s="53"/>
      <c r="U3722" s="53"/>
      <c r="V3722" s="53"/>
      <c r="W3722" s="53"/>
      <c r="X3722" s="53"/>
      <c r="Y3722" s="53"/>
      <c r="Z3722" s="53"/>
      <c r="AA3722" s="53"/>
      <c r="AB3722" s="53"/>
      <c r="AC3722" s="53"/>
      <c r="AD3722" s="53"/>
      <c r="AE3722" s="53"/>
      <c r="AF3722" s="53"/>
      <c r="AG3722" s="53"/>
      <c r="AH3722" s="53"/>
      <c r="AI3722" s="53"/>
      <c r="AJ3722" s="53"/>
      <c r="AK3722" s="53"/>
      <c r="AL3722" s="53"/>
      <c r="AM3722" s="53"/>
      <c r="AN3722" s="53"/>
      <c r="AO3722" s="53"/>
      <c r="AP3722" s="53"/>
      <c r="AQ3722" s="53"/>
      <c r="AR3722" s="53"/>
      <c r="AS3722" s="53"/>
      <c r="AT3722" s="53"/>
      <c r="AU3722" s="53"/>
      <c r="AV3722" s="53"/>
      <c r="AW3722" s="53"/>
      <c r="AX3722" s="53"/>
      <c r="AY3722" s="53"/>
      <c r="AZ3722" s="53"/>
      <c r="BA3722" s="53"/>
      <c r="BB3722" s="53"/>
      <c r="BC3722" s="53"/>
      <c r="BD3722" s="53"/>
      <c r="BE3722" s="53"/>
      <c r="BF3722" s="53"/>
      <c r="BG3722" s="53"/>
      <c r="BH3722" s="53"/>
      <c r="BI3722" s="53"/>
      <c r="BJ3722" s="53"/>
      <c r="BK3722" s="53"/>
      <c r="BL3722" s="53"/>
      <c r="BM3722" s="53"/>
      <c r="BN3722" s="53"/>
      <c r="BO3722" s="53"/>
      <c r="BP3722" s="53"/>
      <c r="BQ3722" s="53"/>
      <c r="BR3722" s="53"/>
      <c r="BS3722" s="53"/>
      <c r="BT3722" s="53"/>
      <c r="BU3722" s="53"/>
      <c r="BV3722" s="53"/>
      <c r="BW3722" s="53"/>
      <c r="BX3722" s="53"/>
      <c r="BY3722" s="53"/>
      <c r="BZ3722" s="53"/>
      <c r="CA3722" s="53"/>
      <c r="CB3722" s="53"/>
      <c r="CC3722" s="53"/>
      <c r="CD3722" s="53"/>
      <c r="CE3722" s="53"/>
      <c r="CF3722" s="53"/>
      <c r="CG3722" s="53"/>
      <c r="CH3722" s="53"/>
      <c r="CI3722" s="53"/>
      <c r="CJ3722" s="53"/>
      <c r="CK3722" s="53"/>
      <c r="CL3722" s="53"/>
      <c r="CM3722" s="53"/>
      <c r="CN3722" s="53"/>
    </row>
    <row r="3723" spans="1:92" outlineLevel="1">
      <c r="A3723" s="52" t="s">
        <v>705</v>
      </c>
      <c r="B3723" s="53"/>
      <c r="C3723" s="53"/>
      <c r="D3723" s="53"/>
      <c r="E3723" s="53"/>
      <c r="F3723" s="53"/>
      <c r="G3723" s="53"/>
      <c r="H3723" s="53"/>
      <c r="I3723" s="53"/>
      <c r="J3723" s="53"/>
      <c r="K3723" s="53"/>
      <c r="L3723" s="53"/>
      <c r="M3723" s="53"/>
      <c r="N3723" s="53"/>
      <c r="O3723" s="53"/>
      <c r="P3723" s="53"/>
      <c r="Q3723" s="53"/>
      <c r="R3723" s="53">
        <v>-21115885.815483801</v>
      </c>
      <c r="S3723" s="53"/>
      <c r="T3723" s="53">
        <v>-21115885.815483801</v>
      </c>
      <c r="U3723" s="53"/>
      <c r="V3723" s="53"/>
      <c r="W3723" s="53">
        <v>-21115885.815483801</v>
      </c>
      <c r="X3723" s="53"/>
      <c r="Y3723" s="53"/>
      <c r="Z3723" s="53">
        <v>-21115885.8154837</v>
      </c>
      <c r="AA3723" s="53">
        <v>-84463543.261935204</v>
      </c>
      <c r="AB3723" s="53"/>
      <c r="AC3723" s="53"/>
      <c r="AD3723" s="53"/>
      <c r="AE3723" s="53">
        <v>-18549290.819289401</v>
      </c>
      <c r="AF3723" s="53"/>
      <c r="AG3723" s="53">
        <v>-18549290.819289401</v>
      </c>
      <c r="AH3723" s="53"/>
      <c r="AI3723" s="53"/>
      <c r="AJ3723" s="53">
        <v>-18549290.819289401</v>
      </c>
      <c r="AK3723" s="53"/>
      <c r="AL3723" s="53"/>
      <c r="AM3723" s="53">
        <v>-18549290.789416101</v>
      </c>
      <c r="AN3723" s="53">
        <v>-74197163.247284502</v>
      </c>
      <c r="AO3723" s="53"/>
      <c r="AP3723" s="53"/>
      <c r="AQ3723" s="53"/>
      <c r="AR3723" s="53">
        <v>-5181213.0702855801</v>
      </c>
      <c r="AS3723" s="53"/>
      <c r="AT3723" s="53">
        <v>-5181213.0702855801</v>
      </c>
      <c r="AU3723" s="53"/>
      <c r="AV3723" s="53"/>
      <c r="AW3723" s="53">
        <v>-5181213.0702855801</v>
      </c>
      <c r="AX3723" s="53"/>
      <c r="AY3723" s="53"/>
      <c r="AZ3723" s="53">
        <v>-5181212.70085287</v>
      </c>
      <c r="BA3723" s="53">
        <v>-20724851.911709599</v>
      </c>
      <c r="BB3723" s="53"/>
      <c r="BC3723" s="53"/>
      <c r="BD3723" s="53"/>
      <c r="BE3723" s="53">
        <v>-4282253.5964552602</v>
      </c>
      <c r="BF3723" s="53"/>
      <c r="BG3723" s="53">
        <v>-4282253.5964552602</v>
      </c>
      <c r="BH3723" s="53"/>
      <c r="BI3723" s="53"/>
      <c r="BJ3723" s="53">
        <v>-4282253.5964552602</v>
      </c>
      <c r="BK3723" s="53"/>
      <c r="BL3723" s="53"/>
      <c r="BM3723" s="53">
        <v>-4282253.5826190598</v>
      </c>
      <c r="BN3723" s="53">
        <v>-17129014.371984798</v>
      </c>
      <c r="BO3723" s="53"/>
      <c r="BP3723" s="53"/>
      <c r="BQ3723" s="53"/>
      <c r="BR3723" s="53">
        <v>-2425387.3572138199</v>
      </c>
      <c r="BS3723" s="53"/>
      <c r="BT3723" s="53">
        <v>-2425387.3572138199</v>
      </c>
      <c r="BU3723" s="53"/>
      <c r="BV3723" s="53"/>
      <c r="BW3723" s="53">
        <v>-2425387.3572138199</v>
      </c>
      <c r="BX3723" s="53"/>
      <c r="BY3723" s="53"/>
      <c r="BZ3723" s="53">
        <v>-2425387.0805535698</v>
      </c>
      <c r="CA3723" s="53">
        <v>-9701549.1521950494</v>
      </c>
      <c r="CB3723" s="53"/>
      <c r="CC3723" s="53"/>
      <c r="CD3723" s="53"/>
      <c r="CE3723" s="53"/>
      <c r="CF3723" s="53"/>
      <c r="CG3723" s="53"/>
      <c r="CH3723" s="53"/>
      <c r="CI3723" s="53"/>
      <c r="CJ3723" s="53"/>
      <c r="CK3723" s="53"/>
      <c r="CL3723" s="53"/>
      <c r="CM3723" s="53"/>
      <c r="CN3723" s="53"/>
    </row>
    <row r="3724" spans="1:92" outlineLevel="1">
      <c r="A3724" s="52" t="s">
        <v>1615</v>
      </c>
      <c r="B3724" s="53"/>
      <c r="C3724" s="53"/>
      <c r="D3724" s="53"/>
      <c r="E3724" s="53"/>
      <c r="F3724" s="53"/>
      <c r="G3724" s="53"/>
      <c r="H3724" s="53"/>
      <c r="I3724" s="53"/>
      <c r="J3724" s="53"/>
      <c r="K3724" s="53"/>
      <c r="L3724" s="53"/>
      <c r="M3724" s="53"/>
      <c r="N3724" s="53"/>
      <c r="O3724" s="53"/>
      <c r="P3724" s="53"/>
      <c r="Q3724" s="53"/>
      <c r="R3724" s="53"/>
      <c r="S3724" s="53"/>
      <c r="T3724" s="53"/>
      <c r="U3724" s="53"/>
      <c r="V3724" s="53"/>
      <c r="W3724" s="53"/>
      <c r="X3724" s="53"/>
      <c r="Y3724" s="53"/>
      <c r="Z3724" s="53"/>
      <c r="AA3724" s="53"/>
      <c r="AB3724" s="53"/>
      <c r="AC3724" s="53"/>
      <c r="AD3724" s="53"/>
      <c r="AE3724" s="53"/>
      <c r="AF3724" s="53"/>
      <c r="AG3724" s="53"/>
      <c r="AH3724" s="53"/>
      <c r="AI3724" s="53"/>
      <c r="AJ3724" s="53"/>
      <c r="AK3724" s="53"/>
      <c r="AL3724" s="53"/>
      <c r="AM3724" s="53"/>
      <c r="AN3724" s="53"/>
      <c r="AO3724" s="53"/>
      <c r="AP3724" s="53"/>
      <c r="AQ3724" s="53"/>
      <c r="AR3724" s="53"/>
      <c r="AS3724" s="53"/>
      <c r="AT3724" s="53"/>
      <c r="AU3724" s="53"/>
      <c r="AV3724" s="53"/>
      <c r="AW3724" s="53"/>
      <c r="AX3724" s="53"/>
      <c r="AY3724" s="53"/>
      <c r="AZ3724" s="53"/>
      <c r="BA3724" s="53"/>
      <c r="BB3724" s="53"/>
      <c r="BC3724" s="53"/>
      <c r="BD3724" s="53"/>
      <c r="BE3724" s="53"/>
      <c r="BF3724" s="53"/>
      <c r="BG3724" s="53"/>
      <c r="BH3724" s="53"/>
      <c r="BI3724" s="53"/>
      <c r="BJ3724" s="53"/>
      <c r="BK3724" s="53"/>
      <c r="BL3724" s="53"/>
      <c r="BM3724" s="53"/>
      <c r="BN3724" s="53"/>
      <c r="BO3724" s="53"/>
      <c r="BP3724" s="53"/>
      <c r="BQ3724" s="53"/>
      <c r="BR3724" s="53"/>
      <c r="BS3724" s="53"/>
      <c r="BT3724" s="53"/>
      <c r="BU3724" s="53"/>
      <c r="BV3724" s="53"/>
      <c r="BW3724" s="53"/>
      <c r="BX3724" s="53"/>
      <c r="BY3724" s="53"/>
      <c r="BZ3724" s="53"/>
      <c r="CA3724" s="53"/>
      <c r="CB3724" s="53">
        <v>-99137.488866953703</v>
      </c>
      <c r="CC3724" s="53">
        <v>-99137.488866953703</v>
      </c>
      <c r="CD3724" s="53">
        <v>-99137.488866953703</v>
      </c>
      <c r="CE3724" s="53">
        <v>-99137.488866953703</v>
      </c>
      <c r="CF3724" s="53">
        <v>-99137.488866953703</v>
      </c>
      <c r="CG3724" s="53">
        <v>-99137.488866953703</v>
      </c>
      <c r="CH3724" s="53">
        <v>-99137.488866953703</v>
      </c>
      <c r="CI3724" s="53">
        <v>-99137.488866953703</v>
      </c>
      <c r="CJ3724" s="53">
        <v>-99137.488866953703</v>
      </c>
      <c r="CK3724" s="53">
        <v>-99137.488866953703</v>
      </c>
      <c r="CL3724" s="53">
        <v>-99137.488866953703</v>
      </c>
      <c r="CM3724" s="53">
        <v>-99137.488866953703</v>
      </c>
      <c r="CN3724" s="53">
        <v>-1189649.86640344</v>
      </c>
    </row>
    <row r="3725" spans="1:92" outlineLevel="1">
      <c r="A3725" s="52" t="s">
        <v>1616</v>
      </c>
      <c r="B3725" s="53"/>
      <c r="C3725" s="53"/>
      <c r="D3725" s="53"/>
      <c r="E3725" s="53"/>
      <c r="F3725" s="53"/>
      <c r="G3725" s="53"/>
      <c r="H3725" s="53"/>
      <c r="I3725" s="53"/>
      <c r="J3725" s="53"/>
      <c r="K3725" s="53"/>
      <c r="L3725" s="53"/>
      <c r="M3725" s="53"/>
      <c r="N3725" s="53"/>
      <c r="O3725" s="53"/>
      <c r="P3725" s="53"/>
      <c r="Q3725" s="53"/>
      <c r="R3725" s="53"/>
      <c r="S3725" s="53"/>
      <c r="T3725" s="53"/>
      <c r="U3725" s="53"/>
      <c r="V3725" s="53"/>
      <c r="W3725" s="53"/>
      <c r="X3725" s="53"/>
      <c r="Y3725" s="53"/>
      <c r="Z3725" s="53"/>
      <c r="AA3725" s="53"/>
      <c r="AB3725" s="53"/>
      <c r="AC3725" s="53"/>
      <c r="AD3725" s="53"/>
      <c r="AE3725" s="53"/>
      <c r="AF3725" s="53"/>
      <c r="AG3725" s="53"/>
      <c r="AH3725" s="53"/>
      <c r="AI3725" s="53"/>
      <c r="AJ3725" s="53"/>
      <c r="AK3725" s="53"/>
      <c r="AL3725" s="53"/>
      <c r="AM3725" s="53"/>
      <c r="AN3725" s="53"/>
      <c r="AO3725" s="53"/>
      <c r="AP3725" s="53"/>
      <c r="AQ3725" s="53"/>
      <c r="AR3725" s="53"/>
      <c r="AS3725" s="53"/>
      <c r="AT3725" s="53"/>
      <c r="AU3725" s="53"/>
      <c r="AV3725" s="53"/>
      <c r="AW3725" s="53"/>
      <c r="AX3725" s="53"/>
      <c r="AY3725" s="53"/>
      <c r="AZ3725" s="53"/>
      <c r="BA3725" s="53"/>
      <c r="BB3725" s="53"/>
      <c r="BC3725" s="53"/>
      <c r="BD3725" s="53"/>
      <c r="BE3725" s="53"/>
      <c r="BF3725" s="53"/>
      <c r="BG3725" s="53"/>
      <c r="BH3725" s="53"/>
      <c r="BI3725" s="53"/>
      <c r="BJ3725" s="53"/>
      <c r="BK3725" s="53"/>
      <c r="BL3725" s="53"/>
      <c r="BM3725" s="53"/>
      <c r="BN3725" s="53"/>
      <c r="BO3725" s="53"/>
      <c r="BP3725" s="53"/>
      <c r="BQ3725" s="53"/>
      <c r="BR3725" s="53"/>
      <c r="BS3725" s="53"/>
      <c r="BT3725" s="53"/>
      <c r="BU3725" s="53"/>
      <c r="BV3725" s="53"/>
      <c r="BW3725" s="53"/>
      <c r="BX3725" s="53"/>
      <c r="BY3725" s="53"/>
      <c r="BZ3725" s="53"/>
      <c r="CA3725" s="53"/>
      <c r="CB3725" s="53"/>
      <c r="CC3725" s="53"/>
      <c r="CD3725" s="53"/>
      <c r="CE3725" s="53"/>
      <c r="CF3725" s="53"/>
      <c r="CG3725" s="53"/>
      <c r="CH3725" s="53"/>
      <c r="CI3725" s="53"/>
      <c r="CJ3725" s="53"/>
      <c r="CK3725" s="53"/>
      <c r="CL3725" s="53"/>
      <c r="CM3725" s="53"/>
      <c r="CN3725" s="53"/>
    </row>
    <row r="3726" spans="1:92" outlineLevel="1">
      <c r="A3726" s="52" t="s">
        <v>649</v>
      </c>
      <c r="B3726" s="53"/>
      <c r="C3726" s="53"/>
      <c r="D3726" s="53">
        <v>-18368678.310159098</v>
      </c>
      <c r="E3726" s="53"/>
      <c r="F3726" s="53"/>
      <c r="G3726" s="53"/>
      <c r="H3726" s="53"/>
      <c r="I3726" s="53"/>
      <c r="J3726" s="53"/>
      <c r="K3726" s="53"/>
      <c r="L3726" s="53"/>
      <c r="M3726" s="53"/>
      <c r="N3726" s="53">
        <v>-18368678.310159098</v>
      </c>
      <c r="O3726" s="53"/>
      <c r="P3726" s="53"/>
      <c r="Q3726" s="53">
        <v>-30073063.440000001</v>
      </c>
      <c r="R3726" s="53"/>
      <c r="S3726" s="53"/>
      <c r="T3726" s="53"/>
      <c r="U3726" s="53"/>
      <c r="V3726" s="53"/>
      <c r="W3726" s="53"/>
      <c r="X3726" s="53"/>
      <c r="Y3726" s="53"/>
      <c r="Z3726" s="53"/>
      <c r="AA3726" s="53">
        <v>-30073063.440000001</v>
      </c>
      <c r="AB3726" s="53"/>
      <c r="AC3726" s="53"/>
      <c r="AD3726" s="53">
        <v>-9325982.9999999907</v>
      </c>
      <c r="AE3726" s="53"/>
      <c r="AF3726" s="53"/>
      <c r="AG3726" s="53"/>
      <c r="AH3726" s="53"/>
      <c r="AI3726" s="53"/>
      <c r="AJ3726" s="53"/>
      <c r="AK3726" s="53"/>
      <c r="AL3726" s="53"/>
      <c r="AM3726" s="53"/>
      <c r="AN3726" s="53">
        <v>-9325982.9999999907</v>
      </c>
      <c r="AO3726" s="53"/>
      <c r="AP3726" s="53"/>
      <c r="AQ3726" s="53">
        <v>-9672873.9999999907</v>
      </c>
      <c r="AR3726" s="53"/>
      <c r="AS3726" s="53"/>
      <c r="AT3726" s="53"/>
      <c r="AU3726" s="53"/>
      <c r="AV3726" s="53"/>
      <c r="AW3726" s="53"/>
      <c r="AX3726" s="53"/>
      <c r="AY3726" s="53"/>
      <c r="AZ3726" s="53"/>
      <c r="BA3726" s="53">
        <v>-9672873.9999999907</v>
      </c>
      <c r="BB3726" s="53"/>
      <c r="BC3726" s="53"/>
      <c r="BD3726" s="53">
        <v>-9672874</v>
      </c>
      <c r="BE3726" s="53"/>
      <c r="BF3726" s="53"/>
      <c r="BG3726" s="53"/>
      <c r="BH3726" s="53"/>
      <c r="BI3726" s="53"/>
      <c r="BJ3726" s="53"/>
      <c r="BK3726" s="53"/>
      <c r="BL3726" s="53"/>
      <c r="BM3726" s="53"/>
      <c r="BN3726" s="53">
        <v>-9672874</v>
      </c>
      <c r="BO3726" s="53"/>
      <c r="BP3726" s="53"/>
      <c r="BQ3726" s="53">
        <v>-9672874</v>
      </c>
      <c r="BR3726" s="53"/>
      <c r="BS3726" s="53"/>
      <c r="BT3726" s="53"/>
      <c r="BU3726" s="53"/>
      <c r="BV3726" s="53"/>
      <c r="BW3726" s="53"/>
      <c r="BX3726" s="53"/>
      <c r="BY3726" s="53"/>
      <c r="BZ3726" s="53"/>
      <c r="CA3726" s="53">
        <v>-9672874</v>
      </c>
      <c r="CB3726" s="53"/>
      <c r="CC3726" s="53"/>
      <c r="CD3726" s="53"/>
      <c r="CE3726" s="53"/>
      <c r="CF3726" s="53"/>
      <c r="CG3726" s="53"/>
      <c r="CH3726" s="53"/>
      <c r="CI3726" s="53"/>
      <c r="CJ3726" s="53"/>
      <c r="CK3726" s="53"/>
      <c r="CL3726" s="53"/>
      <c r="CM3726" s="53"/>
      <c r="CN3726" s="53"/>
    </row>
    <row r="3727" spans="1:92" outlineLevel="1">
      <c r="A3727" s="52" t="s">
        <v>1617</v>
      </c>
      <c r="B3727" s="53"/>
      <c r="C3727" s="53"/>
      <c r="D3727" s="53"/>
      <c r="E3727" s="53"/>
      <c r="F3727" s="53"/>
      <c r="G3727" s="53"/>
      <c r="H3727" s="53"/>
      <c r="I3727" s="53"/>
      <c r="J3727" s="53"/>
      <c r="K3727" s="53"/>
      <c r="L3727" s="53"/>
      <c r="M3727" s="53"/>
      <c r="N3727" s="53"/>
      <c r="O3727" s="53"/>
      <c r="P3727" s="53"/>
      <c r="Q3727" s="53"/>
      <c r="R3727" s="53"/>
      <c r="S3727" s="53"/>
      <c r="T3727" s="53"/>
      <c r="U3727" s="53"/>
      <c r="V3727" s="53"/>
      <c r="W3727" s="53"/>
      <c r="X3727" s="53"/>
      <c r="Y3727" s="53"/>
      <c r="Z3727" s="53"/>
      <c r="AA3727" s="53"/>
      <c r="AB3727" s="53"/>
      <c r="AC3727" s="53"/>
      <c r="AD3727" s="53"/>
      <c r="AE3727" s="53"/>
      <c r="AF3727" s="53"/>
      <c r="AG3727" s="53"/>
      <c r="AH3727" s="53"/>
      <c r="AI3727" s="53"/>
      <c r="AJ3727" s="53"/>
      <c r="AK3727" s="53"/>
      <c r="AL3727" s="53"/>
      <c r="AM3727" s="53"/>
      <c r="AN3727" s="53"/>
      <c r="AO3727" s="53"/>
      <c r="AP3727" s="53"/>
      <c r="AQ3727" s="53"/>
      <c r="AR3727" s="53"/>
      <c r="AS3727" s="53"/>
      <c r="AT3727" s="53"/>
      <c r="AU3727" s="53"/>
      <c r="AV3727" s="53"/>
      <c r="AW3727" s="53"/>
      <c r="AX3727" s="53"/>
      <c r="AY3727" s="53"/>
      <c r="AZ3727" s="53"/>
      <c r="BA3727" s="53"/>
      <c r="BB3727" s="53"/>
      <c r="BC3727" s="53"/>
      <c r="BD3727" s="53"/>
      <c r="BE3727" s="53"/>
      <c r="BF3727" s="53"/>
      <c r="BG3727" s="53"/>
      <c r="BH3727" s="53"/>
      <c r="BI3727" s="53"/>
      <c r="BJ3727" s="53"/>
      <c r="BK3727" s="53"/>
      <c r="BL3727" s="53"/>
      <c r="BM3727" s="53"/>
      <c r="BN3727" s="53"/>
      <c r="BO3727" s="53"/>
      <c r="BP3727" s="53"/>
      <c r="BQ3727" s="53"/>
      <c r="BR3727" s="53"/>
      <c r="BS3727" s="53"/>
      <c r="BT3727" s="53"/>
      <c r="BU3727" s="53"/>
      <c r="BV3727" s="53"/>
      <c r="BW3727" s="53"/>
      <c r="BX3727" s="53"/>
      <c r="BY3727" s="53"/>
      <c r="BZ3727" s="53"/>
      <c r="CA3727" s="53"/>
      <c r="CB3727" s="53"/>
      <c r="CC3727" s="53"/>
      <c r="CD3727" s="53"/>
      <c r="CE3727" s="53"/>
      <c r="CF3727" s="53"/>
      <c r="CG3727" s="53"/>
      <c r="CH3727" s="53"/>
      <c r="CI3727" s="53"/>
      <c r="CJ3727" s="53"/>
      <c r="CK3727" s="53"/>
      <c r="CL3727" s="53">
        <v>-224995855.50060099</v>
      </c>
      <c r="CM3727" s="53"/>
      <c r="CN3727" s="53">
        <v>-224995855.50060099</v>
      </c>
    </row>
    <row r="3728" spans="1:92" outlineLevel="1">
      <c r="A3728" s="52" t="s">
        <v>649</v>
      </c>
      <c r="B3728" s="53"/>
      <c r="C3728" s="53"/>
      <c r="D3728" s="53">
        <v>-9115615.0960685201</v>
      </c>
      <c r="E3728" s="53"/>
      <c r="F3728" s="53"/>
      <c r="G3728" s="53"/>
      <c r="H3728" s="53"/>
      <c r="I3728" s="53"/>
      <c r="J3728" s="53"/>
      <c r="K3728" s="53"/>
      <c r="L3728" s="53"/>
      <c r="M3728" s="53"/>
      <c r="N3728" s="53">
        <v>-9115615.0960685201</v>
      </c>
      <c r="O3728" s="53"/>
      <c r="P3728" s="53"/>
      <c r="Q3728" s="53"/>
      <c r="R3728" s="53"/>
      <c r="S3728" s="53"/>
      <c r="T3728" s="53"/>
      <c r="U3728" s="53"/>
      <c r="V3728" s="53"/>
      <c r="W3728" s="53"/>
      <c r="X3728" s="53"/>
      <c r="Y3728" s="53"/>
      <c r="Z3728" s="53"/>
      <c r="AA3728" s="53"/>
      <c r="AB3728" s="53"/>
      <c r="AC3728" s="53"/>
      <c r="AD3728" s="53">
        <v>-9607062</v>
      </c>
      <c r="AE3728" s="53"/>
      <c r="AF3728" s="53"/>
      <c r="AG3728" s="53"/>
      <c r="AH3728" s="53"/>
      <c r="AI3728" s="53"/>
      <c r="AJ3728" s="53"/>
      <c r="AK3728" s="53"/>
      <c r="AL3728" s="53"/>
      <c r="AM3728" s="53"/>
      <c r="AN3728" s="53">
        <v>-9607062</v>
      </c>
      <c r="AO3728" s="53"/>
      <c r="AP3728" s="53"/>
      <c r="AQ3728" s="53">
        <v>-10062894.999999899</v>
      </c>
      <c r="AR3728" s="53"/>
      <c r="AS3728" s="53"/>
      <c r="AT3728" s="53"/>
      <c r="AU3728" s="53"/>
      <c r="AV3728" s="53"/>
      <c r="AW3728" s="53"/>
      <c r="AX3728" s="53"/>
      <c r="AY3728" s="53"/>
      <c r="AZ3728" s="53"/>
      <c r="BA3728" s="53">
        <v>-10062894.999999899</v>
      </c>
      <c r="BB3728" s="53"/>
      <c r="BC3728" s="53"/>
      <c r="BD3728" s="53">
        <v>-10062894</v>
      </c>
      <c r="BE3728" s="53"/>
      <c r="BF3728" s="53"/>
      <c r="BG3728" s="53"/>
      <c r="BH3728" s="53"/>
      <c r="BI3728" s="53"/>
      <c r="BJ3728" s="53"/>
      <c r="BK3728" s="53"/>
      <c r="BL3728" s="53"/>
      <c r="BM3728" s="53"/>
      <c r="BN3728" s="53">
        <v>-10062894</v>
      </c>
      <c r="BO3728" s="53"/>
      <c r="BP3728" s="53"/>
      <c r="BQ3728" s="53">
        <v>-10062894</v>
      </c>
      <c r="BR3728" s="53"/>
      <c r="BS3728" s="53"/>
      <c r="BT3728" s="53"/>
      <c r="BU3728" s="53"/>
      <c r="BV3728" s="53"/>
      <c r="BW3728" s="53"/>
      <c r="BX3728" s="53"/>
      <c r="BY3728" s="53"/>
      <c r="BZ3728" s="53"/>
      <c r="CA3728" s="53">
        <v>-10062894</v>
      </c>
      <c r="CB3728" s="53"/>
      <c r="CC3728" s="53"/>
      <c r="CD3728" s="53"/>
      <c r="CE3728" s="53"/>
      <c r="CF3728" s="53"/>
      <c r="CG3728" s="53"/>
      <c r="CH3728" s="53"/>
      <c r="CI3728" s="53"/>
      <c r="CJ3728" s="53"/>
      <c r="CK3728" s="53"/>
      <c r="CL3728" s="53"/>
      <c r="CM3728" s="53"/>
      <c r="CN3728" s="53"/>
    </row>
    <row r="3729" spans="1:92" outlineLevel="1">
      <c r="A3729" s="52" t="s">
        <v>1618</v>
      </c>
      <c r="B3729" s="53"/>
      <c r="C3729" s="53"/>
      <c r="D3729" s="53"/>
      <c r="E3729" s="53"/>
      <c r="F3729" s="53"/>
      <c r="G3729" s="53"/>
      <c r="H3729" s="53"/>
      <c r="I3729" s="53"/>
      <c r="J3729" s="53"/>
      <c r="K3729" s="53"/>
      <c r="L3729" s="53"/>
      <c r="M3729" s="53"/>
      <c r="N3729" s="53"/>
      <c r="O3729" s="53"/>
      <c r="P3729" s="53"/>
      <c r="Q3729" s="53"/>
      <c r="R3729" s="53"/>
      <c r="S3729" s="53"/>
      <c r="T3729" s="53"/>
      <c r="U3729" s="53"/>
      <c r="V3729" s="53"/>
      <c r="W3729" s="53"/>
      <c r="X3729" s="53"/>
      <c r="Y3729" s="53"/>
      <c r="Z3729" s="53"/>
      <c r="AA3729" s="53"/>
      <c r="AB3729" s="53"/>
      <c r="AC3729" s="53"/>
      <c r="AD3729" s="53"/>
      <c r="AE3729" s="53"/>
      <c r="AF3729" s="53"/>
      <c r="AG3729" s="53"/>
      <c r="AH3729" s="53"/>
      <c r="AI3729" s="53"/>
      <c r="AJ3729" s="53"/>
      <c r="AK3729" s="53"/>
      <c r="AL3729" s="53"/>
      <c r="AM3729" s="53"/>
      <c r="AN3729" s="53"/>
      <c r="AO3729" s="53"/>
      <c r="AP3729" s="53"/>
      <c r="AQ3729" s="53"/>
      <c r="AR3729" s="53"/>
      <c r="AS3729" s="53"/>
      <c r="AT3729" s="53"/>
      <c r="AU3729" s="53"/>
      <c r="AV3729" s="53"/>
      <c r="AW3729" s="53"/>
      <c r="AX3729" s="53"/>
      <c r="AY3729" s="53"/>
      <c r="AZ3729" s="53"/>
      <c r="BA3729" s="53"/>
      <c r="BB3729" s="53"/>
      <c r="BC3729" s="53"/>
      <c r="BD3729" s="53"/>
      <c r="BE3729" s="53"/>
      <c r="BF3729" s="53"/>
      <c r="BG3729" s="53"/>
      <c r="BH3729" s="53"/>
      <c r="BI3729" s="53"/>
      <c r="BJ3729" s="53"/>
      <c r="BK3729" s="53"/>
      <c r="BL3729" s="53"/>
      <c r="BM3729" s="53"/>
      <c r="BN3729" s="53"/>
      <c r="BO3729" s="53"/>
      <c r="BP3729" s="53"/>
      <c r="BQ3729" s="53"/>
      <c r="BR3729" s="53"/>
      <c r="BS3729" s="53"/>
      <c r="BT3729" s="53"/>
      <c r="BU3729" s="53"/>
      <c r="BV3729" s="53"/>
      <c r="BW3729" s="53"/>
      <c r="BX3729" s="53"/>
      <c r="BY3729" s="53"/>
      <c r="BZ3729" s="53"/>
      <c r="CA3729" s="53"/>
      <c r="CB3729" s="53"/>
      <c r="CC3729" s="53"/>
      <c r="CD3729" s="53"/>
      <c r="CE3729" s="53"/>
      <c r="CF3729" s="53"/>
      <c r="CG3729" s="53"/>
      <c r="CH3729" s="53"/>
      <c r="CI3729" s="53"/>
      <c r="CJ3729" s="53"/>
      <c r="CK3729" s="53"/>
      <c r="CL3729" s="53"/>
      <c r="CM3729" s="53"/>
      <c r="CN3729" s="53"/>
    </row>
    <row r="3730" spans="1:92" outlineLevel="1">
      <c r="A3730" s="52" t="s">
        <v>649</v>
      </c>
      <c r="B3730" s="53"/>
      <c r="C3730" s="53"/>
      <c r="D3730" s="53">
        <v>-10815639.5637723</v>
      </c>
      <c r="E3730" s="53"/>
      <c r="F3730" s="53"/>
      <c r="G3730" s="53"/>
      <c r="H3730" s="53"/>
      <c r="I3730" s="53"/>
      <c r="J3730" s="53"/>
      <c r="K3730" s="53"/>
      <c r="L3730" s="53"/>
      <c r="M3730" s="53"/>
      <c r="N3730" s="53">
        <v>-10815639.5637723</v>
      </c>
      <c r="O3730" s="53"/>
      <c r="P3730" s="53"/>
      <c r="Q3730" s="53"/>
      <c r="R3730" s="53"/>
      <c r="S3730" s="53"/>
      <c r="T3730" s="53"/>
      <c r="U3730" s="53"/>
      <c r="V3730" s="53"/>
      <c r="W3730" s="53"/>
      <c r="X3730" s="53"/>
      <c r="Y3730" s="53"/>
      <c r="Z3730" s="53"/>
      <c r="AA3730" s="53"/>
      <c r="AB3730" s="53"/>
      <c r="AC3730" s="53"/>
      <c r="AD3730" s="53">
        <v>-5622279</v>
      </c>
      <c r="AE3730" s="53"/>
      <c r="AF3730" s="53"/>
      <c r="AG3730" s="53"/>
      <c r="AH3730" s="53"/>
      <c r="AI3730" s="53"/>
      <c r="AJ3730" s="53"/>
      <c r="AK3730" s="53"/>
      <c r="AL3730" s="53"/>
      <c r="AM3730" s="53"/>
      <c r="AN3730" s="53">
        <v>-5622279</v>
      </c>
      <c r="AO3730" s="53"/>
      <c r="AP3730" s="53"/>
      <c r="AQ3730" s="53">
        <v>-5682246.9999999898</v>
      </c>
      <c r="AR3730" s="53"/>
      <c r="AS3730" s="53"/>
      <c r="AT3730" s="53"/>
      <c r="AU3730" s="53"/>
      <c r="AV3730" s="53"/>
      <c r="AW3730" s="53"/>
      <c r="AX3730" s="53"/>
      <c r="AY3730" s="53"/>
      <c r="AZ3730" s="53"/>
      <c r="BA3730" s="53">
        <v>-5682246.9999999898</v>
      </c>
      <c r="BB3730" s="53"/>
      <c r="BC3730" s="53"/>
      <c r="BD3730" s="53">
        <v>-5682248</v>
      </c>
      <c r="BE3730" s="53"/>
      <c r="BF3730" s="53"/>
      <c r="BG3730" s="53"/>
      <c r="BH3730" s="53"/>
      <c r="BI3730" s="53"/>
      <c r="BJ3730" s="53"/>
      <c r="BK3730" s="53"/>
      <c r="BL3730" s="53"/>
      <c r="BM3730" s="53"/>
      <c r="BN3730" s="53">
        <v>-5682248</v>
      </c>
      <c r="BO3730" s="53"/>
      <c r="BP3730" s="53"/>
      <c r="BQ3730" s="53">
        <v>-5682248</v>
      </c>
      <c r="BR3730" s="53"/>
      <c r="BS3730" s="53"/>
      <c r="BT3730" s="53"/>
      <c r="BU3730" s="53"/>
      <c r="BV3730" s="53"/>
      <c r="BW3730" s="53"/>
      <c r="BX3730" s="53"/>
      <c r="BY3730" s="53"/>
      <c r="BZ3730" s="53"/>
      <c r="CA3730" s="53">
        <v>-5682248</v>
      </c>
      <c r="CB3730" s="53">
        <v>-4885623.74</v>
      </c>
      <c r="CC3730" s="53">
        <v>-6821191.2000000002</v>
      </c>
      <c r="CD3730" s="53">
        <v>-9361606.4399999995</v>
      </c>
      <c r="CE3730" s="53">
        <v>-11484163.4099999</v>
      </c>
      <c r="CF3730" s="53">
        <v>-15932844.34</v>
      </c>
      <c r="CG3730" s="53">
        <v>-19003359.25</v>
      </c>
      <c r="CH3730" s="53">
        <v>-22266829.359999999</v>
      </c>
      <c r="CI3730" s="53">
        <v>-21989061.1199999</v>
      </c>
      <c r="CJ3730" s="53">
        <v>-19896695.09</v>
      </c>
      <c r="CK3730" s="53">
        <v>-14892568.92</v>
      </c>
      <c r="CL3730" s="53">
        <v>-7069373.5300000003</v>
      </c>
      <c r="CM3730" s="53">
        <v>-2914802.36</v>
      </c>
      <c r="CN3730" s="53">
        <v>-156518118.75999999</v>
      </c>
    </row>
    <row r="3731" spans="1:92" outlineLevel="1">
      <c r="A3731" s="52" t="s">
        <v>1619</v>
      </c>
      <c r="B3731" s="53"/>
      <c r="C3731" s="53"/>
      <c r="D3731" s="53"/>
      <c r="E3731" s="53"/>
      <c r="F3731" s="53"/>
      <c r="G3731" s="53"/>
      <c r="H3731" s="53"/>
      <c r="I3731" s="53"/>
      <c r="J3731" s="53"/>
      <c r="K3731" s="53"/>
      <c r="L3731" s="53"/>
      <c r="M3731" s="53"/>
      <c r="N3731" s="53"/>
      <c r="O3731" s="53"/>
      <c r="P3731" s="53"/>
      <c r="Q3731" s="53"/>
      <c r="R3731" s="53"/>
      <c r="S3731" s="53"/>
      <c r="T3731" s="53"/>
      <c r="U3731" s="53"/>
      <c r="V3731" s="53"/>
      <c r="W3731" s="53"/>
      <c r="X3731" s="53"/>
      <c r="Y3731" s="53"/>
      <c r="Z3731" s="53"/>
      <c r="AA3731" s="53"/>
      <c r="AB3731" s="53"/>
      <c r="AC3731" s="53"/>
      <c r="AD3731" s="53"/>
      <c r="AE3731" s="53"/>
      <c r="AF3731" s="53"/>
      <c r="AG3731" s="53"/>
      <c r="AH3731" s="53"/>
      <c r="AI3731" s="53"/>
      <c r="AJ3731" s="53"/>
      <c r="AK3731" s="53"/>
      <c r="AL3731" s="53"/>
      <c r="AM3731" s="53"/>
      <c r="AN3731" s="53"/>
      <c r="AO3731" s="53"/>
      <c r="AP3731" s="53"/>
      <c r="AQ3731" s="53"/>
      <c r="AR3731" s="53"/>
      <c r="AS3731" s="53"/>
      <c r="AT3731" s="53"/>
      <c r="AU3731" s="53"/>
      <c r="AV3731" s="53"/>
      <c r="AW3731" s="53"/>
      <c r="AX3731" s="53"/>
      <c r="AY3731" s="53"/>
      <c r="AZ3731" s="53"/>
      <c r="BA3731" s="53"/>
      <c r="BB3731" s="53"/>
      <c r="BC3731" s="53"/>
      <c r="BD3731" s="53"/>
      <c r="BE3731" s="53"/>
      <c r="BF3731" s="53"/>
      <c r="BG3731" s="53"/>
      <c r="BH3731" s="53"/>
      <c r="BI3731" s="53"/>
      <c r="BJ3731" s="53"/>
      <c r="BK3731" s="53"/>
      <c r="BL3731" s="53"/>
      <c r="BM3731" s="53"/>
      <c r="BN3731" s="53"/>
      <c r="BO3731" s="53"/>
      <c r="BP3731" s="53"/>
      <c r="BQ3731" s="53"/>
      <c r="BR3731" s="53"/>
      <c r="BS3731" s="53"/>
      <c r="BT3731" s="53"/>
      <c r="BU3731" s="53"/>
      <c r="BV3731" s="53"/>
      <c r="BW3731" s="53"/>
      <c r="BX3731" s="53"/>
      <c r="BY3731" s="53"/>
      <c r="BZ3731" s="53"/>
      <c r="CA3731" s="53"/>
      <c r="CB3731" s="53"/>
      <c r="CC3731" s="53"/>
      <c r="CD3731" s="53"/>
      <c r="CE3731" s="53"/>
      <c r="CF3731" s="53"/>
      <c r="CG3731" s="53"/>
      <c r="CH3731" s="53"/>
      <c r="CI3731" s="53"/>
      <c r="CJ3731" s="53"/>
      <c r="CK3731" s="53"/>
      <c r="CL3731" s="53"/>
      <c r="CM3731" s="53"/>
      <c r="CN3731" s="53"/>
    </row>
    <row r="3732" spans="1:92" outlineLevel="1">
      <c r="A3732" s="52" t="s">
        <v>649</v>
      </c>
      <c r="B3732" s="53"/>
      <c r="C3732" s="53"/>
      <c r="D3732" s="53">
        <v>-2387928.1803206801</v>
      </c>
      <c r="E3732" s="53"/>
      <c r="F3732" s="53"/>
      <c r="G3732" s="53"/>
      <c r="H3732" s="53"/>
      <c r="I3732" s="53"/>
      <c r="J3732" s="53"/>
      <c r="K3732" s="53"/>
      <c r="L3732" s="53"/>
      <c r="M3732" s="53"/>
      <c r="N3732" s="53">
        <v>-2387928.1803206801</v>
      </c>
      <c r="O3732" s="53"/>
      <c r="P3732" s="53"/>
      <c r="Q3732" s="53">
        <v>-3909498.2472000001</v>
      </c>
      <c r="R3732" s="53"/>
      <c r="S3732" s="53"/>
      <c r="T3732" s="53"/>
      <c r="U3732" s="53"/>
      <c r="V3732" s="53"/>
      <c r="W3732" s="53"/>
      <c r="X3732" s="53"/>
      <c r="Y3732" s="53"/>
      <c r="Z3732" s="53"/>
      <c r="AA3732" s="53">
        <v>-3909498.2472000001</v>
      </c>
      <c r="AB3732" s="53"/>
      <c r="AC3732" s="53"/>
      <c r="AD3732" s="53">
        <v>-1212377.78999999</v>
      </c>
      <c r="AE3732" s="53"/>
      <c r="AF3732" s="53"/>
      <c r="AG3732" s="53"/>
      <c r="AH3732" s="53"/>
      <c r="AI3732" s="53"/>
      <c r="AJ3732" s="53"/>
      <c r="AK3732" s="53"/>
      <c r="AL3732" s="53"/>
      <c r="AM3732" s="53"/>
      <c r="AN3732" s="53">
        <v>-1212377.78999999</v>
      </c>
      <c r="AO3732" s="53"/>
      <c r="AP3732" s="53"/>
      <c r="AQ3732" s="53">
        <v>-1257473.6199999901</v>
      </c>
      <c r="AR3732" s="53"/>
      <c r="AS3732" s="53"/>
      <c r="AT3732" s="53"/>
      <c r="AU3732" s="53"/>
      <c r="AV3732" s="53"/>
      <c r="AW3732" s="53"/>
      <c r="AX3732" s="53"/>
      <c r="AY3732" s="53"/>
      <c r="AZ3732" s="53"/>
      <c r="BA3732" s="53">
        <v>-1257473.6199999901</v>
      </c>
      <c r="BB3732" s="53"/>
      <c r="BC3732" s="53"/>
      <c r="BD3732" s="53">
        <v>-1257473.6200000001</v>
      </c>
      <c r="BE3732" s="53"/>
      <c r="BF3732" s="53"/>
      <c r="BG3732" s="53"/>
      <c r="BH3732" s="53"/>
      <c r="BI3732" s="53"/>
      <c r="BJ3732" s="53"/>
      <c r="BK3732" s="53"/>
      <c r="BL3732" s="53"/>
      <c r="BM3732" s="53"/>
      <c r="BN3732" s="53">
        <v>-1257473.6200000001</v>
      </c>
      <c r="BO3732" s="53"/>
      <c r="BP3732" s="53"/>
      <c r="BQ3732" s="53">
        <v>-1257473.6200000001</v>
      </c>
      <c r="BR3732" s="53"/>
      <c r="BS3732" s="53"/>
      <c r="BT3732" s="53"/>
      <c r="BU3732" s="53"/>
      <c r="BV3732" s="53"/>
      <c r="BW3732" s="53"/>
      <c r="BX3732" s="53"/>
      <c r="BY3732" s="53"/>
      <c r="BZ3732" s="53"/>
      <c r="CA3732" s="53">
        <v>-1257473.6200000001</v>
      </c>
      <c r="CB3732" s="53">
        <v>-2555737.2999999998</v>
      </c>
      <c r="CC3732" s="53">
        <v>-2709377.53</v>
      </c>
      <c r="CD3732" s="53">
        <v>-2658425.8399999901</v>
      </c>
      <c r="CE3732" s="53">
        <v>-2110044.13</v>
      </c>
      <c r="CF3732" s="53">
        <v>-2302031.2799999998</v>
      </c>
      <c r="CG3732" s="53">
        <v>-2465152</v>
      </c>
      <c r="CH3732" s="53">
        <v>-2104715.75</v>
      </c>
      <c r="CI3732" s="53">
        <v>-3265984</v>
      </c>
      <c r="CJ3732" s="53">
        <v>-2673102.46</v>
      </c>
      <c r="CK3732" s="53">
        <v>-2398012.0199999898</v>
      </c>
      <c r="CL3732" s="53">
        <v>-2879835.02</v>
      </c>
      <c r="CM3732" s="53">
        <v>-2813547.2099999902</v>
      </c>
      <c r="CN3732" s="53">
        <v>-30935964.539999899</v>
      </c>
    </row>
    <row r="3733" spans="1:92" outlineLevel="1">
      <c r="A3733" s="52" t="s">
        <v>1620</v>
      </c>
      <c r="B3733" s="53"/>
      <c r="C3733" s="53"/>
      <c r="D3733" s="53"/>
      <c r="E3733" s="53"/>
      <c r="F3733" s="53"/>
      <c r="G3733" s="53"/>
      <c r="H3733" s="53"/>
      <c r="I3733" s="53"/>
      <c r="J3733" s="53"/>
      <c r="K3733" s="53"/>
      <c r="L3733" s="53"/>
      <c r="M3733" s="53"/>
      <c r="N3733" s="53"/>
      <c r="O3733" s="53"/>
      <c r="P3733" s="53"/>
      <c r="Q3733" s="53"/>
      <c r="R3733" s="53"/>
      <c r="S3733" s="53"/>
      <c r="T3733" s="53"/>
      <c r="U3733" s="53"/>
      <c r="V3733" s="53"/>
      <c r="W3733" s="53"/>
      <c r="X3733" s="53"/>
      <c r="Y3733" s="53"/>
      <c r="Z3733" s="53"/>
      <c r="AA3733" s="53"/>
      <c r="AB3733" s="53"/>
      <c r="AC3733" s="53"/>
      <c r="AD3733" s="53"/>
      <c r="AE3733" s="53"/>
      <c r="AF3733" s="53"/>
      <c r="AG3733" s="53"/>
      <c r="AH3733" s="53"/>
      <c r="AI3733" s="53"/>
      <c r="AJ3733" s="53"/>
      <c r="AK3733" s="53"/>
      <c r="AL3733" s="53"/>
      <c r="AM3733" s="53"/>
      <c r="AN3733" s="53"/>
      <c r="AO3733" s="53"/>
      <c r="AP3733" s="53"/>
      <c r="AQ3733" s="53"/>
      <c r="AR3733" s="53"/>
      <c r="AS3733" s="53"/>
      <c r="AT3733" s="53"/>
      <c r="AU3733" s="53"/>
      <c r="AV3733" s="53"/>
      <c r="AW3733" s="53"/>
      <c r="AX3733" s="53"/>
      <c r="AY3733" s="53"/>
      <c r="AZ3733" s="53"/>
      <c r="BA3733" s="53"/>
      <c r="BB3733" s="53"/>
      <c r="BC3733" s="53"/>
      <c r="BD3733" s="53"/>
      <c r="BE3733" s="53"/>
      <c r="BF3733" s="53"/>
      <c r="BG3733" s="53"/>
      <c r="BH3733" s="53"/>
      <c r="BI3733" s="53"/>
      <c r="BJ3733" s="53"/>
      <c r="BK3733" s="53"/>
      <c r="BL3733" s="53"/>
      <c r="BM3733" s="53"/>
      <c r="BN3733" s="53"/>
      <c r="BO3733" s="53"/>
      <c r="BP3733" s="53"/>
      <c r="BQ3733" s="53"/>
      <c r="BR3733" s="53"/>
      <c r="BS3733" s="53"/>
      <c r="BT3733" s="53"/>
      <c r="BU3733" s="53"/>
      <c r="BV3733" s="53"/>
      <c r="BW3733" s="53"/>
      <c r="BX3733" s="53"/>
      <c r="BY3733" s="53"/>
      <c r="BZ3733" s="53"/>
      <c r="CA3733" s="53"/>
      <c r="CB3733" s="53"/>
      <c r="CC3733" s="53"/>
      <c r="CD3733" s="53"/>
      <c r="CE3733" s="53"/>
      <c r="CF3733" s="53"/>
      <c r="CG3733" s="53"/>
      <c r="CH3733" s="53"/>
      <c r="CI3733" s="53"/>
      <c r="CJ3733" s="53"/>
      <c r="CK3733" s="53"/>
      <c r="CL3733" s="53"/>
      <c r="CM3733" s="53"/>
      <c r="CN3733" s="53"/>
    </row>
    <row r="3734" spans="1:92" outlineLevel="1">
      <c r="A3734" s="52" t="s">
        <v>649</v>
      </c>
      <c r="B3734" s="53"/>
      <c r="C3734" s="53"/>
      <c r="D3734" s="53">
        <v>-1185029.9624888999</v>
      </c>
      <c r="E3734" s="53"/>
      <c r="F3734" s="53"/>
      <c r="G3734" s="53"/>
      <c r="H3734" s="53"/>
      <c r="I3734" s="53"/>
      <c r="J3734" s="53"/>
      <c r="K3734" s="53"/>
      <c r="L3734" s="53"/>
      <c r="M3734" s="53"/>
      <c r="N3734" s="53">
        <v>-1185029.9624888999</v>
      </c>
      <c r="O3734" s="53"/>
      <c r="P3734" s="53"/>
      <c r="Q3734" s="53"/>
      <c r="R3734" s="53"/>
      <c r="S3734" s="53"/>
      <c r="T3734" s="53"/>
      <c r="U3734" s="53"/>
      <c r="V3734" s="53"/>
      <c r="W3734" s="53"/>
      <c r="X3734" s="53"/>
      <c r="Y3734" s="53"/>
      <c r="Z3734" s="53"/>
      <c r="AA3734" s="53"/>
      <c r="AB3734" s="53"/>
      <c r="AC3734" s="53"/>
      <c r="AD3734" s="53">
        <v>-1248918.06</v>
      </c>
      <c r="AE3734" s="53"/>
      <c r="AF3734" s="53"/>
      <c r="AG3734" s="53"/>
      <c r="AH3734" s="53"/>
      <c r="AI3734" s="53"/>
      <c r="AJ3734" s="53"/>
      <c r="AK3734" s="53"/>
      <c r="AL3734" s="53"/>
      <c r="AM3734" s="53"/>
      <c r="AN3734" s="53">
        <v>-1248918.06</v>
      </c>
      <c r="AO3734" s="53"/>
      <c r="AP3734" s="53"/>
      <c r="AQ3734" s="53">
        <v>-1308176.3499999901</v>
      </c>
      <c r="AR3734" s="53"/>
      <c r="AS3734" s="53"/>
      <c r="AT3734" s="53"/>
      <c r="AU3734" s="53"/>
      <c r="AV3734" s="53"/>
      <c r="AW3734" s="53"/>
      <c r="AX3734" s="53"/>
      <c r="AY3734" s="53"/>
      <c r="AZ3734" s="53"/>
      <c r="BA3734" s="53">
        <v>-1308176.3499999901</v>
      </c>
      <c r="BB3734" s="53"/>
      <c r="BC3734" s="53"/>
      <c r="BD3734" s="53">
        <v>-1308176.22</v>
      </c>
      <c r="BE3734" s="53"/>
      <c r="BF3734" s="53"/>
      <c r="BG3734" s="53"/>
      <c r="BH3734" s="53"/>
      <c r="BI3734" s="53"/>
      <c r="BJ3734" s="53"/>
      <c r="BK3734" s="53"/>
      <c r="BL3734" s="53"/>
      <c r="BM3734" s="53"/>
      <c r="BN3734" s="53">
        <v>-1308176.22</v>
      </c>
      <c r="BO3734" s="53"/>
      <c r="BP3734" s="53"/>
      <c r="BQ3734" s="53">
        <v>-1308176.22</v>
      </c>
      <c r="BR3734" s="53"/>
      <c r="BS3734" s="53"/>
      <c r="BT3734" s="53"/>
      <c r="BU3734" s="53"/>
      <c r="BV3734" s="53"/>
      <c r="BW3734" s="53"/>
      <c r="BX3734" s="53"/>
      <c r="BY3734" s="53"/>
      <c r="BZ3734" s="53"/>
      <c r="CA3734" s="53">
        <v>-1308176.22</v>
      </c>
      <c r="CB3734" s="53">
        <v>-96801882.019999996</v>
      </c>
      <c r="CC3734" s="53">
        <v>-82686144.709999993</v>
      </c>
      <c r="CD3734" s="53">
        <v>-84040742.510000005</v>
      </c>
      <c r="CE3734" s="53">
        <v>-75622199.959999993</v>
      </c>
      <c r="CF3734" s="53">
        <v>-89792007.289999902</v>
      </c>
      <c r="CG3734" s="53">
        <v>-95721055.140000001</v>
      </c>
      <c r="CH3734" s="53">
        <v>-101577896.73999999</v>
      </c>
      <c r="CI3734" s="53">
        <v>-101850854.92</v>
      </c>
      <c r="CJ3734" s="53">
        <v>-97561165.279999897</v>
      </c>
      <c r="CK3734" s="53">
        <v>-87880748.609999999</v>
      </c>
      <c r="CL3734" s="53">
        <v>-81465344.129999995</v>
      </c>
      <c r="CM3734" s="53">
        <v>-93850456.6199999</v>
      </c>
      <c r="CN3734" s="53">
        <v>-1088850497.9299901</v>
      </c>
    </row>
    <row r="3735" spans="1:92" outlineLevel="1">
      <c r="A3735" s="52" t="s">
        <v>1621</v>
      </c>
      <c r="B3735" s="53"/>
      <c r="C3735" s="53"/>
      <c r="D3735" s="53"/>
      <c r="E3735" s="53"/>
      <c r="F3735" s="53"/>
      <c r="G3735" s="53"/>
      <c r="H3735" s="53"/>
      <c r="I3735" s="53"/>
      <c r="J3735" s="53"/>
      <c r="K3735" s="53"/>
      <c r="L3735" s="53"/>
      <c r="M3735" s="53"/>
      <c r="N3735" s="53"/>
      <c r="O3735" s="53"/>
      <c r="P3735" s="53"/>
      <c r="Q3735" s="53"/>
      <c r="R3735" s="53"/>
      <c r="S3735" s="53"/>
      <c r="T3735" s="53"/>
      <c r="U3735" s="53"/>
      <c r="V3735" s="53"/>
      <c r="W3735" s="53"/>
      <c r="X3735" s="53"/>
      <c r="Y3735" s="53"/>
      <c r="Z3735" s="53"/>
      <c r="AA3735" s="53"/>
      <c r="AB3735" s="53"/>
      <c r="AC3735" s="53"/>
      <c r="AD3735" s="53"/>
      <c r="AE3735" s="53"/>
      <c r="AF3735" s="53"/>
      <c r="AG3735" s="53"/>
      <c r="AH3735" s="53"/>
      <c r="AI3735" s="53"/>
      <c r="AJ3735" s="53"/>
      <c r="AK3735" s="53"/>
      <c r="AL3735" s="53"/>
      <c r="AM3735" s="53"/>
      <c r="AN3735" s="53"/>
      <c r="AO3735" s="53"/>
      <c r="AP3735" s="53"/>
      <c r="AQ3735" s="53"/>
      <c r="AR3735" s="53"/>
      <c r="AS3735" s="53"/>
      <c r="AT3735" s="53"/>
      <c r="AU3735" s="53"/>
      <c r="AV3735" s="53"/>
      <c r="AW3735" s="53"/>
      <c r="AX3735" s="53"/>
      <c r="AY3735" s="53"/>
      <c r="AZ3735" s="53"/>
      <c r="BA3735" s="53"/>
      <c r="BB3735" s="53"/>
      <c r="BC3735" s="53"/>
      <c r="BD3735" s="53"/>
      <c r="BE3735" s="53"/>
      <c r="BF3735" s="53"/>
      <c r="BG3735" s="53"/>
      <c r="BH3735" s="53"/>
      <c r="BI3735" s="53"/>
      <c r="BJ3735" s="53"/>
      <c r="BK3735" s="53"/>
      <c r="BL3735" s="53"/>
      <c r="BM3735" s="53"/>
      <c r="BN3735" s="53"/>
      <c r="BO3735" s="53"/>
      <c r="BP3735" s="53"/>
      <c r="BQ3735" s="53"/>
      <c r="BR3735" s="53"/>
      <c r="BS3735" s="53"/>
      <c r="BT3735" s="53"/>
      <c r="BU3735" s="53"/>
      <c r="BV3735" s="53"/>
      <c r="BW3735" s="53"/>
      <c r="BX3735" s="53"/>
      <c r="BY3735" s="53"/>
      <c r="BZ3735" s="53"/>
      <c r="CA3735" s="53"/>
      <c r="CB3735" s="53"/>
      <c r="CC3735" s="53"/>
      <c r="CD3735" s="53"/>
      <c r="CE3735" s="53"/>
      <c r="CF3735" s="53"/>
      <c r="CG3735" s="53"/>
      <c r="CH3735" s="53"/>
      <c r="CI3735" s="53"/>
      <c r="CJ3735" s="53"/>
      <c r="CK3735" s="53"/>
      <c r="CL3735" s="53"/>
      <c r="CM3735" s="53"/>
      <c r="CN3735" s="53"/>
    </row>
    <row r="3736" spans="1:92" outlineLevel="1">
      <c r="A3736" s="52" t="s">
        <v>649</v>
      </c>
      <c r="B3736" s="53"/>
      <c r="C3736" s="53"/>
      <c r="D3736" s="53">
        <v>-1406033.1432904</v>
      </c>
      <c r="E3736" s="53"/>
      <c r="F3736" s="53"/>
      <c r="G3736" s="53"/>
      <c r="H3736" s="53"/>
      <c r="I3736" s="53"/>
      <c r="J3736" s="53"/>
      <c r="K3736" s="53"/>
      <c r="L3736" s="53"/>
      <c r="M3736" s="53"/>
      <c r="N3736" s="53">
        <v>-1406033.1432904</v>
      </c>
      <c r="O3736" s="53"/>
      <c r="P3736" s="53"/>
      <c r="Q3736" s="53"/>
      <c r="R3736" s="53"/>
      <c r="S3736" s="53"/>
      <c r="T3736" s="53"/>
      <c r="U3736" s="53"/>
      <c r="V3736" s="53"/>
      <c r="W3736" s="53"/>
      <c r="X3736" s="53"/>
      <c r="Y3736" s="53"/>
      <c r="Z3736" s="53"/>
      <c r="AA3736" s="53"/>
      <c r="AB3736" s="53"/>
      <c r="AC3736" s="53"/>
      <c r="AD3736" s="53">
        <v>-730896.27</v>
      </c>
      <c r="AE3736" s="53"/>
      <c r="AF3736" s="53"/>
      <c r="AG3736" s="53"/>
      <c r="AH3736" s="53"/>
      <c r="AI3736" s="53"/>
      <c r="AJ3736" s="53"/>
      <c r="AK3736" s="53"/>
      <c r="AL3736" s="53"/>
      <c r="AM3736" s="53"/>
      <c r="AN3736" s="53">
        <v>-730896.27</v>
      </c>
      <c r="AO3736" s="53"/>
      <c r="AP3736" s="53"/>
      <c r="AQ3736" s="53">
        <v>-738692.11</v>
      </c>
      <c r="AR3736" s="53"/>
      <c r="AS3736" s="53"/>
      <c r="AT3736" s="53"/>
      <c r="AU3736" s="53"/>
      <c r="AV3736" s="53"/>
      <c r="AW3736" s="53"/>
      <c r="AX3736" s="53"/>
      <c r="AY3736" s="53"/>
      <c r="AZ3736" s="53"/>
      <c r="BA3736" s="53">
        <v>-738692.11</v>
      </c>
      <c r="BB3736" s="53"/>
      <c r="BC3736" s="53"/>
      <c r="BD3736" s="53">
        <v>-738692.24</v>
      </c>
      <c r="BE3736" s="53"/>
      <c r="BF3736" s="53"/>
      <c r="BG3736" s="53"/>
      <c r="BH3736" s="53"/>
      <c r="BI3736" s="53"/>
      <c r="BJ3736" s="53"/>
      <c r="BK3736" s="53"/>
      <c r="BL3736" s="53"/>
      <c r="BM3736" s="53"/>
      <c r="BN3736" s="53">
        <v>-738692.24</v>
      </c>
      <c r="BO3736" s="53"/>
      <c r="BP3736" s="53"/>
      <c r="BQ3736" s="53">
        <v>-738692.24</v>
      </c>
      <c r="BR3736" s="53"/>
      <c r="BS3736" s="53"/>
      <c r="BT3736" s="53"/>
      <c r="BU3736" s="53"/>
      <c r="BV3736" s="53"/>
      <c r="BW3736" s="53"/>
      <c r="BX3736" s="53"/>
      <c r="BY3736" s="53"/>
      <c r="BZ3736" s="53"/>
      <c r="CA3736" s="53">
        <v>-738692.24</v>
      </c>
      <c r="CB3736" s="53"/>
      <c r="CC3736" s="53"/>
      <c r="CD3736" s="53"/>
      <c r="CE3736" s="53"/>
      <c r="CF3736" s="53"/>
      <c r="CG3736" s="53"/>
      <c r="CH3736" s="53"/>
      <c r="CI3736" s="53"/>
      <c r="CJ3736" s="53"/>
      <c r="CK3736" s="53"/>
      <c r="CL3736" s="53"/>
      <c r="CM3736" s="53"/>
      <c r="CN3736" s="53"/>
    </row>
    <row r="3737" spans="1:92" outlineLevel="1">
      <c r="A3737" s="52" t="s">
        <v>650</v>
      </c>
      <c r="B3737" s="53"/>
      <c r="C3737" s="53"/>
      <c r="D3737" s="53"/>
      <c r="E3737" s="53"/>
      <c r="F3737" s="53"/>
      <c r="G3737" s="53"/>
      <c r="H3737" s="53"/>
      <c r="I3737" s="53"/>
      <c r="J3737" s="53"/>
      <c r="K3737" s="53"/>
      <c r="L3737" s="53"/>
      <c r="M3737" s="53"/>
      <c r="N3737" s="53"/>
      <c r="O3737" s="53"/>
      <c r="P3737" s="53"/>
      <c r="Q3737" s="53"/>
      <c r="R3737" s="53"/>
      <c r="S3737" s="53"/>
      <c r="T3737" s="53"/>
      <c r="U3737" s="53"/>
      <c r="V3737" s="53"/>
      <c r="W3737" s="53"/>
      <c r="X3737" s="53"/>
      <c r="Y3737" s="53"/>
      <c r="Z3737" s="53"/>
      <c r="AA3737" s="53"/>
      <c r="AB3737" s="53"/>
      <c r="AC3737" s="53"/>
      <c r="AD3737" s="53"/>
      <c r="AE3737" s="53"/>
      <c r="AF3737" s="53"/>
      <c r="AG3737" s="53"/>
      <c r="AH3737" s="53"/>
      <c r="AI3737" s="53"/>
      <c r="AJ3737" s="53"/>
      <c r="AK3737" s="53"/>
      <c r="AL3737" s="53"/>
      <c r="AM3737" s="53"/>
      <c r="AN3737" s="53"/>
      <c r="AO3737" s="53"/>
      <c r="AP3737" s="53"/>
      <c r="AQ3737" s="53"/>
      <c r="AR3737" s="53"/>
      <c r="AS3737" s="53"/>
      <c r="AT3737" s="53"/>
      <c r="AU3737" s="53"/>
      <c r="AV3737" s="53"/>
      <c r="AW3737" s="53"/>
      <c r="AX3737" s="53"/>
      <c r="AY3737" s="53"/>
      <c r="AZ3737" s="53"/>
      <c r="BA3737" s="53"/>
      <c r="BB3737" s="53"/>
      <c r="BC3737" s="53"/>
      <c r="BD3737" s="53"/>
      <c r="BE3737" s="53"/>
      <c r="BF3737" s="53"/>
      <c r="BG3737" s="53"/>
      <c r="BH3737" s="53"/>
      <c r="BI3737" s="53"/>
      <c r="BJ3737" s="53"/>
      <c r="BK3737" s="53"/>
      <c r="BL3737" s="53"/>
      <c r="BM3737" s="53"/>
      <c r="BN3737" s="53"/>
      <c r="BO3737" s="53"/>
      <c r="BP3737" s="53"/>
      <c r="BQ3737" s="53"/>
      <c r="BR3737" s="53"/>
      <c r="BS3737" s="53"/>
      <c r="BT3737" s="53"/>
      <c r="BU3737" s="53"/>
      <c r="BV3737" s="53"/>
      <c r="BW3737" s="53"/>
      <c r="BX3737" s="53"/>
      <c r="BY3737" s="53"/>
      <c r="BZ3737" s="53"/>
      <c r="CA3737" s="53"/>
      <c r="CB3737" s="53"/>
      <c r="CC3737" s="53"/>
      <c r="CD3737" s="53"/>
      <c r="CE3737" s="53"/>
      <c r="CF3737" s="53"/>
      <c r="CG3737" s="53"/>
      <c r="CH3737" s="53"/>
      <c r="CI3737" s="53"/>
      <c r="CJ3737" s="53"/>
      <c r="CK3737" s="53"/>
      <c r="CL3737" s="53"/>
      <c r="CM3737" s="53"/>
      <c r="CN3737" s="53"/>
    </row>
    <row r="3738" spans="1:92" outlineLevel="1">
      <c r="A3738" s="52" t="s">
        <v>1735</v>
      </c>
      <c r="B3738" s="53"/>
      <c r="C3738" s="53"/>
      <c r="D3738" s="53"/>
      <c r="E3738" s="53"/>
      <c r="F3738" s="53"/>
      <c r="G3738" s="53"/>
      <c r="H3738" s="53"/>
      <c r="I3738" s="53"/>
      <c r="J3738" s="53"/>
      <c r="K3738" s="53"/>
      <c r="L3738" s="53"/>
      <c r="M3738" s="53"/>
      <c r="N3738" s="53"/>
      <c r="O3738" s="53"/>
      <c r="P3738" s="53"/>
      <c r="Q3738" s="53"/>
      <c r="R3738" s="53"/>
      <c r="S3738" s="53"/>
      <c r="T3738" s="53"/>
      <c r="U3738" s="53"/>
      <c r="V3738" s="53"/>
      <c r="W3738" s="53"/>
      <c r="X3738" s="53"/>
      <c r="Y3738" s="53"/>
      <c r="Z3738" s="53"/>
      <c r="AA3738" s="53"/>
      <c r="AB3738" s="53"/>
      <c r="AC3738" s="53"/>
      <c r="AD3738" s="53"/>
      <c r="AE3738" s="53"/>
      <c r="AF3738" s="53"/>
      <c r="AG3738" s="53"/>
      <c r="AH3738" s="53"/>
      <c r="AI3738" s="53"/>
      <c r="AJ3738" s="53"/>
      <c r="AK3738" s="53"/>
      <c r="AL3738" s="53"/>
      <c r="AM3738" s="53"/>
      <c r="AN3738" s="53"/>
      <c r="AO3738" s="53"/>
      <c r="AP3738" s="53"/>
      <c r="AQ3738" s="53"/>
      <c r="AR3738" s="53"/>
      <c r="AS3738" s="53"/>
      <c r="AT3738" s="53"/>
      <c r="AU3738" s="53"/>
      <c r="AV3738" s="53"/>
      <c r="AW3738" s="53"/>
      <c r="AX3738" s="53"/>
      <c r="AY3738" s="53"/>
      <c r="AZ3738" s="53"/>
      <c r="BA3738" s="53"/>
      <c r="BB3738" s="53"/>
      <c r="BC3738" s="53"/>
      <c r="BD3738" s="53"/>
      <c r="BE3738" s="53"/>
      <c r="BF3738" s="53"/>
      <c r="BG3738" s="53"/>
      <c r="BH3738" s="53"/>
      <c r="BI3738" s="53"/>
      <c r="BJ3738" s="53"/>
      <c r="BK3738" s="53"/>
      <c r="BL3738" s="53"/>
      <c r="BM3738" s="53"/>
      <c r="BN3738" s="53"/>
      <c r="BO3738" s="53"/>
      <c r="BP3738" s="53"/>
      <c r="BQ3738" s="53"/>
      <c r="BR3738" s="53"/>
      <c r="BS3738" s="53"/>
      <c r="BT3738" s="53"/>
      <c r="BU3738" s="53"/>
      <c r="BV3738" s="53"/>
      <c r="BW3738" s="53"/>
      <c r="BX3738" s="53"/>
      <c r="BY3738" s="53"/>
      <c r="BZ3738" s="53"/>
      <c r="CA3738" s="53"/>
      <c r="CB3738" s="53"/>
      <c r="CC3738" s="53"/>
      <c r="CD3738" s="53"/>
      <c r="CE3738" s="53"/>
      <c r="CF3738" s="53"/>
      <c r="CG3738" s="53"/>
      <c r="CH3738" s="53"/>
      <c r="CI3738" s="53"/>
      <c r="CJ3738" s="53"/>
      <c r="CK3738" s="53"/>
      <c r="CL3738" s="53"/>
      <c r="CM3738" s="53"/>
      <c r="CN3738" s="53"/>
    </row>
    <row r="3739" spans="1:92" outlineLevel="1">
      <c r="A3739" s="52" t="s">
        <v>649</v>
      </c>
      <c r="B3739" s="53"/>
      <c r="C3739" s="53"/>
      <c r="D3739" s="53"/>
      <c r="E3739" s="53"/>
      <c r="F3739" s="53"/>
      <c r="G3739" s="53"/>
      <c r="H3739" s="53"/>
      <c r="I3739" s="53"/>
      <c r="J3739" s="53"/>
      <c r="K3739" s="53"/>
      <c r="L3739" s="53"/>
      <c r="M3739" s="53"/>
      <c r="N3739" s="53"/>
      <c r="O3739" s="53"/>
      <c r="P3739" s="53"/>
      <c r="Q3739" s="53">
        <v>-18433204.1047558</v>
      </c>
      <c r="R3739" s="53"/>
      <c r="S3739" s="53"/>
      <c r="T3739" s="53">
        <v>-18433204.1047558</v>
      </c>
      <c r="U3739" s="53"/>
      <c r="V3739" s="53"/>
      <c r="W3739" s="53">
        <v>-18433204.1047558</v>
      </c>
      <c r="X3739" s="53"/>
      <c r="Y3739" s="53"/>
      <c r="Z3739" s="53">
        <v>-18433204.1047558</v>
      </c>
      <c r="AA3739" s="53">
        <v>-73732816.419023201</v>
      </c>
      <c r="AB3739" s="53"/>
      <c r="AC3739" s="53"/>
      <c r="AD3739" s="53">
        <v>-7066796.7144867899</v>
      </c>
      <c r="AE3739" s="53"/>
      <c r="AF3739" s="53"/>
      <c r="AG3739" s="53">
        <v>-7066796.7144867899</v>
      </c>
      <c r="AH3739" s="53"/>
      <c r="AI3739" s="53"/>
      <c r="AJ3739" s="53">
        <v>-7066796.7144867899</v>
      </c>
      <c r="AK3739" s="53"/>
      <c r="AL3739" s="53"/>
      <c r="AM3739" s="53">
        <v>-7066796.7144867899</v>
      </c>
      <c r="AN3739" s="53">
        <v>-28267186.8579471</v>
      </c>
      <c r="AO3739" s="53"/>
      <c r="AP3739" s="53"/>
      <c r="AQ3739" s="53"/>
      <c r="AR3739" s="53"/>
      <c r="AS3739" s="53"/>
      <c r="AT3739" s="53"/>
      <c r="AU3739" s="53"/>
      <c r="AV3739" s="53"/>
      <c r="AW3739" s="53"/>
      <c r="AX3739" s="53"/>
      <c r="AY3739" s="53"/>
      <c r="AZ3739" s="53"/>
      <c r="BA3739" s="53"/>
      <c r="BB3739" s="53"/>
      <c r="BC3739" s="53"/>
      <c r="BD3739" s="53"/>
      <c r="BE3739" s="53"/>
      <c r="BF3739" s="53"/>
      <c r="BG3739" s="53"/>
      <c r="BH3739" s="53"/>
      <c r="BI3739" s="53"/>
      <c r="BJ3739" s="53"/>
      <c r="BK3739" s="53"/>
      <c r="BL3739" s="53"/>
      <c r="BM3739" s="53"/>
      <c r="BN3739" s="53"/>
      <c r="BO3739" s="53"/>
      <c r="BP3739" s="53"/>
      <c r="BQ3739" s="53"/>
      <c r="BR3739" s="53"/>
      <c r="BS3739" s="53"/>
      <c r="BT3739" s="53"/>
      <c r="BU3739" s="53"/>
      <c r="BV3739" s="53"/>
      <c r="BW3739" s="53"/>
      <c r="BX3739" s="53"/>
      <c r="BY3739" s="53"/>
      <c r="BZ3739" s="53"/>
      <c r="CA3739" s="53"/>
      <c r="CB3739" s="53"/>
      <c r="CC3739" s="53"/>
      <c r="CD3739" s="53"/>
      <c r="CE3739" s="53"/>
      <c r="CF3739" s="53"/>
      <c r="CG3739" s="53"/>
      <c r="CH3739" s="53"/>
      <c r="CI3739" s="53"/>
      <c r="CJ3739" s="53"/>
      <c r="CK3739" s="53"/>
      <c r="CL3739" s="53"/>
      <c r="CM3739" s="53"/>
      <c r="CN3739" s="53"/>
    </row>
    <row r="3740" spans="1:92" outlineLevel="1">
      <c r="A3740" s="52" t="s">
        <v>1736</v>
      </c>
      <c r="B3740" s="53"/>
      <c r="C3740" s="53"/>
      <c r="D3740" s="53"/>
      <c r="E3740" s="53"/>
      <c r="F3740" s="53"/>
      <c r="G3740" s="53"/>
      <c r="H3740" s="53"/>
      <c r="I3740" s="53"/>
      <c r="J3740" s="53"/>
      <c r="K3740" s="53"/>
      <c r="L3740" s="53"/>
      <c r="M3740" s="53"/>
      <c r="N3740" s="53"/>
      <c r="O3740" s="53"/>
      <c r="P3740" s="53"/>
      <c r="Q3740" s="53"/>
      <c r="R3740" s="53"/>
      <c r="S3740" s="53"/>
      <c r="T3740" s="53"/>
      <c r="U3740" s="53"/>
      <c r="V3740" s="53"/>
      <c r="W3740" s="53"/>
      <c r="X3740" s="53"/>
      <c r="Y3740" s="53"/>
      <c r="Z3740" s="53"/>
      <c r="AA3740" s="53"/>
      <c r="AB3740" s="53"/>
      <c r="AC3740" s="53"/>
      <c r="AD3740" s="53"/>
      <c r="AE3740" s="53"/>
      <c r="AF3740" s="53"/>
      <c r="AG3740" s="53"/>
      <c r="AH3740" s="53"/>
      <c r="AI3740" s="53"/>
      <c r="AJ3740" s="53"/>
      <c r="AK3740" s="53"/>
      <c r="AL3740" s="53"/>
      <c r="AM3740" s="53"/>
      <c r="AN3740" s="53"/>
      <c r="AO3740" s="53"/>
      <c r="AP3740" s="53"/>
      <c r="AQ3740" s="53"/>
      <c r="AR3740" s="53"/>
      <c r="AS3740" s="53"/>
      <c r="AT3740" s="53"/>
      <c r="AU3740" s="53"/>
      <c r="AV3740" s="53"/>
      <c r="AW3740" s="53"/>
      <c r="AX3740" s="53"/>
      <c r="AY3740" s="53"/>
      <c r="AZ3740" s="53"/>
      <c r="BA3740" s="53"/>
      <c r="BB3740" s="53"/>
      <c r="BC3740" s="53"/>
      <c r="BD3740" s="53"/>
      <c r="BE3740" s="53"/>
      <c r="BF3740" s="53"/>
      <c r="BG3740" s="53"/>
      <c r="BH3740" s="53"/>
      <c r="BI3740" s="53"/>
      <c r="BJ3740" s="53"/>
      <c r="BK3740" s="53"/>
      <c r="BL3740" s="53"/>
      <c r="BM3740" s="53"/>
      <c r="BN3740" s="53"/>
      <c r="BO3740" s="53"/>
      <c r="BP3740" s="53"/>
      <c r="BQ3740" s="53"/>
      <c r="BR3740" s="53"/>
      <c r="BS3740" s="53"/>
      <c r="BT3740" s="53"/>
      <c r="BU3740" s="53"/>
      <c r="BV3740" s="53"/>
      <c r="BW3740" s="53"/>
      <c r="BX3740" s="53"/>
      <c r="BY3740" s="53"/>
      <c r="BZ3740" s="53"/>
      <c r="CA3740" s="53"/>
      <c r="CB3740" s="53"/>
      <c r="CC3740" s="53"/>
      <c r="CD3740" s="53"/>
      <c r="CE3740" s="53"/>
      <c r="CF3740" s="53"/>
      <c r="CG3740" s="53"/>
      <c r="CH3740" s="53"/>
      <c r="CI3740" s="53"/>
      <c r="CJ3740" s="53"/>
      <c r="CK3740" s="53"/>
      <c r="CL3740" s="53"/>
      <c r="CM3740" s="53"/>
      <c r="CN3740" s="53"/>
    </row>
    <row r="3741" spans="1:92" outlineLevel="1">
      <c r="A3741" s="52" t="s">
        <v>649</v>
      </c>
      <c r="B3741" s="53"/>
      <c r="C3741" s="53"/>
      <c r="D3741" s="53"/>
      <c r="E3741" s="53"/>
      <c r="F3741" s="53"/>
      <c r="G3741" s="53"/>
      <c r="H3741" s="53"/>
      <c r="I3741" s="53"/>
      <c r="J3741" s="53"/>
      <c r="K3741" s="53"/>
      <c r="L3741" s="53"/>
      <c r="M3741" s="53"/>
      <c r="N3741" s="53"/>
      <c r="O3741" s="53"/>
      <c r="P3741" s="53"/>
      <c r="Q3741" s="53">
        <v>-12830954.793979799</v>
      </c>
      <c r="R3741" s="53"/>
      <c r="S3741" s="53"/>
      <c r="T3741" s="53">
        <v>-12830954.793979799</v>
      </c>
      <c r="U3741" s="53"/>
      <c r="V3741" s="53"/>
      <c r="W3741" s="53">
        <v>-12830954.793979799</v>
      </c>
      <c r="X3741" s="53"/>
      <c r="Y3741" s="53"/>
      <c r="Z3741" s="53">
        <v>-12830954.793979799</v>
      </c>
      <c r="AA3741" s="53">
        <v>-51323819.175919197</v>
      </c>
      <c r="AB3741" s="53"/>
      <c r="AC3741" s="53"/>
      <c r="AD3741" s="53">
        <v>-4919044.3867776096</v>
      </c>
      <c r="AE3741" s="53"/>
      <c r="AF3741" s="53"/>
      <c r="AG3741" s="53">
        <v>-4919044.3867776096</v>
      </c>
      <c r="AH3741" s="53"/>
      <c r="AI3741" s="53"/>
      <c r="AJ3741" s="53">
        <v>-4919044.3867776096</v>
      </c>
      <c r="AK3741" s="53"/>
      <c r="AL3741" s="53"/>
      <c r="AM3741" s="53">
        <v>-4919044.3867776096</v>
      </c>
      <c r="AN3741" s="53">
        <v>-19676177.547110401</v>
      </c>
      <c r="AO3741" s="53"/>
      <c r="AP3741" s="53"/>
      <c r="AQ3741" s="53"/>
      <c r="AR3741" s="53"/>
      <c r="AS3741" s="53"/>
      <c r="AT3741" s="53"/>
      <c r="AU3741" s="53"/>
      <c r="AV3741" s="53"/>
      <c r="AW3741" s="53"/>
      <c r="AX3741" s="53"/>
      <c r="AY3741" s="53"/>
      <c r="AZ3741" s="53"/>
      <c r="BA3741" s="53"/>
      <c r="BB3741" s="53"/>
      <c r="BC3741" s="53"/>
      <c r="BD3741" s="53"/>
      <c r="BE3741" s="53"/>
      <c r="BF3741" s="53"/>
      <c r="BG3741" s="53"/>
      <c r="BH3741" s="53"/>
      <c r="BI3741" s="53"/>
      <c r="BJ3741" s="53"/>
      <c r="BK3741" s="53"/>
      <c r="BL3741" s="53"/>
      <c r="BM3741" s="53"/>
      <c r="BN3741" s="53"/>
      <c r="BO3741" s="53"/>
      <c r="BP3741" s="53"/>
      <c r="BQ3741" s="53"/>
      <c r="BR3741" s="53"/>
      <c r="BS3741" s="53"/>
      <c r="BT3741" s="53"/>
      <c r="BU3741" s="53"/>
      <c r="BV3741" s="53"/>
      <c r="BW3741" s="53"/>
      <c r="BX3741" s="53"/>
      <c r="BY3741" s="53"/>
      <c r="BZ3741" s="53"/>
      <c r="CA3741" s="53"/>
      <c r="CB3741" s="53"/>
      <c r="CC3741" s="53"/>
      <c r="CD3741" s="53"/>
      <c r="CE3741" s="53"/>
      <c r="CF3741" s="53"/>
      <c r="CG3741" s="53"/>
      <c r="CH3741" s="53"/>
      <c r="CI3741" s="53"/>
      <c r="CJ3741" s="53"/>
      <c r="CK3741" s="53"/>
      <c r="CL3741" s="53"/>
      <c r="CM3741" s="53"/>
      <c r="CN3741" s="53"/>
    </row>
    <row r="3742" spans="1:92" outlineLevel="1">
      <c r="A3742" s="52" t="s">
        <v>1358</v>
      </c>
      <c r="B3742" s="53"/>
      <c r="C3742" s="53"/>
      <c r="D3742" s="53"/>
      <c r="E3742" s="53"/>
      <c r="F3742" s="53"/>
      <c r="G3742" s="53"/>
      <c r="H3742" s="53"/>
      <c r="I3742" s="53"/>
      <c r="J3742" s="53"/>
      <c r="K3742" s="53"/>
      <c r="L3742" s="53"/>
      <c r="M3742" s="53"/>
      <c r="N3742" s="53"/>
      <c r="O3742" s="53"/>
      <c r="P3742" s="53"/>
      <c r="Q3742" s="53"/>
      <c r="R3742" s="53"/>
      <c r="S3742" s="53"/>
      <c r="T3742" s="53"/>
      <c r="U3742" s="53"/>
      <c r="V3742" s="53"/>
      <c r="W3742" s="53"/>
      <c r="X3742" s="53"/>
      <c r="Y3742" s="53"/>
      <c r="Z3742" s="53"/>
      <c r="AA3742" s="53"/>
      <c r="AB3742" s="53"/>
      <c r="AC3742" s="53"/>
      <c r="AD3742" s="53"/>
      <c r="AE3742" s="53"/>
      <c r="AF3742" s="53"/>
      <c r="AG3742" s="53"/>
      <c r="AH3742" s="53"/>
      <c r="AI3742" s="53"/>
      <c r="AJ3742" s="53"/>
      <c r="AK3742" s="53"/>
      <c r="AL3742" s="53"/>
      <c r="AM3742" s="53"/>
      <c r="AN3742" s="53"/>
      <c r="AO3742" s="53"/>
      <c r="AP3742" s="53"/>
      <c r="AQ3742" s="53"/>
      <c r="AR3742" s="53"/>
      <c r="AS3742" s="53"/>
      <c r="AT3742" s="53"/>
      <c r="AU3742" s="53"/>
      <c r="AV3742" s="53"/>
      <c r="AW3742" s="53"/>
      <c r="AX3742" s="53"/>
      <c r="AY3742" s="53"/>
      <c r="AZ3742" s="53"/>
      <c r="BA3742" s="53"/>
      <c r="BB3742" s="53"/>
      <c r="BC3742" s="53"/>
      <c r="BD3742" s="53"/>
      <c r="BE3742" s="53"/>
      <c r="BF3742" s="53"/>
      <c r="BG3742" s="53"/>
      <c r="BH3742" s="53"/>
      <c r="BI3742" s="53"/>
      <c r="BJ3742" s="53"/>
      <c r="BK3742" s="53"/>
      <c r="BL3742" s="53"/>
      <c r="BM3742" s="53"/>
      <c r="BN3742" s="53"/>
      <c r="BO3742" s="53"/>
      <c r="BP3742" s="53"/>
      <c r="BQ3742" s="53"/>
      <c r="BR3742" s="53"/>
      <c r="BS3742" s="53"/>
      <c r="BT3742" s="53"/>
      <c r="BU3742" s="53"/>
      <c r="BV3742" s="53"/>
      <c r="BW3742" s="53"/>
      <c r="BX3742" s="53"/>
      <c r="BY3742" s="53"/>
      <c r="BZ3742" s="53"/>
      <c r="CA3742" s="53"/>
      <c r="CB3742" s="53"/>
      <c r="CC3742" s="53"/>
      <c r="CD3742" s="53"/>
      <c r="CE3742" s="53"/>
      <c r="CF3742" s="53"/>
      <c r="CG3742" s="53"/>
      <c r="CH3742" s="53"/>
      <c r="CI3742" s="53"/>
      <c r="CJ3742" s="53"/>
      <c r="CK3742" s="53"/>
      <c r="CL3742" s="53"/>
      <c r="CM3742" s="53"/>
      <c r="CN3742" s="53"/>
    </row>
    <row r="3743" spans="1:92" outlineLevel="1">
      <c r="A3743" s="52" t="s">
        <v>649</v>
      </c>
      <c r="B3743" s="53">
        <v>-355385</v>
      </c>
      <c r="C3743" s="53">
        <v>-355385</v>
      </c>
      <c r="D3743" s="53">
        <v>-355385</v>
      </c>
      <c r="E3743" s="53">
        <v>-355385</v>
      </c>
      <c r="F3743" s="53">
        <v>-355385</v>
      </c>
      <c r="G3743" s="53">
        <v>-355385</v>
      </c>
      <c r="H3743" s="53">
        <v>-355385</v>
      </c>
      <c r="I3743" s="53">
        <v>-355385</v>
      </c>
      <c r="J3743" s="53">
        <v>-355385</v>
      </c>
      <c r="K3743" s="53">
        <v>-355385</v>
      </c>
      <c r="L3743" s="53">
        <v>-355385</v>
      </c>
      <c r="M3743" s="53">
        <v>-355385</v>
      </c>
      <c r="N3743" s="53">
        <v>-4264620</v>
      </c>
      <c r="O3743" s="53">
        <v>-355385</v>
      </c>
      <c r="P3743" s="53">
        <v>-355385</v>
      </c>
      <c r="Q3743" s="53">
        <v>-355385</v>
      </c>
      <c r="R3743" s="53">
        <v>-355385</v>
      </c>
      <c r="S3743" s="53">
        <v>-355385</v>
      </c>
      <c r="T3743" s="53">
        <v>-355385</v>
      </c>
      <c r="U3743" s="53">
        <v>-355385</v>
      </c>
      <c r="V3743" s="53">
        <v>-355385</v>
      </c>
      <c r="W3743" s="53">
        <v>-355385</v>
      </c>
      <c r="X3743" s="53">
        <v>-355385</v>
      </c>
      <c r="Y3743" s="53">
        <v>-355385</v>
      </c>
      <c r="Z3743" s="53">
        <v>-355385</v>
      </c>
      <c r="AA3743" s="53">
        <v>-4264620</v>
      </c>
      <c r="AB3743" s="53">
        <v>-355385</v>
      </c>
      <c r="AC3743" s="53">
        <v>-355385</v>
      </c>
      <c r="AD3743" s="53">
        <v>-355385</v>
      </c>
      <c r="AE3743" s="53">
        <v>-355385</v>
      </c>
      <c r="AF3743" s="53">
        <v>-355385</v>
      </c>
      <c r="AG3743" s="53">
        <v>-355385</v>
      </c>
      <c r="AH3743" s="53">
        <v>-355385</v>
      </c>
      <c r="AI3743" s="53">
        <v>-355385</v>
      </c>
      <c r="AJ3743" s="53">
        <v>-355385</v>
      </c>
      <c r="AK3743" s="53">
        <v>-355385</v>
      </c>
      <c r="AL3743" s="53">
        <v>-355385</v>
      </c>
      <c r="AM3743" s="53">
        <v>-355385</v>
      </c>
      <c r="AN3743" s="53">
        <v>-4264620</v>
      </c>
      <c r="AO3743" s="53">
        <v>-355385</v>
      </c>
      <c r="AP3743" s="53">
        <v>-355385</v>
      </c>
      <c r="AQ3743" s="53">
        <v>-355385</v>
      </c>
      <c r="AR3743" s="53">
        <v>-355385</v>
      </c>
      <c r="AS3743" s="53">
        <v>-355385</v>
      </c>
      <c r="AT3743" s="53">
        <v>-355385</v>
      </c>
      <c r="AU3743" s="53">
        <v>-355385</v>
      </c>
      <c r="AV3743" s="53">
        <v>-355385</v>
      </c>
      <c r="AW3743" s="53">
        <v>-355385</v>
      </c>
      <c r="AX3743" s="53">
        <v>-355385</v>
      </c>
      <c r="AY3743" s="53">
        <v>-355385</v>
      </c>
      <c r="AZ3743" s="53">
        <v>-355385</v>
      </c>
      <c r="BA3743" s="53">
        <v>-4264620</v>
      </c>
      <c r="BB3743" s="53">
        <v>-355385</v>
      </c>
      <c r="BC3743" s="53">
        <v>-355385</v>
      </c>
      <c r="BD3743" s="53">
        <v>-355385</v>
      </c>
      <c r="BE3743" s="53">
        <v>-355385</v>
      </c>
      <c r="BF3743" s="53">
        <v>-355385</v>
      </c>
      <c r="BG3743" s="53">
        <v>-355385</v>
      </c>
      <c r="BH3743" s="53">
        <v>-355385</v>
      </c>
      <c r="BI3743" s="53">
        <v>-355385</v>
      </c>
      <c r="BJ3743" s="53">
        <v>-355385</v>
      </c>
      <c r="BK3743" s="53">
        <v>-355385</v>
      </c>
      <c r="BL3743" s="53">
        <v>-355385</v>
      </c>
      <c r="BM3743" s="53">
        <v>-355385</v>
      </c>
      <c r="BN3743" s="53">
        <v>-4264620</v>
      </c>
      <c r="BO3743" s="53">
        <v>-355385</v>
      </c>
      <c r="BP3743" s="53">
        <v>-355385</v>
      </c>
      <c r="BQ3743" s="53">
        <v>-355385</v>
      </c>
      <c r="BR3743" s="53">
        <v>-355385</v>
      </c>
      <c r="BS3743" s="53">
        <v>-355385</v>
      </c>
      <c r="BT3743" s="53">
        <v>-355385</v>
      </c>
      <c r="BU3743" s="53">
        <v>-355385</v>
      </c>
      <c r="BV3743" s="53">
        <v>-355385</v>
      </c>
      <c r="BW3743" s="53">
        <v>-355385</v>
      </c>
      <c r="BX3743" s="53">
        <v>-355385</v>
      </c>
      <c r="BY3743" s="53">
        <v>-355385</v>
      </c>
      <c r="BZ3743" s="53">
        <v>-355385</v>
      </c>
      <c r="CA3743" s="53">
        <v>-4264620</v>
      </c>
      <c r="CB3743" s="53"/>
      <c r="CC3743" s="53"/>
      <c r="CD3743" s="53"/>
      <c r="CE3743" s="53"/>
      <c r="CF3743" s="53"/>
      <c r="CG3743" s="53"/>
      <c r="CH3743" s="53"/>
      <c r="CI3743" s="53"/>
      <c r="CJ3743" s="53"/>
      <c r="CK3743" s="53"/>
      <c r="CL3743" s="53"/>
      <c r="CM3743" s="53"/>
      <c r="CN3743" s="53"/>
    </row>
    <row r="3744" spans="1:92" outlineLevel="1">
      <c r="A3744" s="52" t="s">
        <v>1294</v>
      </c>
      <c r="B3744" s="53"/>
      <c r="C3744" s="53"/>
      <c r="D3744" s="53"/>
      <c r="E3744" s="53"/>
      <c r="F3744" s="53"/>
      <c r="G3744" s="53"/>
      <c r="H3744" s="53"/>
      <c r="I3744" s="53"/>
      <c r="J3744" s="53"/>
      <c r="K3744" s="53"/>
      <c r="L3744" s="53"/>
      <c r="M3744" s="53"/>
      <c r="N3744" s="53"/>
      <c r="O3744" s="53"/>
      <c r="P3744" s="53"/>
      <c r="Q3744" s="53"/>
      <c r="R3744" s="53"/>
      <c r="S3744" s="53"/>
      <c r="T3744" s="53"/>
      <c r="U3744" s="53"/>
      <c r="V3744" s="53"/>
      <c r="W3744" s="53"/>
      <c r="X3744" s="53"/>
      <c r="Y3744" s="53"/>
      <c r="Z3744" s="53"/>
      <c r="AA3744" s="53"/>
      <c r="AB3744" s="53"/>
      <c r="AC3744" s="53"/>
      <c r="AD3744" s="53"/>
      <c r="AE3744" s="53"/>
      <c r="AF3744" s="53"/>
      <c r="AG3744" s="53"/>
      <c r="AH3744" s="53"/>
      <c r="AI3744" s="53"/>
      <c r="AJ3744" s="53"/>
      <c r="AK3744" s="53"/>
      <c r="AL3744" s="53"/>
      <c r="AM3744" s="53"/>
      <c r="AN3744" s="53"/>
      <c r="AO3744" s="53"/>
      <c r="AP3744" s="53"/>
      <c r="AQ3744" s="53"/>
      <c r="AR3744" s="53"/>
      <c r="AS3744" s="53"/>
      <c r="AT3744" s="53"/>
      <c r="AU3744" s="53"/>
      <c r="AV3744" s="53"/>
      <c r="AW3744" s="53"/>
      <c r="AX3744" s="53"/>
      <c r="AY3744" s="53"/>
      <c r="AZ3744" s="53"/>
      <c r="BA3744" s="53"/>
      <c r="BB3744" s="53"/>
      <c r="BC3744" s="53"/>
      <c r="BD3744" s="53"/>
      <c r="BE3744" s="53"/>
      <c r="BF3744" s="53"/>
      <c r="BG3744" s="53"/>
      <c r="BH3744" s="53"/>
      <c r="BI3744" s="53"/>
      <c r="BJ3744" s="53"/>
      <c r="BK3744" s="53"/>
      <c r="BL3744" s="53"/>
      <c r="BM3744" s="53"/>
      <c r="BN3744" s="53"/>
      <c r="BO3744" s="53"/>
      <c r="BP3744" s="53"/>
      <c r="BQ3744" s="53"/>
      <c r="BR3744" s="53"/>
      <c r="BS3744" s="53"/>
      <c r="BT3744" s="53"/>
      <c r="BU3744" s="53"/>
      <c r="BV3744" s="53"/>
      <c r="BW3744" s="53"/>
      <c r="BX3744" s="53"/>
      <c r="BY3744" s="53"/>
      <c r="BZ3744" s="53"/>
      <c r="CA3744" s="53"/>
      <c r="CB3744" s="53"/>
      <c r="CC3744" s="53"/>
      <c r="CD3744" s="53"/>
      <c r="CE3744" s="53"/>
      <c r="CF3744" s="53"/>
      <c r="CG3744" s="53"/>
      <c r="CH3744" s="53"/>
      <c r="CI3744" s="53"/>
      <c r="CJ3744" s="53"/>
      <c r="CK3744" s="53"/>
      <c r="CL3744" s="53"/>
      <c r="CM3744" s="53"/>
      <c r="CN3744" s="53"/>
    </row>
    <row r="3745" spans="1:92" outlineLevel="1">
      <c r="A3745" s="52" t="s">
        <v>649</v>
      </c>
      <c r="B3745" s="53"/>
      <c r="C3745" s="53"/>
      <c r="D3745" s="53"/>
      <c r="E3745" s="53"/>
      <c r="F3745" s="53"/>
      <c r="G3745" s="53"/>
      <c r="H3745" s="53"/>
      <c r="I3745" s="53"/>
      <c r="J3745" s="53"/>
      <c r="K3745" s="53"/>
      <c r="L3745" s="53"/>
      <c r="M3745" s="53"/>
      <c r="N3745" s="53"/>
      <c r="O3745" s="53">
        <v>13011993.853433199</v>
      </c>
      <c r="P3745" s="53"/>
      <c r="Q3745" s="53"/>
      <c r="R3745" s="53"/>
      <c r="S3745" s="53"/>
      <c r="T3745" s="53"/>
      <c r="U3745" s="53"/>
      <c r="V3745" s="53"/>
      <c r="W3745" s="53"/>
      <c r="X3745" s="53"/>
      <c r="Y3745" s="53"/>
      <c r="Z3745" s="53"/>
      <c r="AA3745" s="53">
        <v>13011993.853433199</v>
      </c>
      <c r="AB3745" s="53"/>
      <c r="AC3745" s="53"/>
      <c r="AD3745" s="53"/>
      <c r="AE3745" s="53"/>
      <c r="AF3745" s="53"/>
      <c r="AG3745" s="53"/>
      <c r="AH3745" s="53"/>
      <c r="AI3745" s="53"/>
      <c r="AJ3745" s="53"/>
      <c r="AK3745" s="53"/>
      <c r="AL3745" s="53"/>
      <c r="AM3745" s="53"/>
      <c r="AN3745" s="53"/>
      <c r="AO3745" s="53"/>
      <c r="AP3745" s="53"/>
      <c r="AQ3745" s="53"/>
      <c r="AR3745" s="53"/>
      <c r="AS3745" s="53"/>
      <c r="AT3745" s="53"/>
      <c r="AU3745" s="53"/>
      <c r="AV3745" s="53"/>
      <c r="AW3745" s="53"/>
      <c r="AX3745" s="53"/>
      <c r="AY3745" s="53"/>
      <c r="AZ3745" s="53"/>
      <c r="BA3745" s="53"/>
      <c r="BB3745" s="53"/>
      <c r="BC3745" s="53"/>
      <c r="BD3745" s="53"/>
      <c r="BE3745" s="53"/>
      <c r="BF3745" s="53"/>
      <c r="BG3745" s="53"/>
      <c r="BH3745" s="53"/>
      <c r="BI3745" s="53"/>
      <c r="BJ3745" s="53"/>
      <c r="BK3745" s="53"/>
      <c r="BL3745" s="53"/>
      <c r="BM3745" s="53"/>
      <c r="BN3745" s="53"/>
      <c r="BO3745" s="53"/>
      <c r="BP3745" s="53"/>
      <c r="BQ3745" s="53"/>
      <c r="BR3745" s="53"/>
      <c r="BS3745" s="53"/>
      <c r="BT3745" s="53"/>
      <c r="BU3745" s="53"/>
      <c r="BV3745" s="53"/>
      <c r="BW3745" s="53"/>
      <c r="BX3745" s="53"/>
      <c r="BY3745" s="53"/>
      <c r="BZ3745" s="53"/>
      <c r="CA3745" s="53"/>
      <c r="CB3745" s="53"/>
      <c r="CC3745" s="53"/>
      <c r="CD3745" s="53"/>
      <c r="CE3745" s="53"/>
      <c r="CF3745" s="53"/>
      <c r="CG3745" s="53"/>
      <c r="CH3745" s="53"/>
      <c r="CI3745" s="53"/>
      <c r="CJ3745" s="53"/>
      <c r="CK3745" s="53"/>
      <c r="CL3745" s="53"/>
      <c r="CM3745" s="53"/>
      <c r="CN3745" s="53"/>
    </row>
    <row r="3746" spans="1:92" outlineLevel="1">
      <c r="A3746" s="52" t="s">
        <v>1289</v>
      </c>
      <c r="B3746" s="53"/>
      <c r="C3746" s="53"/>
      <c r="D3746" s="53"/>
      <c r="E3746" s="53"/>
      <c r="F3746" s="53"/>
      <c r="G3746" s="53"/>
      <c r="H3746" s="53"/>
      <c r="I3746" s="53"/>
      <c r="J3746" s="53"/>
      <c r="K3746" s="53"/>
      <c r="L3746" s="53"/>
      <c r="M3746" s="53"/>
      <c r="N3746" s="53"/>
      <c r="O3746" s="53"/>
      <c r="P3746" s="53"/>
      <c r="Q3746" s="53"/>
      <c r="R3746" s="53"/>
      <c r="S3746" s="53"/>
      <c r="T3746" s="53"/>
      <c r="U3746" s="53"/>
      <c r="V3746" s="53"/>
      <c r="W3746" s="53"/>
      <c r="X3746" s="53"/>
      <c r="Y3746" s="53"/>
      <c r="Z3746" s="53"/>
      <c r="AA3746" s="53"/>
      <c r="AB3746" s="53"/>
      <c r="AC3746" s="53"/>
      <c r="AD3746" s="53"/>
      <c r="AE3746" s="53"/>
      <c r="AF3746" s="53"/>
      <c r="AG3746" s="53"/>
      <c r="AH3746" s="53"/>
      <c r="AI3746" s="53"/>
      <c r="AJ3746" s="53"/>
      <c r="AK3746" s="53"/>
      <c r="AL3746" s="53"/>
      <c r="AM3746" s="53"/>
      <c r="AN3746" s="53"/>
      <c r="AO3746" s="53"/>
      <c r="AP3746" s="53"/>
      <c r="AQ3746" s="53"/>
      <c r="AR3746" s="53"/>
      <c r="AS3746" s="53"/>
      <c r="AT3746" s="53"/>
      <c r="AU3746" s="53"/>
      <c r="AV3746" s="53"/>
      <c r="AW3746" s="53"/>
      <c r="AX3746" s="53"/>
      <c r="AY3746" s="53"/>
      <c r="AZ3746" s="53"/>
      <c r="BA3746" s="53"/>
      <c r="BB3746" s="53"/>
      <c r="BC3746" s="53"/>
      <c r="BD3746" s="53"/>
      <c r="BE3746" s="53"/>
      <c r="BF3746" s="53"/>
      <c r="BG3746" s="53"/>
      <c r="BH3746" s="53"/>
      <c r="BI3746" s="53"/>
      <c r="BJ3746" s="53"/>
      <c r="BK3746" s="53"/>
      <c r="BL3746" s="53"/>
      <c r="BM3746" s="53"/>
      <c r="BN3746" s="53"/>
      <c r="BO3746" s="53"/>
      <c r="BP3746" s="53"/>
      <c r="BQ3746" s="53"/>
      <c r="BR3746" s="53"/>
      <c r="BS3746" s="53"/>
      <c r="BT3746" s="53"/>
      <c r="BU3746" s="53"/>
      <c r="BV3746" s="53"/>
      <c r="BW3746" s="53"/>
      <c r="BX3746" s="53"/>
      <c r="BY3746" s="53"/>
      <c r="BZ3746" s="53"/>
      <c r="CA3746" s="53"/>
      <c r="CB3746" s="53"/>
      <c r="CC3746" s="53"/>
      <c r="CD3746" s="53"/>
      <c r="CE3746" s="53"/>
      <c r="CF3746" s="53"/>
      <c r="CG3746" s="53"/>
      <c r="CH3746" s="53"/>
      <c r="CI3746" s="53"/>
      <c r="CJ3746" s="53"/>
      <c r="CK3746" s="53"/>
      <c r="CL3746" s="53"/>
      <c r="CM3746" s="53"/>
      <c r="CN3746" s="53"/>
    </row>
    <row r="3747" spans="1:92" outlineLevel="1">
      <c r="A3747" s="52" t="s">
        <v>649</v>
      </c>
      <c r="B3747" s="53">
        <v>-166666.66666666701</v>
      </c>
      <c r="C3747" s="53">
        <v>-166666.66666666701</v>
      </c>
      <c r="D3747" s="53">
        <v>-166666.66666666701</v>
      </c>
      <c r="E3747" s="53">
        <v>-166666.66666666701</v>
      </c>
      <c r="F3747" s="53">
        <v>-166666.66666666701</v>
      </c>
      <c r="G3747" s="53">
        <v>-166666.66666666701</v>
      </c>
      <c r="H3747" s="53">
        <v>-166666.66666666701</v>
      </c>
      <c r="I3747" s="53">
        <v>-166666.66666666701</v>
      </c>
      <c r="J3747" s="53">
        <v>-166666.66666666701</v>
      </c>
      <c r="K3747" s="53">
        <v>-166666.66666666701</v>
      </c>
      <c r="L3747" s="53">
        <v>-166666.66666666701</v>
      </c>
      <c r="M3747" s="53">
        <v>-166666.66666666701</v>
      </c>
      <c r="N3747" s="53">
        <v>-2000000</v>
      </c>
      <c r="O3747" s="53">
        <v>-13011993.853433199</v>
      </c>
      <c r="P3747" s="53"/>
      <c r="Q3747" s="53"/>
      <c r="R3747" s="53"/>
      <c r="S3747" s="53"/>
      <c r="T3747" s="53"/>
      <c r="U3747" s="53"/>
      <c r="V3747" s="53"/>
      <c r="W3747" s="53"/>
      <c r="X3747" s="53"/>
      <c r="Y3747" s="53"/>
      <c r="Z3747" s="53"/>
      <c r="AA3747" s="53">
        <v>-13011993.853433199</v>
      </c>
      <c r="AB3747" s="53"/>
      <c r="AC3747" s="53"/>
      <c r="AD3747" s="53"/>
      <c r="AE3747" s="53"/>
      <c r="AF3747" s="53"/>
      <c r="AG3747" s="53"/>
      <c r="AH3747" s="53"/>
      <c r="AI3747" s="53"/>
      <c r="AJ3747" s="53"/>
      <c r="AK3747" s="53"/>
      <c r="AL3747" s="53"/>
      <c r="AM3747" s="53"/>
      <c r="AN3747" s="53"/>
      <c r="AO3747" s="53"/>
      <c r="AP3747" s="53"/>
      <c r="AQ3747" s="53"/>
      <c r="AR3747" s="53"/>
      <c r="AS3747" s="53"/>
      <c r="AT3747" s="53"/>
      <c r="AU3747" s="53"/>
      <c r="AV3747" s="53"/>
      <c r="AW3747" s="53"/>
      <c r="AX3747" s="53"/>
      <c r="AY3747" s="53"/>
      <c r="AZ3747" s="53"/>
      <c r="BA3747" s="53"/>
      <c r="BB3747" s="53"/>
      <c r="BC3747" s="53"/>
      <c r="BD3747" s="53"/>
      <c r="BE3747" s="53"/>
      <c r="BF3747" s="53"/>
      <c r="BG3747" s="53"/>
      <c r="BH3747" s="53"/>
      <c r="BI3747" s="53"/>
      <c r="BJ3747" s="53"/>
      <c r="BK3747" s="53"/>
      <c r="BL3747" s="53"/>
      <c r="BM3747" s="53"/>
      <c r="BN3747" s="53"/>
      <c r="BO3747" s="53"/>
      <c r="BP3747" s="53"/>
      <c r="BQ3747" s="53"/>
      <c r="BR3747" s="53"/>
      <c r="BS3747" s="53"/>
      <c r="BT3747" s="53"/>
      <c r="BU3747" s="53"/>
      <c r="BV3747" s="53"/>
      <c r="BW3747" s="53"/>
      <c r="BX3747" s="53"/>
      <c r="BY3747" s="53"/>
      <c r="BZ3747" s="53"/>
      <c r="CA3747" s="53"/>
      <c r="CB3747" s="53"/>
      <c r="CC3747" s="53"/>
      <c r="CD3747" s="53"/>
      <c r="CE3747" s="53"/>
      <c r="CF3747" s="53"/>
      <c r="CG3747" s="53"/>
      <c r="CH3747" s="53"/>
      <c r="CI3747" s="53"/>
      <c r="CJ3747" s="53"/>
      <c r="CK3747" s="53"/>
      <c r="CL3747" s="53"/>
      <c r="CM3747" s="53"/>
      <c r="CN3747" s="53"/>
    </row>
    <row r="3748" spans="1:92" outlineLevel="1">
      <c r="A3748" s="52" t="s">
        <v>1287</v>
      </c>
      <c r="B3748" s="53"/>
      <c r="C3748" s="53"/>
      <c r="D3748" s="53"/>
      <c r="E3748" s="53"/>
      <c r="F3748" s="53"/>
      <c r="G3748" s="53"/>
      <c r="H3748" s="53"/>
      <c r="I3748" s="53"/>
      <c r="J3748" s="53"/>
      <c r="K3748" s="53"/>
      <c r="L3748" s="53"/>
      <c r="M3748" s="53"/>
      <c r="N3748" s="53"/>
      <c r="O3748" s="53"/>
      <c r="P3748" s="53"/>
      <c r="Q3748" s="53"/>
      <c r="R3748" s="53"/>
      <c r="S3748" s="53"/>
      <c r="T3748" s="53"/>
      <c r="U3748" s="53"/>
      <c r="V3748" s="53"/>
      <c r="W3748" s="53"/>
      <c r="X3748" s="53"/>
      <c r="Y3748" s="53"/>
      <c r="Z3748" s="53"/>
      <c r="AA3748" s="53"/>
      <c r="AB3748" s="53"/>
      <c r="AC3748" s="53"/>
      <c r="AD3748" s="53"/>
      <c r="AE3748" s="53"/>
      <c r="AF3748" s="53"/>
      <c r="AG3748" s="53"/>
      <c r="AH3748" s="53"/>
      <c r="AI3748" s="53"/>
      <c r="AJ3748" s="53"/>
      <c r="AK3748" s="53"/>
      <c r="AL3748" s="53"/>
      <c r="AM3748" s="53"/>
      <c r="AN3748" s="53"/>
      <c r="AO3748" s="53"/>
      <c r="AP3748" s="53"/>
      <c r="AQ3748" s="53"/>
      <c r="AR3748" s="53"/>
      <c r="AS3748" s="53"/>
      <c r="AT3748" s="53"/>
      <c r="AU3748" s="53"/>
      <c r="AV3748" s="53"/>
      <c r="AW3748" s="53"/>
      <c r="AX3748" s="53"/>
      <c r="AY3748" s="53"/>
      <c r="AZ3748" s="53"/>
      <c r="BA3748" s="53"/>
      <c r="BB3748" s="53"/>
      <c r="BC3748" s="53"/>
      <c r="BD3748" s="53"/>
      <c r="BE3748" s="53"/>
      <c r="BF3748" s="53"/>
      <c r="BG3748" s="53"/>
      <c r="BH3748" s="53"/>
      <c r="BI3748" s="53"/>
      <c r="BJ3748" s="53"/>
      <c r="BK3748" s="53"/>
      <c r="BL3748" s="53"/>
      <c r="BM3748" s="53"/>
      <c r="BN3748" s="53"/>
      <c r="BO3748" s="53"/>
      <c r="BP3748" s="53"/>
      <c r="BQ3748" s="53"/>
      <c r="BR3748" s="53"/>
      <c r="BS3748" s="53"/>
      <c r="BT3748" s="53"/>
      <c r="BU3748" s="53"/>
      <c r="BV3748" s="53"/>
      <c r="BW3748" s="53"/>
      <c r="BX3748" s="53"/>
      <c r="BY3748" s="53"/>
      <c r="BZ3748" s="53"/>
      <c r="CA3748" s="53"/>
      <c r="CB3748" s="53"/>
      <c r="CC3748" s="53"/>
      <c r="CD3748" s="53"/>
      <c r="CE3748" s="53"/>
      <c r="CF3748" s="53"/>
      <c r="CG3748" s="53"/>
      <c r="CH3748" s="53"/>
      <c r="CI3748" s="53"/>
      <c r="CJ3748" s="53"/>
      <c r="CK3748" s="53"/>
      <c r="CL3748" s="53"/>
      <c r="CM3748" s="53"/>
      <c r="CN3748" s="53"/>
    </row>
    <row r="3749" spans="1:92" outlineLevel="1">
      <c r="A3749" s="52" t="s">
        <v>649</v>
      </c>
      <c r="B3749" s="53">
        <v>-16854.599999999999</v>
      </c>
      <c r="C3749" s="53">
        <v>-8567.7999999999993</v>
      </c>
      <c r="D3749" s="53">
        <v>-1641.6</v>
      </c>
      <c r="E3749" s="53">
        <v>-4957</v>
      </c>
      <c r="F3749" s="53">
        <v>-16777.400000000001</v>
      </c>
      <c r="G3749" s="53">
        <v>395.1</v>
      </c>
      <c r="H3749" s="53">
        <v>113.6</v>
      </c>
      <c r="I3749" s="53">
        <v>-455.2</v>
      </c>
      <c r="J3749" s="53">
        <v>-2129</v>
      </c>
      <c r="K3749" s="53">
        <v>-1834.8999999999901</v>
      </c>
      <c r="L3749" s="53">
        <v>-8.6969565163599292</v>
      </c>
      <c r="M3749" s="53">
        <v>-6925.2</v>
      </c>
      <c r="N3749" s="53">
        <v>-59642.696956516302</v>
      </c>
      <c r="O3749" s="53">
        <v>26972252.3807608</v>
      </c>
      <c r="P3749" s="53">
        <v>12342.963667496701</v>
      </c>
      <c r="Q3749" s="53">
        <v>107477.202463333</v>
      </c>
      <c r="R3749" s="53">
        <v>107264.92164589401</v>
      </c>
      <c r="S3749" s="53">
        <v>87254.804872237801</v>
      </c>
      <c r="T3749" s="53">
        <v>56618.983309157898</v>
      </c>
      <c r="U3749" s="53">
        <v>66423.5662530962</v>
      </c>
      <c r="V3749" s="53">
        <v>57434.5205439364</v>
      </c>
      <c r="W3749" s="53">
        <v>58357.588991040197</v>
      </c>
      <c r="X3749" s="53">
        <v>76317.635634432503</v>
      </c>
      <c r="Y3749" s="53">
        <v>-8353.6205669180599</v>
      </c>
      <c r="Z3749" s="53">
        <v>-9266.0006087423099</v>
      </c>
      <c r="AA3749" s="53">
        <v>27584124.946965698</v>
      </c>
      <c r="AB3749" s="53">
        <v>19566.449826817901</v>
      </c>
      <c r="AC3749" s="53">
        <v>33703.264818216499</v>
      </c>
      <c r="AD3749" s="53">
        <v>-35567.587871606302</v>
      </c>
      <c r="AE3749" s="53">
        <v>5642.2607364955602</v>
      </c>
      <c r="AF3749" s="53">
        <v>-60900.837342934603</v>
      </c>
      <c r="AG3749" s="53">
        <v>-73746.685166889001</v>
      </c>
      <c r="AH3749" s="53">
        <v>-26884.298339926499</v>
      </c>
      <c r="AI3749" s="53">
        <v>77031.902905713301</v>
      </c>
      <c r="AJ3749" s="53">
        <v>44708.705025899697</v>
      </c>
      <c r="AK3749" s="53">
        <v>53810.013761321403</v>
      </c>
      <c r="AL3749" s="53">
        <v>-5011.6688384317404</v>
      </c>
      <c r="AM3749" s="53">
        <v>-22556.548018615998</v>
      </c>
      <c r="AN3749" s="53">
        <v>9794.9714960601395</v>
      </c>
      <c r="AO3749" s="53">
        <v>-16592.636564938301</v>
      </c>
      <c r="AP3749" s="53">
        <v>-24403.5073785116</v>
      </c>
      <c r="AQ3749" s="53">
        <v>-84752.463028330603</v>
      </c>
      <c r="AR3749" s="53">
        <v>-44264.936813268498</v>
      </c>
      <c r="AS3749" s="53">
        <v>-94468.629338087398</v>
      </c>
      <c r="AT3749" s="53">
        <v>-103709.355246443</v>
      </c>
      <c r="AU3749" s="53">
        <v>-56280.2952303407</v>
      </c>
      <c r="AV3749" s="53">
        <v>70896.193023423199</v>
      </c>
      <c r="AW3749" s="53">
        <v>43270.8060995552</v>
      </c>
      <c r="AX3749" s="53">
        <v>13107.5833478512</v>
      </c>
      <c r="AY3749" s="53">
        <v>-18262.825693200899</v>
      </c>
      <c r="AZ3749" s="53">
        <v>-20087.004303966602</v>
      </c>
      <c r="BA3749" s="53">
        <v>-335547.071126258</v>
      </c>
      <c r="BB3749" s="53">
        <v>-15829.759425570999</v>
      </c>
      <c r="BC3749" s="53">
        <v>-20453.762957928098</v>
      </c>
      <c r="BD3749" s="53">
        <v>-58907.947855812403</v>
      </c>
      <c r="BE3749" s="53">
        <v>-32315.685607551099</v>
      </c>
      <c r="BF3749" s="53">
        <v>-79736.355696440995</v>
      </c>
      <c r="BG3749" s="53">
        <v>-76219.210612762297</v>
      </c>
      <c r="BH3749" s="53">
        <v>-44241.617582025399</v>
      </c>
      <c r="BI3749" s="53">
        <v>93594.184419023804</v>
      </c>
      <c r="BJ3749" s="53">
        <v>82810.495379220796</v>
      </c>
      <c r="BK3749" s="53">
        <v>49982.634886036998</v>
      </c>
      <c r="BL3749" s="53">
        <v>23808.6058711197</v>
      </c>
      <c r="BM3749" s="53">
        <v>21308.695381128899</v>
      </c>
      <c r="BN3749" s="53">
        <v>-56199.7238015611</v>
      </c>
      <c r="BO3749" s="53">
        <v>10423.2427628449</v>
      </c>
      <c r="BP3749" s="53">
        <v>597.35156434180703</v>
      </c>
      <c r="BQ3749" s="53">
        <v>-23318.967840968999</v>
      </c>
      <c r="BR3749" s="53">
        <v>-15157.073525915501</v>
      </c>
      <c r="BS3749" s="53">
        <v>-49889.174690979402</v>
      </c>
      <c r="BT3749" s="53">
        <v>-41408.2619443652</v>
      </c>
      <c r="BU3749" s="53">
        <v>-32623.451761930399</v>
      </c>
      <c r="BV3749" s="53">
        <v>114032.39609742</v>
      </c>
      <c r="BW3749" s="53">
        <v>102229.043502389</v>
      </c>
      <c r="BX3749" s="53">
        <v>66725.321171368705</v>
      </c>
      <c r="BY3749" s="53">
        <v>47441.8958135211</v>
      </c>
      <c r="BZ3749" s="53">
        <v>45557.996967385399</v>
      </c>
      <c r="CA3749" s="53">
        <v>224610.31811511199</v>
      </c>
      <c r="CB3749" s="53"/>
      <c r="CC3749" s="53"/>
      <c r="CD3749" s="53"/>
      <c r="CE3749" s="53"/>
      <c r="CF3749" s="53"/>
      <c r="CG3749" s="53"/>
      <c r="CH3749" s="53"/>
      <c r="CI3749" s="53"/>
      <c r="CJ3749" s="53"/>
      <c r="CK3749" s="53"/>
      <c r="CL3749" s="53"/>
      <c r="CM3749" s="53"/>
      <c r="CN3749" s="53"/>
    </row>
    <row r="3750" spans="1:92" outlineLevel="1">
      <c r="A3750" s="52" t="s">
        <v>1291</v>
      </c>
      <c r="B3750" s="53"/>
      <c r="C3750" s="53"/>
      <c r="D3750" s="53"/>
      <c r="E3750" s="53"/>
      <c r="F3750" s="53"/>
      <c r="G3750" s="53"/>
      <c r="H3750" s="53"/>
      <c r="I3750" s="53"/>
      <c r="J3750" s="53"/>
      <c r="K3750" s="53"/>
      <c r="L3750" s="53"/>
      <c r="M3750" s="53"/>
      <c r="N3750" s="53"/>
      <c r="O3750" s="53"/>
      <c r="P3750" s="53"/>
      <c r="Q3750" s="53"/>
      <c r="R3750" s="53"/>
      <c r="S3750" s="53"/>
      <c r="T3750" s="53"/>
      <c r="U3750" s="53"/>
      <c r="V3750" s="53"/>
      <c r="W3750" s="53"/>
      <c r="X3750" s="53"/>
      <c r="Y3750" s="53"/>
      <c r="Z3750" s="53"/>
      <c r="AA3750" s="53"/>
      <c r="AB3750" s="53"/>
      <c r="AC3750" s="53"/>
      <c r="AD3750" s="53"/>
      <c r="AE3750" s="53"/>
      <c r="AF3750" s="53"/>
      <c r="AG3750" s="53"/>
      <c r="AH3750" s="53"/>
      <c r="AI3750" s="53"/>
      <c r="AJ3750" s="53"/>
      <c r="AK3750" s="53"/>
      <c r="AL3750" s="53"/>
      <c r="AM3750" s="53"/>
      <c r="AN3750" s="53"/>
      <c r="AO3750" s="53"/>
      <c r="AP3750" s="53"/>
      <c r="AQ3750" s="53"/>
      <c r="AR3750" s="53"/>
      <c r="AS3750" s="53"/>
      <c r="AT3750" s="53"/>
      <c r="AU3750" s="53"/>
      <c r="AV3750" s="53"/>
      <c r="AW3750" s="53"/>
      <c r="AX3750" s="53"/>
      <c r="AY3750" s="53"/>
      <c r="AZ3750" s="53"/>
      <c r="BA3750" s="53"/>
      <c r="BB3750" s="53"/>
      <c r="BC3750" s="53"/>
      <c r="BD3750" s="53"/>
      <c r="BE3750" s="53"/>
      <c r="BF3750" s="53"/>
      <c r="BG3750" s="53"/>
      <c r="BH3750" s="53"/>
      <c r="BI3750" s="53"/>
      <c r="BJ3750" s="53"/>
      <c r="BK3750" s="53"/>
      <c r="BL3750" s="53"/>
      <c r="BM3750" s="53"/>
      <c r="BN3750" s="53"/>
      <c r="BO3750" s="53"/>
      <c r="BP3750" s="53"/>
      <c r="BQ3750" s="53"/>
      <c r="BR3750" s="53"/>
      <c r="BS3750" s="53"/>
      <c r="BT3750" s="53"/>
      <c r="BU3750" s="53"/>
      <c r="BV3750" s="53"/>
      <c r="BW3750" s="53"/>
      <c r="BX3750" s="53"/>
      <c r="BY3750" s="53"/>
      <c r="BZ3750" s="53"/>
      <c r="CA3750" s="53"/>
      <c r="CB3750" s="53"/>
      <c r="CC3750" s="53"/>
      <c r="CD3750" s="53"/>
      <c r="CE3750" s="53"/>
      <c r="CF3750" s="53"/>
      <c r="CG3750" s="53"/>
      <c r="CH3750" s="53"/>
      <c r="CI3750" s="53"/>
      <c r="CJ3750" s="53"/>
      <c r="CK3750" s="53"/>
      <c r="CL3750" s="53"/>
      <c r="CM3750" s="53"/>
      <c r="CN3750" s="53"/>
    </row>
    <row r="3751" spans="1:92" outlineLevel="1">
      <c r="A3751" s="52" t="s">
        <v>649</v>
      </c>
      <c r="B3751" s="53">
        <v>-720000.74046040897</v>
      </c>
      <c r="C3751" s="53">
        <v>-720000.74046040897</v>
      </c>
      <c r="D3751" s="53">
        <v>-720000.74046040897</v>
      </c>
      <c r="E3751" s="53">
        <v>-720000.74046040897</v>
      </c>
      <c r="F3751" s="53">
        <v>-720000.74046040897</v>
      </c>
      <c r="G3751" s="53">
        <v>-720000.74046040897</v>
      </c>
      <c r="H3751" s="53">
        <v>-720000.74046040897</v>
      </c>
      <c r="I3751" s="53">
        <v>-720000.74046040897</v>
      </c>
      <c r="J3751" s="53">
        <v>-720000.74046040897</v>
      </c>
      <c r="K3751" s="53">
        <v>-720000.74046040897</v>
      </c>
      <c r="L3751" s="53">
        <v>-720000.74046040897</v>
      </c>
      <c r="M3751" s="53">
        <v>-720000.74046040897</v>
      </c>
      <c r="N3751" s="53">
        <v>-8640008.8855249099</v>
      </c>
      <c r="O3751" s="53">
        <v>-837739.11872719799</v>
      </c>
      <c r="P3751" s="53">
        <v>14366131.421122599</v>
      </c>
      <c r="Q3751" s="53">
        <v>6636112.9663426802</v>
      </c>
      <c r="R3751" s="53">
        <v>-17382.418596622301</v>
      </c>
      <c r="S3751" s="53">
        <v>-1320420.1621185499</v>
      </c>
      <c r="T3751" s="53">
        <v>-1222762.59542939</v>
      </c>
      <c r="U3751" s="53">
        <v>-1246933.72720965</v>
      </c>
      <c r="V3751" s="53">
        <v>-1198618.65355461</v>
      </c>
      <c r="W3751" s="53">
        <v>-816607.97157991305</v>
      </c>
      <c r="X3751" s="53">
        <v>-78969.734516533194</v>
      </c>
      <c r="Y3751" s="53"/>
      <c r="Z3751" s="53"/>
      <c r="AA3751" s="53">
        <v>14262810.005732801</v>
      </c>
      <c r="AB3751" s="53">
        <v>-159396.98351845299</v>
      </c>
      <c r="AC3751" s="53">
        <v>-7655.8406842814302</v>
      </c>
      <c r="AD3751" s="53"/>
      <c r="AE3751" s="53">
        <v>-97255.291564477404</v>
      </c>
      <c r="AF3751" s="53">
        <v>-776917.36263051303</v>
      </c>
      <c r="AG3751" s="53">
        <v>-738188.55743353197</v>
      </c>
      <c r="AH3751" s="53">
        <v>-708003.12641932396</v>
      </c>
      <c r="AI3751" s="53">
        <v>-812705.60911089601</v>
      </c>
      <c r="AJ3751" s="53">
        <v>-406740.82915997098</v>
      </c>
      <c r="AK3751" s="53">
        <v>-183173.97711180101</v>
      </c>
      <c r="AL3751" s="53">
        <v>-267465.69639317802</v>
      </c>
      <c r="AM3751" s="53"/>
      <c r="AN3751" s="53">
        <v>-4157503.27402642</v>
      </c>
      <c r="AO3751" s="53">
        <v>-31914.462826986</v>
      </c>
      <c r="AP3751" s="53">
        <v>-8623.9390217233395</v>
      </c>
      <c r="AQ3751" s="53">
        <v>-321708.75747491699</v>
      </c>
      <c r="AR3751" s="53">
        <v>-149778.38290843501</v>
      </c>
      <c r="AS3751" s="53">
        <v>-340894.52444876998</v>
      </c>
      <c r="AT3751" s="53">
        <v>-351551.61753155699</v>
      </c>
      <c r="AU3751" s="53">
        <v>-330216.15992824099</v>
      </c>
      <c r="AV3751" s="53">
        <v>-231424.09819176799</v>
      </c>
      <c r="AW3751" s="53">
        <v>-217062.36264681499</v>
      </c>
      <c r="AX3751" s="53">
        <v>-114785.01584178599</v>
      </c>
      <c r="AY3751" s="53"/>
      <c r="AZ3751" s="53"/>
      <c r="BA3751" s="53">
        <v>-2097959.32082099</v>
      </c>
      <c r="BB3751" s="53">
        <v>-54835.355413437399</v>
      </c>
      <c r="BC3751" s="53">
        <v>-5999.9016805231804</v>
      </c>
      <c r="BD3751" s="53"/>
      <c r="BE3751" s="53">
        <v>-3534.66142005345</v>
      </c>
      <c r="BF3751" s="53">
        <v>-446186.69961813401</v>
      </c>
      <c r="BG3751" s="53">
        <v>-457606.463671531</v>
      </c>
      <c r="BH3751" s="53">
        <v>-439080.89468070801</v>
      </c>
      <c r="BI3751" s="53">
        <v>-401082.65208509698</v>
      </c>
      <c r="BJ3751" s="53">
        <v>-342254.75542270602</v>
      </c>
      <c r="BK3751" s="53">
        <v>-377762.24580325698</v>
      </c>
      <c r="BL3751" s="53">
        <v>-108007.46336428</v>
      </c>
      <c r="BM3751" s="53"/>
      <c r="BN3751" s="53">
        <v>-2636351.0931597198</v>
      </c>
      <c r="BO3751" s="53">
        <v>-42811.950860384997</v>
      </c>
      <c r="BP3751" s="53">
        <v>-21507.163226604502</v>
      </c>
      <c r="BQ3751" s="53">
        <v>-201253.810403068</v>
      </c>
      <c r="BR3751" s="53">
        <v>-2741.34073271125</v>
      </c>
      <c r="BS3751" s="53">
        <v>-289003.657767025</v>
      </c>
      <c r="BT3751" s="53">
        <v>-285680.66946936602</v>
      </c>
      <c r="BU3751" s="53">
        <v>-288034.81392021099</v>
      </c>
      <c r="BV3751" s="53">
        <v>-251776.877214943</v>
      </c>
      <c r="BW3751" s="53">
        <v>-225111.941258292</v>
      </c>
      <c r="BX3751" s="53">
        <v>-167914.45636721599</v>
      </c>
      <c r="BY3751" s="53"/>
      <c r="BZ3751" s="53">
        <v>-4270.7639702566703</v>
      </c>
      <c r="CA3751" s="53">
        <v>-1780107.44519007</v>
      </c>
      <c r="CB3751" s="53"/>
      <c r="CC3751" s="53"/>
      <c r="CD3751" s="53"/>
      <c r="CE3751" s="53"/>
      <c r="CF3751" s="53"/>
      <c r="CG3751" s="53"/>
      <c r="CH3751" s="53"/>
      <c r="CI3751" s="53"/>
      <c r="CJ3751" s="53"/>
      <c r="CK3751" s="53"/>
      <c r="CL3751" s="53"/>
      <c r="CM3751" s="53"/>
      <c r="CN3751" s="53"/>
    </row>
    <row r="3752" spans="1:92" outlineLevel="1">
      <c r="A3752" s="52" t="s">
        <v>1292</v>
      </c>
      <c r="B3752" s="53"/>
      <c r="C3752" s="53"/>
      <c r="D3752" s="53"/>
      <c r="E3752" s="53"/>
      <c r="F3752" s="53"/>
      <c r="G3752" s="53"/>
      <c r="H3752" s="53"/>
      <c r="I3752" s="53"/>
      <c r="J3752" s="53"/>
      <c r="K3752" s="53"/>
      <c r="L3752" s="53"/>
      <c r="M3752" s="53"/>
      <c r="N3752" s="53"/>
      <c r="O3752" s="53"/>
      <c r="P3752" s="53"/>
      <c r="Q3752" s="53"/>
      <c r="R3752" s="53"/>
      <c r="S3752" s="53"/>
      <c r="T3752" s="53"/>
      <c r="U3752" s="53"/>
      <c r="V3752" s="53"/>
      <c r="W3752" s="53"/>
      <c r="X3752" s="53"/>
      <c r="Y3752" s="53"/>
      <c r="Z3752" s="53"/>
      <c r="AA3752" s="53"/>
      <c r="AB3752" s="53"/>
      <c r="AC3752" s="53"/>
      <c r="AD3752" s="53"/>
      <c r="AE3752" s="53"/>
      <c r="AF3752" s="53"/>
      <c r="AG3752" s="53"/>
      <c r="AH3752" s="53"/>
      <c r="AI3752" s="53"/>
      <c r="AJ3752" s="53"/>
      <c r="AK3752" s="53"/>
      <c r="AL3752" s="53"/>
      <c r="AM3752" s="53"/>
      <c r="AN3752" s="53"/>
      <c r="AO3752" s="53"/>
      <c r="AP3752" s="53"/>
      <c r="AQ3752" s="53"/>
      <c r="AR3752" s="53"/>
      <c r="AS3752" s="53"/>
      <c r="AT3752" s="53"/>
      <c r="AU3752" s="53"/>
      <c r="AV3752" s="53"/>
      <c r="AW3752" s="53"/>
      <c r="AX3752" s="53"/>
      <c r="AY3752" s="53"/>
      <c r="AZ3752" s="53"/>
      <c r="BA3752" s="53"/>
      <c r="BB3752" s="53"/>
      <c r="BC3752" s="53"/>
      <c r="BD3752" s="53"/>
      <c r="BE3752" s="53"/>
      <c r="BF3752" s="53"/>
      <c r="BG3752" s="53"/>
      <c r="BH3752" s="53"/>
      <c r="BI3752" s="53"/>
      <c r="BJ3752" s="53"/>
      <c r="BK3752" s="53"/>
      <c r="BL3752" s="53"/>
      <c r="BM3752" s="53"/>
      <c r="BN3752" s="53"/>
      <c r="BO3752" s="53"/>
      <c r="BP3752" s="53"/>
      <c r="BQ3752" s="53"/>
      <c r="BR3752" s="53"/>
      <c r="BS3752" s="53"/>
      <c r="BT3752" s="53"/>
      <c r="BU3752" s="53"/>
      <c r="BV3752" s="53"/>
      <c r="BW3752" s="53"/>
      <c r="BX3752" s="53"/>
      <c r="BY3752" s="53"/>
      <c r="BZ3752" s="53"/>
      <c r="CA3752" s="53"/>
      <c r="CB3752" s="53"/>
      <c r="CC3752" s="53">
        <v>-5062500</v>
      </c>
      <c r="CD3752" s="53"/>
      <c r="CE3752" s="53"/>
      <c r="CF3752" s="53"/>
      <c r="CG3752" s="53"/>
      <c r="CH3752" s="53"/>
      <c r="CI3752" s="53">
        <v>-5062500</v>
      </c>
      <c r="CJ3752" s="53"/>
      <c r="CK3752" s="53"/>
      <c r="CL3752" s="53"/>
      <c r="CM3752" s="53"/>
      <c r="CN3752" s="53">
        <v>-10125000</v>
      </c>
    </row>
    <row r="3753" spans="1:92" outlineLevel="1">
      <c r="A3753" s="52" t="s">
        <v>649</v>
      </c>
      <c r="B3753" s="53">
        <v>228698.20629999999</v>
      </c>
      <c r="C3753" s="53">
        <v>117870.7846</v>
      </c>
      <c r="D3753" s="53">
        <v>62151.5</v>
      </c>
      <c r="E3753" s="53">
        <v>36723.769999999997</v>
      </c>
      <c r="F3753" s="53">
        <v>66655.3</v>
      </c>
      <c r="G3753" s="53">
        <v>-1206775</v>
      </c>
      <c r="H3753" s="53">
        <v>-1170593.8</v>
      </c>
      <c r="I3753" s="53">
        <v>-1213492.29999999</v>
      </c>
      <c r="J3753" s="53">
        <v>-1231131.8999999999</v>
      </c>
      <c r="K3753" s="53">
        <v>-1234847.6000000001</v>
      </c>
      <c r="L3753" s="53">
        <v>-1244708.5999999901</v>
      </c>
      <c r="M3753" s="53">
        <v>-4505441.3999999901</v>
      </c>
      <c r="N3753" s="53">
        <v>-11294891.0390999</v>
      </c>
      <c r="O3753" s="53"/>
      <c r="P3753" s="53"/>
      <c r="Q3753" s="53"/>
      <c r="R3753" s="53"/>
      <c r="S3753" s="53"/>
      <c r="T3753" s="53"/>
      <c r="U3753" s="53"/>
      <c r="V3753" s="53"/>
      <c r="W3753" s="53"/>
      <c r="X3753" s="53"/>
      <c r="Y3753" s="53"/>
      <c r="Z3753" s="53"/>
      <c r="AA3753" s="53"/>
      <c r="AB3753" s="53"/>
      <c r="AC3753" s="53"/>
      <c r="AD3753" s="53"/>
      <c r="AE3753" s="53"/>
      <c r="AF3753" s="53"/>
      <c r="AG3753" s="53"/>
      <c r="AH3753" s="53"/>
      <c r="AI3753" s="53"/>
      <c r="AJ3753" s="53"/>
      <c r="AK3753" s="53"/>
      <c r="AL3753" s="53"/>
      <c r="AM3753" s="53"/>
      <c r="AN3753" s="53"/>
      <c r="AO3753" s="53"/>
      <c r="AP3753" s="53"/>
      <c r="AQ3753" s="53"/>
      <c r="AR3753" s="53"/>
      <c r="AS3753" s="53"/>
      <c r="AT3753" s="53"/>
      <c r="AU3753" s="53"/>
      <c r="AV3753" s="53"/>
      <c r="AW3753" s="53"/>
      <c r="AX3753" s="53"/>
      <c r="AY3753" s="53"/>
      <c r="AZ3753" s="53"/>
      <c r="BA3753" s="53"/>
      <c r="BB3753" s="53"/>
      <c r="BC3753" s="53"/>
      <c r="BD3753" s="53"/>
      <c r="BE3753" s="53"/>
      <c r="BF3753" s="53"/>
      <c r="BG3753" s="53"/>
      <c r="BH3753" s="53"/>
      <c r="BI3753" s="53"/>
      <c r="BJ3753" s="53"/>
      <c r="BK3753" s="53"/>
      <c r="BL3753" s="53"/>
      <c r="BM3753" s="53"/>
      <c r="BN3753" s="53"/>
      <c r="BO3753" s="53"/>
      <c r="BP3753" s="53"/>
      <c r="BQ3753" s="53"/>
      <c r="BR3753" s="53"/>
      <c r="BS3753" s="53"/>
      <c r="BT3753" s="53"/>
      <c r="BU3753" s="53"/>
      <c r="BV3753" s="53"/>
      <c r="BW3753" s="53"/>
      <c r="BX3753" s="53"/>
      <c r="BY3753" s="53"/>
      <c r="BZ3753" s="53"/>
      <c r="CA3753" s="53"/>
      <c r="CB3753" s="53"/>
      <c r="CC3753" s="53"/>
      <c r="CD3753" s="53">
        <v>-6637500</v>
      </c>
      <c r="CE3753" s="53"/>
      <c r="CF3753" s="53"/>
      <c r="CG3753" s="53"/>
      <c r="CH3753" s="53"/>
      <c r="CI3753" s="53"/>
      <c r="CJ3753" s="53">
        <v>-6637500</v>
      </c>
      <c r="CK3753" s="53"/>
      <c r="CL3753" s="53"/>
      <c r="CM3753" s="53"/>
      <c r="CN3753" s="53">
        <v>-13275000</v>
      </c>
    </row>
    <row r="3754" spans="1:92" outlineLevel="1">
      <c r="A3754" s="52" t="s">
        <v>1652</v>
      </c>
      <c r="B3754" s="53"/>
      <c r="C3754" s="53"/>
      <c r="D3754" s="53"/>
      <c r="E3754" s="53"/>
      <c r="F3754" s="53"/>
      <c r="G3754" s="53"/>
      <c r="H3754" s="53"/>
      <c r="I3754" s="53"/>
      <c r="J3754" s="53"/>
      <c r="K3754" s="53"/>
      <c r="L3754" s="53"/>
      <c r="M3754" s="53"/>
      <c r="N3754" s="53"/>
      <c r="O3754" s="53"/>
      <c r="P3754" s="53"/>
      <c r="Q3754" s="53"/>
      <c r="R3754" s="53"/>
      <c r="S3754" s="53"/>
      <c r="T3754" s="53"/>
      <c r="U3754" s="53"/>
      <c r="V3754" s="53"/>
      <c r="W3754" s="53"/>
      <c r="X3754" s="53"/>
      <c r="Y3754" s="53"/>
      <c r="Z3754" s="53"/>
      <c r="AA3754" s="53"/>
      <c r="AB3754" s="53"/>
      <c r="AC3754" s="53"/>
      <c r="AD3754" s="53"/>
      <c r="AE3754" s="53"/>
      <c r="AF3754" s="53"/>
      <c r="AG3754" s="53"/>
      <c r="AH3754" s="53"/>
      <c r="AI3754" s="53"/>
      <c r="AJ3754" s="53"/>
      <c r="AK3754" s="53"/>
      <c r="AL3754" s="53"/>
      <c r="AM3754" s="53"/>
      <c r="AN3754" s="53"/>
      <c r="AO3754" s="53"/>
      <c r="AP3754" s="53"/>
      <c r="AQ3754" s="53"/>
      <c r="AR3754" s="53"/>
      <c r="AS3754" s="53"/>
      <c r="AT3754" s="53"/>
      <c r="AU3754" s="53"/>
      <c r="AV3754" s="53"/>
      <c r="AW3754" s="53"/>
      <c r="AX3754" s="53"/>
      <c r="AY3754" s="53"/>
      <c r="AZ3754" s="53"/>
      <c r="BA3754" s="53"/>
      <c r="BB3754" s="53"/>
      <c r="BC3754" s="53"/>
      <c r="BD3754" s="53"/>
      <c r="BE3754" s="53"/>
      <c r="BF3754" s="53"/>
      <c r="BG3754" s="53"/>
      <c r="BH3754" s="53"/>
      <c r="BI3754" s="53"/>
      <c r="BJ3754" s="53"/>
      <c r="BK3754" s="53"/>
      <c r="BL3754" s="53"/>
      <c r="BM3754" s="53"/>
      <c r="BN3754" s="53"/>
      <c r="BO3754" s="53"/>
      <c r="BP3754" s="53"/>
      <c r="BQ3754" s="53"/>
      <c r="BR3754" s="53"/>
      <c r="BS3754" s="53"/>
      <c r="BT3754" s="53"/>
      <c r="BU3754" s="53"/>
      <c r="BV3754" s="53"/>
      <c r="BW3754" s="53"/>
      <c r="BX3754" s="53"/>
      <c r="BY3754" s="53"/>
      <c r="BZ3754" s="53"/>
      <c r="CA3754" s="53"/>
      <c r="CB3754" s="53"/>
      <c r="CC3754" s="53"/>
      <c r="CD3754" s="53">
        <v>-15875000</v>
      </c>
      <c r="CE3754" s="53"/>
      <c r="CF3754" s="53"/>
      <c r="CG3754" s="53"/>
      <c r="CH3754" s="53"/>
      <c r="CI3754" s="53"/>
      <c r="CJ3754" s="53">
        <v>-15875000</v>
      </c>
      <c r="CK3754" s="53"/>
      <c r="CL3754" s="53"/>
      <c r="CM3754" s="53"/>
      <c r="CN3754" s="53">
        <v>-31750000</v>
      </c>
    </row>
    <row r="3755" spans="1:92" outlineLevel="1">
      <c r="A3755" s="52" t="s">
        <v>649</v>
      </c>
      <c r="B3755" s="53"/>
      <c r="C3755" s="53"/>
      <c r="D3755" s="53"/>
      <c r="E3755" s="53"/>
      <c r="F3755" s="53"/>
      <c r="G3755" s="53"/>
      <c r="H3755" s="53"/>
      <c r="I3755" s="53"/>
      <c r="J3755" s="53"/>
      <c r="K3755" s="53"/>
      <c r="L3755" s="53"/>
      <c r="M3755" s="53"/>
      <c r="N3755" s="53"/>
      <c r="O3755" s="53"/>
      <c r="P3755" s="53"/>
      <c r="Q3755" s="53"/>
      <c r="R3755" s="53"/>
      <c r="S3755" s="53"/>
      <c r="T3755" s="53"/>
      <c r="U3755" s="53"/>
      <c r="V3755" s="53"/>
      <c r="W3755" s="53"/>
      <c r="X3755" s="53"/>
      <c r="Y3755" s="53"/>
      <c r="Z3755" s="53"/>
      <c r="AA3755" s="53"/>
      <c r="AB3755" s="53"/>
      <c r="AC3755" s="53"/>
      <c r="AD3755" s="53"/>
      <c r="AE3755" s="53"/>
      <c r="AF3755" s="53">
        <v>-5700000</v>
      </c>
      <c r="AG3755" s="53"/>
      <c r="AH3755" s="53"/>
      <c r="AI3755" s="53"/>
      <c r="AJ3755" s="53"/>
      <c r="AK3755" s="53"/>
      <c r="AL3755" s="53"/>
      <c r="AM3755" s="53"/>
      <c r="AN3755" s="53">
        <v>-5700000</v>
      </c>
      <c r="AO3755" s="53"/>
      <c r="AP3755" s="53"/>
      <c r="AQ3755" s="53"/>
      <c r="AR3755" s="53"/>
      <c r="AS3755" s="53"/>
      <c r="AT3755" s="53"/>
      <c r="AU3755" s="53"/>
      <c r="AV3755" s="53"/>
      <c r="AW3755" s="53"/>
      <c r="AX3755" s="53"/>
      <c r="AY3755" s="53"/>
      <c r="AZ3755" s="53"/>
      <c r="BA3755" s="53"/>
      <c r="BB3755" s="53"/>
      <c r="BC3755" s="53"/>
      <c r="BD3755" s="53"/>
      <c r="BE3755" s="53"/>
      <c r="BF3755" s="53"/>
      <c r="BG3755" s="53"/>
      <c r="BH3755" s="53"/>
      <c r="BI3755" s="53"/>
      <c r="BJ3755" s="53"/>
      <c r="BK3755" s="53"/>
      <c r="BL3755" s="53"/>
      <c r="BM3755" s="53"/>
      <c r="BN3755" s="53"/>
      <c r="BO3755" s="53"/>
      <c r="BP3755" s="53"/>
      <c r="BQ3755" s="53"/>
      <c r="BR3755" s="53"/>
      <c r="BS3755" s="53"/>
      <c r="BT3755" s="53"/>
      <c r="BU3755" s="53"/>
      <c r="BV3755" s="53"/>
      <c r="BW3755" s="53"/>
      <c r="BX3755" s="53"/>
      <c r="BY3755" s="53"/>
      <c r="BZ3755" s="53"/>
      <c r="CA3755" s="53"/>
      <c r="CB3755" s="53"/>
      <c r="CC3755" s="53"/>
      <c r="CD3755" s="53"/>
      <c r="CE3755" s="53"/>
      <c r="CF3755" s="53"/>
      <c r="CG3755" s="53"/>
      <c r="CH3755" s="53"/>
      <c r="CI3755" s="53"/>
      <c r="CJ3755" s="53"/>
      <c r="CK3755" s="53"/>
      <c r="CL3755" s="53"/>
      <c r="CM3755" s="53"/>
      <c r="CN3755" s="53"/>
    </row>
    <row r="3756" spans="1:92" outlineLevel="1">
      <c r="A3756" s="52" t="s">
        <v>1722</v>
      </c>
      <c r="B3756" s="53"/>
      <c r="C3756" s="53"/>
      <c r="D3756" s="53"/>
      <c r="E3756" s="53"/>
      <c r="F3756" s="53"/>
      <c r="G3756" s="53"/>
      <c r="H3756" s="53"/>
      <c r="I3756" s="53"/>
      <c r="J3756" s="53"/>
      <c r="K3756" s="53"/>
      <c r="L3756" s="53"/>
      <c r="M3756" s="53"/>
      <c r="N3756" s="53"/>
      <c r="O3756" s="53"/>
      <c r="P3756" s="53"/>
      <c r="Q3756" s="53"/>
      <c r="R3756" s="53"/>
      <c r="S3756" s="53"/>
      <c r="T3756" s="53"/>
      <c r="U3756" s="53"/>
      <c r="V3756" s="53"/>
      <c r="W3756" s="53"/>
      <c r="X3756" s="53"/>
      <c r="Y3756" s="53"/>
      <c r="Z3756" s="53"/>
      <c r="AA3756" s="53"/>
      <c r="AB3756" s="53"/>
      <c r="AC3756" s="53"/>
      <c r="AD3756" s="53"/>
      <c r="AE3756" s="53"/>
      <c r="AF3756" s="53"/>
      <c r="AG3756" s="53"/>
      <c r="AH3756" s="53"/>
      <c r="AI3756" s="53"/>
      <c r="AJ3756" s="53"/>
      <c r="AK3756" s="53"/>
      <c r="AL3756" s="53"/>
      <c r="AM3756" s="53"/>
      <c r="AN3756" s="53"/>
      <c r="AO3756" s="53"/>
      <c r="AP3756" s="53"/>
      <c r="AQ3756" s="53"/>
      <c r="AR3756" s="53"/>
      <c r="AS3756" s="53"/>
      <c r="AT3756" s="53"/>
      <c r="AU3756" s="53"/>
      <c r="AV3756" s="53"/>
      <c r="AW3756" s="53"/>
      <c r="AX3756" s="53"/>
      <c r="AY3756" s="53"/>
      <c r="AZ3756" s="53"/>
      <c r="BA3756" s="53"/>
      <c r="BB3756" s="53"/>
      <c r="BC3756" s="53"/>
      <c r="BD3756" s="53"/>
      <c r="BE3756" s="53"/>
      <c r="BF3756" s="53"/>
      <c r="BG3756" s="53"/>
      <c r="BH3756" s="53"/>
      <c r="BI3756" s="53"/>
      <c r="BJ3756" s="53"/>
      <c r="BK3756" s="53"/>
      <c r="BL3756" s="53"/>
      <c r="BM3756" s="53"/>
      <c r="BN3756" s="53"/>
      <c r="BO3756" s="53"/>
      <c r="BP3756" s="53"/>
      <c r="BQ3756" s="53"/>
      <c r="BR3756" s="53"/>
      <c r="BS3756" s="53"/>
      <c r="BT3756" s="53"/>
      <c r="BU3756" s="53"/>
      <c r="BV3756" s="53"/>
      <c r="BW3756" s="53"/>
      <c r="BX3756" s="53"/>
      <c r="BY3756" s="53"/>
      <c r="BZ3756" s="53"/>
      <c r="CA3756" s="53"/>
      <c r="CB3756" s="53"/>
      <c r="CC3756" s="53"/>
      <c r="CD3756" s="53"/>
      <c r="CE3756" s="53"/>
      <c r="CF3756" s="53"/>
      <c r="CG3756" s="53"/>
      <c r="CH3756" s="53"/>
      <c r="CI3756" s="53"/>
      <c r="CJ3756" s="53"/>
      <c r="CK3756" s="53"/>
      <c r="CL3756" s="53"/>
      <c r="CM3756" s="53"/>
      <c r="CN3756" s="53"/>
    </row>
    <row r="3757" spans="1:92" outlineLevel="1">
      <c r="A3757" s="52" t="s">
        <v>649</v>
      </c>
      <c r="B3757" s="53"/>
      <c r="C3757" s="53"/>
      <c r="D3757" s="53">
        <v>-9259099.3000000007</v>
      </c>
      <c r="E3757" s="53">
        <v>-12892250</v>
      </c>
      <c r="F3757" s="53">
        <v>-6848650.7000000002</v>
      </c>
      <c r="G3757" s="53"/>
      <c r="H3757" s="53"/>
      <c r="I3757" s="53"/>
      <c r="J3757" s="53"/>
      <c r="K3757" s="53"/>
      <c r="L3757" s="53"/>
      <c r="M3757" s="53"/>
      <c r="N3757" s="53">
        <v>-29000000</v>
      </c>
      <c r="O3757" s="53"/>
      <c r="P3757" s="53"/>
      <c r="Q3757" s="53"/>
      <c r="R3757" s="53"/>
      <c r="S3757" s="53"/>
      <c r="T3757" s="53"/>
      <c r="U3757" s="53"/>
      <c r="V3757" s="53"/>
      <c r="W3757" s="53"/>
      <c r="X3757" s="53"/>
      <c r="Y3757" s="53"/>
      <c r="Z3757" s="53"/>
      <c r="AA3757" s="53"/>
      <c r="AB3757" s="53"/>
      <c r="AC3757" s="53"/>
      <c r="AD3757" s="53"/>
      <c r="AE3757" s="53"/>
      <c r="AF3757" s="53"/>
      <c r="AG3757" s="53"/>
      <c r="AH3757" s="53"/>
      <c r="AI3757" s="53"/>
      <c r="AJ3757" s="53"/>
      <c r="AK3757" s="53"/>
      <c r="AL3757" s="53"/>
      <c r="AM3757" s="53"/>
      <c r="AN3757" s="53"/>
      <c r="AO3757" s="53"/>
      <c r="AP3757" s="53"/>
      <c r="AQ3757" s="53"/>
      <c r="AR3757" s="53"/>
      <c r="AS3757" s="53"/>
      <c r="AT3757" s="53"/>
      <c r="AU3757" s="53"/>
      <c r="AV3757" s="53"/>
      <c r="AW3757" s="53"/>
      <c r="AX3757" s="53"/>
      <c r="AY3757" s="53"/>
      <c r="AZ3757" s="53"/>
      <c r="BA3757" s="53"/>
      <c r="BB3757" s="53"/>
      <c r="BC3757" s="53"/>
      <c r="BD3757" s="53"/>
      <c r="BE3757" s="53"/>
      <c r="BF3757" s="53"/>
      <c r="BG3757" s="53"/>
      <c r="BH3757" s="53"/>
      <c r="BI3757" s="53"/>
      <c r="BJ3757" s="53"/>
      <c r="BK3757" s="53"/>
      <c r="BL3757" s="53"/>
      <c r="BM3757" s="53"/>
      <c r="BN3757" s="53"/>
      <c r="BO3757" s="53"/>
      <c r="BP3757" s="53"/>
      <c r="BQ3757" s="53"/>
      <c r="BR3757" s="53"/>
      <c r="BS3757" s="53"/>
      <c r="BT3757" s="53"/>
      <c r="BU3757" s="53"/>
      <c r="BV3757" s="53"/>
      <c r="BW3757" s="53"/>
      <c r="BX3757" s="53"/>
      <c r="BY3757" s="53"/>
      <c r="BZ3757" s="53"/>
      <c r="CA3757" s="53"/>
      <c r="CB3757" s="53"/>
      <c r="CC3757" s="53"/>
      <c r="CD3757" s="53"/>
      <c r="CE3757" s="53"/>
      <c r="CF3757" s="53"/>
      <c r="CG3757" s="53">
        <v>-32000000</v>
      </c>
      <c r="CH3757" s="53"/>
      <c r="CI3757" s="53"/>
      <c r="CJ3757" s="53"/>
      <c r="CK3757" s="53"/>
      <c r="CL3757" s="53"/>
      <c r="CM3757" s="53">
        <v>-31999999.999999899</v>
      </c>
      <c r="CN3757" s="53">
        <v>-64000000</v>
      </c>
    </row>
    <row r="3758" spans="1:92" outlineLevel="1">
      <c r="A3758" s="52" t="s">
        <v>1436</v>
      </c>
      <c r="B3758" s="53"/>
      <c r="C3758" s="53"/>
      <c r="D3758" s="53"/>
      <c r="E3758" s="53"/>
      <c r="F3758" s="53"/>
      <c r="G3758" s="53"/>
      <c r="H3758" s="53"/>
      <c r="I3758" s="53"/>
      <c r="J3758" s="53"/>
      <c r="K3758" s="53"/>
      <c r="L3758" s="53"/>
      <c r="M3758" s="53"/>
      <c r="N3758" s="53"/>
      <c r="O3758" s="53"/>
      <c r="P3758" s="53"/>
      <c r="Q3758" s="53"/>
      <c r="R3758" s="53"/>
      <c r="S3758" s="53"/>
      <c r="T3758" s="53"/>
      <c r="U3758" s="53"/>
      <c r="V3758" s="53"/>
      <c r="W3758" s="53"/>
      <c r="X3758" s="53"/>
      <c r="Y3758" s="53"/>
      <c r="Z3758" s="53"/>
      <c r="AA3758" s="53"/>
      <c r="AB3758" s="53"/>
      <c r="AC3758" s="53"/>
      <c r="AD3758" s="53"/>
      <c r="AE3758" s="53"/>
      <c r="AF3758" s="53"/>
      <c r="AG3758" s="53"/>
      <c r="AH3758" s="53"/>
      <c r="AI3758" s="53"/>
      <c r="AJ3758" s="53"/>
      <c r="AK3758" s="53"/>
      <c r="AL3758" s="53"/>
      <c r="AM3758" s="53"/>
      <c r="AN3758" s="53"/>
      <c r="AO3758" s="53"/>
      <c r="AP3758" s="53"/>
      <c r="AQ3758" s="53"/>
      <c r="AR3758" s="53"/>
      <c r="AS3758" s="53"/>
      <c r="AT3758" s="53"/>
      <c r="AU3758" s="53"/>
      <c r="AV3758" s="53"/>
      <c r="AW3758" s="53"/>
      <c r="AX3758" s="53"/>
      <c r="AY3758" s="53"/>
      <c r="AZ3758" s="53"/>
      <c r="BA3758" s="53"/>
      <c r="BB3758" s="53"/>
      <c r="BC3758" s="53"/>
      <c r="BD3758" s="53"/>
      <c r="BE3758" s="53"/>
      <c r="BF3758" s="53"/>
      <c r="BG3758" s="53"/>
      <c r="BH3758" s="53"/>
      <c r="BI3758" s="53"/>
      <c r="BJ3758" s="53"/>
      <c r="BK3758" s="53"/>
      <c r="BL3758" s="53"/>
      <c r="BM3758" s="53"/>
      <c r="BN3758" s="53"/>
      <c r="BO3758" s="53"/>
      <c r="BP3758" s="53"/>
      <c r="BQ3758" s="53"/>
      <c r="BR3758" s="53"/>
      <c r="BS3758" s="53"/>
      <c r="BT3758" s="53"/>
      <c r="BU3758" s="53"/>
      <c r="BV3758" s="53"/>
      <c r="BW3758" s="53"/>
      <c r="BX3758" s="53"/>
      <c r="BY3758" s="53"/>
      <c r="BZ3758" s="53"/>
      <c r="CA3758" s="53"/>
      <c r="CB3758" s="53"/>
      <c r="CC3758" s="53"/>
      <c r="CD3758" s="53"/>
      <c r="CE3758" s="53">
        <v>-9887500</v>
      </c>
      <c r="CF3758" s="53"/>
      <c r="CG3758" s="53"/>
      <c r="CH3758" s="53"/>
      <c r="CI3758" s="53"/>
      <c r="CJ3758" s="53"/>
      <c r="CK3758" s="53">
        <v>-9887500</v>
      </c>
      <c r="CL3758" s="53"/>
      <c r="CM3758" s="53"/>
      <c r="CN3758" s="53">
        <v>-19775000</v>
      </c>
    </row>
    <row r="3759" spans="1:92" outlineLevel="1">
      <c r="A3759" s="52" t="s">
        <v>649</v>
      </c>
      <c r="B3759" s="53"/>
      <c r="C3759" s="53"/>
      <c r="D3759" s="53"/>
      <c r="E3759" s="53"/>
      <c r="F3759" s="53"/>
      <c r="G3759" s="53"/>
      <c r="H3759" s="53"/>
      <c r="I3759" s="53"/>
      <c r="J3759" s="53"/>
      <c r="K3759" s="53"/>
      <c r="L3759" s="53"/>
      <c r="M3759" s="53"/>
      <c r="N3759" s="53"/>
      <c r="O3759" s="53"/>
      <c r="P3759" s="53"/>
      <c r="Q3759" s="53"/>
      <c r="R3759" s="53"/>
      <c r="S3759" s="53"/>
      <c r="T3759" s="53"/>
      <c r="U3759" s="53"/>
      <c r="V3759" s="53"/>
      <c r="W3759" s="53"/>
      <c r="X3759" s="53"/>
      <c r="Y3759" s="53"/>
      <c r="Z3759" s="53"/>
      <c r="AA3759" s="53"/>
      <c r="AB3759" s="53"/>
      <c r="AC3759" s="53"/>
      <c r="AD3759" s="53"/>
      <c r="AE3759" s="53"/>
      <c r="AF3759" s="53"/>
      <c r="AG3759" s="53"/>
      <c r="AH3759" s="53"/>
      <c r="AI3759" s="53"/>
      <c r="AJ3759" s="53"/>
      <c r="AK3759" s="53"/>
      <c r="AL3759" s="53"/>
      <c r="AM3759" s="53"/>
      <c r="AN3759" s="53"/>
      <c r="AO3759" s="53">
        <v>-29000000</v>
      </c>
      <c r="AP3759" s="53"/>
      <c r="AQ3759" s="53"/>
      <c r="AR3759" s="53"/>
      <c r="AS3759" s="53"/>
      <c r="AT3759" s="53"/>
      <c r="AU3759" s="53"/>
      <c r="AV3759" s="53"/>
      <c r="AW3759" s="53"/>
      <c r="AX3759" s="53"/>
      <c r="AY3759" s="53"/>
      <c r="AZ3759" s="53"/>
      <c r="BA3759" s="53">
        <v>-29000000</v>
      </c>
      <c r="BB3759" s="53"/>
      <c r="BC3759" s="53"/>
      <c r="BD3759" s="53"/>
      <c r="BE3759" s="53"/>
      <c r="BF3759" s="53"/>
      <c r="BG3759" s="53"/>
      <c r="BH3759" s="53"/>
      <c r="BI3759" s="53"/>
      <c r="BJ3759" s="53"/>
      <c r="BK3759" s="53"/>
      <c r="BL3759" s="53"/>
      <c r="BM3759" s="53"/>
      <c r="BN3759" s="53"/>
      <c r="BO3759" s="53"/>
      <c r="BP3759" s="53"/>
      <c r="BQ3759" s="53"/>
      <c r="BR3759" s="53"/>
      <c r="BS3759" s="53"/>
      <c r="BT3759" s="53"/>
      <c r="BU3759" s="53"/>
      <c r="BV3759" s="53"/>
      <c r="BW3759" s="53"/>
      <c r="BX3759" s="53"/>
      <c r="BY3759" s="53"/>
      <c r="BZ3759" s="53"/>
      <c r="CA3759" s="53"/>
      <c r="CB3759" s="53"/>
      <c r="CC3759" s="53"/>
      <c r="CD3759" s="53"/>
      <c r="CE3759" s="53"/>
      <c r="CF3759" s="53">
        <v>-7699999.9999999898</v>
      </c>
      <c r="CG3759" s="53"/>
      <c r="CH3759" s="53"/>
      <c r="CI3759" s="53"/>
      <c r="CJ3759" s="53"/>
      <c r="CK3759" s="53"/>
      <c r="CL3759" s="53">
        <v>-7700000</v>
      </c>
      <c r="CM3759" s="53"/>
      <c r="CN3759" s="53">
        <v>-15400000</v>
      </c>
    </row>
    <row r="3760" spans="1:92" outlineLevel="1">
      <c r="A3760" s="52" t="s">
        <v>1715</v>
      </c>
      <c r="B3760" s="53"/>
      <c r="C3760" s="53"/>
      <c r="D3760" s="53"/>
      <c r="E3760" s="53"/>
      <c r="F3760" s="53"/>
      <c r="G3760" s="53"/>
      <c r="H3760" s="53"/>
      <c r="I3760" s="53"/>
      <c r="J3760" s="53"/>
      <c r="K3760" s="53"/>
      <c r="L3760" s="53"/>
      <c r="M3760" s="53"/>
      <c r="N3760" s="53"/>
      <c r="O3760" s="53"/>
      <c r="P3760" s="53"/>
      <c r="Q3760" s="53"/>
      <c r="R3760" s="53"/>
      <c r="S3760" s="53"/>
      <c r="T3760" s="53"/>
      <c r="U3760" s="53"/>
      <c r="V3760" s="53"/>
      <c r="W3760" s="53"/>
      <c r="X3760" s="53"/>
      <c r="Y3760" s="53"/>
      <c r="Z3760" s="53"/>
      <c r="AA3760" s="53"/>
      <c r="AB3760" s="53"/>
      <c r="AC3760" s="53"/>
      <c r="AD3760" s="53"/>
      <c r="AE3760" s="53"/>
      <c r="AF3760" s="53"/>
      <c r="AG3760" s="53"/>
      <c r="AH3760" s="53"/>
      <c r="AI3760" s="53"/>
      <c r="AJ3760" s="53"/>
      <c r="AK3760" s="53"/>
      <c r="AL3760" s="53"/>
      <c r="AM3760" s="53"/>
      <c r="AN3760" s="53"/>
      <c r="AO3760" s="53"/>
      <c r="AP3760" s="53"/>
      <c r="AQ3760" s="53"/>
      <c r="AR3760" s="53"/>
      <c r="AS3760" s="53"/>
      <c r="AT3760" s="53"/>
      <c r="AU3760" s="53"/>
      <c r="AV3760" s="53"/>
      <c r="AW3760" s="53"/>
      <c r="AX3760" s="53"/>
      <c r="AY3760" s="53"/>
      <c r="AZ3760" s="53"/>
      <c r="BA3760" s="53"/>
      <c r="BB3760" s="53"/>
      <c r="BC3760" s="53"/>
      <c r="BD3760" s="53"/>
      <c r="BE3760" s="53"/>
      <c r="BF3760" s="53"/>
      <c r="BG3760" s="53"/>
      <c r="BH3760" s="53"/>
      <c r="BI3760" s="53"/>
      <c r="BJ3760" s="53"/>
      <c r="BK3760" s="53"/>
      <c r="BL3760" s="53"/>
      <c r="BM3760" s="53"/>
      <c r="BN3760" s="53"/>
      <c r="BO3760" s="53"/>
      <c r="BP3760" s="53"/>
      <c r="BQ3760" s="53"/>
      <c r="BR3760" s="53"/>
      <c r="BS3760" s="53"/>
      <c r="BT3760" s="53"/>
      <c r="BU3760" s="53"/>
      <c r="BV3760" s="53"/>
      <c r="BW3760" s="53"/>
      <c r="BX3760" s="53"/>
      <c r="BY3760" s="53"/>
      <c r="BZ3760" s="53"/>
      <c r="CA3760" s="53"/>
      <c r="CB3760" s="53">
        <v>-468750</v>
      </c>
      <c r="CC3760" s="53">
        <v>-489583.33333333302</v>
      </c>
      <c r="CD3760" s="53">
        <v>-489583.33333333302</v>
      </c>
      <c r="CE3760" s="53">
        <v>-489583.33333333302</v>
      </c>
      <c r="CF3760" s="53">
        <v>-489583.33333333302</v>
      </c>
      <c r="CG3760" s="53">
        <v>-489583.33333333302</v>
      </c>
      <c r="CH3760" s="53">
        <v>-489583.33333333302</v>
      </c>
      <c r="CI3760" s="53">
        <v>-489583.33333333302</v>
      </c>
      <c r="CJ3760" s="53">
        <v>-489583.33333333302</v>
      </c>
      <c r="CK3760" s="53">
        <v>-489583.33333333302</v>
      </c>
      <c r="CL3760" s="53">
        <v>-489583.33333333302</v>
      </c>
      <c r="CM3760" s="53">
        <v>-489583.33333333302</v>
      </c>
      <c r="CN3760" s="53">
        <v>-5854166.6666666605</v>
      </c>
    </row>
    <row r="3761" spans="1:92" outlineLevel="1">
      <c r="A3761" s="52" t="s">
        <v>649</v>
      </c>
      <c r="B3761" s="53">
        <v>-11550666.699999999</v>
      </c>
      <c r="C3761" s="53">
        <v>-11550666.699999999</v>
      </c>
      <c r="D3761" s="53">
        <v>-11550666.699999999</v>
      </c>
      <c r="E3761" s="53">
        <v>-11550666.699999999</v>
      </c>
      <c r="F3761" s="53">
        <v>-11550666.699999999</v>
      </c>
      <c r="G3761" s="53">
        <v>-11550666.699999999</v>
      </c>
      <c r="H3761" s="53">
        <v>-11550666.699999999</v>
      </c>
      <c r="I3761" s="53">
        <v>-11550666.699999999</v>
      </c>
      <c r="J3761" s="53">
        <v>-11550666.699999999</v>
      </c>
      <c r="K3761" s="53">
        <v>-11550666.699999999</v>
      </c>
      <c r="L3761" s="53">
        <v>-11550666.699999999</v>
      </c>
      <c r="M3761" s="53">
        <v>-11550666.699999999</v>
      </c>
      <c r="N3761" s="53">
        <v>-138608000.39999899</v>
      </c>
      <c r="O3761" s="53">
        <v>-8782250</v>
      </c>
      <c r="P3761" s="53">
        <v>-8782250</v>
      </c>
      <c r="Q3761" s="53">
        <v>-8782250</v>
      </c>
      <c r="R3761" s="53">
        <v>-8782250</v>
      </c>
      <c r="S3761" s="53">
        <v>-8782250</v>
      </c>
      <c r="T3761" s="53">
        <v>-8782250</v>
      </c>
      <c r="U3761" s="53">
        <v>-8782250</v>
      </c>
      <c r="V3761" s="53">
        <v>-8782250</v>
      </c>
      <c r="W3761" s="53">
        <v>-8782250</v>
      </c>
      <c r="X3761" s="53">
        <v>-8782250</v>
      </c>
      <c r="Y3761" s="53">
        <v>-8782250</v>
      </c>
      <c r="Z3761" s="53">
        <v>-8782250</v>
      </c>
      <c r="AA3761" s="53">
        <v>-105387000</v>
      </c>
      <c r="AB3761" s="53">
        <v>-5564166.6666666698</v>
      </c>
      <c r="AC3761" s="53">
        <v>-5564166.6666666698</v>
      </c>
      <c r="AD3761" s="53">
        <v>-5564166.6666666698</v>
      </c>
      <c r="AE3761" s="53">
        <v>-5564166.6666666698</v>
      </c>
      <c r="AF3761" s="53">
        <v>-5564166.6666666698</v>
      </c>
      <c r="AG3761" s="53">
        <v>-5564166.6666666698</v>
      </c>
      <c r="AH3761" s="53">
        <v>-5564166.6666666698</v>
      </c>
      <c r="AI3761" s="53">
        <v>-5564166.6666666698</v>
      </c>
      <c r="AJ3761" s="53">
        <v>-5564166.6666666698</v>
      </c>
      <c r="AK3761" s="53">
        <v>-5564166.6666666698</v>
      </c>
      <c r="AL3761" s="53">
        <v>-5564166.6666666698</v>
      </c>
      <c r="AM3761" s="53">
        <v>-5564166.6666666698</v>
      </c>
      <c r="AN3761" s="53">
        <v>-66770000</v>
      </c>
      <c r="AO3761" s="53">
        <v>-4253666.6666666698</v>
      </c>
      <c r="AP3761" s="53">
        <v>-4253666.6666666698</v>
      </c>
      <c r="AQ3761" s="53">
        <v>-4253666.6666666698</v>
      </c>
      <c r="AR3761" s="53">
        <v>-4253666.6666666698</v>
      </c>
      <c r="AS3761" s="53">
        <v>-4253666.6666666698</v>
      </c>
      <c r="AT3761" s="53">
        <v>-4253666.6666666698</v>
      </c>
      <c r="AU3761" s="53">
        <v>-4253666.6666666698</v>
      </c>
      <c r="AV3761" s="53">
        <v>-4253666.6666666698</v>
      </c>
      <c r="AW3761" s="53">
        <v>-4253666.6666666698</v>
      </c>
      <c r="AX3761" s="53">
        <v>-4253666.6666666698</v>
      </c>
      <c r="AY3761" s="53">
        <v>-4253666.6666666698</v>
      </c>
      <c r="AZ3761" s="53">
        <v>-4253666.6666666698</v>
      </c>
      <c r="BA3761" s="53">
        <v>-51044000</v>
      </c>
      <c r="BB3761" s="53">
        <v>-3086666.6666666698</v>
      </c>
      <c r="BC3761" s="53">
        <v>-3086666.6666666698</v>
      </c>
      <c r="BD3761" s="53">
        <v>-3086666.6666666698</v>
      </c>
      <c r="BE3761" s="53">
        <v>-3086666.6666666698</v>
      </c>
      <c r="BF3761" s="53">
        <v>-3086666.6666666698</v>
      </c>
      <c r="BG3761" s="53">
        <v>-3086666.6666666698</v>
      </c>
      <c r="BH3761" s="53">
        <v>-3086666.6666666698</v>
      </c>
      <c r="BI3761" s="53">
        <v>-3086666.6666666698</v>
      </c>
      <c r="BJ3761" s="53">
        <v>-3086666.6666666698</v>
      </c>
      <c r="BK3761" s="53">
        <v>-3086666.6666666698</v>
      </c>
      <c r="BL3761" s="53">
        <v>-3086666.6666666698</v>
      </c>
      <c r="BM3761" s="53">
        <v>-3086666.6666666698</v>
      </c>
      <c r="BN3761" s="53">
        <v>-37040000</v>
      </c>
      <c r="BO3761" s="53"/>
      <c r="BP3761" s="53"/>
      <c r="BQ3761" s="53"/>
      <c r="BR3761" s="53"/>
      <c r="BS3761" s="53"/>
      <c r="BT3761" s="53"/>
      <c r="BU3761" s="53"/>
      <c r="BV3761" s="53"/>
      <c r="BW3761" s="53"/>
      <c r="BX3761" s="53"/>
      <c r="BY3761" s="53"/>
      <c r="BZ3761" s="53"/>
      <c r="CA3761" s="53"/>
      <c r="CB3761" s="53"/>
      <c r="CC3761" s="53"/>
      <c r="CD3761" s="53"/>
      <c r="CE3761" s="53"/>
      <c r="CF3761" s="53"/>
      <c r="CG3761" s="53"/>
      <c r="CH3761" s="53"/>
      <c r="CI3761" s="53"/>
      <c r="CJ3761" s="53"/>
      <c r="CK3761" s="53"/>
      <c r="CL3761" s="53"/>
      <c r="CM3761" s="53"/>
      <c r="CN3761" s="53"/>
    </row>
    <row r="3762" spans="1:92" outlineLevel="1">
      <c r="A3762" s="52" t="s">
        <v>1737</v>
      </c>
      <c r="B3762" s="53"/>
      <c r="C3762" s="53"/>
      <c r="D3762" s="53"/>
      <c r="E3762" s="53"/>
      <c r="F3762" s="53"/>
      <c r="G3762" s="53"/>
      <c r="H3762" s="53"/>
      <c r="I3762" s="53"/>
      <c r="J3762" s="53"/>
      <c r="K3762" s="53"/>
      <c r="L3762" s="53"/>
      <c r="M3762" s="53"/>
      <c r="N3762" s="53"/>
      <c r="O3762" s="53"/>
      <c r="P3762" s="53"/>
      <c r="Q3762" s="53"/>
      <c r="R3762" s="53"/>
      <c r="S3762" s="53"/>
      <c r="T3762" s="53"/>
      <c r="U3762" s="53"/>
      <c r="V3762" s="53"/>
      <c r="W3762" s="53"/>
      <c r="X3762" s="53"/>
      <c r="Y3762" s="53"/>
      <c r="Z3762" s="53"/>
      <c r="AA3762" s="53"/>
      <c r="AB3762" s="53"/>
      <c r="AC3762" s="53"/>
      <c r="AD3762" s="53"/>
      <c r="AE3762" s="53"/>
      <c r="AF3762" s="53"/>
      <c r="AG3762" s="53"/>
      <c r="AH3762" s="53"/>
      <c r="AI3762" s="53"/>
      <c r="AJ3762" s="53"/>
      <c r="AK3762" s="53"/>
      <c r="AL3762" s="53"/>
      <c r="AM3762" s="53"/>
      <c r="AN3762" s="53"/>
      <c r="AO3762" s="53"/>
      <c r="AP3762" s="53"/>
      <c r="AQ3762" s="53"/>
      <c r="AR3762" s="53"/>
      <c r="AS3762" s="53"/>
      <c r="AT3762" s="53"/>
      <c r="AU3762" s="53"/>
      <c r="AV3762" s="53"/>
      <c r="AW3762" s="53"/>
      <c r="AX3762" s="53"/>
      <c r="AY3762" s="53"/>
      <c r="AZ3762" s="53"/>
      <c r="BA3762" s="53"/>
      <c r="BB3762" s="53"/>
      <c r="BC3762" s="53"/>
      <c r="BD3762" s="53"/>
      <c r="BE3762" s="53"/>
      <c r="BF3762" s="53"/>
      <c r="BG3762" s="53"/>
      <c r="BH3762" s="53"/>
      <c r="BI3762" s="53"/>
      <c r="BJ3762" s="53"/>
      <c r="BK3762" s="53"/>
      <c r="BL3762" s="53"/>
      <c r="BM3762" s="53"/>
      <c r="BN3762" s="53"/>
      <c r="BO3762" s="53"/>
      <c r="BP3762" s="53"/>
      <c r="BQ3762" s="53"/>
      <c r="BR3762" s="53"/>
      <c r="BS3762" s="53"/>
      <c r="BT3762" s="53"/>
      <c r="BU3762" s="53"/>
      <c r="BV3762" s="53"/>
      <c r="BW3762" s="53"/>
      <c r="BX3762" s="53"/>
      <c r="BY3762" s="53"/>
      <c r="BZ3762" s="53"/>
      <c r="CA3762" s="53"/>
      <c r="CB3762" s="53"/>
      <c r="CC3762" s="53"/>
      <c r="CD3762" s="53"/>
      <c r="CE3762" s="53">
        <v>-10200000</v>
      </c>
      <c r="CF3762" s="53"/>
      <c r="CG3762" s="53"/>
      <c r="CH3762" s="53"/>
      <c r="CI3762" s="53"/>
      <c r="CJ3762" s="53"/>
      <c r="CK3762" s="53">
        <v>-10200000</v>
      </c>
      <c r="CL3762" s="53"/>
      <c r="CM3762" s="53"/>
      <c r="CN3762" s="53">
        <v>-20400000</v>
      </c>
    </row>
    <row r="3763" spans="1:92" outlineLevel="1">
      <c r="A3763" s="52" t="s">
        <v>649</v>
      </c>
      <c r="B3763" s="53"/>
      <c r="C3763" s="53"/>
      <c r="D3763" s="53"/>
      <c r="E3763" s="53"/>
      <c r="F3763" s="53"/>
      <c r="G3763" s="53"/>
      <c r="H3763" s="53"/>
      <c r="I3763" s="53"/>
      <c r="J3763" s="53"/>
      <c r="K3763" s="53"/>
      <c r="L3763" s="53"/>
      <c r="M3763" s="53">
        <v>71000000</v>
      </c>
      <c r="N3763" s="53">
        <v>71000000</v>
      </c>
      <c r="O3763" s="53"/>
      <c r="P3763" s="53"/>
      <c r="Q3763" s="53"/>
      <c r="R3763" s="53"/>
      <c r="S3763" s="53"/>
      <c r="T3763" s="53"/>
      <c r="U3763" s="53"/>
      <c r="V3763" s="53"/>
      <c r="W3763" s="53"/>
      <c r="X3763" s="53"/>
      <c r="Y3763" s="53"/>
      <c r="Z3763" s="53"/>
      <c r="AA3763" s="53"/>
      <c r="AB3763" s="53"/>
      <c r="AC3763" s="53"/>
      <c r="AD3763" s="53"/>
      <c r="AE3763" s="53"/>
      <c r="AF3763" s="53"/>
      <c r="AG3763" s="53"/>
      <c r="AH3763" s="53"/>
      <c r="AI3763" s="53"/>
      <c r="AJ3763" s="53"/>
      <c r="AK3763" s="53"/>
      <c r="AL3763" s="53"/>
      <c r="AM3763" s="53"/>
      <c r="AN3763" s="53"/>
      <c r="AO3763" s="53"/>
      <c r="AP3763" s="53"/>
      <c r="AQ3763" s="53"/>
      <c r="AR3763" s="53"/>
      <c r="AS3763" s="53"/>
      <c r="AT3763" s="53"/>
      <c r="AU3763" s="53"/>
      <c r="AV3763" s="53"/>
      <c r="AW3763" s="53"/>
      <c r="AX3763" s="53"/>
      <c r="AY3763" s="53"/>
      <c r="AZ3763" s="53"/>
      <c r="BA3763" s="53"/>
      <c r="BB3763" s="53"/>
      <c r="BC3763" s="53"/>
      <c r="BD3763" s="53"/>
      <c r="BE3763" s="53"/>
      <c r="BF3763" s="53"/>
      <c r="BG3763" s="53"/>
      <c r="BH3763" s="53"/>
      <c r="BI3763" s="53"/>
      <c r="BJ3763" s="53"/>
      <c r="BK3763" s="53"/>
      <c r="BL3763" s="53"/>
      <c r="BM3763" s="53"/>
      <c r="BN3763" s="53"/>
      <c r="BO3763" s="53"/>
      <c r="BP3763" s="53"/>
      <c r="BQ3763" s="53"/>
      <c r="BR3763" s="53"/>
      <c r="BS3763" s="53"/>
      <c r="BT3763" s="53"/>
      <c r="BU3763" s="53"/>
      <c r="BV3763" s="53"/>
      <c r="BW3763" s="53"/>
      <c r="BX3763" s="53"/>
      <c r="BY3763" s="53"/>
      <c r="BZ3763" s="53"/>
      <c r="CA3763" s="53"/>
      <c r="CB3763" s="53"/>
      <c r="CC3763" s="53"/>
      <c r="CD3763" s="53"/>
      <c r="CE3763" s="53"/>
      <c r="CF3763" s="53"/>
      <c r="CG3763" s="53"/>
      <c r="CH3763" s="53"/>
      <c r="CI3763" s="53"/>
      <c r="CJ3763" s="53"/>
      <c r="CK3763" s="53"/>
      <c r="CL3763" s="53"/>
      <c r="CM3763" s="53"/>
      <c r="CN3763" s="53"/>
    </row>
    <row r="3764" spans="1:92" outlineLevel="1">
      <c r="A3764" s="52" t="s">
        <v>1702</v>
      </c>
      <c r="B3764" s="53"/>
      <c r="C3764" s="53"/>
      <c r="D3764" s="53"/>
      <c r="E3764" s="53"/>
      <c r="F3764" s="53"/>
      <c r="G3764" s="53"/>
      <c r="H3764" s="53"/>
      <c r="I3764" s="53"/>
      <c r="J3764" s="53"/>
      <c r="K3764" s="53"/>
      <c r="L3764" s="53"/>
      <c r="M3764" s="53"/>
      <c r="N3764" s="53"/>
      <c r="O3764" s="53"/>
      <c r="P3764" s="53"/>
      <c r="Q3764" s="53"/>
      <c r="R3764" s="53"/>
      <c r="S3764" s="53"/>
      <c r="T3764" s="53"/>
      <c r="U3764" s="53"/>
      <c r="V3764" s="53"/>
      <c r="W3764" s="53"/>
      <c r="X3764" s="53"/>
      <c r="Y3764" s="53"/>
      <c r="Z3764" s="53"/>
      <c r="AA3764" s="53"/>
      <c r="AB3764" s="53"/>
      <c r="AC3764" s="53"/>
      <c r="AD3764" s="53"/>
      <c r="AE3764" s="53"/>
      <c r="AF3764" s="53"/>
      <c r="AG3764" s="53"/>
      <c r="AH3764" s="53"/>
      <c r="AI3764" s="53"/>
      <c r="AJ3764" s="53"/>
      <c r="AK3764" s="53"/>
      <c r="AL3764" s="53"/>
      <c r="AM3764" s="53"/>
      <c r="AN3764" s="53"/>
      <c r="AO3764" s="53"/>
      <c r="AP3764" s="53"/>
      <c r="AQ3764" s="53"/>
      <c r="AR3764" s="53"/>
      <c r="AS3764" s="53"/>
      <c r="AT3764" s="53"/>
      <c r="AU3764" s="53"/>
      <c r="AV3764" s="53"/>
      <c r="AW3764" s="53"/>
      <c r="AX3764" s="53"/>
      <c r="AY3764" s="53"/>
      <c r="AZ3764" s="53"/>
      <c r="BA3764" s="53"/>
      <c r="BB3764" s="53"/>
      <c r="BC3764" s="53"/>
      <c r="BD3764" s="53"/>
      <c r="BE3764" s="53"/>
      <c r="BF3764" s="53"/>
      <c r="BG3764" s="53"/>
      <c r="BH3764" s="53"/>
      <c r="BI3764" s="53"/>
      <c r="BJ3764" s="53"/>
      <c r="BK3764" s="53"/>
      <c r="BL3764" s="53"/>
      <c r="BM3764" s="53"/>
      <c r="BN3764" s="53"/>
      <c r="BO3764" s="53"/>
      <c r="BP3764" s="53"/>
      <c r="BQ3764" s="53"/>
      <c r="BR3764" s="53"/>
      <c r="BS3764" s="53"/>
      <c r="BT3764" s="53"/>
      <c r="BU3764" s="53"/>
      <c r="BV3764" s="53"/>
      <c r="BW3764" s="53"/>
      <c r="BX3764" s="53"/>
      <c r="BY3764" s="53"/>
      <c r="BZ3764" s="53"/>
      <c r="CA3764" s="53"/>
      <c r="CB3764" s="53">
        <v>-10400000</v>
      </c>
      <c r="CC3764" s="53"/>
      <c r="CD3764" s="53"/>
      <c r="CE3764" s="53"/>
      <c r="CF3764" s="53"/>
      <c r="CG3764" s="53"/>
      <c r="CH3764" s="53">
        <v>-10400000</v>
      </c>
      <c r="CI3764" s="53"/>
      <c r="CJ3764" s="53"/>
      <c r="CK3764" s="53"/>
      <c r="CL3764" s="53"/>
      <c r="CM3764" s="53"/>
      <c r="CN3764" s="53">
        <v>-20800000</v>
      </c>
    </row>
    <row r="3765" spans="1:92" outlineLevel="1">
      <c r="A3765" s="52" t="s">
        <v>1703</v>
      </c>
      <c r="B3765" s="53"/>
      <c r="C3765" s="53"/>
      <c r="D3765" s="53"/>
      <c r="E3765" s="53"/>
      <c r="F3765" s="53"/>
      <c r="G3765" s="53"/>
      <c r="H3765" s="53"/>
      <c r="I3765" s="53"/>
      <c r="J3765" s="53"/>
      <c r="K3765" s="53"/>
      <c r="L3765" s="53"/>
      <c r="M3765" s="53"/>
      <c r="N3765" s="53"/>
      <c r="O3765" s="53"/>
      <c r="P3765" s="53"/>
      <c r="Q3765" s="53"/>
      <c r="R3765" s="53"/>
      <c r="S3765" s="53"/>
      <c r="T3765" s="53"/>
      <c r="U3765" s="53"/>
      <c r="V3765" s="53"/>
      <c r="W3765" s="53"/>
      <c r="X3765" s="53"/>
      <c r="Y3765" s="53"/>
      <c r="Z3765" s="53"/>
      <c r="AA3765" s="53"/>
      <c r="AB3765" s="53"/>
      <c r="AC3765" s="53"/>
      <c r="AD3765" s="53"/>
      <c r="AE3765" s="53"/>
      <c r="AF3765" s="53"/>
      <c r="AG3765" s="53"/>
      <c r="AH3765" s="53"/>
      <c r="AI3765" s="53"/>
      <c r="AJ3765" s="53"/>
      <c r="AK3765" s="53"/>
      <c r="AL3765" s="53"/>
      <c r="AM3765" s="53"/>
      <c r="AN3765" s="53"/>
      <c r="AO3765" s="53"/>
      <c r="AP3765" s="53"/>
      <c r="AQ3765" s="53"/>
      <c r="AR3765" s="53"/>
      <c r="AS3765" s="53"/>
      <c r="AT3765" s="53"/>
      <c r="AU3765" s="53"/>
      <c r="AV3765" s="53"/>
      <c r="AW3765" s="53"/>
      <c r="AX3765" s="53"/>
      <c r="AY3765" s="53"/>
      <c r="AZ3765" s="53"/>
      <c r="BA3765" s="53"/>
      <c r="BB3765" s="53"/>
      <c r="BC3765" s="53"/>
      <c r="BD3765" s="53"/>
      <c r="BE3765" s="53"/>
      <c r="BF3765" s="53"/>
      <c r="BG3765" s="53"/>
      <c r="BH3765" s="53"/>
      <c r="BI3765" s="53"/>
      <c r="BJ3765" s="53"/>
      <c r="BK3765" s="53"/>
      <c r="BL3765" s="53"/>
      <c r="BM3765" s="53"/>
      <c r="BN3765" s="53"/>
      <c r="BO3765" s="53"/>
      <c r="BP3765" s="53"/>
      <c r="BQ3765" s="53"/>
      <c r="BR3765" s="53"/>
      <c r="BS3765" s="53"/>
      <c r="BT3765" s="53"/>
      <c r="BU3765" s="53"/>
      <c r="BV3765" s="53"/>
      <c r="BW3765" s="53"/>
      <c r="BX3765" s="53"/>
      <c r="BY3765" s="53"/>
      <c r="BZ3765" s="53"/>
      <c r="CA3765" s="53"/>
      <c r="CB3765" s="53">
        <v>-8400000</v>
      </c>
      <c r="CC3765" s="53"/>
      <c r="CD3765" s="53"/>
      <c r="CE3765" s="53"/>
      <c r="CF3765" s="53"/>
      <c r="CG3765" s="53"/>
      <c r="CH3765" s="53">
        <v>-8400000</v>
      </c>
      <c r="CI3765" s="53"/>
      <c r="CJ3765" s="53"/>
      <c r="CK3765" s="53"/>
      <c r="CL3765" s="53"/>
      <c r="CM3765" s="53"/>
      <c r="CN3765" s="53">
        <v>-16800000</v>
      </c>
    </row>
    <row r="3766" spans="1:92" outlineLevel="1">
      <c r="A3766" s="52" t="s">
        <v>649</v>
      </c>
      <c r="B3766" s="53"/>
      <c r="C3766" s="53"/>
      <c r="D3766" s="53"/>
      <c r="E3766" s="53"/>
      <c r="F3766" s="53"/>
      <c r="G3766" s="53"/>
      <c r="H3766" s="53"/>
      <c r="I3766" s="53"/>
      <c r="J3766" s="53"/>
      <c r="K3766" s="53"/>
      <c r="L3766" s="53"/>
      <c r="M3766" s="53"/>
      <c r="N3766" s="53"/>
      <c r="O3766" s="53"/>
      <c r="P3766" s="53"/>
      <c r="Q3766" s="53"/>
      <c r="R3766" s="53"/>
      <c r="S3766" s="53"/>
      <c r="T3766" s="53"/>
      <c r="U3766" s="53"/>
      <c r="V3766" s="53"/>
      <c r="W3766" s="53">
        <v>-24200000</v>
      </c>
      <c r="X3766" s="53"/>
      <c r="Y3766" s="53"/>
      <c r="Z3766" s="53"/>
      <c r="AA3766" s="53">
        <v>-24200000</v>
      </c>
      <c r="AB3766" s="53"/>
      <c r="AC3766" s="53"/>
      <c r="AD3766" s="53"/>
      <c r="AE3766" s="53"/>
      <c r="AF3766" s="53"/>
      <c r="AG3766" s="53"/>
      <c r="AH3766" s="53"/>
      <c r="AI3766" s="53"/>
      <c r="AJ3766" s="53"/>
      <c r="AK3766" s="53"/>
      <c r="AL3766" s="53"/>
      <c r="AM3766" s="53"/>
      <c r="AN3766" s="53"/>
      <c r="AO3766" s="53"/>
      <c r="AP3766" s="53"/>
      <c r="AQ3766" s="53"/>
      <c r="AR3766" s="53"/>
      <c r="AS3766" s="53"/>
      <c r="AT3766" s="53"/>
      <c r="AU3766" s="53"/>
      <c r="AV3766" s="53"/>
      <c r="AW3766" s="53"/>
      <c r="AX3766" s="53"/>
      <c r="AY3766" s="53"/>
      <c r="AZ3766" s="53"/>
      <c r="BA3766" s="53"/>
      <c r="BB3766" s="53"/>
      <c r="BC3766" s="53"/>
      <c r="BD3766" s="53"/>
      <c r="BE3766" s="53"/>
      <c r="BF3766" s="53"/>
      <c r="BG3766" s="53"/>
      <c r="BH3766" s="53"/>
      <c r="BI3766" s="53"/>
      <c r="BJ3766" s="53"/>
      <c r="BK3766" s="53"/>
      <c r="BL3766" s="53"/>
      <c r="BM3766" s="53"/>
      <c r="BN3766" s="53"/>
      <c r="BO3766" s="53"/>
      <c r="BP3766" s="53"/>
      <c r="BQ3766" s="53"/>
      <c r="BR3766" s="53"/>
      <c r="BS3766" s="53"/>
      <c r="BT3766" s="53"/>
      <c r="BU3766" s="53"/>
      <c r="BV3766" s="53"/>
      <c r="BW3766" s="53"/>
      <c r="BX3766" s="53"/>
      <c r="BY3766" s="53"/>
      <c r="BZ3766" s="53"/>
      <c r="CA3766" s="53"/>
      <c r="CB3766" s="53">
        <v>-11400000</v>
      </c>
      <c r="CC3766" s="53"/>
      <c r="CD3766" s="53"/>
      <c r="CE3766" s="53"/>
      <c r="CF3766" s="53"/>
      <c r="CG3766" s="53"/>
      <c r="CH3766" s="53">
        <v>-11400000</v>
      </c>
      <c r="CI3766" s="53"/>
      <c r="CJ3766" s="53"/>
      <c r="CK3766" s="53"/>
      <c r="CL3766" s="53"/>
      <c r="CM3766" s="53"/>
      <c r="CN3766" s="53">
        <v>-22800000</v>
      </c>
    </row>
    <row r="3767" spans="1:92" outlineLevel="1">
      <c r="A3767" s="52" t="s">
        <v>670</v>
      </c>
      <c r="B3767" s="53"/>
      <c r="C3767" s="53"/>
      <c r="D3767" s="53"/>
      <c r="E3767" s="53"/>
      <c r="F3767" s="53"/>
      <c r="G3767" s="53"/>
      <c r="H3767" s="53"/>
      <c r="I3767" s="53"/>
      <c r="J3767" s="53"/>
      <c r="K3767" s="53"/>
      <c r="L3767" s="53"/>
      <c r="M3767" s="53"/>
      <c r="N3767" s="53"/>
      <c r="O3767" s="53"/>
      <c r="P3767" s="53"/>
      <c r="Q3767" s="53"/>
      <c r="R3767" s="53"/>
      <c r="S3767" s="53"/>
      <c r="T3767" s="53"/>
      <c r="U3767" s="53"/>
      <c r="V3767" s="53"/>
      <c r="W3767" s="53"/>
      <c r="X3767" s="53"/>
      <c r="Y3767" s="53"/>
      <c r="Z3767" s="53"/>
      <c r="AA3767" s="53"/>
      <c r="AB3767" s="53"/>
      <c r="AC3767" s="53"/>
      <c r="AD3767" s="53"/>
      <c r="AE3767" s="53"/>
      <c r="AF3767" s="53"/>
      <c r="AG3767" s="53"/>
      <c r="AH3767" s="53"/>
      <c r="AI3767" s="53"/>
      <c r="AJ3767" s="53"/>
      <c r="AK3767" s="53"/>
      <c r="AL3767" s="53"/>
      <c r="AM3767" s="53"/>
      <c r="AN3767" s="53"/>
      <c r="AO3767" s="53"/>
      <c r="AP3767" s="53"/>
      <c r="AQ3767" s="53"/>
      <c r="AR3767" s="53"/>
      <c r="AS3767" s="53"/>
      <c r="AT3767" s="53"/>
      <c r="AU3767" s="53"/>
      <c r="AV3767" s="53"/>
      <c r="AW3767" s="53"/>
      <c r="AX3767" s="53"/>
      <c r="AY3767" s="53"/>
      <c r="AZ3767" s="53"/>
      <c r="BA3767" s="53"/>
      <c r="BB3767" s="53"/>
      <c r="BC3767" s="53"/>
      <c r="BD3767" s="53"/>
      <c r="BE3767" s="53"/>
      <c r="BF3767" s="53"/>
      <c r="BG3767" s="53"/>
      <c r="BH3767" s="53"/>
      <c r="BI3767" s="53"/>
      <c r="BJ3767" s="53"/>
      <c r="BK3767" s="53"/>
      <c r="BL3767" s="53"/>
      <c r="BM3767" s="53"/>
      <c r="BN3767" s="53"/>
      <c r="BO3767" s="53"/>
      <c r="BP3767" s="53"/>
      <c r="BQ3767" s="53"/>
      <c r="BR3767" s="53"/>
      <c r="BS3767" s="53"/>
      <c r="BT3767" s="53"/>
      <c r="BU3767" s="53"/>
      <c r="BV3767" s="53"/>
      <c r="BW3767" s="53"/>
      <c r="BX3767" s="53"/>
      <c r="BY3767" s="53"/>
      <c r="BZ3767" s="53"/>
      <c r="CA3767" s="53"/>
      <c r="CB3767" s="53"/>
      <c r="CC3767" s="53"/>
      <c r="CD3767" s="53"/>
      <c r="CE3767" s="53"/>
      <c r="CF3767" s="53"/>
      <c r="CG3767" s="53">
        <v>-8750000</v>
      </c>
      <c r="CH3767" s="53"/>
      <c r="CI3767" s="53"/>
      <c r="CJ3767" s="53"/>
      <c r="CK3767" s="53"/>
      <c r="CL3767" s="53"/>
      <c r="CM3767" s="53">
        <v>-8750000</v>
      </c>
      <c r="CN3767" s="53">
        <v>-17500000</v>
      </c>
    </row>
    <row r="3768" spans="1:92" outlineLevel="1">
      <c r="A3768" s="52" t="s">
        <v>671</v>
      </c>
      <c r="B3768" s="53"/>
      <c r="C3768" s="53"/>
      <c r="D3768" s="53"/>
      <c r="E3768" s="53"/>
      <c r="F3768" s="53"/>
      <c r="G3768" s="53"/>
      <c r="H3768" s="53"/>
      <c r="I3768" s="53"/>
      <c r="J3768" s="53"/>
      <c r="K3768" s="53"/>
      <c r="L3768" s="53"/>
      <c r="M3768" s="53"/>
      <c r="N3768" s="53"/>
      <c r="O3768" s="53"/>
      <c r="P3768" s="53"/>
      <c r="Q3768" s="53"/>
      <c r="R3768" s="53"/>
      <c r="S3768" s="53"/>
      <c r="T3768" s="53"/>
      <c r="U3768" s="53"/>
      <c r="V3768" s="53"/>
      <c r="W3768" s="53"/>
      <c r="X3768" s="53"/>
      <c r="Y3768" s="53"/>
      <c r="Z3768" s="53"/>
      <c r="AA3768" s="53"/>
      <c r="AB3768" s="53"/>
      <c r="AC3768" s="53"/>
      <c r="AD3768" s="53"/>
      <c r="AE3768" s="53"/>
      <c r="AF3768" s="53"/>
      <c r="AG3768" s="53"/>
      <c r="AH3768" s="53"/>
      <c r="AI3768" s="53"/>
      <c r="AJ3768" s="53"/>
      <c r="AK3768" s="53"/>
      <c r="AL3768" s="53"/>
      <c r="AM3768" s="53"/>
      <c r="AN3768" s="53"/>
      <c r="AO3768" s="53"/>
      <c r="AP3768" s="53"/>
      <c r="AQ3768" s="53"/>
      <c r="AR3768" s="53"/>
      <c r="AS3768" s="53"/>
      <c r="AT3768" s="53"/>
      <c r="AU3768" s="53"/>
      <c r="AV3768" s="53"/>
      <c r="AW3768" s="53"/>
      <c r="AX3768" s="53"/>
      <c r="AY3768" s="53"/>
      <c r="AZ3768" s="53"/>
      <c r="BA3768" s="53"/>
      <c r="BB3768" s="53"/>
      <c r="BC3768" s="53"/>
      <c r="BD3768" s="53"/>
      <c r="BE3768" s="53"/>
      <c r="BF3768" s="53"/>
      <c r="BG3768" s="53"/>
      <c r="BH3768" s="53"/>
      <c r="BI3768" s="53"/>
      <c r="BJ3768" s="53"/>
      <c r="BK3768" s="53"/>
      <c r="BL3768" s="53"/>
      <c r="BM3768" s="53"/>
      <c r="BN3768" s="53"/>
      <c r="BO3768" s="53"/>
      <c r="BP3768" s="53"/>
      <c r="BQ3768" s="53"/>
      <c r="BR3768" s="53"/>
      <c r="BS3768" s="53"/>
      <c r="BT3768" s="53"/>
      <c r="BU3768" s="53"/>
      <c r="BV3768" s="53"/>
      <c r="BW3768" s="53"/>
      <c r="BX3768" s="53"/>
      <c r="BY3768" s="53"/>
      <c r="BZ3768" s="53"/>
      <c r="CA3768" s="53"/>
      <c r="CB3768" s="53"/>
      <c r="CC3768" s="53"/>
      <c r="CD3768" s="53"/>
      <c r="CE3768" s="53"/>
      <c r="CF3768" s="53"/>
      <c r="CG3768" s="53"/>
      <c r="CH3768" s="53"/>
      <c r="CI3768" s="53"/>
      <c r="CJ3768" s="53"/>
      <c r="CK3768" s="53"/>
      <c r="CL3768" s="53"/>
      <c r="CM3768" s="53"/>
      <c r="CN3768" s="53"/>
    </row>
    <row r="3769" spans="1:92" outlineLevel="1">
      <c r="A3769" s="52" t="s">
        <v>1249</v>
      </c>
      <c r="B3769" s="53">
        <v>-839692.28799999994</v>
      </c>
      <c r="C3769" s="53">
        <v>-1659457.54999999</v>
      </c>
      <c r="D3769" s="53">
        <v>-1501390.14</v>
      </c>
      <c r="E3769" s="53">
        <v>-1540071.9</v>
      </c>
      <c r="F3769" s="53">
        <v>-1298458.71</v>
      </c>
      <c r="G3769" s="53">
        <v>-1357107.18</v>
      </c>
      <c r="H3769" s="53">
        <v>979270.12</v>
      </c>
      <c r="I3769" s="53">
        <v>-1537353.5699999901</v>
      </c>
      <c r="J3769" s="53">
        <v>-1064526.3399999901</v>
      </c>
      <c r="K3769" s="53">
        <v>-830069.43999999901</v>
      </c>
      <c r="L3769" s="53">
        <v>-428552.45</v>
      </c>
      <c r="M3769" s="53">
        <v>-1792328.1899999899</v>
      </c>
      <c r="N3769" s="53">
        <v>-12869737.638</v>
      </c>
      <c r="O3769" s="53">
        <v>-2577665.14</v>
      </c>
      <c r="P3769" s="53">
        <v>-1288011</v>
      </c>
      <c r="Q3769" s="53">
        <v>-1312759</v>
      </c>
      <c r="R3769" s="53">
        <v>-1320943</v>
      </c>
      <c r="S3769" s="53">
        <v>-1339012</v>
      </c>
      <c r="T3769" s="53">
        <v>-1327680</v>
      </c>
      <c r="U3769" s="53">
        <v>-1573045</v>
      </c>
      <c r="V3769" s="53">
        <v>-1362504</v>
      </c>
      <c r="W3769" s="53">
        <v>-1331174</v>
      </c>
      <c r="X3769" s="53">
        <v>-1319668</v>
      </c>
      <c r="Y3769" s="53">
        <v>-1319596</v>
      </c>
      <c r="Z3769" s="53">
        <v>-1336985</v>
      </c>
      <c r="AA3769" s="53">
        <v>-17409042.1399999</v>
      </c>
      <c r="AB3769" s="53">
        <v>-1563864</v>
      </c>
      <c r="AC3769" s="53">
        <v>-1322735</v>
      </c>
      <c r="AD3769" s="53">
        <v>-1347755</v>
      </c>
      <c r="AE3769" s="53">
        <v>-1361043</v>
      </c>
      <c r="AF3769" s="53">
        <v>-1376515</v>
      </c>
      <c r="AG3769" s="53">
        <v>-1541295</v>
      </c>
      <c r="AH3769" s="53">
        <v>-1442950</v>
      </c>
      <c r="AI3769" s="53">
        <v>-1401889</v>
      </c>
      <c r="AJ3769" s="53">
        <v>-1374728</v>
      </c>
      <c r="AK3769" s="53">
        <v>-1362800</v>
      </c>
      <c r="AL3769" s="53">
        <v>-1360469</v>
      </c>
      <c r="AM3769" s="53">
        <v>-1549908</v>
      </c>
      <c r="AN3769" s="53">
        <v>-17005951</v>
      </c>
      <c r="AO3769" s="53">
        <v>-1433105</v>
      </c>
      <c r="AP3769" s="53">
        <v>-1406265.99999999</v>
      </c>
      <c r="AQ3769" s="53">
        <v>-1406265.99999999</v>
      </c>
      <c r="AR3769" s="53">
        <v>-1406265.99999999</v>
      </c>
      <c r="AS3769" s="53">
        <v>-1406265.99999999</v>
      </c>
      <c r="AT3769" s="53">
        <v>-1406265.99999999</v>
      </c>
      <c r="AU3769" s="53">
        <v>-1406265.99999999</v>
      </c>
      <c r="AV3769" s="53">
        <v>-1406265.99999999</v>
      </c>
      <c r="AW3769" s="53">
        <v>-1406265.99999999</v>
      </c>
      <c r="AX3769" s="53">
        <v>-1406265.99999999</v>
      </c>
      <c r="AY3769" s="53">
        <v>-1406265.99999999</v>
      </c>
      <c r="AZ3769" s="53">
        <v>-1406265.99999999</v>
      </c>
      <c r="BA3769" s="53">
        <v>-16902031</v>
      </c>
      <c r="BB3769" s="53">
        <v>-1406265.99999999</v>
      </c>
      <c r="BC3769" s="53">
        <v>-1406265.99999999</v>
      </c>
      <c r="BD3769" s="53">
        <v>-1406265.99999999</v>
      </c>
      <c r="BE3769" s="53">
        <v>-1406265.99999999</v>
      </c>
      <c r="BF3769" s="53">
        <v>-1406265.99999999</v>
      </c>
      <c r="BG3769" s="53">
        <v>-1406265.99999999</v>
      </c>
      <c r="BH3769" s="53">
        <v>-1406265.99999999</v>
      </c>
      <c r="BI3769" s="53">
        <v>-1406265.99999999</v>
      </c>
      <c r="BJ3769" s="53">
        <v>-1406265.99999999</v>
      </c>
      <c r="BK3769" s="53">
        <v>-1406265.99999999</v>
      </c>
      <c r="BL3769" s="53">
        <v>-1406265.99999999</v>
      </c>
      <c r="BM3769" s="53">
        <v>-1406265.99999999</v>
      </c>
      <c r="BN3769" s="53">
        <v>-16875192</v>
      </c>
      <c r="BO3769" s="53">
        <v>-1406265.99999999</v>
      </c>
      <c r="BP3769" s="53">
        <v>-1406265.99999999</v>
      </c>
      <c r="BQ3769" s="53">
        <v>-1406265.99999999</v>
      </c>
      <c r="BR3769" s="53">
        <v>-1406265.99999999</v>
      </c>
      <c r="BS3769" s="53">
        <v>-1406265.99999999</v>
      </c>
      <c r="BT3769" s="53">
        <v>-1406265.99999999</v>
      </c>
      <c r="BU3769" s="53">
        <v>-1406265.99999999</v>
      </c>
      <c r="BV3769" s="53">
        <v>-1406265.99999999</v>
      </c>
      <c r="BW3769" s="53">
        <v>-1406265.99999999</v>
      </c>
      <c r="BX3769" s="53">
        <v>-1406265.99999999</v>
      </c>
      <c r="BY3769" s="53">
        <v>-1406265.99999999</v>
      </c>
      <c r="BZ3769" s="53">
        <v>-1406265.99999999</v>
      </c>
      <c r="CA3769" s="53">
        <v>-16875192</v>
      </c>
      <c r="CB3769" s="53"/>
      <c r="CC3769" s="53"/>
      <c r="CD3769" s="53"/>
      <c r="CE3769" s="53"/>
      <c r="CF3769" s="53"/>
      <c r="CG3769" s="53">
        <v>-4375000</v>
      </c>
      <c r="CH3769" s="53"/>
      <c r="CI3769" s="53"/>
      <c r="CJ3769" s="53"/>
      <c r="CK3769" s="53"/>
      <c r="CL3769" s="53"/>
      <c r="CM3769" s="53">
        <v>-4375000</v>
      </c>
      <c r="CN3769" s="53">
        <v>-8750000</v>
      </c>
    </row>
    <row r="3770" spans="1:92" outlineLevel="1">
      <c r="A3770" s="52" t="s">
        <v>1229</v>
      </c>
      <c r="B3770" s="53"/>
      <c r="C3770" s="53"/>
      <c r="D3770" s="53"/>
      <c r="E3770" s="53"/>
      <c r="F3770" s="53"/>
      <c r="G3770" s="53"/>
      <c r="H3770" s="53"/>
      <c r="I3770" s="53"/>
      <c r="J3770" s="53"/>
      <c r="K3770" s="53"/>
      <c r="L3770" s="53"/>
      <c r="M3770" s="53"/>
      <c r="N3770" s="53"/>
      <c r="O3770" s="53"/>
      <c r="P3770" s="53"/>
      <c r="Q3770" s="53"/>
      <c r="R3770" s="53"/>
      <c r="S3770" s="53"/>
      <c r="T3770" s="53"/>
      <c r="U3770" s="53"/>
      <c r="V3770" s="53"/>
      <c r="W3770" s="53"/>
      <c r="X3770" s="53"/>
      <c r="Y3770" s="53"/>
      <c r="Z3770" s="53"/>
      <c r="AA3770" s="53"/>
      <c r="AB3770" s="53"/>
      <c r="AC3770" s="53"/>
      <c r="AD3770" s="53"/>
      <c r="AE3770" s="53"/>
      <c r="AF3770" s="53"/>
      <c r="AG3770" s="53"/>
      <c r="AH3770" s="53"/>
      <c r="AI3770" s="53"/>
      <c r="AJ3770" s="53"/>
      <c r="AK3770" s="53"/>
      <c r="AL3770" s="53"/>
      <c r="AM3770" s="53"/>
      <c r="AN3770" s="53"/>
      <c r="AO3770" s="53"/>
      <c r="AP3770" s="53"/>
      <c r="AQ3770" s="53"/>
      <c r="AR3770" s="53"/>
      <c r="AS3770" s="53"/>
      <c r="AT3770" s="53"/>
      <c r="AU3770" s="53"/>
      <c r="AV3770" s="53"/>
      <c r="AW3770" s="53"/>
      <c r="AX3770" s="53"/>
      <c r="AY3770" s="53"/>
      <c r="AZ3770" s="53"/>
      <c r="BA3770" s="53"/>
      <c r="BB3770" s="53"/>
      <c r="BC3770" s="53"/>
      <c r="BD3770" s="53"/>
      <c r="BE3770" s="53"/>
      <c r="BF3770" s="53"/>
      <c r="BG3770" s="53"/>
      <c r="BH3770" s="53"/>
      <c r="BI3770" s="53"/>
      <c r="BJ3770" s="53"/>
      <c r="BK3770" s="53"/>
      <c r="BL3770" s="53"/>
      <c r="BM3770" s="53"/>
      <c r="BN3770" s="53"/>
      <c r="BO3770" s="53"/>
      <c r="BP3770" s="53"/>
      <c r="BQ3770" s="53"/>
      <c r="BR3770" s="53"/>
      <c r="BS3770" s="53"/>
      <c r="BT3770" s="53"/>
      <c r="BU3770" s="53"/>
      <c r="BV3770" s="53"/>
      <c r="BW3770" s="53"/>
      <c r="BX3770" s="53"/>
      <c r="BY3770" s="53"/>
      <c r="BZ3770" s="53"/>
      <c r="CA3770" s="53"/>
      <c r="CB3770" s="53"/>
      <c r="CC3770" s="53"/>
      <c r="CD3770" s="53"/>
      <c r="CE3770" s="53"/>
      <c r="CF3770" s="53"/>
      <c r="CG3770" s="53">
        <v>-7800000</v>
      </c>
      <c r="CH3770" s="53"/>
      <c r="CI3770" s="53"/>
      <c r="CJ3770" s="53"/>
      <c r="CK3770" s="53"/>
      <c r="CL3770" s="53"/>
      <c r="CM3770" s="53">
        <v>-7800000</v>
      </c>
      <c r="CN3770" s="53">
        <v>-15600000</v>
      </c>
    </row>
    <row r="3771" spans="1:92" outlineLevel="1">
      <c r="A3771" s="52" t="s">
        <v>1781</v>
      </c>
      <c r="B3771" s="53"/>
      <c r="C3771" s="53"/>
      <c r="D3771" s="53"/>
      <c r="E3771" s="53"/>
      <c r="F3771" s="53"/>
      <c r="G3771" s="53"/>
      <c r="H3771" s="53"/>
      <c r="I3771" s="53"/>
      <c r="J3771" s="53"/>
      <c r="K3771" s="53"/>
      <c r="L3771" s="53"/>
      <c r="M3771" s="53"/>
      <c r="N3771" s="53"/>
      <c r="O3771" s="53"/>
      <c r="P3771" s="53"/>
      <c r="Q3771" s="53"/>
      <c r="R3771" s="53"/>
      <c r="S3771" s="53"/>
      <c r="T3771" s="53"/>
      <c r="U3771" s="53"/>
      <c r="V3771" s="53"/>
      <c r="W3771" s="53"/>
      <c r="X3771" s="53"/>
      <c r="Y3771" s="53"/>
      <c r="Z3771" s="53"/>
      <c r="AA3771" s="53"/>
      <c r="AB3771" s="53"/>
      <c r="AC3771" s="53"/>
      <c r="AD3771" s="53"/>
      <c r="AE3771" s="53"/>
      <c r="AF3771" s="53"/>
      <c r="AG3771" s="53"/>
      <c r="AH3771" s="53"/>
      <c r="AI3771" s="53"/>
      <c r="AJ3771" s="53"/>
      <c r="AK3771" s="53"/>
      <c r="AL3771" s="53"/>
      <c r="AM3771" s="53"/>
      <c r="AN3771" s="53"/>
      <c r="AO3771" s="53"/>
      <c r="AP3771" s="53"/>
      <c r="AQ3771" s="53"/>
      <c r="AR3771" s="53"/>
      <c r="AS3771" s="53"/>
      <c r="AT3771" s="53"/>
      <c r="AU3771" s="53"/>
      <c r="AV3771" s="53"/>
      <c r="AW3771" s="53"/>
      <c r="AX3771" s="53"/>
      <c r="AY3771" s="53"/>
      <c r="AZ3771" s="53"/>
      <c r="BA3771" s="53"/>
      <c r="BB3771" s="53"/>
      <c r="BC3771" s="53"/>
      <c r="BD3771" s="53"/>
      <c r="BE3771" s="53"/>
      <c r="BF3771" s="53"/>
      <c r="BG3771" s="53"/>
      <c r="BH3771" s="53"/>
      <c r="BI3771" s="53"/>
      <c r="BJ3771" s="53"/>
      <c r="BK3771" s="53"/>
      <c r="BL3771" s="53"/>
      <c r="BM3771" s="53"/>
      <c r="BN3771" s="53"/>
      <c r="BO3771" s="53"/>
      <c r="BP3771" s="53"/>
      <c r="BQ3771" s="53"/>
      <c r="BR3771" s="53"/>
      <c r="BS3771" s="53"/>
      <c r="BT3771" s="53"/>
      <c r="BU3771" s="53"/>
      <c r="BV3771" s="53"/>
      <c r="BW3771" s="53"/>
      <c r="BX3771" s="53"/>
      <c r="BY3771" s="53"/>
      <c r="BZ3771" s="53"/>
      <c r="CA3771" s="53"/>
      <c r="CB3771" s="53"/>
      <c r="CC3771" s="53"/>
      <c r="CD3771" s="53"/>
      <c r="CE3771" s="53"/>
      <c r="CF3771" s="53"/>
      <c r="CG3771" s="53">
        <v>-7499999.9999999898</v>
      </c>
      <c r="CH3771" s="53"/>
      <c r="CI3771" s="53"/>
      <c r="CJ3771" s="53"/>
      <c r="CK3771" s="53"/>
      <c r="CL3771" s="53"/>
      <c r="CM3771" s="53">
        <v>-7499999.9999999898</v>
      </c>
      <c r="CN3771" s="53">
        <v>-14999999.999999899</v>
      </c>
    </row>
    <row r="3772" spans="1:92" outlineLevel="1">
      <c r="A3772" s="52" t="s">
        <v>649</v>
      </c>
      <c r="B3772" s="53">
        <v>104410576.98</v>
      </c>
      <c r="C3772" s="53">
        <v>26199403.8600001</v>
      </c>
      <c r="D3772" s="53">
        <v>45317581.880000003</v>
      </c>
      <c r="E3772" s="53">
        <v>63973249.160000101</v>
      </c>
      <c r="F3772" s="53">
        <v>80666448.5</v>
      </c>
      <c r="G3772" s="53">
        <v>121300437.04000001</v>
      </c>
      <c r="H3772" s="53">
        <v>103749138.25</v>
      </c>
      <c r="I3772" s="53">
        <v>131985712.40000001</v>
      </c>
      <c r="J3772" s="53">
        <v>86628252.679999799</v>
      </c>
      <c r="K3772" s="53">
        <v>73550140.060000002</v>
      </c>
      <c r="L3772" s="53">
        <v>47136720.219999902</v>
      </c>
      <c r="M3772" s="53">
        <v>51066816.229999997</v>
      </c>
      <c r="N3772" s="53">
        <v>935984477.26000094</v>
      </c>
      <c r="O3772" s="53">
        <v>120911247.006062</v>
      </c>
      <c r="P3772" s="53">
        <v>53572194.420760401</v>
      </c>
      <c r="Q3772" s="53">
        <v>62452725.128923498</v>
      </c>
      <c r="R3772" s="53">
        <v>45007992.375067197</v>
      </c>
      <c r="S3772" s="53">
        <v>72677505.488241106</v>
      </c>
      <c r="T3772" s="53">
        <v>105835697.00632299</v>
      </c>
      <c r="U3772" s="53">
        <v>92846087.679724693</v>
      </c>
      <c r="V3772" s="53">
        <v>140820682.268556</v>
      </c>
      <c r="W3772" s="53">
        <v>105014441.738617</v>
      </c>
      <c r="X3772" s="53">
        <v>59281990.88713</v>
      </c>
      <c r="Y3772" s="53">
        <v>29747482.983165201</v>
      </c>
      <c r="Z3772" s="53">
        <v>65446451.308665797</v>
      </c>
      <c r="AA3772" s="53">
        <v>953614498.29123795</v>
      </c>
      <c r="AB3772" s="53">
        <v>121957255.25412001</v>
      </c>
      <c r="AC3772" s="53">
        <v>50887241.285122603</v>
      </c>
      <c r="AD3772" s="53">
        <v>42208117.155037403</v>
      </c>
      <c r="AE3772" s="53">
        <v>49020945.033146001</v>
      </c>
      <c r="AF3772" s="53">
        <v>77886574.558095306</v>
      </c>
      <c r="AG3772" s="53">
        <v>105127926.524479</v>
      </c>
      <c r="AH3772" s="53">
        <v>103817759.91374101</v>
      </c>
      <c r="AI3772" s="53">
        <v>152850411.966407</v>
      </c>
      <c r="AJ3772" s="53">
        <v>94091999.852054805</v>
      </c>
      <c r="AK3772" s="53">
        <v>68358471.772034496</v>
      </c>
      <c r="AL3772" s="53">
        <v>36751255.333444797</v>
      </c>
      <c r="AM3772" s="53">
        <v>67241212.667171806</v>
      </c>
      <c r="AN3772" s="53">
        <v>970199171.31485605</v>
      </c>
      <c r="AO3772" s="53">
        <v>116192515.680006</v>
      </c>
      <c r="AP3772" s="53">
        <v>40556073.255500503</v>
      </c>
      <c r="AQ3772" s="53">
        <v>30145015.591943</v>
      </c>
      <c r="AR3772" s="53">
        <v>43276913.272023499</v>
      </c>
      <c r="AS3772" s="53">
        <v>71462165.260179698</v>
      </c>
      <c r="AT3772" s="53">
        <v>87897787.930613607</v>
      </c>
      <c r="AU3772" s="53">
        <v>97691998.281774998</v>
      </c>
      <c r="AV3772" s="53">
        <v>146122574.661044</v>
      </c>
      <c r="AW3772" s="53">
        <v>79164737.503399</v>
      </c>
      <c r="AX3772" s="53">
        <v>60797387.501280703</v>
      </c>
      <c r="AY3772" s="53">
        <v>26742502.4483243</v>
      </c>
      <c r="AZ3772" s="53">
        <v>52956006.277775899</v>
      </c>
      <c r="BA3772" s="53">
        <v>853005677.66386604</v>
      </c>
      <c r="BB3772" s="53">
        <v>115284327.666733</v>
      </c>
      <c r="BC3772" s="53">
        <v>39653136.640592501</v>
      </c>
      <c r="BD3772" s="53">
        <v>28569013.475719899</v>
      </c>
      <c r="BE3772" s="53">
        <v>42262852.4917152</v>
      </c>
      <c r="BF3772" s="53">
        <v>70945274.522929296</v>
      </c>
      <c r="BG3772" s="53">
        <v>89106573.332076594</v>
      </c>
      <c r="BH3772" s="53">
        <v>98736816.095387205</v>
      </c>
      <c r="BI3772" s="53">
        <v>147156753.84560901</v>
      </c>
      <c r="BJ3772" s="53">
        <v>79803968.669881701</v>
      </c>
      <c r="BK3772" s="53">
        <v>61222645.232520401</v>
      </c>
      <c r="BL3772" s="53">
        <v>26313294.9452518</v>
      </c>
      <c r="BM3772" s="53">
        <v>54536764.7702531</v>
      </c>
      <c r="BN3772" s="53">
        <v>853591421.68867004</v>
      </c>
      <c r="BO3772" s="53">
        <v>112628413.704126</v>
      </c>
      <c r="BP3772" s="53">
        <v>39712123.959011003</v>
      </c>
      <c r="BQ3772" s="53">
        <v>27482169.117506001</v>
      </c>
      <c r="BR3772" s="53">
        <v>40758604.764064699</v>
      </c>
      <c r="BS3772" s="53">
        <v>70242317.992557094</v>
      </c>
      <c r="BT3772" s="53">
        <v>86968625.940318003</v>
      </c>
      <c r="BU3772" s="53">
        <v>96446105.969310001</v>
      </c>
      <c r="BV3772" s="53">
        <v>144954621.38044599</v>
      </c>
      <c r="BW3772" s="53">
        <v>78543724.207548499</v>
      </c>
      <c r="BX3772" s="53">
        <v>59404805.199486203</v>
      </c>
      <c r="BY3772" s="53">
        <v>24100812.4229987</v>
      </c>
      <c r="BZ3772" s="53">
        <v>53359914.462140098</v>
      </c>
      <c r="CA3772" s="53">
        <v>834602239.11951399</v>
      </c>
      <c r="CB3772" s="53"/>
      <c r="CC3772" s="53"/>
      <c r="CD3772" s="53"/>
      <c r="CE3772" s="53"/>
      <c r="CF3772" s="53"/>
      <c r="CG3772" s="53"/>
      <c r="CH3772" s="53"/>
      <c r="CI3772" s="53"/>
      <c r="CJ3772" s="53"/>
      <c r="CK3772" s="53"/>
      <c r="CL3772" s="53"/>
      <c r="CM3772" s="53"/>
      <c r="CN3772" s="53"/>
    </row>
    <row r="3773" spans="1:92" outlineLevel="1">
      <c r="A3773" s="52" t="s">
        <v>1548</v>
      </c>
      <c r="B3773" s="53"/>
      <c r="C3773" s="53"/>
      <c r="D3773" s="53"/>
      <c r="E3773" s="53"/>
      <c r="F3773" s="53"/>
      <c r="G3773" s="53"/>
      <c r="H3773" s="53"/>
      <c r="I3773" s="53"/>
      <c r="J3773" s="53"/>
      <c r="K3773" s="53"/>
      <c r="L3773" s="53"/>
      <c r="M3773" s="53"/>
      <c r="N3773" s="53"/>
      <c r="O3773" s="53"/>
      <c r="P3773" s="53"/>
      <c r="Q3773" s="53"/>
      <c r="R3773" s="53"/>
      <c r="S3773" s="53"/>
      <c r="T3773" s="53"/>
      <c r="U3773" s="53"/>
      <c r="V3773" s="53"/>
      <c r="W3773" s="53"/>
      <c r="X3773" s="53"/>
      <c r="Y3773" s="53"/>
      <c r="Z3773" s="53"/>
      <c r="AA3773" s="53"/>
      <c r="AB3773" s="53"/>
      <c r="AC3773" s="53"/>
      <c r="AD3773" s="53"/>
      <c r="AE3773" s="53"/>
      <c r="AF3773" s="53"/>
      <c r="AG3773" s="53"/>
      <c r="AH3773" s="53"/>
      <c r="AI3773" s="53"/>
      <c r="AJ3773" s="53"/>
      <c r="AK3773" s="53"/>
      <c r="AL3773" s="53"/>
      <c r="AM3773" s="53"/>
      <c r="AN3773" s="53"/>
      <c r="AO3773" s="53"/>
      <c r="AP3773" s="53"/>
      <c r="AQ3773" s="53"/>
      <c r="AR3773" s="53"/>
      <c r="AS3773" s="53"/>
      <c r="AT3773" s="53"/>
      <c r="AU3773" s="53"/>
      <c r="AV3773" s="53"/>
      <c r="AW3773" s="53"/>
      <c r="AX3773" s="53"/>
      <c r="AY3773" s="53"/>
      <c r="AZ3773" s="53"/>
      <c r="BA3773" s="53"/>
      <c r="BB3773" s="53"/>
      <c r="BC3773" s="53"/>
      <c r="BD3773" s="53"/>
      <c r="BE3773" s="53"/>
      <c r="BF3773" s="53"/>
      <c r="BG3773" s="53"/>
      <c r="BH3773" s="53"/>
      <c r="BI3773" s="53"/>
      <c r="BJ3773" s="53"/>
      <c r="BK3773" s="53"/>
      <c r="BL3773" s="53"/>
      <c r="BM3773" s="53"/>
      <c r="BN3773" s="53"/>
      <c r="BO3773" s="53"/>
      <c r="BP3773" s="53"/>
      <c r="BQ3773" s="53"/>
      <c r="BR3773" s="53"/>
      <c r="BS3773" s="53"/>
      <c r="BT3773" s="53"/>
      <c r="BU3773" s="53"/>
      <c r="BV3773" s="53"/>
      <c r="BW3773" s="53"/>
      <c r="BX3773" s="53"/>
      <c r="BY3773" s="53"/>
      <c r="BZ3773" s="53"/>
      <c r="CA3773" s="53"/>
      <c r="CB3773" s="53"/>
      <c r="CC3773" s="53"/>
      <c r="CD3773" s="53"/>
      <c r="CE3773" s="53"/>
      <c r="CF3773" s="53"/>
      <c r="CG3773" s="53"/>
      <c r="CH3773" s="53"/>
      <c r="CI3773" s="53"/>
      <c r="CJ3773" s="53"/>
      <c r="CK3773" s="53"/>
      <c r="CL3773" s="53"/>
      <c r="CM3773" s="53"/>
      <c r="CN3773" s="53"/>
    </row>
    <row r="3774" spans="1:92" outlineLevel="1">
      <c r="A3774" s="52" t="s">
        <v>1549</v>
      </c>
      <c r="B3774" s="53"/>
      <c r="C3774" s="53"/>
      <c r="D3774" s="53"/>
      <c r="E3774" s="53"/>
      <c r="F3774" s="53"/>
      <c r="G3774" s="53"/>
      <c r="H3774" s="53"/>
      <c r="I3774" s="53"/>
      <c r="J3774" s="53"/>
      <c r="K3774" s="53"/>
      <c r="L3774" s="53"/>
      <c r="M3774" s="53"/>
      <c r="N3774" s="53"/>
      <c r="O3774" s="53"/>
      <c r="P3774" s="53"/>
      <c r="Q3774" s="53"/>
      <c r="R3774" s="53"/>
      <c r="S3774" s="53"/>
      <c r="T3774" s="53"/>
      <c r="U3774" s="53"/>
      <c r="V3774" s="53"/>
      <c r="W3774" s="53"/>
      <c r="X3774" s="53"/>
      <c r="Y3774" s="53"/>
      <c r="Z3774" s="53"/>
      <c r="AA3774" s="53"/>
      <c r="AB3774" s="53"/>
      <c r="AC3774" s="53"/>
      <c r="AD3774" s="53"/>
      <c r="AE3774" s="53"/>
      <c r="AF3774" s="53"/>
      <c r="AG3774" s="53"/>
      <c r="AH3774" s="53"/>
      <c r="AI3774" s="53"/>
      <c r="AJ3774" s="53"/>
      <c r="AK3774" s="53"/>
      <c r="AL3774" s="53"/>
      <c r="AM3774" s="53"/>
      <c r="AN3774" s="53"/>
      <c r="AO3774" s="53"/>
      <c r="AP3774" s="53"/>
      <c r="AQ3774" s="53"/>
      <c r="AR3774" s="53"/>
      <c r="AS3774" s="53"/>
      <c r="AT3774" s="53"/>
      <c r="AU3774" s="53"/>
      <c r="AV3774" s="53"/>
      <c r="AW3774" s="53"/>
      <c r="AX3774" s="53"/>
      <c r="AY3774" s="53"/>
      <c r="AZ3774" s="53"/>
      <c r="BA3774" s="53"/>
      <c r="BB3774" s="53"/>
      <c r="BC3774" s="53"/>
      <c r="BD3774" s="53"/>
      <c r="BE3774" s="53"/>
      <c r="BF3774" s="53"/>
      <c r="BG3774" s="53"/>
      <c r="BH3774" s="53"/>
      <c r="BI3774" s="53"/>
      <c r="BJ3774" s="53"/>
      <c r="BK3774" s="53"/>
      <c r="BL3774" s="53"/>
      <c r="BM3774" s="53"/>
      <c r="BN3774" s="53"/>
      <c r="BO3774" s="53"/>
      <c r="BP3774" s="53"/>
      <c r="BQ3774" s="53"/>
      <c r="BR3774" s="53"/>
      <c r="BS3774" s="53"/>
      <c r="BT3774" s="53"/>
      <c r="BU3774" s="53"/>
      <c r="BV3774" s="53"/>
      <c r="BW3774" s="53"/>
      <c r="BX3774" s="53"/>
      <c r="BY3774" s="53"/>
      <c r="BZ3774" s="53"/>
      <c r="CA3774" s="53"/>
      <c r="CB3774" s="53">
        <v>-650000000</v>
      </c>
      <c r="CC3774" s="53"/>
      <c r="CD3774" s="53"/>
      <c r="CE3774" s="53"/>
      <c r="CF3774" s="53"/>
      <c r="CG3774" s="53"/>
      <c r="CH3774" s="53"/>
      <c r="CI3774" s="53"/>
      <c r="CJ3774" s="53"/>
      <c r="CK3774" s="53"/>
      <c r="CL3774" s="53"/>
      <c r="CM3774" s="53"/>
      <c r="CN3774" s="53">
        <v>-650000000</v>
      </c>
    </row>
    <row r="3775" spans="1:92" outlineLevel="1">
      <c r="A3775" s="52" t="s">
        <v>649</v>
      </c>
      <c r="B3775" s="53"/>
      <c r="C3775" s="53"/>
      <c r="D3775" s="53"/>
      <c r="E3775" s="53"/>
      <c r="F3775" s="53"/>
      <c r="G3775" s="53"/>
      <c r="H3775" s="53"/>
      <c r="I3775" s="53"/>
      <c r="J3775" s="53"/>
      <c r="K3775" s="53"/>
      <c r="L3775" s="53"/>
      <c r="M3775" s="53"/>
      <c r="N3775" s="53"/>
      <c r="O3775" s="53"/>
      <c r="P3775" s="53"/>
      <c r="Q3775" s="53">
        <v>-916719.75000000105</v>
      </c>
      <c r="R3775" s="53"/>
      <c r="S3775" s="53"/>
      <c r="T3775" s="53"/>
      <c r="U3775" s="53"/>
      <c r="V3775" s="53"/>
      <c r="W3775" s="53"/>
      <c r="X3775" s="53"/>
      <c r="Y3775" s="53"/>
      <c r="Z3775" s="53"/>
      <c r="AA3775" s="53">
        <v>-916719.75000000105</v>
      </c>
      <c r="AB3775" s="53"/>
      <c r="AC3775" s="53"/>
      <c r="AD3775" s="53"/>
      <c r="AE3775" s="53"/>
      <c r="AF3775" s="53"/>
      <c r="AG3775" s="53"/>
      <c r="AH3775" s="53"/>
      <c r="AI3775" s="53"/>
      <c r="AJ3775" s="53"/>
      <c r="AK3775" s="53"/>
      <c r="AL3775" s="53"/>
      <c r="AM3775" s="53"/>
      <c r="AN3775" s="53"/>
      <c r="AO3775" s="53"/>
      <c r="AP3775" s="53"/>
      <c r="AQ3775" s="53"/>
      <c r="AR3775" s="53"/>
      <c r="AS3775" s="53"/>
      <c r="AT3775" s="53"/>
      <c r="AU3775" s="53"/>
      <c r="AV3775" s="53"/>
      <c r="AW3775" s="53"/>
      <c r="AX3775" s="53"/>
      <c r="AY3775" s="53"/>
      <c r="AZ3775" s="53"/>
      <c r="BA3775" s="53"/>
      <c r="BB3775" s="53"/>
      <c r="BC3775" s="53"/>
      <c r="BD3775" s="53"/>
      <c r="BE3775" s="53"/>
      <c r="BF3775" s="53"/>
      <c r="BG3775" s="53"/>
      <c r="BH3775" s="53"/>
      <c r="BI3775" s="53"/>
      <c r="BJ3775" s="53"/>
      <c r="BK3775" s="53"/>
      <c r="BL3775" s="53"/>
      <c r="BM3775" s="53"/>
      <c r="BN3775" s="53"/>
      <c r="BO3775" s="53"/>
      <c r="BP3775" s="53"/>
      <c r="BQ3775" s="53"/>
      <c r="BR3775" s="53"/>
      <c r="BS3775" s="53"/>
      <c r="BT3775" s="53"/>
      <c r="BU3775" s="53"/>
      <c r="BV3775" s="53"/>
      <c r="BW3775" s="53"/>
      <c r="BX3775" s="53"/>
      <c r="BY3775" s="53"/>
      <c r="BZ3775" s="53"/>
      <c r="CA3775" s="53"/>
      <c r="CB3775" s="53"/>
      <c r="CC3775" s="53"/>
      <c r="CD3775" s="53"/>
      <c r="CE3775" s="53"/>
      <c r="CF3775" s="53"/>
      <c r="CG3775" s="53"/>
      <c r="CH3775" s="53"/>
      <c r="CI3775" s="53"/>
      <c r="CJ3775" s="53"/>
      <c r="CK3775" s="53"/>
      <c r="CL3775" s="53"/>
      <c r="CM3775" s="53"/>
      <c r="CN3775" s="53"/>
    </row>
    <row r="3776" spans="1:92" outlineLevel="1">
      <c r="A3776" s="52" t="s">
        <v>1687</v>
      </c>
      <c r="B3776" s="53"/>
      <c r="C3776" s="53"/>
      <c r="D3776" s="53"/>
      <c r="E3776" s="53"/>
      <c r="F3776" s="53"/>
      <c r="G3776" s="53"/>
      <c r="H3776" s="53"/>
      <c r="I3776" s="53"/>
      <c r="J3776" s="53"/>
      <c r="K3776" s="53"/>
      <c r="L3776" s="53"/>
      <c r="M3776" s="53"/>
      <c r="N3776" s="53"/>
      <c r="O3776" s="53"/>
      <c r="P3776" s="53"/>
      <c r="Q3776" s="53"/>
      <c r="R3776" s="53"/>
      <c r="S3776" s="53"/>
      <c r="T3776" s="53"/>
      <c r="U3776" s="53"/>
      <c r="V3776" s="53"/>
      <c r="W3776" s="53"/>
      <c r="X3776" s="53"/>
      <c r="Y3776" s="53"/>
      <c r="Z3776" s="53"/>
      <c r="AA3776" s="53"/>
      <c r="AB3776" s="53"/>
      <c r="AC3776" s="53"/>
      <c r="AD3776" s="53"/>
      <c r="AE3776" s="53"/>
      <c r="AF3776" s="53"/>
      <c r="AG3776" s="53"/>
      <c r="AH3776" s="53"/>
      <c r="AI3776" s="53"/>
      <c r="AJ3776" s="53"/>
      <c r="AK3776" s="53"/>
      <c r="AL3776" s="53"/>
      <c r="AM3776" s="53"/>
      <c r="AN3776" s="53"/>
      <c r="AO3776" s="53"/>
      <c r="AP3776" s="53"/>
      <c r="AQ3776" s="53"/>
      <c r="AR3776" s="53"/>
      <c r="AS3776" s="53"/>
      <c r="AT3776" s="53"/>
      <c r="AU3776" s="53"/>
      <c r="AV3776" s="53"/>
      <c r="AW3776" s="53"/>
      <c r="AX3776" s="53"/>
      <c r="AY3776" s="53"/>
      <c r="AZ3776" s="53"/>
      <c r="BA3776" s="53"/>
      <c r="BB3776" s="53"/>
      <c r="BC3776" s="53"/>
      <c r="BD3776" s="53"/>
      <c r="BE3776" s="53"/>
      <c r="BF3776" s="53"/>
      <c r="BG3776" s="53"/>
      <c r="BH3776" s="53"/>
      <c r="BI3776" s="53"/>
      <c r="BJ3776" s="53"/>
      <c r="BK3776" s="53"/>
      <c r="BL3776" s="53"/>
      <c r="BM3776" s="53"/>
      <c r="BN3776" s="53"/>
      <c r="BO3776" s="53"/>
      <c r="BP3776" s="53"/>
      <c r="BQ3776" s="53"/>
      <c r="BR3776" s="53"/>
      <c r="BS3776" s="53"/>
      <c r="BT3776" s="53"/>
      <c r="BU3776" s="53"/>
      <c r="BV3776" s="53"/>
      <c r="BW3776" s="53"/>
      <c r="BX3776" s="53"/>
      <c r="BY3776" s="53"/>
      <c r="BZ3776" s="53"/>
      <c r="CA3776" s="53"/>
      <c r="CB3776" s="53"/>
      <c r="CC3776" s="53"/>
      <c r="CD3776" s="53"/>
      <c r="CE3776" s="53"/>
      <c r="CF3776" s="53"/>
      <c r="CG3776" s="53"/>
      <c r="CH3776" s="53"/>
      <c r="CI3776" s="53"/>
      <c r="CJ3776" s="53"/>
      <c r="CK3776" s="53"/>
      <c r="CL3776" s="53"/>
      <c r="CM3776" s="53"/>
      <c r="CN3776" s="53"/>
    </row>
    <row r="3777" spans="1:92" outlineLevel="1">
      <c r="A3777" s="52" t="s">
        <v>1688</v>
      </c>
      <c r="B3777" s="53"/>
      <c r="C3777" s="53"/>
      <c r="D3777" s="53"/>
      <c r="E3777" s="53"/>
      <c r="F3777" s="53"/>
      <c r="G3777" s="53"/>
      <c r="H3777" s="53"/>
      <c r="I3777" s="53"/>
      <c r="J3777" s="53"/>
      <c r="K3777" s="53"/>
      <c r="L3777" s="53"/>
      <c r="M3777" s="53"/>
      <c r="N3777" s="53"/>
      <c r="O3777" s="53"/>
      <c r="P3777" s="53"/>
      <c r="Q3777" s="53"/>
      <c r="R3777" s="53"/>
      <c r="S3777" s="53"/>
      <c r="T3777" s="53"/>
      <c r="U3777" s="53"/>
      <c r="V3777" s="53"/>
      <c r="W3777" s="53"/>
      <c r="X3777" s="53"/>
      <c r="Y3777" s="53"/>
      <c r="Z3777" s="53"/>
      <c r="AA3777" s="53"/>
      <c r="AB3777" s="53"/>
      <c r="AC3777" s="53"/>
      <c r="AD3777" s="53"/>
      <c r="AE3777" s="53"/>
      <c r="AF3777" s="53"/>
      <c r="AG3777" s="53"/>
      <c r="AH3777" s="53"/>
      <c r="AI3777" s="53"/>
      <c r="AJ3777" s="53"/>
      <c r="AK3777" s="53"/>
      <c r="AL3777" s="53"/>
      <c r="AM3777" s="53"/>
      <c r="AN3777" s="53"/>
      <c r="AO3777" s="53"/>
      <c r="AP3777" s="53"/>
      <c r="AQ3777" s="53"/>
      <c r="AR3777" s="53"/>
      <c r="AS3777" s="53"/>
      <c r="AT3777" s="53"/>
      <c r="AU3777" s="53"/>
      <c r="AV3777" s="53"/>
      <c r="AW3777" s="53"/>
      <c r="AX3777" s="53"/>
      <c r="AY3777" s="53"/>
      <c r="AZ3777" s="53"/>
      <c r="BA3777" s="53"/>
      <c r="BB3777" s="53"/>
      <c r="BC3777" s="53"/>
      <c r="BD3777" s="53"/>
      <c r="BE3777" s="53"/>
      <c r="BF3777" s="53"/>
      <c r="BG3777" s="53"/>
      <c r="BH3777" s="53"/>
      <c r="BI3777" s="53"/>
      <c r="BJ3777" s="53"/>
      <c r="BK3777" s="53"/>
      <c r="BL3777" s="53"/>
      <c r="BM3777" s="53"/>
      <c r="BN3777" s="53"/>
      <c r="BO3777" s="53"/>
      <c r="BP3777" s="53"/>
      <c r="BQ3777" s="53"/>
      <c r="BR3777" s="53"/>
      <c r="BS3777" s="53"/>
      <c r="BT3777" s="53"/>
      <c r="BU3777" s="53"/>
      <c r="BV3777" s="53"/>
      <c r="BW3777" s="53"/>
      <c r="BX3777" s="53"/>
      <c r="BY3777" s="53"/>
      <c r="BZ3777" s="53"/>
      <c r="CA3777" s="53"/>
      <c r="CB3777" s="53">
        <v>-15351.5205479452</v>
      </c>
      <c r="CC3777" s="53">
        <v>-15351.5205479452</v>
      </c>
      <c r="CD3777" s="53">
        <v>-15351.5205479452</v>
      </c>
      <c r="CE3777" s="53">
        <v>-15351.5205479452</v>
      </c>
      <c r="CF3777" s="53">
        <v>-15351.5205479452</v>
      </c>
      <c r="CG3777" s="53">
        <v>-15351.5205479452</v>
      </c>
      <c r="CH3777" s="53">
        <v>-15351.5205479452</v>
      </c>
      <c r="CI3777" s="53">
        <v>-15351.5205479452</v>
      </c>
      <c r="CJ3777" s="53">
        <v>-15351.5205479452</v>
      </c>
      <c r="CK3777" s="53">
        <v>-15351.5205479452</v>
      </c>
      <c r="CL3777" s="53">
        <v>-15351.5205479452</v>
      </c>
      <c r="CM3777" s="53">
        <v>-15351.5205479452</v>
      </c>
      <c r="CN3777" s="53">
        <v>-184218.246575342</v>
      </c>
    </row>
    <row r="3778" spans="1:92" outlineLevel="1">
      <c r="A3778" s="52" t="s">
        <v>649</v>
      </c>
      <c r="B3778" s="53"/>
      <c r="C3778" s="53"/>
      <c r="D3778" s="53"/>
      <c r="E3778" s="53"/>
      <c r="F3778" s="53"/>
      <c r="G3778" s="53"/>
      <c r="H3778" s="53"/>
      <c r="I3778" s="53"/>
      <c r="J3778" s="53"/>
      <c r="K3778" s="53"/>
      <c r="L3778" s="53"/>
      <c r="M3778" s="53"/>
      <c r="N3778" s="53"/>
      <c r="O3778" s="53">
        <v>-2618509.22437499</v>
      </c>
      <c r="P3778" s="53">
        <v>-2618509.22437499</v>
      </c>
      <c r="Q3778" s="53">
        <v>-2618509.22437499</v>
      </c>
      <c r="R3778" s="53">
        <v>-2618509.22437499</v>
      </c>
      <c r="S3778" s="53">
        <v>-2618509.22437499</v>
      </c>
      <c r="T3778" s="53">
        <v>-2618509.22437499</v>
      </c>
      <c r="U3778" s="53">
        <v>-2618509.22437499</v>
      </c>
      <c r="V3778" s="53">
        <v>-2618509.22437499</v>
      </c>
      <c r="W3778" s="53">
        <v>-2618509.22437499</v>
      </c>
      <c r="X3778" s="53">
        <v>-2618509.22437499</v>
      </c>
      <c r="Y3778" s="53">
        <v>-2618509.22437499</v>
      </c>
      <c r="Z3778" s="53">
        <v>-2618509.22437499</v>
      </c>
      <c r="AA3778" s="53">
        <v>-31422110.692499999</v>
      </c>
      <c r="AB3778" s="53">
        <v>-4388870.2495274898</v>
      </c>
      <c r="AC3778" s="53">
        <v>-4388870.2495274898</v>
      </c>
      <c r="AD3778" s="53">
        <v>-4388870.2495274898</v>
      </c>
      <c r="AE3778" s="53">
        <v>-4388870.2495274898</v>
      </c>
      <c r="AF3778" s="53">
        <v>-4388870.2495274898</v>
      </c>
      <c r="AG3778" s="53">
        <v>-4388870.2495274898</v>
      </c>
      <c r="AH3778" s="53">
        <v>-4388870.2495274898</v>
      </c>
      <c r="AI3778" s="53">
        <v>-4388870.2495274898</v>
      </c>
      <c r="AJ3778" s="53">
        <v>-4388870.2495274898</v>
      </c>
      <c r="AK3778" s="53">
        <v>-4388870.2495274898</v>
      </c>
      <c r="AL3778" s="53">
        <v>-4388870.2495274898</v>
      </c>
      <c r="AM3778" s="53">
        <v>-4388870.2495274898</v>
      </c>
      <c r="AN3778" s="53">
        <v>-52666442.9943299</v>
      </c>
      <c r="AO3778" s="53">
        <v>-5253169.3333333302</v>
      </c>
      <c r="AP3778" s="53">
        <v>-5253169.3333333302</v>
      </c>
      <c r="AQ3778" s="53">
        <v>-5253169.3333333302</v>
      </c>
      <c r="AR3778" s="53">
        <v>-5253169.3333333302</v>
      </c>
      <c r="AS3778" s="53">
        <v>-5253169.3333333302</v>
      </c>
      <c r="AT3778" s="53">
        <v>-5253169.3333333302</v>
      </c>
      <c r="AU3778" s="53">
        <v>-5253169.3333333302</v>
      </c>
      <c r="AV3778" s="53">
        <v>-5253169.3333333302</v>
      </c>
      <c r="AW3778" s="53">
        <v>-5253169.3333333302</v>
      </c>
      <c r="AX3778" s="53">
        <v>-5253169.3333333302</v>
      </c>
      <c r="AY3778" s="53">
        <v>-5253169.3333333302</v>
      </c>
      <c r="AZ3778" s="53">
        <v>-5253169.3333333302</v>
      </c>
      <c r="BA3778" s="53">
        <v>-63038031.999999903</v>
      </c>
      <c r="BB3778" s="53">
        <v>-7932402.2177273398</v>
      </c>
      <c r="BC3778" s="53">
        <v>-7932402.2177273398</v>
      </c>
      <c r="BD3778" s="53">
        <v>-7932402.2177273398</v>
      </c>
      <c r="BE3778" s="53">
        <v>-7932402.2177273398</v>
      </c>
      <c r="BF3778" s="53">
        <v>-7932402.2177273398</v>
      </c>
      <c r="BG3778" s="53">
        <v>-7932402.2177273398</v>
      </c>
      <c r="BH3778" s="53">
        <v>-7932402.2177273398</v>
      </c>
      <c r="BI3778" s="53">
        <v>-7932402.2177273398</v>
      </c>
      <c r="BJ3778" s="53">
        <v>-7932402.2177273398</v>
      </c>
      <c r="BK3778" s="53">
        <v>-7932402.2177273398</v>
      </c>
      <c r="BL3778" s="53">
        <v>-7932402.2177273398</v>
      </c>
      <c r="BM3778" s="53">
        <v>-7932402.2177273398</v>
      </c>
      <c r="BN3778" s="53">
        <v>-95188826.612728104</v>
      </c>
      <c r="BO3778" s="53">
        <v>-9706836.634939</v>
      </c>
      <c r="BP3778" s="53">
        <v>-9706836.634939</v>
      </c>
      <c r="BQ3778" s="53">
        <v>-9706836.634939</v>
      </c>
      <c r="BR3778" s="53">
        <v>-9706836.634939</v>
      </c>
      <c r="BS3778" s="53">
        <v>-9706836.634939</v>
      </c>
      <c r="BT3778" s="53">
        <v>-9706836.634939</v>
      </c>
      <c r="BU3778" s="53">
        <v>-9706836.634939</v>
      </c>
      <c r="BV3778" s="53">
        <v>-9706836.634939</v>
      </c>
      <c r="BW3778" s="53">
        <v>-9706836.634939</v>
      </c>
      <c r="BX3778" s="53">
        <v>-9706836.634939</v>
      </c>
      <c r="BY3778" s="53">
        <v>-9706836.634939</v>
      </c>
      <c r="BZ3778" s="53">
        <v>-9706836.634939</v>
      </c>
      <c r="CA3778" s="53">
        <v>-116482039.619267</v>
      </c>
      <c r="CB3778" s="53">
        <v>-8310.1044776119197</v>
      </c>
      <c r="CC3778" s="53">
        <v>-8310.1044776119197</v>
      </c>
      <c r="CD3778" s="53">
        <v>-8310.1044776119197</v>
      </c>
      <c r="CE3778" s="53">
        <v>-8310.1044776119197</v>
      </c>
      <c r="CF3778" s="53">
        <v>-8310.1044776119197</v>
      </c>
      <c r="CG3778" s="53">
        <v>-8310.1044776119197</v>
      </c>
      <c r="CH3778" s="53">
        <v>-8310.1044776119197</v>
      </c>
      <c r="CI3778" s="53">
        <v>-8310.1044776119197</v>
      </c>
      <c r="CJ3778" s="53">
        <v>-8310.1044776119197</v>
      </c>
      <c r="CK3778" s="53">
        <v>-8310.1044776119197</v>
      </c>
      <c r="CL3778" s="53">
        <v>-8310.1044776119197</v>
      </c>
      <c r="CM3778" s="53">
        <v>-8310.1044776119197</v>
      </c>
      <c r="CN3778" s="53">
        <v>-99721.253731343095</v>
      </c>
    </row>
    <row r="3779" spans="1:92" outlineLevel="1">
      <c r="A3779" s="52" t="s">
        <v>1725</v>
      </c>
      <c r="B3779" s="53"/>
      <c r="C3779" s="53"/>
      <c r="D3779" s="53"/>
      <c r="E3779" s="53"/>
      <c r="F3779" s="53"/>
      <c r="G3779" s="53"/>
      <c r="H3779" s="53"/>
      <c r="I3779" s="53"/>
      <c r="J3779" s="53"/>
      <c r="K3779" s="53"/>
      <c r="L3779" s="53"/>
      <c r="M3779" s="53"/>
      <c r="N3779" s="53"/>
      <c r="O3779" s="53"/>
      <c r="P3779" s="53"/>
      <c r="Q3779" s="53"/>
      <c r="R3779" s="53"/>
      <c r="S3779" s="53"/>
      <c r="T3779" s="53"/>
      <c r="U3779" s="53"/>
      <c r="V3779" s="53"/>
      <c r="W3779" s="53"/>
      <c r="X3779" s="53"/>
      <c r="Y3779" s="53"/>
      <c r="Z3779" s="53"/>
      <c r="AA3779" s="53"/>
      <c r="AB3779" s="53"/>
      <c r="AC3779" s="53"/>
      <c r="AD3779" s="53"/>
      <c r="AE3779" s="53"/>
      <c r="AF3779" s="53"/>
      <c r="AG3779" s="53"/>
      <c r="AH3779" s="53"/>
      <c r="AI3779" s="53"/>
      <c r="AJ3779" s="53"/>
      <c r="AK3779" s="53"/>
      <c r="AL3779" s="53"/>
      <c r="AM3779" s="53"/>
      <c r="AN3779" s="53"/>
      <c r="AO3779" s="53"/>
      <c r="AP3779" s="53"/>
      <c r="AQ3779" s="53"/>
      <c r="AR3779" s="53"/>
      <c r="AS3779" s="53"/>
      <c r="AT3779" s="53"/>
      <c r="AU3779" s="53"/>
      <c r="AV3779" s="53"/>
      <c r="AW3779" s="53"/>
      <c r="AX3779" s="53"/>
      <c r="AY3779" s="53"/>
      <c r="AZ3779" s="53"/>
      <c r="BA3779" s="53"/>
      <c r="BB3779" s="53"/>
      <c r="BC3779" s="53"/>
      <c r="BD3779" s="53"/>
      <c r="BE3779" s="53"/>
      <c r="BF3779" s="53"/>
      <c r="BG3779" s="53"/>
      <c r="BH3779" s="53"/>
      <c r="BI3779" s="53"/>
      <c r="BJ3779" s="53"/>
      <c r="BK3779" s="53"/>
      <c r="BL3779" s="53"/>
      <c r="BM3779" s="53"/>
      <c r="BN3779" s="53"/>
      <c r="BO3779" s="53"/>
      <c r="BP3779" s="53"/>
      <c r="BQ3779" s="53"/>
      <c r="BR3779" s="53"/>
      <c r="BS3779" s="53"/>
      <c r="BT3779" s="53"/>
      <c r="BU3779" s="53"/>
      <c r="BV3779" s="53"/>
      <c r="BW3779" s="53"/>
      <c r="BX3779" s="53"/>
      <c r="BY3779" s="53"/>
      <c r="BZ3779" s="53"/>
      <c r="CA3779" s="53"/>
      <c r="CB3779" s="53">
        <v>-18632.710875331501</v>
      </c>
      <c r="CC3779" s="53">
        <v>-18632.710875331501</v>
      </c>
      <c r="CD3779" s="53">
        <v>-18632.710875331501</v>
      </c>
      <c r="CE3779" s="53">
        <v>-18632.710875331501</v>
      </c>
      <c r="CF3779" s="53">
        <v>-18632.710875331501</v>
      </c>
      <c r="CG3779" s="53">
        <v>-18632.710875331501</v>
      </c>
      <c r="CH3779" s="53">
        <v>-18632.710875331501</v>
      </c>
      <c r="CI3779" s="53">
        <v>-18632.710875331501</v>
      </c>
      <c r="CJ3779" s="53">
        <v>-18632.710875331501</v>
      </c>
      <c r="CK3779" s="53">
        <v>-18632.710875331501</v>
      </c>
      <c r="CL3779" s="53">
        <v>-18632.710875331501</v>
      </c>
      <c r="CM3779" s="53">
        <v>-18632.710875331501</v>
      </c>
      <c r="CN3779" s="53">
        <v>-223592.53050397799</v>
      </c>
    </row>
    <row r="3780" spans="1:92" outlineLevel="1">
      <c r="A3780" s="52" t="s">
        <v>649</v>
      </c>
      <c r="B3780" s="53"/>
      <c r="C3780" s="53"/>
      <c r="D3780" s="53"/>
      <c r="E3780" s="53"/>
      <c r="F3780" s="53"/>
      <c r="G3780" s="53"/>
      <c r="H3780" s="53"/>
      <c r="I3780" s="53"/>
      <c r="J3780" s="53"/>
      <c r="K3780" s="53"/>
      <c r="L3780" s="53"/>
      <c r="M3780" s="53"/>
      <c r="N3780" s="53"/>
      <c r="O3780" s="53">
        <v>-2618509.2243750002</v>
      </c>
      <c r="P3780" s="53">
        <v>-2618509.2243750002</v>
      </c>
      <c r="Q3780" s="53">
        <v>-2618509.2243750002</v>
      </c>
      <c r="R3780" s="53">
        <v>-3765647.7799305599</v>
      </c>
      <c r="S3780" s="53">
        <v>-3765647.7799305599</v>
      </c>
      <c r="T3780" s="53">
        <v>-3765647.7799305599</v>
      </c>
      <c r="U3780" s="53">
        <v>-3765647.7799305599</v>
      </c>
      <c r="V3780" s="53">
        <v>-3765647.7799305599</v>
      </c>
      <c r="W3780" s="53">
        <v>-3765647.7799305599</v>
      </c>
      <c r="X3780" s="53">
        <v>-3765647.7799305599</v>
      </c>
      <c r="Y3780" s="53">
        <v>-3765647.7799305599</v>
      </c>
      <c r="Z3780" s="53">
        <v>-3765647.7799305599</v>
      </c>
      <c r="AA3780" s="53">
        <v>-41746357.692500003</v>
      </c>
      <c r="AB3780" s="53">
        <v>-4388870.2495274898</v>
      </c>
      <c r="AC3780" s="53">
        <v>-4388870.2495274898</v>
      </c>
      <c r="AD3780" s="53">
        <v>-4388870.2495274898</v>
      </c>
      <c r="AE3780" s="53">
        <v>-4388870.2495274898</v>
      </c>
      <c r="AF3780" s="53">
        <v>-4388870.2495274898</v>
      </c>
      <c r="AG3780" s="53">
        <v>-4388870.2495274898</v>
      </c>
      <c r="AH3780" s="53">
        <v>-4388870.2495274898</v>
      </c>
      <c r="AI3780" s="53">
        <v>-4388870.2495274898</v>
      </c>
      <c r="AJ3780" s="53">
        <v>-4388870.2495274898</v>
      </c>
      <c r="AK3780" s="53">
        <v>-4388870.2495274898</v>
      </c>
      <c r="AL3780" s="53">
        <v>-4388870.2495274898</v>
      </c>
      <c r="AM3780" s="53">
        <v>-4388870.2495274898</v>
      </c>
      <c r="AN3780" s="53">
        <v>-52666442.9943299</v>
      </c>
      <c r="AO3780" s="53">
        <v>-5253169.3333333302</v>
      </c>
      <c r="AP3780" s="53">
        <v>-5253169.3333333302</v>
      </c>
      <c r="AQ3780" s="53">
        <v>-5253169.3333333302</v>
      </c>
      <c r="AR3780" s="53">
        <v>-5253169.3333333302</v>
      </c>
      <c r="AS3780" s="53">
        <v>-5253169.3333333302</v>
      </c>
      <c r="AT3780" s="53">
        <v>-5253169.3333333302</v>
      </c>
      <c r="AU3780" s="53">
        <v>-5253169.3333333302</v>
      </c>
      <c r="AV3780" s="53">
        <v>-5253169.3333333302</v>
      </c>
      <c r="AW3780" s="53">
        <v>-5253169.3333333302</v>
      </c>
      <c r="AX3780" s="53">
        <v>-5253169.3333333302</v>
      </c>
      <c r="AY3780" s="53">
        <v>-5253169.3333333302</v>
      </c>
      <c r="AZ3780" s="53">
        <v>-5253169.3333333302</v>
      </c>
      <c r="BA3780" s="53">
        <v>-63038031.999999903</v>
      </c>
      <c r="BB3780" s="53">
        <v>-7932402.2177273501</v>
      </c>
      <c r="BC3780" s="53">
        <v>-7932402.2177273501</v>
      </c>
      <c r="BD3780" s="53">
        <v>-7932402.2177273501</v>
      </c>
      <c r="BE3780" s="53">
        <v>-7932402.2177273501</v>
      </c>
      <c r="BF3780" s="53">
        <v>-7932402.2177273501</v>
      </c>
      <c r="BG3780" s="53">
        <v>-7932402.2177273501</v>
      </c>
      <c r="BH3780" s="53">
        <v>-7932402.2177273501</v>
      </c>
      <c r="BI3780" s="53">
        <v>-7932402.2177273501</v>
      </c>
      <c r="BJ3780" s="53">
        <v>-7932402.2177273501</v>
      </c>
      <c r="BK3780" s="53">
        <v>-7932402.2177273501</v>
      </c>
      <c r="BL3780" s="53">
        <v>-7932402.2177273501</v>
      </c>
      <c r="BM3780" s="53">
        <v>-7932402.2177273501</v>
      </c>
      <c r="BN3780" s="53">
        <v>-95188826.612728104</v>
      </c>
      <c r="BO3780" s="53">
        <v>-9706836.634939</v>
      </c>
      <c r="BP3780" s="53">
        <v>-9706836.634939</v>
      </c>
      <c r="BQ3780" s="53">
        <v>-9706836.634939</v>
      </c>
      <c r="BR3780" s="53">
        <v>-9706836.634939</v>
      </c>
      <c r="BS3780" s="53">
        <v>-9706836.634939</v>
      </c>
      <c r="BT3780" s="53">
        <v>-9706836.634939</v>
      </c>
      <c r="BU3780" s="53">
        <v>-9706836.634939</v>
      </c>
      <c r="BV3780" s="53">
        <v>-9706836.634939</v>
      </c>
      <c r="BW3780" s="53">
        <v>-9706836.634939</v>
      </c>
      <c r="BX3780" s="53">
        <v>-9706836.634939</v>
      </c>
      <c r="BY3780" s="53">
        <v>-9706836.634939</v>
      </c>
      <c r="BZ3780" s="53">
        <v>-9706836.634939</v>
      </c>
      <c r="CA3780" s="53">
        <v>-116482039.619267</v>
      </c>
      <c r="CB3780" s="53"/>
      <c r="CC3780" s="53"/>
      <c r="CD3780" s="53"/>
      <c r="CE3780" s="53"/>
      <c r="CF3780" s="53"/>
      <c r="CG3780" s="53"/>
      <c r="CH3780" s="53"/>
      <c r="CI3780" s="53"/>
      <c r="CJ3780" s="53"/>
      <c r="CK3780" s="53"/>
      <c r="CL3780" s="53"/>
      <c r="CM3780" s="53"/>
      <c r="CN3780" s="53"/>
    </row>
    <row r="3781" spans="1:92" outlineLevel="1">
      <c r="A3781" s="52" t="s">
        <v>672</v>
      </c>
      <c r="B3781" s="53"/>
      <c r="C3781" s="53"/>
      <c r="D3781" s="53"/>
      <c r="E3781" s="53"/>
      <c r="F3781" s="53"/>
      <c r="G3781" s="53"/>
      <c r="H3781" s="53"/>
      <c r="I3781" s="53"/>
      <c r="J3781" s="53"/>
      <c r="K3781" s="53"/>
      <c r="L3781" s="53"/>
      <c r="M3781" s="53"/>
      <c r="N3781" s="53"/>
      <c r="O3781" s="53"/>
      <c r="P3781" s="53"/>
      <c r="Q3781" s="53"/>
      <c r="R3781" s="53"/>
      <c r="S3781" s="53"/>
      <c r="T3781" s="53"/>
      <c r="U3781" s="53"/>
      <c r="V3781" s="53"/>
      <c r="W3781" s="53"/>
      <c r="X3781" s="53"/>
      <c r="Y3781" s="53"/>
      <c r="Z3781" s="53"/>
      <c r="AA3781" s="53"/>
      <c r="AB3781" s="53"/>
      <c r="AC3781" s="53"/>
      <c r="AD3781" s="53"/>
      <c r="AE3781" s="53"/>
      <c r="AF3781" s="53"/>
      <c r="AG3781" s="53"/>
      <c r="AH3781" s="53"/>
      <c r="AI3781" s="53"/>
      <c r="AJ3781" s="53"/>
      <c r="AK3781" s="53"/>
      <c r="AL3781" s="53"/>
      <c r="AM3781" s="53"/>
      <c r="AN3781" s="53"/>
      <c r="AO3781" s="53"/>
      <c r="AP3781" s="53"/>
      <c r="AQ3781" s="53"/>
      <c r="AR3781" s="53"/>
      <c r="AS3781" s="53"/>
      <c r="AT3781" s="53"/>
      <c r="AU3781" s="53"/>
      <c r="AV3781" s="53"/>
      <c r="AW3781" s="53"/>
      <c r="AX3781" s="53"/>
      <c r="AY3781" s="53"/>
      <c r="AZ3781" s="53"/>
      <c r="BA3781" s="53"/>
      <c r="BB3781" s="53"/>
      <c r="BC3781" s="53"/>
      <c r="BD3781" s="53"/>
      <c r="BE3781" s="53"/>
      <c r="BF3781" s="53"/>
      <c r="BG3781" s="53"/>
      <c r="BH3781" s="53"/>
      <c r="BI3781" s="53"/>
      <c r="BJ3781" s="53"/>
      <c r="BK3781" s="53"/>
      <c r="BL3781" s="53"/>
      <c r="BM3781" s="53"/>
      <c r="BN3781" s="53"/>
      <c r="BO3781" s="53"/>
      <c r="BP3781" s="53"/>
      <c r="BQ3781" s="53"/>
      <c r="BR3781" s="53"/>
      <c r="BS3781" s="53"/>
      <c r="BT3781" s="53"/>
      <c r="BU3781" s="53"/>
      <c r="BV3781" s="53"/>
      <c r="BW3781" s="53"/>
      <c r="BX3781" s="53"/>
      <c r="BY3781" s="53"/>
      <c r="BZ3781" s="53"/>
      <c r="CA3781" s="53"/>
      <c r="CB3781" s="53">
        <v>-36488.334177215103</v>
      </c>
      <c r="CC3781" s="53">
        <v>-36488.334177215103</v>
      </c>
      <c r="CD3781" s="53">
        <v>-36488.334177215103</v>
      </c>
      <c r="CE3781" s="53">
        <v>-36488.334177215103</v>
      </c>
      <c r="CF3781" s="53">
        <v>-36488.334177215103</v>
      </c>
      <c r="CG3781" s="53">
        <v>-36488.334177215103</v>
      </c>
      <c r="CH3781" s="53">
        <v>-36488.334177215103</v>
      </c>
      <c r="CI3781" s="53">
        <v>-36488.334177215103</v>
      </c>
      <c r="CJ3781" s="53">
        <v>-36488.334177215103</v>
      </c>
      <c r="CK3781" s="53">
        <v>-36488.334177215103</v>
      </c>
      <c r="CL3781" s="53">
        <v>-36488.334177215103</v>
      </c>
      <c r="CM3781" s="53">
        <v>-36488.334177215103</v>
      </c>
      <c r="CN3781" s="53">
        <v>-437860.010126582</v>
      </c>
    </row>
    <row r="3782" spans="1:92" outlineLevel="1">
      <c r="A3782" s="52" t="s">
        <v>673</v>
      </c>
      <c r="B3782" s="53"/>
      <c r="C3782" s="53"/>
      <c r="D3782" s="53"/>
      <c r="E3782" s="53"/>
      <c r="F3782" s="53"/>
      <c r="G3782" s="53"/>
      <c r="H3782" s="53"/>
      <c r="I3782" s="53"/>
      <c r="J3782" s="53"/>
      <c r="K3782" s="53"/>
      <c r="L3782" s="53"/>
      <c r="M3782" s="53"/>
      <c r="N3782" s="53"/>
      <c r="O3782" s="53"/>
      <c r="P3782" s="53"/>
      <c r="Q3782" s="53"/>
      <c r="R3782" s="53"/>
      <c r="S3782" s="53"/>
      <c r="T3782" s="53"/>
      <c r="U3782" s="53"/>
      <c r="V3782" s="53"/>
      <c r="W3782" s="53"/>
      <c r="X3782" s="53"/>
      <c r="Y3782" s="53"/>
      <c r="Z3782" s="53"/>
      <c r="AA3782" s="53"/>
      <c r="AB3782" s="53"/>
      <c r="AC3782" s="53"/>
      <c r="AD3782" s="53"/>
      <c r="AE3782" s="53"/>
      <c r="AF3782" s="53"/>
      <c r="AG3782" s="53"/>
      <c r="AH3782" s="53"/>
      <c r="AI3782" s="53"/>
      <c r="AJ3782" s="53"/>
      <c r="AK3782" s="53"/>
      <c r="AL3782" s="53"/>
      <c r="AM3782" s="53"/>
      <c r="AN3782" s="53"/>
      <c r="AO3782" s="53"/>
      <c r="AP3782" s="53"/>
      <c r="AQ3782" s="53"/>
      <c r="AR3782" s="53"/>
      <c r="AS3782" s="53"/>
      <c r="AT3782" s="53"/>
      <c r="AU3782" s="53"/>
      <c r="AV3782" s="53"/>
      <c r="AW3782" s="53"/>
      <c r="AX3782" s="53"/>
      <c r="AY3782" s="53"/>
      <c r="AZ3782" s="53"/>
      <c r="BA3782" s="53"/>
      <c r="BB3782" s="53"/>
      <c r="BC3782" s="53"/>
      <c r="BD3782" s="53"/>
      <c r="BE3782" s="53"/>
      <c r="BF3782" s="53"/>
      <c r="BG3782" s="53"/>
      <c r="BH3782" s="53"/>
      <c r="BI3782" s="53"/>
      <c r="BJ3782" s="53"/>
      <c r="BK3782" s="53"/>
      <c r="BL3782" s="53"/>
      <c r="BM3782" s="53"/>
      <c r="BN3782" s="53"/>
      <c r="BO3782" s="53"/>
      <c r="BP3782" s="53"/>
      <c r="BQ3782" s="53"/>
      <c r="BR3782" s="53"/>
      <c r="BS3782" s="53"/>
      <c r="BT3782" s="53"/>
      <c r="BU3782" s="53"/>
      <c r="BV3782" s="53"/>
      <c r="BW3782" s="53"/>
      <c r="BX3782" s="53"/>
      <c r="BY3782" s="53"/>
      <c r="BZ3782" s="53"/>
      <c r="CA3782" s="53"/>
      <c r="CB3782" s="53">
        <v>-13019.146118721401</v>
      </c>
      <c r="CC3782" s="53">
        <v>-13019.146118721401</v>
      </c>
      <c r="CD3782" s="53">
        <v>-13019.146118721401</v>
      </c>
      <c r="CE3782" s="53">
        <v>-13019.146118721401</v>
      </c>
      <c r="CF3782" s="53">
        <v>-13019.146118721401</v>
      </c>
      <c r="CG3782" s="53">
        <v>-13019.146118721401</v>
      </c>
      <c r="CH3782" s="53">
        <v>-13019.146118721401</v>
      </c>
      <c r="CI3782" s="53">
        <v>-13019.146118721401</v>
      </c>
      <c r="CJ3782" s="53">
        <v>-13019.146118721401</v>
      </c>
      <c r="CK3782" s="53">
        <v>-13019.146118721401</v>
      </c>
      <c r="CL3782" s="53">
        <v>-13019.146118721401</v>
      </c>
      <c r="CM3782" s="53">
        <v>-13019.146118721401</v>
      </c>
      <c r="CN3782" s="53">
        <v>-156229.75342465701</v>
      </c>
    </row>
    <row r="3783" spans="1:92" outlineLevel="1">
      <c r="A3783" s="52" t="s">
        <v>1520</v>
      </c>
      <c r="B3783" s="53"/>
      <c r="C3783" s="53"/>
      <c r="D3783" s="53"/>
      <c r="E3783" s="53"/>
      <c r="F3783" s="53"/>
      <c r="G3783" s="53"/>
      <c r="H3783" s="53"/>
      <c r="I3783" s="53"/>
      <c r="J3783" s="53"/>
      <c r="K3783" s="53"/>
      <c r="L3783" s="53"/>
      <c r="M3783" s="53"/>
      <c r="N3783" s="53"/>
      <c r="O3783" s="53"/>
      <c r="P3783" s="53"/>
      <c r="Q3783" s="53"/>
      <c r="R3783" s="53"/>
      <c r="S3783" s="53"/>
      <c r="T3783" s="53"/>
      <c r="U3783" s="53"/>
      <c r="V3783" s="53"/>
      <c r="W3783" s="53"/>
      <c r="X3783" s="53"/>
      <c r="Y3783" s="53"/>
      <c r="Z3783" s="53"/>
      <c r="AA3783" s="53"/>
      <c r="AB3783" s="53"/>
      <c r="AC3783" s="53"/>
      <c r="AD3783" s="53"/>
      <c r="AE3783" s="53"/>
      <c r="AF3783" s="53"/>
      <c r="AG3783" s="53"/>
      <c r="AH3783" s="53"/>
      <c r="AI3783" s="53"/>
      <c r="AJ3783" s="53"/>
      <c r="AK3783" s="53"/>
      <c r="AL3783" s="53"/>
      <c r="AM3783" s="53"/>
      <c r="AN3783" s="53"/>
      <c r="AO3783" s="53"/>
      <c r="AP3783" s="53"/>
      <c r="AQ3783" s="53"/>
      <c r="AR3783" s="53"/>
      <c r="AS3783" s="53"/>
      <c r="AT3783" s="53"/>
      <c r="AU3783" s="53"/>
      <c r="AV3783" s="53"/>
      <c r="AW3783" s="53"/>
      <c r="AX3783" s="53"/>
      <c r="AY3783" s="53"/>
      <c r="AZ3783" s="53"/>
      <c r="BA3783" s="53"/>
      <c r="BB3783" s="53"/>
      <c r="BC3783" s="53"/>
      <c r="BD3783" s="53"/>
      <c r="BE3783" s="53"/>
      <c r="BF3783" s="53"/>
      <c r="BG3783" s="53"/>
      <c r="BH3783" s="53"/>
      <c r="BI3783" s="53"/>
      <c r="BJ3783" s="53"/>
      <c r="BK3783" s="53"/>
      <c r="BL3783" s="53"/>
      <c r="BM3783" s="53"/>
      <c r="BN3783" s="53"/>
      <c r="BO3783" s="53"/>
      <c r="BP3783" s="53"/>
      <c r="BQ3783" s="53"/>
      <c r="BR3783" s="53"/>
      <c r="BS3783" s="53"/>
      <c r="BT3783" s="53"/>
      <c r="BU3783" s="53"/>
      <c r="BV3783" s="53"/>
      <c r="BW3783" s="53"/>
      <c r="BX3783" s="53"/>
      <c r="BY3783" s="53"/>
      <c r="BZ3783" s="53"/>
      <c r="CA3783" s="53"/>
      <c r="CB3783" s="53">
        <v>-13527.6846307385</v>
      </c>
      <c r="CC3783" s="53">
        <v>-13527.6846307385</v>
      </c>
      <c r="CD3783" s="53">
        <v>-13527.6846307385</v>
      </c>
      <c r="CE3783" s="53">
        <v>-13527.6846307385</v>
      </c>
      <c r="CF3783" s="53">
        <v>-13527.6846307385</v>
      </c>
      <c r="CG3783" s="53">
        <v>-13527.6846307385</v>
      </c>
      <c r="CH3783" s="53">
        <v>-13527.6846307385</v>
      </c>
      <c r="CI3783" s="53">
        <v>-13527.6846307385</v>
      </c>
      <c r="CJ3783" s="53">
        <v>-13527.6846307385</v>
      </c>
      <c r="CK3783" s="53">
        <v>-13527.6846307385</v>
      </c>
      <c r="CL3783" s="53">
        <v>-13527.6846307385</v>
      </c>
      <c r="CM3783" s="53">
        <v>-13527.6846307385</v>
      </c>
      <c r="CN3783" s="53">
        <v>-162332.21556886201</v>
      </c>
    </row>
    <row r="3784" spans="1:92" outlineLevel="1">
      <c r="A3784" s="52" t="s">
        <v>649</v>
      </c>
      <c r="B3784" s="53">
        <v>49532600</v>
      </c>
      <c r="C3784" s="53">
        <v>13701929.999999899</v>
      </c>
      <c r="D3784" s="53">
        <v>21369310</v>
      </c>
      <c r="E3784" s="53">
        <v>52134260</v>
      </c>
      <c r="F3784" s="53">
        <v>45052590</v>
      </c>
      <c r="G3784" s="53">
        <v>44743879.999999903</v>
      </c>
      <c r="H3784" s="53">
        <v>19071120</v>
      </c>
      <c r="I3784" s="53">
        <v>20102889.999999899</v>
      </c>
      <c r="J3784" s="53">
        <v>28170880</v>
      </c>
      <c r="K3784" s="53">
        <v>18342059.999999899</v>
      </c>
      <c r="L3784" s="53">
        <v>11259660</v>
      </c>
      <c r="M3784" s="53">
        <v>112475200</v>
      </c>
      <c r="N3784" s="53">
        <v>435956380</v>
      </c>
      <c r="O3784" s="53">
        <v>8142821.3115744004</v>
      </c>
      <c r="P3784" s="53">
        <v>10542594.613081099</v>
      </c>
      <c r="Q3784" s="53">
        <v>12382804.366219301</v>
      </c>
      <c r="R3784" s="53">
        <v>11098361.701905901</v>
      </c>
      <c r="S3784" s="53">
        <v>11762132.9542941</v>
      </c>
      <c r="T3784" s="53">
        <v>11477400.705452699</v>
      </c>
      <c r="U3784" s="53">
        <v>9635670.8464655001</v>
      </c>
      <c r="V3784" s="53">
        <v>9029064.0355952401</v>
      </c>
      <c r="W3784" s="53">
        <v>11223658.545841301</v>
      </c>
      <c r="X3784" s="53">
        <v>13263897.4348695</v>
      </c>
      <c r="Y3784" s="53">
        <v>12352307.531198099</v>
      </c>
      <c r="Z3784" s="53">
        <v>10205959.087228499</v>
      </c>
      <c r="AA3784" s="53">
        <v>131116673.133726</v>
      </c>
      <c r="AB3784" s="53">
        <v>9804773.6157705802</v>
      </c>
      <c r="AC3784" s="53">
        <v>11457866.700318901</v>
      </c>
      <c r="AD3784" s="53">
        <v>12269556.206738301</v>
      </c>
      <c r="AE3784" s="53">
        <v>12060435.753611101</v>
      </c>
      <c r="AF3784" s="53">
        <v>11069931.3451088</v>
      </c>
      <c r="AG3784" s="53">
        <v>11001107.4155141</v>
      </c>
      <c r="AH3784" s="53">
        <v>11220203.889342999</v>
      </c>
      <c r="AI3784" s="53">
        <v>11976627.673650401</v>
      </c>
      <c r="AJ3784" s="53">
        <v>10418595.9307463</v>
      </c>
      <c r="AK3784" s="53">
        <v>10217570.536063701</v>
      </c>
      <c r="AL3784" s="53">
        <v>10304266.1630976</v>
      </c>
      <c r="AM3784" s="53">
        <v>10060591.749775</v>
      </c>
      <c r="AN3784" s="53">
        <v>131861526.979738</v>
      </c>
      <c r="AO3784" s="53">
        <v>10271988.5360114</v>
      </c>
      <c r="AP3784" s="53">
        <v>11260268.9555362</v>
      </c>
      <c r="AQ3784" s="53">
        <v>11471264.2898903</v>
      </c>
      <c r="AR3784" s="53">
        <v>11315478.882906999</v>
      </c>
      <c r="AS3784" s="53">
        <v>10252062.4524568</v>
      </c>
      <c r="AT3784" s="53">
        <v>10153830.120303901</v>
      </c>
      <c r="AU3784" s="53">
        <v>10432124.804749301</v>
      </c>
      <c r="AV3784" s="53">
        <v>11287751.379008001</v>
      </c>
      <c r="AW3784" s="53">
        <v>9949482.9827644303</v>
      </c>
      <c r="AX3784" s="53">
        <v>9790420.6641364004</v>
      </c>
      <c r="AY3784" s="53">
        <v>10141600.451407099</v>
      </c>
      <c r="AZ3784" s="53">
        <v>9355186.5776413698</v>
      </c>
      <c r="BA3784" s="53">
        <v>125681460.09681199</v>
      </c>
      <c r="BB3784" s="53">
        <v>9717895.3637301996</v>
      </c>
      <c r="BC3784" s="53">
        <v>10706400.1599728</v>
      </c>
      <c r="BD3784" s="53">
        <v>10917200.7646276</v>
      </c>
      <c r="BE3784" s="53">
        <v>10761343.194166301</v>
      </c>
      <c r="BF3784" s="53">
        <v>9697937.8399923593</v>
      </c>
      <c r="BG3784" s="53">
        <v>9599833.4168414008</v>
      </c>
      <c r="BH3784" s="53">
        <v>9878150.8865057696</v>
      </c>
      <c r="BI3784" s="53">
        <v>10733979.9137883</v>
      </c>
      <c r="BJ3784" s="53">
        <v>9395379.2524781693</v>
      </c>
      <c r="BK3784" s="53">
        <v>9236278.0370073505</v>
      </c>
      <c r="BL3784" s="53">
        <v>9587493.2421651501</v>
      </c>
      <c r="BM3784" s="53">
        <v>8801018.5987963006</v>
      </c>
      <c r="BN3784" s="53">
        <v>119032910.67007101</v>
      </c>
      <c r="BO3784" s="53">
        <v>9971080.1865897309</v>
      </c>
      <c r="BP3784" s="53">
        <v>10966796.9221568</v>
      </c>
      <c r="BQ3784" s="53">
        <v>11171338.5049794</v>
      </c>
      <c r="BR3784" s="53">
        <v>11013161.4486541</v>
      </c>
      <c r="BS3784" s="53">
        <v>9950112.1092787795</v>
      </c>
      <c r="BT3784" s="53">
        <v>9856118.9503013194</v>
      </c>
      <c r="BU3784" s="53">
        <v>10135168.7847954</v>
      </c>
      <c r="BV3784" s="53">
        <v>10997505.077798501</v>
      </c>
      <c r="BW3784" s="53">
        <v>9648224.7188650705</v>
      </c>
      <c r="BX3784" s="53">
        <v>9487873.2771101091</v>
      </c>
      <c r="BY3784" s="53">
        <v>9840226.8876015507</v>
      </c>
      <c r="BZ3784" s="53">
        <v>9051798.4097553305</v>
      </c>
      <c r="CA3784" s="53">
        <v>122089405.277886</v>
      </c>
      <c r="CB3784" s="53">
        <v>-20148.9797979797</v>
      </c>
      <c r="CC3784" s="53">
        <v>-20148.9797979797</v>
      </c>
      <c r="CD3784" s="53">
        <v>-20148.9797979797</v>
      </c>
      <c r="CE3784" s="53">
        <v>-20148.9797979797</v>
      </c>
      <c r="CF3784" s="53">
        <v>-20148.9797979797</v>
      </c>
      <c r="CG3784" s="53">
        <v>-20148.9797979797</v>
      </c>
      <c r="CH3784" s="53">
        <v>-20148.9797979797</v>
      </c>
      <c r="CI3784" s="53">
        <v>-20148.9797979797</v>
      </c>
      <c r="CJ3784" s="53">
        <v>-20148.9797979797</v>
      </c>
      <c r="CK3784" s="53">
        <v>-20148.9797979797</v>
      </c>
      <c r="CL3784" s="53">
        <v>-20148.9797979797</v>
      </c>
      <c r="CM3784" s="53">
        <v>-20148.9797979797</v>
      </c>
      <c r="CN3784" s="53">
        <v>-241787.75757575699</v>
      </c>
    </row>
    <row r="3785" spans="1:92" outlineLevel="1">
      <c r="A3785" s="52" t="s">
        <v>1384</v>
      </c>
      <c r="B3785" s="53"/>
      <c r="C3785" s="53"/>
      <c r="D3785" s="53"/>
      <c r="E3785" s="53"/>
      <c r="F3785" s="53"/>
      <c r="G3785" s="53"/>
      <c r="H3785" s="53"/>
      <c r="I3785" s="53"/>
      <c r="J3785" s="53"/>
      <c r="K3785" s="53"/>
      <c r="L3785" s="53"/>
      <c r="M3785" s="53"/>
      <c r="N3785" s="53"/>
      <c r="O3785" s="53"/>
      <c r="P3785" s="53"/>
      <c r="Q3785" s="53"/>
      <c r="R3785" s="53"/>
      <c r="S3785" s="53"/>
      <c r="T3785" s="53"/>
      <c r="U3785" s="53"/>
      <c r="V3785" s="53"/>
      <c r="W3785" s="53"/>
      <c r="X3785" s="53"/>
      <c r="Y3785" s="53"/>
      <c r="Z3785" s="53"/>
      <c r="AA3785" s="53"/>
      <c r="AB3785" s="53"/>
      <c r="AC3785" s="53"/>
      <c r="AD3785" s="53"/>
      <c r="AE3785" s="53"/>
      <c r="AF3785" s="53"/>
      <c r="AG3785" s="53"/>
      <c r="AH3785" s="53"/>
      <c r="AI3785" s="53"/>
      <c r="AJ3785" s="53"/>
      <c r="AK3785" s="53"/>
      <c r="AL3785" s="53"/>
      <c r="AM3785" s="53"/>
      <c r="AN3785" s="53"/>
      <c r="AO3785" s="53"/>
      <c r="AP3785" s="53"/>
      <c r="AQ3785" s="53"/>
      <c r="AR3785" s="53"/>
      <c r="AS3785" s="53"/>
      <c r="AT3785" s="53"/>
      <c r="AU3785" s="53"/>
      <c r="AV3785" s="53"/>
      <c r="AW3785" s="53"/>
      <c r="AX3785" s="53"/>
      <c r="AY3785" s="53"/>
      <c r="AZ3785" s="53"/>
      <c r="BA3785" s="53"/>
      <c r="BB3785" s="53"/>
      <c r="BC3785" s="53"/>
      <c r="BD3785" s="53"/>
      <c r="BE3785" s="53"/>
      <c r="BF3785" s="53"/>
      <c r="BG3785" s="53"/>
      <c r="BH3785" s="53"/>
      <c r="BI3785" s="53"/>
      <c r="BJ3785" s="53"/>
      <c r="BK3785" s="53"/>
      <c r="BL3785" s="53"/>
      <c r="BM3785" s="53"/>
      <c r="BN3785" s="53"/>
      <c r="BO3785" s="53"/>
      <c r="BP3785" s="53"/>
      <c r="BQ3785" s="53"/>
      <c r="BR3785" s="53"/>
      <c r="BS3785" s="53"/>
      <c r="BT3785" s="53"/>
      <c r="BU3785" s="53"/>
      <c r="BV3785" s="53"/>
      <c r="BW3785" s="53"/>
      <c r="BX3785" s="53"/>
      <c r="BY3785" s="53"/>
      <c r="BZ3785" s="53"/>
      <c r="CA3785" s="53"/>
      <c r="CB3785" s="53">
        <v>-24699.685950413201</v>
      </c>
      <c r="CC3785" s="53"/>
      <c r="CD3785" s="53"/>
      <c r="CE3785" s="53"/>
      <c r="CF3785" s="53"/>
      <c r="CG3785" s="53"/>
      <c r="CH3785" s="53"/>
      <c r="CI3785" s="53"/>
      <c r="CJ3785" s="53"/>
      <c r="CK3785" s="53"/>
      <c r="CL3785" s="53"/>
      <c r="CM3785" s="53"/>
      <c r="CN3785" s="53">
        <v>-24699.685950413201</v>
      </c>
    </row>
    <row r="3786" spans="1:92" outlineLevel="1">
      <c r="A3786" s="52" t="s">
        <v>649</v>
      </c>
      <c r="B3786" s="53">
        <v>-554610</v>
      </c>
      <c r="C3786" s="53">
        <v>-39360</v>
      </c>
      <c r="D3786" s="53">
        <v>-7627280</v>
      </c>
      <c r="E3786" s="53">
        <v>-1365350</v>
      </c>
      <c r="F3786" s="53">
        <v>-71813500</v>
      </c>
      <c r="G3786" s="53">
        <v>-2731740</v>
      </c>
      <c r="H3786" s="53">
        <v>-167029.99999999901</v>
      </c>
      <c r="I3786" s="53">
        <v>-253980</v>
      </c>
      <c r="J3786" s="53">
        <v>-608110</v>
      </c>
      <c r="K3786" s="53">
        <v>-54719770</v>
      </c>
      <c r="L3786" s="53">
        <v>-2525649.9999999902</v>
      </c>
      <c r="M3786" s="53">
        <v>6910090</v>
      </c>
      <c r="N3786" s="53">
        <v>-135496290</v>
      </c>
      <c r="O3786" s="53"/>
      <c r="P3786" s="53"/>
      <c r="Q3786" s="53"/>
      <c r="R3786" s="53"/>
      <c r="S3786" s="53"/>
      <c r="T3786" s="53"/>
      <c r="U3786" s="53"/>
      <c r="V3786" s="53"/>
      <c r="W3786" s="53"/>
      <c r="X3786" s="53"/>
      <c r="Y3786" s="53"/>
      <c r="Z3786" s="53"/>
      <c r="AA3786" s="53"/>
      <c r="AB3786" s="53"/>
      <c r="AC3786" s="53"/>
      <c r="AD3786" s="53"/>
      <c r="AE3786" s="53"/>
      <c r="AF3786" s="53"/>
      <c r="AG3786" s="53"/>
      <c r="AH3786" s="53"/>
      <c r="AI3786" s="53"/>
      <c r="AJ3786" s="53"/>
      <c r="AK3786" s="53"/>
      <c r="AL3786" s="53"/>
      <c r="AM3786" s="53"/>
      <c r="AN3786" s="53"/>
      <c r="AO3786" s="53"/>
      <c r="AP3786" s="53"/>
      <c r="AQ3786" s="53"/>
      <c r="AR3786" s="53"/>
      <c r="AS3786" s="53"/>
      <c r="AT3786" s="53"/>
      <c r="AU3786" s="53"/>
      <c r="AV3786" s="53"/>
      <c r="AW3786" s="53"/>
      <c r="AX3786" s="53"/>
      <c r="AY3786" s="53"/>
      <c r="AZ3786" s="53"/>
      <c r="BA3786" s="53"/>
      <c r="BB3786" s="53"/>
      <c r="BC3786" s="53"/>
      <c r="BD3786" s="53"/>
      <c r="BE3786" s="53"/>
      <c r="BF3786" s="53"/>
      <c r="BG3786" s="53"/>
      <c r="BH3786" s="53"/>
      <c r="BI3786" s="53"/>
      <c r="BJ3786" s="53"/>
      <c r="BK3786" s="53"/>
      <c r="BL3786" s="53"/>
      <c r="BM3786" s="53"/>
      <c r="BN3786" s="53"/>
      <c r="BO3786" s="53"/>
      <c r="BP3786" s="53"/>
      <c r="BQ3786" s="53"/>
      <c r="BR3786" s="53"/>
      <c r="BS3786" s="53"/>
      <c r="BT3786" s="53"/>
      <c r="BU3786" s="53"/>
      <c r="BV3786" s="53"/>
      <c r="BW3786" s="53"/>
      <c r="BX3786" s="53"/>
      <c r="BY3786" s="53"/>
      <c r="BZ3786" s="53"/>
      <c r="CA3786" s="53"/>
      <c r="CB3786" s="53">
        <v>-13370.822605965401</v>
      </c>
      <c r="CC3786" s="53">
        <v>-13370.822605965401</v>
      </c>
      <c r="CD3786" s="53">
        <v>-13370.822605965401</v>
      </c>
      <c r="CE3786" s="53">
        <v>-13370.822605965401</v>
      </c>
      <c r="CF3786" s="53">
        <v>-13370.822605965401</v>
      </c>
      <c r="CG3786" s="53">
        <v>-13370.822605965401</v>
      </c>
      <c r="CH3786" s="53">
        <v>-13370.822605965401</v>
      </c>
      <c r="CI3786" s="53">
        <v>-13370.822605965401</v>
      </c>
      <c r="CJ3786" s="53">
        <v>-13370.822605965401</v>
      </c>
      <c r="CK3786" s="53">
        <v>-13370.822605965401</v>
      </c>
      <c r="CL3786" s="53">
        <v>-13370.822605965401</v>
      </c>
      <c r="CM3786" s="53">
        <v>-13370.822605965401</v>
      </c>
      <c r="CN3786" s="53">
        <v>-160449.871271585</v>
      </c>
    </row>
    <row r="3787" spans="1:92" outlineLevel="1">
      <c r="A3787" s="52" t="s">
        <v>750</v>
      </c>
      <c r="B3787" s="53"/>
      <c r="C3787" s="53"/>
      <c r="D3787" s="53"/>
      <c r="E3787" s="53"/>
      <c r="F3787" s="53"/>
      <c r="G3787" s="53"/>
      <c r="H3787" s="53"/>
      <c r="I3787" s="53"/>
      <c r="J3787" s="53"/>
      <c r="K3787" s="53"/>
      <c r="L3787" s="53"/>
      <c r="M3787" s="53"/>
      <c r="N3787" s="53"/>
      <c r="O3787" s="53"/>
      <c r="P3787" s="53"/>
      <c r="Q3787" s="53"/>
      <c r="R3787" s="53"/>
      <c r="S3787" s="53"/>
      <c r="T3787" s="53"/>
      <c r="U3787" s="53"/>
      <c r="V3787" s="53"/>
      <c r="W3787" s="53"/>
      <c r="X3787" s="53"/>
      <c r="Y3787" s="53"/>
      <c r="Z3787" s="53"/>
      <c r="AA3787" s="53"/>
      <c r="AB3787" s="53"/>
      <c r="AC3787" s="53"/>
      <c r="AD3787" s="53"/>
      <c r="AE3787" s="53"/>
      <c r="AF3787" s="53"/>
      <c r="AG3787" s="53"/>
      <c r="AH3787" s="53"/>
      <c r="AI3787" s="53"/>
      <c r="AJ3787" s="53"/>
      <c r="AK3787" s="53"/>
      <c r="AL3787" s="53"/>
      <c r="AM3787" s="53"/>
      <c r="AN3787" s="53"/>
      <c r="AO3787" s="53"/>
      <c r="AP3787" s="53"/>
      <c r="AQ3787" s="53"/>
      <c r="AR3787" s="53"/>
      <c r="AS3787" s="53"/>
      <c r="AT3787" s="53"/>
      <c r="AU3787" s="53"/>
      <c r="AV3787" s="53"/>
      <c r="AW3787" s="53"/>
      <c r="AX3787" s="53"/>
      <c r="AY3787" s="53"/>
      <c r="AZ3787" s="53"/>
      <c r="BA3787" s="53"/>
      <c r="BB3787" s="53"/>
      <c r="BC3787" s="53"/>
      <c r="BD3787" s="53"/>
      <c r="BE3787" s="53"/>
      <c r="BF3787" s="53"/>
      <c r="BG3787" s="53"/>
      <c r="BH3787" s="53"/>
      <c r="BI3787" s="53"/>
      <c r="BJ3787" s="53"/>
      <c r="BK3787" s="53"/>
      <c r="BL3787" s="53"/>
      <c r="BM3787" s="53"/>
      <c r="BN3787" s="53"/>
      <c r="BO3787" s="53"/>
      <c r="BP3787" s="53"/>
      <c r="BQ3787" s="53"/>
      <c r="BR3787" s="53"/>
      <c r="BS3787" s="53"/>
      <c r="BT3787" s="53"/>
      <c r="BU3787" s="53"/>
      <c r="BV3787" s="53"/>
      <c r="BW3787" s="53"/>
      <c r="BX3787" s="53"/>
      <c r="BY3787" s="53"/>
      <c r="BZ3787" s="53"/>
      <c r="CA3787" s="53"/>
      <c r="CB3787" s="53">
        <v>-44991.872611464903</v>
      </c>
      <c r="CC3787" s="53">
        <v>-44991.872611464903</v>
      </c>
      <c r="CD3787" s="53">
        <v>-44991.872611464903</v>
      </c>
      <c r="CE3787" s="53">
        <v>-44991.872611464903</v>
      </c>
      <c r="CF3787" s="53">
        <v>-44991.872611464903</v>
      </c>
      <c r="CG3787" s="53">
        <v>-44991.872611464903</v>
      </c>
      <c r="CH3787" s="53">
        <v>-44991.872611464903</v>
      </c>
      <c r="CI3787" s="53">
        <v>-44991.872611464903</v>
      </c>
      <c r="CJ3787" s="53">
        <v>-44991.872611464903</v>
      </c>
      <c r="CK3787" s="53">
        <v>-44991.872611464903</v>
      </c>
      <c r="CL3787" s="53">
        <v>-44991.872611464903</v>
      </c>
      <c r="CM3787" s="53">
        <v>-44991.872611464903</v>
      </c>
      <c r="CN3787" s="53">
        <v>-539902.47133757896</v>
      </c>
    </row>
    <row r="3788" spans="1:92" outlineLevel="1">
      <c r="A3788" s="52" t="s">
        <v>753</v>
      </c>
      <c r="B3788" s="53"/>
      <c r="C3788" s="53"/>
      <c r="D3788" s="53"/>
      <c r="E3788" s="53"/>
      <c r="F3788" s="53"/>
      <c r="G3788" s="53"/>
      <c r="H3788" s="53"/>
      <c r="I3788" s="53"/>
      <c r="J3788" s="53"/>
      <c r="K3788" s="53"/>
      <c r="L3788" s="53"/>
      <c r="M3788" s="53"/>
      <c r="N3788" s="53"/>
      <c r="O3788" s="53"/>
      <c r="P3788" s="53"/>
      <c r="Q3788" s="53"/>
      <c r="R3788" s="53"/>
      <c r="S3788" s="53"/>
      <c r="T3788" s="53"/>
      <c r="U3788" s="53"/>
      <c r="V3788" s="53"/>
      <c r="W3788" s="53"/>
      <c r="X3788" s="53"/>
      <c r="Y3788" s="53"/>
      <c r="Z3788" s="53"/>
      <c r="AA3788" s="53"/>
      <c r="AB3788" s="53"/>
      <c r="AC3788" s="53"/>
      <c r="AD3788" s="53"/>
      <c r="AE3788" s="53"/>
      <c r="AF3788" s="53"/>
      <c r="AG3788" s="53"/>
      <c r="AH3788" s="53"/>
      <c r="AI3788" s="53"/>
      <c r="AJ3788" s="53"/>
      <c r="AK3788" s="53"/>
      <c r="AL3788" s="53"/>
      <c r="AM3788" s="53"/>
      <c r="AN3788" s="53"/>
      <c r="AO3788" s="53"/>
      <c r="AP3788" s="53"/>
      <c r="AQ3788" s="53"/>
      <c r="AR3788" s="53"/>
      <c r="AS3788" s="53"/>
      <c r="AT3788" s="53"/>
      <c r="AU3788" s="53"/>
      <c r="AV3788" s="53"/>
      <c r="AW3788" s="53"/>
      <c r="AX3788" s="53"/>
      <c r="AY3788" s="53"/>
      <c r="AZ3788" s="53"/>
      <c r="BA3788" s="53"/>
      <c r="BB3788" s="53"/>
      <c r="BC3788" s="53"/>
      <c r="BD3788" s="53"/>
      <c r="BE3788" s="53"/>
      <c r="BF3788" s="53"/>
      <c r="BG3788" s="53"/>
      <c r="BH3788" s="53"/>
      <c r="BI3788" s="53"/>
      <c r="BJ3788" s="53"/>
      <c r="BK3788" s="53"/>
      <c r="BL3788" s="53"/>
      <c r="BM3788" s="53"/>
      <c r="BN3788" s="53"/>
      <c r="BO3788" s="53"/>
      <c r="BP3788" s="53"/>
      <c r="BQ3788" s="53"/>
      <c r="BR3788" s="53"/>
      <c r="BS3788" s="53"/>
      <c r="BT3788" s="53"/>
      <c r="BU3788" s="53"/>
      <c r="BV3788" s="53"/>
      <c r="BW3788" s="53"/>
      <c r="BX3788" s="53"/>
      <c r="BY3788" s="53"/>
      <c r="BZ3788" s="53"/>
      <c r="CA3788" s="53"/>
      <c r="CB3788" s="53">
        <v>-52157.242105263002</v>
      </c>
      <c r="CC3788" s="53">
        <v>-52157.242105263002</v>
      </c>
      <c r="CD3788" s="53">
        <v>-52157.242105263002</v>
      </c>
      <c r="CE3788" s="53">
        <v>-52157.242105263002</v>
      </c>
      <c r="CF3788" s="53">
        <v>-52157.242105263002</v>
      </c>
      <c r="CG3788" s="53">
        <v>-52157.242105263002</v>
      </c>
      <c r="CH3788" s="53">
        <v>-52157.242105263002</v>
      </c>
      <c r="CI3788" s="53">
        <v>-52157.242105263002</v>
      </c>
      <c r="CJ3788" s="53">
        <v>-52157.242105263002</v>
      </c>
      <c r="CK3788" s="53">
        <v>-52157.242105263002</v>
      </c>
      <c r="CL3788" s="53">
        <v>-52157.242105263002</v>
      </c>
      <c r="CM3788" s="53">
        <v>-52157.242105263002</v>
      </c>
      <c r="CN3788" s="53">
        <v>-625886.90526315698</v>
      </c>
    </row>
    <row r="3789" spans="1:92" outlineLevel="1">
      <c r="A3789" s="52" t="s">
        <v>649</v>
      </c>
      <c r="B3789" s="53">
        <v>5956650</v>
      </c>
      <c r="C3789" s="53">
        <v>5991170</v>
      </c>
      <c r="D3789" s="53">
        <v>5749080</v>
      </c>
      <c r="E3789" s="53">
        <v>6015240</v>
      </c>
      <c r="F3789" s="53">
        <v>6043800</v>
      </c>
      <c r="G3789" s="53">
        <v>5798460</v>
      </c>
      <c r="H3789" s="53">
        <v>6100360</v>
      </c>
      <c r="I3789" s="53">
        <v>6120639.9999999898</v>
      </c>
      <c r="J3789" s="53">
        <v>5909549.9999999898</v>
      </c>
      <c r="K3789" s="53">
        <v>6173109.9999999898</v>
      </c>
      <c r="L3789" s="53">
        <v>6185509.9999999898</v>
      </c>
      <c r="M3789" s="53">
        <v>5952779.9999999898</v>
      </c>
      <c r="N3789" s="53">
        <v>71996350</v>
      </c>
      <c r="O3789" s="53">
        <v>6319192.0642190203</v>
      </c>
      <c r="P3789" s="53">
        <v>7360541.86776431</v>
      </c>
      <c r="Q3789" s="53">
        <v>7378460.4906525305</v>
      </c>
      <c r="R3789" s="53">
        <v>7445708.7263047099</v>
      </c>
      <c r="S3789" s="53">
        <v>7461926.6665074704</v>
      </c>
      <c r="T3789" s="53">
        <v>7514307.2286579097</v>
      </c>
      <c r="U3789" s="53">
        <v>7556331.4391971398</v>
      </c>
      <c r="V3789" s="53">
        <v>7580989.0145613998</v>
      </c>
      <c r="W3789" s="53">
        <v>7597705.95827334</v>
      </c>
      <c r="X3789" s="53">
        <v>7631567.1460170997</v>
      </c>
      <c r="Y3789" s="53">
        <v>7648065.2002727697</v>
      </c>
      <c r="Z3789" s="53">
        <v>7666034.6098542204</v>
      </c>
      <c r="AA3789" s="53">
        <v>89160830.412281901</v>
      </c>
      <c r="AB3789" s="53">
        <v>7914002.6005074596</v>
      </c>
      <c r="AC3789" s="53">
        <v>7926868.5617945204</v>
      </c>
      <c r="AD3789" s="53">
        <v>8029718.0151607897</v>
      </c>
      <c r="AE3789" s="53">
        <v>8071270.9887854299</v>
      </c>
      <c r="AF3789" s="53">
        <v>8087698.9135041302</v>
      </c>
      <c r="AG3789" s="53">
        <v>8105409.0055210898</v>
      </c>
      <c r="AH3789" s="53">
        <v>8153514.4149436001</v>
      </c>
      <c r="AI3789" s="53">
        <v>8169036.9730889201</v>
      </c>
      <c r="AJ3789" s="53">
        <v>8184366.4264179403</v>
      </c>
      <c r="AK3789" s="53">
        <v>8216897.3170261998</v>
      </c>
      <c r="AL3789" s="53">
        <v>8291111.2237156499</v>
      </c>
      <c r="AM3789" s="53">
        <v>8307622.0743817901</v>
      </c>
      <c r="AN3789" s="53">
        <v>97457516.514847502</v>
      </c>
      <c r="AO3789" s="53">
        <v>8628991.3660780899</v>
      </c>
      <c r="AP3789" s="53">
        <v>8663645.0442195907</v>
      </c>
      <c r="AQ3789" s="53">
        <v>8678688.9939204697</v>
      </c>
      <c r="AR3789" s="53">
        <v>8716645.5037144199</v>
      </c>
      <c r="AS3789" s="53">
        <v>8746931.1134135798</v>
      </c>
      <c r="AT3789" s="53">
        <v>8765498.8277180009</v>
      </c>
      <c r="AU3789" s="53">
        <v>8826183.6524635106</v>
      </c>
      <c r="AV3789" s="53">
        <v>8844591.8049089108</v>
      </c>
      <c r="AW3789" s="53">
        <v>8863409.6941099204</v>
      </c>
      <c r="AX3789" s="53">
        <v>8944606.4296237901</v>
      </c>
      <c r="AY3789" s="53">
        <v>8962589.4467277192</v>
      </c>
      <c r="AZ3789" s="53">
        <v>8978909.4356714003</v>
      </c>
      <c r="BA3789" s="53">
        <v>105620691.31256901</v>
      </c>
      <c r="BB3789" s="53">
        <v>9372238.38647536</v>
      </c>
      <c r="BC3789" s="53">
        <v>9397952.5294049606</v>
      </c>
      <c r="BD3789" s="53">
        <v>9413423.4992784709</v>
      </c>
      <c r="BE3789" s="53">
        <v>9454318.5242468901</v>
      </c>
      <c r="BF3789" s="53">
        <v>9472449.7721980494</v>
      </c>
      <c r="BG3789" s="53">
        <v>9510535.8747160006</v>
      </c>
      <c r="BH3789" s="53">
        <v>9564867.6463295408</v>
      </c>
      <c r="BI3789" s="53">
        <v>9634305.6461628005</v>
      </c>
      <c r="BJ3789" s="53">
        <v>9655911.7044461295</v>
      </c>
      <c r="BK3789" s="53">
        <v>9695286.7399003301</v>
      </c>
      <c r="BL3789" s="53">
        <v>9716034.4693227895</v>
      </c>
      <c r="BM3789" s="53">
        <v>9733988.7181780208</v>
      </c>
      <c r="BN3789" s="53">
        <v>114621313.51065899</v>
      </c>
      <c r="BO3789" s="53">
        <v>9876654.3775159996</v>
      </c>
      <c r="BP3789" s="53">
        <v>9891365.1858431809</v>
      </c>
      <c r="BQ3789" s="53">
        <v>9907319.5416215193</v>
      </c>
      <c r="BR3789" s="53">
        <v>9942099.8921780307</v>
      </c>
      <c r="BS3789" s="53">
        <v>9960550.8379892893</v>
      </c>
      <c r="BT3789" s="53">
        <v>9986300.6969475895</v>
      </c>
      <c r="BU3789" s="53">
        <v>10038500.5612454</v>
      </c>
      <c r="BV3789" s="53">
        <v>10116440.3297581</v>
      </c>
      <c r="BW3789" s="53">
        <v>10137533.5781515</v>
      </c>
      <c r="BX3789" s="53">
        <v>10177772.219191199</v>
      </c>
      <c r="BY3789" s="53">
        <v>10220375.2256312</v>
      </c>
      <c r="BZ3789" s="53">
        <v>10240178.7756714</v>
      </c>
      <c r="CA3789" s="53">
        <v>120495091.221744</v>
      </c>
      <c r="CB3789" s="53"/>
      <c r="CC3789" s="53"/>
      <c r="CD3789" s="53"/>
      <c r="CE3789" s="53"/>
      <c r="CF3789" s="53"/>
      <c r="CG3789" s="53"/>
      <c r="CH3789" s="53"/>
      <c r="CI3789" s="53"/>
      <c r="CJ3789" s="53"/>
      <c r="CK3789" s="53"/>
      <c r="CL3789" s="53"/>
      <c r="CM3789" s="53"/>
      <c r="CN3789" s="53"/>
    </row>
    <row r="3790" spans="1:92" outlineLevel="1">
      <c r="A3790" s="52" t="s">
        <v>755</v>
      </c>
      <c r="B3790" s="53"/>
      <c r="C3790" s="53"/>
      <c r="D3790" s="53"/>
      <c r="E3790" s="53"/>
      <c r="F3790" s="53"/>
      <c r="G3790" s="53"/>
      <c r="H3790" s="53"/>
      <c r="I3790" s="53"/>
      <c r="J3790" s="53"/>
      <c r="K3790" s="53"/>
      <c r="L3790" s="53"/>
      <c r="M3790" s="53"/>
      <c r="N3790" s="53"/>
      <c r="O3790" s="53"/>
      <c r="P3790" s="53"/>
      <c r="Q3790" s="53"/>
      <c r="R3790" s="53"/>
      <c r="S3790" s="53"/>
      <c r="T3790" s="53"/>
      <c r="U3790" s="53"/>
      <c r="V3790" s="53"/>
      <c r="W3790" s="53"/>
      <c r="X3790" s="53"/>
      <c r="Y3790" s="53"/>
      <c r="Z3790" s="53"/>
      <c r="AA3790" s="53"/>
      <c r="AB3790" s="53"/>
      <c r="AC3790" s="53"/>
      <c r="AD3790" s="53"/>
      <c r="AE3790" s="53"/>
      <c r="AF3790" s="53"/>
      <c r="AG3790" s="53"/>
      <c r="AH3790" s="53"/>
      <c r="AI3790" s="53"/>
      <c r="AJ3790" s="53"/>
      <c r="AK3790" s="53"/>
      <c r="AL3790" s="53"/>
      <c r="AM3790" s="53"/>
      <c r="AN3790" s="53"/>
      <c r="AO3790" s="53"/>
      <c r="AP3790" s="53"/>
      <c r="AQ3790" s="53"/>
      <c r="AR3790" s="53"/>
      <c r="AS3790" s="53"/>
      <c r="AT3790" s="53"/>
      <c r="AU3790" s="53"/>
      <c r="AV3790" s="53"/>
      <c r="AW3790" s="53"/>
      <c r="AX3790" s="53"/>
      <c r="AY3790" s="53"/>
      <c r="AZ3790" s="53"/>
      <c r="BA3790" s="53"/>
      <c r="BB3790" s="53"/>
      <c r="BC3790" s="53"/>
      <c r="BD3790" s="53"/>
      <c r="BE3790" s="53"/>
      <c r="BF3790" s="53"/>
      <c r="BG3790" s="53"/>
      <c r="BH3790" s="53"/>
      <c r="BI3790" s="53"/>
      <c r="BJ3790" s="53"/>
      <c r="BK3790" s="53"/>
      <c r="BL3790" s="53"/>
      <c r="BM3790" s="53"/>
      <c r="BN3790" s="53"/>
      <c r="BO3790" s="53"/>
      <c r="BP3790" s="53"/>
      <c r="BQ3790" s="53"/>
      <c r="BR3790" s="53"/>
      <c r="BS3790" s="53"/>
      <c r="BT3790" s="53"/>
      <c r="BU3790" s="53"/>
      <c r="BV3790" s="53"/>
      <c r="BW3790" s="53"/>
      <c r="BX3790" s="53"/>
      <c r="BY3790" s="53"/>
      <c r="BZ3790" s="53"/>
      <c r="CA3790" s="53"/>
      <c r="CB3790" s="53">
        <v>-38996.049261083703</v>
      </c>
      <c r="CC3790" s="53">
        <v>-38996.049261083703</v>
      </c>
      <c r="CD3790" s="53">
        <v>-38996.049261083703</v>
      </c>
      <c r="CE3790" s="53">
        <v>-38996.049261083703</v>
      </c>
      <c r="CF3790" s="53">
        <v>-38996.049261083703</v>
      </c>
      <c r="CG3790" s="53">
        <v>-38996.049261083703</v>
      </c>
      <c r="CH3790" s="53">
        <v>-38996.049261083703</v>
      </c>
      <c r="CI3790" s="53">
        <v>-38996.049261083703</v>
      </c>
      <c r="CJ3790" s="53">
        <v>-38996.049261083703</v>
      </c>
      <c r="CK3790" s="53">
        <v>-38996.049261083703</v>
      </c>
      <c r="CL3790" s="53">
        <v>-38996.049261083703</v>
      </c>
      <c r="CM3790" s="53">
        <v>-38996.049261083703</v>
      </c>
      <c r="CN3790" s="53">
        <v>-467952.591133004</v>
      </c>
    </row>
    <row r="3791" spans="1:92" outlineLevel="1">
      <c r="A3791" s="52" t="s">
        <v>756</v>
      </c>
      <c r="B3791" s="53"/>
      <c r="C3791" s="53"/>
      <c r="D3791" s="53"/>
      <c r="E3791" s="53"/>
      <c r="F3791" s="53"/>
      <c r="G3791" s="53"/>
      <c r="H3791" s="53"/>
      <c r="I3791" s="53"/>
      <c r="J3791" s="53"/>
      <c r="K3791" s="53"/>
      <c r="L3791" s="53"/>
      <c r="M3791" s="53"/>
      <c r="N3791" s="53"/>
      <c r="O3791" s="53"/>
      <c r="P3791" s="53"/>
      <c r="Q3791" s="53"/>
      <c r="R3791" s="53"/>
      <c r="S3791" s="53"/>
      <c r="T3791" s="53"/>
      <c r="U3791" s="53"/>
      <c r="V3791" s="53"/>
      <c r="W3791" s="53"/>
      <c r="X3791" s="53"/>
      <c r="Y3791" s="53"/>
      <c r="Z3791" s="53"/>
      <c r="AA3791" s="53"/>
      <c r="AB3791" s="53"/>
      <c r="AC3791" s="53"/>
      <c r="AD3791" s="53"/>
      <c r="AE3791" s="53"/>
      <c r="AF3791" s="53"/>
      <c r="AG3791" s="53"/>
      <c r="AH3791" s="53"/>
      <c r="AI3791" s="53"/>
      <c r="AJ3791" s="53"/>
      <c r="AK3791" s="53"/>
      <c r="AL3791" s="53"/>
      <c r="AM3791" s="53"/>
      <c r="AN3791" s="53"/>
      <c r="AO3791" s="53"/>
      <c r="AP3791" s="53"/>
      <c r="AQ3791" s="53"/>
      <c r="AR3791" s="53"/>
      <c r="AS3791" s="53"/>
      <c r="AT3791" s="53"/>
      <c r="AU3791" s="53"/>
      <c r="AV3791" s="53"/>
      <c r="AW3791" s="53"/>
      <c r="AX3791" s="53"/>
      <c r="AY3791" s="53"/>
      <c r="AZ3791" s="53"/>
      <c r="BA3791" s="53"/>
      <c r="BB3791" s="53"/>
      <c r="BC3791" s="53"/>
      <c r="BD3791" s="53"/>
      <c r="BE3791" s="53"/>
      <c r="BF3791" s="53"/>
      <c r="BG3791" s="53"/>
      <c r="BH3791" s="53"/>
      <c r="BI3791" s="53"/>
      <c r="BJ3791" s="53"/>
      <c r="BK3791" s="53"/>
      <c r="BL3791" s="53"/>
      <c r="BM3791" s="53"/>
      <c r="BN3791" s="53"/>
      <c r="BO3791" s="53"/>
      <c r="BP3791" s="53"/>
      <c r="BQ3791" s="53"/>
      <c r="BR3791" s="53"/>
      <c r="BS3791" s="53"/>
      <c r="BT3791" s="53"/>
      <c r="BU3791" s="53"/>
      <c r="BV3791" s="53"/>
      <c r="BW3791" s="53"/>
      <c r="BX3791" s="53"/>
      <c r="BY3791" s="53"/>
      <c r="BZ3791" s="53"/>
      <c r="CA3791" s="53"/>
      <c r="CB3791" s="53">
        <v>-48595.514644351497</v>
      </c>
      <c r="CC3791" s="53">
        <v>-48595.514644351497</v>
      </c>
      <c r="CD3791" s="53">
        <v>-48595.514644351497</v>
      </c>
      <c r="CE3791" s="53">
        <v>-48595.514644351497</v>
      </c>
      <c r="CF3791" s="53">
        <v>-48595.514644351497</v>
      </c>
      <c r="CG3791" s="53">
        <v>-48595.514644351497</v>
      </c>
      <c r="CH3791" s="53">
        <v>-48595.514644351497</v>
      </c>
      <c r="CI3791" s="53">
        <v>-48595.514644351497</v>
      </c>
      <c r="CJ3791" s="53">
        <v>-48595.514644351497</v>
      </c>
      <c r="CK3791" s="53">
        <v>-48595.514644351497</v>
      </c>
      <c r="CL3791" s="53">
        <v>-48595.514644351497</v>
      </c>
      <c r="CM3791" s="53">
        <v>-48595.514644351497</v>
      </c>
      <c r="CN3791" s="53">
        <v>-583146.17573221796</v>
      </c>
    </row>
    <row r="3792" spans="1:92" outlineLevel="1">
      <c r="A3792" s="52" t="s">
        <v>757</v>
      </c>
      <c r="B3792" s="53">
        <v>13688873.666666601</v>
      </c>
      <c r="C3792" s="53">
        <v>13688873.666666601</v>
      </c>
      <c r="D3792" s="53">
        <v>13688873.666666601</v>
      </c>
      <c r="E3792" s="53">
        <v>13688873.666666601</v>
      </c>
      <c r="F3792" s="53">
        <v>13688873.666666601</v>
      </c>
      <c r="G3792" s="53">
        <v>13688873.666666601</v>
      </c>
      <c r="H3792" s="53">
        <v>13688873.666666601</v>
      </c>
      <c r="I3792" s="53">
        <v>13688873.666666601</v>
      </c>
      <c r="J3792" s="53">
        <v>13688873.666666601</v>
      </c>
      <c r="K3792" s="53">
        <v>13688873.666666601</v>
      </c>
      <c r="L3792" s="53">
        <v>13688873.666666601</v>
      </c>
      <c r="M3792" s="53">
        <v>13688873.666666601</v>
      </c>
      <c r="N3792" s="53">
        <v>164266484</v>
      </c>
      <c r="O3792" s="53">
        <v>14126772.254375201</v>
      </c>
      <c r="P3792" s="53">
        <v>14126772.254375201</v>
      </c>
      <c r="Q3792" s="53">
        <v>14126772.254375201</v>
      </c>
      <c r="R3792" s="53">
        <v>14126772.254375201</v>
      </c>
      <c r="S3792" s="53">
        <v>14126772.254375201</v>
      </c>
      <c r="T3792" s="53">
        <v>14126772.254375201</v>
      </c>
      <c r="U3792" s="53">
        <v>14126772.254375201</v>
      </c>
      <c r="V3792" s="53">
        <v>14126772.254375201</v>
      </c>
      <c r="W3792" s="53">
        <v>14126772.254375201</v>
      </c>
      <c r="X3792" s="53">
        <v>14126772.254375201</v>
      </c>
      <c r="Y3792" s="53">
        <v>14126772.254375201</v>
      </c>
      <c r="Z3792" s="53">
        <v>14126772.254375201</v>
      </c>
      <c r="AA3792" s="53">
        <v>169521267.05250299</v>
      </c>
      <c r="AB3792" s="53">
        <v>15593108.947459601</v>
      </c>
      <c r="AC3792" s="53">
        <v>15593108.947459601</v>
      </c>
      <c r="AD3792" s="53">
        <v>15593108.947459601</v>
      </c>
      <c r="AE3792" s="53">
        <v>15593108.947459601</v>
      </c>
      <c r="AF3792" s="53">
        <v>15593108.947459601</v>
      </c>
      <c r="AG3792" s="53">
        <v>15593108.947459601</v>
      </c>
      <c r="AH3792" s="53">
        <v>15593108.947459601</v>
      </c>
      <c r="AI3792" s="53">
        <v>15593108.947459601</v>
      </c>
      <c r="AJ3792" s="53">
        <v>15593108.947459601</v>
      </c>
      <c r="AK3792" s="53">
        <v>15593108.947459601</v>
      </c>
      <c r="AL3792" s="53">
        <v>15593108.947459601</v>
      </c>
      <c r="AM3792" s="53">
        <v>15593108.947459601</v>
      </c>
      <c r="AN3792" s="53">
        <v>187117307.36951599</v>
      </c>
      <c r="AO3792" s="53">
        <v>17047149.252494499</v>
      </c>
      <c r="AP3792" s="53">
        <v>17047149.252494499</v>
      </c>
      <c r="AQ3792" s="53">
        <v>17047149.252494499</v>
      </c>
      <c r="AR3792" s="53">
        <v>17047149.252494499</v>
      </c>
      <c r="AS3792" s="53">
        <v>17047149.252494499</v>
      </c>
      <c r="AT3792" s="53">
        <v>17047149.252494499</v>
      </c>
      <c r="AU3792" s="53">
        <v>17047149.252494499</v>
      </c>
      <c r="AV3792" s="53">
        <v>17047149.252494499</v>
      </c>
      <c r="AW3792" s="53">
        <v>17047149.252494499</v>
      </c>
      <c r="AX3792" s="53">
        <v>17047149.252494499</v>
      </c>
      <c r="AY3792" s="53">
        <v>17047149.252494499</v>
      </c>
      <c r="AZ3792" s="53">
        <v>17047149.252494499</v>
      </c>
      <c r="BA3792" s="53">
        <v>204565791.029935</v>
      </c>
      <c r="BB3792" s="53">
        <v>19022617.884772699</v>
      </c>
      <c r="BC3792" s="53">
        <v>19022617.884772699</v>
      </c>
      <c r="BD3792" s="53">
        <v>19022617.884772699</v>
      </c>
      <c r="BE3792" s="53">
        <v>19022617.884772699</v>
      </c>
      <c r="BF3792" s="53">
        <v>19022617.884772699</v>
      </c>
      <c r="BG3792" s="53">
        <v>19022617.884772699</v>
      </c>
      <c r="BH3792" s="53">
        <v>19022617.884772699</v>
      </c>
      <c r="BI3792" s="53">
        <v>19022617.884772699</v>
      </c>
      <c r="BJ3792" s="53">
        <v>19022617.884772699</v>
      </c>
      <c r="BK3792" s="53">
        <v>19022617.884772699</v>
      </c>
      <c r="BL3792" s="53">
        <v>19022617.884772699</v>
      </c>
      <c r="BM3792" s="53">
        <v>19022617.884772699</v>
      </c>
      <c r="BN3792" s="53">
        <v>228271414.61727199</v>
      </c>
      <c r="BO3792" s="53">
        <v>20343678.1158791</v>
      </c>
      <c r="BP3792" s="53">
        <v>20343678.1158791</v>
      </c>
      <c r="BQ3792" s="53">
        <v>20343678.1158791</v>
      </c>
      <c r="BR3792" s="53">
        <v>20343678.1158791</v>
      </c>
      <c r="BS3792" s="53">
        <v>20343678.1158791</v>
      </c>
      <c r="BT3792" s="53">
        <v>20343678.1158791</v>
      </c>
      <c r="BU3792" s="53">
        <v>20343678.1158791</v>
      </c>
      <c r="BV3792" s="53">
        <v>20343678.1158791</v>
      </c>
      <c r="BW3792" s="53">
        <v>20343678.1158791</v>
      </c>
      <c r="BX3792" s="53">
        <v>20343678.1158791</v>
      </c>
      <c r="BY3792" s="53">
        <v>20343678.1158791</v>
      </c>
      <c r="BZ3792" s="53">
        <v>20343678.1158791</v>
      </c>
      <c r="CA3792" s="53">
        <v>244124137.390549</v>
      </c>
      <c r="CB3792" s="53">
        <v>-16652.086230876201</v>
      </c>
      <c r="CC3792" s="53">
        <v>-16652.086230876201</v>
      </c>
      <c r="CD3792" s="53">
        <v>-16652.086230876201</v>
      </c>
      <c r="CE3792" s="53">
        <v>-16652.086230876201</v>
      </c>
      <c r="CF3792" s="53">
        <v>-16652.086230876201</v>
      </c>
      <c r="CG3792" s="53">
        <v>-16652.086230876201</v>
      </c>
      <c r="CH3792" s="53">
        <v>-16652.086230876201</v>
      </c>
      <c r="CI3792" s="53">
        <v>-16652.086230876201</v>
      </c>
      <c r="CJ3792" s="53">
        <v>-16652.086230876201</v>
      </c>
      <c r="CK3792" s="53">
        <v>-16652.086230876201</v>
      </c>
      <c r="CL3792" s="53">
        <v>-16652.086230876201</v>
      </c>
      <c r="CM3792" s="53">
        <v>-16652.086230876201</v>
      </c>
      <c r="CN3792" s="53">
        <v>-199825.034770514</v>
      </c>
    </row>
    <row r="3793" spans="1:92" outlineLevel="1">
      <c r="A3793" s="52" t="s">
        <v>758</v>
      </c>
      <c r="B3793" s="53"/>
      <c r="C3793" s="53"/>
      <c r="D3793" s="53"/>
      <c r="E3793" s="53"/>
      <c r="F3793" s="53"/>
      <c r="G3793" s="53"/>
      <c r="H3793" s="53"/>
      <c r="I3793" s="53"/>
      <c r="J3793" s="53"/>
      <c r="K3793" s="53"/>
      <c r="L3793" s="53"/>
      <c r="M3793" s="53"/>
      <c r="N3793" s="53"/>
      <c r="O3793" s="53"/>
      <c r="P3793" s="53"/>
      <c r="Q3793" s="53"/>
      <c r="R3793" s="53"/>
      <c r="S3793" s="53"/>
      <c r="T3793" s="53"/>
      <c r="U3793" s="53"/>
      <c r="V3793" s="53"/>
      <c r="W3793" s="53"/>
      <c r="X3793" s="53"/>
      <c r="Y3793" s="53"/>
      <c r="Z3793" s="53"/>
      <c r="AA3793" s="53"/>
      <c r="AB3793" s="53"/>
      <c r="AC3793" s="53"/>
      <c r="AD3793" s="53"/>
      <c r="AE3793" s="53"/>
      <c r="AF3793" s="53"/>
      <c r="AG3793" s="53"/>
      <c r="AH3793" s="53"/>
      <c r="AI3793" s="53"/>
      <c r="AJ3793" s="53"/>
      <c r="AK3793" s="53"/>
      <c r="AL3793" s="53"/>
      <c r="AM3793" s="53"/>
      <c r="AN3793" s="53"/>
      <c r="AO3793" s="53"/>
      <c r="AP3793" s="53"/>
      <c r="AQ3793" s="53"/>
      <c r="AR3793" s="53"/>
      <c r="AS3793" s="53"/>
      <c r="AT3793" s="53"/>
      <c r="AU3793" s="53"/>
      <c r="AV3793" s="53"/>
      <c r="AW3793" s="53"/>
      <c r="AX3793" s="53"/>
      <c r="AY3793" s="53"/>
      <c r="AZ3793" s="53"/>
      <c r="BA3793" s="53"/>
      <c r="BB3793" s="53"/>
      <c r="BC3793" s="53"/>
      <c r="BD3793" s="53"/>
      <c r="BE3793" s="53"/>
      <c r="BF3793" s="53"/>
      <c r="BG3793" s="53"/>
      <c r="BH3793" s="53"/>
      <c r="BI3793" s="53"/>
      <c r="BJ3793" s="53"/>
      <c r="BK3793" s="53"/>
      <c r="BL3793" s="53"/>
      <c r="BM3793" s="53"/>
      <c r="BN3793" s="53"/>
      <c r="BO3793" s="53"/>
      <c r="BP3793" s="53"/>
      <c r="BQ3793" s="53"/>
      <c r="BR3793" s="53"/>
      <c r="BS3793" s="53"/>
      <c r="BT3793" s="53"/>
      <c r="BU3793" s="53"/>
      <c r="BV3793" s="53"/>
      <c r="BW3793" s="53"/>
      <c r="BX3793" s="53"/>
      <c r="BY3793" s="53"/>
      <c r="BZ3793" s="53"/>
      <c r="CA3793" s="53"/>
      <c r="CB3793" s="53"/>
      <c r="CC3793" s="53"/>
      <c r="CD3793" s="53"/>
      <c r="CE3793" s="53"/>
      <c r="CF3793" s="53"/>
      <c r="CG3793" s="53"/>
      <c r="CH3793" s="53"/>
      <c r="CI3793" s="53"/>
      <c r="CJ3793" s="53"/>
      <c r="CK3793" s="53"/>
      <c r="CL3793" s="53"/>
      <c r="CM3793" s="53"/>
      <c r="CN3793" s="53"/>
    </row>
    <row r="3794" spans="1:92" outlineLevel="1">
      <c r="A3794" s="52" t="s">
        <v>1604</v>
      </c>
      <c r="B3794" s="53"/>
      <c r="C3794" s="53"/>
      <c r="D3794" s="53"/>
      <c r="E3794" s="53"/>
      <c r="F3794" s="53"/>
      <c r="G3794" s="53"/>
      <c r="H3794" s="53"/>
      <c r="I3794" s="53"/>
      <c r="J3794" s="53"/>
      <c r="K3794" s="53"/>
      <c r="L3794" s="53"/>
      <c r="M3794" s="53"/>
      <c r="N3794" s="53"/>
      <c r="O3794" s="53"/>
      <c r="P3794" s="53"/>
      <c r="Q3794" s="53"/>
      <c r="R3794" s="53"/>
      <c r="S3794" s="53"/>
      <c r="T3794" s="53"/>
      <c r="U3794" s="53"/>
      <c r="V3794" s="53"/>
      <c r="W3794" s="53"/>
      <c r="X3794" s="53"/>
      <c r="Y3794" s="53"/>
      <c r="Z3794" s="53"/>
      <c r="AA3794" s="53"/>
      <c r="AB3794" s="53"/>
      <c r="AC3794" s="53"/>
      <c r="AD3794" s="53"/>
      <c r="AE3794" s="53"/>
      <c r="AF3794" s="53"/>
      <c r="AG3794" s="53"/>
      <c r="AH3794" s="53"/>
      <c r="AI3794" s="53"/>
      <c r="AJ3794" s="53"/>
      <c r="AK3794" s="53"/>
      <c r="AL3794" s="53"/>
      <c r="AM3794" s="53"/>
      <c r="AN3794" s="53"/>
      <c r="AO3794" s="53"/>
      <c r="AP3794" s="53"/>
      <c r="AQ3794" s="53"/>
      <c r="AR3794" s="53"/>
      <c r="AS3794" s="53"/>
      <c r="AT3794" s="53"/>
      <c r="AU3794" s="53"/>
      <c r="AV3794" s="53"/>
      <c r="AW3794" s="53"/>
      <c r="AX3794" s="53"/>
      <c r="AY3794" s="53"/>
      <c r="AZ3794" s="53"/>
      <c r="BA3794" s="53"/>
      <c r="BB3794" s="53"/>
      <c r="BC3794" s="53"/>
      <c r="BD3794" s="53"/>
      <c r="BE3794" s="53"/>
      <c r="BF3794" s="53"/>
      <c r="BG3794" s="53"/>
      <c r="BH3794" s="53"/>
      <c r="BI3794" s="53"/>
      <c r="BJ3794" s="53"/>
      <c r="BK3794" s="53"/>
      <c r="BL3794" s="53"/>
      <c r="BM3794" s="53"/>
      <c r="BN3794" s="53"/>
      <c r="BO3794" s="53"/>
      <c r="BP3794" s="53"/>
      <c r="BQ3794" s="53"/>
      <c r="BR3794" s="53"/>
      <c r="BS3794" s="53"/>
      <c r="BT3794" s="53"/>
      <c r="BU3794" s="53"/>
      <c r="BV3794" s="53"/>
      <c r="BW3794" s="53"/>
      <c r="BX3794" s="53"/>
      <c r="BY3794" s="53"/>
      <c r="BZ3794" s="53"/>
      <c r="CA3794" s="53"/>
      <c r="CB3794" s="53">
        <v>-1213.9315068493099</v>
      </c>
      <c r="CC3794" s="53">
        <v>-1213.9315068493099</v>
      </c>
      <c r="CD3794" s="53">
        <v>-1213.9315068493099</v>
      </c>
      <c r="CE3794" s="53">
        <v>-1213.9315068493099</v>
      </c>
      <c r="CF3794" s="53">
        <v>-1213.9315068493099</v>
      </c>
      <c r="CG3794" s="53">
        <v>-1213.9315068493099</v>
      </c>
      <c r="CH3794" s="53">
        <v>-1213.9315068493099</v>
      </c>
      <c r="CI3794" s="53">
        <v>-1213.9315068493099</v>
      </c>
      <c r="CJ3794" s="53">
        <v>-1213.9315068493099</v>
      </c>
      <c r="CK3794" s="53">
        <v>-1213.9315068493099</v>
      </c>
      <c r="CL3794" s="53">
        <v>-1213.9315068493099</v>
      </c>
      <c r="CM3794" s="53">
        <v>-1213.9315068493099</v>
      </c>
      <c r="CN3794" s="53">
        <v>-14567.1780821917</v>
      </c>
    </row>
    <row r="3795" spans="1:92" outlineLevel="1">
      <c r="A3795" s="52" t="s">
        <v>649</v>
      </c>
      <c r="B3795" s="53"/>
      <c r="C3795" s="53"/>
      <c r="D3795" s="53"/>
      <c r="E3795" s="53"/>
      <c r="F3795" s="53"/>
      <c r="G3795" s="53"/>
      <c r="H3795" s="53"/>
      <c r="I3795" s="53"/>
      <c r="J3795" s="53"/>
      <c r="K3795" s="53"/>
      <c r="L3795" s="53"/>
      <c r="M3795" s="53"/>
      <c r="N3795" s="53"/>
      <c r="O3795" s="53">
        <v>-1146882.5597796401</v>
      </c>
      <c r="P3795" s="53">
        <v>-722865.800462496</v>
      </c>
      <c r="Q3795" s="53">
        <v>-784126.88458710897</v>
      </c>
      <c r="R3795" s="53">
        <v>-860357.86625632097</v>
      </c>
      <c r="S3795" s="53">
        <v>-1027930.46849624</v>
      </c>
      <c r="T3795" s="53">
        <v>-1090102.96081228</v>
      </c>
      <c r="U3795" s="53">
        <v>-1144424.9295462801</v>
      </c>
      <c r="V3795" s="53">
        <v>-1425721.4760970999</v>
      </c>
      <c r="W3795" s="53">
        <v>-1064614.5418209401</v>
      </c>
      <c r="X3795" s="53">
        <v>-924770.77023946098</v>
      </c>
      <c r="Y3795" s="53">
        <v>-739947.846671229</v>
      </c>
      <c r="Z3795" s="53">
        <v>-786611.12173092598</v>
      </c>
      <c r="AA3795" s="53">
        <v>-11718357.226500001</v>
      </c>
      <c r="AB3795" s="53"/>
      <c r="AC3795" s="53"/>
      <c r="AD3795" s="53"/>
      <c r="AE3795" s="53"/>
      <c r="AF3795" s="53"/>
      <c r="AG3795" s="53"/>
      <c r="AH3795" s="53"/>
      <c r="AI3795" s="53"/>
      <c r="AJ3795" s="53"/>
      <c r="AK3795" s="53"/>
      <c r="AL3795" s="53"/>
      <c r="AM3795" s="53"/>
      <c r="AN3795" s="53"/>
      <c r="AO3795" s="53"/>
      <c r="AP3795" s="53"/>
      <c r="AQ3795" s="53"/>
      <c r="AR3795" s="53"/>
      <c r="AS3795" s="53"/>
      <c r="AT3795" s="53"/>
      <c r="AU3795" s="53"/>
      <c r="AV3795" s="53"/>
      <c r="AW3795" s="53"/>
      <c r="AX3795" s="53"/>
      <c r="AY3795" s="53"/>
      <c r="AZ3795" s="53"/>
      <c r="BA3795" s="53"/>
      <c r="BB3795" s="53"/>
      <c r="BC3795" s="53"/>
      <c r="BD3795" s="53"/>
      <c r="BE3795" s="53"/>
      <c r="BF3795" s="53"/>
      <c r="BG3795" s="53"/>
      <c r="BH3795" s="53"/>
      <c r="BI3795" s="53"/>
      <c r="BJ3795" s="53"/>
      <c r="BK3795" s="53"/>
      <c r="BL3795" s="53"/>
      <c r="BM3795" s="53"/>
      <c r="BN3795" s="53"/>
      <c r="BO3795" s="53"/>
      <c r="BP3795" s="53"/>
      <c r="BQ3795" s="53"/>
      <c r="BR3795" s="53"/>
      <c r="BS3795" s="53"/>
      <c r="BT3795" s="53"/>
      <c r="BU3795" s="53"/>
      <c r="BV3795" s="53"/>
      <c r="BW3795" s="53"/>
      <c r="BX3795" s="53"/>
      <c r="BY3795" s="53"/>
      <c r="BZ3795" s="53"/>
      <c r="CA3795" s="53"/>
      <c r="CB3795" s="53">
        <v>-1583.15671641791</v>
      </c>
      <c r="CC3795" s="53">
        <v>-1583.15671641791</v>
      </c>
      <c r="CD3795" s="53">
        <v>-1583.15671641791</v>
      </c>
      <c r="CE3795" s="53">
        <v>-1583.15671641791</v>
      </c>
      <c r="CF3795" s="53">
        <v>-1583.15671641791</v>
      </c>
      <c r="CG3795" s="53">
        <v>-1583.15671641791</v>
      </c>
      <c r="CH3795" s="53">
        <v>-1583.15671641791</v>
      </c>
      <c r="CI3795" s="53">
        <v>-1583.15671641791</v>
      </c>
      <c r="CJ3795" s="53">
        <v>-1583.15671641791</v>
      </c>
      <c r="CK3795" s="53">
        <v>-1583.15671641791</v>
      </c>
      <c r="CL3795" s="53">
        <v>-1583.15671641791</v>
      </c>
      <c r="CM3795" s="53">
        <v>-1583.15671641791</v>
      </c>
      <c r="CN3795" s="53">
        <v>-18997.880597014901</v>
      </c>
    </row>
    <row r="3796" spans="1:92" outlineLevel="1">
      <c r="A3796" s="52" t="s">
        <v>1738</v>
      </c>
      <c r="B3796" s="53"/>
      <c r="C3796" s="53"/>
      <c r="D3796" s="53"/>
      <c r="E3796" s="53"/>
      <c r="F3796" s="53"/>
      <c r="G3796" s="53"/>
      <c r="H3796" s="53"/>
      <c r="I3796" s="53"/>
      <c r="J3796" s="53"/>
      <c r="K3796" s="53"/>
      <c r="L3796" s="53"/>
      <c r="M3796" s="53"/>
      <c r="N3796" s="53"/>
      <c r="O3796" s="53"/>
      <c r="P3796" s="53"/>
      <c r="Q3796" s="53"/>
      <c r="R3796" s="53"/>
      <c r="S3796" s="53"/>
      <c r="T3796" s="53"/>
      <c r="U3796" s="53"/>
      <c r="V3796" s="53"/>
      <c r="W3796" s="53"/>
      <c r="X3796" s="53"/>
      <c r="Y3796" s="53"/>
      <c r="Z3796" s="53"/>
      <c r="AA3796" s="53"/>
      <c r="AB3796" s="53"/>
      <c r="AC3796" s="53"/>
      <c r="AD3796" s="53"/>
      <c r="AE3796" s="53"/>
      <c r="AF3796" s="53"/>
      <c r="AG3796" s="53"/>
      <c r="AH3796" s="53"/>
      <c r="AI3796" s="53"/>
      <c r="AJ3796" s="53"/>
      <c r="AK3796" s="53"/>
      <c r="AL3796" s="53"/>
      <c r="AM3796" s="53"/>
      <c r="AN3796" s="53"/>
      <c r="AO3796" s="53"/>
      <c r="AP3796" s="53"/>
      <c r="AQ3796" s="53"/>
      <c r="AR3796" s="53"/>
      <c r="AS3796" s="53"/>
      <c r="AT3796" s="53"/>
      <c r="AU3796" s="53"/>
      <c r="AV3796" s="53"/>
      <c r="AW3796" s="53"/>
      <c r="AX3796" s="53"/>
      <c r="AY3796" s="53"/>
      <c r="AZ3796" s="53"/>
      <c r="BA3796" s="53"/>
      <c r="BB3796" s="53"/>
      <c r="BC3796" s="53"/>
      <c r="BD3796" s="53"/>
      <c r="BE3796" s="53"/>
      <c r="BF3796" s="53"/>
      <c r="BG3796" s="53"/>
      <c r="BH3796" s="53"/>
      <c r="BI3796" s="53"/>
      <c r="BJ3796" s="53"/>
      <c r="BK3796" s="53"/>
      <c r="BL3796" s="53"/>
      <c r="BM3796" s="53"/>
      <c r="BN3796" s="53"/>
      <c r="BO3796" s="53"/>
      <c r="BP3796" s="53"/>
      <c r="BQ3796" s="53"/>
      <c r="BR3796" s="53"/>
      <c r="BS3796" s="53"/>
      <c r="BT3796" s="53"/>
      <c r="BU3796" s="53"/>
      <c r="BV3796" s="53"/>
      <c r="BW3796" s="53"/>
      <c r="BX3796" s="53"/>
      <c r="BY3796" s="53"/>
      <c r="BZ3796" s="53"/>
      <c r="CA3796" s="53"/>
      <c r="CB3796" s="53">
        <v>-1833.3899204244001</v>
      </c>
      <c r="CC3796" s="53">
        <v>-1833.3899204244001</v>
      </c>
      <c r="CD3796" s="53">
        <v>-1833.3899204244001</v>
      </c>
      <c r="CE3796" s="53">
        <v>-1833.3899204244001</v>
      </c>
      <c r="CF3796" s="53">
        <v>-1833.3899204244001</v>
      </c>
      <c r="CG3796" s="53">
        <v>-1833.3899204244001</v>
      </c>
      <c r="CH3796" s="53">
        <v>-1833.3899204244001</v>
      </c>
      <c r="CI3796" s="53">
        <v>-1833.3899204244001</v>
      </c>
      <c r="CJ3796" s="53">
        <v>-1833.3899204244001</v>
      </c>
      <c r="CK3796" s="53">
        <v>-1833.3899204244001</v>
      </c>
      <c r="CL3796" s="53">
        <v>-1833.3899204244001</v>
      </c>
      <c r="CM3796" s="53">
        <v>-1833.3899204244001</v>
      </c>
      <c r="CN3796" s="53">
        <v>-22000.679045092798</v>
      </c>
    </row>
    <row r="3797" spans="1:92" outlineLevel="1">
      <c r="A3797" s="52" t="s">
        <v>649</v>
      </c>
      <c r="B3797" s="53">
        <v>-3257912.89</v>
      </c>
      <c r="C3797" s="53">
        <v>-2751410.57</v>
      </c>
      <c r="D3797" s="53">
        <v>-1092236.83</v>
      </c>
      <c r="E3797" s="53">
        <v>-2374489.9500000002</v>
      </c>
      <c r="F3797" s="53">
        <v>1954174.25</v>
      </c>
      <c r="G3797" s="53">
        <v>2892089.96</v>
      </c>
      <c r="H3797" s="53">
        <v>4422757.0699999901</v>
      </c>
      <c r="I3797" s="53">
        <v>6440578.4900000002</v>
      </c>
      <c r="J3797" s="53">
        <v>7487003.6600000001</v>
      </c>
      <c r="K3797" s="53">
        <v>1349785.52</v>
      </c>
      <c r="L3797" s="53">
        <v>-3132992.77</v>
      </c>
      <c r="M3797" s="53">
        <v>-2691606.6799999899</v>
      </c>
      <c r="N3797" s="53">
        <v>9245739.2599999905</v>
      </c>
      <c r="O3797" s="53">
        <v>7060735.6276335102</v>
      </c>
      <c r="P3797" s="53">
        <v>-8869988.2712789699</v>
      </c>
      <c r="Q3797" s="53">
        <v>-5254543.6426555999</v>
      </c>
      <c r="R3797" s="53">
        <v>-2368516.2172534899</v>
      </c>
      <c r="S3797" s="53">
        <v>2686811.4328566501</v>
      </c>
      <c r="T3797" s="53">
        <v>317256.337506885</v>
      </c>
      <c r="U3797" s="53">
        <v>2368473.1048851102</v>
      </c>
      <c r="V3797" s="53">
        <v>12971952.615078099</v>
      </c>
      <c r="W3797" s="53">
        <v>4241417.3931915397</v>
      </c>
      <c r="X3797" s="53">
        <v>111226.13232753699</v>
      </c>
      <c r="Y3797" s="53">
        <v>-6861264.6479175696</v>
      </c>
      <c r="Z3797" s="53">
        <v>-6403559.8643736802</v>
      </c>
      <c r="AA3797" s="53">
        <v>8.3673512563109398E-8</v>
      </c>
      <c r="AB3797" s="53">
        <v>403458.84609849198</v>
      </c>
      <c r="AC3797" s="53">
        <v>-10876798.9060208</v>
      </c>
      <c r="AD3797" s="53">
        <v>-8347428.9156879196</v>
      </c>
      <c r="AE3797" s="53">
        <v>-6209091.6548966998</v>
      </c>
      <c r="AF3797" s="53">
        <v>-789711.02042523399</v>
      </c>
      <c r="AG3797" s="53">
        <v>-1739932.07583537</v>
      </c>
      <c r="AH3797" s="53">
        <v>-220927.21410128</v>
      </c>
      <c r="AI3797" s="53">
        <v>7487906.6481142603</v>
      </c>
      <c r="AJ3797" s="53">
        <v>10072477.8446155</v>
      </c>
      <c r="AK3797" s="53">
        <v>6745536.3198598996</v>
      </c>
      <c r="AL3797" s="53">
        <v>1481072.6712208099</v>
      </c>
      <c r="AM3797" s="53">
        <v>1993437.45705848</v>
      </c>
      <c r="AN3797" s="53">
        <v>6.1845639720559094E-8</v>
      </c>
      <c r="AO3797" s="53">
        <v>2366385.9213756602</v>
      </c>
      <c r="AP3797" s="53">
        <v>-2750831.9010022799</v>
      </c>
      <c r="AQ3797" s="53">
        <v>-1198407.37585127</v>
      </c>
      <c r="AR3797" s="53">
        <v>-318600.92175601103</v>
      </c>
      <c r="AS3797" s="53">
        <v>1083367.9565687899</v>
      </c>
      <c r="AT3797" s="53">
        <v>-907199.33942682797</v>
      </c>
      <c r="AU3797" s="53">
        <v>-196950.25364793901</v>
      </c>
      <c r="AV3797" s="53">
        <v>3117499.6880433802</v>
      </c>
      <c r="AW3797" s="53">
        <v>1740781.3358247101</v>
      </c>
      <c r="AX3797" s="53">
        <v>602937.72149391205</v>
      </c>
      <c r="AY3797" s="53">
        <v>-1658484.0054058901</v>
      </c>
      <c r="AZ3797" s="53">
        <v>-1880498.8262162399</v>
      </c>
      <c r="BA3797" s="53">
        <v>-7.2759576141834201E-9</v>
      </c>
      <c r="BB3797" s="53">
        <v>1116572.1868135501</v>
      </c>
      <c r="BC3797" s="53">
        <v>-704927.91495505394</v>
      </c>
      <c r="BD3797" s="53">
        <v>327726.787325827</v>
      </c>
      <c r="BE3797" s="53">
        <v>628841.21547723596</v>
      </c>
      <c r="BF3797" s="53">
        <v>669155.07786061405</v>
      </c>
      <c r="BG3797" s="53">
        <v>-1832201.25956421</v>
      </c>
      <c r="BH3797" s="53">
        <v>-1574860.59962296</v>
      </c>
      <c r="BI3797" s="53">
        <v>-369610.502006475</v>
      </c>
      <c r="BJ3797" s="53">
        <v>972059.38808851503</v>
      </c>
      <c r="BK3797" s="53">
        <v>1017495.84821511</v>
      </c>
      <c r="BL3797" s="53">
        <v>163097.511211531</v>
      </c>
      <c r="BM3797" s="53">
        <v>-413347.73884367099</v>
      </c>
      <c r="BN3797" s="53">
        <v>9.0949470177292803E-10</v>
      </c>
      <c r="BO3797" s="53">
        <v>-1366014.64176414</v>
      </c>
      <c r="BP3797" s="53">
        <v>-2244766.3620118299</v>
      </c>
      <c r="BQ3797" s="53">
        <v>-1334631.6077107301</v>
      </c>
      <c r="BR3797" s="53">
        <v>-1200796.9349573101</v>
      </c>
      <c r="BS3797" s="53">
        <v>-1565238.8220239901</v>
      </c>
      <c r="BT3797" s="53">
        <v>1229040.4109309099</v>
      </c>
      <c r="BU3797" s="53">
        <v>1341480.1174660199</v>
      </c>
      <c r="BV3797" s="53">
        <v>1894303.67677914</v>
      </c>
      <c r="BW3797" s="53">
        <v>1202564.1737740501</v>
      </c>
      <c r="BX3797" s="53">
        <v>901203.53692559805</v>
      </c>
      <c r="BY3797" s="53">
        <v>516755.73659794498</v>
      </c>
      <c r="BZ3797" s="53">
        <v>626100.71599433594</v>
      </c>
      <c r="CA3797" s="53">
        <v>-2.2737367544323202E-9</v>
      </c>
      <c r="CB3797" s="53"/>
      <c r="CC3797" s="53"/>
      <c r="CD3797" s="53"/>
      <c r="CE3797" s="53"/>
      <c r="CF3797" s="53"/>
      <c r="CG3797" s="53"/>
      <c r="CH3797" s="53"/>
      <c r="CI3797" s="53"/>
      <c r="CJ3797" s="53"/>
      <c r="CK3797" s="53"/>
      <c r="CL3797" s="53"/>
      <c r="CM3797" s="53"/>
      <c r="CN3797" s="53"/>
    </row>
    <row r="3798" spans="1:92" outlineLevel="1">
      <c r="A3798" s="52" t="s">
        <v>762</v>
      </c>
      <c r="B3798" s="53"/>
      <c r="C3798" s="53"/>
      <c r="D3798" s="53"/>
      <c r="E3798" s="53"/>
      <c r="F3798" s="53"/>
      <c r="G3798" s="53"/>
      <c r="H3798" s="53"/>
      <c r="I3798" s="53"/>
      <c r="J3798" s="53"/>
      <c r="K3798" s="53"/>
      <c r="L3798" s="53"/>
      <c r="M3798" s="53"/>
      <c r="N3798" s="53"/>
      <c r="O3798" s="53"/>
      <c r="P3798" s="53"/>
      <c r="Q3798" s="53"/>
      <c r="R3798" s="53"/>
      <c r="S3798" s="53"/>
      <c r="T3798" s="53"/>
      <c r="U3798" s="53"/>
      <c r="V3798" s="53"/>
      <c r="W3798" s="53"/>
      <c r="X3798" s="53"/>
      <c r="Y3798" s="53"/>
      <c r="Z3798" s="53"/>
      <c r="AA3798" s="53"/>
      <c r="AB3798" s="53"/>
      <c r="AC3798" s="53"/>
      <c r="AD3798" s="53"/>
      <c r="AE3798" s="53"/>
      <c r="AF3798" s="53"/>
      <c r="AG3798" s="53"/>
      <c r="AH3798" s="53"/>
      <c r="AI3798" s="53"/>
      <c r="AJ3798" s="53"/>
      <c r="AK3798" s="53"/>
      <c r="AL3798" s="53"/>
      <c r="AM3798" s="53"/>
      <c r="AN3798" s="53"/>
      <c r="AO3798" s="53"/>
      <c r="AP3798" s="53"/>
      <c r="AQ3798" s="53"/>
      <c r="AR3798" s="53"/>
      <c r="AS3798" s="53"/>
      <c r="AT3798" s="53"/>
      <c r="AU3798" s="53"/>
      <c r="AV3798" s="53"/>
      <c r="AW3798" s="53"/>
      <c r="AX3798" s="53"/>
      <c r="AY3798" s="53"/>
      <c r="AZ3798" s="53"/>
      <c r="BA3798" s="53"/>
      <c r="BB3798" s="53"/>
      <c r="BC3798" s="53"/>
      <c r="BD3798" s="53"/>
      <c r="BE3798" s="53"/>
      <c r="BF3798" s="53"/>
      <c r="BG3798" s="53"/>
      <c r="BH3798" s="53"/>
      <c r="BI3798" s="53"/>
      <c r="BJ3798" s="53"/>
      <c r="BK3798" s="53"/>
      <c r="BL3798" s="53"/>
      <c r="BM3798" s="53"/>
      <c r="BN3798" s="53"/>
      <c r="BO3798" s="53"/>
      <c r="BP3798" s="53"/>
      <c r="BQ3798" s="53"/>
      <c r="BR3798" s="53"/>
      <c r="BS3798" s="53"/>
      <c r="BT3798" s="53"/>
      <c r="BU3798" s="53"/>
      <c r="BV3798" s="53"/>
      <c r="BW3798" s="53"/>
      <c r="BX3798" s="53"/>
      <c r="BY3798" s="53"/>
      <c r="BZ3798" s="53"/>
      <c r="CA3798" s="53"/>
      <c r="CB3798" s="53">
        <v>-11723.4531645569</v>
      </c>
      <c r="CC3798" s="53">
        <v>-11723.4531645569</v>
      </c>
      <c r="CD3798" s="53">
        <v>-11723.4531645569</v>
      </c>
      <c r="CE3798" s="53">
        <v>-11723.4531645569</v>
      </c>
      <c r="CF3798" s="53">
        <v>-11723.4531645569</v>
      </c>
      <c r="CG3798" s="53">
        <v>-11723.4531645569</v>
      </c>
      <c r="CH3798" s="53">
        <v>-11723.4531645569</v>
      </c>
      <c r="CI3798" s="53">
        <v>-11723.4531645569</v>
      </c>
      <c r="CJ3798" s="53">
        <v>-11723.4531645569</v>
      </c>
      <c r="CK3798" s="53">
        <v>-11723.4531645569</v>
      </c>
      <c r="CL3798" s="53">
        <v>-11723.4531645569</v>
      </c>
      <c r="CM3798" s="53">
        <v>-11723.4531645569</v>
      </c>
      <c r="CN3798" s="53">
        <v>-140681.43797468301</v>
      </c>
    </row>
    <row r="3799" spans="1:92" outlineLevel="1">
      <c r="A3799" s="52" t="s">
        <v>1739</v>
      </c>
      <c r="B3799" s="53"/>
      <c r="C3799" s="53"/>
      <c r="D3799" s="53"/>
      <c r="E3799" s="53"/>
      <c r="F3799" s="53"/>
      <c r="G3799" s="53"/>
      <c r="H3799" s="53"/>
      <c r="I3799" s="53"/>
      <c r="J3799" s="53"/>
      <c r="K3799" s="53"/>
      <c r="L3799" s="53"/>
      <c r="M3799" s="53"/>
      <c r="N3799" s="53"/>
      <c r="O3799" s="53"/>
      <c r="P3799" s="53"/>
      <c r="Q3799" s="53"/>
      <c r="R3799" s="53"/>
      <c r="S3799" s="53"/>
      <c r="T3799" s="53"/>
      <c r="U3799" s="53"/>
      <c r="V3799" s="53"/>
      <c r="W3799" s="53"/>
      <c r="X3799" s="53"/>
      <c r="Y3799" s="53"/>
      <c r="Z3799" s="53"/>
      <c r="AA3799" s="53"/>
      <c r="AB3799" s="53"/>
      <c r="AC3799" s="53"/>
      <c r="AD3799" s="53"/>
      <c r="AE3799" s="53"/>
      <c r="AF3799" s="53"/>
      <c r="AG3799" s="53"/>
      <c r="AH3799" s="53"/>
      <c r="AI3799" s="53"/>
      <c r="AJ3799" s="53"/>
      <c r="AK3799" s="53"/>
      <c r="AL3799" s="53"/>
      <c r="AM3799" s="53"/>
      <c r="AN3799" s="53"/>
      <c r="AO3799" s="53"/>
      <c r="AP3799" s="53"/>
      <c r="AQ3799" s="53"/>
      <c r="AR3799" s="53"/>
      <c r="AS3799" s="53"/>
      <c r="AT3799" s="53"/>
      <c r="AU3799" s="53"/>
      <c r="AV3799" s="53"/>
      <c r="AW3799" s="53"/>
      <c r="AX3799" s="53"/>
      <c r="AY3799" s="53"/>
      <c r="AZ3799" s="53"/>
      <c r="BA3799" s="53"/>
      <c r="BB3799" s="53"/>
      <c r="BC3799" s="53"/>
      <c r="BD3799" s="53"/>
      <c r="BE3799" s="53"/>
      <c r="BF3799" s="53"/>
      <c r="BG3799" s="53"/>
      <c r="BH3799" s="53"/>
      <c r="BI3799" s="53"/>
      <c r="BJ3799" s="53"/>
      <c r="BK3799" s="53"/>
      <c r="BL3799" s="53"/>
      <c r="BM3799" s="53"/>
      <c r="BN3799" s="53"/>
      <c r="BO3799" s="53"/>
      <c r="BP3799" s="53"/>
      <c r="BQ3799" s="53"/>
      <c r="BR3799" s="53"/>
      <c r="BS3799" s="53"/>
      <c r="BT3799" s="53"/>
      <c r="BU3799" s="53"/>
      <c r="BV3799" s="53"/>
      <c r="BW3799" s="53"/>
      <c r="BX3799" s="53"/>
      <c r="BY3799" s="53"/>
      <c r="BZ3799" s="53"/>
      <c r="CA3799" s="53"/>
      <c r="CB3799" s="53">
        <v>-4051.8264840182501</v>
      </c>
      <c r="CC3799" s="53">
        <v>-4051.8264840182401</v>
      </c>
      <c r="CD3799" s="53">
        <v>-4051.8264840182401</v>
      </c>
      <c r="CE3799" s="53">
        <v>-4051.8264840182401</v>
      </c>
      <c r="CF3799" s="53">
        <v>-4051.8264840182401</v>
      </c>
      <c r="CG3799" s="53">
        <v>-4051.8264840182501</v>
      </c>
      <c r="CH3799" s="53">
        <v>-4051.8264840182501</v>
      </c>
      <c r="CI3799" s="53">
        <v>-4051.8264840182401</v>
      </c>
      <c r="CJ3799" s="53">
        <v>-4051.8264840182401</v>
      </c>
      <c r="CK3799" s="53">
        <v>-4051.8264840182501</v>
      </c>
      <c r="CL3799" s="53">
        <v>-4051.8264840182401</v>
      </c>
      <c r="CM3799" s="53">
        <v>-4051.8264840182401</v>
      </c>
      <c r="CN3799" s="53">
        <v>-48621.917808218997</v>
      </c>
    </row>
    <row r="3800" spans="1:92" outlineLevel="1">
      <c r="A3800" s="52" t="s">
        <v>649</v>
      </c>
      <c r="B3800" s="53">
        <v>482114.77749999898</v>
      </c>
      <c r="C3800" s="53">
        <v>109144.477500002</v>
      </c>
      <c r="D3800" s="53">
        <v>-2173785.8824999998</v>
      </c>
      <c r="E3800" s="53">
        <v>-791417.862499999</v>
      </c>
      <c r="F3800" s="53">
        <v>872425.20750000002</v>
      </c>
      <c r="G3800" s="53">
        <v>3951874.3975</v>
      </c>
      <c r="H3800" s="53">
        <v>1398174.6675</v>
      </c>
      <c r="I3800" s="53">
        <v>2609681.4474999998</v>
      </c>
      <c r="J3800" s="53">
        <v>1992738.1174999999</v>
      </c>
      <c r="K3800" s="53">
        <v>-183861.10249999899</v>
      </c>
      <c r="L3800" s="53">
        <v>-9866886.9824999999</v>
      </c>
      <c r="M3800" s="53">
        <v>-1539579.1325000001</v>
      </c>
      <c r="N3800" s="53">
        <v>-3139377.8699999899</v>
      </c>
      <c r="O3800" s="53">
        <v>1626473.26975044</v>
      </c>
      <c r="P3800" s="53">
        <v>-2735171.2314026402</v>
      </c>
      <c r="Q3800" s="53">
        <v>-2412977.9806600902</v>
      </c>
      <c r="R3800" s="53">
        <v>-708487.43992707203</v>
      </c>
      <c r="S3800" s="53">
        <v>1008678.8777152899</v>
      </c>
      <c r="T3800" s="53">
        <v>1184538.2901788901</v>
      </c>
      <c r="U3800" s="53">
        <v>1529716.85261843</v>
      </c>
      <c r="V3800" s="53">
        <v>4226251.4932887601</v>
      </c>
      <c r="W3800" s="53">
        <v>651760.37052115297</v>
      </c>
      <c r="X3800" s="53">
        <v>-394809.208793931</v>
      </c>
      <c r="Y3800" s="53">
        <v>-2825746.3995930799</v>
      </c>
      <c r="Z3800" s="53">
        <v>-1788646.3647881099</v>
      </c>
      <c r="AA3800" s="53">
        <v>-638419.47109195299</v>
      </c>
      <c r="AB3800" s="53">
        <v>2169627.3688805201</v>
      </c>
      <c r="AC3800" s="53">
        <v>-2344624.1579509298</v>
      </c>
      <c r="AD3800" s="53">
        <v>-2137106.0878325999</v>
      </c>
      <c r="AE3800" s="53">
        <v>-921831.81734483701</v>
      </c>
      <c r="AF3800" s="53">
        <v>983190.26359797094</v>
      </c>
      <c r="AG3800" s="53">
        <v>1344715.3767250199</v>
      </c>
      <c r="AH3800" s="53">
        <v>1704820.4322617799</v>
      </c>
      <c r="AI3800" s="53">
        <v>4622894.11413847</v>
      </c>
      <c r="AJ3800" s="53">
        <v>611244.72146528901</v>
      </c>
      <c r="AK3800" s="53">
        <v>-636664.72350265703</v>
      </c>
      <c r="AL3800" s="53">
        <v>-3286675.1658111401</v>
      </c>
      <c r="AM3800" s="53">
        <v>-2109590.32462689</v>
      </c>
      <c r="AN3800" s="53">
        <v>-1.72803993336856E-8</v>
      </c>
      <c r="AO3800" s="53">
        <v>1707358.8043714501</v>
      </c>
      <c r="AP3800" s="53">
        <v>-2762510.0311361598</v>
      </c>
      <c r="AQ3800" s="53">
        <v>-2083941.3466707401</v>
      </c>
      <c r="AR3800" s="53">
        <v>-1302610.8232311599</v>
      </c>
      <c r="AS3800" s="53">
        <v>548580.72066021804</v>
      </c>
      <c r="AT3800" s="53">
        <v>1269534.87504155</v>
      </c>
      <c r="AU3800" s="53">
        <v>1879779.5548303099</v>
      </c>
      <c r="AV3800" s="53">
        <v>4749087.4061170202</v>
      </c>
      <c r="AW3800" s="53">
        <v>1050406.39045687</v>
      </c>
      <c r="AX3800" s="53">
        <v>-551311.20030368899</v>
      </c>
      <c r="AY3800" s="53">
        <v>-2499218.1013153601</v>
      </c>
      <c r="AZ3800" s="53">
        <v>-2005156.24882031</v>
      </c>
      <c r="BA3800" s="53">
        <v>-1.4551915228366801E-8</v>
      </c>
      <c r="BB3800" s="53">
        <v>1713945.8976274701</v>
      </c>
      <c r="BC3800" s="53">
        <v>-2813781.0794013301</v>
      </c>
      <c r="BD3800" s="53">
        <v>-2172728.41173768</v>
      </c>
      <c r="BE3800" s="53">
        <v>-1373328.6217298801</v>
      </c>
      <c r="BF3800" s="53">
        <v>521328.19762799202</v>
      </c>
      <c r="BG3800" s="53">
        <v>1320642.06188658</v>
      </c>
      <c r="BH3800" s="53">
        <v>1941239.2435903901</v>
      </c>
      <c r="BI3800" s="53">
        <v>4857829.0514438897</v>
      </c>
      <c r="BJ3800" s="53">
        <v>1098166.70816209</v>
      </c>
      <c r="BK3800" s="53">
        <v>-513640.711660325</v>
      </c>
      <c r="BL3800" s="53">
        <v>-2554851.3854476898</v>
      </c>
      <c r="BM3800" s="53">
        <v>-2024890.3952604099</v>
      </c>
      <c r="BN3800" s="53">
        <v>-69.444898883375501</v>
      </c>
      <c r="BO3800" s="53">
        <v>1773464.1562186901</v>
      </c>
      <c r="BP3800" s="53">
        <v>-3016737.8891863301</v>
      </c>
      <c r="BQ3800" s="53">
        <v>-2362248.43365457</v>
      </c>
      <c r="BR3800" s="53">
        <v>-1517635.94777559</v>
      </c>
      <c r="BS3800" s="53">
        <v>534234.87555027998</v>
      </c>
      <c r="BT3800" s="53">
        <v>1422269.75204538</v>
      </c>
      <c r="BU3800" s="53">
        <v>2087902.4734950999</v>
      </c>
      <c r="BV3800" s="53">
        <v>5184293.5942264805</v>
      </c>
      <c r="BW3800" s="53">
        <v>1203275.23549584</v>
      </c>
      <c r="BX3800" s="53">
        <v>-516919.98620855302</v>
      </c>
      <c r="BY3800" s="53">
        <v>-2684878.5650899601</v>
      </c>
      <c r="BZ3800" s="53">
        <v>-2106881.9730591602</v>
      </c>
      <c r="CA3800" s="53">
        <v>137.29205761774199</v>
      </c>
      <c r="CB3800" s="53">
        <v>-3523.40918163673</v>
      </c>
      <c r="CC3800" s="53">
        <v>-3523.40918163673</v>
      </c>
      <c r="CD3800" s="53">
        <v>-3523.40918163673</v>
      </c>
      <c r="CE3800" s="53">
        <v>-3523.40918163673</v>
      </c>
      <c r="CF3800" s="53">
        <v>-3523.40918163673</v>
      </c>
      <c r="CG3800" s="53">
        <v>-3523.40918163673</v>
      </c>
      <c r="CH3800" s="53">
        <v>-3523.40918163673</v>
      </c>
      <c r="CI3800" s="53">
        <v>-3523.40918163673</v>
      </c>
      <c r="CJ3800" s="53">
        <v>-3523.40918163673</v>
      </c>
      <c r="CK3800" s="53">
        <v>-3523.40918163673</v>
      </c>
      <c r="CL3800" s="53">
        <v>-3523.40918163673</v>
      </c>
      <c r="CM3800" s="53">
        <v>-3523.40918163673</v>
      </c>
      <c r="CN3800" s="53">
        <v>-42280.910179640799</v>
      </c>
    </row>
    <row r="3801" spans="1:92" outlineLevel="1">
      <c r="A3801" s="52" t="s">
        <v>1740</v>
      </c>
      <c r="B3801" s="53"/>
      <c r="C3801" s="53"/>
      <c r="D3801" s="53"/>
      <c r="E3801" s="53"/>
      <c r="F3801" s="53"/>
      <c r="G3801" s="53"/>
      <c r="H3801" s="53"/>
      <c r="I3801" s="53"/>
      <c r="J3801" s="53"/>
      <c r="K3801" s="53"/>
      <c r="L3801" s="53"/>
      <c r="M3801" s="53"/>
      <c r="N3801" s="53"/>
      <c r="O3801" s="53"/>
      <c r="P3801" s="53"/>
      <c r="Q3801" s="53"/>
      <c r="R3801" s="53"/>
      <c r="S3801" s="53"/>
      <c r="T3801" s="53"/>
      <c r="U3801" s="53"/>
      <c r="V3801" s="53"/>
      <c r="W3801" s="53"/>
      <c r="X3801" s="53"/>
      <c r="Y3801" s="53"/>
      <c r="Z3801" s="53"/>
      <c r="AA3801" s="53"/>
      <c r="AB3801" s="53"/>
      <c r="AC3801" s="53"/>
      <c r="AD3801" s="53"/>
      <c r="AE3801" s="53"/>
      <c r="AF3801" s="53"/>
      <c r="AG3801" s="53"/>
      <c r="AH3801" s="53"/>
      <c r="AI3801" s="53"/>
      <c r="AJ3801" s="53"/>
      <c r="AK3801" s="53"/>
      <c r="AL3801" s="53"/>
      <c r="AM3801" s="53"/>
      <c r="AN3801" s="53"/>
      <c r="AO3801" s="53"/>
      <c r="AP3801" s="53"/>
      <c r="AQ3801" s="53"/>
      <c r="AR3801" s="53"/>
      <c r="AS3801" s="53"/>
      <c r="AT3801" s="53"/>
      <c r="AU3801" s="53"/>
      <c r="AV3801" s="53"/>
      <c r="AW3801" s="53"/>
      <c r="AX3801" s="53"/>
      <c r="AY3801" s="53"/>
      <c r="AZ3801" s="53"/>
      <c r="BA3801" s="53"/>
      <c r="BB3801" s="53"/>
      <c r="BC3801" s="53"/>
      <c r="BD3801" s="53"/>
      <c r="BE3801" s="53"/>
      <c r="BF3801" s="53"/>
      <c r="BG3801" s="53"/>
      <c r="BH3801" s="53"/>
      <c r="BI3801" s="53"/>
      <c r="BJ3801" s="53"/>
      <c r="BK3801" s="53"/>
      <c r="BL3801" s="53"/>
      <c r="BM3801" s="53"/>
      <c r="BN3801" s="53"/>
      <c r="BO3801" s="53"/>
      <c r="BP3801" s="53"/>
      <c r="BQ3801" s="53"/>
      <c r="BR3801" s="53"/>
      <c r="BS3801" s="53"/>
      <c r="BT3801" s="53"/>
      <c r="BU3801" s="53"/>
      <c r="BV3801" s="53"/>
      <c r="BW3801" s="53"/>
      <c r="BX3801" s="53"/>
      <c r="BY3801" s="53"/>
      <c r="BZ3801" s="53"/>
      <c r="CA3801" s="53"/>
      <c r="CB3801" s="53">
        <v>-9347.6262626262305</v>
      </c>
      <c r="CC3801" s="53">
        <v>-9347.6262626262305</v>
      </c>
      <c r="CD3801" s="53">
        <v>-9347.6262626262305</v>
      </c>
      <c r="CE3801" s="53">
        <v>-9347.6262626262305</v>
      </c>
      <c r="CF3801" s="53">
        <v>-9347.6262626262305</v>
      </c>
      <c r="CG3801" s="53">
        <v>-9347.6262626262305</v>
      </c>
      <c r="CH3801" s="53">
        <v>-9347.6262626262305</v>
      </c>
      <c r="CI3801" s="53">
        <v>-9347.6262626262305</v>
      </c>
      <c r="CJ3801" s="53">
        <v>-9347.6262626262305</v>
      </c>
      <c r="CK3801" s="53">
        <v>-9347.6262626262305</v>
      </c>
      <c r="CL3801" s="53">
        <v>-9347.6262626262305</v>
      </c>
      <c r="CM3801" s="53">
        <v>-9347.6262626262305</v>
      </c>
      <c r="CN3801" s="53">
        <v>-112171.515151514</v>
      </c>
    </row>
    <row r="3802" spans="1:92" outlineLevel="1">
      <c r="A3802" s="52" t="s">
        <v>649</v>
      </c>
      <c r="B3802" s="53">
        <v>-1599798.7375</v>
      </c>
      <c r="C3802" s="53">
        <v>-1599798.7375</v>
      </c>
      <c r="D3802" s="53">
        <v>-1599798.7375</v>
      </c>
      <c r="E3802" s="53">
        <v>-1599798.7375</v>
      </c>
      <c r="F3802" s="53">
        <v>-1599798.7375</v>
      </c>
      <c r="G3802" s="53">
        <v>-1599798.7375</v>
      </c>
      <c r="H3802" s="53">
        <v>-1599798.7375</v>
      </c>
      <c r="I3802" s="53">
        <v>-1599798.7375</v>
      </c>
      <c r="J3802" s="53">
        <v>-1599798.7375</v>
      </c>
      <c r="K3802" s="53">
        <v>-1599798.7375</v>
      </c>
      <c r="L3802" s="53">
        <v>-1599798.7375</v>
      </c>
      <c r="M3802" s="53">
        <v>-1599798.7375</v>
      </c>
      <c r="N3802" s="53">
        <v>-19197584.849999901</v>
      </c>
      <c r="O3802" s="53">
        <v>-643791.48916666606</v>
      </c>
      <c r="P3802" s="53">
        <v>-643791.48916666606</v>
      </c>
      <c r="Q3802" s="53">
        <v>-643791.48916666606</v>
      </c>
      <c r="R3802" s="53">
        <v>-643791.48916666606</v>
      </c>
      <c r="S3802" s="53">
        <v>-643791.48916666606</v>
      </c>
      <c r="T3802" s="53">
        <v>-643791.48916666606</v>
      </c>
      <c r="U3802" s="53">
        <v>-643791.48916666606</v>
      </c>
      <c r="V3802" s="53">
        <v>-643791.48916666606</v>
      </c>
      <c r="W3802" s="53">
        <v>-643791.48916666606</v>
      </c>
      <c r="X3802" s="53">
        <v>-643791.48916666606</v>
      </c>
      <c r="Y3802" s="53">
        <v>-643791.48916666606</v>
      </c>
      <c r="Z3802" s="53">
        <v>-643791.48916666606</v>
      </c>
      <c r="AA3802" s="53">
        <v>-7725497.8700000001</v>
      </c>
      <c r="AB3802" s="53">
        <v>53201.622590996099</v>
      </c>
      <c r="AC3802" s="53">
        <v>53201.622590996099</v>
      </c>
      <c r="AD3802" s="53">
        <v>53201.622590996099</v>
      </c>
      <c r="AE3802" s="53">
        <v>53201.622590996099</v>
      </c>
      <c r="AF3802" s="53">
        <v>53201.622590996099</v>
      </c>
      <c r="AG3802" s="53">
        <v>53201.622590996099</v>
      </c>
      <c r="AH3802" s="53">
        <v>53201.622590996099</v>
      </c>
      <c r="AI3802" s="53">
        <v>53201.622590996099</v>
      </c>
      <c r="AJ3802" s="53">
        <v>53201.622590996099</v>
      </c>
      <c r="AK3802" s="53">
        <v>53201.622590996099</v>
      </c>
      <c r="AL3802" s="53">
        <v>53201.622590996099</v>
      </c>
      <c r="AM3802" s="53">
        <v>53201.622590996099</v>
      </c>
      <c r="AN3802" s="53">
        <v>638419.47109195299</v>
      </c>
      <c r="AO3802" s="53">
        <v>1.36128145792705E-9</v>
      </c>
      <c r="AP3802" s="53">
        <v>1.36128145792705E-9</v>
      </c>
      <c r="AQ3802" s="53">
        <v>1.36128145792705E-9</v>
      </c>
      <c r="AR3802" s="53">
        <v>1.36128145792705E-9</v>
      </c>
      <c r="AS3802" s="53">
        <v>1.36128145792705E-9</v>
      </c>
      <c r="AT3802" s="53">
        <v>1.36128145792705E-9</v>
      </c>
      <c r="AU3802" s="53">
        <v>1.36128145792705E-9</v>
      </c>
      <c r="AV3802" s="53">
        <v>1.36128145792705E-9</v>
      </c>
      <c r="AW3802" s="53">
        <v>1.36128145792705E-9</v>
      </c>
      <c r="AX3802" s="53">
        <v>1.36128145792705E-9</v>
      </c>
      <c r="AY3802" s="53">
        <v>1.36128145792705E-9</v>
      </c>
      <c r="AZ3802" s="53">
        <v>1.36128145792705E-9</v>
      </c>
      <c r="BA3802" s="53">
        <v>1.63353774951247E-8</v>
      </c>
      <c r="BB3802" s="53">
        <v>1.36448876888708E-9</v>
      </c>
      <c r="BC3802" s="53">
        <v>1.36448876888708E-9</v>
      </c>
      <c r="BD3802" s="53">
        <v>1.36448876888708E-9</v>
      </c>
      <c r="BE3802" s="53">
        <v>1.36448876888708E-9</v>
      </c>
      <c r="BF3802" s="53">
        <v>1.36448876888708E-9</v>
      </c>
      <c r="BG3802" s="53">
        <v>1.36448876888708E-9</v>
      </c>
      <c r="BH3802" s="53">
        <v>1.36448876888708E-9</v>
      </c>
      <c r="BI3802" s="53">
        <v>1.36448876888708E-9</v>
      </c>
      <c r="BJ3802" s="53">
        <v>1.36448876888708E-9</v>
      </c>
      <c r="BK3802" s="53">
        <v>1.36448876888708E-9</v>
      </c>
      <c r="BL3802" s="53">
        <v>1.36448876888708E-9</v>
      </c>
      <c r="BM3802" s="53">
        <v>1.36448876888708E-9</v>
      </c>
      <c r="BN3802" s="53">
        <v>1.6373865226645001E-8</v>
      </c>
      <c r="BO3802" s="53">
        <v>5.7870749068721503</v>
      </c>
      <c r="BP3802" s="53">
        <v>5.7870749068721503</v>
      </c>
      <c r="BQ3802" s="53">
        <v>5.7870749068721503</v>
      </c>
      <c r="BR3802" s="53">
        <v>5.7870749068721503</v>
      </c>
      <c r="BS3802" s="53">
        <v>5.7870749068721503</v>
      </c>
      <c r="BT3802" s="53">
        <v>5.7870749068721503</v>
      </c>
      <c r="BU3802" s="53">
        <v>5.7870749068721503</v>
      </c>
      <c r="BV3802" s="53">
        <v>5.7870749068721503</v>
      </c>
      <c r="BW3802" s="53">
        <v>5.7870749068721503</v>
      </c>
      <c r="BX3802" s="53">
        <v>5.7870749068721503</v>
      </c>
      <c r="BY3802" s="53">
        <v>5.7870749068721503</v>
      </c>
      <c r="BZ3802" s="53">
        <v>5.7870749068721503</v>
      </c>
      <c r="CA3802" s="53">
        <v>69.444898882465793</v>
      </c>
      <c r="CB3802" s="53">
        <v>-1620.19834710743</v>
      </c>
      <c r="CC3802" s="53"/>
      <c r="CD3802" s="53"/>
      <c r="CE3802" s="53"/>
      <c r="CF3802" s="53"/>
      <c r="CG3802" s="53"/>
      <c r="CH3802" s="53"/>
      <c r="CI3802" s="53"/>
      <c r="CJ3802" s="53"/>
      <c r="CK3802" s="53"/>
      <c r="CL3802" s="53"/>
      <c r="CM3802" s="53"/>
      <c r="CN3802" s="53">
        <v>-1620.19834710743</v>
      </c>
    </row>
    <row r="3803" spans="1:92" outlineLevel="1">
      <c r="A3803" s="52" t="s">
        <v>765</v>
      </c>
      <c r="B3803" s="53"/>
      <c r="C3803" s="53"/>
      <c r="D3803" s="53"/>
      <c r="E3803" s="53"/>
      <c r="F3803" s="53"/>
      <c r="G3803" s="53"/>
      <c r="H3803" s="53"/>
      <c r="I3803" s="53"/>
      <c r="J3803" s="53"/>
      <c r="K3803" s="53"/>
      <c r="L3803" s="53"/>
      <c r="M3803" s="53"/>
      <c r="N3803" s="53"/>
      <c r="O3803" s="53"/>
      <c r="P3803" s="53"/>
      <c r="Q3803" s="53"/>
      <c r="R3803" s="53"/>
      <c r="S3803" s="53"/>
      <c r="T3803" s="53"/>
      <c r="U3803" s="53"/>
      <c r="V3803" s="53"/>
      <c r="W3803" s="53"/>
      <c r="X3803" s="53"/>
      <c r="Y3803" s="53"/>
      <c r="Z3803" s="53"/>
      <c r="AA3803" s="53"/>
      <c r="AB3803" s="53"/>
      <c r="AC3803" s="53"/>
      <c r="AD3803" s="53"/>
      <c r="AE3803" s="53"/>
      <c r="AF3803" s="53"/>
      <c r="AG3803" s="53"/>
      <c r="AH3803" s="53"/>
      <c r="AI3803" s="53"/>
      <c r="AJ3803" s="53"/>
      <c r="AK3803" s="53"/>
      <c r="AL3803" s="53"/>
      <c r="AM3803" s="53"/>
      <c r="AN3803" s="53"/>
      <c r="AO3803" s="53"/>
      <c r="AP3803" s="53"/>
      <c r="AQ3803" s="53"/>
      <c r="AR3803" s="53"/>
      <c r="AS3803" s="53"/>
      <c r="AT3803" s="53"/>
      <c r="AU3803" s="53"/>
      <c r="AV3803" s="53"/>
      <c r="AW3803" s="53"/>
      <c r="AX3803" s="53"/>
      <c r="AY3803" s="53"/>
      <c r="AZ3803" s="53"/>
      <c r="BA3803" s="53"/>
      <c r="BB3803" s="53"/>
      <c r="BC3803" s="53"/>
      <c r="BD3803" s="53"/>
      <c r="BE3803" s="53"/>
      <c r="BF3803" s="53"/>
      <c r="BG3803" s="53"/>
      <c r="BH3803" s="53"/>
      <c r="BI3803" s="53"/>
      <c r="BJ3803" s="53"/>
      <c r="BK3803" s="53"/>
      <c r="BL3803" s="53"/>
      <c r="BM3803" s="53"/>
      <c r="BN3803" s="53"/>
      <c r="BO3803" s="53"/>
      <c r="BP3803" s="53"/>
      <c r="BQ3803" s="53"/>
      <c r="BR3803" s="53"/>
      <c r="BS3803" s="53"/>
      <c r="BT3803" s="53"/>
      <c r="BU3803" s="53"/>
      <c r="BV3803" s="53"/>
      <c r="BW3803" s="53"/>
      <c r="BX3803" s="53"/>
      <c r="BY3803" s="53"/>
      <c r="BZ3803" s="53"/>
      <c r="CA3803" s="53"/>
      <c r="CB3803" s="53">
        <v>-1540.86342229199</v>
      </c>
      <c r="CC3803" s="53">
        <v>-1540.86342229199</v>
      </c>
      <c r="CD3803" s="53">
        <v>-1540.86342229199</v>
      </c>
      <c r="CE3803" s="53">
        <v>-1540.86342229199</v>
      </c>
      <c r="CF3803" s="53">
        <v>-1540.86342229199</v>
      </c>
      <c r="CG3803" s="53">
        <v>-1540.86342229199</v>
      </c>
      <c r="CH3803" s="53">
        <v>-1540.86342229199</v>
      </c>
      <c r="CI3803" s="53">
        <v>-1540.86342229199</v>
      </c>
      <c r="CJ3803" s="53">
        <v>-1540.86342229199</v>
      </c>
      <c r="CK3803" s="53">
        <v>-1540.86342229199</v>
      </c>
      <c r="CL3803" s="53">
        <v>-1540.86342229199</v>
      </c>
      <c r="CM3803" s="53">
        <v>-1540.86342229199</v>
      </c>
      <c r="CN3803" s="53">
        <v>-18490.361067503902</v>
      </c>
    </row>
    <row r="3804" spans="1:92" outlineLevel="1">
      <c r="A3804" s="52" t="s">
        <v>1741</v>
      </c>
      <c r="B3804" s="53"/>
      <c r="C3804" s="53"/>
      <c r="D3804" s="53"/>
      <c r="E3804" s="53"/>
      <c r="F3804" s="53"/>
      <c r="G3804" s="53"/>
      <c r="H3804" s="53"/>
      <c r="I3804" s="53"/>
      <c r="J3804" s="53"/>
      <c r="K3804" s="53"/>
      <c r="L3804" s="53"/>
      <c r="M3804" s="53"/>
      <c r="N3804" s="53"/>
      <c r="O3804" s="53"/>
      <c r="P3804" s="53"/>
      <c r="Q3804" s="53"/>
      <c r="R3804" s="53"/>
      <c r="S3804" s="53"/>
      <c r="T3804" s="53"/>
      <c r="U3804" s="53"/>
      <c r="V3804" s="53"/>
      <c r="W3804" s="53"/>
      <c r="X3804" s="53"/>
      <c r="Y3804" s="53"/>
      <c r="Z3804" s="53"/>
      <c r="AA3804" s="53"/>
      <c r="AB3804" s="53"/>
      <c r="AC3804" s="53"/>
      <c r="AD3804" s="53"/>
      <c r="AE3804" s="53"/>
      <c r="AF3804" s="53"/>
      <c r="AG3804" s="53"/>
      <c r="AH3804" s="53"/>
      <c r="AI3804" s="53"/>
      <c r="AJ3804" s="53"/>
      <c r="AK3804" s="53"/>
      <c r="AL3804" s="53"/>
      <c r="AM3804" s="53"/>
      <c r="AN3804" s="53"/>
      <c r="AO3804" s="53"/>
      <c r="AP3804" s="53"/>
      <c r="AQ3804" s="53"/>
      <c r="AR3804" s="53"/>
      <c r="AS3804" s="53"/>
      <c r="AT3804" s="53"/>
      <c r="AU3804" s="53"/>
      <c r="AV3804" s="53"/>
      <c r="AW3804" s="53"/>
      <c r="AX3804" s="53"/>
      <c r="AY3804" s="53"/>
      <c r="AZ3804" s="53"/>
      <c r="BA3804" s="53"/>
      <c r="BB3804" s="53"/>
      <c r="BC3804" s="53"/>
      <c r="BD3804" s="53"/>
      <c r="BE3804" s="53"/>
      <c r="BF3804" s="53"/>
      <c r="BG3804" s="53"/>
      <c r="BH3804" s="53"/>
      <c r="BI3804" s="53"/>
      <c r="BJ3804" s="53"/>
      <c r="BK3804" s="53"/>
      <c r="BL3804" s="53"/>
      <c r="BM3804" s="53"/>
      <c r="BN3804" s="53"/>
      <c r="BO3804" s="53"/>
      <c r="BP3804" s="53"/>
      <c r="BQ3804" s="53"/>
      <c r="BR3804" s="53"/>
      <c r="BS3804" s="53"/>
      <c r="BT3804" s="53"/>
      <c r="BU3804" s="53"/>
      <c r="BV3804" s="53"/>
      <c r="BW3804" s="53"/>
      <c r="BX3804" s="53"/>
      <c r="BY3804" s="53"/>
      <c r="BZ3804" s="53"/>
      <c r="CA3804" s="53"/>
      <c r="CB3804" s="53">
        <v>-9185.2866242038108</v>
      </c>
      <c r="CC3804" s="53">
        <v>-9185.2866242038108</v>
      </c>
      <c r="CD3804" s="53">
        <v>-9185.2866242038108</v>
      </c>
      <c r="CE3804" s="53">
        <v>-9185.2866242038108</v>
      </c>
      <c r="CF3804" s="53">
        <v>-9185.2866242038108</v>
      </c>
      <c r="CG3804" s="53">
        <v>-9185.2866242038108</v>
      </c>
      <c r="CH3804" s="53">
        <v>-9185.2866242038108</v>
      </c>
      <c r="CI3804" s="53">
        <v>-9185.2866242038108</v>
      </c>
      <c r="CJ3804" s="53">
        <v>-9185.2866242038108</v>
      </c>
      <c r="CK3804" s="53">
        <v>-9185.2866242038108</v>
      </c>
      <c r="CL3804" s="53">
        <v>-9185.2866242038108</v>
      </c>
      <c r="CM3804" s="53">
        <v>-9185.2866242038108</v>
      </c>
      <c r="CN3804" s="53">
        <v>-110223.439490445</v>
      </c>
    </row>
    <row r="3805" spans="1:92" outlineLevel="1">
      <c r="A3805" s="52" t="s">
        <v>649</v>
      </c>
      <c r="B3805" s="53">
        <v>397609.16666666698</v>
      </c>
      <c r="C3805" s="53">
        <v>-5403.8333333333003</v>
      </c>
      <c r="D3805" s="53">
        <v>502468.16666666599</v>
      </c>
      <c r="E3805" s="53">
        <v>-331246.83333333198</v>
      </c>
      <c r="F3805" s="53">
        <v>99581.166666666599</v>
      </c>
      <c r="G3805" s="53">
        <v>572137.16666666698</v>
      </c>
      <c r="H3805" s="53">
        <v>200481.16666666599</v>
      </c>
      <c r="I3805" s="53">
        <v>528416.166666665</v>
      </c>
      <c r="J3805" s="53">
        <v>326465.16666666599</v>
      </c>
      <c r="K3805" s="53">
        <v>211325.16666666701</v>
      </c>
      <c r="L3805" s="53">
        <v>-538747.83333333395</v>
      </c>
      <c r="M3805" s="53">
        <v>186087.16666666701</v>
      </c>
      <c r="N3805" s="53">
        <v>2149171.9999999902</v>
      </c>
      <c r="O3805" s="53">
        <v>239206.23633114199</v>
      </c>
      <c r="P3805" s="53">
        <v>-82418.654230739499</v>
      </c>
      <c r="Q3805" s="53">
        <v>-15829.005680685301</v>
      </c>
      <c r="R3805" s="53">
        <v>-76171.115026564599</v>
      </c>
      <c r="S3805" s="53">
        <v>44484.3224890454</v>
      </c>
      <c r="T3805" s="53">
        <v>5449.1947453900502</v>
      </c>
      <c r="U3805" s="53">
        <v>65619.388039130907</v>
      </c>
      <c r="V3805" s="53">
        <v>260133.35009509799</v>
      </c>
      <c r="W3805" s="53">
        <v>42261.9114859033</v>
      </c>
      <c r="X3805" s="53">
        <v>9180.5345127801193</v>
      </c>
      <c r="Y3805" s="53">
        <v>-25022.752279663899</v>
      </c>
      <c r="Z3805" s="53">
        <v>-96674.866910065903</v>
      </c>
      <c r="AA3805" s="53">
        <v>370218.543570771</v>
      </c>
      <c r="AB3805" s="53">
        <v>177141.23564169701</v>
      </c>
      <c r="AC3805" s="53">
        <v>-120233.260024042</v>
      </c>
      <c r="AD3805" s="53">
        <v>-51957.761190505902</v>
      </c>
      <c r="AE3805" s="53">
        <v>-29316.740529094401</v>
      </c>
      <c r="AF3805" s="53">
        <v>76845.161949838206</v>
      </c>
      <c r="AG3805" s="53">
        <v>-13059.818789160199</v>
      </c>
      <c r="AH3805" s="53">
        <v>49361.316240217202</v>
      </c>
      <c r="AI3805" s="53">
        <v>250456.65353355301</v>
      </c>
      <c r="AJ3805" s="53">
        <v>15335.8983279964</v>
      </c>
      <c r="AK3805" s="53">
        <v>-24039.2443432158</v>
      </c>
      <c r="AL3805" s="53">
        <v>-140790.624191788</v>
      </c>
      <c r="AM3805" s="53">
        <v>-189742.816625495</v>
      </c>
      <c r="AN3805" s="53">
        <v>-3.4106051316484799E-10</v>
      </c>
      <c r="AO3805" s="53">
        <v>147125.720324797</v>
      </c>
      <c r="AP3805" s="53">
        <v>-253710.70540185901</v>
      </c>
      <c r="AQ3805" s="53">
        <v>-192174.89290034401</v>
      </c>
      <c r="AR3805" s="53">
        <v>-120143.16900738901</v>
      </c>
      <c r="AS3805" s="53">
        <v>47583.717166806899</v>
      </c>
      <c r="AT3805" s="53">
        <v>113977.088166999</v>
      </c>
      <c r="AU3805" s="53">
        <v>169984.731879889</v>
      </c>
      <c r="AV3805" s="53">
        <v>428760.60016197601</v>
      </c>
      <c r="AW3805" s="53">
        <v>97381.657362074504</v>
      </c>
      <c r="AX3805" s="53">
        <v>-45696.672588984999</v>
      </c>
      <c r="AY3805" s="53">
        <v>-219164.028060563</v>
      </c>
      <c r="AZ3805" s="53">
        <v>-173924.04710340299</v>
      </c>
      <c r="BA3805" s="53">
        <v>-6.8212102632969597E-10</v>
      </c>
      <c r="BB3805" s="53">
        <v>145039.07254220801</v>
      </c>
      <c r="BC3805" s="53">
        <v>-253587.55066168701</v>
      </c>
      <c r="BD3805" s="53">
        <v>-196253.70751827501</v>
      </c>
      <c r="BE3805" s="53">
        <v>-124119.71688159399</v>
      </c>
      <c r="BF3805" s="53">
        <v>44536.775654979603</v>
      </c>
      <c r="BG3805" s="53">
        <v>116611.291089391</v>
      </c>
      <c r="BH3805" s="53">
        <v>172475.96090962901</v>
      </c>
      <c r="BI3805" s="53">
        <v>431204.917778156</v>
      </c>
      <c r="BJ3805" s="53">
        <v>99843.120314680506</v>
      </c>
      <c r="BK3805" s="53">
        <v>-41812.7814737757</v>
      </c>
      <c r="BL3805" s="53">
        <v>-220725.21091428501</v>
      </c>
      <c r="BM3805" s="53">
        <v>-173212.170839425</v>
      </c>
      <c r="BN3805" s="53">
        <v>1.70530256582424E-9</v>
      </c>
      <c r="BO3805" s="53">
        <v>141762.361973127</v>
      </c>
      <c r="BP3805" s="53">
        <v>-256308.64963853901</v>
      </c>
      <c r="BQ3805" s="53">
        <v>-200674.68809399201</v>
      </c>
      <c r="BR3805" s="53">
        <v>-129189.67633088</v>
      </c>
      <c r="BS3805" s="53">
        <v>42615.738404112599</v>
      </c>
      <c r="BT3805" s="53">
        <v>117793.280674116</v>
      </c>
      <c r="BU3805" s="53">
        <v>174538.08424482701</v>
      </c>
      <c r="BV3805" s="53">
        <v>432759.65694205102</v>
      </c>
      <c r="BW3805" s="53">
        <v>103051.139377049</v>
      </c>
      <c r="BX3805" s="53">
        <v>-38942.700383311203</v>
      </c>
      <c r="BY3805" s="53">
        <v>-218114.041093951</v>
      </c>
      <c r="BZ3805" s="53">
        <v>-169290.506074606</v>
      </c>
      <c r="CA3805" s="53">
        <v>3.1832314562052401E-9</v>
      </c>
      <c r="CB3805" s="53">
        <v>-3087.3789473684201</v>
      </c>
      <c r="CC3805" s="53">
        <v>-3087.3789473684201</v>
      </c>
      <c r="CD3805" s="53">
        <v>-3087.3789473684201</v>
      </c>
      <c r="CE3805" s="53">
        <v>-3087.3789473684201</v>
      </c>
      <c r="CF3805" s="53">
        <v>-3087.3789473684201</v>
      </c>
      <c r="CG3805" s="53">
        <v>-3087.3789473684201</v>
      </c>
      <c r="CH3805" s="53">
        <v>-3087.3789473684201</v>
      </c>
      <c r="CI3805" s="53">
        <v>-3087.3789473684201</v>
      </c>
      <c r="CJ3805" s="53">
        <v>-3087.3789473684201</v>
      </c>
      <c r="CK3805" s="53">
        <v>-3087.3789473684201</v>
      </c>
      <c r="CL3805" s="53">
        <v>-3087.3789473684201</v>
      </c>
      <c r="CM3805" s="53">
        <v>-3087.3789473684201</v>
      </c>
      <c r="CN3805" s="53">
        <v>-37048.547368421001</v>
      </c>
    </row>
    <row r="3806" spans="1:92" outlineLevel="1">
      <c r="A3806" s="52" t="s">
        <v>1742</v>
      </c>
      <c r="B3806" s="53"/>
      <c r="C3806" s="53"/>
      <c r="D3806" s="53"/>
      <c r="E3806" s="53"/>
      <c r="F3806" s="53"/>
      <c r="G3806" s="53"/>
      <c r="H3806" s="53"/>
      <c r="I3806" s="53"/>
      <c r="J3806" s="53"/>
      <c r="K3806" s="53"/>
      <c r="L3806" s="53"/>
      <c r="M3806" s="53"/>
      <c r="N3806" s="53"/>
      <c r="O3806" s="53"/>
      <c r="P3806" s="53"/>
      <c r="Q3806" s="53"/>
      <c r="R3806" s="53"/>
      <c r="S3806" s="53"/>
      <c r="T3806" s="53"/>
      <c r="U3806" s="53"/>
      <c r="V3806" s="53"/>
      <c r="W3806" s="53"/>
      <c r="X3806" s="53"/>
      <c r="Y3806" s="53"/>
      <c r="Z3806" s="53"/>
      <c r="AA3806" s="53"/>
      <c r="AB3806" s="53"/>
      <c r="AC3806" s="53"/>
      <c r="AD3806" s="53"/>
      <c r="AE3806" s="53"/>
      <c r="AF3806" s="53"/>
      <c r="AG3806" s="53"/>
      <c r="AH3806" s="53"/>
      <c r="AI3806" s="53"/>
      <c r="AJ3806" s="53"/>
      <c r="AK3806" s="53"/>
      <c r="AL3806" s="53"/>
      <c r="AM3806" s="53"/>
      <c r="AN3806" s="53"/>
      <c r="AO3806" s="53"/>
      <c r="AP3806" s="53"/>
      <c r="AQ3806" s="53"/>
      <c r="AR3806" s="53"/>
      <c r="AS3806" s="53"/>
      <c r="AT3806" s="53"/>
      <c r="AU3806" s="53"/>
      <c r="AV3806" s="53"/>
      <c r="AW3806" s="53"/>
      <c r="AX3806" s="53"/>
      <c r="AY3806" s="53"/>
      <c r="AZ3806" s="53"/>
      <c r="BA3806" s="53"/>
      <c r="BB3806" s="53"/>
      <c r="BC3806" s="53"/>
      <c r="BD3806" s="53"/>
      <c r="BE3806" s="53"/>
      <c r="BF3806" s="53"/>
      <c r="BG3806" s="53"/>
      <c r="BH3806" s="53"/>
      <c r="BI3806" s="53"/>
      <c r="BJ3806" s="53"/>
      <c r="BK3806" s="53"/>
      <c r="BL3806" s="53"/>
      <c r="BM3806" s="53"/>
      <c r="BN3806" s="53"/>
      <c r="BO3806" s="53"/>
      <c r="BP3806" s="53"/>
      <c r="BQ3806" s="53"/>
      <c r="BR3806" s="53"/>
      <c r="BS3806" s="53"/>
      <c r="BT3806" s="53"/>
      <c r="BU3806" s="53"/>
      <c r="BV3806" s="53"/>
      <c r="BW3806" s="53"/>
      <c r="BX3806" s="53"/>
      <c r="BY3806" s="53"/>
      <c r="BZ3806" s="53"/>
      <c r="CA3806" s="53"/>
      <c r="CB3806" s="53">
        <v>-5700.3251231527101</v>
      </c>
      <c r="CC3806" s="53">
        <v>-5700.3251231527101</v>
      </c>
      <c r="CD3806" s="53">
        <v>-5700.3251231527101</v>
      </c>
      <c r="CE3806" s="53">
        <v>-5700.3251231527101</v>
      </c>
      <c r="CF3806" s="53">
        <v>-5700.3251231527101</v>
      </c>
      <c r="CG3806" s="53">
        <v>-5700.3251231527101</v>
      </c>
      <c r="CH3806" s="53">
        <v>-5700.3251231527101</v>
      </c>
      <c r="CI3806" s="53">
        <v>-5700.3251231527101</v>
      </c>
      <c r="CJ3806" s="53">
        <v>-5700.3251231527101</v>
      </c>
      <c r="CK3806" s="53">
        <v>-5700.3251231527101</v>
      </c>
      <c r="CL3806" s="53">
        <v>-5700.3251231527101</v>
      </c>
      <c r="CM3806" s="53">
        <v>-5700.3251231527101</v>
      </c>
      <c r="CN3806" s="53">
        <v>-68403.901477832507</v>
      </c>
    </row>
    <row r="3807" spans="1:92" outlineLevel="1">
      <c r="A3807" s="52" t="s">
        <v>649</v>
      </c>
      <c r="B3807" s="53">
        <v>-184414.16666666701</v>
      </c>
      <c r="C3807" s="53">
        <v>-184414.16666666701</v>
      </c>
      <c r="D3807" s="53">
        <v>-184414.16666666701</v>
      </c>
      <c r="E3807" s="53">
        <v>-184414.16666666701</v>
      </c>
      <c r="F3807" s="53">
        <v>-184414.16666666701</v>
      </c>
      <c r="G3807" s="53">
        <v>-184414.16666666701</v>
      </c>
      <c r="H3807" s="53">
        <v>-184414.16666666701</v>
      </c>
      <c r="I3807" s="53">
        <v>-184414.16666666701</v>
      </c>
      <c r="J3807" s="53">
        <v>-184414.16666666701</v>
      </c>
      <c r="K3807" s="53">
        <v>-184414.16666666701</v>
      </c>
      <c r="L3807" s="53">
        <v>-184414.16666666701</v>
      </c>
      <c r="M3807" s="53">
        <v>-184414.16666666701</v>
      </c>
      <c r="N3807" s="53">
        <v>-2212970</v>
      </c>
      <c r="O3807" s="53">
        <v>-179097.66666666599</v>
      </c>
      <c r="P3807" s="53">
        <v>-179097.66666666599</v>
      </c>
      <c r="Q3807" s="53">
        <v>-179097.66666666599</v>
      </c>
      <c r="R3807" s="53">
        <v>-179097.66666666599</v>
      </c>
      <c r="S3807" s="53">
        <v>-179097.66666666599</v>
      </c>
      <c r="T3807" s="53">
        <v>-179097.66666666599</v>
      </c>
      <c r="U3807" s="53">
        <v>-179097.66666666599</v>
      </c>
      <c r="V3807" s="53">
        <v>-179097.66666666599</v>
      </c>
      <c r="W3807" s="53">
        <v>-179097.66666666599</v>
      </c>
      <c r="X3807" s="53">
        <v>-179097.66666666599</v>
      </c>
      <c r="Y3807" s="53">
        <v>-179097.66666666599</v>
      </c>
      <c r="Z3807" s="53">
        <v>-179097.66666666599</v>
      </c>
      <c r="AA3807" s="53">
        <v>-2149171.9999999902</v>
      </c>
      <c r="AB3807" s="53">
        <v>-30851.5452975644</v>
      </c>
      <c r="AC3807" s="53">
        <v>-30851.5452975644</v>
      </c>
      <c r="AD3807" s="53">
        <v>-30851.5452975644</v>
      </c>
      <c r="AE3807" s="53">
        <v>-30851.5452975644</v>
      </c>
      <c r="AF3807" s="53">
        <v>-30851.5452975644</v>
      </c>
      <c r="AG3807" s="53">
        <v>-30851.5452975644</v>
      </c>
      <c r="AH3807" s="53">
        <v>-30851.5452975644</v>
      </c>
      <c r="AI3807" s="53">
        <v>-30851.5452975644</v>
      </c>
      <c r="AJ3807" s="53">
        <v>-30851.5452975644</v>
      </c>
      <c r="AK3807" s="53">
        <v>-30851.5452975644</v>
      </c>
      <c r="AL3807" s="53">
        <v>-30851.5452975644</v>
      </c>
      <c r="AM3807" s="53">
        <v>-30851.5452975644</v>
      </c>
      <c r="AN3807" s="53">
        <v>-370218.54357077298</v>
      </c>
      <c r="AO3807" s="53">
        <v>2.93098878501041E-11</v>
      </c>
      <c r="AP3807" s="53">
        <v>2.93098878501041E-11</v>
      </c>
      <c r="AQ3807" s="53">
        <v>2.93098878501041E-11</v>
      </c>
      <c r="AR3807" s="53">
        <v>2.93098878501041E-11</v>
      </c>
      <c r="AS3807" s="53">
        <v>2.93098878501041E-11</v>
      </c>
      <c r="AT3807" s="53">
        <v>2.93098878501041E-11</v>
      </c>
      <c r="AU3807" s="53">
        <v>2.93098878501041E-11</v>
      </c>
      <c r="AV3807" s="53">
        <v>2.93098878501041E-11</v>
      </c>
      <c r="AW3807" s="53">
        <v>2.93098878501041E-11</v>
      </c>
      <c r="AX3807" s="53">
        <v>2.93098878501041E-11</v>
      </c>
      <c r="AY3807" s="53">
        <v>2.93098878501041E-11</v>
      </c>
      <c r="AZ3807" s="53">
        <v>2.93098878501041E-11</v>
      </c>
      <c r="BA3807" s="53">
        <v>3.5171865420124902E-10</v>
      </c>
      <c r="BB3807" s="53">
        <v>3.7821597705563597E-11</v>
      </c>
      <c r="BC3807" s="53">
        <v>3.7821597705563597E-11</v>
      </c>
      <c r="BD3807" s="53">
        <v>3.7821597705563597E-11</v>
      </c>
      <c r="BE3807" s="53">
        <v>3.7821597705563597E-11</v>
      </c>
      <c r="BF3807" s="53">
        <v>3.7821597705563597E-11</v>
      </c>
      <c r="BG3807" s="53">
        <v>3.7821597705563597E-11</v>
      </c>
      <c r="BH3807" s="53">
        <v>3.7821597705563597E-11</v>
      </c>
      <c r="BI3807" s="53">
        <v>3.7821597705563597E-11</v>
      </c>
      <c r="BJ3807" s="53">
        <v>3.7821597705563597E-11</v>
      </c>
      <c r="BK3807" s="53">
        <v>3.7821597705563597E-11</v>
      </c>
      <c r="BL3807" s="53">
        <v>3.7821597705563597E-11</v>
      </c>
      <c r="BM3807" s="53">
        <v>3.7821597705563597E-11</v>
      </c>
      <c r="BN3807" s="53">
        <v>4.5385917246676301E-10</v>
      </c>
      <c r="BO3807" s="53">
        <v>-1.52365774318418E-10</v>
      </c>
      <c r="BP3807" s="53">
        <v>-1.52365774318418E-10</v>
      </c>
      <c r="BQ3807" s="53">
        <v>-1.52365774318418E-10</v>
      </c>
      <c r="BR3807" s="53">
        <v>-1.52365774318418E-10</v>
      </c>
      <c r="BS3807" s="53">
        <v>-1.52365774318418E-10</v>
      </c>
      <c r="BT3807" s="53">
        <v>-1.52365774318418E-10</v>
      </c>
      <c r="BU3807" s="53">
        <v>-1.52365774318418E-10</v>
      </c>
      <c r="BV3807" s="53">
        <v>-1.52365774318418E-10</v>
      </c>
      <c r="BW3807" s="53">
        <v>-1.52365774318418E-10</v>
      </c>
      <c r="BX3807" s="53">
        <v>-1.52365774318418E-10</v>
      </c>
      <c r="BY3807" s="53">
        <v>-1.52365774318418E-10</v>
      </c>
      <c r="BZ3807" s="53">
        <v>-1.52365774318418E-10</v>
      </c>
      <c r="CA3807" s="53">
        <v>-1.8283892918210101E-9</v>
      </c>
      <c r="CB3807" s="53">
        <v>-8149.6234309623196</v>
      </c>
      <c r="CC3807" s="53">
        <v>-8149.6234309623196</v>
      </c>
      <c r="CD3807" s="53">
        <v>-8149.6234309623196</v>
      </c>
      <c r="CE3807" s="53">
        <v>-8149.6234309623196</v>
      </c>
      <c r="CF3807" s="53">
        <v>-8149.6234309623196</v>
      </c>
      <c r="CG3807" s="53">
        <v>-8149.6234309623196</v>
      </c>
      <c r="CH3807" s="53">
        <v>-8149.6234309623196</v>
      </c>
      <c r="CI3807" s="53">
        <v>-8149.6234309623196</v>
      </c>
      <c r="CJ3807" s="53">
        <v>-8149.6234309623196</v>
      </c>
      <c r="CK3807" s="53">
        <v>-8149.6234309623196</v>
      </c>
      <c r="CL3807" s="53">
        <v>-8149.6234309623196</v>
      </c>
      <c r="CM3807" s="53">
        <v>-8149.6234309623196</v>
      </c>
      <c r="CN3807" s="53">
        <v>-97795.481171547799</v>
      </c>
    </row>
    <row r="3808" spans="1:92" outlineLevel="1">
      <c r="A3808" s="52" t="s">
        <v>769</v>
      </c>
      <c r="B3808" s="53"/>
      <c r="C3808" s="53"/>
      <c r="D3808" s="53"/>
      <c r="E3808" s="53"/>
      <c r="F3808" s="53"/>
      <c r="G3808" s="53"/>
      <c r="H3808" s="53"/>
      <c r="I3808" s="53"/>
      <c r="J3808" s="53"/>
      <c r="K3808" s="53"/>
      <c r="L3808" s="53"/>
      <c r="M3808" s="53"/>
      <c r="N3808" s="53"/>
      <c r="O3808" s="53"/>
      <c r="P3808" s="53"/>
      <c r="Q3808" s="53"/>
      <c r="R3808" s="53"/>
      <c r="S3808" s="53"/>
      <c r="T3808" s="53"/>
      <c r="U3808" s="53"/>
      <c r="V3808" s="53"/>
      <c r="W3808" s="53"/>
      <c r="X3808" s="53"/>
      <c r="Y3808" s="53"/>
      <c r="Z3808" s="53"/>
      <c r="AA3808" s="53"/>
      <c r="AB3808" s="53"/>
      <c r="AC3808" s="53"/>
      <c r="AD3808" s="53"/>
      <c r="AE3808" s="53"/>
      <c r="AF3808" s="53"/>
      <c r="AG3808" s="53"/>
      <c r="AH3808" s="53"/>
      <c r="AI3808" s="53"/>
      <c r="AJ3808" s="53"/>
      <c r="AK3808" s="53"/>
      <c r="AL3808" s="53"/>
      <c r="AM3808" s="53"/>
      <c r="AN3808" s="53"/>
      <c r="AO3808" s="53"/>
      <c r="AP3808" s="53"/>
      <c r="AQ3808" s="53"/>
      <c r="AR3808" s="53"/>
      <c r="AS3808" s="53"/>
      <c r="AT3808" s="53"/>
      <c r="AU3808" s="53"/>
      <c r="AV3808" s="53"/>
      <c r="AW3808" s="53"/>
      <c r="AX3808" s="53"/>
      <c r="AY3808" s="53"/>
      <c r="AZ3808" s="53"/>
      <c r="BA3808" s="53"/>
      <c r="BB3808" s="53"/>
      <c r="BC3808" s="53"/>
      <c r="BD3808" s="53"/>
      <c r="BE3808" s="53"/>
      <c r="BF3808" s="53"/>
      <c r="BG3808" s="53"/>
      <c r="BH3808" s="53"/>
      <c r="BI3808" s="53"/>
      <c r="BJ3808" s="53"/>
      <c r="BK3808" s="53"/>
      <c r="BL3808" s="53"/>
      <c r="BM3808" s="53"/>
      <c r="BN3808" s="53"/>
      <c r="BO3808" s="53"/>
      <c r="BP3808" s="53"/>
      <c r="BQ3808" s="53"/>
      <c r="BR3808" s="53"/>
      <c r="BS3808" s="53"/>
      <c r="BT3808" s="53"/>
      <c r="BU3808" s="53"/>
      <c r="BV3808" s="53"/>
      <c r="BW3808" s="53"/>
      <c r="BX3808" s="53"/>
      <c r="BY3808" s="53"/>
      <c r="BZ3808" s="53"/>
      <c r="CA3808" s="53"/>
      <c r="CB3808" s="53">
        <v>-7907.1043115438397</v>
      </c>
      <c r="CC3808" s="53">
        <v>-7907.1043115438397</v>
      </c>
      <c r="CD3808" s="53">
        <v>-7907.1043115438397</v>
      </c>
      <c r="CE3808" s="53">
        <v>-7907.1043115438397</v>
      </c>
      <c r="CF3808" s="53">
        <v>-7907.1043115438397</v>
      </c>
      <c r="CG3808" s="53">
        <v>-7907.1043115438397</v>
      </c>
      <c r="CH3808" s="53">
        <v>-7907.1043115438397</v>
      </c>
      <c r="CI3808" s="53">
        <v>-7907.1043115438397</v>
      </c>
      <c r="CJ3808" s="53">
        <v>-7907.1043115438397</v>
      </c>
      <c r="CK3808" s="53">
        <v>-7907.1043115438397</v>
      </c>
      <c r="CL3808" s="53">
        <v>-7907.1043115438397</v>
      </c>
      <c r="CM3808" s="53">
        <v>-7907.1043115438397</v>
      </c>
      <c r="CN3808" s="53">
        <v>-94885.251738526102</v>
      </c>
    </row>
    <row r="3809" spans="1:92" outlineLevel="1">
      <c r="A3809" s="52" t="s">
        <v>770</v>
      </c>
      <c r="B3809" s="53"/>
      <c r="C3809" s="53"/>
      <c r="D3809" s="53"/>
      <c r="E3809" s="53"/>
      <c r="F3809" s="53"/>
      <c r="G3809" s="53"/>
      <c r="H3809" s="53"/>
      <c r="I3809" s="53"/>
      <c r="J3809" s="53"/>
      <c r="K3809" s="53"/>
      <c r="L3809" s="53"/>
      <c r="M3809" s="53"/>
      <c r="N3809" s="53"/>
      <c r="O3809" s="53"/>
      <c r="P3809" s="53"/>
      <c r="Q3809" s="53"/>
      <c r="R3809" s="53"/>
      <c r="S3809" s="53"/>
      <c r="T3809" s="53"/>
      <c r="U3809" s="53"/>
      <c r="V3809" s="53"/>
      <c r="W3809" s="53"/>
      <c r="X3809" s="53"/>
      <c r="Y3809" s="53"/>
      <c r="Z3809" s="53"/>
      <c r="AA3809" s="53"/>
      <c r="AB3809" s="53"/>
      <c r="AC3809" s="53"/>
      <c r="AD3809" s="53"/>
      <c r="AE3809" s="53"/>
      <c r="AF3809" s="53"/>
      <c r="AG3809" s="53"/>
      <c r="AH3809" s="53"/>
      <c r="AI3809" s="53"/>
      <c r="AJ3809" s="53"/>
      <c r="AK3809" s="53"/>
      <c r="AL3809" s="53"/>
      <c r="AM3809" s="53"/>
      <c r="AN3809" s="53"/>
      <c r="AO3809" s="53"/>
      <c r="AP3809" s="53"/>
      <c r="AQ3809" s="53"/>
      <c r="AR3809" s="53"/>
      <c r="AS3809" s="53"/>
      <c r="AT3809" s="53"/>
      <c r="AU3809" s="53"/>
      <c r="AV3809" s="53"/>
      <c r="AW3809" s="53"/>
      <c r="AX3809" s="53"/>
      <c r="AY3809" s="53"/>
      <c r="AZ3809" s="53"/>
      <c r="BA3809" s="53"/>
      <c r="BB3809" s="53"/>
      <c r="BC3809" s="53"/>
      <c r="BD3809" s="53"/>
      <c r="BE3809" s="53"/>
      <c r="BF3809" s="53"/>
      <c r="BG3809" s="53"/>
      <c r="BH3809" s="53"/>
      <c r="BI3809" s="53"/>
      <c r="BJ3809" s="53"/>
      <c r="BK3809" s="53"/>
      <c r="BL3809" s="53"/>
      <c r="BM3809" s="53"/>
      <c r="BN3809" s="53"/>
      <c r="BO3809" s="53"/>
      <c r="BP3809" s="53"/>
      <c r="BQ3809" s="53"/>
      <c r="BR3809" s="53"/>
      <c r="BS3809" s="53"/>
      <c r="BT3809" s="53"/>
      <c r="BU3809" s="53"/>
      <c r="BV3809" s="53"/>
      <c r="BW3809" s="53"/>
      <c r="BX3809" s="53"/>
      <c r="BY3809" s="53"/>
      <c r="BZ3809" s="53"/>
      <c r="CA3809" s="53"/>
      <c r="CB3809" s="53"/>
      <c r="CC3809" s="53"/>
      <c r="CD3809" s="53"/>
      <c r="CE3809" s="53"/>
      <c r="CF3809" s="53"/>
      <c r="CG3809" s="53"/>
      <c r="CH3809" s="53"/>
      <c r="CI3809" s="53"/>
      <c r="CJ3809" s="53"/>
      <c r="CK3809" s="53"/>
      <c r="CL3809" s="53"/>
      <c r="CM3809" s="53"/>
      <c r="CN3809" s="53"/>
    </row>
    <row r="3810" spans="1:92" outlineLevel="1">
      <c r="A3810" s="52" t="s">
        <v>649</v>
      </c>
      <c r="B3810" s="53">
        <v>56613493.259999998</v>
      </c>
      <c r="C3810" s="53">
        <v>47825393.969999999</v>
      </c>
      <c r="D3810" s="53">
        <v>44538790.159999996</v>
      </c>
      <c r="E3810" s="53">
        <v>28822708.6599999</v>
      </c>
      <c r="F3810" s="53">
        <v>24885311.41</v>
      </c>
      <c r="G3810" s="53">
        <v>22769660.129999999</v>
      </c>
      <c r="H3810" s="53">
        <v>37141707.170000002</v>
      </c>
      <c r="I3810" s="53">
        <v>35851667.979999997</v>
      </c>
      <c r="J3810" s="53">
        <v>40295825.060000002</v>
      </c>
      <c r="K3810" s="53">
        <v>29914819.489999998</v>
      </c>
      <c r="L3810" s="53">
        <v>10856786.35</v>
      </c>
      <c r="M3810" s="53">
        <v>4020351.59</v>
      </c>
      <c r="N3810" s="53">
        <v>383536515.23000002</v>
      </c>
      <c r="O3810" s="53">
        <v>6484847.9900000002</v>
      </c>
      <c r="P3810" s="53">
        <v>5555935.4699999997</v>
      </c>
      <c r="Q3810" s="53">
        <v>10361733.09</v>
      </c>
      <c r="R3810" s="53">
        <v>3442406.19</v>
      </c>
      <c r="S3810" s="53">
        <v>19680039.010000002</v>
      </c>
      <c r="T3810" s="53">
        <v>21630294.1599999</v>
      </c>
      <c r="U3810" s="53">
        <v>26251780.309999999</v>
      </c>
      <c r="V3810" s="53">
        <v>26420150.210000001</v>
      </c>
      <c r="W3810" s="53">
        <v>23537547.07</v>
      </c>
      <c r="X3810" s="53">
        <v>16098354.7999999</v>
      </c>
      <c r="Y3810" s="53">
        <v>13872146.369999999</v>
      </c>
      <c r="Z3810" s="53">
        <v>7963172.8099999903</v>
      </c>
      <c r="AA3810" s="53">
        <v>181298407.47999999</v>
      </c>
      <c r="AB3810" s="53">
        <v>5728202.5699999901</v>
      </c>
      <c r="AC3810" s="53">
        <v>3210094.7699999898</v>
      </c>
      <c r="AD3810" s="53">
        <v>1538372.26999999</v>
      </c>
      <c r="AE3810" s="53">
        <v>8314765.3200000003</v>
      </c>
      <c r="AF3810" s="53">
        <v>19365393</v>
      </c>
      <c r="AG3810" s="53">
        <v>20069279.859999999</v>
      </c>
      <c r="AH3810" s="53">
        <v>23835975.329999998</v>
      </c>
      <c r="AI3810" s="53">
        <v>27905530.800000001</v>
      </c>
      <c r="AJ3810" s="53">
        <v>19972074.969999999</v>
      </c>
      <c r="AK3810" s="53">
        <v>16272585.4599999</v>
      </c>
      <c r="AL3810" s="53">
        <v>11444636.060000001</v>
      </c>
      <c r="AM3810" s="53">
        <v>4789635.57</v>
      </c>
      <c r="AN3810" s="53">
        <v>162446545.97999999</v>
      </c>
      <c r="AO3810" s="53">
        <v>5576383.21</v>
      </c>
      <c r="AP3810" s="53">
        <v>4011587.47</v>
      </c>
      <c r="AQ3810" s="53">
        <v>9666392.5399999991</v>
      </c>
      <c r="AR3810" s="53">
        <v>6179840.1799999997</v>
      </c>
      <c r="AS3810" s="53">
        <v>8819494.9399999995</v>
      </c>
      <c r="AT3810" s="53">
        <v>9532164.6199999992</v>
      </c>
      <c r="AU3810" s="53">
        <v>14918590.849999901</v>
      </c>
      <c r="AV3810" s="53">
        <v>21156870.030000001</v>
      </c>
      <c r="AW3810" s="53">
        <v>17099196.669999901</v>
      </c>
      <c r="AX3810" s="53">
        <v>13315042.699999999</v>
      </c>
      <c r="AY3810" s="53">
        <v>7239552.1799999997</v>
      </c>
      <c r="AZ3810" s="53">
        <v>3496446.96</v>
      </c>
      <c r="BA3810" s="53">
        <v>121011562.34999999</v>
      </c>
      <c r="BB3810" s="53">
        <v>6311320.7800000003</v>
      </c>
      <c r="BC3810" s="53">
        <v>4349404.99</v>
      </c>
      <c r="BD3810" s="53">
        <v>4862191.16</v>
      </c>
      <c r="BE3810" s="53">
        <v>5039601.68</v>
      </c>
      <c r="BF3810" s="53">
        <v>13518226.08</v>
      </c>
      <c r="BG3810" s="53">
        <v>15583061.09</v>
      </c>
      <c r="BH3810" s="53">
        <v>19285200.839999899</v>
      </c>
      <c r="BI3810" s="53">
        <v>22149230.469999999</v>
      </c>
      <c r="BJ3810" s="53">
        <v>18530791.199999999</v>
      </c>
      <c r="BK3810" s="53">
        <v>20243452.300000001</v>
      </c>
      <c r="BL3810" s="53">
        <v>11746712.27</v>
      </c>
      <c r="BM3810" s="53">
        <v>5258108.5599999996</v>
      </c>
      <c r="BN3810" s="53">
        <v>146877301.41999999</v>
      </c>
      <c r="BO3810" s="53">
        <v>6272379.7000000002</v>
      </c>
      <c r="BP3810" s="53">
        <v>4007192.75</v>
      </c>
      <c r="BQ3810" s="53">
        <v>8688162.2300000004</v>
      </c>
      <c r="BR3810" s="53">
        <v>5955970.6399999997</v>
      </c>
      <c r="BS3810" s="53">
        <v>14343028.7099999</v>
      </c>
      <c r="BT3810" s="53">
        <v>17968877.059999999</v>
      </c>
      <c r="BU3810" s="53">
        <v>19637064.370000001</v>
      </c>
      <c r="BV3810" s="53">
        <v>21289464.829999998</v>
      </c>
      <c r="BW3810" s="53">
        <v>17732063.300000001</v>
      </c>
      <c r="BX3810" s="53">
        <v>15785682.439999999</v>
      </c>
      <c r="BY3810" s="53">
        <v>4819984.8199999901</v>
      </c>
      <c r="BZ3810" s="53">
        <v>4782938.5</v>
      </c>
      <c r="CA3810" s="53">
        <v>141282809.34999999</v>
      </c>
      <c r="CB3810" s="53"/>
      <c r="CC3810" s="53"/>
      <c r="CD3810" s="53"/>
      <c r="CE3810" s="53"/>
      <c r="CF3810" s="53"/>
      <c r="CG3810" s="53"/>
      <c r="CH3810" s="53"/>
      <c r="CI3810" s="53"/>
      <c r="CJ3810" s="53"/>
      <c r="CK3810" s="53"/>
      <c r="CL3810" s="53"/>
      <c r="CM3810" s="53"/>
      <c r="CN3810" s="53"/>
    </row>
    <row r="3811" spans="1:92" outlineLevel="1">
      <c r="A3811" s="52" t="s">
        <v>771</v>
      </c>
      <c r="B3811" s="53"/>
      <c r="C3811" s="53"/>
      <c r="D3811" s="53"/>
      <c r="E3811" s="53"/>
      <c r="F3811" s="53"/>
      <c r="G3811" s="53"/>
      <c r="H3811" s="53"/>
      <c r="I3811" s="53"/>
      <c r="J3811" s="53"/>
      <c r="K3811" s="53"/>
      <c r="L3811" s="53"/>
      <c r="M3811" s="53"/>
      <c r="N3811" s="53"/>
      <c r="O3811" s="53"/>
      <c r="P3811" s="53"/>
      <c r="Q3811" s="53"/>
      <c r="R3811" s="53"/>
      <c r="S3811" s="53"/>
      <c r="T3811" s="53"/>
      <c r="U3811" s="53"/>
      <c r="V3811" s="53"/>
      <c r="W3811" s="53"/>
      <c r="X3811" s="53"/>
      <c r="Y3811" s="53"/>
      <c r="Z3811" s="53"/>
      <c r="AA3811" s="53"/>
      <c r="AB3811" s="53"/>
      <c r="AC3811" s="53"/>
      <c r="AD3811" s="53"/>
      <c r="AE3811" s="53"/>
      <c r="AF3811" s="53"/>
      <c r="AG3811" s="53"/>
      <c r="AH3811" s="53"/>
      <c r="AI3811" s="53"/>
      <c r="AJ3811" s="53"/>
      <c r="AK3811" s="53"/>
      <c r="AL3811" s="53"/>
      <c r="AM3811" s="53"/>
      <c r="AN3811" s="53"/>
      <c r="AO3811" s="53"/>
      <c r="AP3811" s="53"/>
      <c r="AQ3811" s="53"/>
      <c r="AR3811" s="53"/>
      <c r="AS3811" s="53"/>
      <c r="AT3811" s="53"/>
      <c r="AU3811" s="53"/>
      <c r="AV3811" s="53"/>
      <c r="AW3811" s="53"/>
      <c r="AX3811" s="53"/>
      <c r="AY3811" s="53"/>
      <c r="AZ3811" s="53"/>
      <c r="BA3811" s="53"/>
      <c r="BB3811" s="53"/>
      <c r="BC3811" s="53"/>
      <c r="BD3811" s="53"/>
      <c r="BE3811" s="53"/>
      <c r="BF3811" s="53"/>
      <c r="BG3811" s="53"/>
      <c r="BH3811" s="53"/>
      <c r="BI3811" s="53"/>
      <c r="BJ3811" s="53"/>
      <c r="BK3811" s="53"/>
      <c r="BL3811" s="53"/>
      <c r="BM3811" s="53"/>
      <c r="BN3811" s="53"/>
      <c r="BO3811" s="53"/>
      <c r="BP3811" s="53"/>
      <c r="BQ3811" s="53"/>
      <c r="BR3811" s="53"/>
      <c r="BS3811" s="53"/>
      <c r="BT3811" s="53"/>
      <c r="BU3811" s="53"/>
      <c r="BV3811" s="53"/>
      <c r="BW3811" s="53"/>
      <c r="BX3811" s="53"/>
      <c r="BY3811" s="53"/>
      <c r="BZ3811" s="53"/>
      <c r="CA3811" s="53"/>
      <c r="CB3811" s="53">
        <v>4.4720973724483297</v>
      </c>
      <c r="CC3811" s="53">
        <v>4.5045461656332497</v>
      </c>
      <c r="CD3811" s="53">
        <v>4.5372304018533898</v>
      </c>
      <c r="CE3811" s="53">
        <v>4.5701517894441599</v>
      </c>
      <c r="CF3811" s="53">
        <v>4.6033120491363997</v>
      </c>
      <c r="CG3811" s="53">
        <v>4.6367129141462602</v>
      </c>
      <c r="CH3811" s="53">
        <v>4.6703561302658096</v>
      </c>
      <c r="CI3811" s="53">
        <v>4.7042434559543196</v>
      </c>
      <c r="CJ3811" s="53">
        <v>4.7383766624301398</v>
      </c>
      <c r="CK3811" s="53">
        <v>4.7727575337632802</v>
      </c>
      <c r="CL3811" s="53">
        <v>4.8073878669686696</v>
      </c>
      <c r="CM3811" s="53">
        <v>4.8422694721000799</v>
      </c>
      <c r="CN3811" s="53">
        <v>55.859441814144098</v>
      </c>
    </row>
    <row r="3812" spans="1:92" outlineLevel="1">
      <c r="A3812" s="52" t="s">
        <v>649</v>
      </c>
      <c r="B3812" s="53">
        <v>3789809.94</v>
      </c>
      <c r="C3812" s="53">
        <v>3422268.28</v>
      </c>
      <c r="D3812" s="53">
        <v>3143837.66</v>
      </c>
      <c r="E3812" s="53">
        <v>2093543.46</v>
      </c>
      <c r="F3812" s="53">
        <v>3503076.71999999</v>
      </c>
      <c r="G3812" s="53">
        <v>4028055.1799999899</v>
      </c>
      <c r="H3812" s="53">
        <v>5073254.49</v>
      </c>
      <c r="I3812" s="53">
        <v>5742731.75</v>
      </c>
      <c r="J3812" s="53">
        <v>4862843.8</v>
      </c>
      <c r="K3812" s="53">
        <v>2830850.48</v>
      </c>
      <c r="L3812" s="53">
        <v>4178068.13</v>
      </c>
      <c r="M3812" s="53">
        <v>4837041.5599999996</v>
      </c>
      <c r="N3812" s="53">
        <v>47505381.450000003</v>
      </c>
      <c r="O3812" s="53">
        <v>5141844.54</v>
      </c>
      <c r="P3812" s="53">
        <v>4855313.92</v>
      </c>
      <c r="Q3812" s="53">
        <v>4357533.95</v>
      </c>
      <c r="R3812" s="53">
        <v>2534368.79</v>
      </c>
      <c r="S3812" s="53">
        <v>2700229.93</v>
      </c>
      <c r="T3812" s="53">
        <v>2893365.16</v>
      </c>
      <c r="U3812" s="53">
        <v>2752843.91</v>
      </c>
      <c r="V3812" s="53">
        <v>2924244.46</v>
      </c>
      <c r="W3812" s="53">
        <v>2795109.63</v>
      </c>
      <c r="X3812" s="53">
        <v>2153144.7000000002</v>
      </c>
      <c r="Y3812" s="53">
        <v>5013419.0599999996</v>
      </c>
      <c r="Z3812" s="53">
        <v>5546676.7599999998</v>
      </c>
      <c r="AA3812" s="53">
        <v>43668094.810000002</v>
      </c>
      <c r="AB3812" s="53">
        <v>4471780.09</v>
      </c>
      <c r="AC3812" s="53">
        <v>4081060.52999999</v>
      </c>
      <c r="AD3812" s="53">
        <v>3916406.12</v>
      </c>
      <c r="AE3812" s="53">
        <v>2367178.5899999901</v>
      </c>
      <c r="AF3812" s="53">
        <v>4838483.1100000003</v>
      </c>
      <c r="AG3812" s="53">
        <v>2932146.04</v>
      </c>
      <c r="AH3812" s="53">
        <v>2622953.9799999902</v>
      </c>
      <c r="AI3812" s="53">
        <v>2763822.11</v>
      </c>
      <c r="AJ3812" s="53">
        <v>2721854.29</v>
      </c>
      <c r="AK3812" s="53">
        <v>2478806.4799999902</v>
      </c>
      <c r="AL3812" s="53">
        <v>2545071.83</v>
      </c>
      <c r="AM3812" s="53">
        <v>4647910.3599999901</v>
      </c>
      <c r="AN3812" s="53">
        <v>40387473.530000001</v>
      </c>
      <c r="AO3812" s="53">
        <v>4390621.54</v>
      </c>
      <c r="AP3812" s="53">
        <v>3696168.5399999898</v>
      </c>
      <c r="AQ3812" s="53">
        <v>3535796.98</v>
      </c>
      <c r="AR3812" s="53">
        <v>2379921.96999999</v>
      </c>
      <c r="AS3812" s="53">
        <v>3735262.3999999901</v>
      </c>
      <c r="AT3812" s="53">
        <v>4022527.57</v>
      </c>
      <c r="AU3812" s="53">
        <v>3041052.57</v>
      </c>
      <c r="AV3812" s="53">
        <v>2881264.5699999901</v>
      </c>
      <c r="AW3812" s="53">
        <v>2646040.23</v>
      </c>
      <c r="AX3812" s="53">
        <v>2644422.67</v>
      </c>
      <c r="AY3812" s="53">
        <v>3065965.94</v>
      </c>
      <c r="AZ3812" s="53">
        <v>4345653.6500000004</v>
      </c>
      <c r="BA3812" s="53">
        <v>40384698.629999898</v>
      </c>
      <c r="BB3812" s="53">
        <v>4356287.4000000004</v>
      </c>
      <c r="BC3812" s="53">
        <v>3562652.82</v>
      </c>
      <c r="BD3812" s="53">
        <v>3418987</v>
      </c>
      <c r="BE3812" s="53">
        <v>2627414.4300000002</v>
      </c>
      <c r="BF3812" s="53">
        <v>2605299.6</v>
      </c>
      <c r="BG3812" s="53">
        <v>2770695.12</v>
      </c>
      <c r="BH3812" s="53">
        <v>2424136.56</v>
      </c>
      <c r="BI3812" s="53">
        <v>2686188.02</v>
      </c>
      <c r="BJ3812" s="53">
        <v>2714288.51</v>
      </c>
      <c r="BK3812" s="53">
        <v>2389000.46</v>
      </c>
      <c r="BL3812" s="53">
        <v>2955607.78</v>
      </c>
      <c r="BM3812" s="53">
        <v>4348307.33</v>
      </c>
      <c r="BN3812" s="53">
        <v>36858865.030000001</v>
      </c>
      <c r="BO3812" s="53">
        <v>4190324.37</v>
      </c>
      <c r="BP3812" s="53">
        <v>3861766.5</v>
      </c>
      <c r="BQ3812" s="53">
        <v>3510986.22</v>
      </c>
      <c r="BR3812" s="53">
        <v>2187418.92</v>
      </c>
      <c r="BS3812" s="53">
        <v>2463125.96</v>
      </c>
      <c r="BT3812" s="53">
        <v>2625186.5299999998</v>
      </c>
      <c r="BU3812" s="53">
        <v>2537434.6599999899</v>
      </c>
      <c r="BV3812" s="53">
        <v>2917305.7</v>
      </c>
      <c r="BW3812" s="53">
        <v>2805057.84</v>
      </c>
      <c r="BX3812" s="53">
        <v>2056321.21999999</v>
      </c>
      <c r="BY3812" s="53">
        <v>1113091.3700000001</v>
      </c>
      <c r="BZ3812" s="53">
        <v>1625862.3899999899</v>
      </c>
      <c r="CA3812" s="53">
        <v>31893881.68</v>
      </c>
      <c r="CB3812" s="53">
        <v>-386932.316836135</v>
      </c>
      <c r="CC3812" s="53">
        <v>-389289.379532861</v>
      </c>
      <c r="CD3812" s="53">
        <v>-391660.80066984898</v>
      </c>
      <c r="CE3812" s="53">
        <v>-394046.66771392903</v>
      </c>
      <c r="CF3812" s="53">
        <v>-396447.06866475299</v>
      </c>
      <c r="CG3812" s="53">
        <v>-398862.09205803502</v>
      </c>
      <c r="CH3812" s="53">
        <v>-401291.82696882199</v>
      </c>
      <c r="CI3812" s="53">
        <v>-403736.363014773</v>
      </c>
      <c r="CJ3812" s="53">
        <v>-406195.79035947099</v>
      </c>
      <c r="CK3812" s="53">
        <v>-408670.19971574302</v>
      </c>
      <c r="CL3812" s="53">
        <v>-411159.68234901101</v>
      </c>
      <c r="CM3812" s="53">
        <v>-413664.33008065203</v>
      </c>
      <c r="CN3812" s="53">
        <v>-4801956.5179640297</v>
      </c>
    </row>
    <row r="3813" spans="1:92" outlineLevel="1">
      <c r="A3813" s="52" t="s">
        <v>772</v>
      </c>
      <c r="B3813" s="53"/>
      <c r="C3813" s="53"/>
      <c r="D3813" s="53"/>
      <c r="E3813" s="53"/>
      <c r="F3813" s="53"/>
      <c r="G3813" s="53"/>
      <c r="H3813" s="53"/>
      <c r="I3813" s="53"/>
      <c r="J3813" s="53"/>
      <c r="K3813" s="53"/>
      <c r="L3813" s="53"/>
      <c r="M3813" s="53"/>
      <c r="N3813" s="53"/>
      <c r="O3813" s="53"/>
      <c r="P3813" s="53"/>
      <c r="Q3813" s="53"/>
      <c r="R3813" s="53"/>
      <c r="S3813" s="53"/>
      <c r="T3813" s="53"/>
      <c r="U3813" s="53"/>
      <c r="V3813" s="53"/>
      <c r="W3813" s="53"/>
      <c r="X3813" s="53"/>
      <c r="Y3813" s="53"/>
      <c r="Z3813" s="53"/>
      <c r="AA3813" s="53"/>
      <c r="AB3813" s="53"/>
      <c r="AC3813" s="53"/>
      <c r="AD3813" s="53"/>
      <c r="AE3813" s="53"/>
      <c r="AF3813" s="53"/>
      <c r="AG3813" s="53"/>
      <c r="AH3813" s="53"/>
      <c r="AI3813" s="53"/>
      <c r="AJ3813" s="53"/>
      <c r="AK3813" s="53"/>
      <c r="AL3813" s="53"/>
      <c r="AM3813" s="53"/>
      <c r="AN3813" s="53"/>
      <c r="AO3813" s="53"/>
      <c r="AP3813" s="53"/>
      <c r="AQ3813" s="53"/>
      <c r="AR3813" s="53"/>
      <c r="AS3813" s="53"/>
      <c r="AT3813" s="53"/>
      <c r="AU3813" s="53"/>
      <c r="AV3813" s="53"/>
      <c r="AW3813" s="53"/>
      <c r="AX3813" s="53"/>
      <c r="AY3813" s="53"/>
      <c r="AZ3813" s="53"/>
      <c r="BA3813" s="53"/>
      <c r="BB3813" s="53"/>
      <c r="BC3813" s="53"/>
      <c r="BD3813" s="53"/>
      <c r="BE3813" s="53"/>
      <c r="BF3813" s="53"/>
      <c r="BG3813" s="53"/>
      <c r="BH3813" s="53"/>
      <c r="BI3813" s="53"/>
      <c r="BJ3813" s="53"/>
      <c r="BK3813" s="53"/>
      <c r="BL3813" s="53"/>
      <c r="BM3813" s="53"/>
      <c r="BN3813" s="53"/>
      <c r="BO3813" s="53"/>
      <c r="BP3813" s="53"/>
      <c r="BQ3813" s="53"/>
      <c r="BR3813" s="53"/>
      <c r="BS3813" s="53"/>
      <c r="BT3813" s="53"/>
      <c r="BU3813" s="53"/>
      <c r="BV3813" s="53"/>
      <c r="BW3813" s="53"/>
      <c r="BX3813" s="53"/>
      <c r="BY3813" s="53"/>
      <c r="BZ3813" s="53"/>
      <c r="CA3813" s="53"/>
      <c r="CB3813" s="53"/>
      <c r="CC3813" s="53"/>
      <c r="CD3813" s="53"/>
      <c r="CE3813" s="53"/>
      <c r="CF3813" s="53"/>
      <c r="CG3813" s="53"/>
      <c r="CH3813" s="53"/>
      <c r="CI3813" s="53"/>
      <c r="CJ3813" s="53"/>
      <c r="CK3813" s="53"/>
      <c r="CL3813" s="53"/>
      <c r="CM3813" s="53"/>
      <c r="CN3813" s="53"/>
    </row>
    <row r="3814" spans="1:92" outlineLevel="1">
      <c r="A3814" s="52" t="s">
        <v>649</v>
      </c>
      <c r="B3814" s="53">
        <v>106318449.72999901</v>
      </c>
      <c r="C3814" s="53">
        <v>100794760.3</v>
      </c>
      <c r="D3814" s="53">
        <v>127940463.469999</v>
      </c>
      <c r="E3814" s="53">
        <v>102737561</v>
      </c>
      <c r="F3814" s="53">
        <v>165531098.33000001</v>
      </c>
      <c r="G3814" s="53">
        <v>188818153.13</v>
      </c>
      <c r="H3814" s="53">
        <v>245991165.06</v>
      </c>
      <c r="I3814" s="53">
        <v>244053514.19999999</v>
      </c>
      <c r="J3814" s="53">
        <v>221759871.77000001</v>
      </c>
      <c r="K3814" s="53">
        <v>205629827.78999999</v>
      </c>
      <c r="L3814" s="53">
        <v>149868013.94999999</v>
      </c>
      <c r="M3814" s="53">
        <v>173142034.31</v>
      </c>
      <c r="N3814" s="53">
        <v>2032584913.04</v>
      </c>
      <c r="O3814" s="53">
        <v>170256544.28999999</v>
      </c>
      <c r="P3814" s="53">
        <v>152994064.80000001</v>
      </c>
      <c r="Q3814" s="53">
        <v>144113365.46000001</v>
      </c>
      <c r="R3814" s="53">
        <v>128691680.13</v>
      </c>
      <c r="S3814" s="53">
        <v>139762662.09</v>
      </c>
      <c r="T3814" s="53">
        <v>151151211.72999999</v>
      </c>
      <c r="U3814" s="53">
        <v>163390006.09</v>
      </c>
      <c r="V3814" s="53">
        <v>159137751.93000001</v>
      </c>
      <c r="W3814" s="53">
        <v>148151117.47999999</v>
      </c>
      <c r="X3814" s="53">
        <v>135366420.88</v>
      </c>
      <c r="Y3814" s="53">
        <v>122532544.019999</v>
      </c>
      <c r="Z3814" s="53">
        <v>141364511.03</v>
      </c>
      <c r="AA3814" s="53">
        <v>1756911879.9300001</v>
      </c>
      <c r="AB3814" s="53">
        <v>145243330.71999899</v>
      </c>
      <c r="AC3814" s="53">
        <v>131565532.47999901</v>
      </c>
      <c r="AD3814" s="53">
        <v>125545250.39999899</v>
      </c>
      <c r="AE3814" s="53">
        <v>107376927.11999901</v>
      </c>
      <c r="AF3814" s="53">
        <v>116035234.78999899</v>
      </c>
      <c r="AG3814" s="53">
        <v>131086793.279999</v>
      </c>
      <c r="AH3814" s="53">
        <v>138610982.09</v>
      </c>
      <c r="AI3814" s="53">
        <v>136039846.30000001</v>
      </c>
      <c r="AJ3814" s="53">
        <v>133505884.06999999</v>
      </c>
      <c r="AK3814" s="53">
        <v>121750731.81999999</v>
      </c>
      <c r="AL3814" s="53">
        <v>109429431.84999999</v>
      </c>
      <c r="AM3814" s="53">
        <v>127332792.81</v>
      </c>
      <c r="AN3814" s="53">
        <v>1523522737.73</v>
      </c>
      <c r="AO3814" s="53">
        <v>128410282.59999999</v>
      </c>
      <c r="AP3814" s="53">
        <v>111936288.529999</v>
      </c>
      <c r="AQ3814" s="53">
        <v>109343936.27</v>
      </c>
      <c r="AR3814" s="53">
        <v>106153748.73</v>
      </c>
      <c r="AS3814" s="53">
        <v>122746868.36</v>
      </c>
      <c r="AT3814" s="53">
        <v>130665780.91</v>
      </c>
      <c r="AU3814" s="53">
        <v>137968389.66999999</v>
      </c>
      <c r="AV3814" s="53">
        <v>133672513.31</v>
      </c>
      <c r="AW3814" s="53">
        <v>129613280.02</v>
      </c>
      <c r="AX3814" s="53">
        <v>115433683.19</v>
      </c>
      <c r="AY3814" s="53">
        <v>106979295.79000001</v>
      </c>
      <c r="AZ3814" s="53">
        <v>124542360.67999899</v>
      </c>
      <c r="BA3814" s="53">
        <v>1457466428.0599999</v>
      </c>
      <c r="BB3814" s="53">
        <v>124667569.92</v>
      </c>
      <c r="BC3814" s="53">
        <v>110298947.2</v>
      </c>
      <c r="BD3814" s="53">
        <v>110241516.25</v>
      </c>
      <c r="BE3814" s="53">
        <v>103431159.14999899</v>
      </c>
      <c r="BF3814" s="53">
        <v>118639841.22</v>
      </c>
      <c r="BG3814" s="53">
        <v>127349680.749999</v>
      </c>
      <c r="BH3814" s="53">
        <v>134189338.11</v>
      </c>
      <c r="BI3814" s="53">
        <v>131504854.22</v>
      </c>
      <c r="BJ3814" s="53">
        <v>127738638.95</v>
      </c>
      <c r="BK3814" s="53">
        <v>109139694.69</v>
      </c>
      <c r="BL3814" s="53">
        <v>103570454.669999</v>
      </c>
      <c r="BM3814" s="53">
        <v>120415089.45</v>
      </c>
      <c r="BN3814" s="53">
        <v>1421186784.5799999</v>
      </c>
      <c r="BO3814" s="53">
        <v>121357488.189999</v>
      </c>
      <c r="BP3814" s="53">
        <v>106517265.29000001</v>
      </c>
      <c r="BQ3814" s="53">
        <v>103255198.59</v>
      </c>
      <c r="BR3814" s="53">
        <v>101450018.38</v>
      </c>
      <c r="BS3814" s="53">
        <v>111594269.02</v>
      </c>
      <c r="BT3814" s="53">
        <v>120582515.699999</v>
      </c>
      <c r="BU3814" s="53">
        <v>128943973.16</v>
      </c>
      <c r="BV3814" s="53">
        <v>127428889.34999999</v>
      </c>
      <c r="BW3814" s="53">
        <v>122933468.55</v>
      </c>
      <c r="BX3814" s="53">
        <v>109816579.059999</v>
      </c>
      <c r="BY3814" s="53">
        <v>103137945.63</v>
      </c>
      <c r="BZ3814" s="53">
        <v>117883663.52</v>
      </c>
      <c r="CA3814" s="53">
        <v>1374901274.43999</v>
      </c>
      <c r="CB3814" s="53">
        <v>4.8774041723446997</v>
      </c>
      <c r="CC3814" s="53">
        <v>4.9127938041185102</v>
      </c>
      <c r="CD3814" s="53">
        <v>4.9484402171622097</v>
      </c>
      <c r="CE3814" s="53">
        <v>4.9843452746378496</v>
      </c>
      <c r="CF3814" s="53"/>
      <c r="CG3814" s="53"/>
      <c r="CH3814" s="53"/>
      <c r="CI3814" s="53"/>
      <c r="CJ3814" s="53"/>
      <c r="CK3814" s="53"/>
      <c r="CL3814" s="53"/>
      <c r="CM3814" s="53"/>
      <c r="CN3814" s="53">
        <v>19.722983468263202</v>
      </c>
    </row>
    <row r="3815" spans="1:92" outlineLevel="1">
      <c r="A3815" s="52" t="s">
        <v>709</v>
      </c>
      <c r="B3815" s="53"/>
      <c r="C3815" s="53"/>
      <c r="D3815" s="53"/>
      <c r="E3815" s="53"/>
      <c r="F3815" s="53"/>
      <c r="G3815" s="53"/>
      <c r="H3815" s="53"/>
      <c r="I3815" s="53"/>
      <c r="J3815" s="53"/>
      <c r="K3815" s="53"/>
      <c r="L3815" s="53"/>
      <c r="M3815" s="53"/>
      <c r="N3815" s="53"/>
      <c r="O3815" s="53"/>
      <c r="P3815" s="53"/>
      <c r="Q3815" s="53"/>
      <c r="R3815" s="53"/>
      <c r="S3815" s="53"/>
      <c r="T3815" s="53"/>
      <c r="U3815" s="53"/>
      <c r="V3815" s="53"/>
      <c r="W3815" s="53"/>
      <c r="X3815" s="53"/>
      <c r="Y3815" s="53"/>
      <c r="Z3815" s="53"/>
      <c r="AA3815" s="53"/>
      <c r="AB3815" s="53"/>
      <c r="AC3815" s="53"/>
      <c r="AD3815" s="53"/>
      <c r="AE3815" s="53"/>
      <c r="AF3815" s="53"/>
      <c r="AG3815" s="53"/>
      <c r="AH3815" s="53"/>
      <c r="AI3815" s="53"/>
      <c r="AJ3815" s="53"/>
      <c r="AK3815" s="53"/>
      <c r="AL3815" s="53"/>
      <c r="AM3815" s="53"/>
      <c r="AN3815" s="53"/>
      <c r="AO3815" s="53"/>
      <c r="AP3815" s="53"/>
      <c r="AQ3815" s="53"/>
      <c r="AR3815" s="53"/>
      <c r="AS3815" s="53"/>
      <c r="AT3815" s="53"/>
      <c r="AU3815" s="53"/>
      <c r="AV3815" s="53"/>
      <c r="AW3815" s="53"/>
      <c r="AX3815" s="53"/>
      <c r="AY3815" s="53"/>
      <c r="AZ3815" s="53"/>
      <c r="BA3815" s="53"/>
      <c r="BB3815" s="53"/>
      <c r="BC3815" s="53"/>
      <c r="BD3815" s="53"/>
      <c r="BE3815" s="53"/>
      <c r="BF3815" s="53"/>
      <c r="BG3815" s="53"/>
      <c r="BH3815" s="53"/>
      <c r="BI3815" s="53"/>
      <c r="BJ3815" s="53"/>
      <c r="BK3815" s="53"/>
      <c r="BL3815" s="53"/>
      <c r="BM3815" s="53"/>
      <c r="BN3815" s="53"/>
      <c r="BO3815" s="53"/>
      <c r="BP3815" s="53"/>
      <c r="BQ3815" s="53"/>
      <c r="BR3815" s="53"/>
      <c r="BS3815" s="53"/>
      <c r="BT3815" s="53"/>
      <c r="BU3815" s="53"/>
      <c r="BV3815" s="53"/>
      <c r="BW3815" s="53"/>
      <c r="BX3815" s="53"/>
      <c r="BY3815" s="53"/>
      <c r="BZ3815" s="53"/>
      <c r="CA3815" s="53"/>
      <c r="CB3815" s="53">
        <v>-416184.23529139103</v>
      </c>
      <c r="CC3815" s="53">
        <v>-418719.49092470802</v>
      </c>
      <c r="CD3815" s="53">
        <v>-421270.19049025001</v>
      </c>
      <c r="CE3815" s="53"/>
      <c r="CF3815" s="53"/>
      <c r="CG3815" s="53"/>
      <c r="CH3815" s="53"/>
      <c r="CI3815" s="53"/>
      <c r="CJ3815" s="53"/>
      <c r="CK3815" s="53"/>
      <c r="CL3815" s="53"/>
      <c r="CM3815" s="53"/>
      <c r="CN3815" s="53">
        <v>-1256173.9167063499</v>
      </c>
    </row>
    <row r="3816" spans="1:92" outlineLevel="1">
      <c r="A3816" s="52" t="s">
        <v>1660</v>
      </c>
      <c r="B3816" s="53"/>
      <c r="C3816" s="53"/>
      <c r="D3816" s="53"/>
      <c r="E3816" s="53"/>
      <c r="F3816" s="53"/>
      <c r="G3816" s="53"/>
      <c r="H3816" s="53"/>
      <c r="I3816" s="53"/>
      <c r="J3816" s="53"/>
      <c r="K3816" s="53"/>
      <c r="L3816" s="53"/>
      <c r="M3816" s="53"/>
      <c r="N3816" s="53"/>
      <c r="O3816" s="53"/>
      <c r="P3816" s="53"/>
      <c r="Q3816" s="53"/>
      <c r="R3816" s="53"/>
      <c r="S3816" s="53"/>
      <c r="T3816" s="53"/>
      <c r="U3816" s="53"/>
      <c r="V3816" s="53"/>
      <c r="W3816" s="53"/>
      <c r="X3816" s="53"/>
      <c r="Y3816" s="53"/>
      <c r="Z3816" s="53"/>
      <c r="AA3816" s="53"/>
      <c r="AB3816" s="53"/>
      <c r="AC3816" s="53"/>
      <c r="AD3816" s="53"/>
      <c r="AE3816" s="53"/>
      <c r="AF3816" s="53"/>
      <c r="AG3816" s="53"/>
      <c r="AH3816" s="53"/>
      <c r="AI3816" s="53"/>
      <c r="AJ3816" s="53"/>
      <c r="AK3816" s="53"/>
      <c r="AL3816" s="53"/>
      <c r="AM3816" s="53"/>
      <c r="AN3816" s="53"/>
      <c r="AO3816" s="53"/>
      <c r="AP3816" s="53"/>
      <c r="AQ3816" s="53"/>
      <c r="AR3816" s="53"/>
      <c r="AS3816" s="53"/>
      <c r="AT3816" s="53"/>
      <c r="AU3816" s="53"/>
      <c r="AV3816" s="53"/>
      <c r="AW3816" s="53"/>
      <c r="AX3816" s="53"/>
      <c r="AY3816" s="53"/>
      <c r="AZ3816" s="53"/>
      <c r="BA3816" s="53"/>
      <c r="BB3816" s="53"/>
      <c r="BC3816" s="53"/>
      <c r="BD3816" s="53"/>
      <c r="BE3816" s="53"/>
      <c r="BF3816" s="53"/>
      <c r="BG3816" s="53"/>
      <c r="BH3816" s="53"/>
      <c r="BI3816" s="53"/>
      <c r="BJ3816" s="53"/>
      <c r="BK3816" s="53"/>
      <c r="BL3816" s="53"/>
      <c r="BM3816" s="53"/>
      <c r="BN3816" s="53"/>
      <c r="BO3816" s="53"/>
      <c r="BP3816" s="53"/>
      <c r="BQ3816" s="53"/>
      <c r="BR3816" s="53"/>
      <c r="BS3816" s="53"/>
      <c r="BT3816" s="53"/>
      <c r="BU3816" s="53"/>
      <c r="BV3816" s="53"/>
      <c r="BW3816" s="53"/>
      <c r="BX3816" s="53"/>
      <c r="BY3816" s="53"/>
      <c r="BZ3816" s="53"/>
      <c r="CA3816" s="53"/>
      <c r="CB3816" s="53"/>
      <c r="CC3816" s="53"/>
      <c r="CD3816" s="53"/>
      <c r="CE3816" s="53"/>
      <c r="CF3816" s="53"/>
      <c r="CG3816" s="53"/>
      <c r="CH3816" s="53"/>
      <c r="CI3816" s="53"/>
      <c r="CJ3816" s="53"/>
      <c r="CK3816" s="53"/>
      <c r="CL3816" s="53"/>
      <c r="CM3816" s="53"/>
      <c r="CN3816" s="53"/>
    </row>
    <row r="3817" spans="1:92" outlineLevel="1">
      <c r="A3817" s="52" t="s">
        <v>1564</v>
      </c>
      <c r="B3817" s="53"/>
      <c r="C3817" s="53"/>
      <c r="D3817" s="53"/>
      <c r="E3817" s="53"/>
      <c r="F3817" s="53"/>
      <c r="G3817" s="53"/>
      <c r="H3817" s="53"/>
      <c r="I3817" s="53"/>
      <c r="J3817" s="53"/>
      <c r="K3817" s="53">
        <v>800000000</v>
      </c>
      <c r="L3817" s="53"/>
      <c r="M3817" s="53"/>
      <c r="N3817" s="53">
        <v>800000000</v>
      </c>
      <c r="O3817" s="53"/>
      <c r="P3817" s="53"/>
      <c r="Q3817" s="53"/>
      <c r="R3817" s="53"/>
      <c r="S3817" s="53"/>
      <c r="T3817" s="53"/>
      <c r="U3817" s="53"/>
      <c r="V3817" s="53"/>
      <c r="W3817" s="53"/>
      <c r="X3817" s="53"/>
      <c r="Y3817" s="53"/>
      <c r="Z3817" s="53"/>
      <c r="AA3817" s="53"/>
      <c r="AB3817" s="53"/>
      <c r="AC3817" s="53"/>
      <c r="AD3817" s="53"/>
      <c r="AE3817" s="53"/>
      <c r="AF3817" s="53"/>
      <c r="AG3817" s="53"/>
      <c r="AH3817" s="53"/>
      <c r="AI3817" s="53"/>
      <c r="AJ3817" s="53"/>
      <c r="AK3817" s="53"/>
      <c r="AL3817" s="53"/>
      <c r="AM3817" s="53"/>
      <c r="AN3817" s="53"/>
      <c r="AO3817" s="53"/>
      <c r="AP3817" s="53"/>
      <c r="AQ3817" s="53"/>
      <c r="AR3817" s="53"/>
      <c r="AS3817" s="53"/>
      <c r="AT3817" s="53"/>
      <c r="AU3817" s="53"/>
      <c r="AV3817" s="53"/>
      <c r="AW3817" s="53"/>
      <c r="AX3817" s="53"/>
      <c r="AY3817" s="53"/>
      <c r="AZ3817" s="53"/>
      <c r="BA3817" s="53"/>
      <c r="BB3817" s="53"/>
      <c r="BC3817" s="53"/>
      <c r="BD3817" s="53"/>
      <c r="BE3817" s="53"/>
      <c r="BF3817" s="53"/>
      <c r="BG3817" s="53"/>
      <c r="BH3817" s="53"/>
      <c r="BI3817" s="53"/>
      <c r="BJ3817" s="53"/>
      <c r="BK3817" s="53"/>
      <c r="BL3817" s="53"/>
      <c r="BM3817" s="53"/>
      <c r="BN3817" s="53"/>
      <c r="BO3817" s="53"/>
      <c r="BP3817" s="53"/>
      <c r="BQ3817" s="53"/>
      <c r="BR3817" s="53"/>
      <c r="BS3817" s="53"/>
      <c r="BT3817" s="53"/>
      <c r="BU3817" s="53"/>
      <c r="BV3817" s="53"/>
      <c r="BW3817" s="53"/>
      <c r="BX3817" s="53"/>
      <c r="BY3817" s="53"/>
      <c r="BZ3817" s="53"/>
      <c r="CA3817" s="53"/>
      <c r="CB3817" s="53"/>
      <c r="CC3817" s="53"/>
      <c r="CD3817" s="53"/>
      <c r="CE3817" s="53"/>
      <c r="CF3817" s="53"/>
      <c r="CG3817" s="53"/>
      <c r="CH3817" s="53"/>
      <c r="CI3817" s="53"/>
      <c r="CJ3817" s="53"/>
      <c r="CK3817" s="53"/>
      <c r="CL3817" s="53"/>
      <c r="CM3817" s="53"/>
      <c r="CN3817" s="53"/>
    </row>
    <row r="3818" spans="1:92" outlineLevel="1">
      <c r="A3818" s="52" t="s">
        <v>1565</v>
      </c>
      <c r="B3818" s="53"/>
      <c r="C3818" s="53"/>
      <c r="D3818" s="53"/>
      <c r="E3818" s="53"/>
      <c r="F3818" s="53"/>
      <c r="G3818" s="53"/>
      <c r="H3818" s="53"/>
      <c r="I3818" s="53"/>
      <c r="J3818" s="53"/>
      <c r="K3818" s="53"/>
      <c r="L3818" s="53">
        <v>500000000</v>
      </c>
      <c r="M3818" s="53"/>
      <c r="N3818" s="53">
        <v>500000000</v>
      </c>
      <c r="O3818" s="53"/>
      <c r="P3818" s="53"/>
      <c r="Q3818" s="53"/>
      <c r="R3818" s="53"/>
      <c r="S3818" s="53"/>
      <c r="T3818" s="53"/>
      <c r="U3818" s="53"/>
      <c r="V3818" s="53"/>
      <c r="W3818" s="53"/>
      <c r="X3818" s="53"/>
      <c r="Y3818" s="53"/>
      <c r="Z3818" s="53"/>
      <c r="AA3818" s="53"/>
      <c r="AB3818" s="53"/>
      <c r="AC3818" s="53"/>
      <c r="AD3818" s="53"/>
      <c r="AE3818" s="53"/>
      <c r="AF3818" s="53"/>
      <c r="AG3818" s="53"/>
      <c r="AH3818" s="53"/>
      <c r="AI3818" s="53"/>
      <c r="AJ3818" s="53"/>
      <c r="AK3818" s="53"/>
      <c r="AL3818" s="53"/>
      <c r="AM3818" s="53"/>
      <c r="AN3818" s="53"/>
      <c r="AO3818" s="53"/>
      <c r="AP3818" s="53"/>
      <c r="AQ3818" s="53"/>
      <c r="AR3818" s="53"/>
      <c r="AS3818" s="53"/>
      <c r="AT3818" s="53"/>
      <c r="AU3818" s="53"/>
      <c r="AV3818" s="53"/>
      <c r="AW3818" s="53"/>
      <c r="AX3818" s="53"/>
      <c r="AY3818" s="53"/>
      <c r="AZ3818" s="53"/>
      <c r="BA3818" s="53"/>
      <c r="BB3818" s="53"/>
      <c r="BC3818" s="53"/>
      <c r="BD3818" s="53"/>
      <c r="BE3818" s="53"/>
      <c r="BF3818" s="53"/>
      <c r="BG3818" s="53"/>
      <c r="BH3818" s="53"/>
      <c r="BI3818" s="53"/>
      <c r="BJ3818" s="53"/>
      <c r="BK3818" s="53"/>
      <c r="BL3818" s="53"/>
      <c r="BM3818" s="53"/>
      <c r="BN3818" s="53"/>
      <c r="BO3818" s="53"/>
      <c r="BP3818" s="53"/>
      <c r="BQ3818" s="53"/>
      <c r="BR3818" s="53"/>
      <c r="BS3818" s="53"/>
      <c r="BT3818" s="53"/>
      <c r="BU3818" s="53"/>
      <c r="BV3818" s="53"/>
      <c r="BW3818" s="53"/>
      <c r="BX3818" s="53"/>
      <c r="BY3818" s="53"/>
      <c r="BZ3818" s="53"/>
      <c r="CA3818" s="53"/>
      <c r="CB3818" s="53"/>
      <c r="CC3818" s="53"/>
      <c r="CD3818" s="53"/>
      <c r="CE3818" s="53"/>
      <c r="CF3818" s="53"/>
      <c r="CG3818" s="53"/>
      <c r="CH3818" s="53"/>
      <c r="CI3818" s="53"/>
      <c r="CJ3818" s="53"/>
      <c r="CK3818" s="53"/>
      <c r="CL3818" s="53"/>
      <c r="CM3818" s="53"/>
      <c r="CN3818" s="53"/>
    </row>
    <row r="3819" spans="1:92" outlineLevel="1">
      <c r="A3819" s="52" t="s">
        <v>710</v>
      </c>
      <c r="B3819" s="53"/>
      <c r="C3819" s="53"/>
      <c r="D3819" s="53"/>
      <c r="E3819" s="53"/>
      <c r="F3819" s="53"/>
      <c r="G3819" s="53"/>
      <c r="H3819" s="53"/>
      <c r="I3819" s="53"/>
      <c r="J3819" s="53"/>
      <c r="K3819" s="53"/>
      <c r="L3819" s="53"/>
      <c r="M3819" s="53"/>
      <c r="N3819" s="53"/>
      <c r="O3819" s="53"/>
      <c r="P3819" s="53"/>
      <c r="Q3819" s="53"/>
      <c r="R3819" s="53"/>
      <c r="S3819" s="53"/>
      <c r="T3819" s="53"/>
      <c r="U3819" s="53"/>
      <c r="V3819" s="53"/>
      <c r="W3819" s="53"/>
      <c r="X3819" s="53"/>
      <c r="Y3819" s="53"/>
      <c r="Z3819" s="53"/>
      <c r="AA3819" s="53"/>
      <c r="AB3819" s="53"/>
      <c r="AC3819" s="53"/>
      <c r="AD3819" s="53"/>
      <c r="AE3819" s="53"/>
      <c r="AF3819" s="53"/>
      <c r="AG3819" s="53"/>
      <c r="AH3819" s="53"/>
      <c r="AI3819" s="53"/>
      <c r="AJ3819" s="53"/>
      <c r="AK3819" s="53"/>
      <c r="AL3819" s="53"/>
      <c r="AM3819" s="53"/>
      <c r="AN3819" s="53"/>
      <c r="AO3819" s="53"/>
      <c r="AP3819" s="53"/>
      <c r="AQ3819" s="53"/>
      <c r="AR3819" s="53"/>
      <c r="AS3819" s="53"/>
      <c r="AT3819" s="53"/>
      <c r="AU3819" s="53"/>
      <c r="AV3819" s="53"/>
      <c r="AW3819" s="53"/>
      <c r="AX3819" s="53"/>
      <c r="AY3819" s="53"/>
      <c r="AZ3819" s="53"/>
      <c r="BA3819" s="53"/>
      <c r="BB3819" s="53"/>
      <c r="BC3819" s="53"/>
      <c r="BD3819" s="53"/>
      <c r="BE3819" s="53"/>
      <c r="BF3819" s="53"/>
      <c r="BG3819" s="53"/>
      <c r="BH3819" s="53"/>
      <c r="BI3819" s="53"/>
      <c r="BJ3819" s="53"/>
      <c r="BK3819" s="53"/>
      <c r="BL3819" s="53"/>
      <c r="BM3819" s="53"/>
      <c r="BN3819" s="53"/>
      <c r="BO3819" s="53"/>
      <c r="BP3819" s="53"/>
      <c r="BQ3819" s="53"/>
      <c r="BR3819" s="53"/>
      <c r="BS3819" s="53"/>
      <c r="BT3819" s="53"/>
      <c r="BU3819" s="53"/>
      <c r="BV3819" s="53"/>
      <c r="BW3819" s="53"/>
      <c r="BX3819" s="53"/>
      <c r="BY3819" s="53"/>
      <c r="BZ3819" s="53"/>
      <c r="CA3819" s="53"/>
      <c r="CB3819" s="53"/>
      <c r="CC3819" s="53"/>
      <c r="CD3819" s="53"/>
      <c r="CE3819" s="53"/>
      <c r="CF3819" s="53"/>
      <c r="CG3819" s="53"/>
      <c r="CH3819" s="53"/>
      <c r="CI3819" s="53"/>
      <c r="CJ3819" s="53"/>
      <c r="CK3819" s="53"/>
      <c r="CL3819" s="53"/>
      <c r="CM3819" s="53"/>
      <c r="CN3819" s="53"/>
    </row>
    <row r="3820" spans="1:92" outlineLevel="1">
      <c r="A3820" s="52" t="s">
        <v>711</v>
      </c>
      <c r="B3820" s="53">
        <v>843750</v>
      </c>
      <c r="C3820" s="53">
        <v>843750</v>
      </c>
      <c r="D3820" s="53">
        <v>843750</v>
      </c>
      <c r="E3820" s="53">
        <v>843750</v>
      </c>
      <c r="F3820" s="53">
        <v>843750</v>
      </c>
      <c r="G3820" s="53">
        <v>843750</v>
      </c>
      <c r="H3820" s="53">
        <v>843750</v>
      </c>
      <c r="I3820" s="53">
        <v>843750</v>
      </c>
      <c r="J3820" s="53">
        <v>843750</v>
      </c>
      <c r="K3820" s="53">
        <v>843750</v>
      </c>
      <c r="L3820" s="53">
        <v>843750</v>
      </c>
      <c r="M3820" s="53">
        <v>843750</v>
      </c>
      <c r="N3820" s="53">
        <v>10125000</v>
      </c>
      <c r="O3820" s="53">
        <v>843750</v>
      </c>
      <c r="P3820" s="53">
        <v>843750</v>
      </c>
      <c r="Q3820" s="53">
        <v>843750</v>
      </c>
      <c r="R3820" s="53">
        <v>843750</v>
      </c>
      <c r="S3820" s="53">
        <v>843750</v>
      </c>
      <c r="T3820" s="53">
        <v>843750</v>
      </c>
      <c r="U3820" s="53">
        <v>843750</v>
      </c>
      <c r="V3820" s="53">
        <v>843750</v>
      </c>
      <c r="W3820" s="53">
        <v>843750</v>
      </c>
      <c r="X3820" s="53">
        <v>843750</v>
      </c>
      <c r="Y3820" s="53">
        <v>843750</v>
      </c>
      <c r="Z3820" s="53">
        <v>843750</v>
      </c>
      <c r="AA3820" s="53">
        <v>10125000</v>
      </c>
      <c r="AB3820" s="53">
        <v>843750</v>
      </c>
      <c r="AC3820" s="53">
        <v>843750</v>
      </c>
      <c r="AD3820" s="53">
        <v>843750</v>
      </c>
      <c r="AE3820" s="53">
        <v>843750</v>
      </c>
      <c r="AF3820" s="53">
        <v>843750</v>
      </c>
      <c r="AG3820" s="53">
        <v>843750</v>
      </c>
      <c r="AH3820" s="53">
        <v>843750</v>
      </c>
      <c r="AI3820" s="53">
        <v>843750</v>
      </c>
      <c r="AJ3820" s="53">
        <v>843750</v>
      </c>
      <c r="AK3820" s="53">
        <v>843750</v>
      </c>
      <c r="AL3820" s="53">
        <v>843750</v>
      </c>
      <c r="AM3820" s="53">
        <v>843750</v>
      </c>
      <c r="AN3820" s="53">
        <v>10125000</v>
      </c>
      <c r="AO3820" s="53">
        <v>843750</v>
      </c>
      <c r="AP3820" s="53">
        <v>843750</v>
      </c>
      <c r="AQ3820" s="53">
        <v>843750</v>
      </c>
      <c r="AR3820" s="53">
        <v>843750</v>
      </c>
      <c r="AS3820" s="53">
        <v>843750</v>
      </c>
      <c r="AT3820" s="53">
        <v>843750</v>
      </c>
      <c r="AU3820" s="53">
        <v>843750</v>
      </c>
      <c r="AV3820" s="53">
        <v>843750</v>
      </c>
      <c r="AW3820" s="53">
        <v>843750</v>
      </c>
      <c r="AX3820" s="53">
        <v>843750</v>
      </c>
      <c r="AY3820" s="53">
        <v>843750</v>
      </c>
      <c r="AZ3820" s="53">
        <v>843750</v>
      </c>
      <c r="BA3820" s="53">
        <v>10125000</v>
      </c>
      <c r="BB3820" s="53">
        <v>843750</v>
      </c>
      <c r="BC3820" s="53">
        <v>843750</v>
      </c>
      <c r="BD3820" s="53">
        <v>843750</v>
      </c>
      <c r="BE3820" s="53">
        <v>843750</v>
      </c>
      <c r="BF3820" s="53">
        <v>843750</v>
      </c>
      <c r="BG3820" s="53">
        <v>843750</v>
      </c>
      <c r="BH3820" s="53">
        <v>843750</v>
      </c>
      <c r="BI3820" s="53">
        <v>843750</v>
      </c>
      <c r="BJ3820" s="53">
        <v>843750</v>
      </c>
      <c r="BK3820" s="53">
        <v>843750</v>
      </c>
      <c r="BL3820" s="53">
        <v>843750</v>
      </c>
      <c r="BM3820" s="53">
        <v>843750</v>
      </c>
      <c r="BN3820" s="53">
        <v>10125000</v>
      </c>
      <c r="BO3820" s="53">
        <v>843750</v>
      </c>
      <c r="BP3820" s="53">
        <v>843750</v>
      </c>
      <c r="BQ3820" s="53">
        <v>843750</v>
      </c>
      <c r="BR3820" s="53">
        <v>843750</v>
      </c>
      <c r="BS3820" s="53">
        <v>843750</v>
      </c>
      <c r="BT3820" s="53">
        <v>843750</v>
      </c>
      <c r="BU3820" s="53">
        <v>843750</v>
      </c>
      <c r="BV3820" s="53">
        <v>843750</v>
      </c>
      <c r="BW3820" s="53">
        <v>843750</v>
      </c>
      <c r="BX3820" s="53">
        <v>843750</v>
      </c>
      <c r="BY3820" s="53">
        <v>843750</v>
      </c>
      <c r="BZ3820" s="53">
        <v>843750</v>
      </c>
      <c r="CA3820" s="53">
        <v>10125000</v>
      </c>
      <c r="CB3820" s="53"/>
      <c r="CC3820" s="53"/>
      <c r="CD3820" s="53"/>
      <c r="CE3820" s="53"/>
      <c r="CF3820" s="53"/>
      <c r="CG3820" s="53"/>
      <c r="CH3820" s="53"/>
      <c r="CI3820" s="53"/>
      <c r="CJ3820" s="53"/>
      <c r="CK3820" s="53"/>
      <c r="CL3820" s="53"/>
      <c r="CM3820" s="53"/>
      <c r="CN3820" s="53"/>
    </row>
    <row r="3821" spans="1:92" outlineLevel="1">
      <c r="A3821" s="52" t="s">
        <v>712</v>
      </c>
      <c r="B3821" s="53">
        <v>1106250</v>
      </c>
      <c r="C3821" s="53">
        <v>1106250</v>
      </c>
      <c r="D3821" s="53">
        <v>1106250</v>
      </c>
      <c r="E3821" s="53">
        <v>1106250</v>
      </c>
      <c r="F3821" s="53">
        <v>1106250</v>
      </c>
      <c r="G3821" s="53">
        <v>1106250</v>
      </c>
      <c r="H3821" s="53">
        <v>1106250</v>
      </c>
      <c r="I3821" s="53">
        <v>1106250</v>
      </c>
      <c r="J3821" s="53">
        <v>1106250</v>
      </c>
      <c r="K3821" s="53">
        <v>1106250</v>
      </c>
      <c r="L3821" s="53">
        <v>1106250</v>
      </c>
      <c r="M3821" s="53">
        <v>1106250</v>
      </c>
      <c r="N3821" s="53">
        <v>13275000</v>
      </c>
      <c r="O3821" s="53">
        <v>1106250</v>
      </c>
      <c r="P3821" s="53">
        <v>1106250</v>
      </c>
      <c r="Q3821" s="53">
        <v>1106250</v>
      </c>
      <c r="R3821" s="53">
        <v>1106250</v>
      </c>
      <c r="S3821" s="53">
        <v>1106250</v>
      </c>
      <c r="T3821" s="53">
        <v>1106250</v>
      </c>
      <c r="U3821" s="53">
        <v>1106250</v>
      </c>
      <c r="V3821" s="53">
        <v>1106250</v>
      </c>
      <c r="W3821" s="53">
        <v>1106250</v>
      </c>
      <c r="X3821" s="53">
        <v>1106250</v>
      </c>
      <c r="Y3821" s="53">
        <v>1106250</v>
      </c>
      <c r="Z3821" s="53">
        <v>1106250</v>
      </c>
      <c r="AA3821" s="53">
        <v>13275000</v>
      </c>
      <c r="AB3821" s="53">
        <v>1106250</v>
      </c>
      <c r="AC3821" s="53">
        <v>1106250</v>
      </c>
      <c r="AD3821" s="53">
        <v>1106250</v>
      </c>
      <c r="AE3821" s="53">
        <v>1106250</v>
      </c>
      <c r="AF3821" s="53">
        <v>1106250</v>
      </c>
      <c r="AG3821" s="53">
        <v>1106250</v>
      </c>
      <c r="AH3821" s="53">
        <v>1106250</v>
      </c>
      <c r="AI3821" s="53">
        <v>1106250</v>
      </c>
      <c r="AJ3821" s="53">
        <v>1106250</v>
      </c>
      <c r="AK3821" s="53">
        <v>1106250</v>
      </c>
      <c r="AL3821" s="53">
        <v>1106250</v>
      </c>
      <c r="AM3821" s="53">
        <v>1106250</v>
      </c>
      <c r="AN3821" s="53">
        <v>13275000</v>
      </c>
      <c r="AO3821" s="53">
        <v>1106250</v>
      </c>
      <c r="AP3821" s="53">
        <v>1106250</v>
      </c>
      <c r="AQ3821" s="53">
        <v>1106250</v>
      </c>
      <c r="AR3821" s="53">
        <v>1106250</v>
      </c>
      <c r="AS3821" s="53">
        <v>1106250</v>
      </c>
      <c r="AT3821" s="53">
        <v>1106250</v>
      </c>
      <c r="AU3821" s="53">
        <v>1106250</v>
      </c>
      <c r="AV3821" s="53">
        <v>1106250</v>
      </c>
      <c r="AW3821" s="53">
        <v>1106250</v>
      </c>
      <c r="AX3821" s="53">
        <v>1106250</v>
      </c>
      <c r="AY3821" s="53">
        <v>1106250</v>
      </c>
      <c r="AZ3821" s="53">
        <v>1106250</v>
      </c>
      <c r="BA3821" s="53">
        <v>13275000</v>
      </c>
      <c r="BB3821" s="53">
        <v>1106250</v>
      </c>
      <c r="BC3821" s="53">
        <v>1106250</v>
      </c>
      <c r="BD3821" s="53">
        <v>1106250</v>
      </c>
      <c r="BE3821" s="53">
        <v>1106250</v>
      </c>
      <c r="BF3821" s="53">
        <v>1106250</v>
      </c>
      <c r="BG3821" s="53">
        <v>1106250</v>
      </c>
      <c r="BH3821" s="53">
        <v>1106250</v>
      </c>
      <c r="BI3821" s="53">
        <v>1106250</v>
      </c>
      <c r="BJ3821" s="53">
        <v>1106250</v>
      </c>
      <c r="BK3821" s="53">
        <v>1106250</v>
      </c>
      <c r="BL3821" s="53">
        <v>1106250</v>
      </c>
      <c r="BM3821" s="53">
        <v>1106250</v>
      </c>
      <c r="BN3821" s="53">
        <v>13275000</v>
      </c>
      <c r="BO3821" s="53">
        <v>1106250</v>
      </c>
      <c r="BP3821" s="53">
        <v>1106250</v>
      </c>
      <c r="BQ3821" s="53">
        <v>1106250</v>
      </c>
      <c r="BR3821" s="53">
        <v>1106250</v>
      </c>
      <c r="BS3821" s="53">
        <v>1106250</v>
      </c>
      <c r="BT3821" s="53">
        <v>1106250</v>
      </c>
      <c r="BU3821" s="53">
        <v>1106250</v>
      </c>
      <c r="BV3821" s="53">
        <v>1106250</v>
      </c>
      <c r="BW3821" s="53">
        <v>1106250</v>
      </c>
      <c r="BX3821" s="53">
        <v>1106250</v>
      </c>
      <c r="BY3821" s="53">
        <v>1106250</v>
      </c>
      <c r="BZ3821" s="53">
        <v>1106250</v>
      </c>
      <c r="CA3821" s="53">
        <v>13275000</v>
      </c>
      <c r="CB3821" s="53"/>
      <c r="CC3821" s="53"/>
      <c r="CD3821" s="53"/>
      <c r="CE3821" s="53"/>
      <c r="CF3821" s="53"/>
      <c r="CG3821" s="53"/>
      <c r="CH3821" s="53"/>
      <c r="CI3821" s="53"/>
      <c r="CJ3821" s="53"/>
      <c r="CK3821" s="53"/>
      <c r="CL3821" s="53"/>
      <c r="CM3821" s="53"/>
      <c r="CN3821" s="53"/>
    </row>
    <row r="3822" spans="1:92" outlineLevel="1">
      <c r="A3822" s="52" t="s">
        <v>713</v>
      </c>
      <c r="B3822" s="53">
        <v>2645833.3333333302</v>
      </c>
      <c r="C3822" s="53">
        <v>2645833.3333333302</v>
      </c>
      <c r="D3822" s="53">
        <v>2645833.3333333302</v>
      </c>
      <c r="E3822" s="53">
        <v>2645833.3333333302</v>
      </c>
      <c r="F3822" s="53">
        <v>2645833.3333333302</v>
      </c>
      <c r="G3822" s="53">
        <v>2645833.3333333302</v>
      </c>
      <c r="H3822" s="53">
        <v>2645833.3333333302</v>
      </c>
      <c r="I3822" s="53">
        <v>2645833.3333333302</v>
      </c>
      <c r="J3822" s="53">
        <v>2645833.3333333302</v>
      </c>
      <c r="K3822" s="53">
        <v>2645833.3333333302</v>
      </c>
      <c r="L3822" s="53">
        <v>2645833.3333333302</v>
      </c>
      <c r="M3822" s="53">
        <v>2645833.3333333302</v>
      </c>
      <c r="N3822" s="53">
        <v>31749999.999999899</v>
      </c>
      <c r="O3822" s="53">
        <v>2645833.3333333302</v>
      </c>
      <c r="P3822" s="53">
        <v>2645833.3333333302</v>
      </c>
      <c r="Q3822" s="53">
        <v>2645833.3333333302</v>
      </c>
      <c r="R3822" s="53">
        <v>2645833.3333333302</v>
      </c>
      <c r="S3822" s="53">
        <v>2645833.3333333302</v>
      </c>
      <c r="T3822" s="53">
        <v>2645833.3333333302</v>
      </c>
      <c r="U3822" s="53">
        <v>2645833.3333333302</v>
      </c>
      <c r="V3822" s="53">
        <v>2645833.3333333302</v>
      </c>
      <c r="W3822" s="53">
        <v>2645833.3333333302</v>
      </c>
      <c r="X3822" s="53">
        <v>2645833.3333333302</v>
      </c>
      <c r="Y3822" s="53">
        <v>2645833.3333333302</v>
      </c>
      <c r="Z3822" s="53">
        <v>2645833.3333333302</v>
      </c>
      <c r="AA3822" s="53">
        <v>31749999.999999899</v>
      </c>
      <c r="AB3822" s="53">
        <v>2645833.3333333302</v>
      </c>
      <c r="AC3822" s="53">
        <v>2645833.3333333302</v>
      </c>
      <c r="AD3822" s="53">
        <v>2645833.3333333302</v>
      </c>
      <c r="AE3822" s="53">
        <v>2645833.3333333302</v>
      </c>
      <c r="AF3822" s="53">
        <v>2645833.3333333302</v>
      </c>
      <c r="AG3822" s="53">
        <v>2645833.3333333302</v>
      </c>
      <c r="AH3822" s="53">
        <v>2645833.3333333302</v>
      </c>
      <c r="AI3822" s="53">
        <v>2645833.3333333302</v>
      </c>
      <c r="AJ3822" s="53">
        <v>2645833.3333333302</v>
      </c>
      <c r="AK3822" s="53">
        <v>2645833.3333333302</v>
      </c>
      <c r="AL3822" s="53">
        <v>2645833.3333333302</v>
      </c>
      <c r="AM3822" s="53">
        <v>2645833.3333333302</v>
      </c>
      <c r="AN3822" s="53">
        <v>31749999.999999899</v>
      </c>
      <c r="AO3822" s="53">
        <v>2645833.3333333302</v>
      </c>
      <c r="AP3822" s="53">
        <v>2645833.3333333302</v>
      </c>
      <c r="AQ3822" s="53">
        <v>2645833.3333333302</v>
      </c>
      <c r="AR3822" s="53">
        <v>2645833.3333333302</v>
      </c>
      <c r="AS3822" s="53">
        <v>2645833.3333333302</v>
      </c>
      <c r="AT3822" s="53">
        <v>2645833.3333333302</v>
      </c>
      <c r="AU3822" s="53">
        <v>2645833.3333333302</v>
      </c>
      <c r="AV3822" s="53">
        <v>2645833.3333333302</v>
      </c>
      <c r="AW3822" s="53">
        <v>2645833.3333333302</v>
      </c>
      <c r="AX3822" s="53">
        <v>2645833.3333333302</v>
      </c>
      <c r="AY3822" s="53">
        <v>2645833.3333333302</v>
      </c>
      <c r="AZ3822" s="53">
        <v>2645833.3333333302</v>
      </c>
      <c r="BA3822" s="53">
        <v>31749999.999999899</v>
      </c>
      <c r="BB3822" s="53">
        <v>2645833.3333333302</v>
      </c>
      <c r="BC3822" s="53">
        <v>2645833.3333333302</v>
      </c>
      <c r="BD3822" s="53">
        <v>2645833.3333333302</v>
      </c>
      <c r="BE3822" s="53">
        <v>2645833.3333333302</v>
      </c>
      <c r="BF3822" s="53">
        <v>2645833.3333333302</v>
      </c>
      <c r="BG3822" s="53">
        <v>2645833.3333333302</v>
      </c>
      <c r="BH3822" s="53">
        <v>2645833.3333333302</v>
      </c>
      <c r="BI3822" s="53">
        <v>2645833.3333333302</v>
      </c>
      <c r="BJ3822" s="53">
        <v>2645833.3333333302</v>
      </c>
      <c r="BK3822" s="53">
        <v>2645833.3333333302</v>
      </c>
      <c r="BL3822" s="53">
        <v>2645833.3333333302</v>
      </c>
      <c r="BM3822" s="53">
        <v>2645833.3333333302</v>
      </c>
      <c r="BN3822" s="53">
        <v>31749999.999999899</v>
      </c>
      <c r="BO3822" s="53">
        <v>2645833.3333333302</v>
      </c>
      <c r="BP3822" s="53">
        <v>2645833.3333333302</v>
      </c>
      <c r="BQ3822" s="53">
        <v>2645833.3333333302</v>
      </c>
      <c r="BR3822" s="53">
        <v>2645833.3333333302</v>
      </c>
      <c r="BS3822" s="53">
        <v>2645833.3333333302</v>
      </c>
      <c r="BT3822" s="53">
        <v>2645833.3333333302</v>
      </c>
      <c r="BU3822" s="53">
        <v>2645833.3333333302</v>
      </c>
      <c r="BV3822" s="53">
        <v>2645833.3333333302</v>
      </c>
      <c r="BW3822" s="53">
        <v>2645833.3333333302</v>
      </c>
      <c r="BX3822" s="53">
        <v>2645833.3333333302</v>
      </c>
      <c r="BY3822" s="53">
        <v>2645833.3333333302</v>
      </c>
      <c r="BZ3822" s="53">
        <v>2645833.3333333302</v>
      </c>
      <c r="CA3822" s="53">
        <v>31749999.999999899</v>
      </c>
      <c r="CB3822" s="53"/>
      <c r="CC3822" s="53"/>
      <c r="CD3822" s="53"/>
      <c r="CE3822" s="53"/>
      <c r="CF3822" s="53"/>
      <c r="CG3822" s="53"/>
      <c r="CH3822" s="53"/>
      <c r="CI3822" s="53"/>
      <c r="CJ3822" s="53"/>
      <c r="CK3822" s="53"/>
      <c r="CL3822" s="53"/>
      <c r="CM3822" s="53"/>
      <c r="CN3822" s="53"/>
    </row>
    <row r="3823" spans="1:92" outlineLevel="1">
      <c r="A3823" s="52" t="s">
        <v>716</v>
      </c>
      <c r="B3823" s="53">
        <v>5333333.3333333302</v>
      </c>
      <c r="C3823" s="53">
        <v>5333333.3333333302</v>
      </c>
      <c r="D3823" s="53">
        <v>5333333.3333333302</v>
      </c>
      <c r="E3823" s="53">
        <v>5333333.3333333302</v>
      </c>
      <c r="F3823" s="53">
        <v>5333333.3333333302</v>
      </c>
      <c r="G3823" s="53">
        <v>5333333.3333333302</v>
      </c>
      <c r="H3823" s="53">
        <v>5333333.3333333302</v>
      </c>
      <c r="I3823" s="53">
        <v>5333333.3333333302</v>
      </c>
      <c r="J3823" s="53">
        <v>5333333.3333333302</v>
      </c>
      <c r="K3823" s="53">
        <v>5333333.3333333302</v>
      </c>
      <c r="L3823" s="53">
        <v>5333333.3333333302</v>
      </c>
      <c r="M3823" s="53">
        <v>5333333.3333333302</v>
      </c>
      <c r="N3823" s="53">
        <v>64000000</v>
      </c>
      <c r="O3823" s="53">
        <v>5333333.3333333302</v>
      </c>
      <c r="P3823" s="53">
        <v>5333333.3333333302</v>
      </c>
      <c r="Q3823" s="53">
        <v>5333333.3333333302</v>
      </c>
      <c r="R3823" s="53">
        <v>5333333.3333333302</v>
      </c>
      <c r="S3823" s="53">
        <v>5333333.3333333302</v>
      </c>
      <c r="T3823" s="53">
        <v>5333333.3333333302</v>
      </c>
      <c r="U3823" s="53">
        <v>5333333.3333333302</v>
      </c>
      <c r="V3823" s="53">
        <v>5333333.3333333302</v>
      </c>
      <c r="W3823" s="53">
        <v>5333333.3333333302</v>
      </c>
      <c r="X3823" s="53">
        <v>5333333.3333333302</v>
      </c>
      <c r="Y3823" s="53">
        <v>5333333.3333333302</v>
      </c>
      <c r="Z3823" s="53">
        <v>5333333.3333333302</v>
      </c>
      <c r="AA3823" s="53">
        <v>64000000</v>
      </c>
      <c r="AB3823" s="53">
        <v>5333333.3333333302</v>
      </c>
      <c r="AC3823" s="53">
        <v>5333333.3333333302</v>
      </c>
      <c r="AD3823" s="53">
        <v>5333333.3333333302</v>
      </c>
      <c r="AE3823" s="53">
        <v>5333333.3333333302</v>
      </c>
      <c r="AF3823" s="53">
        <v>5333333.3333333302</v>
      </c>
      <c r="AG3823" s="53">
        <v>5333333.3333333302</v>
      </c>
      <c r="AH3823" s="53">
        <v>5333333.3333333302</v>
      </c>
      <c r="AI3823" s="53">
        <v>5333333.3333333302</v>
      </c>
      <c r="AJ3823" s="53">
        <v>5333333.3333333302</v>
      </c>
      <c r="AK3823" s="53">
        <v>5333333.3333333302</v>
      </c>
      <c r="AL3823" s="53">
        <v>5333333.3333333302</v>
      </c>
      <c r="AM3823" s="53">
        <v>5333333.3333333302</v>
      </c>
      <c r="AN3823" s="53">
        <v>64000000</v>
      </c>
      <c r="AO3823" s="53">
        <v>5333333.3333333302</v>
      </c>
      <c r="AP3823" s="53">
        <v>5333333.3333333302</v>
      </c>
      <c r="AQ3823" s="53">
        <v>5333333.3333333302</v>
      </c>
      <c r="AR3823" s="53">
        <v>5333333.3333333302</v>
      </c>
      <c r="AS3823" s="53">
        <v>5333333.3333333302</v>
      </c>
      <c r="AT3823" s="53">
        <v>5333333.3333333302</v>
      </c>
      <c r="AU3823" s="53">
        <v>5333333.3333333302</v>
      </c>
      <c r="AV3823" s="53">
        <v>5333333.3333333302</v>
      </c>
      <c r="AW3823" s="53">
        <v>5333333.3333333302</v>
      </c>
      <c r="AX3823" s="53">
        <v>5333333.3333333302</v>
      </c>
      <c r="AY3823" s="53">
        <v>5333333.3333333302</v>
      </c>
      <c r="AZ3823" s="53">
        <v>5333333.3333333302</v>
      </c>
      <c r="BA3823" s="53">
        <v>64000000</v>
      </c>
      <c r="BB3823" s="53">
        <v>5333333.3333333302</v>
      </c>
      <c r="BC3823" s="53">
        <v>5333333.3333333302</v>
      </c>
      <c r="BD3823" s="53">
        <v>5333333.3333333302</v>
      </c>
      <c r="BE3823" s="53">
        <v>5333333.3333333302</v>
      </c>
      <c r="BF3823" s="53">
        <v>5333333.3333333302</v>
      </c>
      <c r="BG3823" s="53">
        <v>5333333.3333333302</v>
      </c>
      <c r="BH3823" s="53">
        <v>5333333.3333333302</v>
      </c>
      <c r="BI3823" s="53">
        <v>5333333.3333333302</v>
      </c>
      <c r="BJ3823" s="53">
        <v>5333333.3333333302</v>
      </c>
      <c r="BK3823" s="53">
        <v>5333333.3333333302</v>
      </c>
      <c r="BL3823" s="53">
        <v>5333333.3333333302</v>
      </c>
      <c r="BM3823" s="53">
        <v>5333333.3333333302</v>
      </c>
      <c r="BN3823" s="53">
        <v>64000000</v>
      </c>
      <c r="BO3823" s="53">
        <v>5333333.3333333302</v>
      </c>
      <c r="BP3823" s="53">
        <v>5333333.3333333302</v>
      </c>
      <c r="BQ3823" s="53">
        <v>5333333.3333333302</v>
      </c>
      <c r="BR3823" s="53">
        <v>5333333.3333333302</v>
      </c>
      <c r="BS3823" s="53">
        <v>5333333.3333333302</v>
      </c>
      <c r="BT3823" s="53">
        <v>5333333.3333333302</v>
      </c>
      <c r="BU3823" s="53">
        <v>5333333.3333333302</v>
      </c>
      <c r="BV3823" s="53">
        <v>5333333.3333333302</v>
      </c>
      <c r="BW3823" s="53">
        <v>5333333.3333333302</v>
      </c>
      <c r="BX3823" s="53">
        <v>5333333.3333333302</v>
      </c>
      <c r="BY3823" s="53">
        <v>5333333.3333333302</v>
      </c>
      <c r="BZ3823" s="53">
        <v>5333333.3333333302</v>
      </c>
      <c r="CA3823" s="53">
        <v>64000000</v>
      </c>
      <c r="CB3823" s="53">
        <v>-6148015.4214001903</v>
      </c>
      <c r="CC3823" s="53">
        <v>-10014252.445839399</v>
      </c>
      <c r="CD3823" s="53">
        <v>-5695985.3494004598</v>
      </c>
      <c r="CE3823" s="53">
        <v>-56073374.921472199</v>
      </c>
      <c r="CF3823" s="53">
        <v>-55467475.822112098</v>
      </c>
      <c r="CG3823" s="53">
        <v>-38737969.727702603</v>
      </c>
      <c r="CH3823" s="53">
        <v>-129564121.638422</v>
      </c>
      <c r="CI3823" s="53">
        <v>-25424080.3079019</v>
      </c>
      <c r="CJ3823" s="53"/>
      <c r="CK3823" s="53"/>
      <c r="CL3823" s="53"/>
      <c r="CM3823" s="53"/>
      <c r="CN3823" s="53">
        <v>-327125275.634251</v>
      </c>
    </row>
    <row r="3824" spans="1:92" outlineLevel="1">
      <c r="A3824" s="52" t="s">
        <v>717</v>
      </c>
      <c r="B3824" s="53">
        <v>1647916.66666666</v>
      </c>
      <c r="C3824" s="53">
        <v>1647916.66666666</v>
      </c>
      <c r="D3824" s="53">
        <v>1647916.66666666</v>
      </c>
      <c r="E3824" s="53">
        <v>1647916.66666666</v>
      </c>
      <c r="F3824" s="53">
        <v>1647916.66666666</v>
      </c>
      <c r="G3824" s="53">
        <v>1647916.66666666</v>
      </c>
      <c r="H3824" s="53">
        <v>1647916.66666666</v>
      </c>
      <c r="I3824" s="53">
        <v>1647916.66666666</v>
      </c>
      <c r="J3824" s="53">
        <v>1647916.66666666</v>
      </c>
      <c r="K3824" s="53">
        <v>1647916.66666666</v>
      </c>
      <c r="L3824" s="53">
        <v>1647916.66666666</v>
      </c>
      <c r="M3824" s="53">
        <v>1647916.66666666</v>
      </c>
      <c r="N3824" s="53">
        <v>19775000</v>
      </c>
      <c r="O3824" s="53">
        <v>1647916.66666666</v>
      </c>
      <c r="P3824" s="53">
        <v>1647916.66666666</v>
      </c>
      <c r="Q3824" s="53">
        <v>1647916.66666666</v>
      </c>
      <c r="R3824" s="53">
        <v>1647916.66666666</v>
      </c>
      <c r="S3824" s="53">
        <v>1647916.66666666</v>
      </c>
      <c r="T3824" s="53">
        <v>1647916.66666666</v>
      </c>
      <c r="U3824" s="53">
        <v>1647916.66666666</v>
      </c>
      <c r="V3824" s="53">
        <v>1647916.66666666</v>
      </c>
      <c r="W3824" s="53">
        <v>1647916.66666666</v>
      </c>
      <c r="X3824" s="53">
        <v>1647916.66666666</v>
      </c>
      <c r="Y3824" s="53">
        <v>1647916.66666666</v>
      </c>
      <c r="Z3824" s="53">
        <v>1647916.66666666</v>
      </c>
      <c r="AA3824" s="53">
        <v>19775000</v>
      </c>
      <c r="AB3824" s="53">
        <v>1647916.66666666</v>
      </c>
      <c r="AC3824" s="53">
        <v>1647916.66666666</v>
      </c>
      <c r="AD3824" s="53">
        <v>1647916.66666666</v>
      </c>
      <c r="AE3824" s="53">
        <v>1647916.66666666</v>
      </c>
      <c r="AF3824" s="53">
        <v>1647916.66666666</v>
      </c>
      <c r="AG3824" s="53">
        <v>1647916.66666666</v>
      </c>
      <c r="AH3824" s="53">
        <v>1647916.66666666</v>
      </c>
      <c r="AI3824" s="53">
        <v>1647916.66666666</v>
      </c>
      <c r="AJ3824" s="53">
        <v>1647916.66666666</v>
      </c>
      <c r="AK3824" s="53">
        <v>1647916.66666666</v>
      </c>
      <c r="AL3824" s="53">
        <v>1647916.66666666</v>
      </c>
      <c r="AM3824" s="53">
        <v>1647916.66666666</v>
      </c>
      <c r="AN3824" s="53">
        <v>19775000</v>
      </c>
      <c r="AO3824" s="53">
        <v>1647916.66666666</v>
      </c>
      <c r="AP3824" s="53">
        <v>1647916.66666666</v>
      </c>
      <c r="AQ3824" s="53">
        <v>1647916.66666666</v>
      </c>
      <c r="AR3824" s="53">
        <v>1647916.66666666</v>
      </c>
      <c r="AS3824" s="53">
        <v>1647916.66666666</v>
      </c>
      <c r="AT3824" s="53">
        <v>1647916.66666666</v>
      </c>
      <c r="AU3824" s="53">
        <v>1647916.66666666</v>
      </c>
      <c r="AV3824" s="53">
        <v>1647916.66666666</v>
      </c>
      <c r="AW3824" s="53">
        <v>1647916.66666666</v>
      </c>
      <c r="AX3824" s="53">
        <v>1647916.66666666</v>
      </c>
      <c r="AY3824" s="53">
        <v>1647916.66666666</v>
      </c>
      <c r="AZ3824" s="53">
        <v>1647916.66666666</v>
      </c>
      <c r="BA3824" s="53">
        <v>19775000</v>
      </c>
      <c r="BB3824" s="53">
        <v>1647916.66666666</v>
      </c>
      <c r="BC3824" s="53">
        <v>1647916.66666666</v>
      </c>
      <c r="BD3824" s="53">
        <v>1647916.66666666</v>
      </c>
      <c r="BE3824" s="53">
        <v>1647916.66666666</v>
      </c>
      <c r="BF3824" s="53">
        <v>1647916.66666666</v>
      </c>
      <c r="BG3824" s="53">
        <v>1647916.66666666</v>
      </c>
      <c r="BH3824" s="53">
        <v>1647916.66666666</v>
      </c>
      <c r="BI3824" s="53">
        <v>1647916.66666666</v>
      </c>
      <c r="BJ3824" s="53">
        <v>1647916.66666666</v>
      </c>
      <c r="BK3824" s="53">
        <v>1647916.66666666</v>
      </c>
      <c r="BL3824" s="53">
        <v>1647916.66666666</v>
      </c>
      <c r="BM3824" s="53">
        <v>1647916.66666666</v>
      </c>
      <c r="BN3824" s="53">
        <v>19775000</v>
      </c>
      <c r="BO3824" s="53">
        <v>1647916.66666666</v>
      </c>
      <c r="BP3824" s="53">
        <v>1647916.66666666</v>
      </c>
      <c r="BQ3824" s="53">
        <v>1647916.66666666</v>
      </c>
      <c r="BR3824" s="53">
        <v>1647916.66666666</v>
      </c>
      <c r="BS3824" s="53">
        <v>1647916.66666666</v>
      </c>
      <c r="BT3824" s="53">
        <v>1647916.66666666</v>
      </c>
      <c r="BU3824" s="53">
        <v>1647916.66666666</v>
      </c>
      <c r="BV3824" s="53">
        <v>1647916.66666666</v>
      </c>
      <c r="BW3824" s="53">
        <v>1647916.66666666</v>
      </c>
      <c r="BX3824" s="53">
        <v>1647916.66666666</v>
      </c>
      <c r="BY3824" s="53">
        <v>1647916.66666666</v>
      </c>
      <c r="BZ3824" s="53">
        <v>1647916.66666666</v>
      </c>
      <c r="CA3824" s="53">
        <v>19775000</v>
      </c>
      <c r="CB3824" s="53"/>
      <c r="CC3824" s="53"/>
      <c r="CD3824" s="53"/>
      <c r="CE3824" s="53"/>
      <c r="CF3824" s="53"/>
      <c r="CG3824" s="53"/>
      <c r="CH3824" s="53"/>
      <c r="CI3824" s="53"/>
      <c r="CJ3824" s="53"/>
      <c r="CK3824" s="53"/>
      <c r="CL3824" s="53"/>
      <c r="CM3824" s="53"/>
      <c r="CN3824" s="53"/>
    </row>
    <row r="3825" spans="1:92" outlineLevel="1">
      <c r="A3825" s="52" t="s">
        <v>718</v>
      </c>
      <c r="B3825" s="53">
        <v>1283333.33333333</v>
      </c>
      <c r="C3825" s="53">
        <v>1283333.33333333</v>
      </c>
      <c r="D3825" s="53">
        <v>1283333.33333333</v>
      </c>
      <c r="E3825" s="53">
        <v>1283333.33333333</v>
      </c>
      <c r="F3825" s="53">
        <v>1283333.33333333</v>
      </c>
      <c r="G3825" s="53">
        <v>1283333.33333333</v>
      </c>
      <c r="H3825" s="53">
        <v>1283333.33333333</v>
      </c>
      <c r="I3825" s="53">
        <v>1283333.33333333</v>
      </c>
      <c r="J3825" s="53">
        <v>1283333.33333333</v>
      </c>
      <c r="K3825" s="53">
        <v>1283333.33333333</v>
      </c>
      <c r="L3825" s="53">
        <v>1283333.33333333</v>
      </c>
      <c r="M3825" s="53">
        <v>1283333.33333333</v>
      </c>
      <c r="N3825" s="53">
        <v>15400000</v>
      </c>
      <c r="O3825" s="53">
        <v>1283333.33333333</v>
      </c>
      <c r="P3825" s="53">
        <v>1283333.33333333</v>
      </c>
      <c r="Q3825" s="53">
        <v>1283333.33333333</v>
      </c>
      <c r="R3825" s="53">
        <v>1283333.33333333</v>
      </c>
      <c r="S3825" s="53">
        <v>1283333.33333333</v>
      </c>
      <c r="T3825" s="53">
        <v>1283333.33333333</v>
      </c>
      <c r="U3825" s="53">
        <v>1283333.33333333</v>
      </c>
      <c r="V3825" s="53">
        <v>1283333.33333333</v>
      </c>
      <c r="W3825" s="53">
        <v>1283333.33333333</v>
      </c>
      <c r="X3825" s="53">
        <v>1283333.33333333</v>
      </c>
      <c r="Y3825" s="53">
        <v>1283333.33333333</v>
      </c>
      <c r="Z3825" s="53">
        <v>1283333.33333333</v>
      </c>
      <c r="AA3825" s="53">
        <v>15400000</v>
      </c>
      <c r="AB3825" s="53">
        <v>1283333.33333333</v>
      </c>
      <c r="AC3825" s="53">
        <v>1283333.33333333</v>
      </c>
      <c r="AD3825" s="53">
        <v>1283333.33333333</v>
      </c>
      <c r="AE3825" s="53">
        <v>1283333.33333333</v>
      </c>
      <c r="AF3825" s="53">
        <v>1283333.33333333</v>
      </c>
      <c r="AG3825" s="53">
        <v>1283333.33333333</v>
      </c>
      <c r="AH3825" s="53">
        <v>1283333.33333333</v>
      </c>
      <c r="AI3825" s="53">
        <v>1283333.33333333</v>
      </c>
      <c r="AJ3825" s="53">
        <v>1283333.33333333</v>
      </c>
      <c r="AK3825" s="53">
        <v>1283333.33333333</v>
      </c>
      <c r="AL3825" s="53">
        <v>1283333.33333333</v>
      </c>
      <c r="AM3825" s="53">
        <v>1283333.33333333</v>
      </c>
      <c r="AN3825" s="53">
        <v>15400000</v>
      </c>
      <c r="AO3825" s="53">
        <v>1283333.33333333</v>
      </c>
      <c r="AP3825" s="53">
        <v>1283333.33333333</v>
      </c>
      <c r="AQ3825" s="53">
        <v>1283333.33333333</v>
      </c>
      <c r="AR3825" s="53">
        <v>1283333.33333333</v>
      </c>
      <c r="AS3825" s="53">
        <v>1283333.33333333</v>
      </c>
      <c r="AT3825" s="53">
        <v>1283333.33333333</v>
      </c>
      <c r="AU3825" s="53">
        <v>1283333.33333333</v>
      </c>
      <c r="AV3825" s="53">
        <v>1283333.33333333</v>
      </c>
      <c r="AW3825" s="53">
        <v>1283333.33333333</v>
      </c>
      <c r="AX3825" s="53">
        <v>1283333.33333333</v>
      </c>
      <c r="AY3825" s="53">
        <v>1283333.33333333</v>
      </c>
      <c r="AZ3825" s="53">
        <v>1283333.33333333</v>
      </c>
      <c r="BA3825" s="53">
        <v>15400000</v>
      </c>
      <c r="BB3825" s="53">
        <v>1283333.33333333</v>
      </c>
      <c r="BC3825" s="53">
        <v>1283333.33333333</v>
      </c>
      <c r="BD3825" s="53">
        <v>1283333.33333333</v>
      </c>
      <c r="BE3825" s="53">
        <v>1283333.33333333</v>
      </c>
      <c r="BF3825" s="53">
        <v>1283333.33333333</v>
      </c>
      <c r="BG3825" s="53">
        <v>1283333.33333333</v>
      </c>
      <c r="BH3825" s="53">
        <v>1283333.33333333</v>
      </c>
      <c r="BI3825" s="53">
        <v>1283333.33333333</v>
      </c>
      <c r="BJ3825" s="53">
        <v>1283333.33333333</v>
      </c>
      <c r="BK3825" s="53">
        <v>1283333.33333333</v>
      </c>
      <c r="BL3825" s="53">
        <v>1283333.33333333</v>
      </c>
      <c r="BM3825" s="53">
        <v>1283333.33333333</v>
      </c>
      <c r="BN3825" s="53">
        <v>15400000</v>
      </c>
      <c r="BO3825" s="53">
        <v>1283333.33333333</v>
      </c>
      <c r="BP3825" s="53">
        <v>1283333.33333333</v>
      </c>
      <c r="BQ3825" s="53">
        <v>1283333.33333333</v>
      </c>
      <c r="BR3825" s="53">
        <v>1283333.33333333</v>
      </c>
      <c r="BS3825" s="53">
        <v>1283333.33333333</v>
      </c>
      <c r="BT3825" s="53">
        <v>1283333.33333333</v>
      </c>
      <c r="BU3825" s="53">
        <v>1283333.33333333</v>
      </c>
      <c r="BV3825" s="53">
        <v>1283333.33333333</v>
      </c>
      <c r="BW3825" s="53">
        <v>1283333.33333333</v>
      </c>
      <c r="BX3825" s="53">
        <v>1283333.33333333</v>
      </c>
      <c r="BY3825" s="53">
        <v>1283333.33333333</v>
      </c>
      <c r="BZ3825" s="53">
        <v>1283333.33333333</v>
      </c>
      <c r="CA3825" s="53">
        <v>15400000</v>
      </c>
      <c r="CB3825" s="53"/>
      <c r="CC3825" s="53"/>
      <c r="CD3825" s="53"/>
      <c r="CE3825" s="53"/>
      <c r="CF3825" s="53"/>
      <c r="CG3825" s="53"/>
      <c r="CH3825" s="53"/>
      <c r="CI3825" s="53"/>
      <c r="CJ3825" s="53"/>
      <c r="CK3825" s="53"/>
      <c r="CL3825" s="53"/>
      <c r="CM3825" s="53"/>
      <c r="CN3825" s="53"/>
    </row>
    <row r="3826" spans="1:92" outlineLevel="1">
      <c r="A3826" s="52" t="s">
        <v>1563</v>
      </c>
      <c r="B3826" s="53">
        <v>187500</v>
      </c>
      <c r="C3826" s="53">
        <v>187500</v>
      </c>
      <c r="D3826" s="53">
        <v>187500</v>
      </c>
      <c r="E3826" s="53">
        <v>187500</v>
      </c>
      <c r="F3826" s="53">
        <v>187500</v>
      </c>
      <c r="G3826" s="53">
        <v>187500</v>
      </c>
      <c r="H3826" s="53">
        <v>937500</v>
      </c>
      <c r="I3826" s="53">
        <v>937500</v>
      </c>
      <c r="J3826" s="53">
        <v>937500</v>
      </c>
      <c r="K3826" s="53">
        <v>937500</v>
      </c>
      <c r="L3826" s="53">
        <v>937500</v>
      </c>
      <c r="M3826" s="53">
        <v>937500</v>
      </c>
      <c r="N3826" s="53">
        <v>6750000</v>
      </c>
      <c r="O3826" s="53">
        <v>1052083.33333333</v>
      </c>
      <c r="P3826" s="53">
        <v>1052083.33333333</v>
      </c>
      <c r="Q3826" s="53">
        <v>1052083.33333333</v>
      </c>
      <c r="R3826" s="53">
        <v>1052083.33333333</v>
      </c>
      <c r="S3826" s="53">
        <v>1052083.33333333</v>
      </c>
      <c r="T3826" s="53">
        <v>1052083.33333333</v>
      </c>
      <c r="U3826" s="53">
        <v>1041666.66666666</v>
      </c>
      <c r="V3826" s="53">
        <v>1041666.66666666</v>
      </c>
      <c r="W3826" s="53">
        <v>1041666.66666666</v>
      </c>
      <c r="X3826" s="53">
        <v>1041666.66666666</v>
      </c>
      <c r="Y3826" s="53">
        <v>1041666.66666666</v>
      </c>
      <c r="Z3826" s="53">
        <v>1041666.66666666</v>
      </c>
      <c r="AA3826" s="53">
        <v>12562499.999999899</v>
      </c>
      <c r="AB3826" s="53">
        <v>937500</v>
      </c>
      <c r="AC3826" s="53">
        <v>937500</v>
      </c>
      <c r="AD3826" s="53">
        <v>937500</v>
      </c>
      <c r="AE3826" s="53">
        <v>937500</v>
      </c>
      <c r="AF3826" s="53">
        <v>937500</v>
      </c>
      <c r="AG3826" s="53">
        <v>937500</v>
      </c>
      <c r="AH3826" s="53">
        <v>937500</v>
      </c>
      <c r="AI3826" s="53">
        <v>937500</v>
      </c>
      <c r="AJ3826" s="53">
        <v>937500</v>
      </c>
      <c r="AK3826" s="53">
        <v>937500</v>
      </c>
      <c r="AL3826" s="53">
        <v>937500</v>
      </c>
      <c r="AM3826" s="53">
        <v>937500</v>
      </c>
      <c r="AN3826" s="53">
        <v>11250000</v>
      </c>
      <c r="AO3826" s="53">
        <v>781249.99999999895</v>
      </c>
      <c r="AP3826" s="53">
        <v>781249.99999999895</v>
      </c>
      <c r="AQ3826" s="53">
        <v>781249.99999999895</v>
      </c>
      <c r="AR3826" s="53">
        <v>781249.99999999895</v>
      </c>
      <c r="AS3826" s="53">
        <v>781249.99999999895</v>
      </c>
      <c r="AT3826" s="53">
        <v>781249.99999999895</v>
      </c>
      <c r="AU3826" s="53">
        <v>781249.99999999895</v>
      </c>
      <c r="AV3826" s="53">
        <v>781249.99999999895</v>
      </c>
      <c r="AW3826" s="53">
        <v>781249.99999999895</v>
      </c>
      <c r="AX3826" s="53">
        <v>781249.99999999895</v>
      </c>
      <c r="AY3826" s="53">
        <v>781249.99999999895</v>
      </c>
      <c r="AZ3826" s="53">
        <v>781249.99999999895</v>
      </c>
      <c r="BA3826" s="53">
        <v>9374999.9999999907</v>
      </c>
      <c r="BB3826" s="53">
        <v>760416.66666666605</v>
      </c>
      <c r="BC3826" s="53">
        <v>760416.66666666605</v>
      </c>
      <c r="BD3826" s="53">
        <v>760416.66666666605</v>
      </c>
      <c r="BE3826" s="53">
        <v>760416.66666666605</v>
      </c>
      <c r="BF3826" s="53">
        <v>760416.66666666605</v>
      </c>
      <c r="BG3826" s="53">
        <v>760416.66666666605</v>
      </c>
      <c r="BH3826" s="53">
        <v>760416.66666666605</v>
      </c>
      <c r="BI3826" s="53">
        <v>760416.66666666605</v>
      </c>
      <c r="BJ3826" s="53">
        <v>760416.66666666605</v>
      </c>
      <c r="BK3826" s="53">
        <v>760416.66666666605</v>
      </c>
      <c r="BL3826" s="53">
        <v>760416.66666666605</v>
      </c>
      <c r="BM3826" s="53">
        <v>760416.66666666605</v>
      </c>
      <c r="BN3826" s="53">
        <v>9125000</v>
      </c>
      <c r="BO3826" s="53">
        <v>770833.33333333302</v>
      </c>
      <c r="BP3826" s="53">
        <v>770833.33333333302</v>
      </c>
      <c r="BQ3826" s="53">
        <v>770833.33333333302</v>
      </c>
      <c r="BR3826" s="53">
        <v>770833.33333333302</v>
      </c>
      <c r="BS3826" s="53">
        <v>770833.33333333302</v>
      </c>
      <c r="BT3826" s="53">
        <v>770833.33333333302</v>
      </c>
      <c r="BU3826" s="53">
        <v>770833.33333333302</v>
      </c>
      <c r="BV3826" s="53">
        <v>770833.33333333302</v>
      </c>
      <c r="BW3826" s="53">
        <v>770833.33333333302</v>
      </c>
      <c r="BX3826" s="53">
        <v>770833.33333333302</v>
      </c>
      <c r="BY3826" s="53">
        <v>770833.33333333302</v>
      </c>
      <c r="BZ3826" s="53">
        <v>770833.33333333302</v>
      </c>
      <c r="CA3826" s="53">
        <v>9250000</v>
      </c>
      <c r="CB3826" s="53"/>
      <c r="CC3826" s="53"/>
      <c r="CD3826" s="53">
        <v>-9665239.1953504495</v>
      </c>
      <c r="CE3826" s="53"/>
      <c r="CF3826" s="53"/>
      <c r="CG3826" s="53">
        <v>-18796138.1368342</v>
      </c>
      <c r="CH3826" s="53"/>
      <c r="CI3826" s="53"/>
      <c r="CJ3826" s="53">
        <v>-52534028.561362997</v>
      </c>
      <c r="CK3826" s="53"/>
      <c r="CL3826" s="53"/>
      <c r="CM3826" s="53">
        <v>-98432353.592288703</v>
      </c>
      <c r="CN3826" s="53">
        <v>-179427759.485836</v>
      </c>
    </row>
    <row r="3827" spans="1:92" outlineLevel="1">
      <c r="A3827" s="52" t="s">
        <v>721</v>
      </c>
      <c r="B3827" s="53">
        <v>1700000</v>
      </c>
      <c r="C3827" s="53">
        <v>1700000</v>
      </c>
      <c r="D3827" s="53">
        <v>1700000</v>
      </c>
      <c r="E3827" s="53">
        <v>1700000</v>
      </c>
      <c r="F3827" s="53">
        <v>1700000</v>
      </c>
      <c r="G3827" s="53">
        <v>1700000</v>
      </c>
      <c r="H3827" s="53">
        <v>1700000</v>
      </c>
      <c r="I3827" s="53">
        <v>1700000</v>
      </c>
      <c r="J3827" s="53">
        <v>1700000</v>
      </c>
      <c r="K3827" s="53">
        <v>1700000</v>
      </c>
      <c r="L3827" s="53">
        <v>1700000</v>
      </c>
      <c r="M3827" s="53">
        <v>1700000</v>
      </c>
      <c r="N3827" s="53">
        <v>20400000</v>
      </c>
      <c r="O3827" s="53">
        <v>1700000</v>
      </c>
      <c r="P3827" s="53">
        <v>1700000</v>
      </c>
      <c r="Q3827" s="53">
        <v>1700000</v>
      </c>
      <c r="R3827" s="53">
        <v>1700000</v>
      </c>
      <c r="S3827" s="53">
        <v>1700000</v>
      </c>
      <c r="T3827" s="53">
        <v>1700000</v>
      </c>
      <c r="U3827" s="53">
        <v>1700000</v>
      </c>
      <c r="V3827" s="53">
        <v>1700000</v>
      </c>
      <c r="W3827" s="53">
        <v>1700000</v>
      </c>
      <c r="X3827" s="53">
        <v>1700000</v>
      </c>
      <c r="Y3827" s="53">
        <v>1700000</v>
      </c>
      <c r="Z3827" s="53">
        <v>1700000</v>
      </c>
      <c r="AA3827" s="53">
        <v>20400000</v>
      </c>
      <c r="AB3827" s="53">
        <v>1700000</v>
      </c>
      <c r="AC3827" s="53">
        <v>1700000</v>
      </c>
      <c r="AD3827" s="53">
        <v>1700000</v>
      </c>
      <c r="AE3827" s="53">
        <v>1700000</v>
      </c>
      <c r="AF3827" s="53">
        <v>1700000</v>
      </c>
      <c r="AG3827" s="53">
        <v>1700000</v>
      </c>
      <c r="AH3827" s="53">
        <v>1700000</v>
      </c>
      <c r="AI3827" s="53">
        <v>1700000</v>
      </c>
      <c r="AJ3827" s="53">
        <v>1700000</v>
      </c>
      <c r="AK3827" s="53">
        <v>1700000</v>
      </c>
      <c r="AL3827" s="53">
        <v>1700000</v>
      </c>
      <c r="AM3827" s="53">
        <v>1700000</v>
      </c>
      <c r="AN3827" s="53">
        <v>20400000</v>
      </c>
      <c r="AO3827" s="53">
        <v>1700000</v>
      </c>
      <c r="AP3827" s="53">
        <v>1700000</v>
      </c>
      <c r="AQ3827" s="53">
        <v>1700000</v>
      </c>
      <c r="AR3827" s="53">
        <v>1700000</v>
      </c>
      <c r="AS3827" s="53">
        <v>1700000</v>
      </c>
      <c r="AT3827" s="53">
        <v>1700000</v>
      </c>
      <c r="AU3827" s="53">
        <v>1700000</v>
      </c>
      <c r="AV3827" s="53">
        <v>1700000</v>
      </c>
      <c r="AW3827" s="53">
        <v>1700000</v>
      </c>
      <c r="AX3827" s="53">
        <v>1700000</v>
      </c>
      <c r="AY3827" s="53">
        <v>1700000</v>
      </c>
      <c r="AZ3827" s="53">
        <v>1700000</v>
      </c>
      <c r="BA3827" s="53">
        <v>20400000</v>
      </c>
      <c r="BB3827" s="53">
        <v>1700000</v>
      </c>
      <c r="BC3827" s="53">
        <v>1700000</v>
      </c>
      <c r="BD3827" s="53">
        <v>1700000</v>
      </c>
      <c r="BE3827" s="53">
        <v>1700000</v>
      </c>
      <c r="BF3827" s="53">
        <v>1700000</v>
      </c>
      <c r="BG3827" s="53">
        <v>1700000</v>
      </c>
      <c r="BH3827" s="53">
        <v>1700000</v>
      </c>
      <c r="BI3827" s="53">
        <v>1700000</v>
      </c>
      <c r="BJ3827" s="53">
        <v>1700000</v>
      </c>
      <c r="BK3827" s="53">
        <v>1700000</v>
      </c>
      <c r="BL3827" s="53">
        <v>1700000</v>
      </c>
      <c r="BM3827" s="53">
        <v>1700000</v>
      </c>
      <c r="BN3827" s="53">
        <v>20400000</v>
      </c>
      <c r="BO3827" s="53">
        <v>1700000</v>
      </c>
      <c r="BP3827" s="53">
        <v>1700000</v>
      </c>
      <c r="BQ3827" s="53">
        <v>1700000</v>
      </c>
      <c r="BR3827" s="53">
        <v>1700000</v>
      </c>
      <c r="BS3827" s="53">
        <v>1700000</v>
      </c>
      <c r="BT3827" s="53">
        <v>1700000</v>
      </c>
      <c r="BU3827" s="53">
        <v>1700000</v>
      </c>
      <c r="BV3827" s="53">
        <v>1700000</v>
      </c>
      <c r="BW3827" s="53">
        <v>1700000</v>
      </c>
      <c r="BX3827" s="53">
        <v>1700000</v>
      </c>
      <c r="BY3827" s="53">
        <v>1700000</v>
      </c>
      <c r="BZ3827" s="53">
        <v>1700000</v>
      </c>
      <c r="CA3827" s="53">
        <v>20400000</v>
      </c>
      <c r="CB3827" s="53"/>
      <c r="CC3827" s="53"/>
      <c r="CD3827" s="53"/>
      <c r="CE3827" s="53"/>
      <c r="CF3827" s="53"/>
      <c r="CG3827" s="53"/>
      <c r="CH3827" s="53"/>
      <c r="CI3827" s="53"/>
      <c r="CJ3827" s="53"/>
      <c r="CK3827" s="53"/>
      <c r="CL3827" s="53"/>
      <c r="CM3827" s="53"/>
      <c r="CN3827" s="53"/>
    </row>
    <row r="3828" spans="1:92" outlineLevel="1">
      <c r="A3828" s="52" t="s">
        <v>723</v>
      </c>
      <c r="B3828" s="53">
        <v>1733333.33333333</v>
      </c>
      <c r="C3828" s="53">
        <v>1733333.33333333</v>
      </c>
      <c r="D3828" s="53">
        <v>1733333.33333333</v>
      </c>
      <c r="E3828" s="53">
        <v>1733333.33333333</v>
      </c>
      <c r="F3828" s="53">
        <v>1733333.33333333</v>
      </c>
      <c r="G3828" s="53">
        <v>1733333.33333333</v>
      </c>
      <c r="H3828" s="53">
        <v>1733333.33333333</v>
      </c>
      <c r="I3828" s="53">
        <v>1733333.33333333</v>
      </c>
      <c r="J3828" s="53">
        <v>1733333.33333333</v>
      </c>
      <c r="K3828" s="53">
        <v>1733333.33333333</v>
      </c>
      <c r="L3828" s="53">
        <v>1733333.33333333</v>
      </c>
      <c r="M3828" s="53">
        <v>1733333.33333333</v>
      </c>
      <c r="N3828" s="53">
        <v>20800000</v>
      </c>
      <c r="O3828" s="53">
        <v>1733333.33333333</v>
      </c>
      <c r="P3828" s="53">
        <v>1733333.33333333</v>
      </c>
      <c r="Q3828" s="53">
        <v>1733333.33333333</v>
      </c>
      <c r="R3828" s="53">
        <v>1733333.33333333</v>
      </c>
      <c r="S3828" s="53">
        <v>1733333.33333333</v>
      </c>
      <c r="T3828" s="53">
        <v>1733333.33333333</v>
      </c>
      <c r="U3828" s="53">
        <v>1733333.33333333</v>
      </c>
      <c r="V3828" s="53">
        <v>1733333.33333333</v>
      </c>
      <c r="W3828" s="53">
        <v>1733333.33333333</v>
      </c>
      <c r="X3828" s="53">
        <v>1733333.33333333</v>
      </c>
      <c r="Y3828" s="53">
        <v>1733333.33333333</v>
      </c>
      <c r="Z3828" s="53">
        <v>1733333.33333333</v>
      </c>
      <c r="AA3828" s="53">
        <v>20800000</v>
      </c>
      <c r="AB3828" s="53">
        <v>1733333.33333333</v>
      </c>
      <c r="AC3828" s="53">
        <v>1733333.33333333</v>
      </c>
      <c r="AD3828" s="53">
        <v>1733333.33333333</v>
      </c>
      <c r="AE3828" s="53">
        <v>1733333.33333333</v>
      </c>
      <c r="AF3828" s="53">
        <v>1733333.33333333</v>
      </c>
      <c r="AG3828" s="53">
        <v>1733333.33333333</v>
      </c>
      <c r="AH3828" s="53">
        <v>1733333.33333333</v>
      </c>
      <c r="AI3828" s="53">
        <v>1733333.33333333</v>
      </c>
      <c r="AJ3828" s="53">
        <v>1733333.33333333</v>
      </c>
      <c r="AK3828" s="53">
        <v>1733333.33333333</v>
      </c>
      <c r="AL3828" s="53">
        <v>1733333.33333333</v>
      </c>
      <c r="AM3828" s="53">
        <v>1733333.33333333</v>
      </c>
      <c r="AN3828" s="53">
        <v>20800000</v>
      </c>
      <c r="AO3828" s="53">
        <v>1733333.33333333</v>
      </c>
      <c r="AP3828" s="53">
        <v>1733333.33333333</v>
      </c>
      <c r="AQ3828" s="53">
        <v>1733333.33333333</v>
      </c>
      <c r="AR3828" s="53">
        <v>1733333.33333333</v>
      </c>
      <c r="AS3828" s="53">
        <v>1733333.33333333</v>
      </c>
      <c r="AT3828" s="53">
        <v>1733333.33333333</v>
      </c>
      <c r="AU3828" s="53">
        <v>1733333.33333333</v>
      </c>
      <c r="AV3828" s="53">
        <v>1733333.33333333</v>
      </c>
      <c r="AW3828" s="53">
        <v>1733333.33333333</v>
      </c>
      <c r="AX3828" s="53">
        <v>1733333.33333333</v>
      </c>
      <c r="AY3828" s="53">
        <v>1733333.33333333</v>
      </c>
      <c r="AZ3828" s="53">
        <v>1733333.33333333</v>
      </c>
      <c r="BA3828" s="53">
        <v>20800000</v>
      </c>
      <c r="BB3828" s="53">
        <v>1733333.33333333</v>
      </c>
      <c r="BC3828" s="53">
        <v>1733333.33333333</v>
      </c>
      <c r="BD3828" s="53">
        <v>1733333.33333333</v>
      </c>
      <c r="BE3828" s="53">
        <v>1733333.33333333</v>
      </c>
      <c r="BF3828" s="53">
        <v>1733333.33333333</v>
      </c>
      <c r="BG3828" s="53">
        <v>1733333.33333333</v>
      </c>
      <c r="BH3828" s="53">
        <v>1733333.33333333</v>
      </c>
      <c r="BI3828" s="53">
        <v>1733333.33333333</v>
      </c>
      <c r="BJ3828" s="53">
        <v>1733333.33333333</v>
      </c>
      <c r="BK3828" s="53">
        <v>1733333.33333333</v>
      </c>
      <c r="BL3828" s="53">
        <v>1733333.33333333</v>
      </c>
      <c r="BM3828" s="53">
        <v>1733333.33333333</v>
      </c>
      <c r="BN3828" s="53">
        <v>20800000</v>
      </c>
      <c r="BO3828" s="53">
        <v>866666.66666666605</v>
      </c>
      <c r="BP3828" s="53"/>
      <c r="BQ3828" s="53"/>
      <c r="BR3828" s="53"/>
      <c r="BS3828" s="53"/>
      <c r="BT3828" s="53"/>
      <c r="BU3828" s="53"/>
      <c r="BV3828" s="53"/>
      <c r="BW3828" s="53"/>
      <c r="BX3828" s="53"/>
      <c r="BY3828" s="53"/>
      <c r="BZ3828" s="53"/>
      <c r="CA3828" s="53">
        <v>866666.66666666605</v>
      </c>
      <c r="CB3828" s="53"/>
      <c r="CC3828" s="53"/>
      <c r="CD3828" s="53"/>
      <c r="CE3828" s="53"/>
      <c r="CF3828" s="53"/>
      <c r="CG3828" s="53"/>
      <c r="CH3828" s="53"/>
      <c r="CI3828" s="53"/>
      <c r="CJ3828" s="53"/>
      <c r="CK3828" s="53"/>
      <c r="CL3828" s="53"/>
      <c r="CM3828" s="53"/>
      <c r="CN3828" s="53"/>
    </row>
    <row r="3829" spans="1:92" outlineLevel="1">
      <c r="A3829" s="52" t="s">
        <v>724</v>
      </c>
      <c r="B3829" s="53">
        <v>1400000</v>
      </c>
      <c r="C3829" s="53">
        <v>1400000</v>
      </c>
      <c r="D3829" s="53">
        <v>1400000</v>
      </c>
      <c r="E3829" s="53">
        <v>1400000</v>
      </c>
      <c r="F3829" s="53">
        <v>1400000</v>
      </c>
      <c r="G3829" s="53">
        <v>1400000</v>
      </c>
      <c r="H3829" s="53">
        <v>1400000</v>
      </c>
      <c r="I3829" s="53">
        <v>1400000</v>
      </c>
      <c r="J3829" s="53">
        <v>1400000</v>
      </c>
      <c r="K3829" s="53">
        <v>1400000</v>
      </c>
      <c r="L3829" s="53">
        <v>1400000</v>
      </c>
      <c r="M3829" s="53">
        <v>1400000</v>
      </c>
      <c r="N3829" s="53">
        <v>16800000</v>
      </c>
      <c r="O3829" s="53">
        <v>1400000</v>
      </c>
      <c r="P3829" s="53">
        <v>1400000</v>
      </c>
      <c r="Q3829" s="53">
        <v>1400000</v>
      </c>
      <c r="R3829" s="53">
        <v>1400000</v>
      </c>
      <c r="S3829" s="53">
        <v>1400000</v>
      </c>
      <c r="T3829" s="53">
        <v>1400000</v>
      </c>
      <c r="U3829" s="53">
        <v>1400000</v>
      </c>
      <c r="V3829" s="53">
        <v>1400000</v>
      </c>
      <c r="W3829" s="53">
        <v>1400000</v>
      </c>
      <c r="X3829" s="53">
        <v>1400000</v>
      </c>
      <c r="Y3829" s="53">
        <v>1400000</v>
      </c>
      <c r="Z3829" s="53">
        <v>1400000</v>
      </c>
      <c r="AA3829" s="53">
        <v>16800000</v>
      </c>
      <c r="AB3829" s="53">
        <v>1400000</v>
      </c>
      <c r="AC3829" s="53">
        <v>1400000</v>
      </c>
      <c r="AD3829" s="53">
        <v>1400000</v>
      </c>
      <c r="AE3829" s="53">
        <v>1400000</v>
      </c>
      <c r="AF3829" s="53">
        <v>1400000</v>
      </c>
      <c r="AG3829" s="53">
        <v>1400000</v>
      </c>
      <c r="AH3829" s="53">
        <v>1400000</v>
      </c>
      <c r="AI3829" s="53">
        <v>1400000</v>
      </c>
      <c r="AJ3829" s="53">
        <v>1400000</v>
      </c>
      <c r="AK3829" s="53">
        <v>1400000</v>
      </c>
      <c r="AL3829" s="53">
        <v>1400000</v>
      </c>
      <c r="AM3829" s="53">
        <v>1400000</v>
      </c>
      <c r="AN3829" s="53">
        <v>16800000</v>
      </c>
      <c r="AO3829" s="53">
        <v>1400000</v>
      </c>
      <c r="AP3829" s="53">
        <v>1400000</v>
      </c>
      <c r="AQ3829" s="53">
        <v>1400000</v>
      </c>
      <c r="AR3829" s="53">
        <v>1400000</v>
      </c>
      <c r="AS3829" s="53">
        <v>1400000</v>
      </c>
      <c r="AT3829" s="53">
        <v>1400000</v>
      </c>
      <c r="AU3829" s="53">
        <v>1400000</v>
      </c>
      <c r="AV3829" s="53">
        <v>1400000</v>
      </c>
      <c r="AW3829" s="53">
        <v>1400000</v>
      </c>
      <c r="AX3829" s="53">
        <v>1400000</v>
      </c>
      <c r="AY3829" s="53">
        <v>1400000</v>
      </c>
      <c r="AZ3829" s="53">
        <v>1400000</v>
      </c>
      <c r="BA3829" s="53">
        <v>16800000</v>
      </c>
      <c r="BB3829" s="53">
        <v>1400000</v>
      </c>
      <c r="BC3829" s="53">
        <v>1400000</v>
      </c>
      <c r="BD3829" s="53">
        <v>1400000</v>
      </c>
      <c r="BE3829" s="53">
        <v>1400000</v>
      </c>
      <c r="BF3829" s="53">
        <v>1400000</v>
      </c>
      <c r="BG3829" s="53">
        <v>1400000</v>
      </c>
      <c r="BH3829" s="53">
        <v>1400000</v>
      </c>
      <c r="BI3829" s="53">
        <v>1400000</v>
      </c>
      <c r="BJ3829" s="53">
        <v>1400000</v>
      </c>
      <c r="BK3829" s="53">
        <v>1400000</v>
      </c>
      <c r="BL3829" s="53">
        <v>1400000</v>
      </c>
      <c r="BM3829" s="53">
        <v>1400000</v>
      </c>
      <c r="BN3829" s="53">
        <v>16800000</v>
      </c>
      <c r="BO3829" s="53">
        <v>1400000</v>
      </c>
      <c r="BP3829" s="53">
        <v>1400000</v>
      </c>
      <c r="BQ3829" s="53">
        <v>1400000</v>
      </c>
      <c r="BR3829" s="53">
        <v>1400000</v>
      </c>
      <c r="BS3829" s="53">
        <v>1400000</v>
      </c>
      <c r="BT3829" s="53">
        <v>1400000</v>
      </c>
      <c r="BU3829" s="53">
        <v>1400000</v>
      </c>
      <c r="BV3829" s="53">
        <v>1400000</v>
      </c>
      <c r="BW3829" s="53">
        <v>1400000</v>
      </c>
      <c r="BX3829" s="53">
        <v>1400000</v>
      </c>
      <c r="BY3829" s="53">
        <v>1400000</v>
      </c>
      <c r="BZ3829" s="53">
        <v>1400000</v>
      </c>
      <c r="CA3829" s="53">
        <v>16800000</v>
      </c>
      <c r="CB3829" s="53">
        <v>-3372083.3333333302</v>
      </c>
      <c r="CC3829" s="53">
        <v>-3372083.3333333302</v>
      </c>
      <c r="CD3829" s="53">
        <v>-3372083.3333333302</v>
      </c>
      <c r="CE3829" s="53">
        <v>-3372083.3333333302</v>
      </c>
      <c r="CF3829" s="53">
        <v>-3372083.3333333302</v>
      </c>
      <c r="CG3829" s="53">
        <v>-3372083.3333333302</v>
      </c>
      <c r="CH3829" s="53">
        <v>-3372083.3333333302</v>
      </c>
      <c r="CI3829" s="53">
        <v>-3372083.3333333302</v>
      </c>
      <c r="CJ3829" s="53">
        <v>-3372083.3333333302</v>
      </c>
      <c r="CK3829" s="53">
        <v>-3372083.3333333302</v>
      </c>
      <c r="CL3829" s="53">
        <v>-3372083.3333333302</v>
      </c>
      <c r="CM3829" s="53">
        <v>-3372083.3333333302</v>
      </c>
      <c r="CN3829" s="53">
        <v>-40465000</v>
      </c>
    </row>
    <row r="3830" spans="1:92" outlineLevel="1">
      <c r="A3830" s="52" t="s">
        <v>725</v>
      </c>
      <c r="B3830" s="53">
        <v>1900000</v>
      </c>
      <c r="C3830" s="53">
        <v>1900000</v>
      </c>
      <c r="D3830" s="53">
        <v>1900000</v>
      </c>
      <c r="E3830" s="53">
        <v>1900000</v>
      </c>
      <c r="F3830" s="53">
        <v>1900000</v>
      </c>
      <c r="G3830" s="53">
        <v>1900000</v>
      </c>
      <c r="H3830" s="53">
        <v>1900000</v>
      </c>
      <c r="I3830" s="53">
        <v>1900000</v>
      </c>
      <c r="J3830" s="53">
        <v>1900000</v>
      </c>
      <c r="K3830" s="53">
        <v>1900000</v>
      </c>
      <c r="L3830" s="53">
        <v>1900000</v>
      </c>
      <c r="M3830" s="53">
        <v>1900000</v>
      </c>
      <c r="N3830" s="53">
        <v>22800000</v>
      </c>
      <c r="O3830" s="53">
        <v>1900000</v>
      </c>
      <c r="P3830" s="53">
        <v>1900000</v>
      </c>
      <c r="Q3830" s="53">
        <v>1900000</v>
      </c>
      <c r="R3830" s="53">
        <v>1900000</v>
      </c>
      <c r="S3830" s="53">
        <v>1900000</v>
      </c>
      <c r="T3830" s="53">
        <v>1900000</v>
      </c>
      <c r="U3830" s="53">
        <v>1900000</v>
      </c>
      <c r="V3830" s="53">
        <v>1900000</v>
      </c>
      <c r="W3830" s="53">
        <v>1900000</v>
      </c>
      <c r="X3830" s="53">
        <v>1900000</v>
      </c>
      <c r="Y3830" s="53">
        <v>1900000</v>
      </c>
      <c r="Z3830" s="53">
        <v>1900000</v>
      </c>
      <c r="AA3830" s="53">
        <v>22800000</v>
      </c>
      <c r="AB3830" s="53">
        <v>1900000</v>
      </c>
      <c r="AC3830" s="53">
        <v>1900000</v>
      </c>
      <c r="AD3830" s="53">
        <v>1900000</v>
      </c>
      <c r="AE3830" s="53">
        <v>1900000</v>
      </c>
      <c r="AF3830" s="53">
        <v>1900000</v>
      </c>
      <c r="AG3830" s="53">
        <v>1900000</v>
      </c>
      <c r="AH3830" s="53">
        <v>1900000</v>
      </c>
      <c r="AI3830" s="53">
        <v>1900000</v>
      </c>
      <c r="AJ3830" s="53">
        <v>1900000</v>
      </c>
      <c r="AK3830" s="53">
        <v>1900000</v>
      </c>
      <c r="AL3830" s="53">
        <v>1900000</v>
      </c>
      <c r="AM3830" s="53">
        <v>1900000</v>
      </c>
      <c r="AN3830" s="53">
        <v>22800000</v>
      </c>
      <c r="AO3830" s="53">
        <v>1900000</v>
      </c>
      <c r="AP3830" s="53">
        <v>1900000</v>
      </c>
      <c r="AQ3830" s="53">
        <v>1900000</v>
      </c>
      <c r="AR3830" s="53">
        <v>1900000</v>
      </c>
      <c r="AS3830" s="53">
        <v>1900000</v>
      </c>
      <c r="AT3830" s="53">
        <v>1900000</v>
      </c>
      <c r="AU3830" s="53">
        <v>1900000</v>
      </c>
      <c r="AV3830" s="53">
        <v>1900000</v>
      </c>
      <c r="AW3830" s="53">
        <v>1900000</v>
      </c>
      <c r="AX3830" s="53">
        <v>1900000</v>
      </c>
      <c r="AY3830" s="53">
        <v>1900000</v>
      </c>
      <c r="AZ3830" s="53">
        <v>1900000</v>
      </c>
      <c r="BA3830" s="53">
        <v>22800000</v>
      </c>
      <c r="BB3830" s="53">
        <v>1900000</v>
      </c>
      <c r="BC3830" s="53">
        <v>1900000</v>
      </c>
      <c r="BD3830" s="53">
        <v>1900000</v>
      </c>
      <c r="BE3830" s="53">
        <v>1900000</v>
      </c>
      <c r="BF3830" s="53">
        <v>1900000</v>
      </c>
      <c r="BG3830" s="53">
        <v>1900000</v>
      </c>
      <c r="BH3830" s="53">
        <v>1900000</v>
      </c>
      <c r="BI3830" s="53">
        <v>1900000</v>
      </c>
      <c r="BJ3830" s="53">
        <v>1900000</v>
      </c>
      <c r="BK3830" s="53">
        <v>1900000</v>
      </c>
      <c r="BL3830" s="53">
        <v>1900000</v>
      </c>
      <c r="BM3830" s="53">
        <v>1900000</v>
      </c>
      <c r="BN3830" s="53">
        <v>22800000</v>
      </c>
      <c r="BO3830" s="53">
        <v>1900000</v>
      </c>
      <c r="BP3830" s="53">
        <v>1900000</v>
      </c>
      <c r="BQ3830" s="53">
        <v>1900000</v>
      </c>
      <c r="BR3830" s="53">
        <v>1900000</v>
      </c>
      <c r="BS3830" s="53">
        <v>1900000</v>
      </c>
      <c r="BT3830" s="53">
        <v>1900000</v>
      </c>
      <c r="BU3830" s="53">
        <v>1900000</v>
      </c>
      <c r="BV3830" s="53">
        <v>1900000</v>
      </c>
      <c r="BW3830" s="53">
        <v>1900000</v>
      </c>
      <c r="BX3830" s="53">
        <v>1900000</v>
      </c>
      <c r="BY3830" s="53">
        <v>1900000</v>
      </c>
      <c r="BZ3830" s="53">
        <v>1900000</v>
      </c>
      <c r="CA3830" s="53">
        <v>22800000</v>
      </c>
      <c r="CB3830" s="53"/>
      <c r="CC3830" s="53"/>
      <c r="CD3830" s="53"/>
      <c r="CE3830" s="53"/>
      <c r="CF3830" s="53"/>
      <c r="CG3830" s="53"/>
      <c r="CH3830" s="53"/>
      <c r="CI3830" s="53"/>
      <c r="CJ3830" s="53"/>
      <c r="CK3830" s="53"/>
      <c r="CL3830" s="53"/>
      <c r="CM3830" s="53"/>
      <c r="CN3830" s="53"/>
    </row>
    <row r="3831" spans="1:92" outlineLevel="1">
      <c r="A3831" s="52" t="s">
        <v>726</v>
      </c>
      <c r="B3831" s="53">
        <v>1458333.33333333</v>
      </c>
      <c r="C3831" s="53">
        <v>1458333.33333333</v>
      </c>
      <c r="D3831" s="53">
        <v>1458333.33333333</v>
      </c>
      <c r="E3831" s="53">
        <v>1458333.33333333</v>
      </c>
      <c r="F3831" s="53">
        <v>1458333.33333333</v>
      </c>
      <c r="G3831" s="53">
        <v>1458333.33333333</v>
      </c>
      <c r="H3831" s="53">
        <v>1458333.33333333</v>
      </c>
      <c r="I3831" s="53">
        <v>1458333.33333333</v>
      </c>
      <c r="J3831" s="53">
        <v>1458333.33333333</v>
      </c>
      <c r="K3831" s="53">
        <v>1458333.33333333</v>
      </c>
      <c r="L3831" s="53">
        <v>1458333.33333333</v>
      </c>
      <c r="M3831" s="53">
        <v>1458333.33333333</v>
      </c>
      <c r="N3831" s="53">
        <v>17500000</v>
      </c>
      <c r="O3831" s="53">
        <v>1458333.33333333</v>
      </c>
      <c r="P3831" s="53">
        <v>1458333.33333333</v>
      </c>
      <c r="Q3831" s="53">
        <v>1458333.33333333</v>
      </c>
      <c r="R3831" s="53">
        <v>1458333.33333333</v>
      </c>
      <c r="S3831" s="53">
        <v>1458333.33333333</v>
      </c>
      <c r="T3831" s="53">
        <v>1458333.33333333</v>
      </c>
      <c r="U3831" s="53">
        <v>1458333.33333333</v>
      </c>
      <c r="V3831" s="53">
        <v>1458333.33333333</v>
      </c>
      <c r="W3831" s="53">
        <v>1458333.33333333</v>
      </c>
      <c r="X3831" s="53">
        <v>1458333.33333333</v>
      </c>
      <c r="Y3831" s="53">
        <v>1458333.33333333</v>
      </c>
      <c r="Z3831" s="53">
        <v>1458333.33333333</v>
      </c>
      <c r="AA3831" s="53">
        <v>17500000</v>
      </c>
      <c r="AB3831" s="53">
        <v>1458333.33333333</v>
      </c>
      <c r="AC3831" s="53">
        <v>1458333.33333333</v>
      </c>
      <c r="AD3831" s="53">
        <v>1458333.33333333</v>
      </c>
      <c r="AE3831" s="53">
        <v>1458333.33333333</v>
      </c>
      <c r="AF3831" s="53">
        <v>1458333.33333333</v>
      </c>
      <c r="AG3831" s="53">
        <v>1458333.33333333</v>
      </c>
      <c r="AH3831" s="53">
        <v>1458333.33333333</v>
      </c>
      <c r="AI3831" s="53">
        <v>1458333.33333333</v>
      </c>
      <c r="AJ3831" s="53">
        <v>1458333.33333333</v>
      </c>
      <c r="AK3831" s="53">
        <v>1458333.33333333</v>
      </c>
      <c r="AL3831" s="53">
        <v>1458333.33333333</v>
      </c>
      <c r="AM3831" s="53">
        <v>1458333.33333333</v>
      </c>
      <c r="AN3831" s="53">
        <v>17500000</v>
      </c>
      <c r="AO3831" s="53">
        <v>1458333.33333333</v>
      </c>
      <c r="AP3831" s="53">
        <v>1458333.33333333</v>
      </c>
      <c r="AQ3831" s="53">
        <v>1458333.33333333</v>
      </c>
      <c r="AR3831" s="53">
        <v>1458333.33333333</v>
      </c>
      <c r="AS3831" s="53">
        <v>1458333.33333333</v>
      </c>
      <c r="AT3831" s="53">
        <v>1458333.33333333</v>
      </c>
      <c r="AU3831" s="53">
        <v>1458333.33333333</v>
      </c>
      <c r="AV3831" s="53">
        <v>1458333.33333333</v>
      </c>
      <c r="AW3831" s="53">
        <v>1458333.33333333</v>
      </c>
      <c r="AX3831" s="53">
        <v>1458333.33333333</v>
      </c>
      <c r="AY3831" s="53">
        <v>1458333.33333333</v>
      </c>
      <c r="AZ3831" s="53">
        <v>1458333.33333333</v>
      </c>
      <c r="BA3831" s="53">
        <v>17500000</v>
      </c>
      <c r="BB3831" s="53">
        <v>1458333.33333333</v>
      </c>
      <c r="BC3831" s="53">
        <v>1458333.33333333</v>
      </c>
      <c r="BD3831" s="53">
        <v>1458333.33333333</v>
      </c>
      <c r="BE3831" s="53">
        <v>1458333.33333333</v>
      </c>
      <c r="BF3831" s="53">
        <v>1458333.33333333</v>
      </c>
      <c r="BG3831" s="53">
        <v>1458333.33333333</v>
      </c>
      <c r="BH3831" s="53">
        <v>1458333.33333333</v>
      </c>
      <c r="BI3831" s="53">
        <v>1458333.33333333</v>
      </c>
      <c r="BJ3831" s="53">
        <v>1458333.33333333</v>
      </c>
      <c r="BK3831" s="53">
        <v>1458333.33333333</v>
      </c>
      <c r="BL3831" s="53">
        <v>1458333.33333333</v>
      </c>
      <c r="BM3831" s="53">
        <v>1458333.33333333</v>
      </c>
      <c r="BN3831" s="53">
        <v>17500000</v>
      </c>
      <c r="BO3831" s="53">
        <v>1458333.33333333</v>
      </c>
      <c r="BP3831" s="53">
        <v>1458333.33333333</v>
      </c>
      <c r="BQ3831" s="53">
        <v>1458333.33333333</v>
      </c>
      <c r="BR3831" s="53">
        <v>1458333.33333333</v>
      </c>
      <c r="BS3831" s="53">
        <v>1458333.33333333</v>
      </c>
      <c r="BT3831" s="53">
        <v>1458333.33333333</v>
      </c>
      <c r="BU3831" s="53">
        <v>1458333.33333333</v>
      </c>
      <c r="BV3831" s="53">
        <v>1458333.33333333</v>
      </c>
      <c r="BW3831" s="53">
        <v>1458333.33333333</v>
      </c>
      <c r="BX3831" s="53">
        <v>1458333.33333333</v>
      </c>
      <c r="BY3831" s="53">
        <v>1458333.33333333</v>
      </c>
      <c r="BZ3831" s="53">
        <v>1458333.33333333</v>
      </c>
      <c r="CA3831" s="53">
        <v>17500000</v>
      </c>
      <c r="CB3831" s="53">
        <v>1903376.24999999</v>
      </c>
      <c r="CC3831" s="53">
        <v>1903376.24999999</v>
      </c>
      <c r="CD3831" s="53">
        <v>1903376.24999999</v>
      </c>
      <c r="CE3831" s="53">
        <v>1903376.24999999</v>
      </c>
      <c r="CF3831" s="53">
        <v>1903376.24999999</v>
      </c>
      <c r="CG3831" s="53">
        <v>1903376.24999999</v>
      </c>
      <c r="CH3831" s="53">
        <v>1903376.24999999</v>
      </c>
      <c r="CI3831" s="53">
        <v>1903376.24999999</v>
      </c>
      <c r="CJ3831" s="53">
        <v>1903376.24999999</v>
      </c>
      <c r="CK3831" s="53">
        <v>1903376.24999999</v>
      </c>
      <c r="CL3831" s="53">
        <v>1903376.24999999</v>
      </c>
      <c r="CM3831" s="53">
        <v>1903376.24999999</v>
      </c>
      <c r="CN3831" s="53">
        <v>22840515</v>
      </c>
    </row>
    <row r="3832" spans="1:92" outlineLevel="1">
      <c r="A3832" s="52" t="s">
        <v>728</v>
      </c>
      <c r="B3832" s="53">
        <v>729166.66666666605</v>
      </c>
      <c r="C3832" s="53">
        <v>729166.66666666605</v>
      </c>
      <c r="D3832" s="53">
        <v>729166.66666666605</v>
      </c>
      <c r="E3832" s="53">
        <v>729166.66666666605</v>
      </c>
      <c r="F3832" s="53">
        <v>729166.66666666605</v>
      </c>
      <c r="G3832" s="53">
        <v>729166.66666666605</v>
      </c>
      <c r="H3832" s="53">
        <v>729166.66666666605</v>
      </c>
      <c r="I3832" s="53">
        <v>729166.66666666605</v>
      </c>
      <c r="J3832" s="53">
        <v>729166.66666666605</v>
      </c>
      <c r="K3832" s="53">
        <v>729166.66666666605</v>
      </c>
      <c r="L3832" s="53">
        <v>729166.66666666605</v>
      </c>
      <c r="M3832" s="53">
        <v>729166.66666666605</v>
      </c>
      <c r="N3832" s="53">
        <v>8750000</v>
      </c>
      <c r="O3832" s="53">
        <v>729166.66666666605</v>
      </c>
      <c r="P3832" s="53">
        <v>729166.66666666605</v>
      </c>
      <c r="Q3832" s="53">
        <v>729166.66666666605</v>
      </c>
      <c r="R3832" s="53">
        <v>729166.66666666605</v>
      </c>
      <c r="S3832" s="53">
        <v>729166.66666666605</v>
      </c>
      <c r="T3832" s="53">
        <v>729166.66666666605</v>
      </c>
      <c r="U3832" s="53">
        <v>729166.66666666605</v>
      </c>
      <c r="V3832" s="53">
        <v>729166.66666666605</v>
      </c>
      <c r="W3832" s="53">
        <v>729166.66666666605</v>
      </c>
      <c r="X3832" s="53">
        <v>729166.66666666605</v>
      </c>
      <c r="Y3832" s="53">
        <v>729166.66666666605</v>
      </c>
      <c r="Z3832" s="53">
        <v>729166.66666666605</v>
      </c>
      <c r="AA3832" s="53">
        <v>8750000</v>
      </c>
      <c r="AB3832" s="53">
        <v>729166.66666666605</v>
      </c>
      <c r="AC3832" s="53">
        <v>729166.66666666605</v>
      </c>
      <c r="AD3832" s="53">
        <v>729166.66666666605</v>
      </c>
      <c r="AE3832" s="53">
        <v>729166.66666666605</v>
      </c>
      <c r="AF3832" s="53">
        <v>729166.66666666605</v>
      </c>
      <c r="AG3832" s="53">
        <v>729166.66666666605</v>
      </c>
      <c r="AH3832" s="53">
        <v>729166.66666666605</v>
      </c>
      <c r="AI3832" s="53">
        <v>729166.66666666605</v>
      </c>
      <c r="AJ3832" s="53">
        <v>729166.66666666605</v>
      </c>
      <c r="AK3832" s="53">
        <v>729166.66666666605</v>
      </c>
      <c r="AL3832" s="53">
        <v>729166.66666666605</v>
      </c>
      <c r="AM3832" s="53">
        <v>729166.66666666605</v>
      </c>
      <c r="AN3832" s="53">
        <v>8750000</v>
      </c>
      <c r="AO3832" s="53">
        <v>729166.66666666605</v>
      </c>
      <c r="AP3832" s="53">
        <v>729166.66666666605</v>
      </c>
      <c r="AQ3832" s="53">
        <v>729166.66666666605</v>
      </c>
      <c r="AR3832" s="53">
        <v>729166.66666666605</v>
      </c>
      <c r="AS3832" s="53">
        <v>729166.66666666605</v>
      </c>
      <c r="AT3832" s="53">
        <v>729166.66666666605</v>
      </c>
      <c r="AU3832" s="53">
        <v>729166.66666666605</v>
      </c>
      <c r="AV3832" s="53">
        <v>729166.66666666605</v>
      </c>
      <c r="AW3832" s="53">
        <v>729166.66666666605</v>
      </c>
      <c r="AX3832" s="53">
        <v>729166.66666666605</v>
      </c>
      <c r="AY3832" s="53">
        <v>729166.66666666605</v>
      </c>
      <c r="AZ3832" s="53">
        <v>729166.66666666605</v>
      </c>
      <c r="BA3832" s="53">
        <v>8750000</v>
      </c>
      <c r="BB3832" s="53">
        <v>729166.66666666605</v>
      </c>
      <c r="BC3832" s="53">
        <v>729166.66666666605</v>
      </c>
      <c r="BD3832" s="53">
        <v>729166.66666666605</v>
      </c>
      <c r="BE3832" s="53">
        <v>729166.66666666605</v>
      </c>
      <c r="BF3832" s="53">
        <v>729166.66666666605</v>
      </c>
      <c r="BG3832" s="53">
        <v>729166.66666666605</v>
      </c>
      <c r="BH3832" s="53">
        <v>729166.66666666605</v>
      </c>
      <c r="BI3832" s="53">
        <v>729166.66666666605</v>
      </c>
      <c r="BJ3832" s="53">
        <v>729166.66666666605</v>
      </c>
      <c r="BK3832" s="53">
        <v>729166.66666666605</v>
      </c>
      <c r="BL3832" s="53">
        <v>729166.66666666605</v>
      </c>
      <c r="BM3832" s="53">
        <v>729166.66666666605</v>
      </c>
      <c r="BN3832" s="53">
        <v>8750000</v>
      </c>
      <c r="BO3832" s="53">
        <v>729166.66666666605</v>
      </c>
      <c r="BP3832" s="53">
        <v>729166.66666666605</v>
      </c>
      <c r="BQ3832" s="53">
        <v>729166.66666666605</v>
      </c>
      <c r="BR3832" s="53">
        <v>729166.66666666605</v>
      </c>
      <c r="BS3832" s="53">
        <v>729166.66666666605</v>
      </c>
      <c r="BT3832" s="53">
        <v>729166.66666666605</v>
      </c>
      <c r="BU3832" s="53">
        <v>729166.66666666605</v>
      </c>
      <c r="BV3832" s="53">
        <v>729166.66666666605</v>
      </c>
      <c r="BW3832" s="53">
        <v>729166.66666666605</v>
      </c>
      <c r="BX3832" s="53">
        <v>729166.66666666605</v>
      </c>
      <c r="BY3832" s="53">
        <v>729166.66666666605</v>
      </c>
      <c r="BZ3832" s="53">
        <v>729166.66666666605</v>
      </c>
      <c r="CA3832" s="53">
        <v>8750000</v>
      </c>
      <c r="CB3832" s="53"/>
      <c r="CC3832" s="53"/>
      <c r="CD3832" s="53"/>
      <c r="CE3832" s="53"/>
      <c r="CF3832" s="53"/>
      <c r="CG3832" s="53"/>
      <c r="CH3832" s="53"/>
      <c r="CI3832" s="53"/>
      <c r="CJ3832" s="53"/>
      <c r="CK3832" s="53"/>
      <c r="CL3832" s="53"/>
      <c r="CM3832" s="53"/>
      <c r="CN3832" s="53"/>
    </row>
    <row r="3833" spans="1:92" outlineLevel="1">
      <c r="A3833" s="52" t="s">
        <v>729</v>
      </c>
      <c r="B3833" s="53">
        <v>1300000</v>
      </c>
      <c r="C3833" s="53">
        <v>1300000</v>
      </c>
      <c r="D3833" s="53">
        <v>1300000</v>
      </c>
      <c r="E3833" s="53">
        <v>1300000</v>
      </c>
      <c r="F3833" s="53">
        <v>1300000</v>
      </c>
      <c r="G3833" s="53">
        <v>1300000</v>
      </c>
      <c r="H3833" s="53">
        <v>1300000</v>
      </c>
      <c r="I3833" s="53">
        <v>1300000</v>
      </c>
      <c r="J3833" s="53">
        <v>1300000</v>
      </c>
      <c r="K3833" s="53">
        <v>1300000</v>
      </c>
      <c r="L3833" s="53">
        <v>1300000</v>
      </c>
      <c r="M3833" s="53">
        <v>1300000</v>
      </c>
      <c r="N3833" s="53">
        <v>15600000</v>
      </c>
      <c r="O3833" s="53">
        <v>1300000</v>
      </c>
      <c r="P3833" s="53">
        <v>1300000</v>
      </c>
      <c r="Q3833" s="53">
        <v>1300000</v>
      </c>
      <c r="R3833" s="53">
        <v>1300000</v>
      </c>
      <c r="S3833" s="53">
        <v>1300000</v>
      </c>
      <c r="T3833" s="53">
        <v>1300000</v>
      </c>
      <c r="U3833" s="53">
        <v>1300000</v>
      </c>
      <c r="V3833" s="53">
        <v>1300000</v>
      </c>
      <c r="W3833" s="53">
        <v>1300000</v>
      </c>
      <c r="X3833" s="53">
        <v>1300000</v>
      </c>
      <c r="Y3833" s="53">
        <v>1300000</v>
      </c>
      <c r="Z3833" s="53">
        <v>1300000</v>
      </c>
      <c r="AA3833" s="53">
        <v>15600000</v>
      </c>
      <c r="AB3833" s="53">
        <v>1300000</v>
      </c>
      <c r="AC3833" s="53">
        <v>1300000</v>
      </c>
      <c r="AD3833" s="53">
        <v>1300000</v>
      </c>
      <c r="AE3833" s="53">
        <v>1300000</v>
      </c>
      <c r="AF3833" s="53">
        <v>1300000</v>
      </c>
      <c r="AG3833" s="53">
        <v>1300000</v>
      </c>
      <c r="AH3833" s="53">
        <v>1300000</v>
      </c>
      <c r="AI3833" s="53">
        <v>1300000</v>
      </c>
      <c r="AJ3833" s="53">
        <v>1300000</v>
      </c>
      <c r="AK3833" s="53">
        <v>1300000</v>
      </c>
      <c r="AL3833" s="53">
        <v>1300000</v>
      </c>
      <c r="AM3833" s="53">
        <v>1300000</v>
      </c>
      <c r="AN3833" s="53">
        <v>15600000</v>
      </c>
      <c r="AO3833" s="53">
        <v>1300000</v>
      </c>
      <c r="AP3833" s="53">
        <v>1300000</v>
      </c>
      <c r="AQ3833" s="53">
        <v>1300000</v>
      </c>
      <c r="AR3833" s="53">
        <v>1300000</v>
      </c>
      <c r="AS3833" s="53">
        <v>1300000</v>
      </c>
      <c r="AT3833" s="53">
        <v>1300000</v>
      </c>
      <c r="AU3833" s="53">
        <v>1300000</v>
      </c>
      <c r="AV3833" s="53">
        <v>1300000</v>
      </c>
      <c r="AW3833" s="53">
        <v>1300000</v>
      </c>
      <c r="AX3833" s="53">
        <v>1300000</v>
      </c>
      <c r="AY3833" s="53">
        <v>1300000</v>
      </c>
      <c r="AZ3833" s="53">
        <v>1300000</v>
      </c>
      <c r="BA3833" s="53">
        <v>15600000</v>
      </c>
      <c r="BB3833" s="53">
        <v>1300000</v>
      </c>
      <c r="BC3833" s="53">
        <v>1300000</v>
      </c>
      <c r="BD3833" s="53">
        <v>1300000</v>
      </c>
      <c r="BE3833" s="53">
        <v>1300000</v>
      </c>
      <c r="BF3833" s="53">
        <v>1300000</v>
      </c>
      <c r="BG3833" s="53">
        <v>1300000</v>
      </c>
      <c r="BH3833" s="53">
        <v>1300000</v>
      </c>
      <c r="BI3833" s="53">
        <v>1300000</v>
      </c>
      <c r="BJ3833" s="53">
        <v>1300000</v>
      </c>
      <c r="BK3833" s="53">
        <v>1300000</v>
      </c>
      <c r="BL3833" s="53">
        <v>1300000</v>
      </c>
      <c r="BM3833" s="53">
        <v>1300000</v>
      </c>
      <c r="BN3833" s="53">
        <v>15600000</v>
      </c>
      <c r="BO3833" s="53">
        <v>1300000</v>
      </c>
      <c r="BP3833" s="53">
        <v>1300000</v>
      </c>
      <c r="BQ3833" s="53">
        <v>1300000</v>
      </c>
      <c r="BR3833" s="53">
        <v>1300000</v>
      </c>
      <c r="BS3833" s="53">
        <v>1300000</v>
      </c>
      <c r="BT3833" s="53">
        <v>1300000</v>
      </c>
      <c r="BU3833" s="53">
        <v>1300000</v>
      </c>
      <c r="BV3833" s="53">
        <v>1300000</v>
      </c>
      <c r="BW3833" s="53">
        <v>1300000</v>
      </c>
      <c r="BX3833" s="53">
        <v>1300000</v>
      </c>
      <c r="BY3833" s="53">
        <v>1300000</v>
      </c>
      <c r="BZ3833" s="53">
        <v>1300000</v>
      </c>
      <c r="CA3833" s="53">
        <v>15600000</v>
      </c>
      <c r="CB3833" s="53"/>
      <c r="CC3833" s="53"/>
      <c r="CD3833" s="53"/>
      <c r="CE3833" s="53"/>
      <c r="CF3833" s="53"/>
      <c r="CG3833" s="53"/>
      <c r="CH3833" s="53"/>
      <c r="CI3833" s="53"/>
      <c r="CJ3833" s="53"/>
      <c r="CK3833" s="53"/>
      <c r="CL3833" s="53"/>
      <c r="CM3833" s="53"/>
      <c r="CN3833" s="53"/>
    </row>
    <row r="3834" spans="1:92" outlineLevel="1">
      <c r="A3834" s="52" t="s">
        <v>730</v>
      </c>
      <c r="B3834" s="53">
        <v>1249999.99999999</v>
      </c>
      <c r="C3834" s="53">
        <v>1249999.99999999</v>
      </c>
      <c r="D3834" s="53">
        <v>1249999.99999999</v>
      </c>
      <c r="E3834" s="53">
        <v>1249999.99999999</v>
      </c>
      <c r="F3834" s="53">
        <v>1249999.99999999</v>
      </c>
      <c r="G3834" s="53">
        <v>1249999.99999999</v>
      </c>
      <c r="H3834" s="53">
        <v>1249999.99999999</v>
      </c>
      <c r="I3834" s="53">
        <v>1249999.99999999</v>
      </c>
      <c r="J3834" s="53">
        <v>1249999.99999999</v>
      </c>
      <c r="K3834" s="53">
        <v>1249999.99999999</v>
      </c>
      <c r="L3834" s="53">
        <v>1249999.99999999</v>
      </c>
      <c r="M3834" s="53">
        <v>1249999.99999999</v>
      </c>
      <c r="N3834" s="53">
        <v>14999999.999999899</v>
      </c>
      <c r="O3834" s="53">
        <v>1249999.99999999</v>
      </c>
      <c r="P3834" s="53">
        <v>1249999.99999999</v>
      </c>
      <c r="Q3834" s="53">
        <v>1249999.99999999</v>
      </c>
      <c r="R3834" s="53">
        <v>1249999.99999999</v>
      </c>
      <c r="S3834" s="53">
        <v>1249999.99999999</v>
      </c>
      <c r="T3834" s="53">
        <v>1249999.99999999</v>
      </c>
      <c r="U3834" s="53">
        <v>1249999.99999999</v>
      </c>
      <c r="V3834" s="53">
        <v>1249999.99999999</v>
      </c>
      <c r="W3834" s="53">
        <v>1249999.99999999</v>
      </c>
      <c r="X3834" s="53">
        <v>1249999.99999999</v>
      </c>
      <c r="Y3834" s="53">
        <v>1249999.99999999</v>
      </c>
      <c r="Z3834" s="53">
        <v>1249999.99999999</v>
      </c>
      <c r="AA3834" s="53">
        <v>14999999.999999899</v>
      </c>
      <c r="AB3834" s="53">
        <v>1249999.99999999</v>
      </c>
      <c r="AC3834" s="53">
        <v>1249999.99999999</v>
      </c>
      <c r="AD3834" s="53">
        <v>1249999.99999999</v>
      </c>
      <c r="AE3834" s="53">
        <v>1249999.99999999</v>
      </c>
      <c r="AF3834" s="53">
        <v>1249999.99999999</v>
      </c>
      <c r="AG3834" s="53">
        <v>1249999.99999999</v>
      </c>
      <c r="AH3834" s="53">
        <v>1249999.99999999</v>
      </c>
      <c r="AI3834" s="53">
        <v>1249999.99999999</v>
      </c>
      <c r="AJ3834" s="53">
        <v>1249999.99999999</v>
      </c>
      <c r="AK3834" s="53">
        <v>1249999.99999999</v>
      </c>
      <c r="AL3834" s="53">
        <v>1249999.99999999</v>
      </c>
      <c r="AM3834" s="53">
        <v>1249999.99999999</v>
      </c>
      <c r="AN3834" s="53">
        <v>14999999.999999899</v>
      </c>
      <c r="AO3834" s="53">
        <v>1249999.99999999</v>
      </c>
      <c r="AP3834" s="53">
        <v>1249999.99999999</v>
      </c>
      <c r="AQ3834" s="53">
        <v>1249999.99999999</v>
      </c>
      <c r="AR3834" s="53">
        <v>1249999.99999999</v>
      </c>
      <c r="AS3834" s="53">
        <v>1249999.99999999</v>
      </c>
      <c r="AT3834" s="53">
        <v>1249999.99999999</v>
      </c>
      <c r="AU3834" s="53">
        <v>1249999.99999999</v>
      </c>
      <c r="AV3834" s="53">
        <v>1249999.99999999</v>
      </c>
      <c r="AW3834" s="53">
        <v>1249999.99999999</v>
      </c>
      <c r="AX3834" s="53">
        <v>1249999.99999999</v>
      </c>
      <c r="AY3834" s="53">
        <v>1249999.99999999</v>
      </c>
      <c r="AZ3834" s="53">
        <v>1249999.99999999</v>
      </c>
      <c r="BA3834" s="53">
        <v>14999999.999999899</v>
      </c>
      <c r="BB3834" s="53">
        <v>1249999.99999999</v>
      </c>
      <c r="BC3834" s="53">
        <v>1249999.99999999</v>
      </c>
      <c r="BD3834" s="53">
        <v>1249999.99999999</v>
      </c>
      <c r="BE3834" s="53">
        <v>1249999.99999999</v>
      </c>
      <c r="BF3834" s="53">
        <v>1249999.99999999</v>
      </c>
      <c r="BG3834" s="53">
        <v>1249999.99999999</v>
      </c>
      <c r="BH3834" s="53">
        <v>1249999.99999999</v>
      </c>
      <c r="BI3834" s="53">
        <v>1249999.99999999</v>
      </c>
      <c r="BJ3834" s="53">
        <v>1249999.99999999</v>
      </c>
      <c r="BK3834" s="53">
        <v>1249999.99999999</v>
      </c>
      <c r="BL3834" s="53">
        <v>1249999.99999999</v>
      </c>
      <c r="BM3834" s="53">
        <v>1249999.99999999</v>
      </c>
      <c r="BN3834" s="53">
        <v>14999999.999999899</v>
      </c>
      <c r="BO3834" s="53">
        <v>1249999.99999999</v>
      </c>
      <c r="BP3834" s="53">
        <v>1249999.99999999</v>
      </c>
      <c r="BQ3834" s="53">
        <v>1249999.99999999</v>
      </c>
      <c r="BR3834" s="53">
        <v>1249999.99999999</v>
      </c>
      <c r="BS3834" s="53">
        <v>1249999.99999999</v>
      </c>
      <c r="BT3834" s="53">
        <v>1249999.99999999</v>
      </c>
      <c r="BU3834" s="53">
        <v>1249999.99999999</v>
      </c>
      <c r="BV3834" s="53">
        <v>1249999.99999999</v>
      </c>
      <c r="BW3834" s="53">
        <v>1249999.99999999</v>
      </c>
      <c r="BX3834" s="53">
        <v>1249999.99999999</v>
      </c>
      <c r="BY3834" s="53">
        <v>1249999.99999999</v>
      </c>
      <c r="BZ3834" s="53">
        <v>1249999.99999999</v>
      </c>
      <c r="CA3834" s="53">
        <v>14999999.999999899</v>
      </c>
      <c r="CB3834" s="53"/>
      <c r="CC3834" s="53"/>
      <c r="CD3834" s="53"/>
      <c r="CE3834" s="53"/>
      <c r="CF3834" s="53"/>
      <c r="CG3834" s="53"/>
      <c r="CH3834" s="53"/>
      <c r="CI3834" s="53"/>
      <c r="CJ3834" s="53"/>
      <c r="CK3834" s="53"/>
      <c r="CL3834" s="53"/>
      <c r="CM3834" s="53"/>
      <c r="CN3834" s="53"/>
    </row>
    <row r="3835" spans="1:92" outlineLevel="1">
      <c r="A3835" s="52" t="s">
        <v>1564</v>
      </c>
      <c r="B3835" s="53"/>
      <c r="C3835" s="53"/>
      <c r="D3835" s="53"/>
      <c r="E3835" s="53"/>
      <c r="F3835" s="53"/>
      <c r="G3835" s="53"/>
      <c r="H3835" s="53"/>
      <c r="I3835" s="53"/>
      <c r="J3835" s="53"/>
      <c r="K3835" s="53">
        <v>1718279.56989247</v>
      </c>
      <c r="L3835" s="53">
        <v>3133333.3333333302</v>
      </c>
      <c r="M3835" s="53">
        <v>3133333.3333333302</v>
      </c>
      <c r="N3835" s="53">
        <v>7984946.2365591303</v>
      </c>
      <c r="O3835" s="53">
        <v>3433333.3333333302</v>
      </c>
      <c r="P3835" s="53">
        <v>3433333.3333333302</v>
      </c>
      <c r="Q3835" s="53">
        <v>3433333.3333333302</v>
      </c>
      <c r="R3835" s="53">
        <v>3433333.3333333302</v>
      </c>
      <c r="S3835" s="53">
        <v>3433333.3333333302</v>
      </c>
      <c r="T3835" s="53">
        <v>3433333.3333333302</v>
      </c>
      <c r="U3835" s="53">
        <v>3300000</v>
      </c>
      <c r="V3835" s="53">
        <v>3300000</v>
      </c>
      <c r="W3835" s="53">
        <v>3300000</v>
      </c>
      <c r="X3835" s="53">
        <v>3300000</v>
      </c>
      <c r="Y3835" s="53">
        <v>3300000</v>
      </c>
      <c r="Z3835" s="53">
        <v>3300000</v>
      </c>
      <c r="AA3835" s="53">
        <v>40400000</v>
      </c>
      <c r="AB3835" s="53">
        <v>2933333.3333333302</v>
      </c>
      <c r="AC3835" s="53">
        <v>2933333.3333333302</v>
      </c>
      <c r="AD3835" s="53">
        <v>2933333.3333333302</v>
      </c>
      <c r="AE3835" s="53">
        <v>1368888.8888888799</v>
      </c>
      <c r="AF3835" s="53"/>
      <c r="AG3835" s="53"/>
      <c r="AH3835" s="53"/>
      <c r="AI3835" s="53"/>
      <c r="AJ3835" s="53"/>
      <c r="AK3835" s="53"/>
      <c r="AL3835" s="53"/>
      <c r="AM3835" s="53"/>
      <c r="AN3835" s="53">
        <v>10168888.888888801</v>
      </c>
      <c r="AO3835" s="53"/>
      <c r="AP3835" s="53"/>
      <c r="AQ3835" s="53"/>
      <c r="AR3835" s="53"/>
      <c r="AS3835" s="53"/>
      <c r="AT3835" s="53"/>
      <c r="AU3835" s="53"/>
      <c r="AV3835" s="53"/>
      <c r="AW3835" s="53"/>
      <c r="AX3835" s="53"/>
      <c r="AY3835" s="53"/>
      <c r="AZ3835" s="53"/>
      <c r="BA3835" s="53"/>
      <c r="BB3835" s="53"/>
      <c r="BC3835" s="53"/>
      <c r="BD3835" s="53"/>
      <c r="BE3835" s="53"/>
      <c r="BF3835" s="53"/>
      <c r="BG3835" s="53"/>
      <c r="BH3835" s="53"/>
      <c r="BI3835" s="53"/>
      <c r="BJ3835" s="53"/>
      <c r="BK3835" s="53"/>
      <c r="BL3835" s="53"/>
      <c r="BM3835" s="53"/>
      <c r="BN3835" s="53"/>
      <c r="BO3835" s="53"/>
      <c r="BP3835" s="53"/>
      <c r="BQ3835" s="53"/>
      <c r="BR3835" s="53"/>
      <c r="BS3835" s="53"/>
      <c r="BT3835" s="53"/>
      <c r="BU3835" s="53"/>
      <c r="BV3835" s="53"/>
      <c r="BW3835" s="53"/>
      <c r="BX3835" s="53"/>
      <c r="BY3835" s="53"/>
      <c r="BZ3835" s="53"/>
      <c r="CA3835" s="53"/>
      <c r="CB3835" s="53">
        <v>90631.833333333299</v>
      </c>
      <c r="CC3835" s="53">
        <v>90631.833333333299</v>
      </c>
      <c r="CD3835" s="53">
        <v>90631.833333333299</v>
      </c>
      <c r="CE3835" s="53">
        <v>90631.833333333299</v>
      </c>
      <c r="CF3835" s="53">
        <v>90631.833333333299</v>
      </c>
      <c r="CG3835" s="53">
        <v>90631.833333333299</v>
      </c>
      <c r="CH3835" s="53">
        <v>90631.833333333299</v>
      </c>
      <c r="CI3835" s="53">
        <v>90631.833333333299</v>
      </c>
      <c r="CJ3835" s="53">
        <v>90631.833333333299</v>
      </c>
      <c r="CK3835" s="53">
        <v>90631.833333333299</v>
      </c>
      <c r="CL3835" s="53">
        <v>90631.833333333299</v>
      </c>
      <c r="CM3835" s="53">
        <v>90631.833333333299</v>
      </c>
      <c r="CN3835" s="53">
        <v>1087582</v>
      </c>
    </row>
    <row r="3836" spans="1:92" outlineLevel="1">
      <c r="A3836" s="52" t="s">
        <v>1565</v>
      </c>
      <c r="B3836" s="53"/>
      <c r="C3836" s="53"/>
      <c r="D3836" s="53"/>
      <c r="E3836" s="53"/>
      <c r="F3836" s="53"/>
      <c r="G3836" s="53"/>
      <c r="H3836" s="53"/>
      <c r="I3836" s="53"/>
      <c r="J3836" s="53"/>
      <c r="K3836" s="53"/>
      <c r="L3836" s="53">
        <v>1652777.7777777701</v>
      </c>
      <c r="M3836" s="53">
        <v>2479166.66666666</v>
      </c>
      <c r="N3836" s="53">
        <v>4131944.4444444398</v>
      </c>
      <c r="O3836" s="53">
        <v>2479166.66666666</v>
      </c>
      <c r="P3836" s="53">
        <v>2479166.66666666</v>
      </c>
      <c r="Q3836" s="53">
        <v>2479166.66666666</v>
      </c>
      <c r="R3836" s="53">
        <v>2479166.66666666</v>
      </c>
      <c r="S3836" s="53">
        <v>2479166.66666666</v>
      </c>
      <c r="T3836" s="53">
        <v>2479166.66666666</v>
      </c>
      <c r="U3836" s="53">
        <v>2479166.66666666</v>
      </c>
      <c r="V3836" s="53">
        <v>2479166.66666666</v>
      </c>
      <c r="W3836" s="53">
        <v>2479166.66666666</v>
      </c>
      <c r="X3836" s="53">
        <v>2479166.66666666</v>
      </c>
      <c r="Y3836" s="53">
        <v>2479166.66666666</v>
      </c>
      <c r="Z3836" s="53">
        <v>2479166.66666666</v>
      </c>
      <c r="AA3836" s="53">
        <v>29750000</v>
      </c>
      <c r="AB3836" s="53">
        <v>2479166.66666666</v>
      </c>
      <c r="AC3836" s="53">
        <v>2479166.66666666</v>
      </c>
      <c r="AD3836" s="53">
        <v>2479166.66666666</v>
      </c>
      <c r="AE3836" s="53">
        <v>2479166.66666666</v>
      </c>
      <c r="AF3836" s="53">
        <v>2479166.66666666</v>
      </c>
      <c r="AG3836" s="53">
        <v>2479166.66666666</v>
      </c>
      <c r="AH3836" s="53">
        <v>2479166.66666666</v>
      </c>
      <c r="AI3836" s="53">
        <v>2479166.66666666</v>
      </c>
      <c r="AJ3836" s="53">
        <v>2479166.66666666</v>
      </c>
      <c r="AK3836" s="53">
        <v>2479166.66666666</v>
      </c>
      <c r="AL3836" s="53">
        <v>2479166.66666666</v>
      </c>
      <c r="AM3836" s="53">
        <v>2479166.66666666</v>
      </c>
      <c r="AN3836" s="53">
        <v>29750000</v>
      </c>
      <c r="AO3836" s="53">
        <v>2479166.66666666</v>
      </c>
      <c r="AP3836" s="53">
        <v>2479166.66666666</v>
      </c>
      <c r="AQ3836" s="53">
        <v>2479166.66666666</v>
      </c>
      <c r="AR3836" s="53">
        <v>2479166.66666666</v>
      </c>
      <c r="AS3836" s="53">
        <v>2479166.66666666</v>
      </c>
      <c r="AT3836" s="53">
        <v>2479166.66666666</v>
      </c>
      <c r="AU3836" s="53">
        <v>2479166.66666666</v>
      </c>
      <c r="AV3836" s="53">
        <v>2479166.66666666</v>
      </c>
      <c r="AW3836" s="53">
        <v>2479166.66666666</v>
      </c>
      <c r="AX3836" s="53">
        <v>2479166.66666666</v>
      </c>
      <c r="AY3836" s="53">
        <v>2479166.66666666</v>
      </c>
      <c r="AZ3836" s="53">
        <v>2479166.66666666</v>
      </c>
      <c r="BA3836" s="53">
        <v>29750000</v>
      </c>
      <c r="BB3836" s="53">
        <v>2479166.66666666</v>
      </c>
      <c r="BC3836" s="53">
        <v>2479166.66666666</v>
      </c>
      <c r="BD3836" s="53">
        <v>2479166.66666666</v>
      </c>
      <c r="BE3836" s="53">
        <v>2479166.66666666</v>
      </c>
      <c r="BF3836" s="53">
        <v>2479166.66666666</v>
      </c>
      <c r="BG3836" s="53">
        <v>2479166.66666666</v>
      </c>
      <c r="BH3836" s="53">
        <v>2479166.66666666</v>
      </c>
      <c r="BI3836" s="53">
        <v>2479166.66666666</v>
      </c>
      <c r="BJ3836" s="53">
        <v>2479166.66666666</v>
      </c>
      <c r="BK3836" s="53">
        <v>2479166.66666666</v>
      </c>
      <c r="BL3836" s="53">
        <v>2479166.66666666</v>
      </c>
      <c r="BM3836" s="53">
        <v>2479166.66666666</v>
      </c>
      <c r="BN3836" s="53">
        <v>29750000</v>
      </c>
      <c r="BO3836" s="53">
        <v>2479166.66666666</v>
      </c>
      <c r="BP3836" s="53">
        <v>2479166.66666666</v>
      </c>
      <c r="BQ3836" s="53">
        <v>2479166.66666666</v>
      </c>
      <c r="BR3836" s="53">
        <v>2479166.66666666</v>
      </c>
      <c r="BS3836" s="53">
        <v>2479166.66666666</v>
      </c>
      <c r="BT3836" s="53">
        <v>2479166.66666666</v>
      </c>
      <c r="BU3836" s="53">
        <v>2479166.66666666</v>
      </c>
      <c r="BV3836" s="53">
        <v>2479166.66666666</v>
      </c>
      <c r="BW3836" s="53">
        <v>2479166.66666666</v>
      </c>
      <c r="BX3836" s="53">
        <v>2479166.66666666</v>
      </c>
      <c r="BY3836" s="53">
        <v>2479166.66666666</v>
      </c>
      <c r="BZ3836" s="53">
        <v>2479166.66666666</v>
      </c>
      <c r="CA3836" s="53">
        <v>29750000</v>
      </c>
      <c r="CB3836" s="53"/>
      <c r="CC3836" s="53"/>
      <c r="CD3836" s="53"/>
      <c r="CE3836" s="53"/>
      <c r="CF3836" s="53"/>
      <c r="CG3836" s="53"/>
      <c r="CH3836" s="53"/>
      <c r="CI3836" s="53"/>
      <c r="CJ3836" s="53"/>
      <c r="CK3836" s="53"/>
      <c r="CL3836" s="53"/>
      <c r="CM3836" s="53"/>
      <c r="CN3836" s="53"/>
    </row>
    <row r="3837" spans="1:92" outlineLevel="1">
      <c r="A3837" s="52" t="s">
        <v>731</v>
      </c>
      <c r="B3837" s="53"/>
      <c r="C3837" s="53"/>
      <c r="D3837" s="53"/>
      <c r="E3837" s="53"/>
      <c r="F3837" s="53"/>
      <c r="G3837" s="53"/>
      <c r="H3837" s="53"/>
      <c r="I3837" s="53"/>
      <c r="J3837" s="53"/>
      <c r="K3837" s="53"/>
      <c r="L3837" s="53"/>
      <c r="M3837" s="53"/>
      <c r="N3837" s="53"/>
      <c r="O3837" s="53"/>
      <c r="P3837" s="53"/>
      <c r="Q3837" s="53"/>
      <c r="R3837" s="53"/>
      <c r="S3837" s="53"/>
      <c r="T3837" s="53"/>
      <c r="U3837" s="53"/>
      <c r="V3837" s="53"/>
      <c r="W3837" s="53"/>
      <c r="X3837" s="53"/>
      <c r="Y3837" s="53"/>
      <c r="Z3837" s="53"/>
      <c r="AA3837" s="53"/>
      <c r="AB3837" s="53"/>
      <c r="AC3837" s="53"/>
      <c r="AD3837" s="53"/>
      <c r="AE3837" s="53"/>
      <c r="AF3837" s="53"/>
      <c r="AG3837" s="53"/>
      <c r="AH3837" s="53"/>
      <c r="AI3837" s="53"/>
      <c r="AJ3837" s="53"/>
      <c r="AK3837" s="53"/>
      <c r="AL3837" s="53"/>
      <c r="AM3837" s="53"/>
      <c r="AN3837" s="53"/>
      <c r="AO3837" s="53"/>
      <c r="AP3837" s="53"/>
      <c r="AQ3837" s="53"/>
      <c r="AR3837" s="53"/>
      <c r="AS3837" s="53"/>
      <c r="AT3837" s="53"/>
      <c r="AU3837" s="53"/>
      <c r="AV3837" s="53"/>
      <c r="AW3837" s="53"/>
      <c r="AX3837" s="53"/>
      <c r="AY3837" s="53"/>
      <c r="AZ3837" s="53"/>
      <c r="BA3837" s="53"/>
      <c r="BB3837" s="53"/>
      <c r="BC3837" s="53"/>
      <c r="BD3837" s="53"/>
      <c r="BE3837" s="53"/>
      <c r="BF3837" s="53"/>
      <c r="BG3837" s="53"/>
      <c r="BH3837" s="53"/>
      <c r="BI3837" s="53"/>
      <c r="BJ3837" s="53"/>
      <c r="BK3837" s="53"/>
      <c r="BL3837" s="53"/>
      <c r="BM3837" s="53"/>
      <c r="BN3837" s="53"/>
      <c r="BO3837" s="53"/>
      <c r="BP3837" s="53"/>
      <c r="BQ3837" s="53"/>
      <c r="BR3837" s="53"/>
      <c r="BS3837" s="53"/>
      <c r="BT3837" s="53"/>
      <c r="BU3837" s="53"/>
      <c r="BV3837" s="53"/>
      <c r="BW3837" s="53"/>
      <c r="BX3837" s="53"/>
      <c r="BY3837" s="53"/>
      <c r="BZ3837" s="53"/>
      <c r="CA3837" s="53"/>
      <c r="CB3837" s="53">
        <v>44492.666666666497</v>
      </c>
      <c r="CC3837" s="53">
        <v>44492.666666666497</v>
      </c>
      <c r="CD3837" s="53">
        <v>44492.666666666497</v>
      </c>
      <c r="CE3837" s="53">
        <v>44492.666666666497</v>
      </c>
      <c r="CF3837" s="53">
        <v>44492.666666666497</v>
      </c>
      <c r="CG3837" s="53">
        <v>44492.666666666497</v>
      </c>
      <c r="CH3837" s="53">
        <v>44492.666666666497</v>
      </c>
      <c r="CI3837" s="53">
        <v>44492.666666666497</v>
      </c>
      <c r="CJ3837" s="53">
        <v>44492.666666666497</v>
      </c>
      <c r="CK3837" s="53">
        <v>44492.666666666497</v>
      </c>
      <c r="CL3837" s="53">
        <v>44492.666666666497</v>
      </c>
      <c r="CM3837" s="53">
        <v>44492.666666666497</v>
      </c>
      <c r="CN3837" s="53">
        <v>533911.99999999895</v>
      </c>
    </row>
    <row r="3838" spans="1:92" outlineLevel="1">
      <c r="A3838" s="52" t="s">
        <v>711</v>
      </c>
      <c r="B3838" s="53">
        <v>15351.5205479452</v>
      </c>
      <c r="C3838" s="53">
        <v>15351.5138888888</v>
      </c>
      <c r="D3838" s="53">
        <v>15351.521126760499</v>
      </c>
      <c r="E3838" s="53">
        <v>15351.5142857142</v>
      </c>
      <c r="F3838" s="53">
        <v>15351.5217391304</v>
      </c>
      <c r="G3838" s="53">
        <v>15351.5147058823</v>
      </c>
      <c r="H3838" s="53">
        <v>15351.5223880596</v>
      </c>
      <c r="I3838" s="53">
        <v>15351.515151515099</v>
      </c>
      <c r="J3838" s="53">
        <v>15351.523076923</v>
      </c>
      <c r="K3838" s="53">
        <v>15351.515625</v>
      </c>
      <c r="L3838" s="53">
        <v>15351.5238095238</v>
      </c>
      <c r="M3838" s="53">
        <v>15351.516129032199</v>
      </c>
      <c r="N3838" s="53">
        <v>184218.22247437501</v>
      </c>
      <c r="O3838" s="53">
        <v>15351.524590163899</v>
      </c>
      <c r="P3838" s="53">
        <v>15351.524590163899</v>
      </c>
      <c r="Q3838" s="53">
        <v>15351.524590163899</v>
      </c>
      <c r="R3838" s="53">
        <v>15351.524590163899</v>
      </c>
      <c r="S3838" s="53">
        <v>15351.524590163899</v>
      </c>
      <c r="T3838" s="53">
        <v>15351.524590163899</v>
      </c>
      <c r="U3838" s="53">
        <v>15351.524590163899</v>
      </c>
      <c r="V3838" s="53">
        <v>15351.524590163899</v>
      </c>
      <c r="W3838" s="53">
        <v>15351.524590163899</v>
      </c>
      <c r="X3838" s="53">
        <v>15351.524590163899</v>
      </c>
      <c r="Y3838" s="53">
        <v>15351.524590163899</v>
      </c>
      <c r="Z3838" s="53">
        <v>15351.524590163899</v>
      </c>
      <c r="AA3838" s="53">
        <v>184218.29508196699</v>
      </c>
      <c r="AB3838" s="53">
        <v>15351.524590163899</v>
      </c>
      <c r="AC3838" s="53">
        <v>15351.524590163899</v>
      </c>
      <c r="AD3838" s="53">
        <v>15351.524590163899</v>
      </c>
      <c r="AE3838" s="53">
        <v>15351.524590163899</v>
      </c>
      <c r="AF3838" s="53">
        <v>15351.524590163899</v>
      </c>
      <c r="AG3838" s="53">
        <v>15351.524590163899</v>
      </c>
      <c r="AH3838" s="53">
        <v>15351.524590163899</v>
      </c>
      <c r="AI3838" s="53">
        <v>15351.524590163899</v>
      </c>
      <c r="AJ3838" s="53">
        <v>15351.524590163899</v>
      </c>
      <c r="AK3838" s="53">
        <v>15351.524590163899</v>
      </c>
      <c r="AL3838" s="53">
        <v>15351.524590163899</v>
      </c>
      <c r="AM3838" s="53">
        <v>15351.524590163899</v>
      </c>
      <c r="AN3838" s="53">
        <v>184218.29508196699</v>
      </c>
      <c r="AO3838" s="53">
        <v>15351.524590163899</v>
      </c>
      <c r="AP3838" s="53">
        <v>15351.524590163899</v>
      </c>
      <c r="AQ3838" s="53">
        <v>15351.524590163899</v>
      </c>
      <c r="AR3838" s="53">
        <v>15351.524590163899</v>
      </c>
      <c r="AS3838" s="53">
        <v>15351.524590163899</v>
      </c>
      <c r="AT3838" s="53">
        <v>15351.524590163899</v>
      </c>
      <c r="AU3838" s="53">
        <v>15351.524590163899</v>
      </c>
      <c r="AV3838" s="53">
        <v>15351.524590163899</v>
      </c>
      <c r="AW3838" s="53">
        <v>15351.524590163899</v>
      </c>
      <c r="AX3838" s="53">
        <v>15351.524590163899</v>
      </c>
      <c r="AY3838" s="53">
        <v>15351.524590163899</v>
      </c>
      <c r="AZ3838" s="53">
        <v>15351.524590163899</v>
      </c>
      <c r="BA3838" s="53">
        <v>184218.29508196699</v>
      </c>
      <c r="BB3838" s="53">
        <v>15351.524590163899</v>
      </c>
      <c r="BC3838" s="53">
        <v>15351.524590163899</v>
      </c>
      <c r="BD3838" s="53">
        <v>15351.524590163899</v>
      </c>
      <c r="BE3838" s="53">
        <v>15351.524590163899</v>
      </c>
      <c r="BF3838" s="53">
        <v>15351.524590163899</v>
      </c>
      <c r="BG3838" s="53">
        <v>15351.524590163899</v>
      </c>
      <c r="BH3838" s="53">
        <v>15351.524590163899</v>
      </c>
      <c r="BI3838" s="53">
        <v>15351.524590163899</v>
      </c>
      <c r="BJ3838" s="53">
        <v>15351.524590163899</v>
      </c>
      <c r="BK3838" s="53">
        <v>15351.524590163899</v>
      </c>
      <c r="BL3838" s="53">
        <v>15351.524590163899</v>
      </c>
      <c r="BM3838" s="53">
        <v>15351.524590163899</v>
      </c>
      <c r="BN3838" s="53">
        <v>184218.29508196699</v>
      </c>
      <c r="BO3838" s="53">
        <v>15351.524590163899</v>
      </c>
      <c r="BP3838" s="53">
        <v>15351.524590163899</v>
      </c>
      <c r="BQ3838" s="53">
        <v>15351.524590163899</v>
      </c>
      <c r="BR3838" s="53">
        <v>15351.524590163899</v>
      </c>
      <c r="BS3838" s="53">
        <v>15351.524590163899</v>
      </c>
      <c r="BT3838" s="53">
        <v>15351.524590163899</v>
      </c>
      <c r="BU3838" s="53">
        <v>15351.524590163899</v>
      </c>
      <c r="BV3838" s="53">
        <v>15351.524590163899</v>
      </c>
      <c r="BW3838" s="53">
        <v>15351.524590163899</v>
      </c>
      <c r="BX3838" s="53">
        <v>15351.524590163899</v>
      </c>
      <c r="BY3838" s="53">
        <v>15351.524590163899</v>
      </c>
      <c r="BZ3838" s="53">
        <v>15351.524590163899</v>
      </c>
      <c r="CA3838" s="53">
        <v>184218.29508196699</v>
      </c>
      <c r="CB3838" s="53"/>
      <c r="CC3838" s="53"/>
      <c r="CD3838" s="53"/>
      <c r="CE3838" s="53"/>
      <c r="CF3838" s="53"/>
      <c r="CG3838" s="53"/>
      <c r="CH3838" s="53"/>
      <c r="CI3838" s="53"/>
      <c r="CJ3838" s="53"/>
      <c r="CK3838" s="53"/>
      <c r="CL3838" s="53"/>
      <c r="CM3838" s="53"/>
      <c r="CN3838" s="53"/>
    </row>
    <row r="3839" spans="1:92" outlineLevel="1">
      <c r="A3839" s="52" t="s">
        <v>712</v>
      </c>
      <c r="B3839" s="53">
        <v>8310.1044776119397</v>
      </c>
      <c r="C3839" s="53">
        <v>8310.1052631578896</v>
      </c>
      <c r="D3839" s="53">
        <v>8310.1060606060601</v>
      </c>
      <c r="E3839" s="53">
        <v>8310.1068702289995</v>
      </c>
      <c r="F3839" s="53">
        <v>8310.1076923076907</v>
      </c>
      <c r="G3839" s="53">
        <v>8310.1007751937905</v>
      </c>
      <c r="H3839" s="53">
        <v>8310.1015625</v>
      </c>
      <c r="I3839" s="53">
        <v>8310.1023622047196</v>
      </c>
      <c r="J3839" s="53">
        <v>8310.1031746031695</v>
      </c>
      <c r="K3839" s="53">
        <v>8310.1039999999994</v>
      </c>
      <c r="L3839" s="53">
        <v>8310.1048387096707</v>
      </c>
      <c r="M3839" s="53">
        <v>8310.1056910569096</v>
      </c>
      <c r="N3839" s="53">
        <v>99721.252768180799</v>
      </c>
      <c r="O3839" s="53">
        <v>8310.1065573770393</v>
      </c>
      <c r="P3839" s="53">
        <v>8310.1065573770393</v>
      </c>
      <c r="Q3839" s="53">
        <v>8310.1065573770393</v>
      </c>
      <c r="R3839" s="53">
        <v>8310.1065573770393</v>
      </c>
      <c r="S3839" s="53">
        <v>8310.1065573770502</v>
      </c>
      <c r="T3839" s="53">
        <v>8310.1065573770502</v>
      </c>
      <c r="U3839" s="53">
        <v>8310.1065573770502</v>
      </c>
      <c r="V3839" s="53">
        <v>8310.1065573770502</v>
      </c>
      <c r="W3839" s="53">
        <v>8310.1065573770502</v>
      </c>
      <c r="X3839" s="53">
        <v>8310.1065573770502</v>
      </c>
      <c r="Y3839" s="53">
        <v>8310.1065573770502</v>
      </c>
      <c r="Z3839" s="53">
        <v>8310.1065573770502</v>
      </c>
      <c r="AA3839" s="53">
        <v>99721.278688524602</v>
      </c>
      <c r="AB3839" s="53">
        <v>8310.1065573770502</v>
      </c>
      <c r="AC3839" s="53">
        <v>8310.1065573770502</v>
      </c>
      <c r="AD3839" s="53">
        <v>8310.1065573770502</v>
      </c>
      <c r="AE3839" s="53">
        <v>8310.1065573770502</v>
      </c>
      <c r="AF3839" s="53">
        <v>8310.1065573770502</v>
      </c>
      <c r="AG3839" s="53">
        <v>8310.1065573770502</v>
      </c>
      <c r="AH3839" s="53">
        <v>8310.1065573770502</v>
      </c>
      <c r="AI3839" s="53">
        <v>8310.1065573770502</v>
      </c>
      <c r="AJ3839" s="53">
        <v>8310.1065573770502</v>
      </c>
      <c r="AK3839" s="53">
        <v>8310.1065573770502</v>
      </c>
      <c r="AL3839" s="53">
        <v>8310.1065573770502</v>
      </c>
      <c r="AM3839" s="53">
        <v>8310.1065573770502</v>
      </c>
      <c r="AN3839" s="53">
        <v>99721.278688524602</v>
      </c>
      <c r="AO3839" s="53">
        <v>8310.1065573770502</v>
      </c>
      <c r="AP3839" s="53">
        <v>8310.1065573770502</v>
      </c>
      <c r="AQ3839" s="53">
        <v>8310.1065573770502</v>
      </c>
      <c r="AR3839" s="53">
        <v>8310.1065573770502</v>
      </c>
      <c r="AS3839" s="53">
        <v>8310.1065573770502</v>
      </c>
      <c r="AT3839" s="53">
        <v>8310.1065573770502</v>
      </c>
      <c r="AU3839" s="53">
        <v>8310.1065573770502</v>
      </c>
      <c r="AV3839" s="53">
        <v>8310.1065573770502</v>
      </c>
      <c r="AW3839" s="53">
        <v>8310.1065573770502</v>
      </c>
      <c r="AX3839" s="53">
        <v>8310.1065573770502</v>
      </c>
      <c r="AY3839" s="53">
        <v>8310.1065573770502</v>
      </c>
      <c r="AZ3839" s="53">
        <v>8310.1065573770502</v>
      </c>
      <c r="BA3839" s="53">
        <v>99721.278688524602</v>
      </c>
      <c r="BB3839" s="53">
        <v>8310.1065573770593</v>
      </c>
      <c r="BC3839" s="53">
        <v>8310.1065573770593</v>
      </c>
      <c r="BD3839" s="53">
        <v>8310.1065573770593</v>
      </c>
      <c r="BE3839" s="53">
        <v>8310.1065573770593</v>
      </c>
      <c r="BF3839" s="53">
        <v>8310.1065573770593</v>
      </c>
      <c r="BG3839" s="53">
        <v>8310.1065573770593</v>
      </c>
      <c r="BH3839" s="53">
        <v>8310.1065573770593</v>
      </c>
      <c r="BI3839" s="53">
        <v>8310.1065573770593</v>
      </c>
      <c r="BJ3839" s="53">
        <v>8310.1065573770593</v>
      </c>
      <c r="BK3839" s="53">
        <v>8310.1065573770593</v>
      </c>
      <c r="BL3839" s="53">
        <v>8310.1065573770593</v>
      </c>
      <c r="BM3839" s="53">
        <v>8310.1065573770593</v>
      </c>
      <c r="BN3839" s="53">
        <v>99721.278688524704</v>
      </c>
      <c r="BO3839" s="53">
        <v>8310.1065573770593</v>
      </c>
      <c r="BP3839" s="53">
        <v>8310.1065573770593</v>
      </c>
      <c r="BQ3839" s="53">
        <v>8310.1065573770593</v>
      </c>
      <c r="BR3839" s="53">
        <v>8310.1065573770593</v>
      </c>
      <c r="BS3839" s="53">
        <v>8310.1065573770593</v>
      </c>
      <c r="BT3839" s="53">
        <v>8310.1065573770593</v>
      </c>
      <c r="BU3839" s="53">
        <v>8310.1065573770593</v>
      </c>
      <c r="BV3839" s="53">
        <v>8310.1065573770593</v>
      </c>
      <c r="BW3839" s="53">
        <v>8310.1065573770593</v>
      </c>
      <c r="BX3839" s="53">
        <v>8310.1065573770702</v>
      </c>
      <c r="BY3839" s="53">
        <v>8310.1065573770702</v>
      </c>
      <c r="BZ3839" s="53">
        <v>8310.1065573770702</v>
      </c>
      <c r="CA3839" s="53">
        <v>99721.278688524806</v>
      </c>
      <c r="CB3839" s="53"/>
      <c r="CC3839" s="53"/>
      <c r="CD3839" s="53"/>
      <c r="CE3839" s="53"/>
      <c r="CF3839" s="53"/>
      <c r="CG3839" s="53"/>
      <c r="CH3839" s="53"/>
      <c r="CI3839" s="53"/>
      <c r="CJ3839" s="53"/>
      <c r="CK3839" s="53"/>
      <c r="CL3839" s="53"/>
      <c r="CM3839" s="53"/>
      <c r="CN3839" s="53"/>
    </row>
    <row r="3840" spans="1:92" outlineLevel="1">
      <c r="A3840" s="52" t="s">
        <v>713</v>
      </c>
      <c r="B3840" s="53">
        <v>18632.710875331501</v>
      </c>
      <c r="C3840" s="53">
        <v>18632.7093333333</v>
      </c>
      <c r="D3840" s="53">
        <v>18632.713136729199</v>
      </c>
      <c r="E3840" s="53">
        <v>18632.7115902964</v>
      </c>
      <c r="F3840" s="53">
        <v>18632.710027100198</v>
      </c>
      <c r="G3840" s="53">
        <v>18632.7084468664</v>
      </c>
      <c r="H3840" s="53">
        <v>18632.712328767098</v>
      </c>
      <c r="I3840" s="53">
        <v>18632.710743801599</v>
      </c>
      <c r="J3840" s="53">
        <v>18632.709141274201</v>
      </c>
      <c r="K3840" s="53">
        <v>18632.713091922</v>
      </c>
      <c r="L3840" s="53">
        <v>18632.711484593801</v>
      </c>
      <c r="M3840" s="53">
        <v>18632.7098591549</v>
      </c>
      <c r="N3840" s="53">
        <v>223592.530059171</v>
      </c>
      <c r="O3840" s="53">
        <v>18632.7082152974</v>
      </c>
      <c r="P3840" s="53">
        <v>18632.7082152974</v>
      </c>
      <c r="Q3840" s="53">
        <v>18632.7082152974</v>
      </c>
      <c r="R3840" s="53">
        <v>18632.7082152974</v>
      </c>
      <c r="S3840" s="53">
        <v>18632.7082152974</v>
      </c>
      <c r="T3840" s="53">
        <v>18632.7082152974</v>
      </c>
      <c r="U3840" s="53">
        <v>18632.7082152974</v>
      </c>
      <c r="V3840" s="53">
        <v>18632.7082152974</v>
      </c>
      <c r="W3840" s="53">
        <v>18632.7082152974</v>
      </c>
      <c r="X3840" s="53">
        <v>18632.7082152974</v>
      </c>
      <c r="Y3840" s="53">
        <v>18632.7082152974</v>
      </c>
      <c r="Z3840" s="53">
        <v>18632.7082152974</v>
      </c>
      <c r="AA3840" s="53">
        <v>223592.49858356899</v>
      </c>
      <c r="AB3840" s="53">
        <v>18632.7082152974</v>
      </c>
      <c r="AC3840" s="53">
        <v>18632.7082152974</v>
      </c>
      <c r="AD3840" s="53">
        <v>18632.7082152974</v>
      </c>
      <c r="AE3840" s="53">
        <v>18632.7082152974</v>
      </c>
      <c r="AF3840" s="53">
        <v>18632.7082152974</v>
      </c>
      <c r="AG3840" s="53">
        <v>18632.7082152974</v>
      </c>
      <c r="AH3840" s="53">
        <v>18632.7082152974</v>
      </c>
      <c r="AI3840" s="53">
        <v>18632.7082152974</v>
      </c>
      <c r="AJ3840" s="53">
        <v>18632.7082152974</v>
      </c>
      <c r="AK3840" s="53">
        <v>18632.7082152974</v>
      </c>
      <c r="AL3840" s="53">
        <v>18632.7082152974</v>
      </c>
      <c r="AM3840" s="53">
        <v>18632.7082152974</v>
      </c>
      <c r="AN3840" s="53">
        <v>223592.49858356899</v>
      </c>
      <c r="AO3840" s="53">
        <v>18632.7082152974</v>
      </c>
      <c r="AP3840" s="53">
        <v>18632.7082152974</v>
      </c>
      <c r="AQ3840" s="53">
        <v>18632.7082152974</v>
      </c>
      <c r="AR3840" s="53">
        <v>18632.7082152974</v>
      </c>
      <c r="AS3840" s="53">
        <v>18632.7082152974</v>
      </c>
      <c r="AT3840" s="53">
        <v>18632.7082152974</v>
      </c>
      <c r="AU3840" s="53">
        <v>18632.7082152974</v>
      </c>
      <c r="AV3840" s="53">
        <v>18632.7082152974</v>
      </c>
      <c r="AW3840" s="53">
        <v>18632.7082152974</v>
      </c>
      <c r="AX3840" s="53">
        <v>18632.7082152974</v>
      </c>
      <c r="AY3840" s="53">
        <v>18632.7082152974</v>
      </c>
      <c r="AZ3840" s="53">
        <v>18632.7082152974</v>
      </c>
      <c r="BA3840" s="53">
        <v>223592.49858356899</v>
      </c>
      <c r="BB3840" s="53">
        <v>18632.7082152974</v>
      </c>
      <c r="BC3840" s="53">
        <v>18632.7082152974</v>
      </c>
      <c r="BD3840" s="53">
        <v>18632.7082152974</v>
      </c>
      <c r="BE3840" s="53">
        <v>18632.7082152974</v>
      </c>
      <c r="BF3840" s="53">
        <v>18632.7082152974</v>
      </c>
      <c r="BG3840" s="53">
        <v>18632.7082152974</v>
      </c>
      <c r="BH3840" s="53">
        <v>18632.7082152974</v>
      </c>
      <c r="BI3840" s="53">
        <v>18632.7082152974</v>
      </c>
      <c r="BJ3840" s="53">
        <v>18632.7082152974</v>
      </c>
      <c r="BK3840" s="53">
        <v>18632.7082152974</v>
      </c>
      <c r="BL3840" s="53">
        <v>18632.7082152974</v>
      </c>
      <c r="BM3840" s="53">
        <v>18632.7082152974</v>
      </c>
      <c r="BN3840" s="53">
        <v>223592.49858356899</v>
      </c>
      <c r="BO3840" s="53">
        <v>18632.7082152974</v>
      </c>
      <c r="BP3840" s="53">
        <v>18632.7082152974</v>
      </c>
      <c r="BQ3840" s="53">
        <v>18632.7082152974</v>
      </c>
      <c r="BR3840" s="53">
        <v>18632.7082152974</v>
      </c>
      <c r="BS3840" s="53">
        <v>18632.7082152974</v>
      </c>
      <c r="BT3840" s="53">
        <v>18632.7082152974</v>
      </c>
      <c r="BU3840" s="53">
        <v>18632.7082152974</v>
      </c>
      <c r="BV3840" s="53">
        <v>18632.7082152974</v>
      </c>
      <c r="BW3840" s="53">
        <v>18632.7082152974</v>
      </c>
      <c r="BX3840" s="53">
        <v>18632.7082152974</v>
      </c>
      <c r="BY3840" s="53">
        <v>18632.7082152974</v>
      </c>
      <c r="BZ3840" s="53">
        <v>18632.7082152974</v>
      </c>
      <c r="CA3840" s="53">
        <v>223592.49858356899</v>
      </c>
      <c r="CB3840" s="53"/>
      <c r="CC3840" s="53"/>
      <c r="CD3840" s="53"/>
      <c r="CE3840" s="53">
        <v>-12410706.1507174</v>
      </c>
      <c r="CF3840" s="53"/>
      <c r="CG3840" s="53">
        <v>-12410706.1507174</v>
      </c>
      <c r="CH3840" s="53"/>
      <c r="CI3840" s="53"/>
      <c r="CJ3840" s="53">
        <v>-12410706.1507174</v>
      </c>
      <c r="CK3840" s="53"/>
      <c r="CL3840" s="53"/>
      <c r="CM3840" s="53">
        <v>-12410706.14869</v>
      </c>
      <c r="CN3840" s="53">
        <v>-49642824.600842401</v>
      </c>
    </row>
    <row r="3841" spans="1:92" outlineLevel="1">
      <c r="A3841" s="52" t="s">
        <v>716</v>
      </c>
      <c r="B3841" s="53">
        <v>36488.334177215103</v>
      </c>
      <c r="C3841" s="53">
        <v>36488.335877862599</v>
      </c>
      <c r="D3841" s="53">
        <v>36488.332480818397</v>
      </c>
      <c r="E3841" s="53">
        <v>36488.334190231297</v>
      </c>
      <c r="F3841" s="53">
        <v>36488.335917312601</v>
      </c>
      <c r="G3841" s="53">
        <v>36488.332467532397</v>
      </c>
      <c r="H3841" s="53">
        <v>36488.3342036553</v>
      </c>
      <c r="I3841" s="53">
        <v>36488.335958005198</v>
      </c>
      <c r="J3841" s="53">
        <v>36488.332453825802</v>
      </c>
      <c r="K3841" s="53">
        <v>36488.334217506599</v>
      </c>
      <c r="L3841" s="53">
        <v>36488.335999999901</v>
      </c>
      <c r="M3841" s="53">
        <v>36488.332439678197</v>
      </c>
      <c r="N3841" s="53">
        <v>437860.01038364402</v>
      </c>
      <c r="O3841" s="53">
        <v>36488.3342318059</v>
      </c>
      <c r="P3841" s="53">
        <v>36488.3342318059</v>
      </c>
      <c r="Q3841" s="53">
        <v>36488.3342318059</v>
      </c>
      <c r="R3841" s="53">
        <v>36488.3342318059</v>
      </c>
      <c r="S3841" s="53">
        <v>36488.3342318059</v>
      </c>
      <c r="T3841" s="53">
        <v>36488.3342318059</v>
      </c>
      <c r="U3841" s="53">
        <v>36488.3342318059</v>
      </c>
      <c r="V3841" s="53">
        <v>36488.3342318059</v>
      </c>
      <c r="W3841" s="53">
        <v>36488.3342318059</v>
      </c>
      <c r="X3841" s="53">
        <v>36488.3342318059</v>
      </c>
      <c r="Y3841" s="53">
        <v>36488.3342318059</v>
      </c>
      <c r="Z3841" s="53">
        <v>36488.3342318059</v>
      </c>
      <c r="AA3841" s="53">
        <v>437860.01078167098</v>
      </c>
      <c r="AB3841" s="53">
        <v>36488.3342318059</v>
      </c>
      <c r="AC3841" s="53">
        <v>36488.3342318059</v>
      </c>
      <c r="AD3841" s="53">
        <v>36488.3342318059</v>
      </c>
      <c r="AE3841" s="53">
        <v>36488.3342318059</v>
      </c>
      <c r="AF3841" s="53">
        <v>36488.3342318059</v>
      </c>
      <c r="AG3841" s="53">
        <v>36488.3342318059</v>
      </c>
      <c r="AH3841" s="53">
        <v>36488.3342318059</v>
      </c>
      <c r="AI3841" s="53">
        <v>36488.3342318059</v>
      </c>
      <c r="AJ3841" s="53">
        <v>36488.334231805798</v>
      </c>
      <c r="AK3841" s="53">
        <v>36488.334231805798</v>
      </c>
      <c r="AL3841" s="53">
        <v>36488.334231805798</v>
      </c>
      <c r="AM3841" s="53">
        <v>36488.334231805798</v>
      </c>
      <c r="AN3841" s="53">
        <v>437860.01078166999</v>
      </c>
      <c r="AO3841" s="53">
        <v>36488.334231805798</v>
      </c>
      <c r="AP3841" s="53">
        <v>36488.334231805798</v>
      </c>
      <c r="AQ3841" s="53">
        <v>36488.334231805798</v>
      </c>
      <c r="AR3841" s="53">
        <v>36488.334231805798</v>
      </c>
      <c r="AS3841" s="53">
        <v>36488.334231805798</v>
      </c>
      <c r="AT3841" s="53">
        <v>36488.334231805798</v>
      </c>
      <c r="AU3841" s="53">
        <v>36488.334231805798</v>
      </c>
      <c r="AV3841" s="53">
        <v>36488.334231805798</v>
      </c>
      <c r="AW3841" s="53">
        <v>36488.334231805798</v>
      </c>
      <c r="AX3841" s="53">
        <v>36488.334231805798</v>
      </c>
      <c r="AY3841" s="53">
        <v>36488.334231805798</v>
      </c>
      <c r="AZ3841" s="53">
        <v>36488.334231805798</v>
      </c>
      <c r="BA3841" s="53">
        <v>437860.01078166999</v>
      </c>
      <c r="BB3841" s="53">
        <v>36488.334231805798</v>
      </c>
      <c r="BC3841" s="53">
        <v>36488.334231805798</v>
      </c>
      <c r="BD3841" s="53">
        <v>36488.334231805798</v>
      </c>
      <c r="BE3841" s="53">
        <v>36488.334231805798</v>
      </c>
      <c r="BF3841" s="53">
        <v>36488.334231805798</v>
      </c>
      <c r="BG3841" s="53">
        <v>36488.334231805798</v>
      </c>
      <c r="BH3841" s="53">
        <v>36488.334231805798</v>
      </c>
      <c r="BI3841" s="53">
        <v>36488.334231805798</v>
      </c>
      <c r="BJ3841" s="53">
        <v>36488.334231805798</v>
      </c>
      <c r="BK3841" s="53">
        <v>36488.334231805798</v>
      </c>
      <c r="BL3841" s="53">
        <v>36488.334231805798</v>
      </c>
      <c r="BM3841" s="53">
        <v>36488.334231805798</v>
      </c>
      <c r="BN3841" s="53">
        <v>437860.01078166999</v>
      </c>
      <c r="BO3841" s="53">
        <v>36488.334231805798</v>
      </c>
      <c r="BP3841" s="53">
        <v>36488.334231805798</v>
      </c>
      <c r="BQ3841" s="53">
        <v>36488.334231805798</v>
      </c>
      <c r="BR3841" s="53">
        <v>36488.334231805798</v>
      </c>
      <c r="BS3841" s="53">
        <v>36488.334231805798</v>
      </c>
      <c r="BT3841" s="53">
        <v>36488.334231805798</v>
      </c>
      <c r="BU3841" s="53">
        <v>36488.334231805798</v>
      </c>
      <c r="BV3841" s="53">
        <v>36488.334231805798</v>
      </c>
      <c r="BW3841" s="53">
        <v>36488.334231805798</v>
      </c>
      <c r="BX3841" s="53">
        <v>36488.334231805798</v>
      </c>
      <c r="BY3841" s="53">
        <v>36488.334231805798</v>
      </c>
      <c r="BZ3841" s="53">
        <v>36488.334231805697</v>
      </c>
      <c r="CA3841" s="53">
        <v>437860.010781669</v>
      </c>
      <c r="CB3841" s="53"/>
      <c r="CC3841" s="53"/>
      <c r="CD3841" s="53"/>
      <c r="CE3841" s="53"/>
      <c r="CF3841" s="53"/>
      <c r="CG3841" s="53"/>
      <c r="CH3841" s="53"/>
      <c r="CI3841" s="53"/>
      <c r="CJ3841" s="53"/>
      <c r="CK3841" s="53"/>
      <c r="CL3841" s="53"/>
      <c r="CM3841" s="53"/>
      <c r="CN3841" s="53"/>
    </row>
    <row r="3842" spans="1:92" outlineLevel="1">
      <c r="A3842" s="52" t="s">
        <v>717</v>
      </c>
      <c r="B3842" s="53">
        <v>13019.146118721401</v>
      </c>
      <c r="C3842" s="53">
        <v>13019.1467889908</v>
      </c>
      <c r="D3842" s="53">
        <v>13019.1474654377</v>
      </c>
      <c r="E3842" s="53">
        <v>13019.148148148101</v>
      </c>
      <c r="F3842" s="53">
        <v>13019.1441860465</v>
      </c>
      <c r="G3842" s="53">
        <v>13019.144859812999</v>
      </c>
      <c r="H3842" s="53">
        <v>13019.1455399061</v>
      </c>
      <c r="I3842" s="53">
        <v>13019.146226415</v>
      </c>
      <c r="J3842" s="53">
        <v>13019.146919431199</v>
      </c>
      <c r="K3842" s="53">
        <v>13019.147619047601</v>
      </c>
      <c r="L3842" s="53">
        <v>13019.148325358799</v>
      </c>
      <c r="M3842" s="53">
        <v>13019.1442307692</v>
      </c>
      <c r="N3842" s="53">
        <v>156229.756428086</v>
      </c>
      <c r="O3842" s="53">
        <v>13019.144927536199</v>
      </c>
      <c r="P3842" s="53">
        <v>13019.144927536199</v>
      </c>
      <c r="Q3842" s="53">
        <v>13019.144927536199</v>
      </c>
      <c r="R3842" s="53">
        <v>13019.144927536199</v>
      </c>
      <c r="S3842" s="53">
        <v>13019.144927536199</v>
      </c>
      <c r="T3842" s="53">
        <v>13019.144927536199</v>
      </c>
      <c r="U3842" s="53">
        <v>13019.144927536199</v>
      </c>
      <c r="V3842" s="53">
        <v>13019.144927536199</v>
      </c>
      <c r="W3842" s="53">
        <v>13019.144927536199</v>
      </c>
      <c r="X3842" s="53">
        <v>13019.144927536199</v>
      </c>
      <c r="Y3842" s="53">
        <v>13019.144927536199</v>
      </c>
      <c r="Z3842" s="53">
        <v>13019.144927536199</v>
      </c>
      <c r="AA3842" s="53">
        <v>156229.739130434</v>
      </c>
      <c r="AB3842" s="53">
        <v>13019.144927536199</v>
      </c>
      <c r="AC3842" s="53">
        <v>13019.144927536199</v>
      </c>
      <c r="AD3842" s="53">
        <v>13019.144927536199</v>
      </c>
      <c r="AE3842" s="53">
        <v>13019.144927536199</v>
      </c>
      <c r="AF3842" s="53">
        <v>13019.144927536199</v>
      </c>
      <c r="AG3842" s="53">
        <v>13019.144927536199</v>
      </c>
      <c r="AH3842" s="53">
        <v>13019.144927536199</v>
      </c>
      <c r="AI3842" s="53">
        <v>13019.144927536199</v>
      </c>
      <c r="AJ3842" s="53">
        <v>13019.144927536199</v>
      </c>
      <c r="AK3842" s="53">
        <v>13019.144927536199</v>
      </c>
      <c r="AL3842" s="53">
        <v>13019.144927536199</v>
      </c>
      <c r="AM3842" s="53">
        <v>13019.144927536199</v>
      </c>
      <c r="AN3842" s="53">
        <v>156229.739130434</v>
      </c>
      <c r="AO3842" s="53">
        <v>13019.144927536199</v>
      </c>
      <c r="AP3842" s="53">
        <v>13019.144927536199</v>
      </c>
      <c r="AQ3842" s="53">
        <v>13019.144927536199</v>
      </c>
      <c r="AR3842" s="53">
        <v>13019.144927536199</v>
      </c>
      <c r="AS3842" s="53">
        <v>13019.144927536199</v>
      </c>
      <c r="AT3842" s="53">
        <v>13019.144927536199</v>
      </c>
      <c r="AU3842" s="53">
        <v>13019.144927536199</v>
      </c>
      <c r="AV3842" s="53">
        <v>13019.144927536199</v>
      </c>
      <c r="AW3842" s="53">
        <v>13019.144927536199</v>
      </c>
      <c r="AX3842" s="53">
        <v>13019.144927536199</v>
      </c>
      <c r="AY3842" s="53">
        <v>13019.144927536199</v>
      </c>
      <c r="AZ3842" s="53">
        <v>13019.144927536199</v>
      </c>
      <c r="BA3842" s="53">
        <v>156229.739130434</v>
      </c>
      <c r="BB3842" s="53">
        <v>13019.144927536199</v>
      </c>
      <c r="BC3842" s="53">
        <v>13019.144927536199</v>
      </c>
      <c r="BD3842" s="53">
        <v>13019.144927536199</v>
      </c>
      <c r="BE3842" s="53">
        <v>13019.144927536199</v>
      </c>
      <c r="BF3842" s="53">
        <v>13019.144927536199</v>
      </c>
      <c r="BG3842" s="53">
        <v>13019.144927536199</v>
      </c>
      <c r="BH3842" s="53">
        <v>13019.144927536199</v>
      </c>
      <c r="BI3842" s="53">
        <v>13019.144927536199</v>
      </c>
      <c r="BJ3842" s="53">
        <v>13019.144927536199</v>
      </c>
      <c r="BK3842" s="53">
        <v>13019.144927536199</v>
      </c>
      <c r="BL3842" s="53">
        <v>13019.144927536199</v>
      </c>
      <c r="BM3842" s="53">
        <v>13019.144927536199</v>
      </c>
      <c r="BN3842" s="53">
        <v>156229.739130434</v>
      </c>
      <c r="BO3842" s="53">
        <v>13019.144927536199</v>
      </c>
      <c r="BP3842" s="53">
        <v>13019.144927536199</v>
      </c>
      <c r="BQ3842" s="53">
        <v>13019.144927536199</v>
      </c>
      <c r="BR3842" s="53">
        <v>13019.144927536199</v>
      </c>
      <c r="BS3842" s="53">
        <v>13019.144927536199</v>
      </c>
      <c r="BT3842" s="53">
        <v>13019.144927536199</v>
      </c>
      <c r="BU3842" s="53">
        <v>13019.144927536199</v>
      </c>
      <c r="BV3842" s="53">
        <v>13019.144927536199</v>
      </c>
      <c r="BW3842" s="53">
        <v>13019.144927536199</v>
      </c>
      <c r="BX3842" s="53">
        <v>13019.144927536199</v>
      </c>
      <c r="BY3842" s="53">
        <v>13019.144927536199</v>
      </c>
      <c r="BZ3842" s="53">
        <v>13019.144927536199</v>
      </c>
      <c r="CA3842" s="53">
        <v>156229.739130434</v>
      </c>
      <c r="CB3842" s="53"/>
      <c r="CC3842" s="53"/>
      <c r="CD3842" s="53"/>
      <c r="CE3842" s="53"/>
      <c r="CF3842" s="53"/>
      <c r="CG3842" s="53"/>
      <c r="CH3842" s="53"/>
      <c r="CI3842" s="53"/>
      <c r="CJ3842" s="53"/>
      <c r="CK3842" s="53"/>
      <c r="CL3842" s="53"/>
      <c r="CM3842" s="53"/>
      <c r="CN3842" s="53"/>
    </row>
    <row r="3843" spans="1:92" outlineLevel="1">
      <c r="A3843" s="52" t="s">
        <v>718</v>
      </c>
      <c r="B3843" s="53">
        <v>13527.6846307385</v>
      </c>
      <c r="C3843" s="53">
        <v>13527.683366733399</v>
      </c>
      <c r="D3843" s="53">
        <v>13527.686116700201</v>
      </c>
      <c r="E3843" s="53">
        <v>13527.6848484848</v>
      </c>
      <c r="F3843" s="53">
        <v>13527.683569979699</v>
      </c>
      <c r="G3843" s="53">
        <v>13527.6863543788</v>
      </c>
      <c r="H3843" s="53">
        <v>13527.6850715746</v>
      </c>
      <c r="I3843" s="53">
        <v>13527.683778234001</v>
      </c>
      <c r="J3843" s="53">
        <v>13527.6865979381</v>
      </c>
      <c r="K3843" s="53">
        <v>13527.685300207</v>
      </c>
      <c r="L3843" s="53">
        <v>13527.6839916839</v>
      </c>
      <c r="M3843" s="53">
        <v>13527.682672233799</v>
      </c>
      <c r="N3843" s="53">
        <v>162332.21629888701</v>
      </c>
      <c r="O3843" s="53">
        <v>13527.685534591101</v>
      </c>
      <c r="P3843" s="53">
        <v>13527.685534591101</v>
      </c>
      <c r="Q3843" s="53">
        <v>13527.685534591101</v>
      </c>
      <c r="R3843" s="53">
        <v>13527.685534591101</v>
      </c>
      <c r="S3843" s="53">
        <v>13527.685534591101</v>
      </c>
      <c r="T3843" s="53">
        <v>13527.685534591101</v>
      </c>
      <c r="U3843" s="53">
        <v>13527.685534591101</v>
      </c>
      <c r="V3843" s="53">
        <v>13527.685534591201</v>
      </c>
      <c r="W3843" s="53">
        <v>13527.685534591201</v>
      </c>
      <c r="X3843" s="53">
        <v>13527.685534591201</v>
      </c>
      <c r="Y3843" s="53">
        <v>13527.685534591201</v>
      </c>
      <c r="Z3843" s="53">
        <v>13527.685534591201</v>
      </c>
      <c r="AA3843" s="53">
        <v>162332.22641509399</v>
      </c>
      <c r="AB3843" s="53">
        <v>13527.685534591201</v>
      </c>
      <c r="AC3843" s="53">
        <v>13527.685534591201</v>
      </c>
      <c r="AD3843" s="53">
        <v>13527.685534591201</v>
      </c>
      <c r="AE3843" s="53">
        <v>13527.685534591201</v>
      </c>
      <c r="AF3843" s="53">
        <v>13527.685534591201</v>
      </c>
      <c r="AG3843" s="53">
        <v>13527.685534591201</v>
      </c>
      <c r="AH3843" s="53">
        <v>13527.685534591201</v>
      </c>
      <c r="AI3843" s="53">
        <v>13527.685534591201</v>
      </c>
      <c r="AJ3843" s="53">
        <v>13527.685534591201</v>
      </c>
      <c r="AK3843" s="53">
        <v>13527.685534591201</v>
      </c>
      <c r="AL3843" s="53">
        <v>13527.685534591201</v>
      </c>
      <c r="AM3843" s="53">
        <v>13527.685534591201</v>
      </c>
      <c r="AN3843" s="53">
        <v>162332.22641509399</v>
      </c>
      <c r="AO3843" s="53">
        <v>13527.685534591201</v>
      </c>
      <c r="AP3843" s="53">
        <v>13527.685534591201</v>
      </c>
      <c r="AQ3843" s="53">
        <v>13527.685534591201</v>
      </c>
      <c r="AR3843" s="53">
        <v>13527.685534591201</v>
      </c>
      <c r="AS3843" s="53">
        <v>13527.685534591201</v>
      </c>
      <c r="AT3843" s="53">
        <v>13527.685534591201</v>
      </c>
      <c r="AU3843" s="53">
        <v>13527.685534591201</v>
      </c>
      <c r="AV3843" s="53">
        <v>13527.685534591201</v>
      </c>
      <c r="AW3843" s="53">
        <v>13527.685534591201</v>
      </c>
      <c r="AX3843" s="53">
        <v>13527.685534591201</v>
      </c>
      <c r="AY3843" s="53">
        <v>13527.685534591201</v>
      </c>
      <c r="AZ3843" s="53">
        <v>13527.685534591201</v>
      </c>
      <c r="BA3843" s="53">
        <v>162332.22641509399</v>
      </c>
      <c r="BB3843" s="53">
        <v>13527.685534591201</v>
      </c>
      <c r="BC3843" s="53">
        <v>13527.685534591201</v>
      </c>
      <c r="BD3843" s="53">
        <v>13527.685534591201</v>
      </c>
      <c r="BE3843" s="53">
        <v>13527.685534591201</v>
      </c>
      <c r="BF3843" s="53">
        <v>13527.685534591201</v>
      </c>
      <c r="BG3843" s="53">
        <v>13527.685534591201</v>
      </c>
      <c r="BH3843" s="53">
        <v>13527.685534591201</v>
      </c>
      <c r="BI3843" s="53">
        <v>13527.685534591201</v>
      </c>
      <c r="BJ3843" s="53">
        <v>13527.685534591201</v>
      </c>
      <c r="BK3843" s="53">
        <v>13527.685534591201</v>
      </c>
      <c r="BL3843" s="53">
        <v>13527.685534591201</v>
      </c>
      <c r="BM3843" s="53">
        <v>13527.685534591201</v>
      </c>
      <c r="BN3843" s="53">
        <v>162332.22641509399</v>
      </c>
      <c r="BO3843" s="53">
        <v>13527.685534591201</v>
      </c>
      <c r="BP3843" s="53">
        <v>13527.685534591201</v>
      </c>
      <c r="BQ3843" s="53">
        <v>13527.685534591201</v>
      </c>
      <c r="BR3843" s="53">
        <v>13527.685534591201</v>
      </c>
      <c r="BS3843" s="53">
        <v>13527.685534591201</v>
      </c>
      <c r="BT3843" s="53">
        <v>13527.685534591201</v>
      </c>
      <c r="BU3843" s="53">
        <v>13527.685534591201</v>
      </c>
      <c r="BV3843" s="53">
        <v>13527.685534591201</v>
      </c>
      <c r="BW3843" s="53">
        <v>13527.685534591201</v>
      </c>
      <c r="BX3843" s="53">
        <v>13527.685534591201</v>
      </c>
      <c r="BY3843" s="53">
        <v>13527.685534591201</v>
      </c>
      <c r="BZ3843" s="53">
        <v>13527.685534591201</v>
      </c>
      <c r="CA3843" s="53">
        <v>162332.22641509399</v>
      </c>
      <c r="CB3843" s="53"/>
      <c r="CC3843" s="53"/>
      <c r="CD3843" s="53">
        <v>-22892803</v>
      </c>
      <c r="CE3843" s="53"/>
      <c r="CF3843" s="53"/>
      <c r="CG3843" s="53"/>
      <c r="CH3843" s="53"/>
      <c r="CI3843" s="53"/>
      <c r="CJ3843" s="53"/>
      <c r="CK3843" s="53"/>
      <c r="CL3843" s="53"/>
      <c r="CM3843" s="53"/>
      <c r="CN3843" s="53">
        <v>-22892803</v>
      </c>
    </row>
    <row r="3844" spans="1:92" outlineLevel="1">
      <c r="A3844" s="52" t="s">
        <v>721</v>
      </c>
      <c r="B3844" s="53">
        <v>20148.979797979799</v>
      </c>
      <c r="C3844" s="53">
        <v>20148.979729729701</v>
      </c>
      <c r="D3844" s="53">
        <v>20148.9796610169</v>
      </c>
      <c r="E3844" s="53">
        <v>20148.979591836702</v>
      </c>
      <c r="F3844" s="53">
        <v>20148.979522184301</v>
      </c>
      <c r="G3844" s="53">
        <v>20148.9794520547</v>
      </c>
      <c r="H3844" s="53">
        <v>20148.979381443201</v>
      </c>
      <c r="I3844" s="53">
        <v>20148.979310344799</v>
      </c>
      <c r="J3844" s="53">
        <v>20148.979238754298</v>
      </c>
      <c r="K3844" s="53">
        <v>20148.979166666599</v>
      </c>
      <c r="L3844" s="53">
        <v>20148.9790940766</v>
      </c>
      <c r="M3844" s="53">
        <v>20148.979020979001</v>
      </c>
      <c r="N3844" s="53">
        <v>241787.752967067</v>
      </c>
      <c r="O3844" s="53">
        <v>20148.9789473684</v>
      </c>
      <c r="P3844" s="53">
        <v>20148.9789473684</v>
      </c>
      <c r="Q3844" s="53">
        <v>20148.9789473684</v>
      </c>
      <c r="R3844" s="53">
        <v>20148.9789473684</v>
      </c>
      <c r="S3844" s="53">
        <v>20148.9789473684</v>
      </c>
      <c r="T3844" s="53">
        <v>20148.9789473684</v>
      </c>
      <c r="U3844" s="53">
        <v>20148.9789473684</v>
      </c>
      <c r="V3844" s="53">
        <v>20148.9789473684</v>
      </c>
      <c r="W3844" s="53">
        <v>20148.9789473684</v>
      </c>
      <c r="X3844" s="53">
        <v>20148.9789473684</v>
      </c>
      <c r="Y3844" s="53">
        <v>20148.9789473684</v>
      </c>
      <c r="Z3844" s="53">
        <v>20148.9789473684</v>
      </c>
      <c r="AA3844" s="53">
        <v>241787.747368421</v>
      </c>
      <c r="AB3844" s="53">
        <v>20148.9789473684</v>
      </c>
      <c r="AC3844" s="53">
        <v>20148.9789473684</v>
      </c>
      <c r="AD3844" s="53">
        <v>20148.9789473684</v>
      </c>
      <c r="AE3844" s="53">
        <v>20148.9789473684</v>
      </c>
      <c r="AF3844" s="53">
        <v>20148.9789473684</v>
      </c>
      <c r="AG3844" s="53">
        <v>20148.9789473684</v>
      </c>
      <c r="AH3844" s="53">
        <v>20148.9789473684</v>
      </c>
      <c r="AI3844" s="53">
        <v>20148.9789473684</v>
      </c>
      <c r="AJ3844" s="53">
        <v>20148.9789473684</v>
      </c>
      <c r="AK3844" s="53">
        <v>20148.9789473684</v>
      </c>
      <c r="AL3844" s="53">
        <v>20148.9789473684</v>
      </c>
      <c r="AM3844" s="53">
        <v>20148.9789473684</v>
      </c>
      <c r="AN3844" s="53">
        <v>241787.747368421</v>
      </c>
      <c r="AO3844" s="53">
        <v>20148.9789473684</v>
      </c>
      <c r="AP3844" s="53">
        <v>20148.9789473684</v>
      </c>
      <c r="AQ3844" s="53">
        <v>20148.9789473684</v>
      </c>
      <c r="AR3844" s="53">
        <v>20148.9789473684</v>
      </c>
      <c r="AS3844" s="53">
        <v>20148.9789473684</v>
      </c>
      <c r="AT3844" s="53">
        <v>20148.9789473684</v>
      </c>
      <c r="AU3844" s="53">
        <v>20148.9789473684</v>
      </c>
      <c r="AV3844" s="53">
        <v>20148.9789473684</v>
      </c>
      <c r="AW3844" s="53">
        <v>20148.9789473684</v>
      </c>
      <c r="AX3844" s="53">
        <v>20148.9789473684</v>
      </c>
      <c r="AY3844" s="53">
        <v>20148.9789473684</v>
      </c>
      <c r="AZ3844" s="53">
        <v>20148.9789473684</v>
      </c>
      <c r="BA3844" s="53">
        <v>241787.747368421</v>
      </c>
      <c r="BB3844" s="53">
        <v>20148.9789473684</v>
      </c>
      <c r="BC3844" s="53">
        <v>20148.9789473684</v>
      </c>
      <c r="BD3844" s="53">
        <v>20148.9789473684</v>
      </c>
      <c r="BE3844" s="53">
        <v>20148.9789473684</v>
      </c>
      <c r="BF3844" s="53">
        <v>20148.9789473684</v>
      </c>
      <c r="BG3844" s="53">
        <v>20148.9789473684</v>
      </c>
      <c r="BH3844" s="53">
        <v>20148.9789473684</v>
      </c>
      <c r="BI3844" s="53">
        <v>20148.9789473684</v>
      </c>
      <c r="BJ3844" s="53">
        <v>20148.9789473684</v>
      </c>
      <c r="BK3844" s="53">
        <v>20148.9789473684</v>
      </c>
      <c r="BL3844" s="53">
        <v>20148.9789473684</v>
      </c>
      <c r="BM3844" s="53">
        <v>20148.9789473684</v>
      </c>
      <c r="BN3844" s="53">
        <v>241787.747368421</v>
      </c>
      <c r="BO3844" s="53">
        <v>20148.9789473684</v>
      </c>
      <c r="BP3844" s="53">
        <v>20148.9789473684</v>
      </c>
      <c r="BQ3844" s="53">
        <v>20148.9789473684</v>
      </c>
      <c r="BR3844" s="53">
        <v>20148.978947368501</v>
      </c>
      <c r="BS3844" s="53">
        <v>20148.978947368501</v>
      </c>
      <c r="BT3844" s="53">
        <v>20148.978947368501</v>
      </c>
      <c r="BU3844" s="53">
        <v>20148.978947368501</v>
      </c>
      <c r="BV3844" s="53">
        <v>20148.978947368501</v>
      </c>
      <c r="BW3844" s="53">
        <v>20148.978947368501</v>
      </c>
      <c r="BX3844" s="53">
        <v>20148.978947368501</v>
      </c>
      <c r="BY3844" s="53">
        <v>20148.978947368501</v>
      </c>
      <c r="BZ3844" s="53">
        <v>20148.978947368501</v>
      </c>
      <c r="CA3844" s="53">
        <v>241787.74736842199</v>
      </c>
      <c r="CB3844" s="53"/>
      <c r="CC3844" s="53"/>
      <c r="CD3844" s="53"/>
      <c r="CE3844" s="53"/>
      <c r="CF3844" s="53"/>
      <c r="CG3844" s="53"/>
      <c r="CH3844" s="53"/>
      <c r="CI3844" s="53"/>
      <c r="CJ3844" s="53"/>
      <c r="CK3844" s="53"/>
      <c r="CL3844" s="53"/>
      <c r="CM3844" s="53"/>
      <c r="CN3844" s="53"/>
    </row>
    <row r="3845" spans="1:92" outlineLevel="1">
      <c r="A3845" s="52" t="s">
        <v>723</v>
      </c>
      <c r="B3845" s="53">
        <v>49399.371900826402</v>
      </c>
      <c r="C3845" s="53">
        <v>49399.378151260498</v>
      </c>
      <c r="D3845" s="53">
        <v>49399.367521367501</v>
      </c>
      <c r="E3845" s="53">
        <v>49399.373913043397</v>
      </c>
      <c r="F3845" s="53">
        <v>49399.380530973402</v>
      </c>
      <c r="G3845" s="53">
        <v>49399.369369369299</v>
      </c>
      <c r="H3845" s="53">
        <v>49399.376146788898</v>
      </c>
      <c r="I3845" s="53">
        <v>49399.364485981299</v>
      </c>
      <c r="J3845" s="53">
        <v>49399.371428571401</v>
      </c>
      <c r="K3845" s="53">
        <v>49399.378640776697</v>
      </c>
      <c r="L3845" s="53">
        <v>49399.366336633597</v>
      </c>
      <c r="M3845" s="53">
        <v>49399.373737373702</v>
      </c>
      <c r="N3845" s="53">
        <v>592792.47216296603</v>
      </c>
      <c r="O3845" s="53">
        <v>49399.381443298902</v>
      </c>
      <c r="P3845" s="53">
        <v>49399.381443298902</v>
      </c>
      <c r="Q3845" s="53">
        <v>49399.381443298902</v>
      </c>
      <c r="R3845" s="53">
        <v>49399.381443298902</v>
      </c>
      <c r="S3845" s="53">
        <v>49399.381443298902</v>
      </c>
      <c r="T3845" s="53">
        <v>49399.381443298902</v>
      </c>
      <c r="U3845" s="53">
        <v>49399.381443298902</v>
      </c>
      <c r="V3845" s="53">
        <v>49399.381443298997</v>
      </c>
      <c r="W3845" s="53">
        <v>49399.381443298902</v>
      </c>
      <c r="X3845" s="53">
        <v>49399.381443298902</v>
      </c>
      <c r="Y3845" s="53">
        <v>49399.381443298902</v>
      </c>
      <c r="Z3845" s="53">
        <v>49399.381443298902</v>
      </c>
      <c r="AA3845" s="53">
        <v>592792.577319587</v>
      </c>
      <c r="AB3845" s="53">
        <v>49399.381443298902</v>
      </c>
      <c r="AC3845" s="53">
        <v>49399.381443298902</v>
      </c>
      <c r="AD3845" s="53">
        <v>49399.381443298902</v>
      </c>
      <c r="AE3845" s="53">
        <v>49399.381443298902</v>
      </c>
      <c r="AF3845" s="53">
        <v>49399.381443298902</v>
      </c>
      <c r="AG3845" s="53">
        <v>49399.381443298902</v>
      </c>
      <c r="AH3845" s="53">
        <v>49399.381443298902</v>
      </c>
      <c r="AI3845" s="53">
        <v>49399.381443298902</v>
      </c>
      <c r="AJ3845" s="53">
        <v>49399.381443298902</v>
      </c>
      <c r="AK3845" s="53">
        <v>49399.381443298902</v>
      </c>
      <c r="AL3845" s="53">
        <v>49399.381443298902</v>
      </c>
      <c r="AM3845" s="53">
        <v>49399.381443298902</v>
      </c>
      <c r="AN3845" s="53">
        <v>592792.577319587</v>
      </c>
      <c r="AO3845" s="53">
        <v>49399.381443298902</v>
      </c>
      <c r="AP3845" s="53">
        <v>49399.381443298902</v>
      </c>
      <c r="AQ3845" s="53">
        <v>49399.381443298902</v>
      </c>
      <c r="AR3845" s="53">
        <v>49399.381443298902</v>
      </c>
      <c r="AS3845" s="53">
        <v>49399.381443298902</v>
      </c>
      <c r="AT3845" s="53">
        <v>49399.381443298902</v>
      </c>
      <c r="AU3845" s="53">
        <v>49399.381443298902</v>
      </c>
      <c r="AV3845" s="53">
        <v>49399.381443298902</v>
      </c>
      <c r="AW3845" s="53">
        <v>49399.381443298902</v>
      </c>
      <c r="AX3845" s="53">
        <v>49399.381443298902</v>
      </c>
      <c r="AY3845" s="53">
        <v>49399.381443298902</v>
      </c>
      <c r="AZ3845" s="53">
        <v>49399.381443298902</v>
      </c>
      <c r="BA3845" s="53">
        <v>592792.577319587</v>
      </c>
      <c r="BB3845" s="53">
        <v>49399.381443298902</v>
      </c>
      <c r="BC3845" s="53">
        <v>49399.381443298902</v>
      </c>
      <c r="BD3845" s="53">
        <v>49399.381443298902</v>
      </c>
      <c r="BE3845" s="53">
        <v>49399.381443298902</v>
      </c>
      <c r="BF3845" s="53">
        <v>49399.381443298902</v>
      </c>
      <c r="BG3845" s="53">
        <v>49399.381443298902</v>
      </c>
      <c r="BH3845" s="53">
        <v>49399.381443298902</v>
      </c>
      <c r="BI3845" s="53">
        <v>49399.381443298902</v>
      </c>
      <c r="BJ3845" s="53">
        <v>49399.381443298902</v>
      </c>
      <c r="BK3845" s="53">
        <v>49399.381443298902</v>
      </c>
      <c r="BL3845" s="53">
        <v>49399.381443298902</v>
      </c>
      <c r="BM3845" s="53">
        <v>49399.381443298902</v>
      </c>
      <c r="BN3845" s="53">
        <v>592792.577319587</v>
      </c>
      <c r="BO3845" s="53">
        <v>24699.6907216494</v>
      </c>
      <c r="BP3845" s="53"/>
      <c r="BQ3845" s="53"/>
      <c r="BR3845" s="53"/>
      <c r="BS3845" s="53"/>
      <c r="BT3845" s="53"/>
      <c r="BU3845" s="53"/>
      <c r="BV3845" s="53"/>
      <c r="BW3845" s="53"/>
      <c r="BX3845" s="53"/>
      <c r="BY3845" s="53"/>
      <c r="BZ3845" s="53"/>
      <c r="CA3845" s="53">
        <v>24699.6907216494</v>
      </c>
      <c r="CB3845" s="53"/>
      <c r="CC3845" s="53"/>
      <c r="CD3845" s="53"/>
      <c r="CE3845" s="53"/>
      <c r="CF3845" s="53"/>
      <c r="CG3845" s="53"/>
      <c r="CH3845" s="53"/>
      <c r="CI3845" s="53"/>
      <c r="CJ3845" s="53"/>
      <c r="CK3845" s="53"/>
      <c r="CL3845" s="53"/>
      <c r="CM3845" s="53"/>
      <c r="CN3845" s="53"/>
    </row>
    <row r="3846" spans="1:92" outlineLevel="1">
      <c r="A3846" s="52" t="s">
        <v>724</v>
      </c>
      <c r="B3846" s="53">
        <v>13370.822605965401</v>
      </c>
      <c r="C3846" s="53">
        <v>13370.822047244001</v>
      </c>
      <c r="D3846" s="53">
        <v>13370.821484992101</v>
      </c>
      <c r="E3846" s="53">
        <v>13370.824088748001</v>
      </c>
      <c r="F3846" s="53">
        <v>13370.8235294117</v>
      </c>
      <c r="G3846" s="53">
        <v>13370.822966507099</v>
      </c>
      <c r="H3846" s="53">
        <v>13370.822399999999</v>
      </c>
      <c r="I3846" s="53">
        <v>13370.8218298555</v>
      </c>
      <c r="J3846" s="53">
        <v>13370.8212560386</v>
      </c>
      <c r="K3846" s="53">
        <v>13370.8239095315</v>
      </c>
      <c r="L3846" s="53">
        <v>13370.8233387358</v>
      </c>
      <c r="M3846" s="53">
        <v>13370.8227642276</v>
      </c>
      <c r="N3846" s="53">
        <v>160449.87222125701</v>
      </c>
      <c r="O3846" s="53">
        <v>13370.822185970599</v>
      </c>
      <c r="P3846" s="53">
        <v>13370.822185970599</v>
      </c>
      <c r="Q3846" s="53">
        <v>13370.822185970599</v>
      </c>
      <c r="R3846" s="53">
        <v>13370.822185970599</v>
      </c>
      <c r="S3846" s="53">
        <v>13370.822185970599</v>
      </c>
      <c r="T3846" s="53">
        <v>13370.822185970599</v>
      </c>
      <c r="U3846" s="53">
        <v>13370.822185970599</v>
      </c>
      <c r="V3846" s="53">
        <v>13370.822185970599</v>
      </c>
      <c r="W3846" s="53">
        <v>13370.822185970599</v>
      </c>
      <c r="X3846" s="53">
        <v>13370.822185970599</v>
      </c>
      <c r="Y3846" s="53">
        <v>13370.822185970599</v>
      </c>
      <c r="Z3846" s="53">
        <v>13370.822185970599</v>
      </c>
      <c r="AA3846" s="53">
        <v>160449.866231647</v>
      </c>
      <c r="AB3846" s="53">
        <v>13370.822185970599</v>
      </c>
      <c r="AC3846" s="53">
        <v>13370.822185970599</v>
      </c>
      <c r="AD3846" s="53">
        <v>13370.822185970599</v>
      </c>
      <c r="AE3846" s="53">
        <v>13370.822185970599</v>
      </c>
      <c r="AF3846" s="53">
        <v>13370.822185970599</v>
      </c>
      <c r="AG3846" s="53">
        <v>13370.822185970599</v>
      </c>
      <c r="AH3846" s="53">
        <v>13370.822185970599</v>
      </c>
      <c r="AI3846" s="53">
        <v>13370.822185970599</v>
      </c>
      <c r="AJ3846" s="53">
        <v>13370.822185970599</v>
      </c>
      <c r="AK3846" s="53">
        <v>13370.822185970599</v>
      </c>
      <c r="AL3846" s="53">
        <v>13370.822185970599</v>
      </c>
      <c r="AM3846" s="53">
        <v>13370.822185970599</v>
      </c>
      <c r="AN3846" s="53">
        <v>160449.866231647</v>
      </c>
      <c r="AO3846" s="53">
        <v>13370.822185970599</v>
      </c>
      <c r="AP3846" s="53">
        <v>13370.822185970599</v>
      </c>
      <c r="AQ3846" s="53">
        <v>13370.822185970599</v>
      </c>
      <c r="AR3846" s="53">
        <v>13370.822185970599</v>
      </c>
      <c r="AS3846" s="53">
        <v>13370.822185970599</v>
      </c>
      <c r="AT3846" s="53">
        <v>13370.822185970599</v>
      </c>
      <c r="AU3846" s="53">
        <v>13370.822185970599</v>
      </c>
      <c r="AV3846" s="53">
        <v>13370.822185970599</v>
      </c>
      <c r="AW3846" s="53">
        <v>13370.822185970599</v>
      </c>
      <c r="AX3846" s="53">
        <v>13370.822185970599</v>
      </c>
      <c r="AY3846" s="53">
        <v>13370.822185970599</v>
      </c>
      <c r="AZ3846" s="53">
        <v>13370.822185970599</v>
      </c>
      <c r="BA3846" s="53">
        <v>160449.866231647</v>
      </c>
      <c r="BB3846" s="53">
        <v>13370.822185970599</v>
      </c>
      <c r="BC3846" s="53">
        <v>13370.822185970599</v>
      </c>
      <c r="BD3846" s="53">
        <v>13370.822185970599</v>
      </c>
      <c r="BE3846" s="53">
        <v>13370.822185970599</v>
      </c>
      <c r="BF3846" s="53">
        <v>13370.822185970599</v>
      </c>
      <c r="BG3846" s="53">
        <v>13370.822185970599</v>
      </c>
      <c r="BH3846" s="53">
        <v>13370.822185970599</v>
      </c>
      <c r="BI3846" s="53">
        <v>13370.822185970599</v>
      </c>
      <c r="BJ3846" s="53">
        <v>13370.822185970599</v>
      </c>
      <c r="BK3846" s="53">
        <v>13370.822185970599</v>
      </c>
      <c r="BL3846" s="53">
        <v>13370.822185970599</v>
      </c>
      <c r="BM3846" s="53">
        <v>13370.822185970599</v>
      </c>
      <c r="BN3846" s="53">
        <v>160449.866231647</v>
      </c>
      <c r="BO3846" s="53">
        <v>13370.822185970599</v>
      </c>
      <c r="BP3846" s="53">
        <v>13370.822185970599</v>
      </c>
      <c r="BQ3846" s="53">
        <v>13370.822185970599</v>
      </c>
      <c r="BR3846" s="53">
        <v>13370.822185970599</v>
      </c>
      <c r="BS3846" s="53">
        <v>13370.822185970599</v>
      </c>
      <c r="BT3846" s="53">
        <v>13370.822185970599</v>
      </c>
      <c r="BU3846" s="53">
        <v>13370.822185970599</v>
      </c>
      <c r="BV3846" s="53">
        <v>13370.822185970599</v>
      </c>
      <c r="BW3846" s="53">
        <v>13370.822185970599</v>
      </c>
      <c r="BX3846" s="53">
        <v>13370.822185970599</v>
      </c>
      <c r="BY3846" s="53">
        <v>13370.822185970599</v>
      </c>
      <c r="BZ3846" s="53">
        <v>13370.822185970599</v>
      </c>
      <c r="CA3846" s="53">
        <v>160449.866231647</v>
      </c>
      <c r="CB3846" s="53"/>
      <c r="CC3846" s="53"/>
      <c r="CD3846" s="53"/>
      <c r="CE3846" s="53"/>
      <c r="CF3846" s="53"/>
      <c r="CG3846" s="53"/>
      <c r="CH3846" s="53"/>
      <c r="CI3846" s="53"/>
      <c r="CJ3846" s="53"/>
      <c r="CK3846" s="53"/>
      <c r="CL3846" s="53"/>
      <c r="CM3846" s="53"/>
      <c r="CN3846" s="53"/>
    </row>
    <row r="3847" spans="1:92" outlineLevel="1">
      <c r="A3847" s="52" t="s">
        <v>725</v>
      </c>
      <c r="B3847" s="53">
        <v>44991.872611464903</v>
      </c>
      <c r="C3847" s="53">
        <v>44991.870967741903</v>
      </c>
      <c r="D3847" s="53">
        <v>44991.8692810457</v>
      </c>
      <c r="E3847" s="53">
        <v>44991.867549668801</v>
      </c>
      <c r="F3847" s="53">
        <v>44991.879194630797</v>
      </c>
      <c r="G3847" s="53">
        <v>44991.8775510204</v>
      </c>
      <c r="H3847" s="53">
        <v>44991.875862068897</v>
      </c>
      <c r="I3847" s="53">
        <v>44991.874125874099</v>
      </c>
      <c r="J3847" s="53">
        <v>44991.8723404255</v>
      </c>
      <c r="K3847" s="53">
        <v>44991.8705035971</v>
      </c>
      <c r="L3847" s="53">
        <v>44991.868613138598</v>
      </c>
      <c r="M3847" s="53">
        <v>44991.866666666603</v>
      </c>
      <c r="N3847" s="53">
        <v>539902.46526734298</v>
      </c>
      <c r="O3847" s="53">
        <v>44991.8796992481</v>
      </c>
      <c r="P3847" s="53">
        <v>44991.8796992481</v>
      </c>
      <c r="Q3847" s="53">
        <v>44991.8796992481</v>
      </c>
      <c r="R3847" s="53">
        <v>44991.8796992481</v>
      </c>
      <c r="S3847" s="53">
        <v>44991.8796992481</v>
      </c>
      <c r="T3847" s="53">
        <v>44991.8796992481</v>
      </c>
      <c r="U3847" s="53">
        <v>44991.8796992481</v>
      </c>
      <c r="V3847" s="53">
        <v>44991.8796992481</v>
      </c>
      <c r="W3847" s="53">
        <v>44991.8796992481</v>
      </c>
      <c r="X3847" s="53">
        <v>44991.8796992481</v>
      </c>
      <c r="Y3847" s="53">
        <v>44991.8796992481</v>
      </c>
      <c r="Z3847" s="53">
        <v>44991.8796992481</v>
      </c>
      <c r="AA3847" s="53">
        <v>539902.556390977</v>
      </c>
      <c r="AB3847" s="53">
        <v>44991.8796992481</v>
      </c>
      <c r="AC3847" s="53">
        <v>44991.8796992481</v>
      </c>
      <c r="AD3847" s="53">
        <v>44991.8796992481</v>
      </c>
      <c r="AE3847" s="53">
        <v>44991.8796992481</v>
      </c>
      <c r="AF3847" s="53">
        <v>44991.8796992481</v>
      </c>
      <c r="AG3847" s="53">
        <v>44991.8796992481</v>
      </c>
      <c r="AH3847" s="53">
        <v>44991.8796992481</v>
      </c>
      <c r="AI3847" s="53">
        <v>44991.8796992481</v>
      </c>
      <c r="AJ3847" s="53">
        <v>44991.8796992481</v>
      </c>
      <c r="AK3847" s="53">
        <v>44991.8796992481</v>
      </c>
      <c r="AL3847" s="53">
        <v>44991.8796992481</v>
      </c>
      <c r="AM3847" s="53">
        <v>44991.8796992481</v>
      </c>
      <c r="AN3847" s="53">
        <v>539902.556390977</v>
      </c>
      <c r="AO3847" s="53">
        <v>44991.8796992481</v>
      </c>
      <c r="AP3847" s="53">
        <v>44991.8796992481</v>
      </c>
      <c r="AQ3847" s="53">
        <v>44991.8796992481</v>
      </c>
      <c r="AR3847" s="53">
        <v>44991.8796992481</v>
      </c>
      <c r="AS3847" s="53">
        <v>44991.8796992481</v>
      </c>
      <c r="AT3847" s="53">
        <v>44991.8796992481</v>
      </c>
      <c r="AU3847" s="53">
        <v>44991.8796992481</v>
      </c>
      <c r="AV3847" s="53">
        <v>44991.8796992481</v>
      </c>
      <c r="AW3847" s="53">
        <v>44991.8796992481</v>
      </c>
      <c r="AX3847" s="53">
        <v>44991.8796992481</v>
      </c>
      <c r="AY3847" s="53">
        <v>44991.8796992481</v>
      </c>
      <c r="AZ3847" s="53">
        <v>44991.8796992481</v>
      </c>
      <c r="BA3847" s="53">
        <v>539902.556390977</v>
      </c>
      <c r="BB3847" s="53">
        <v>44991.8796992481</v>
      </c>
      <c r="BC3847" s="53">
        <v>44991.8796992481</v>
      </c>
      <c r="BD3847" s="53">
        <v>44991.8796992481</v>
      </c>
      <c r="BE3847" s="53">
        <v>44991.8796992481</v>
      </c>
      <c r="BF3847" s="53">
        <v>44991.8796992481</v>
      </c>
      <c r="BG3847" s="53">
        <v>44991.8796992481</v>
      </c>
      <c r="BH3847" s="53">
        <v>44991.8796992481</v>
      </c>
      <c r="BI3847" s="53">
        <v>44991.8796992481</v>
      </c>
      <c r="BJ3847" s="53">
        <v>44991.8796992481</v>
      </c>
      <c r="BK3847" s="53">
        <v>44991.8796992481</v>
      </c>
      <c r="BL3847" s="53">
        <v>44991.8796992481</v>
      </c>
      <c r="BM3847" s="53">
        <v>44991.8796992481</v>
      </c>
      <c r="BN3847" s="53">
        <v>539902.556390977</v>
      </c>
      <c r="BO3847" s="53">
        <v>44991.8796992481</v>
      </c>
      <c r="BP3847" s="53">
        <v>44991.8796992481</v>
      </c>
      <c r="BQ3847" s="53">
        <v>44991.8796992481</v>
      </c>
      <c r="BR3847" s="53">
        <v>44991.8796992481</v>
      </c>
      <c r="BS3847" s="53">
        <v>44991.8796992481</v>
      </c>
      <c r="BT3847" s="53">
        <v>44991.8796992481</v>
      </c>
      <c r="BU3847" s="53">
        <v>44991.8796992481</v>
      </c>
      <c r="BV3847" s="53">
        <v>44991.8796992481</v>
      </c>
      <c r="BW3847" s="53">
        <v>44991.8796992481</v>
      </c>
      <c r="BX3847" s="53">
        <v>44991.8796992481</v>
      </c>
      <c r="BY3847" s="53">
        <v>44991.8796992481</v>
      </c>
      <c r="BZ3847" s="53">
        <v>44991.8796992481</v>
      </c>
      <c r="CA3847" s="53">
        <v>539902.556390977</v>
      </c>
      <c r="CB3847" s="53"/>
      <c r="CC3847" s="53"/>
      <c r="CD3847" s="53"/>
      <c r="CE3847" s="53"/>
      <c r="CF3847" s="53"/>
      <c r="CG3847" s="53"/>
      <c r="CH3847" s="53"/>
      <c r="CI3847" s="53"/>
      <c r="CJ3847" s="53"/>
      <c r="CK3847" s="53"/>
      <c r="CL3847" s="53"/>
      <c r="CM3847" s="53"/>
      <c r="CN3847" s="53"/>
    </row>
    <row r="3848" spans="1:92" outlineLevel="1">
      <c r="A3848" s="52" t="s">
        <v>726</v>
      </c>
      <c r="B3848" s="53">
        <v>52157.242105263103</v>
      </c>
      <c r="C3848" s="53">
        <v>52157.244680850999</v>
      </c>
      <c r="D3848" s="53">
        <v>52157.247311827901</v>
      </c>
      <c r="E3848" s="53">
        <v>52157.239130434697</v>
      </c>
      <c r="F3848" s="53">
        <v>52157.241758241697</v>
      </c>
      <c r="G3848" s="53">
        <v>52157.244444444397</v>
      </c>
      <c r="H3848" s="53">
        <v>52157.2471910112</v>
      </c>
      <c r="I3848" s="53">
        <v>52157.238636363603</v>
      </c>
      <c r="J3848" s="53">
        <v>52157.241379310297</v>
      </c>
      <c r="K3848" s="53">
        <v>52157.244186046497</v>
      </c>
      <c r="L3848" s="53">
        <v>52157.247058823501</v>
      </c>
      <c r="M3848" s="53">
        <v>52157.238095237997</v>
      </c>
      <c r="N3848" s="53">
        <v>625886.91597785603</v>
      </c>
      <c r="O3848" s="53">
        <v>52157.240963855402</v>
      </c>
      <c r="P3848" s="53">
        <v>52157.240963855402</v>
      </c>
      <c r="Q3848" s="53">
        <v>52157.240963855402</v>
      </c>
      <c r="R3848" s="53">
        <v>52157.240963855402</v>
      </c>
      <c r="S3848" s="53">
        <v>52157.240963855402</v>
      </c>
      <c r="T3848" s="53">
        <v>52157.240963855402</v>
      </c>
      <c r="U3848" s="53">
        <v>52157.240963855402</v>
      </c>
      <c r="V3848" s="53">
        <v>52157.240963855402</v>
      </c>
      <c r="W3848" s="53">
        <v>52157.240963855402</v>
      </c>
      <c r="X3848" s="53">
        <v>52157.240963855402</v>
      </c>
      <c r="Y3848" s="53">
        <v>52157.240963855402</v>
      </c>
      <c r="Z3848" s="53">
        <v>52157.240963855402</v>
      </c>
      <c r="AA3848" s="53">
        <v>625886.89156626503</v>
      </c>
      <c r="AB3848" s="53">
        <v>52157.240963855402</v>
      </c>
      <c r="AC3848" s="53">
        <v>52157.240963855402</v>
      </c>
      <c r="AD3848" s="53">
        <v>52157.240963855402</v>
      </c>
      <c r="AE3848" s="53">
        <v>52157.240963855402</v>
      </c>
      <c r="AF3848" s="53">
        <v>52157.240963855402</v>
      </c>
      <c r="AG3848" s="53">
        <v>52157.240963855402</v>
      </c>
      <c r="AH3848" s="53">
        <v>52157.240963855402</v>
      </c>
      <c r="AI3848" s="53">
        <v>52157.240963855402</v>
      </c>
      <c r="AJ3848" s="53">
        <v>52157.240963855402</v>
      </c>
      <c r="AK3848" s="53">
        <v>52157.240963855402</v>
      </c>
      <c r="AL3848" s="53">
        <v>52157.240963855402</v>
      </c>
      <c r="AM3848" s="53">
        <v>52157.240963855402</v>
      </c>
      <c r="AN3848" s="53">
        <v>625886.89156626503</v>
      </c>
      <c r="AO3848" s="53">
        <v>52157.240963855402</v>
      </c>
      <c r="AP3848" s="53">
        <v>52157.240963855402</v>
      </c>
      <c r="AQ3848" s="53">
        <v>52157.240963855402</v>
      </c>
      <c r="AR3848" s="53">
        <v>52157.240963855402</v>
      </c>
      <c r="AS3848" s="53">
        <v>52157.240963855402</v>
      </c>
      <c r="AT3848" s="53">
        <v>52157.240963855402</v>
      </c>
      <c r="AU3848" s="53">
        <v>52157.240963855402</v>
      </c>
      <c r="AV3848" s="53">
        <v>52157.240963855402</v>
      </c>
      <c r="AW3848" s="53">
        <v>52157.240963855402</v>
      </c>
      <c r="AX3848" s="53">
        <v>52157.240963855402</v>
      </c>
      <c r="AY3848" s="53">
        <v>52157.240963855402</v>
      </c>
      <c r="AZ3848" s="53">
        <v>52157.240963855402</v>
      </c>
      <c r="BA3848" s="53">
        <v>625886.89156626503</v>
      </c>
      <c r="BB3848" s="53">
        <v>52157.240963855402</v>
      </c>
      <c r="BC3848" s="53">
        <v>52157.240963855402</v>
      </c>
      <c r="BD3848" s="53">
        <v>52157.240963855402</v>
      </c>
      <c r="BE3848" s="53">
        <v>52157.240963855402</v>
      </c>
      <c r="BF3848" s="53">
        <v>52157.240963855402</v>
      </c>
      <c r="BG3848" s="53">
        <v>52157.240963855402</v>
      </c>
      <c r="BH3848" s="53">
        <v>52157.240963855402</v>
      </c>
      <c r="BI3848" s="53">
        <v>52157.240963855402</v>
      </c>
      <c r="BJ3848" s="53">
        <v>52157.240963855402</v>
      </c>
      <c r="BK3848" s="53">
        <v>52157.240963855402</v>
      </c>
      <c r="BL3848" s="53">
        <v>52157.240963855402</v>
      </c>
      <c r="BM3848" s="53">
        <v>52157.240963855402</v>
      </c>
      <c r="BN3848" s="53">
        <v>625886.89156626503</v>
      </c>
      <c r="BO3848" s="53">
        <v>52157.240963855402</v>
      </c>
      <c r="BP3848" s="53">
        <v>52157.240963855402</v>
      </c>
      <c r="BQ3848" s="53">
        <v>52157.240963855402</v>
      </c>
      <c r="BR3848" s="53">
        <v>52157.240963855402</v>
      </c>
      <c r="BS3848" s="53">
        <v>52157.240963855402</v>
      </c>
      <c r="BT3848" s="53">
        <v>52157.240963855402</v>
      </c>
      <c r="BU3848" s="53">
        <v>52157.240963855402</v>
      </c>
      <c r="BV3848" s="53">
        <v>52157.240963855402</v>
      </c>
      <c r="BW3848" s="53">
        <v>52157.240963855402</v>
      </c>
      <c r="BX3848" s="53">
        <v>52157.240963855402</v>
      </c>
      <c r="BY3848" s="53">
        <v>52157.240963855402</v>
      </c>
      <c r="BZ3848" s="53">
        <v>52157.240963855402</v>
      </c>
      <c r="CA3848" s="53">
        <v>625886.89156626503</v>
      </c>
      <c r="CB3848" s="53"/>
      <c r="CC3848" s="53"/>
      <c r="CD3848" s="53"/>
      <c r="CE3848" s="53"/>
      <c r="CF3848" s="53"/>
      <c r="CG3848" s="53"/>
      <c r="CH3848" s="53"/>
      <c r="CI3848" s="53"/>
      <c r="CJ3848" s="53"/>
      <c r="CK3848" s="53"/>
      <c r="CL3848" s="53"/>
      <c r="CM3848" s="53"/>
      <c r="CN3848" s="53"/>
    </row>
    <row r="3849" spans="1:92" outlineLevel="1">
      <c r="A3849" s="52" t="s">
        <v>728</v>
      </c>
      <c r="B3849" s="53">
        <v>38996.049261083703</v>
      </c>
      <c r="C3849" s="53">
        <v>38996.0497512437</v>
      </c>
      <c r="D3849" s="53">
        <v>38996.050251256202</v>
      </c>
      <c r="E3849" s="53">
        <v>38996.050761421298</v>
      </c>
      <c r="F3849" s="53">
        <v>38996.051282051201</v>
      </c>
      <c r="G3849" s="53">
        <v>38996.051813471502</v>
      </c>
      <c r="H3849" s="53">
        <v>38996.052356020897</v>
      </c>
      <c r="I3849" s="53">
        <v>38996.052910052902</v>
      </c>
      <c r="J3849" s="53">
        <v>38996.053475935798</v>
      </c>
      <c r="K3849" s="53">
        <v>38996.054054054002</v>
      </c>
      <c r="L3849" s="53">
        <v>38996.054644808697</v>
      </c>
      <c r="M3849" s="53">
        <v>38996.044198894997</v>
      </c>
      <c r="N3849" s="53">
        <v>467952.61476029502</v>
      </c>
      <c r="O3849" s="53">
        <v>38996.0446927374</v>
      </c>
      <c r="P3849" s="53">
        <v>38996.0446927374</v>
      </c>
      <c r="Q3849" s="53">
        <v>38996.0446927374</v>
      </c>
      <c r="R3849" s="53">
        <v>38996.0446927374</v>
      </c>
      <c r="S3849" s="53">
        <v>38996.0446927374</v>
      </c>
      <c r="T3849" s="53">
        <v>38996.0446927374</v>
      </c>
      <c r="U3849" s="53">
        <v>38996.0446927374</v>
      </c>
      <c r="V3849" s="53">
        <v>38996.0446927374</v>
      </c>
      <c r="W3849" s="53">
        <v>38996.0446927374</v>
      </c>
      <c r="X3849" s="53">
        <v>38996.0446927374</v>
      </c>
      <c r="Y3849" s="53">
        <v>38996.0446927374</v>
      </c>
      <c r="Z3849" s="53">
        <v>38996.0446927374</v>
      </c>
      <c r="AA3849" s="53">
        <v>467952.53631284903</v>
      </c>
      <c r="AB3849" s="53">
        <v>38996.0446927374</v>
      </c>
      <c r="AC3849" s="53">
        <v>38996.0446927374</v>
      </c>
      <c r="AD3849" s="53">
        <v>38996.0446927374</v>
      </c>
      <c r="AE3849" s="53">
        <v>38996.0446927374</v>
      </c>
      <c r="AF3849" s="53">
        <v>38996.0446927374</v>
      </c>
      <c r="AG3849" s="53">
        <v>38996.0446927374</v>
      </c>
      <c r="AH3849" s="53">
        <v>38996.0446927374</v>
      </c>
      <c r="AI3849" s="53">
        <v>38996.0446927374</v>
      </c>
      <c r="AJ3849" s="53">
        <v>38996.0446927374</v>
      </c>
      <c r="AK3849" s="53">
        <v>38996.0446927374</v>
      </c>
      <c r="AL3849" s="53">
        <v>38996.0446927374</v>
      </c>
      <c r="AM3849" s="53">
        <v>38996.044692737298</v>
      </c>
      <c r="AN3849" s="53">
        <v>467952.53631284798</v>
      </c>
      <c r="AO3849" s="53">
        <v>38996.044692737298</v>
      </c>
      <c r="AP3849" s="53">
        <v>38996.044692737298</v>
      </c>
      <c r="AQ3849" s="53">
        <v>38996.044692737298</v>
      </c>
      <c r="AR3849" s="53">
        <v>38996.044692737298</v>
      </c>
      <c r="AS3849" s="53">
        <v>38996.044692737298</v>
      </c>
      <c r="AT3849" s="53">
        <v>38996.044692737298</v>
      </c>
      <c r="AU3849" s="53">
        <v>38996.044692737298</v>
      </c>
      <c r="AV3849" s="53">
        <v>38996.044692737298</v>
      </c>
      <c r="AW3849" s="53">
        <v>38996.044692737298</v>
      </c>
      <c r="AX3849" s="53">
        <v>38996.044692737298</v>
      </c>
      <c r="AY3849" s="53">
        <v>38996.044692737298</v>
      </c>
      <c r="AZ3849" s="53">
        <v>38996.044692737298</v>
      </c>
      <c r="BA3849" s="53">
        <v>467952.53631284798</v>
      </c>
      <c r="BB3849" s="53">
        <v>38996.044692737298</v>
      </c>
      <c r="BC3849" s="53">
        <v>38996.044692737298</v>
      </c>
      <c r="BD3849" s="53">
        <v>38996.044692737298</v>
      </c>
      <c r="BE3849" s="53">
        <v>38996.044692737298</v>
      </c>
      <c r="BF3849" s="53">
        <v>38996.044692737298</v>
      </c>
      <c r="BG3849" s="53">
        <v>38996.044692737298</v>
      </c>
      <c r="BH3849" s="53">
        <v>38996.044692737298</v>
      </c>
      <c r="BI3849" s="53">
        <v>38996.044692737298</v>
      </c>
      <c r="BJ3849" s="53">
        <v>38996.044692737298</v>
      </c>
      <c r="BK3849" s="53">
        <v>38996.044692737298</v>
      </c>
      <c r="BL3849" s="53">
        <v>38996.044692737298</v>
      </c>
      <c r="BM3849" s="53">
        <v>38996.044692737298</v>
      </c>
      <c r="BN3849" s="53">
        <v>467952.53631284798</v>
      </c>
      <c r="BO3849" s="53">
        <v>38996.044692737298</v>
      </c>
      <c r="BP3849" s="53">
        <v>38996.044692737298</v>
      </c>
      <c r="BQ3849" s="53">
        <v>38996.044692737298</v>
      </c>
      <c r="BR3849" s="53">
        <v>38996.044692737298</v>
      </c>
      <c r="BS3849" s="53">
        <v>38996.044692737298</v>
      </c>
      <c r="BT3849" s="53">
        <v>38996.044692737298</v>
      </c>
      <c r="BU3849" s="53">
        <v>38996.044692737298</v>
      </c>
      <c r="BV3849" s="53">
        <v>38996.044692737298</v>
      </c>
      <c r="BW3849" s="53">
        <v>38996.044692737298</v>
      </c>
      <c r="BX3849" s="53">
        <v>38996.044692737298</v>
      </c>
      <c r="BY3849" s="53">
        <v>38996.044692737298</v>
      </c>
      <c r="BZ3849" s="53">
        <v>38996.044692737298</v>
      </c>
      <c r="CA3849" s="53">
        <v>467952.53631284798</v>
      </c>
      <c r="CB3849" s="53"/>
      <c r="CC3849" s="53"/>
      <c r="CD3849" s="53">
        <v>-2976064.39</v>
      </c>
      <c r="CE3849" s="53"/>
      <c r="CF3849" s="53"/>
      <c r="CG3849" s="53"/>
      <c r="CH3849" s="53"/>
      <c r="CI3849" s="53"/>
      <c r="CJ3849" s="53"/>
      <c r="CK3849" s="53"/>
      <c r="CL3849" s="53"/>
      <c r="CM3849" s="53"/>
      <c r="CN3849" s="53">
        <v>-2976064.39</v>
      </c>
    </row>
    <row r="3850" spans="1:92" outlineLevel="1">
      <c r="A3850" s="52" t="s">
        <v>729</v>
      </c>
      <c r="B3850" s="53">
        <v>48595.514644351402</v>
      </c>
      <c r="C3850" s="53">
        <v>48595.510548523198</v>
      </c>
      <c r="D3850" s="53">
        <v>48595.514893617001</v>
      </c>
      <c r="E3850" s="53">
        <v>48595.510729613699</v>
      </c>
      <c r="F3850" s="53">
        <v>48595.515151515101</v>
      </c>
      <c r="G3850" s="53">
        <v>48595.5109170305</v>
      </c>
      <c r="H3850" s="53">
        <v>48595.515418502197</v>
      </c>
      <c r="I3850" s="53">
        <v>48595.511111111096</v>
      </c>
      <c r="J3850" s="53">
        <v>48595.515695067203</v>
      </c>
      <c r="K3850" s="53">
        <v>48595.511312217197</v>
      </c>
      <c r="L3850" s="53">
        <v>48595.515981735101</v>
      </c>
      <c r="M3850" s="53">
        <v>48595.511520737302</v>
      </c>
      <c r="N3850" s="53">
        <v>583146.15792402101</v>
      </c>
      <c r="O3850" s="53">
        <v>48595.5162790697</v>
      </c>
      <c r="P3850" s="53">
        <v>48595.5162790697</v>
      </c>
      <c r="Q3850" s="53">
        <v>48595.5162790697</v>
      </c>
      <c r="R3850" s="53">
        <v>48595.5162790697</v>
      </c>
      <c r="S3850" s="53">
        <v>48595.5162790697</v>
      </c>
      <c r="T3850" s="53">
        <v>48595.5162790697</v>
      </c>
      <c r="U3850" s="53">
        <v>48595.5162790697</v>
      </c>
      <c r="V3850" s="53">
        <v>48595.5162790697</v>
      </c>
      <c r="W3850" s="53">
        <v>48595.5162790697</v>
      </c>
      <c r="X3850" s="53">
        <v>48595.5162790697</v>
      </c>
      <c r="Y3850" s="53">
        <v>48595.5162790697</v>
      </c>
      <c r="Z3850" s="53">
        <v>48595.5162790697</v>
      </c>
      <c r="AA3850" s="53">
        <v>583146.19534883695</v>
      </c>
      <c r="AB3850" s="53">
        <v>48595.5162790697</v>
      </c>
      <c r="AC3850" s="53">
        <v>48595.5162790697</v>
      </c>
      <c r="AD3850" s="53">
        <v>48595.5162790697</v>
      </c>
      <c r="AE3850" s="53">
        <v>48595.5162790697</v>
      </c>
      <c r="AF3850" s="53">
        <v>48595.5162790697</v>
      </c>
      <c r="AG3850" s="53">
        <v>48595.5162790697</v>
      </c>
      <c r="AH3850" s="53">
        <v>48595.5162790697</v>
      </c>
      <c r="AI3850" s="53">
        <v>48595.5162790697</v>
      </c>
      <c r="AJ3850" s="53">
        <v>48595.5162790697</v>
      </c>
      <c r="AK3850" s="53">
        <v>48595.5162790697</v>
      </c>
      <c r="AL3850" s="53">
        <v>48595.5162790697</v>
      </c>
      <c r="AM3850" s="53">
        <v>48595.5162790697</v>
      </c>
      <c r="AN3850" s="53">
        <v>583146.19534883695</v>
      </c>
      <c r="AO3850" s="53">
        <v>48595.516279069801</v>
      </c>
      <c r="AP3850" s="53">
        <v>48595.516279069801</v>
      </c>
      <c r="AQ3850" s="53">
        <v>48595.516279069801</v>
      </c>
      <c r="AR3850" s="53">
        <v>48595.516279069801</v>
      </c>
      <c r="AS3850" s="53">
        <v>48595.516279069801</v>
      </c>
      <c r="AT3850" s="53">
        <v>48595.516279069801</v>
      </c>
      <c r="AU3850" s="53">
        <v>48595.516279069801</v>
      </c>
      <c r="AV3850" s="53">
        <v>48595.516279069801</v>
      </c>
      <c r="AW3850" s="53">
        <v>48595.516279069801</v>
      </c>
      <c r="AX3850" s="53">
        <v>48595.516279069801</v>
      </c>
      <c r="AY3850" s="53">
        <v>48595.516279069801</v>
      </c>
      <c r="AZ3850" s="53">
        <v>48595.516279069801</v>
      </c>
      <c r="BA3850" s="53">
        <v>583146.19534883695</v>
      </c>
      <c r="BB3850" s="53">
        <v>48595.516279069801</v>
      </c>
      <c r="BC3850" s="53">
        <v>48595.516279069801</v>
      </c>
      <c r="BD3850" s="53">
        <v>48595.516279069801</v>
      </c>
      <c r="BE3850" s="53">
        <v>48595.516279069801</v>
      </c>
      <c r="BF3850" s="53">
        <v>48595.516279069801</v>
      </c>
      <c r="BG3850" s="53">
        <v>48595.516279069801</v>
      </c>
      <c r="BH3850" s="53">
        <v>48595.516279069801</v>
      </c>
      <c r="BI3850" s="53">
        <v>48595.516279069801</v>
      </c>
      <c r="BJ3850" s="53">
        <v>48595.516279069801</v>
      </c>
      <c r="BK3850" s="53">
        <v>48595.516279069801</v>
      </c>
      <c r="BL3850" s="53">
        <v>48595.516279069801</v>
      </c>
      <c r="BM3850" s="53">
        <v>48595.516279069801</v>
      </c>
      <c r="BN3850" s="53">
        <v>583146.19534883799</v>
      </c>
      <c r="BO3850" s="53">
        <v>48595.516279069801</v>
      </c>
      <c r="BP3850" s="53">
        <v>48595.516279069801</v>
      </c>
      <c r="BQ3850" s="53">
        <v>48595.516279069801</v>
      </c>
      <c r="BR3850" s="53">
        <v>48595.516279069801</v>
      </c>
      <c r="BS3850" s="53">
        <v>48595.516279069801</v>
      </c>
      <c r="BT3850" s="53">
        <v>48595.516279069801</v>
      </c>
      <c r="BU3850" s="53">
        <v>48595.516279069801</v>
      </c>
      <c r="BV3850" s="53">
        <v>48595.516279069801</v>
      </c>
      <c r="BW3850" s="53">
        <v>48595.516279069801</v>
      </c>
      <c r="BX3850" s="53">
        <v>48595.516279069801</v>
      </c>
      <c r="BY3850" s="53">
        <v>48595.516279069801</v>
      </c>
      <c r="BZ3850" s="53">
        <v>48595.516279069801</v>
      </c>
      <c r="CA3850" s="53">
        <v>583146.19534883799</v>
      </c>
      <c r="CB3850" s="53"/>
      <c r="CC3850" s="53"/>
      <c r="CD3850" s="53"/>
      <c r="CE3850" s="53"/>
      <c r="CF3850" s="53"/>
      <c r="CG3850" s="53"/>
      <c r="CH3850" s="53"/>
      <c r="CI3850" s="53"/>
      <c r="CJ3850" s="53"/>
      <c r="CK3850" s="53"/>
      <c r="CL3850" s="53"/>
      <c r="CM3850" s="53"/>
      <c r="CN3850" s="53"/>
    </row>
    <row r="3851" spans="1:92" outlineLevel="1">
      <c r="A3851" s="52" t="s">
        <v>730</v>
      </c>
      <c r="B3851" s="53">
        <v>16652.086230876201</v>
      </c>
      <c r="C3851" s="53">
        <v>16652.086471408598</v>
      </c>
      <c r="D3851" s="53">
        <v>16652.086713286699</v>
      </c>
      <c r="E3851" s="53">
        <v>16652.0869565217</v>
      </c>
      <c r="F3851" s="53">
        <v>16652.087201125101</v>
      </c>
      <c r="G3851" s="53">
        <v>16652.087447108599</v>
      </c>
      <c r="H3851" s="53">
        <v>16652.0848656294</v>
      </c>
      <c r="I3851" s="53">
        <v>16652.0851063829</v>
      </c>
      <c r="J3851" s="53">
        <v>16652.0853485064</v>
      </c>
      <c r="K3851" s="53">
        <v>16652.085592011401</v>
      </c>
      <c r="L3851" s="53">
        <v>16652.085836909799</v>
      </c>
      <c r="M3851" s="53">
        <v>16652.0860832137</v>
      </c>
      <c r="N3851" s="53">
        <v>199825.03385298001</v>
      </c>
      <c r="O3851" s="53">
        <v>16652.086330935199</v>
      </c>
      <c r="P3851" s="53">
        <v>16652.086330935199</v>
      </c>
      <c r="Q3851" s="53">
        <v>16652.086330935199</v>
      </c>
      <c r="R3851" s="53">
        <v>16652.086330935199</v>
      </c>
      <c r="S3851" s="53">
        <v>16652.086330935199</v>
      </c>
      <c r="T3851" s="53">
        <v>16652.086330935199</v>
      </c>
      <c r="U3851" s="53">
        <v>16652.086330935199</v>
      </c>
      <c r="V3851" s="53">
        <v>16652.086330935199</v>
      </c>
      <c r="W3851" s="53">
        <v>16652.086330935199</v>
      </c>
      <c r="X3851" s="53">
        <v>16652.086330935199</v>
      </c>
      <c r="Y3851" s="53">
        <v>16652.086330935199</v>
      </c>
      <c r="Z3851" s="53">
        <v>16652.086330935199</v>
      </c>
      <c r="AA3851" s="53">
        <v>199825.035971223</v>
      </c>
      <c r="AB3851" s="53">
        <v>16652.086330935199</v>
      </c>
      <c r="AC3851" s="53">
        <v>16652.086330935199</v>
      </c>
      <c r="AD3851" s="53">
        <v>16652.086330935199</v>
      </c>
      <c r="AE3851" s="53">
        <v>16652.086330935199</v>
      </c>
      <c r="AF3851" s="53">
        <v>16652.086330935199</v>
      </c>
      <c r="AG3851" s="53">
        <v>16652.086330935199</v>
      </c>
      <c r="AH3851" s="53">
        <v>16652.086330935199</v>
      </c>
      <c r="AI3851" s="53">
        <v>16652.086330935199</v>
      </c>
      <c r="AJ3851" s="53">
        <v>16652.086330935199</v>
      </c>
      <c r="AK3851" s="53">
        <v>16652.086330935199</v>
      </c>
      <c r="AL3851" s="53">
        <v>16652.086330935199</v>
      </c>
      <c r="AM3851" s="53">
        <v>16652.086330935199</v>
      </c>
      <c r="AN3851" s="53">
        <v>199825.035971223</v>
      </c>
      <c r="AO3851" s="53">
        <v>16652.086330935199</v>
      </c>
      <c r="AP3851" s="53">
        <v>16652.086330935199</v>
      </c>
      <c r="AQ3851" s="53">
        <v>16652.086330935199</v>
      </c>
      <c r="AR3851" s="53">
        <v>16652.086330935199</v>
      </c>
      <c r="AS3851" s="53">
        <v>16652.086330935199</v>
      </c>
      <c r="AT3851" s="53">
        <v>16652.086330935199</v>
      </c>
      <c r="AU3851" s="53">
        <v>16652.086330935199</v>
      </c>
      <c r="AV3851" s="53">
        <v>16652.086330935199</v>
      </c>
      <c r="AW3851" s="53">
        <v>16652.086330935199</v>
      </c>
      <c r="AX3851" s="53">
        <v>16652.086330935199</v>
      </c>
      <c r="AY3851" s="53">
        <v>16652.086330935199</v>
      </c>
      <c r="AZ3851" s="53">
        <v>16652.086330935199</v>
      </c>
      <c r="BA3851" s="53">
        <v>199825.035971223</v>
      </c>
      <c r="BB3851" s="53">
        <v>16652.086330935199</v>
      </c>
      <c r="BC3851" s="53">
        <v>16652.086330935199</v>
      </c>
      <c r="BD3851" s="53">
        <v>16652.086330935199</v>
      </c>
      <c r="BE3851" s="53">
        <v>16652.086330935199</v>
      </c>
      <c r="BF3851" s="53">
        <v>16652.086330935199</v>
      </c>
      <c r="BG3851" s="53">
        <v>16652.086330935199</v>
      </c>
      <c r="BH3851" s="53">
        <v>16652.086330935199</v>
      </c>
      <c r="BI3851" s="53">
        <v>16652.086330935199</v>
      </c>
      <c r="BJ3851" s="53">
        <v>16652.086330935199</v>
      </c>
      <c r="BK3851" s="53">
        <v>16652.086330935199</v>
      </c>
      <c r="BL3851" s="53">
        <v>16652.086330935199</v>
      </c>
      <c r="BM3851" s="53">
        <v>16652.086330935199</v>
      </c>
      <c r="BN3851" s="53">
        <v>199825.035971223</v>
      </c>
      <c r="BO3851" s="53">
        <v>16652.086330935199</v>
      </c>
      <c r="BP3851" s="53">
        <v>16652.086330935199</v>
      </c>
      <c r="BQ3851" s="53">
        <v>16652.086330935199</v>
      </c>
      <c r="BR3851" s="53">
        <v>16652.086330935199</v>
      </c>
      <c r="BS3851" s="53">
        <v>16652.086330935199</v>
      </c>
      <c r="BT3851" s="53">
        <v>16652.086330935199</v>
      </c>
      <c r="BU3851" s="53">
        <v>16652.086330935199</v>
      </c>
      <c r="BV3851" s="53">
        <v>16652.086330935199</v>
      </c>
      <c r="BW3851" s="53">
        <v>16652.086330935199</v>
      </c>
      <c r="BX3851" s="53">
        <v>16652.086330935199</v>
      </c>
      <c r="BY3851" s="53">
        <v>16652.086330935199</v>
      </c>
      <c r="BZ3851" s="53">
        <v>16652.086330935199</v>
      </c>
      <c r="CA3851" s="53">
        <v>199825.035971223</v>
      </c>
      <c r="CB3851" s="53"/>
      <c r="CC3851" s="53"/>
      <c r="CD3851" s="53"/>
      <c r="CE3851" s="53"/>
      <c r="CF3851" s="53"/>
      <c r="CG3851" s="53"/>
      <c r="CH3851" s="53"/>
      <c r="CI3851" s="53"/>
      <c r="CJ3851" s="53"/>
      <c r="CK3851" s="53"/>
      <c r="CL3851" s="53"/>
      <c r="CM3851" s="53"/>
      <c r="CN3851" s="53"/>
    </row>
    <row r="3852" spans="1:92" outlineLevel="1">
      <c r="A3852" s="52" t="s">
        <v>1565</v>
      </c>
      <c r="B3852" s="53"/>
      <c r="C3852" s="53"/>
      <c r="D3852" s="53"/>
      <c r="E3852" s="53"/>
      <c r="F3852" s="53"/>
      <c r="G3852" s="53"/>
      <c r="H3852" s="53"/>
      <c r="I3852" s="53"/>
      <c r="J3852" s="53"/>
      <c r="K3852" s="53"/>
      <c r="L3852" s="53">
        <v>7791.4932963476604</v>
      </c>
      <c r="M3852" s="53">
        <v>11698.0778859527</v>
      </c>
      <c r="N3852" s="53">
        <v>19489.5711823003</v>
      </c>
      <c r="O3852" s="53">
        <v>11698.0753138075</v>
      </c>
      <c r="P3852" s="53">
        <v>11698.0753138075</v>
      </c>
      <c r="Q3852" s="53">
        <v>11698.0753138075</v>
      </c>
      <c r="R3852" s="53">
        <v>11698.0753138075</v>
      </c>
      <c r="S3852" s="53">
        <v>11698.0753138075</v>
      </c>
      <c r="T3852" s="53">
        <v>11698.0753138075</v>
      </c>
      <c r="U3852" s="53">
        <v>11698.0753138075</v>
      </c>
      <c r="V3852" s="53">
        <v>11698.0753138075</v>
      </c>
      <c r="W3852" s="53">
        <v>11698.0753138075</v>
      </c>
      <c r="X3852" s="53">
        <v>11698.0753138075</v>
      </c>
      <c r="Y3852" s="53">
        <v>11698.0753138075</v>
      </c>
      <c r="Z3852" s="53">
        <v>11698.0753138075</v>
      </c>
      <c r="AA3852" s="53">
        <v>140376.90376568999</v>
      </c>
      <c r="AB3852" s="53">
        <v>11698.0753138075</v>
      </c>
      <c r="AC3852" s="53">
        <v>11698.0753138075</v>
      </c>
      <c r="AD3852" s="53">
        <v>11698.0753138075</v>
      </c>
      <c r="AE3852" s="53">
        <v>11698.0753138075</v>
      </c>
      <c r="AF3852" s="53">
        <v>11698.0753138075</v>
      </c>
      <c r="AG3852" s="53">
        <v>11698.0753138075</v>
      </c>
      <c r="AH3852" s="53">
        <v>11698.0753138075</v>
      </c>
      <c r="AI3852" s="53">
        <v>11698.0753138075</v>
      </c>
      <c r="AJ3852" s="53">
        <v>11698.0753138075</v>
      </c>
      <c r="AK3852" s="53">
        <v>11698.0753138075</v>
      </c>
      <c r="AL3852" s="53">
        <v>11698.0753138075</v>
      </c>
      <c r="AM3852" s="53">
        <v>11698.0753138075</v>
      </c>
      <c r="AN3852" s="53">
        <v>140376.90376568999</v>
      </c>
      <c r="AO3852" s="53">
        <v>11698.0753138075</v>
      </c>
      <c r="AP3852" s="53">
        <v>11698.0753138075</v>
      </c>
      <c r="AQ3852" s="53">
        <v>11698.0753138075</v>
      </c>
      <c r="AR3852" s="53">
        <v>11698.0753138075</v>
      </c>
      <c r="AS3852" s="53">
        <v>11698.0753138075</v>
      </c>
      <c r="AT3852" s="53">
        <v>11698.0753138075</v>
      </c>
      <c r="AU3852" s="53">
        <v>11698.0753138075</v>
      </c>
      <c r="AV3852" s="53">
        <v>11698.0753138075</v>
      </c>
      <c r="AW3852" s="53">
        <v>11698.0753138075</v>
      </c>
      <c r="AX3852" s="53">
        <v>11698.0753138075</v>
      </c>
      <c r="AY3852" s="53">
        <v>11698.0753138075</v>
      </c>
      <c r="AZ3852" s="53">
        <v>11698.0753138075</v>
      </c>
      <c r="BA3852" s="53">
        <v>140376.90376568999</v>
      </c>
      <c r="BB3852" s="53">
        <v>11698.0753138075</v>
      </c>
      <c r="BC3852" s="53">
        <v>11698.0753138075</v>
      </c>
      <c r="BD3852" s="53">
        <v>11698.0753138075</v>
      </c>
      <c r="BE3852" s="53">
        <v>11698.0753138075</v>
      </c>
      <c r="BF3852" s="53">
        <v>11698.0753138075</v>
      </c>
      <c r="BG3852" s="53">
        <v>11698.0753138075</v>
      </c>
      <c r="BH3852" s="53">
        <v>11698.0753138075</v>
      </c>
      <c r="BI3852" s="53">
        <v>11698.0753138075</v>
      </c>
      <c r="BJ3852" s="53">
        <v>11698.0753138075</v>
      </c>
      <c r="BK3852" s="53">
        <v>11698.0753138075</v>
      </c>
      <c r="BL3852" s="53">
        <v>11698.0753138075</v>
      </c>
      <c r="BM3852" s="53">
        <v>11698.0753138075</v>
      </c>
      <c r="BN3852" s="53">
        <v>140376.90376568999</v>
      </c>
      <c r="BO3852" s="53">
        <v>11698.0753138075</v>
      </c>
      <c r="BP3852" s="53">
        <v>11698.0753138075</v>
      </c>
      <c r="BQ3852" s="53">
        <v>11698.0753138075</v>
      </c>
      <c r="BR3852" s="53">
        <v>11698.0753138075</v>
      </c>
      <c r="BS3852" s="53">
        <v>11698.0753138075</v>
      </c>
      <c r="BT3852" s="53">
        <v>11698.0753138075</v>
      </c>
      <c r="BU3852" s="53">
        <v>11698.0753138075</v>
      </c>
      <c r="BV3852" s="53">
        <v>11698.0753138075</v>
      </c>
      <c r="BW3852" s="53">
        <v>11698.0753138075</v>
      </c>
      <c r="BX3852" s="53">
        <v>11698.0753138075</v>
      </c>
      <c r="BY3852" s="53">
        <v>11698.0753138075</v>
      </c>
      <c r="BZ3852" s="53">
        <v>11698.0753138075</v>
      </c>
      <c r="CA3852" s="53">
        <v>140376.90376568999</v>
      </c>
      <c r="CB3852" s="53"/>
      <c r="CC3852" s="53"/>
      <c r="CD3852" s="53"/>
      <c r="CE3852" s="53"/>
      <c r="CF3852" s="53"/>
      <c r="CG3852" s="53"/>
      <c r="CH3852" s="53"/>
      <c r="CI3852" s="53"/>
      <c r="CJ3852" s="53"/>
      <c r="CK3852" s="53"/>
      <c r="CL3852" s="53"/>
      <c r="CM3852" s="53"/>
      <c r="CN3852" s="53"/>
    </row>
    <row r="3853" spans="1:92" outlineLevel="1">
      <c r="A3853" s="52" t="s">
        <v>732</v>
      </c>
      <c r="B3853" s="53"/>
      <c r="C3853" s="53"/>
      <c r="D3853" s="53"/>
      <c r="E3853" s="53"/>
      <c r="F3853" s="53"/>
      <c r="G3853" s="53"/>
      <c r="H3853" s="53"/>
      <c r="I3853" s="53"/>
      <c r="J3853" s="53"/>
      <c r="K3853" s="53"/>
      <c r="L3853" s="53"/>
      <c r="M3853" s="53"/>
      <c r="N3853" s="53"/>
      <c r="O3853" s="53"/>
      <c r="P3853" s="53"/>
      <c r="Q3853" s="53"/>
      <c r="R3853" s="53"/>
      <c r="S3853" s="53"/>
      <c r="T3853" s="53"/>
      <c r="U3853" s="53"/>
      <c r="V3853" s="53"/>
      <c r="W3853" s="53"/>
      <c r="X3853" s="53"/>
      <c r="Y3853" s="53"/>
      <c r="Z3853" s="53"/>
      <c r="AA3853" s="53"/>
      <c r="AB3853" s="53"/>
      <c r="AC3853" s="53"/>
      <c r="AD3853" s="53"/>
      <c r="AE3853" s="53"/>
      <c r="AF3853" s="53"/>
      <c r="AG3853" s="53"/>
      <c r="AH3853" s="53"/>
      <c r="AI3853" s="53"/>
      <c r="AJ3853" s="53"/>
      <c r="AK3853" s="53"/>
      <c r="AL3853" s="53"/>
      <c r="AM3853" s="53"/>
      <c r="AN3853" s="53"/>
      <c r="AO3853" s="53"/>
      <c r="AP3853" s="53"/>
      <c r="AQ3853" s="53"/>
      <c r="AR3853" s="53"/>
      <c r="AS3853" s="53"/>
      <c r="AT3853" s="53"/>
      <c r="AU3853" s="53"/>
      <c r="AV3853" s="53"/>
      <c r="AW3853" s="53"/>
      <c r="AX3853" s="53"/>
      <c r="AY3853" s="53"/>
      <c r="AZ3853" s="53"/>
      <c r="BA3853" s="53"/>
      <c r="BB3853" s="53"/>
      <c r="BC3853" s="53"/>
      <c r="BD3853" s="53"/>
      <c r="BE3853" s="53"/>
      <c r="BF3853" s="53"/>
      <c r="BG3853" s="53"/>
      <c r="BH3853" s="53"/>
      <c r="BI3853" s="53"/>
      <c r="BJ3853" s="53"/>
      <c r="BK3853" s="53"/>
      <c r="BL3853" s="53"/>
      <c r="BM3853" s="53"/>
      <c r="BN3853" s="53"/>
      <c r="BO3853" s="53"/>
      <c r="BP3853" s="53"/>
      <c r="BQ3853" s="53"/>
      <c r="BR3853" s="53"/>
      <c r="BS3853" s="53"/>
      <c r="BT3853" s="53"/>
      <c r="BU3853" s="53"/>
      <c r="BV3853" s="53"/>
      <c r="BW3853" s="53"/>
      <c r="BX3853" s="53"/>
      <c r="BY3853" s="53"/>
      <c r="BZ3853" s="53"/>
      <c r="CA3853" s="53"/>
      <c r="CB3853" s="53"/>
      <c r="CC3853" s="53"/>
      <c r="CD3853" s="53"/>
      <c r="CE3853" s="53"/>
      <c r="CF3853" s="53"/>
      <c r="CG3853" s="53"/>
      <c r="CH3853" s="53"/>
      <c r="CI3853" s="53"/>
      <c r="CJ3853" s="53"/>
      <c r="CK3853" s="53"/>
      <c r="CL3853" s="53"/>
      <c r="CM3853" s="53"/>
      <c r="CN3853" s="53"/>
    </row>
    <row r="3854" spans="1:92" outlineLevel="1">
      <c r="A3854" s="52" t="s">
        <v>711</v>
      </c>
      <c r="B3854" s="53">
        <v>1213.9315068493099</v>
      </c>
      <c r="C3854" s="53">
        <v>1213.93055555555</v>
      </c>
      <c r="D3854" s="53">
        <v>1213.9295774647801</v>
      </c>
      <c r="E3854" s="53">
        <v>1213.92857142857</v>
      </c>
      <c r="F3854" s="53">
        <v>1213.9275362318799</v>
      </c>
      <c r="G3854" s="53">
        <v>1213.9264705882299</v>
      </c>
      <c r="H3854" s="53">
        <v>1213.9253731343199</v>
      </c>
      <c r="I3854" s="53">
        <v>1213.92424242424</v>
      </c>
      <c r="J3854" s="53">
        <v>1213.9384615384599</v>
      </c>
      <c r="K3854" s="53">
        <v>1213.9375</v>
      </c>
      <c r="L3854" s="53">
        <v>1213.9365079365</v>
      </c>
      <c r="M3854" s="53">
        <v>1213.9354838709601</v>
      </c>
      <c r="N3854" s="53">
        <v>14567.1717870228</v>
      </c>
      <c r="O3854" s="53">
        <v>1213.9344262295001</v>
      </c>
      <c r="P3854" s="53">
        <v>1213.9344262295001</v>
      </c>
      <c r="Q3854" s="53">
        <v>1213.9344262295001</v>
      </c>
      <c r="R3854" s="53">
        <v>1213.9344262295001</v>
      </c>
      <c r="S3854" s="53">
        <v>1213.9344262295001</v>
      </c>
      <c r="T3854" s="53">
        <v>1213.9344262295001</v>
      </c>
      <c r="U3854" s="53">
        <v>1213.9344262295001</v>
      </c>
      <c r="V3854" s="53">
        <v>1213.9344262295001</v>
      </c>
      <c r="W3854" s="53">
        <v>1213.9344262295001</v>
      </c>
      <c r="X3854" s="53">
        <v>1213.9344262295001</v>
      </c>
      <c r="Y3854" s="53">
        <v>1213.9344262295001</v>
      </c>
      <c r="Z3854" s="53">
        <v>1213.9344262295001</v>
      </c>
      <c r="AA3854" s="53">
        <v>14567.213114754</v>
      </c>
      <c r="AB3854" s="53">
        <v>1213.9344262295001</v>
      </c>
      <c r="AC3854" s="53">
        <v>1213.9344262295001</v>
      </c>
      <c r="AD3854" s="53">
        <v>1213.9344262295001</v>
      </c>
      <c r="AE3854" s="53">
        <v>1213.9344262295001</v>
      </c>
      <c r="AF3854" s="53">
        <v>1213.9344262295001</v>
      </c>
      <c r="AG3854" s="53">
        <v>1213.9344262295001</v>
      </c>
      <c r="AH3854" s="53">
        <v>1213.9344262295001</v>
      </c>
      <c r="AI3854" s="53">
        <v>1213.9344262295001</v>
      </c>
      <c r="AJ3854" s="53">
        <v>1213.9344262295001</v>
      </c>
      <c r="AK3854" s="53">
        <v>1213.9344262295001</v>
      </c>
      <c r="AL3854" s="53">
        <v>1213.9344262295001</v>
      </c>
      <c r="AM3854" s="53">
        <v>1213.9344262295001</v>
      </c>
      <c r="AN3854" s="53">
        <v>14567.213114754</v>
      </c>
      <c r="AO3854" s="53">
        <v>1213.9344262295001</v>
      </c>
      <c r="AP3854" s="53">
        <v>1213.9344262295001</v>
      </c>
      <c r="AQ3854" s="53">
        <v>1213.9344262295001</v>
      </c>
      <c r="AR3854" s="53">
        <v>1213.9344262295001</v>
      </c>
      <c r="AS3854" s="53">
        <v>1213.9344262295001</v>
      </c>
      <c r="AT3854" s="53">
        <v>1213.9344262295001</v>
      </c>
      <c r="AU3854" s="53">
        <v>1213.9344262295001</v>
      </c>
      <c r="AV3854" s="53">
        <v>1213.9344262295001</v>
      </c>
      <c r="AW3854" s="53">
        <v>1213.9344262295001</v>
      </c>
      <c r="AX3854" s="53">
        <v>1213.9344262295001</v>
      </c>
      <c r="AY3854" s="53">
        <v>1213.9344262295001</v>
      </c>
      <c r="AZ3854" s="53">
        <v>1213.9344262295001</v>
      </c>
      <c r="BA3854" s="53">
        <v>14567.213114754</v>
      </c>
      <c r="BB3854" s="53">
        <v>1213.9344262295001</v>
      </c>
      <c r="BC3854" s="53">
        <v>1213.9344262295001</v>
      </c>
      <c r="BD3854" s="53">
        <v>1213.9344262295001</v>
      </c>
      <c r="BE3854" s="53">
        <v>1213.9344262295001</v>
      </c>
      <c r="BF3854" s="53">
        <v>1213.9344262295001</v>
      </c>
      <c r="BG3854" s="53">
        <v>1213.9344262295001</v>
      </c>
      <c r="BH3854" s="53">
        <v>1213.9344262295001</v>
      </c>
      <c r="BI3854" s="53">
        <v>1213.9344262295001</v>
      </c>
      <c r="BJ3854" s="53">
        <v>1213.9344262295001</v>
      </c>
      <c r="BK3854" s="53">
        <v>1213.9344262295001</v>
      </c>
      <c r="BL3854" s="53">
        <v>1213.9344262295001</v>
      </c>
      <c r="BM3854" s="53">
        <v>1213.9344262295001</v>
      </c>
      <c r="BN3854" s="53">
        <v>14567.213114754</v>
      </c>
      <c r="BO3854" s="53">
        <v>1213.9344262295001</v>
      </c>
      <c r="BP3854" s="53">
        <v>1213.9344262295001</v>
      </c>
      <c r="BQ3854" s="53">
        <v>1213.9344262295001</v>
      </c>
      <c r="BR3854" s="53">
        <v>1213.9344262295001</v>
      </c>
      <c r="BS3854" s="53">
        <v>1213.9344262295001</v>
      </c>
      <c r="BT3854" s="53">
        <v>1213.9344262295001</v>
      </c>
      <c r="BU3854" s="53">
        <v>1213.9344262295001</v>
      </c>
      <c r="BV3854" s="53">
        <v>1213.9344262295001</v>
      </c>
      <c r="BW3854" s="53">
        <v>1213.9344262295001</v>
      </c>
      <c r="BX3854" s="53">
        <v>1213.9344262295001</v>
      </c>
      <c r="BY3854" s="53">
        <v>1213.9344262295001</v>
      </c>
      <c r="BZ3854" s="53">
        <v>1213.9344262295001</v>
      </c>
      <c r="CA3854" s="53">
        <v>14567.2131147541</v>
      </c>
      <c r="CB3854" s="53"/>
      <c r="CC3854" s="53"/>
      <c r="CD3854" s="53"/>
      <c r="CE3854" s="53"/>
      <c r="CF3854" s="53"/>
      <c r="CG3854" s="53"/>
      <c r="CH3854" s="53"/>
      <c r="CI3854" s="53"/>
      <c r="CJ3854" s="53"/>
      <c r="CK3854" s="53"/>
      <c r="CL3854" s="53"/>
      <c r="CM3854" s="53"/>
      <c r="CN3854" s="53"/>
    </row>
    <row r="3855" spans="1:92" outlineLevel="1">
      <c r="A3855" s="52" t="s">
        <v>712</v>
      </c>
      <c r="B3855" s="53">
        <v>1583.15671641791</v>
      </c>
      <c r="C3855" s="53">
        <v>1583.15789473684</v>
      </c>
      <c r="D3855" s="53">
        <v>1583.1590909090901</v>
      </c>
      <c r="E3855" s="53">
        <v>1583.1603053435099</v>
      </c>
      <c r="F3855" s="53">
        <v>1583.15384615384</v>
      </c>
      <c r="G3855" s="53">
        <v>1583.1550387596899</v>
      </c>
      <c r="H3855" s="53">
        <v>1583.15625</v>
      </c>
      <c r="I3855" s="53">
        <v>1583.1574803149599</v>
      </c>
      <c r="J3855" s="53">
        <v>1583.1587301587299</v>
      </c>
      <c r="K3855" s="53">
        <v>1583.16</v>
      </c>
      <c r="L3855" s="53">
        <v>1583.1532258064501</v>
      </c>
      <c r="M3855" s="53">
        <v>1583.1544715447101</v>
      </c>
      <c r="N3855" s="53">
        <v>18997.883050145701</v>
      </c>
      <c r="O3855" s="53">
        <v>1583.1557377049101</v>
      </c>
      <c r="P3855" s="53">
        <v>1583.1557377049101</v>
      </c>
      <c r="Q3855" s="53">
        <v>1583.1557377049101</v>
      </c>
      <c r="R3855" s="53">
        <v>1583.1557377049101</v>
      </c>
      <c r="S3855" s="53">
        <v>1583.1557377049101</v>
      </c>
      <c r="T3855" s="53">
        <v>1583.1557377049101</v>
      </c>
      <c r="U3855" s="53">
        <v>1583.1557377049101</v>
      </c>
      <c r="V3855" s="53">
        <v>1583.1557377049101</v>
      </c>
      <c r="W3855" s="53">
        <v>1583.1557377049101</v>
      </c>
      <c r="X3855" s="53">
        <v>1583.1557377049101</v>
      </c>
      <c r="Y3855" s="53">
        <v>1583.1557377049101</v>
      </c>
      <c r="Z3855" s="53">
        <v>1583.1557377049101</v>
      </c>
      <c r="AA3855" s="53">
        <v>18997.868852459</v>
      </c>
      <c r="AB3855" s="53">
        <v>1583.1557377049101</v>
      </c>
      <c r="AC3855" s="53">
        <v>1583.1557377049101</v>
      </c>
      <c r="AD3855" s="53">
        <v>1583.1557377049101</v>
      </c>
      <c r="AE3855" s="53">
        <v>1583.1557377049101</v>
      </c>
      <c r="AF3855" s="53">
        <v>1583.1557377049101</v>
      </c>
      <c r="AG3855" s="53">
        <v>1583.1557377049101</v>
      </c>
      <c r="AH3855" s="53">
        <v>1583.1557377049101</v>
      </c>
      <c r="AI3855" s="53">
        <v>1583.1557377049101</v>
      </c>
      <c r="AJ3855" s="53">
        <v>1583.1557377049101</v>
      </c>
      <c r="AK3855" s="53">
        <v>1583.1557377049101</v>
      </c>
      <c r="AL3855" s="53">
        <v>1583.1557377049101</v>
      </c>
      <c r="AM3855" s="53">
        <v>1583.1557377049101</v>
      </c>
      <c r="AN3855" s="53">
        <v>18997.868852459</v>
      </c>
      <c r="AO3855" s="53">
        <v>1583.1557377049101</v>
      </c>
      <c r="AP3855" s="53">
        <v>1583.1557377049101</v>
      </c>
      <c r="AQ3855" s="53">
        <v>1583.1557377049101</v>
      </c>
      <c r="AR3855" s="53">
        <v>1583.1557377049101</v>
      </c>
      <c r="AS3855" s="53">
        <v>1583.1557377049101</v>
      </c>
      <c r="AT3855" s="53">
        <v>1583.1557377049101</v>
      </c>
      <c r="AU3855" s="53">
        <v>1583.1557377049101</v>
      </c>
      <c r="AV3855" s="53">
        <v>1583.1557377049101</v>
      </c>
      <c r="AW3855" s="53">
        <v>1583.1557377049101</v>
      </c>
      <c r="AX3855" s="53">
        <v>1583.1557377049101</v>
      </c>
      <c r="AY3855" s="53">
        <v>1583.1557377049101</v>
      </c>
      <c r="AZ3855" s="53">
        <v>1583.1557377049101</v>
      </c>
      <c r="BA3855" s="53">
        <v>18997.868852459</v>
      </c>
      <c r="BB3855" s="53">
        <v>1583.1557377049101</v>
      </c>
      <c r="BC3855" s="53">
        <v>1583.1557377049201</v>
      </c>
      <c r="BD3855" s="53">
        <v>1583.1557377049201</v>
      </c>
      <c r="BE3855" s="53">
        <v>1583.1557377049201</v>
      </c>
      <c r="BF3855" s="53">
        <v>1583.1557377049201</v>
      </c>
      <c r="BG3855" s="53">
        <v>1583.1557377049201</v>
      </c>
      <c r="BH3855" s="53">
        <v>1583.1557377049201</v>
      </c>
      <c r="BI3855" s="53">
        <v>1583.1557377049201</v>
      </c>
      <c r="BJ3855" s="53">
        <v>1583.1557377049201</v>
      </c>
      <c r="BK3855" s="53">
        <v>1583.1557377049201</v>
      </c>
      <c r="BL3855" s="53">
        <v>1583.1557377049201</v>
      </c>
      <c r="BM3855" s="53">
        <v>1583.1557377049201</v>
      </c>
      <c r="BN3855" s="53">
        <v>18997.868852459</v>
      </c>
      <c r="BO3855" s="53">
        <v>1583.1557377049201</v>
      </c>
      <c r="BP3855" s="53">
        <v>1583.1557377049201</v>
      </c>
      <c r="BQ3855" s="53">
        <v>1583.1557377049201</v>
      </c>
      <c r="BR3855" s="53">
        <v>1583.1557377049201</v>
      </c>
      <c r="BS3855" s="53">
        <v>1583.1557377049201</v>
      </c>
      <c r="BT3855" s="53">
        <v>1583.1557377049201</v>
      </c>
      <c r="BU3855" s="53">
        <v>1583.1557377049201</v>
      </c>
      <c r="BV3855" s="53">
        <v>1583.1557377049201</v>
      </c>
      <c r="BW3855" s="53">
        <v>1583.1557377049201</v>
      </c>
      <c r="BX3855" s="53">
        <v>1583.1557377049201</v>
      </c>
      <c r="BY3855" s="53">
        <v>1583.1557377049201</v>
      </c>
      <c r="BZ3855" s="53">
        <v>1583.1557377049201</v>
      </c>
      <c r="CA3855" s="53">
        <v>18997.868852459</v>
      </c>
      <c r="CB3855" s="53"/>
      <c r="CC3855" s="53"/>
      <c r="CD3855" s="53"/>
      <c r="CE3855" s="53"/>
      <c r="CF3855" s="53"/>
      <c r="CG3855" s="53"/>
      <c r="CH3855" s="53"/>
      <c r="CI3855" s="53"/>
      <c r="CJ3855" s="53"/>
      <c r="CK3855" s="53"/>
      <c r="CL3855" s="53"/>
      <c r="CM3855" s="53"/>
      <c r="CN3855" s="53"/>
    </row>
    <row r="3856" spans="1:92" outlineLevel="1">
      <c r="A3856" s="52" t="s">
        <v>713</v>
      </c>
      <c r="B3856" s="53">
        <v>1833.3899204244001</v>
      </c>
      <c r="C3856" s="53">
        <v>1833.3920000000001</v>
      </c>
      <c r="D3856" s="53">
        <v>1833.3887399463799</v>
      </c>
      <c r="E3856" s="53">
        <v>1833.3908355795099</v>
      </c>
      <c r="F3856" s="53">
        <v>1833.3875338753301</v>
      </c>
      <c r="G3856" s="53">
        <v>1833.38964577656</v>
      </c>
      <c r="H3856" s="53">
        <v>1833.3917808219101</v>
      </c>
      <c r="I3856" s="53">
        <v>1833.3884297520599</v>
      </c>
      <c r="J3856" s="53">
        <v>1833.39058171745</v>
      </c>
      <c r="K3856" s="53">
        <v>1833.3871866295201</v>
      </c>
      <c r="L3856" s="53">
        <v>1833.38935574229</v>
      </c>
      <c r="M3856" s="53">
        <v>1833.3915492957699</v>
      </c>
      <c r="N3856" s="53">
        <v>22000.677559561202</v>
      </c>
      <c r="O3856" s="53">
        <v>1833.3881019830001</v>
      </c>
      <c r="P3856" s="53">
        <v>1833.3881019830001</v>
      </c>
      <c r="Q3856" s="53">
        <v>1833.3881019830001</v>
      </c>
      <c r="R3856" s="53">
        <v>1833.3881019830001</v>
      </c>
      <c r="S3856" s="53">
        <v>1833.3881019830001</v>
      </c>
      <c r="T3856" s="53">
        <v>1833.3881019830001</v>
      </c>
      <c r="U3856" s="53">
        <v>1833.3881019830001</v>
      </c>
      <c r="V3856" s="53">
        <v>1833.3881019830001</v>
      </c>
      <c r="W3856" s="53">
        <v>1833.3881019830001</v>
      </c>
      <c r="X3856" s="53">
        <v>1833.3881019830001</v>
      </c>
      <c r="Y3856" s="53">
        <v>1833.3881019830001</v>
      </c>
      <c r="Z3856" s="53">
        <v>1833.3881019830001</v>
      </c>
      <c r="AA3856" s="53">
        <v>22000.657223795999</v>
      </c>
      <c r="AB3856" s="53">
        <v>1833.3881019830001</v>
      </c>
      <c r="AC3856" s="53">
        <v>1833.3881019830001</v>
      </c>
      <c r="AD3856" s="53">
        <v>1833.3881019830001</v>
      </c>
      <c r="AE3856" s="53">
        <v>1833.3881019830001</v>
      </c>
      <c r="AF3856" s="53">
        <v>1833.3881019830001</v>
      </c>
      <c r="AG3856" s="53">
        <v>1833.3881019830001</v>
      </c>
      <c r="AH3856" s="53">
        <v>1833.3881019830001</v>
      </c>
      <c r="AI3856" s="53">
        <v>1833.3881019830001</v>
      </c>
      <c r="AJ3856" s="53">
        <v>1833.3881019830001</v>
      </c>
      <c r="AK3856" s="53">
        <v>1833.3881019830001</v>
      </c>
      <c r="AL3856" s="53">
        <v>1833.3881019830001</v>
      </c>
      <c r="AM3856" s="53">
        <v>1833.3881019830001</v>
      </c>
      <c r="AN3856" s="53">
        <v>22000.657223795999</v>
      </c>
      <c r="AO3856" s="53">
        <v>1833.3881019830001</v>
      </c>
      <c r="AP3856" s="53">
        <v>1833.3881019830001</v>
      </c>
      <c r="AQ3856" s="53">
        <v>1833.3881019830001</v>
      </c>
      <c r="AR3856" s="53">
        <v>1833.3881019830001</v>
      </c>
      <c r="AS3856" s="53">
        <v>1833.3881019829901</v>
      </c>
      <c r="AT3856" s="53">
        <v>1833.3881019829901</v>
      </c>
      <c r="AU3856" s="53">
        <v>1833.3881019829901</v>
      </c>
      <c r="AV3856" s="53">
        <v>1833.3881019829901</v>
      </c>
      <c r="AW3856" s="53">
        <v>1833.3881019829901</v>
      </c>
      <c r="AX3856" s="53">
        <v>1833.3881019829901</v>
      </c>
      <c r="AY3856" s="53">
        <v>1833.3881019829901</v>
      </c>
      <c r="AZ3856" s="53">
        <v>1833.3881019829901</v>
      </c>
      <c r="BA3856" s="53">
        <v>22000.657223795999</v>
      </c>
      <c r="BB3856" s="53">
        <v>1833.3881019829901</v>
      </c>
      <c r="BC3856" s="53">
        <v>1833.3881019829901</v>
      </c>
      <c r="BD3856" s="53">
        <v>1833.3881019829901</v>
      </c>
      <c r="BE3856" s="53">
        <v>1833.3881019829901</v>
      </c>
      <c r="BF3856" s="53">
        <v>1833.3881019829901</v>
      </c>
      <c r="BG3856" s="53">
        <v>1833.3881019829901</v>
      </c>
      <c r="BH3856" s="53">
        <v>1833.3881019829901</v>
      </c>
      <c r="BI3856" s="53">
        <v>1833.3881019829901</v>
      </c>
      <c r="BJ3856" s="53">
        <v>1833.3881019829901</v>
      </c>
      <c r="BK3856" s="53">
        <v>1833.3881019829901</v>
      </c>
      <c r="BL3856" s="53">
        <v>1833.3881019829901</v>
      </c>
      <c r="BM3856" s="53">
        <v>1833.3881019829901</v>
      </c>
      <c r="BN3856" s="53">
        <v>22000.657223795901</v>
      </c>
      <c r="BO3856" s="53">
        <v>1833.3881019829901</v>
      </c>
      <c r="BP3856" s="53">
        <v>1833.3881019829901</v>
      </c>
      <c r="BQ3856" s="53">
        <v>1833.3881019829901</v>
      </c>
      <c r="BR3856" s="53">
        <v>1833.3881019829901</v>
      </c>
      <c r="BS3856" s="53">
        <v>1833.3881019829901</v>
      </c>
      <c r="BT3856" s="53">
        <v>1833.3881019830001</v>
      </c>
      <c r="BU3856" s="53">
        <v>1833.3881019830001</v>
      </c>
      <c r="BV3856" s="53">
        <v>1833.3881019830001</v>
      </c>
      <c r="BW3856" s="53">
        <v>1833.3881019830001</v>
      </c>
      <c r="BX3856" s="53">
        <v>1833.3881019830001</v>
      </c>
      <c r="BY3856" s="53">
        <v>1833.3881019830001</v>
      </c>
      <c r="BZ3856" s="53">
        <v>1833.3881019830001</v>
      </c>
      <c r="CA3856" s="53">
        <v>22000.657223795999</v>
      </c>
      <c r="CB3856" s="53"/>
      <c r="CC3856" s="53"/>
      <c r="CD3856" s="53"/>
      <c r="CE3856" s="53"/>
      <c r="CF3856" s="53"/>
      <c r="CG3856" s="53"/>
      <c r="CH3856" s="53"/>
      <c r="CI3856" s="53"/>
      <c r="CJ3856" s="53"/>
      <c r="CK3856" s="53"/>
      <c r="CL3856" s="53"/>
      <c r="CM3856" s="53"/>
      <c r="CN3856" s="53"/>
    </row>
    <row r="3857" spans="1:92" outlineLevel="1">
      <c r="A3857" s="52" t="s">
        <v>716</v>
      </c>
      <c r="B3857" s="53">
        <v>11723.4531645569</v>
      </c>
      <c r="C3857" s="53">
        <v>11723.455470737899</v>
      </c>
      <c r="D3857" s="53">
        <v>11723.4526854219</v>
      </c>
      <c r="E3857" s="53">
        <v>11723.455012853399</v>
      </c>
      <c r="F3857" s="53">
        <v>11723.452196382401</v>
      </c>
      <c r="G3857" s="53">
        <v>11723.4545454545</v>
      </c>
      <c r="H3857" s="53">
        <v>11723.451697127901</v>
      </c>
      <c r="I3857" s="53">
        <v>11723.454068241401</v>
      </c>
      <c r="J3857" s="53">
        <v>11723.451187335</v>
      </c>
      <c r="K3857" s="53">
        <v>11723.4535809018</v>
      </c>
      <c r="L3857" s="53">
        <v>11723.4506666666</v>
      </c>
      <c r="M3857" s="53">
        <v>11723.4530831099</v>
      </c>
      <c r="N3857" s="53">
        <v>140681.43735878999</v>
      </c>
      <c r="O3857" s="53">
        <v>11723.4555256064</v>
      </c>
      <c r="P3857" s="53">
        <v>11723.4555256064</v>
      </c>
      <c r="Q3857" s="53">
        <v>11723.4555256064</v>
      </c>
      <c r="R3857" s="53">
        <v>11723.4555256064</v>
      </c>
      <c r="S3857" s="53">
        <v>11723.4555256064</v>
      </c>
      <c r="T3857" s="53">
        <v>11723.4555256064</v>
      </c>
      <c r="U3857" s="53">
        <v>11723.4555256064</v>
      </c>
      <c r="V3857" s="53">
        <v>11723.4555256064</v>
      </c>
      <c r="W3857" s="53">
        <v>11723.4555256064</v>
      </c>
      <c r="X3857" s="53">
        <v>11723.4555256064</v>
      </c>
      <c r="Y3857" s="53">
        <v>11723.4555256064</v>
      </c>
      <c r="Z3857" s="53">
        <v>11723.4555256064</v>
      </c>
      <c r="AA3857" s="53">
        <v>140681.46630727701</v>
      </c>
      <c r="AB3857" s="53">
        <v>11723.4555256064</v>
      </c>
      <c r="AC3857" s="53">
        <v>11723.4555256064</v>
      </c>
      <c r="AD3857" s="53">
        <v>11723.4555256064</v>
      </c>
      <c r="AE3857" s="53">
        <v>11723.4555256064</v>
      </c>
      <c r="AF3857" s="53">
        <v>11723.4555256064</v>
      </c>
      <c r="AG3857" s="53">
        <v>11723.4555256064</v>
      </c>
      <c r="AH3857" s="53">
        <v>11723.4555256064</v>
      </c>
      <c r="AI3857" s="53">
        <v>11723.4555256064</v>
      </c>
      <c r="AJ3857" s="53">
        <v>11723.4555256064</v>
      </c>
      <c r="AK3857" s="53">
        <v>11723.4555256064</v>
      </c>
      <c r="AL3857" s="53">
        <v>11723.4555256064</v>
      </c>
      <c r="AM3857" s="53">
        <v>11723.4555256064</v>
      </c>
      <c r="AN3857" s="53">
        <v>140681.46630727701</v>
      </c>
      <c r="AO3857" s="53">
        <v>11723.4555256064</v>
      </c>
      <c r="AP3857" s="53">
        <v>11723.4555256064</v>
      </c>
      <c r="AQ3857" s="53">
        <v>11723.4555256064</v>
      </c>
      <c r="AR3857" s="53">
        <v>11723.4555256064</v>
      </c>
      <c r="AS3857" s="53">
        <v>11723.4555256064</v>
      </c>
      <c r="AT3857" s="53">
        <v>11723.4555256064</v>
      </c>
      <c r="AU3857" s="53">
        <v>11723.4555256064</v>
      </c>
      <c r="AV3857" s="53">
        <v>11723.4555256064</v>
      </c>
      <c r="AW3857" s="53">
        <v>11723.4555256064</v>
      </c>
      <c r="AX3857" s="53">
        <v>11723.4555256064</v>
      </c>
      <c r="AY3857" s="53">
        <v>11723.4555256064</v>
      </c>
      <c r="AZ3857" s="53">
        <v>11723.4555256064</v>
      </c>
      <c r="BA3857" s="53">
        <v>140681.46630727701</v>
      </c>
      <c r="BB3857" s="53">
        <v>11723.4555256064</v>
      </c>
      <c r="BC3857" s="53">
        <v>11723.4555256064</v>
      </c>
      <c r="BD3857" s="53">
        <v>11723.4555256064</v>
      </c>
      <c r="BE3857" s="53">
        <v>11723.4555256064</v>
      </c>
      <c r="BF3857" s="53">
        <v>11723.4555256064</v>
      </c>
      <c r="BG3857" s="53">
        <v>11723.4555256064</v>
      </c>
      <c r="BH3857" s="53">
        <v>11723.4555256064</v>
      </c>
      <c r="BI3857" s="53">
        <v>11723.4555256064</v>
      </c>
      <c r="BJ3857" s="53">
        <v>11723.4555256064</v>
      </c>
      <c r="BK3857" s="53">
        <v>11723.4555256064</v>
      </c>
      <c r="BL3857" s="53">
        <v>11723.4555256064</v>
      </c>
      <c r="BM3857" s="53">
        <v>11723.4555256064</v>
      </c>
      <c r="BN3857" s="53">
        <v>140681.46630727701</v>
      </c>
      <c r="BO3857" s="53">
        <v>11723.4555256064</v>
      </c>
      <c r="BP3857" s="53">
        <v>11723.4555256064</v>
      </c>
      <c r="BQ3857" s="53">
        <v>11723.4555256064</v>
      </c>
      <c r="BR3857" s="53">
        <v>11723.4555256064</v>
      </c>
      <c r="BS3857" s="53">
        <v>11723.4555256064</v>
      </c>
      <c r="BT3857" s="53">
        <v>11723.4555256064</v>
      </c>
      <c r="BU3857" s="53">
        <v>11723.4555256064</v>
      </c>
      <c r="BV3857" s="53">
        <v>11723.4555256064</v>
      </c>
      <c r="BW3857" s="53">
        <v>11723.4555256064</v>
      </c>
      <c r="BX3857" s="53">
        <v>11723.4555256064</v>
      </c>
      <c r="BY3857" s="53">
        <v>11723.4555256064</v>
      </c>
      <c r="BZ3857" s="53">
        <v>11723.4555256064</v>
      </c>
      <c r="CA3857" s="53">
        <v>140681.46630727701</v>
      </c>
      <c r="CB3857" s="53"/>
      <c r="CC3857" s="53"/>
      <c r="CD3857" s="53"/>
      <c r="CE3857" s="53"/>
      <c r="CF3857" s="53"/>
      <c r="CG3857" s="53"/>
      <c r="CH3857" s="53"/>
      <c r="CI3857" s="53"/>
      <c r="CJ3857" s="53"/>
      <c r="CK3857" s="53"/>
      <c r="CL3857" s="53"/>
      <c r="CM3857" s="53"/>
      <c r="CN3857" s="53"/>
    </row>
    <row r="3858" spans="1:92" outlineLevel="1">
      <c r="A3858" s="52" t="s">
        <v>717</v>
      </c>
      <c r="B3858" s="53">
        <v>4051.8264840182601</v>
      </c>
      <c r="C3858" s="53">
        <v>4051.8256880733902</v>
      </c>
      <c r="D3858" s="53">
        <v>4051.8248847926202</v>
      </c>
      <c r="E3858" s="53">
        <v>4051.8287037036998</v>
      </c>
      <c r="F3858" s="53">
        <v>4051.82790697674</v>
      </c>
      <c r="G3858" s="53">
        <v>4051.8271028037302</v>
      </c>
      <c r="H3858" s="53">
        <v>4051.8262910798098</v>
      </c>
      <c r="I3858" s="53">
        <v>4051.8254716981101</v>
      </c>
      <c r="J3858" s="53">
        <v>4051.8246445497598</v>
      </c>
      <c r="K3858" s="53">
        <v>4051.8285714285698</v>
      </c>
      <c r="L3858" s="53">
        <v>4051.8277511961701</v>
      </c>
      <c r="M3858" s="53">
        <v>4051.8269230769201</v>
      </c>
      <c r="N3858" s="53">
        <v>48621.920423397802</v>
      </c>
      <c r="O3858" s="53">
        <v>4051.8260869565202</v>
      </c>
      <c r="P3858" s="53">
        <v>4051.8260869565202</v>
      </c>
      <c r="Q3858" s="53">
        <v>4051.8260869565202</v>
      </c>
      <c r="R3858" s="53">
        <v>4051.8260869565202</v>
      </c>
      <c r="S3858" s="53">
        <v>4051.8260869565202</v>
      </c>
      <c r="T3858" s="53">
        <v>4051.8260869565202</v>
      </c>
      <c r="U3858" s="53">
        <v>4051.8260869565202</v>
      </c>
      <c r="V3858" s="53">
        <v>4051.8260869565202</v>
      </c>
      <c r="W3858" s="53">
        <v>4051.8260869565102</v>
      </c>
      <c r="X3858" s="53">
        <v>4051.8260869565102</v>
      </c>
      <c r="Y3858" s="53">
        <v>4051.8260869565102</v>
      </c>
      <c r="Z3858" s="53">
        <v>4051.8260869565102</v>
      </c>
      <c r="AA3858" s="53">
        <v>48621.913043478198</v>
      </c>
      <c r="AB3858" s="53">
        <v>4051.8260869565102</v>
      </c>
      <c r="AC3858" s="53">
        <v>4051.8260869565102</v>
      </c>
      <c r="AD3858" s="53">
        <v>4051.8260869565102</v>
      </c>
      <c r="AE3858" s="53">
        <v>4051.8260869565102</v>
      </c>
      <c r="AF3858" s="53">
        <v>4051.8260869565102</v>
      </c>
      <c r="AG3858" s="53">
        <v>4051.8260869565102</v>
      </c>
      <c r="AH3858" s="53">
        <v>4051.8260869565102</v>
      </c>
      <c r="AI3858" s="53">
        <v>4051.8260869565102</v>
      </c>
      <c r="AJ3858" s="53">
        <v>4051.8260869565102</v>
      </c>
      <c r="AK3858" s="53">
        <v>4051.8260869565102</v>
      </c>
      <c r="AL3858" s="53">
        <v>4051.8260869565102</v>
      </c>
      <c r="AM3858" s="53">
        <v>4051.8260869565102</v>
      </c>
      <c r="AN3858" s="53">
        <v>48621.913043478198</v>
      </c>
      <c r="AO3858" s="53">
        <v>4051.8260869565102</v>
      </c>
      <c r="AP3858" s="53">
        <v>4051.8260869565102</v>
      </c>
      <c r="AQ3858" s="53">
        <v>4051.8260869565102</v>
      </c>
      <c r="AR3858" s="53">
        <v>4051.8260869565102</v>
      </c>
      <c r="AS3858" s="53">
        <v>4051.8260869565102</v>
      </c>
      <c r="AT3858" s="53">
        <v>4051.8260869565102</v>
      </c>
      <c r="AU3858" s="53">
        <v>4051.8260869565102</v>
      </c>
      <c r="AV3858" s="53">
        <v>4051.8260869565102</v>
      </c>
      <c r="AW3858" s="53">
        <v>4051.8260869565102</v>
      </c>
      <c r="AX3858" s="53">
        <v>4051.8260869565102</v>
      </c>
      <c r="AY3858" s="53">
        <v>4051.8260869565102</v>
      </c>
      <c r="AZ3858" s="53">
        <v>4051.8260869565102</v>
      </c>
      <c r="BA3858" s="53">
        <v>48621.913043478096</v>
      </c>
      <c r="BB3858" s="53">
        <v>4051.8260869565102</v>
      </c>
      <c r="BC3858" s="53">
        <v>4051.8260869565102</v>
      </c>
      <c r="BD3858" s="53">
        <v>4051.8260869565102</v>
      </c>
      <c r="BE3858" s="53">
        <v>4051.8260869565102</v>
      </c>
      <c r="BF3858" s="53">
        <v>4051.8260869565102</v>
      </c>
      <c r="BG3858" s="53">
        <v>4051.8260869565102</v>
      </c>
      <c r="BH3858" s="53">
        <v>4051.8260869565001</v>
      </c>
      <c r="BI3858" s="53">
        <v>4051.8260869565001</v>
      </c>
      <c r="BJ3858" s="53">
        <v>4051.8260869565001</v>
      </c>
      <c r="BK3858" s="53">
        <v>4051.8260869565102</v>
      </c>
      <c r="BL3858" s="53">
        <v>4051.8260869565001</v>
      </c>
      <c r="BM3858" s="53">
        <v>4051.8260869565001</v>
      </c>
      <c r="BN3858" s="53">
        <v>48621.913043478096</v>
      </c>
      <c r="BO3858" s="53">
        <v>4051.8260869565102</v>
      </c>
      <c r="BP3858" s="53">
        <v>4051.8260869565001</v>
      </c>
      <c r="BQ3858" s="53">
        <v>4051.8260869565001</v>
      </c>
      <c r="BR3858" s="53">
        <v>4051.8260869565001</v>
      </c>
      <c r="BS3858" s="53">
        <v>4051.8260869565001</v>
      </c>
      <c r="BT3858" s="53">
        <v>4051.8260869565102</v>
      </c>
      <c r="BU3858" s="53">
        <v>4051.8260869565102</v>
      </c>
      <c r="BV3858" s="53">
        <v>4051.8260869565001</v>
      </c>
      <c r="BW3858" s="53">
        <v>4051.8260869565001</v>
      </c>
      <c r="BX3858" s="53">
        <v>4051.8260869565102</v>
      </c>
      <c r="BY3858" s="53">
        <v>4051.8260869565001</v>
      </c>
      <c r="BZ3858" s="53">
        <v>4051.8260869565001</v>
      </c>
      <c r="CA3858" s="53">
        <v>48621.913043478096</v>
      </c>
      <c r="CB3858" s="53"/>
      <c r="CC3858" s="53"/>
      <c r="CD3858" s="53"/>
      <c r="CE3858" s="53"/>
      <c r="CF3858" s="53"/>
      <c r="CG3858" s="53"/>
      <c r="CH3858" s="53"/>
      <c r="CI3858" s="53"/>
      <c r="CJ3858" s="53"/>
      <c r="CK3858" s="53"/>
      <c r="CL3858" s="53"/>
      <c r="CM3858" s="53"/>
      <c r="CN3858" s="53"/>
    </row>
    <row r="3859" spans="1:92" outlineLevel="1">
      <c r="A3859" s="52" t="s">
        <v>718</v>
      </c>
      <c r="B3859" s="53">
        <v>3523.4091816367199</v>
      </c>
      <c r="C3859" s="53">
        <v>3523.4108216432801</v>
      </c>
      <c r="D3859" s="53">
        <v>3523.4084507042198</v>
      </c>
      <c r="E3859" s="53">
        <v>3523.4101010100999</v>
      </c>
      <c r="F3859" s="53">
        <v>3523.4077079107501</v>
      </c>
      <c r="G3859" s="53">
        <v>3523.4093686354299</v>
      </c>
      <c r="H3859" s="53">
        <v>3523.4110429447801</v>
      </c>
      <c r="I3859" s="53">
        <v>3523.40862422997</v>
      </c>
      <c r="J3859" s="53">
        <v>3523.4103092783498</v>
      </c>
      <c r="K3859" s="53">
        <v>3523.40786749482</v>
      </c>
      <c r="L3859" s="53">
        <v>3523.4095634095602</v>
      </c>
      <c r="M3859" s="53">
        <v>3523.4070981210798</v>
      </c>
      <c r="N3859" s="53">
        <v>42280.910137019098</v>
      </c>
      <c r="O3859" s="53">
        <v>3523.4088050314399</v>
      </c>
      <c r="P3859" s="53">
        <v>3523.4088050314399</v>
      </c>
      <c r="Q3859" s="53">
        <v>3523.4088050314399</v>
      </c>
      <c r="R3859" s="53">
        <v>3523.4088050314399</v>
      </c>
      <c r="S3859" s="53">
        <v>3523.4088050314399</v>
      </c>
      <c r="T3859" s="53">
        <v>3523.4088050314399</v>
      </c>
      <c r="U3859" s="53">
        <v>3523.4088050314399</v>
      </c>
      <c r="V3859" s="53">
        <v>3523.4088050314399</v>
      </c>
      <c r="W3859" s="53">
        <v>3523.4088050314399</v>
      </c>
      <c r="X3859" s="53">
        <v>3523.4088050314399</v>
      </c>
      <c r="Y3859" s="53">
        <v>3523.4088050314399</v>
      </c>
      <c r="Z3859" s="53">
        <v>3523.4088050314399</v>
      </c>
      <c r="AA3859" s="53">
        <v>42280.905660377299</v>
      </c>
      <c r="AB3859" s="53">
        <v>3523.4088050314399</v>
      </c>
      <c r="AC3859" s="53">
        <v>3523.4088050314399</v>
      </c>
      <c r="AD3859" s="53">
        <v>3523.4088050314399</v>
      </c>
      <c r="AE3859" s="53">
        <v>3523.4088050314399</v>
      </c>
      <c r="AF3859" s="53">
        <v>3523.4088050314399</v>
      </c>
      <c r="AG3859" s="53">
        <v>3523.4088050314399</v>
      </c>
      <c r="AH3859" s="53">
        <v>3523.4088050314499</v>
      </c>
      <c r="AI3859" s="53">
        <v>3523.4088050314399</v>
      </c>
      <c r="AJ3859" s="53">
        <v>3523.4088050314499</v>
      </c>
      <c r="AK3859" s="53">
        <v>3523.4088050314499</v>
      </c>
      <c r="AL3859" s="53">
        <v>3523.4088050314499</v>
      </c>
      <c r="AM3859" s="53">
        <v>3523.4088050314499</v>
      </c>
      <c r="AN3859" s="53">
        <v>42280.905660377401</v>
      </c>
      <c r="AO3859" s="53">
        <v>3523.4088050314499</v>
      </c>
      <c r="AP3859" s="53">
        <v>3523.4088050314499</v>
      </c>
      <c r="AQ3859" s="53">
        <v>3523.4088050314499</v>
      </c>
      <c r="AR3859" s="53">
        <v>3523.4088050314499</v>
      </c>
      <c r="AS3859" s="53">
        <v>3523.4088050314499</v>
      </c>
      <c r="AT3859" s="53">
        <v>3523.4088050314499</v>
      </c>
      <c r="AU3859" s="53">
        <v>3523.4088050314499</v>
      </c>
      <c r="AV3859" s="53">
        <v>3523.4088050314499</v>
      </c>
      <c r="AW3859" s="53">
        <v>3523.4088050314499</v>
      </c>
      <c r="AX3859" s="53">
        <v>3523.4088050314499</v>
      </c>
      <c r="AY3859" s="53">
        <v>3523.4088050314499</v>
      </c>
      <c r="AZ3859" s="53">
        <v>3523.4088050314499</v>
      </c>
      <c r="BA3859" s="53">
        <v>42280.905660377401</v>
      </c>
      <c r="BB3859" s="53">
        <v>3523.4088050314499</v>
      </c>
      <c r="BC3859" s="53">
        <v>3523.4088050314499</v>
      </c>
      <c r="BD3859" s="53">
        <v>3523.4088050314499</v>
      </c>
      <c r="BE3859" s="53">
        <v>3523.4088050314499</v>
      </c>
      <c r="BF3859" s="53">
        <v>3523.4088050314499</v>
      </c>
      <c r="BG3859" s="53">
        <v>3523.4088050314499</v>
      </c>
      <c r="BH3859" s="53">
        <v>3523.4088050314499</v>
      </c>
      <c r="BI3859" s="53">
        <v>3523.4088050314499</v>
      </c>
      <c r="BJ3859" s="53">
        <v>3523.4088050314499</v>
      </c>
      <c r="BK3859" s="53">
        <v>3523.4088050314499</v>
      </c>
      <c r="BL3859" s="53">
        <v>3523.4088050314499</v>
      </c>
      <c r="BM3859" s="53">
        <v>3523.4088050314499</v>
      </c>
      <c r="BN3859" s="53">
        <v>42280.905660377401</v>
      </c>
      <c r="BO3859" s="53">
        <v>3523.4088050314499</v>
      </c>
      <c r="BP3859" s="53">
        <v>3523.4088050314499</v>
      </c>
      <c r="BQ3859" s="53">
        <v>3523.4088050314499</v>
      </c>
      <c r="BR3859" s="53">
        <v>3523.4088050314499</v>
      </c>
      <c r="BS3859" s="53">
        <v>3523.4088050314499</v>
      </c>
      <c r="BT3859" s="53">
        <v>3523.4088050314499</v>
      </c>
      <c r="BU3859" s="53">
        <v>3523.4088050314499</v>
      </c>
      <c r="BV3859" s="53">
        <v>3523.4088050314499</v>
      </c>
      <c r="BW3859" s="53">
        <v>3523.4088050314499</v>
      </c>
      <c r="BX3859" s="53">
        <v>3523.4088050314499</v>
      </c>
      <c r="BY3859" s="53">
        <v>3523.4088050314499</v>
      </c>
      <c r="BZ3859" s="53">
        <v>3523.4088050314499</v>
      </c>
      <c r="CA3859" s="53">
        <v>42280.905660377401</v>
      </c>
      <c r="CB3859" s="53"/>
      <c r="CC3859" s="53"/>
      <c r="CD3859" s="53"/>
      <c r="CE3859" s="53"/>
      <c r="CF3859" s="53"/>
      <c r="CG3859" s="53"/>
      <c r="CH3859" s="53"/>
      <c r="CI3859" s="53"/>
      <c r="CJ3859" s="53"/>
      <c r="CK3859" s="53"/>
      <c r="CL3859" s="53"/>
      <c r="CM3859" s="53"/>
      <c r="CN3859" s="53"/>
    </row>
    <row r="3860" spans="1:92" outlineLevel="1">
      <c r="A3860" s="52" t="s">
        <v>721</v>
      </c>
      <c r="B3860" s="53">
        <v>9347.6262626262596</v>
      </c>
      <c r="C3860" s="53">
        <v>9347.625</v>
      </c>
      <c r="D3860" s="53">
        <v>9347.6271186440608</v>
      </c>
      <c r="E3860" s="53">
        <v>9347.6258503401295</v>
      </c>
      <c r="F3860" s="53">
        <v>9347.6245733788401</v>
      </c>
      <c r="G3860" s="53">
        <v>9347.6267123287598</v>
      </c>
      <c r="H3860" s="53">
        <v>9347.6254295532599</v>
      </c>
      <c r="I3860" s="53">
        <v>9347.6275862068906</v>
      </c>
      <c r="J3860" s="53">
        <v>9347.62629757785</v>
      </c>
      <c r="K3860" s="53">
        <v>9347.6249999999909</v>
      </c>
      <c r="L3860" s="53">
        <v>9347.6271777003403</v>
      </c>
      <c r="M3860" s="53">
        <v>9347.6258741258698</v>
      </c>
      <c r="N3860" s="53">
        <v>112171.512882482</v>
      </c>
      <c r="O3860" s="53">
        <v>9347.6245614034997</v>
      </c>
      <c r="P3860" s="53">
        <v>9347.6245614034997</v>
      </c>
      <c r="Q3860" s="53">
        <v>9347.6245614035106</v>
      </c>
      <c r="R3860" s="53">
        <v>9347.6245614035106</v>
      </c>
      <c r="S3860" s="53">
        <v>9347.6245614035106</v>
      </c>
      <c r="T3860" s="53">
        <v>9347.6245614035106</v>
      </c>
      <c r="U3860" s="53">
        <v>9347.6245614035106</v>
      </c>
      <c r="V3860" s="53">
        <v>9347.6245614035106</v>
      </c>
      <c r="W3860" s="53">
        <v>9347.6245614035106</v>
      </c>
      <c r="X3860" s="53">
        <v>9347.6245614035106</v>
      </c>
      <c r="Y3860" s="53">
        <v>9347.6245614035106</v>
      </c>
      <c r="Z3860" s="53">
        <v>9347.6245614035106</v>
      </c>
      <c r="AA3860" s="53">
        <v>112171.494736842</v>
      </c>
      <c r="AB3860" s="53">
        <v>9347.6245614035106</v>
      </c>
      <c r="AC3860" s="53">
        <v>9347.6245614035106</v>
      </c>
      <c r="AD3860" s="53">
        <v>9347.6245614035106</v>
      </c>
      <c r="AE3860" s="53">
        <v>9347.6245614035197</v>
      </c>
      <c r="AF3860" s="53">
        <v>9347.6245614035197</v>
      </c>
      <c r="AG3860" s="53">
        <v>9347.6245614035197</v>
      </c>
      <c r="AH3860" s="53">
        <v>9347.6245614035197</v>
      </c>
      <c r="AI3860" s="53">
        <v>9347.6245614035197</v>
      </c>
      <c r="AJ3860" s="53">
        <v>9347.6245614035197</v>
      </c>
      <c r="AK3860" s="53">
        <v>9347.6245614035197</v>
      </c>
      <c r="AL3860" s="53">
        <v>9347.6245614035197</v>
      </c>
      <c r="AM3860" s="53">
        <v>9347.6245614035197</v>
      </c>
      <c r="AN3860" s="53">
        <v>112171.494736842</v>
      </c>
      <c r="AO3860" s="53">
        <v>9347.6245614035197</v>
      </c>
      <c r="AP3860" s="53">
        <v>9347.6245614035197</v>
      </c>
      <c r="AQ3860" s="53">
        <v>9347.6245614035197</v>
      </c>
      <c r="AR3860" s="53">
        <v>9347.6245614035197</v>
      </c>
      <c r="AS3860" s="53">
        <v>9347.6245614035197</v>
      </c>
      <c r="AT3860" s="53">
        <v>9347.6245614035197</v>
      </c>
      <c r="AU3860" s="53">
        <v>9347.6245614035197</v>
      </c>
      <c r="AV3860" s="53">
        <v>9347.6245614035197</v>
      </c>
      <c r="AW3860" s="53">
        <v>9347.6245614035197</v>
      </c>
      <c r="AX3860" s="53">
        <v>9347.6245614035197</v>
      </c>
      <c r="AY3860" s="53">
        <v>9347.6245614035306</v>
      </c>
      <c r="AZ3860" s="53">
        <v>9347.6245614035306</v>
      </c>
      <c r="BA3860" s="53">
        <v>112171.494736842</v>
      </c>
      <c r="BB3860" s="53">
        <v>9347.6245614035306</v>
      </c>
      <c r="BC3860" s="53">
        <v>9347.6245614035306</v>
      </c>
      <c r="BD3860" s="53">
        <v>9347.6245614035306</v>
      </c>
      <c r="BE3860" s="53">
        <v>9347.6245614035306</v>
      </c>
      <c r="BF3860" s="53">
        <v>9347.6245614035306</v>
      </c>
      <c r="BG3860" s="53">
        <v>9347.6245614035306</v>
      </c>
      <c r="BH3860" s="53">
        <v>9347.6245614035306</v>
      </c>
      <c r="BI3860" s="53">
        <v>9347.6245614035306</v>
      </c>
      <c r="BJ3860" s="53">
        <v>9347.6245614035397</v>
      </c>
      <c r="BK3860" s="53">
        <v>9347.6245614035397</v>
      </c>
      <c r="BL3860" s="53">
        <v>9347.6245614035397</v>
      </c>
      <c r="BM3860" s="53">
        <v>9347.6245614035397</v>
      </c>
      <c r="BN3860" s="53">
        <v>112171.494736842</v>
      </c>
      <c r="BO3860" s="53">
        <v>9347.6245614035397</v>
      </c>
      <c r="BP3860" s="53">
        <v>9347.6245614035397</v>
      </c>
      <c r="BQ3860" s="53">
        <v>9347.6245614035397</v>
      </c>
      <c r="BR3860" s="53">
        <v>9347.6245614035397</v>
      </c>
      <c r="BS3860" s="53">
        <v>9347.6245614035397</v>
      </c>
      <c r="BT3860" s="53">
        <v>9347.6245614035397</v>
      </c>
      <c r="BU3860" s="53">
        <v>9347.6245614035397</v>
      </c>
      <c r="BV3860" s="53">
        <v>9347.6245614035397</v>
      </c>
      <c r="BW3860" s="53">
        <v>9347.6245614035397</v>
      </c>
      <c r="BX3860" s="53">
        <v>9347.6245614035506</v>
      </c>
      <c r="BY3860" s="53">
        <v>9347.6245614035506</v>
      </c>
      <c r="BZ3860" s="53">
        <v>9347.6245614035506</v>
      </c>
      <c r="CA3860" s="53">
        <v>112171.494736842</v>
      </c>
      <c r="CB3860" s="53"/>
      <c r="CC3860" s="53"/>
      <c r="CD3860" s="53"/>
      <c r="CE3860" s="53"/>
      <c r="CF3860" s="53"/>
      <c r="CG3860" s="53"/>
      <c r="CH3860" s="53"/>
      <c r="CI3860" s="53"/>
      <c r="CJ3860" s="53"/>
      <c r="CK3860" s="53"/>
      <c r="CL3860" s="53"/>
      <c r="CM3860" s="53"/>
      <c r="CN3860" s="53"/>
    </row>
    <row r="3861" spans="1:92" outlineLevel="1">
      <c r="A3861" s="52" t="s">
        <v>723</v>
      </c>
      <c r="B3861" s="53">
        <v>3240.39669421487</v>
      </c>
      <c r="C3861" s="53">
        <v>3240.4033613445299</v>
      </c>
      <c r="D3861" s="53">
        <v>3240.3931623931599</v>
      </c>
      <c r="E3861" s="53">
        <v>3240.4</v>
      </c>
      <c r="F3861" s="53">
        <v>3240.3893805309699</v>
      </c>
      <c r="G3861" s="53">
        <v>3240.3963963963902</v>
      </c>
      <c r="H3861" s="53">
        <v>3240.4036697247702</v>
      </c>
      <c r="I3861" s="53">
        <v>3240.39252336448</v>
      </c>
      <c r="J3861" s="53">
        <v>3240.4</v>
      </c>
      <c r="K3861" s="53">
        <v>3240.3883495145601</v>
      </c>
      <c r="L3861" s="53">
        <v>3240.3960396039602</v>
      </c>
      <c r="M3861" s="53">
        <v>3240.4040404040402</v>
      </c>
      <c r="N3861" s="53">
        <v>38884.763617491699</v>
      </c>
      <c r="O3861" s="53">
        <v>3240.3917525773099</v>
      </c>
      <c r="P3861" s="53">
        <v>3240.3917525773099</v>
      </c>
      <c r="Q3861" s="53">
        <v>3240.3917525773099</v>
      </c>
      <c r="R3861" s="53">
        <v>3240.3917525773099</v>
      </c>
      <c r="S3861" s="53">
        <v>3240.3917525773099</v>
      </c>
      <c r="T3861" s="53">
        <v>3240.3917525773099</v>
      </c>
      <c r="U3861" s="53">
        <v>3240.3917525773099</v>
      </c>
      <c r="V3861" s="53">
        <v>3240.3917525773099</v>
      </c>
      <c r="W3861" s="53">
        <v>3240.3917525773099</v>
      </c>
      <c r="X3861" s="53">
        <v>3240.3917525773099</v>
      </c>
      <c r="Y3861" s="53">
        <v>3240.3917525773099</v>
      </c>
      <c r="Z3861" s="53">
        <v>3240.3917525773099</v>
      </c>
      <c r="AA3861" s="53">
        <v>38884.701030927798</v>
      </c>
      <c r="AB3861" s="53">
        <v>3240.3917525773099</v>
      </c>
      <c r="AC3861" s="53">
        <v>3240.3917525773099</v>
      </c>
      <c r="AD3861" s="53">
        <v>3240.3917525773099</v>
      </c>
      <c r="AE3861" s="53">
        <v>3240.3917525773099</v>
      </c>
      <c r="AF3861" s="53">
        <v>3240.3917525773099</v>
      </c>
      <c r="AG3861" s="53">
        <v>3240.3917525773099</v>
      </c>
      <c r="AH3861" s="53">
        <v>3240.3917525773099</v>
      </c>
      <c r="AI3861" s="53">
        <v>3240.3917525773099</v>
      </c>
      <c r="AJ3861" s="53">
        <v>3240.3917525773099</v>
      </c>
      <c r="AK3861" s="53">
        <v>3240.3917525773099</v>
      </c>
      <c r="AL3861" s="53">
        <v>3240.3917525773099</v>
      </c>
      <c r="AM3861" s="53">
        <v>3240.3917525773099</v>
      </c>
      <c r="AN3861" s="53">
        <v>38884.701030927798</v>
      </c>
      <c r="AO3861" s="53">
        <v>3240.3917525773099</v>
      </c>
      <c r="AP3861" s="53">
        <v>3240.3917525773099</v>
      </c>
      <c r="AQ3861" s="53">
        <v>3240.3917525773099</v>
      </c>
      <c r="AR3861" s="53">
        <v>3240.3917525773099</v>
      </c>
      <c r="AS3861" s="53">
        <v>3240.3917525773099</v>
      </c>
      <c r="AT3861" s="53">
        <v>3240.3917525773099</v>
      </c>
      <c r="AU3861" s="53">
        <v>3240.3917525773099</v>
      </c>
      <c r="AV3861" s="53">
        <v>3240.3917525773099</v>
      </c>
      <c r="AW3861" s="53">
        <v>3240.3917525773099</v>
      </c>
      <c r="AX3861" s="53">
        <v>3240.3917525773099</v>
      </c>
      <c r="AY3861" s="53">
        <v>3240.3917525773099</v>
      </c>
      <c r="AZ3861" s="53">
        <v>3240.3917525773099</v>
      </c>
      <c r="BA3861" s="53">
        <v>38884.701030927703</v>
      </c>
      <c r="BB3861" s="53">
        <v>3240.3917525773099</v>
      </c>
      <c r="BC3861" s="53">
        <v>3240.3917525773099</v>
      </c>
      <c r="BD3861" s="53">
        <v>3240.3917525773099</v>
      </c>
      <c r="BE3861" s="53">
        <v>3240.3917525773099</v>
      </c>
      <c r="BF3861" s="53">
        <v>3240.3917525773099</v>
      </c>
      <c r="BG3861" s="53">
        <v>3240.3917525773099</v>
      </c>
      <c r="BH3861" s="53">
        <v>3240.3917525773099</v>
      </c>
      <c r="BI3861" s="53">
        <v>3240.3917525773099</v>
      </c>
      <c r="BJ3861" s="53">
        <v>3240.3917525773099</v>
      </c>
      <c r="BK3861" s="53">
        <v>3240.3917525773099</v>
      </c>
      <c r="BL3861" s="53">
        <v>3240.3917525773099</v>
      </c>
      <c r="BM3861" s="53">
        <v>3240.3917525773099</v>
      </c>
      <c r="BN3861" s="53">
        <v>38884.701030927703</v>
      </c>
      <c r="BO3861" s="53">
        <v>1620.19587628865</v>
      </c>
      <c r="BP3861" s="53"/>
      <c r="BQ3861" s="53"/>
      <c r="BR3861" s="53"/>
      <c r="BS3861" s="53"/>
      <c r="BT3861" s="53"/>
      <c r="BU3861" s="53"/>
      <c r="BV3861" s="53"/>
      <c r="BW3861" s="53"/>
      <c r="BX3861" s="53"/>
      <c r="BY3861" s="53"/>
      <c r="BZ3861" s="53"/>
      <c r="CA3861" s="53">
        <v>1620.19587628865</v>
      </c>
      <c r="CB3861" s="53"/>
      <c r="CC3861" s="53"/>
      <c r="CD3861" s="53"/>
      <c r="CE3861" s="53"/>
      <c r="CF3861" s="53"/>
      <c r="CG3861" s="53"/>
      <c r="CH3861" s="53"/>
      <c r="CI3861" s="53"/>
      <c r="CJ3861" s="53"/>
      <c r="CK3861" s="53"/>
      <c r="CL3861" s="53"/>
      <c r="CM3861" s="53"/>
      <c r="CN3861" s="53"/>
    </row>
    <row r="3862" spans="1:92" outlineLevel="1">
      <c r="A3862" s="52" t="s">
        <v>724</v>
      </c>
      <c r="B3862" s="53">
        <v>1540.86342229199</v>
      </c>
      <c r="C3862" s="53">
        <v>1540.8629921259801</v>
      </c>
      <c r="D3862" s="53">
        <v>1540.8625592417</v>
      </c>
      <c r="E3862" s="53">
        <v>1540.8621236133099</v>
      </c>
      <c r="F3862" s="53">
        <v>1540.86486486486</v>
      </c>
      <c r="G3862" s="53">
        <v>1540.8644338117999</v>
      </c>
      <c r="H3862" s="53">
        <v>1540.864</v>
      </c>
      <c r="I3862" s="53">
        <v>1540.8635634028799</v>
      </c>
      <c r="J3862" s="53">
        <v>1540.8631239935501</v>
      </c>
      <c r="K3862" s="53">
        <v>1540.86268174474</v>
      </c>
      <c r="L3862" s="53">
        <v>1540.86223662884</v>
      </c>
      <c r="M3862" s="53">
        <v>1540.8650406504</v>
      </c>
      <c r="N3862" s="53">
        <v>18490.361042370099</v>
      </c>
      <c r="O3862" s="53">
        <v>1540.86460032626</v>
      </c>
      <c r="P3862" s="53">
        <v>1540.86460032626</v>
      </c>
      <c r="Q3862" s="53">
        <v>1540.86460032626</v>
      </c>
      <c r="R3862" s="53">
        <v>1540.86460032626</v>
      </c>
      <c r="S3862" s="53">
        <v>1540.86460032626</v>
      </c>
      <c r="T3862" s="53">
        <v>1540.86460032626</v>
      </c>
      <c r="U3862" s="53">
        <v>1540.86460032626</v>
      </c>
      <c r="V3862" s="53">
        <v>1540.86460032626</v>
      </c>
      <c r="W3862" s="53">
        <v>1540.86460032626</v>
      </c>
      <c r="X3862" s="53">
        <v>1540.86460032626</v>
      </c>
      <c r="Y3862" s="53">
        <v>1540.86460032626</v>
      </c>
      <c r="Z3862" s="53">
        <v>1540.86460032626</v>
      </c>
      <c r="AA3862" s="53">
        <v>18490.3752039151</v>
      </c>
      <c r="AB3862" s="53">
        <v>1540.86460032626</v>
      </c>
      <c r="AC3862" s="53">
        <v>1540.86460032626</v>
      </c>
      <c r="AD3862" s="53">
        <v>1540.86460032626</v>
      </c>
      <c r="AE3862" s="53">
        <v>1540.86460032626</v>
      </c>
      <c r="AF3862" s="53">
        <v>1540.86460032626</v>
      </c>
      <c r="AG3862" s="53">
        <v>1540.86460032626</v>
      </c>
      <c r="AH3862" s="53">
        <v>1540.86460032626</v>
      </c>
      <c r="AI3862" s="53">
        <v>1540.86460032626</v>
      </c>
      <c r="AJ3862" s="53">
        <v>1540.86460032626</v>
      </c>
      <c r="AK3862" s="53">
        <v>1540.86460032626</v>
      </c>
      <c r="AL3862" s="53">
        <v>1540.86460032626</v>
      </c>
      <c r="AM3862" s="53">
        <v>1540.86460032626</v>
      </c>
      <c r="AN3862" s="53">
        <v>18490.3752039151</v>
      </c>
      <c r="AO3862" s="53">
        <v>1540.86460032626</v>
      </c>
      <c r="AP3862" s="53">
        <v>1540.86460032626</v>
      </c>
      <c r="AQ3862" s="53">
        <v>1540.86460032626</v>
      </c>
      <c r="AR3862" s="53">
        <v>1540.86460032626</v>
      </c>
      <c r="AS3862" s="53">
        <v>1540.86460032626</v>
      </c>
      <c r="AT3862" s="53">
        <v>1540.86460032626</v>
      </c>
      <c r="AU3862" s="53">
        <v>1540.86460032626</v>
      </c>
      <c r="AV3862" s="53">
        <v>1540.86460032626</v>
      </c>
      <c r="AW3862" s="53">
        <v>1540.86460032626</v>
      </c>
      <c r="AX3862" s="53">
        <v>1540.86460032626</v>
      </c>
      <c r="AY3862" s="53">
        <v>1540.86460032626</v>
      </c>
      <c r="AZ3862" s="53">
        <v>1540.86460032626</v>
      </c>
      <c r="BA3862" s="53">
        <v>18490.3752039151</v>
      </c>
      <c r="BB3862" s="53">
        <v>1540.86460032626</v>
      </c>
      <c r="BC3862" s="53">
        <v>1540.86460032626</v>
      </c>
      <c r="BD3862" s="53">
        <v>1540.86460032626</v>
      </c>
      <c r="BE3862" s="53">
        <v>1540.86460032626</v>
      </c>
      <c r="BF3862" s="53">
        <v>1540.86460032626</v>
      </c>
      <c r="BG3862" s="53">
        <v>1540.86460032626</v>
      </c>
      <c r="BH3862" s="53">
        <v>1540.86460032626</v>
      </c>
      <c r="BI3862" s="53">
        <v>1540.86460032626</v>
      </c>
      <c r="BJ3862" s="53">
        <v>1540.86460032626</v>
      </c>
      <c r="BK3862" s="53">
        <v>1540.86460032626</v>
      </c>
      <c r="BL3862" s="53">
        <v>1540.86460032626</v>
      </c>
      <c r="BM3862" s="53">
        <v>1540.86460032626</v>
      </c>
      <c r="BN3862" s="53">
        <v>18490.375203915199</v>
      </c>
      <c r="BO3862" s="53">
        <v>1540.86460032626</v>
      </c>
      <c r="BP3862" s="53">
        <v>1540.86460032626</v>
      </c>
      <c r="BQ3862" s="53">
        <v>1540.86460032626</v>
      </c>
      <c r="BR3862" s="53">
        <v>1540.86460032626</v>
      </c>
      <c r="BS3862" s="53">
        <v>1540.86460032626</v>
      </c>
      <c r="BT3862" s="53">
        <v>1540.86460032626</v>
      </c>
      <c r="BU3862" s="53">
        <v>1540.86460032626</v>
      </c>
      <c r="BV3862" s="53">
        <v>1540.86460032626</v>
      </c>
      <c r="BW3862" s="53">
        <v>1540.86460032626</v>
      </c>
      <c r="BX3862" s="53">
        <v>1540.86460032626</v>
      </c>
      <c r="BY3862" s="53">
        <v>1540.86460032626</v>
      </c>
      <c r="BZ3862" s="53">
        <v>1540.86460032626</v>
      </c>
      <c r="CA3862" s="53">
        <v>18490.375203915199</v>
      </c>
      <c r="CB3862" s="53">
        <v>-355385</v>
      </c>
      <c r="CC3862" s="53">
        <v>-355385</v>
      </c>
      <c r="CD3862" s="53">
        <v>-355385</v>
      </c>
      <c r="CE3862" s="53">
        <v>-355385</v>
      </c>
      <c r="CF3862" s="53">
        <v>-355385</v>
      </c>
      <c r="CG3862" s="53">
        <v>-355385</v>
      </c>
      <c r="CH3862" s="53">
        <v>-355385</v>
      </c>
      <c r="CI3862" s="53">
        <v>-355385</v>
      </c>
      <c r="CJ3862" s="53">
        <v>-355385</v>
      </c>
      <c r="CK3862" s="53">
        <v>-355385</v>
      </c>
      <c r="CL3862" s="53">
        <v>-355385</v>
      </c>
      <c r="CM3862" s="53">
        <v>-355385</v>
      </c>
      <c r="CN3862" s="53">
        <v>-4264620</v>
      </c>
    </row>
    <row r="3863" spans="1:92" outlineLevel="1">
      <c r="A3863" s="52" t="s">
        <v>725</v>
      </c>
      <c r="B3863" s="53">
        <v>9185.2866242038199</v>
      </c>
      <c r="C3863" s="53">
        <v>9185.2903225806403</v>
      </c>
      <c r="D3863" s="53">
        <v>9185.2810457516298</v>
      </c>
      <c r="E3863" s="53">
        <v>9185.2847682119209</v>
      </c>
      <c r="F3863" s="53">
        <v>9185.2885906040192</v>
      </c>
      <c r="G3863" s="53">
        <v>9185.2925170067992</v>
      </c>
      <c r="H3863" s="53">
        <v>9185.2827586206895</v>
      </c>
      <c r="I3863" s="53">
        <v>9185.2867132867104</v>
      </c>
      <c r="J3863" s="53">
        <v>9185.2907801418405</v>
      </c>
      <c r="K3863" s="53">
        <v>9185.2805755395693</v>
      </c>
      <c r="L3863" s="53">
        <v>9185.2846715328396</v>
      </c>
      <c r="M3863" s="53">
        <v>9185.2888888888792</v>
      </c>
      <c r="N3863" s="53">
        <v>110223.438256369</v>
      </c>
      <c r="O3863" s="53">
        <v>9185.2932330827007</v>
      </c>
      <c r="P3863" s="53">
        <v>9185.2932330827007</v>
      </c>
      <c r="Q3863" s="53">
        <v>9185.2932330827007</v>
      </c>
      <c r="R3863" s="53">
        <v>9185.2932330827007</v>
      </c>
      <c r="S3863" s="53">
        <v>9185.2932330827007</v>
      </c>
      <c r="T3863" s="53">
        <v>9185.2932330827007</v>
      </c>
      <c r="U3863" s="53">
        <v>9185.2932330827007</v>
      </c>
      <c r="V3863" s="53">
        <v>9185.2932330827007</v>
      </c>
      <c r="W3863" s="53">
        <v>9185.2932330827098</v>
      </c>
      <c r="X3863" s="53">
        <v>9185.2932330827098</v>
      </c>
      <c r="Y3863" s="53">
        <v>9185.2932330827098</v>
      </c>
      <c r="Z3863" s="53">
        <v>9185.2932330827098</v>
      </c>
      <c r="AA3863" s="53">
        <v>110223.51879699199</v>
      </c>
      <c r="AB3863" s="53">
        <v>9185.2932330827098</v>
      </c>
      <c r="AC3863" s="53">
        <v>9185.2932330827098</v>
      </c>
      <c r="AD3863" s="53">
        <v>9185.2932330827098</v>
      </c>
      <c r="AE3863" s="53">
        <v>9185.2932330827098</v>
      </c>
      <c r="AF3863" s="53">
        <v>9185.2932330827098</v>
      </c>
      <c r="AG3863" s="53">
        <v>9185.2932330827098</v>
      </c>
      <c r="AH3863" s="53">
        <v>9185.2932330827098</v>
      </c>
      <c r="AI3863" s="53">
        <v>9185.2932330827098</v>
      </c>
      <c r="AJ3863" s="53">
        <v>9185.2932330827098</v>
      </c>
      <c r="AK3863" s="53">
        <v>9185.2932330827098</v>
      </c>
      <c r="AL3863" s="53">
        <v>9185.2932330827098</v>
      </c>
      <c r="AM3863" s="53">
        <v>9185.2932330827098</v>
      </c>
      <c r="AN3863" s="53">
        <v>110223.51879699199</v>
      </c>
      <c r="AO3863" s="53">
        <v>9185.2932330827098</v>
      </c>
      <c r="AP3863" s="53">
        <v>9185.2932330827098</v>
      </c>
      <c r="AQ3863" s="53">
        <v>9185.2932330827098</v>
      </c>
      <c r="AR3863" s="53">
        <v>9185.2932330827098</v>
      </c>
      <c r="AS3863" s="53">
        <v>9185.2932330827098</v>
      </c>
      <c r="AT3863" s="53">
        <v>9185.2932330827098</v>
      </c>
      <c r="AU3863" s="53">
        <v>9185.2932330827098</v>
      </c>
      <c r="AV3863" s="53">
        <v>9185.2932330827098</v>
      </c>
      <c r="AW3863" s="53">
        <v>9185.2932330827098</v>
      </c>
      <c r="AX3863" s="53">
        <v>9185.2932330827098</v>
      </c>
      <c r="AY3863" s="53">
        <v>9185.2932330827098</v>
      </c>
      <c r="AZ3863" s="53">
        <v>9185.2932330827098</v>
      </c>
      <c r="BA3863" s="53">
        <v>110223.51879699199</v>
      </c>
      <c r="BB3863" s="53">
        <v>9185.2932330827098</v>
      </c>
      <c r="BC3863" s="53">
        <v>9185.2932330827098</v>
      </c>
      <c r="BD3863" s="53">
        <v>9185.2932330827098</v>
      </c>
      <c r="BE3863" s="53">
        <v>9185.2932330827098</v>
      </c>
      <c r="BF3863" s="53">
        <v>9185.2932330827098</v>
      </c>
      <c r="BG3863" s="53">
        <v>9185.2932330827098</v>
      </c>
      <c r="BH3863" s="53">
        <v>9185.2932330827098</v>
      </c>
      <c r="BI3863" s="53">
        <v>9185.2932330827098</v>
      </c>
      <c r="BJ3863" s="53">
        <v>9185.2932330827098</v>
      </c>
      <c r="BK3863" s="53">
        <v>9185.2932330827098</v>
      </c>
      <c r="BL3863" s="53">
        <v>9185.2932330827098</v>
      </c>
      <c r="BM3863" s="53">
        <v>9185.2932330827098</v>
      </c>
      <c r="BN3863" s="53">
        <v>110223.51879699199</v>
      </c>
      <c r="BO3863" s="53">
        <v>9185.2932330827207</v>
      </c>
      <c r="BP3863" s="53">
        <v>9185.2932330827098</v>
      </c>
      <c r="BQ3863" s="53">
        <v>9185.2932330827207</v>
      </c>
      <c r="BR3863" s="53">
        <v>9185.2932330827098</v>
      </c>
      <c r="BS3863" s="53">
        <v>9185.2932330827207</v>
      </c>
      <c r="BT3863" s="53">
        <v>9185.2932330827098</v>
      </c>
      <c r="BU3863" s="53">
        <v>9185.2932330827207</v>
      </c>
      <c r="BV3863" s="53">
        <v>9185.2932330827207</v>
      </c>
      <c r="BW3863" s="53">
        <v>9185.2932330827207</v>
      </c>
      <c r="BX3863" s="53">
        <v>9185.2932330827207</v>
      </c>
      <c r="BY3863" s="53">
        <v>9185.2932330827207</v>
      </c>
      <c r="BZ3863" s="53">
        <v>9185.2932330827207</v>
      </c>
      <c r="CA3863" s="53">
        <v>110223.51879699199</v>
      </c>
      <c r="CB3863" s="53"/>
      <c r="CC3863" s="53"/>
      <c r="CD3863" s="53"/>
      <c r="CE3863" s="53"/>
      <c r="CF3863" s="53"/>
      <c r="CG3863" s="53"/>
      <c r="CH3863" s="53"/>
      <c r="CI3863" s="53"/>
      <c r="CJ3863" s="53"/>
      <c r="CK3863" s="53"/>
      <c r="CL3863" s="53"/>
      <c r="CM3863" s="53"/>
      <c r="CN3863" s="53"/>
    </row>
    <row r="3864" spans="1:92" outlineLevel="1">
      <c r="A3864" s="52" t="s">
        <v>726</v>
      </c>
      <c r="B3864" s="53">
        <v>3087.3789473684201</v>
      </c>
      <c r="C3864" s="53">
        <v>3087.3829787233999</v>
      </c>
      <c r="D3864" s="53">
        <v>3087.3763440860198</v>
      </c>
      <c r="E3864" s="53">
        <v>3087.3804347825999</v>
      </c>
      <c r="F3864" s="53">
        <v>3087.37362637362</v>
      </c>
      <c r="G3864" s="53">
        <v>3087.37777777777</v>
      </c>
      <c r="H3864" s="53">
        <v>3087.3820224719002</v>
      </c>
      <c r="I3864" s="53">
        <v>3087.375</v>
      </c>
      <c r="J3864" s="53">
        <v>3087.3793103448202</v>
      </c>
      <c r="K3864" s="53">
        <v>3087.3837209302301</v>
      </c>
      <c r="L3864" s="53">
        <v>3087.3764705882299</v>
      </c>
      <c r="M3864" s="53">
        <v>3087.38095238095</v>
      </c>
      <c r="N3864" s="53">
        <v>37048.547585827997</v>
      </c>
      <c r="O3864" s="53">
        <v>3087.3734939759001</v>
      </c>
      <c r="P3864" s="53">
        <v>3087.3734939759001</v>
      </c>
      <c r="Q3864" s="53">
        <v>3087.3734939759001</v>
      </c>
      <c r="R3864" s="53">
        <v>3087.3734939759001</v>
      </c>
      <c r="S3864" s="53">
        <v>3087.3734939759001</v>
      </c>
      <c r="T3864" s="53">
        <v>3087.3734939759001</v>
      </c>
      <c r="U3864" s="53">
        <v>3087.3734939759001</v>
      </c>
      <c r="V3864" s="53">
        <v>3087.3734939759001</v>
      </c>
      <c r="W3864" s="53">
        <v>3087.3734939759001</v>
      </c>
      <c r="X3864" s="53">
        <v>3087.3734939759001</v>
      </c>
      <c r="Y3864" s="53">
        <v>3087.3734939759001</v>
      </c>
      <c r="Z3864" s="53">
        <v>3087.3734939759001</v>
      </c>
      <c r="AA3864" s="53">
        <v>37048.481927710804</v>
      </c>
      <c r="AB3864" s="53">
        <v>3087.3734939759001</v>
      </c>
      <c r="AC3864" s="53">
        <v>3087.3734939759001</v>
      </c>
      <c r="AD3864" s="53">
        <v>3087.3734939759001</v>
      </c>
      <c r="AE3864" s="53">
        <v>3087.3734939759001</v>
      </c>
      <c r="AF3864" s="53">
        <v>3087.3734939759001</v>
      </c>
      <c r="AG3864" s="53">
        <v>3087.3734939759001</v>
      </c>
      <c r="AH3864" s="53">
        <v>3087.3734939759001</v>
      </c>
      <c r="AI3864" s="53">
        <v>3087.3734939759001</v>
      </c>
      <c r="AJ3864" s="53">
        <v>3087.3734939759001</v>
      </c>
      <c r="AK3864" s="53">
        <v>3087.3734939759001</v>
      </c>
      <c r="AL3864" s="53">
        <v>3087.3734939759001</v>
      </c>
      <c r="AM3864" s="53">
        <v>3087.3734939759001</v>
      </c>
      <c r="AN3864" s="53">
        <v>37048.481927710804</v>
      </c>
      <c r="AO3864" s="53">
        <v>3087.3734939759001</v>
      </c>
      <c r="AP3864" s="53">
        <v>3087.3734939759001</v>
      </c>
      <c r="AQ3864" s="53">
        <v>3087.3734939759001</v>
      </c>
      <c r="AR3864" s="53">
        <v>3087.3734939759001</v>
      </c>
      <c r="AS3864" s="53">
        <v>3087.3734939759001</v>
      </c>
      <c r="AT3864" s="53">
        <v>3087.3734939759001</v>
      </c>
      <c r="AU3864" s="53">
        <v>3087.3734939759001</v>
      </c>
      <c r="AV3864" s="53">
        <v>3087.3734939759001</v>
      </c>
      <c r="AW3864" s="53">
        <v>3087.3734939759001</v>
      </c>
      <c r="AX3864" s="53">
        <v>3087.3734939759001</v>
      </c>
      <c r="AY3864" s="53">
        <v>3087.3734939759001</v>
      </c>
      <c r="AZ3864" s="53">
        <v>3087.3734939759001</v>
      </c>
      <c r="BA3864" s="53">
        <v>37048.481927710804</v>
      </c>
      <c r="BB3864" s="53">
        <v>3087.3734939759001</v>
      </c>
      <c r="BC3864" s="53">
        <v>3087.3734939759001</v>
      </c>
      <c r="BD3864" s="53">
        <v>3087.3734939759001</v>
      </c>
      <c r="BE3864" s="53">
        <v>3087.3734939759001</v>
      </c>
      <c r="BF3864" s="53">
        <v>3087.3734939759001</v>
      </c>
      <c r="BG3864" s="53">
        <v>3087.3734939759001</v>
      </c>
      <c r="BH3864" s="53">
        <v>3087.3734939759001</v>
      </c>
      <c r="BI3864" s="53">
        <v>3087.3734939759001</v>
      </c>
      <c r="BJ3864" s="53">
        <v>3087.3734939759001</v>
      </c>
      <c r="BK3864" s="53">
        <v>3087.3734939759001</v>
      </c>
      <c r="BL3864" s="53">
        <v>3087.3734939759001</v>
      </c>
      <c r="BM3864" s="53">
        <v>3087.3734939759001</v>
      </c>
      <c r="BN3864" s="53">
        <v>37048.481927710804</v>
      </c>
      <c r="BO3864" s="53">
        <v>3087.3734939759001</v>
      </c>
      <c r="BP3864" s="53">
        <v>3087.3734939759001</v>
      </c>
      <c r="BQ3864" s="53">
        <v>3087.3734939759001</v>
      </c>
      <c r="BR3864" s="53">
        <v>3087.3734939759001</v>
      </c>
      <c r="BS3864" s="53">
        <v>3087.3734939759001</v>
      </c>
      <c r="BT3864" s="53">
        <v>3087.3734939759001</v>
      </c>
      <c r="BU3864" s="53">
        <v>3087.3734939759001</v>
      </c>
      <c r="BV3864" s="53">
        <v>3087.3734939759001</v>
      </c>
      <c r="BW3864" s="53">
        <v>3087.3734939759001</v>
      </c>
      <c r="BX3864" s="53">
        <v>3087.3734939759001</v>
      </c>
      <c r="BY3864" s="53">
        <v>3087.3734939759001</v>
      </c>
      <c r="BZ3864" s="53">
        <v>3087.3734939759001</v>
      </c>
      <c r="CA3864" s="53">
        <v>37048.481927710804</v>
      </c>
      <c r="CB3864" s="53"/>
      <c r="CC3864" s="53"/>
      <c r="CD3864" s="53"/>
      <c r="CE3864" s="53"/>
      <c r="CF3864" s="53"/>
      <c r="CG3864" s="53"/>
      <c r="CH3864" s="53"/>
      <c r="CI3864" s="53"/>
      <c r="CJ3864" s="53"/>
      <c r="CK3864" s="53"/>
      <c r="CL3864" s="53"/>
      <c r="CM3864" s="53"/>
      <c r="CN3864" s="53"/>
    </row>
    <row r="3865" spans="1:92" outlineLevel="1">
      <c r="A3865" s="52" t="s">
        <v>728</v>
      </c>
      <c r="B3865" s="53">
        <v>5700.3251231527001</v>
      </c>
      <c r="C3865" s="53">
        <v>5700.3283582089498</v>
      </c>
      <c r="D3865" s="53">
        <v>5700.3216080401999</v>
      </c>
      <c r="E3865" s="53">
        <v>5700.3248730964397</v>
      </c>
      <c r="F3865" s="53">
        <v>5700.3282051282004</v>
      </c>
      <c r="G3865" s="53">
        <v>5700.3212435233099</v>
      </c>
      <c r="H3865" s="53">
        <v>5700.3246073298396</v>
      </c>
      <c r="I3865" s="53">
        <v>5700.3280423280403</v>
      </c>
      <c r="J3865" s="53">
        <v>5700.3208556149702</v>
      </c>
      <c r="K3865" s="53">
        <v>5700.3243243243196</v>
      </c>
      <c r="L3865" s="53">
        <v>5700.3278688524597</v>
      </c>
      <c r="M3865" s="53">
        <v>5700.3204419889498</v>
      </c>
      <c r="N3865" s="53">
        <v>68403.895551588401</v>
      </c>
      <c r="O3865" s="53">
        <v>5700.3240223463599</v>
      </c>
      <c r="P3865" s="53">
        <v>5700.3240223463599</v>
      </c>
      <c r="Q3865" s="53">
        <v>5700.3240223463599</v>
      </c>
      <c r="R3865" s="53">
        <v>5700.3240223463599</v>
      </c>
      <c r="S3865" s="53">
        <v>5700.3240223463599</v>
      </c>
      <c r="T3865" s="53">
        <v>5700.3240223463599</v>
      </c>
      <c r="U3865" s="53">
        <v>5700.3240223463599</v>
      </c>
      <c r="V3865" s="53">
        <v>5700.3240223463599</v>
      </c>
      <c r="W3865" s="53">
        <v>5700.3240223463599</v>
      </c>
      <c r="X3865" s="53">
        <v>5700.3240223463599</v>
      </c>
      <c r="Y3865" s="53">
        <v>5700.3240223463599</v>
      </c>
      <c r="Z3865" s="53">
        <v>5700.3240223463599</v>
      </c>
      <c r="AA3865" s="53">
        <v>68403.888268156399</v>
      </c>
      <c r="AB3865" s="53">
        <v>5700.3240223463599</v>
      </c>
      <c r="AC3865" s="53">
        <v>5700.3240223463599</v>
      </c>
      <c r="AD3865" s="53">
        <v>5700.3240223463599</v>
      </c>
      <c r="AE3865" s="53">
        <v>5700.3240223463599</v>
      </c>
      <c r="AF3865" s="53">
        <v>5700.3240223463599</v>
      </c>
      <c r="AG3865" s="53">
        <v>5700.3240223463599</v>
      </c>
      <c r="AH3865" s="53">
        <v>5700.3240223463599</v>
      </c>
      <c r="AI3865" s="53">
        <v>5700.3240223463599</v>
      </c>
      <c r="AJ3865" s="53">
        <v>5700.3240223463599</v>
      </c>
      <c r="AK3865" s="53">
        <v>5700.3240223463599</v>
      </c>
      <c r="AL3865" s="53">
        <v>5700.3240223463599</v>
      </c>
      <c r="AM3865" s="53">
        <v>5700.3240223463599</v>
      </c>
      <c r="AN3865" s="53">
        <v>68403.888268156399</v>
      </c>
      <c r="AO3865" s="53">
        <v>5700.3240223463599</v>
      </c>
      <c r="AP3865" s="53">
        <v>5700.3240223463599</v>
      </c>
      <c r="AQ3865" s="53">
        <v>5700.3240223463599</v>
      </c>
      <c r="AR3865" s="53">
        <v>5700.3240223463699</v>
      </c>
      <c r="AS3865" s="53">
        <v>5700.3240223463699</v>
      </c>
      <c r="AT3865" s="53">
        <v>5700.3240223463699</v>
      </c>
      <c r="AU3865" s="53">
        <v>5700.3240223463699</v>
      </c>
      <c r="AV3865" s="53">
        <v>5700.3240223463699</v>
      </c>
      <c r="AW3865" s="53">
        <v>5700.3240223463699</v>
      </c>
      <c r="AX3865" s="53">
        <v>5700.3240223463699</v>
      </c>
      <c r="AY3865" s="53">
        <v>5700.3240223463699</v>
      </c>
      <c r="AZ3865" s="53">
        <v>5700.3240223463699</v>
      </c>
      <c r="BA3865" s="53">
        <v>68403.888268156399</v>
      </c>
      <c r="BB3865" s="53">
        <v>5700.3240223463699</v>
      </c>
      <c r="BC3865" s="53">
        <v>5700.3240223463699</v>
      </c>
      <c r="BD3865" s="53">
        <v>5700.3240223463699</v>
      </c>
      <c r="BE3865" s="53">
        <v>5700.3240223463699</v>
      </c>
      <c r="BF3865" s="53">
        <v>5700.3240223463699</v>
      </c>
      <c r="BG3865" s="53">
        <v>5700.3240223463699</v>
      </c>
      <c r="BH3865" s="53">
        <v>5700.3240223463699</v>
      </c>
      <c r="BI3865" s="53">
        <v>5700.3240223463699</v>
      </c>
      <c r="BJ3865" s="53">
        <v>5700.3240223463699</v>
      </c>
      <c r="BK3865" s="53">
        <v>5700.3240223463699</v>
      </c>
      <c r="BL3865" s="53">
        <v>5700.3240223463699</v>
      </c>
      <c r="BM3865" s="53">
        <v>5700.3240223463699</v>
      </c>
      <c r="BN3865" s="53">
        <v>68403.888268156399</v>
      </c>
      <c r="BO3865" s="53">
        <v>5700.3240223463699</v>
      </c>
      <c r="BP3865" s="53">
        <v>5700.3240223463699</v>
      </c>
      <c r="BQ3865" s="53">
        <v>5700.3240223463699</v>
      </c>
      <c r="BR3865" s="53">
        <v>5700.3240223463699</v>
      </c>
      <c r="BS3865" s="53">
        <v>5700.3240223463699</v>
      </c>
      <c r="BT3865" s="53">
        <v>5700.3240223463699</v>
      </c>
      <c r="BU3865" s="53">
        <v>5700.3240223463699</v>
      </c>
      <c r="BV3865" s="53">
        <v>5700.3240223463699</v>
      </c>
      <c r="BW3865" s="53">
        <v>5700.3240223463699</v>
      </c>
      <c r="BX3865" s="53">
        <v>5700.3240223463699</v>
      </c>
      <c r="BY3865" s="53">
        <v>5700.3240223463699</v>
      </c>
      <c r="BZ3865" s="53">
        <v>5700.3240223463699</v>
      </c>
      <c r="CA3865" s="53">
        <v>68403.888268156399</v>
      </c>
      <c r="CB3865" s="53"/>
      <c r="CC3865" s="53"/>
      <c r="CD3865" s="53"/>
      <c r="CE3865" s="53"/>
      <c r="CF3865" s="53"/>
      <c r="CG3865" s="53"/>
      <c r="CH3865" s="53"/>
      <c r="CI3865" s="53"/>
      <c r="CJ3865" s="53"/>
      <c r="CK3865" s="53"/>
      <c r="CL3865" s="53"/>
      <c r="CM3865" s="53"/>
      <c r="CN3865" s="53"/>
    </row>
    <row r="3866" spans="1:92" outlineLevel="1">
      <c r="A3866" s="52" t="s">
        <v>729</v>
      </c>
      <c r="B3866" s="53">
        <v>8149.6234309623396</v>
      </c>
      <c r="C3866" s="53">
        <v>8149.6202531645504</v>
      </c>
      <c r="D3866" s="53">
        <v>8149.6255319148904</v>
      </c>
      <c r="E3866" s="53">
        <v>8149.6223175965597</v>
      </c>
      <c r="F3866" s="53">
        <v>8149.6277056277004</v>
      </c>
      <c r="G3866" s="53">
        <v>8149.6244541484702</v>
      </c>
      <c r="H3866" s="53">
        <v>8149.62114537445</v>
      </c>
      <c r="I3866" s="53">
        <v>8149.6266666666597</v>
      </c>
      <c r="J3866" s="53">
        <v>8149.6233183856502</v>
      </c>
      <c r="K3866" s="53">
        <v>8149.6199095022603</v>
      </c>
      <c r="L3866" s="53">
        <v>8149.6255707762502</v>
      </c>
      <c r="M3866" s="53">
        <v>8149.62211981566</v>
      </c>
      <c r="N3866" s="53">
        <v>97795.482423935493</v>
      </c>
      <c r="O3866" s="53">
        <v>8149.6279069767397</v>
      </c>
      <c r="P3866" s="53">
        <v>8149.6279069767397</v>
      </c>
      <c r="Q3866" s="53">
        <v>8149.6279069767397</v>
      </c>
      <c r="R3866" s="53">
        <v>8149.6279069767397</v>
      </c>
      <c r="S3866" s="53">
        <v>8149.6279069767397</v>
      </c>
      <c r="T3866" s="53">
        <v>8149.6279069767397</v>
      </c>
      <c r="U3866" s="53">
        <v>8149.6279069767397</v>
      </c>
      <c r="V3866" s="53">
        <v>8149.6279069767397</v>
      </c>
      <c r="W3866" s="53">
        <v>8149.6279069767397</v>
      </c>
      <c r="X3866" s="53">
        <v>8149.6279069767397</v>
      </c>
      <c r="Y3866" s="53">
        <v>8149.6279069767397</v>
      </c>
      <c r="Z3866" s="53">
        <v>8149.6279069767397</v>
      </c>
      <c r="AA3866" s="53">
        <v>97795.534883720902</v>
      </c>
      <c r="AB3866" s="53">
        <v>8149.6279069767397</v>
      </c>
      <c r="AC3866" s="53">
        <v>8149.6279069767397</v>
      </c>
      <c r="AD3866" s="53">
        <v>8149.6279069767397</v>
      </c>
      <c r="AE3866" s="53">
        <v>8149.6279069767397</v>
      </c>
      <c r="AF3866" s="53">
        <v>8149.6279069767397</v>
      </c>
      <c r="AG3866" s="53">
        <v>8149.6279069767297</v>
      </c>
      <c r="AH3866" s="53">
        <v>8149.6279069767297</v>
      </c>
      <c r="AI3866" s="53">
        <v>8149.6279069767297</v>
      </c>
      <c r="AJ3866" s="53">
        <v>8149.6279069767297</v>
      </c>
      <c r="AK3866" s="53">
        <v>8149.6279069767297</v>
      </c>
      <c r="AL3866" s="53">
        <v>8149.6279069767297</v>
      </c>
      <c r="AM3866" s="53">
        <v>8149.6279069767297</v>
      </c>
      <c r="AN3866" s="53">
        <v>97795.5348837208</v>
      </c>
      <c r="AO3866" s="53">
        <v>8149.6279069767297</v>
      </c>
      <c r="AP3866" s="53">
        <v>8149.6279069767297</v>
      </c>
      <c r="AQ3866" s="53">
        <v>8149.6279069767297</v>
      </c>
      <c r="AR3866" s="53">
        <v>8149.6279069767297</v>
      </c>
      <c r="AS3866" s="53">
        <v>8149.6279069767297</v>
      </c>
      <c r="AT3866" s="53">
        <v>8149.6279069767297</v>
      </c>
      <c r="AU3866" s="53">
        <v>8149.6279069767297</v>
      </c>
      <c r="AV3866" s="53">
        <v>8149.6279069767297</v>
      </c>
      <c r="AW3866" s="53">
        <v>8149.6279069767297</v>
      </c>
      <c r="AX3866" s="53">
        <v>8149.6279069767297</v>
      </c>
      <c r="AY3866" s="53">
        <v>8149.6279069767297</v>
      </c>
      <c r="AZ3866" s="53">
        <v>8149.6279069767197</v>
      </c>
      <c r="BA3866" s="53">
        <v>97795.534883720698</v>
      </c>
      <c r="BB3866" s="53">
        <v>8149.6279069767197</v>
      </c>
      <c r="BC3866" s="53">
        <v>8149.6279069767197</v>
      </c>
      <c r="BD3866" s="53">
        <v>8149.6279069767197</v>
      </c>
      <c r="BE3866" s="53">
        <v>8149.6279069767197</v>
      </c>
      <c r="BF3866" s="53">
        <v>8149.6279069767197</v>
      </c>
      <c r="BG3866" s="53">
        <v>8149.6279069767197</v>
      </c>
      <c r="BH3866" s="53">
        <v>8149.6279069767197</v>
      </c>
      <c r="BI3866" s="53">
        <v>8149.6279069767197</v>
      </c>
      <c r="BJ3866" s="53">
        <v>8149.6279069767197</v>
      </c>
      <c r="BK3866" s="53">
        <v>8149.6279069767197</v>
      </c>
      <c r="BL3866" s="53">
        <v>8149.6279069767197</v>
      </c>
      <c r="BM3866" s="53">
        <v>8149.6279069767197</v>
      </c>
      <c r="BN3866" s="53">
        <v>97795.534883720698</v>
      </c>
      <c r="BO3866" s="53">
        <v>8149.6279069767197</v>
      </c>
      <c r="BP3866" s="53">
        <v>8149.6279069767197</v>
      </c>
      <c r="BQ3866" s="53">
        <v>8149.6279069767197</v>
      </c>
      <c r="BR3866" s="53">
        <v>8149.6279069767197</v>
      </c>
      <c r="BS3866" s="53">
        <v>8149.6279069767197</v>
      </c>
      <c r="BT3866" s="53">
        <v>8149.6279069767197</v>
      </c>
      <c r="BU3866" s="53">
        <v>8149.6279069767197</v>
      </c>
      <c r="BV3866" s="53">
        <v>8149.6279069767197</v>
      </c>
      <c r="BW3866" s="53">
        <v>8149.6279069767197</v>
      </c>
      <c r="BX3866" s="53">
        <v>8149.6279069767197</v>
      </c>
      <c r="BY3866" s="53">
        <v>8149.6279069767197</v>
      </c>
      <c r="BZ3866" s="53">
        <v>8149.6279069767197</v>
      </c>
      <c r="CA3866" s="53">
        <v>97795.534883720597</v>
      </c>
      <c r="CB3866" s="53"/>
      <c r="CC3866" s="53"/>
      <c r="CD3866" s="53"/>
      <c r="CE3866" s="53"/>
      <c r="CF3866" s="53"/>
      <c r="CG3866" s="53"/>
      <c r="CH3866" s="53"/>
      <c r="CI3866" s="53"/>
      <c r="CJ3866" s="53"/>
      <c r="CK3866" s="53"/>
      <c r="CL3866" s="53"/>
      <c r="CM3866" s="53"/>
      <c r="CN3866" s="53"/>
    </row>
    <row r="3867" spans="1:92" outlineLevel="1">
      <c r="A3867" s="52" t="s">
        <v>730</v>
      </c>
      <c r="B3867" s="53">
        <v>7907.1043115438097</v>
      </c>
      <c r="C3867" s="53">
        <v>7907.1046025104597</v>
      </c>
      <c r="D3867" s="53">
        <v>7907.1048951048897</v>
      </c>
      <c r="E3867" s="53">
        <v>7907.1051893408103</v>
      </c>
      <c r="F3867" s="53">
        <v>7907.1054852320603</v>
      </c>
      <c r="G3867" s="53">
        <v>7907.10296191819</v>
      </c>
      <c r="H3867" s="53">
        <v>7907.1032531824603</v>
      </c>
      <c r="I3867" s="53">
        <v>7907.1035460992898</v>
      </c>
      <c r="J3867" s="53">
        <v>7907.1038406827802</v>
      </c>
      <c r="K3867" s="53">
        <v>7907.1041369472096</v>
      </c>
      <c r="L3867" s="53">
        <v>7907.1044349070098</v>
      </c>
      <c r="M3867" s="53">
        <v>7907.1047345767502</v>
      </c>
      <c r="N3867" s="53">
        <v>94885.251392045699</v>
      </c>
      <c r="O3867" s="53">
        <v>7907.1050359712199</v>
      </c>
      <c r="P3867" s="53">
        <v>7907.1050359712199</v>
      </c>
      <c r="Q3867" s="53">
        <v>7907.1050359712199</v>
      </c>
      <c r="R3867" s="53">
        <v>7907.1050359712199</v>
      </c>
      <c r="S3867" s="53">
        <v>7907.1050359712199</v>
      </c>
      <c r="T3867" s="53">
        <v>7907.1050359712199</v>
      </c>
      <c r="U3867" s="53">
        <v>7907.1050359712199</v>
      </c>
      <c r="V3867" s="53">
        <v>7907.1050359712199</v>
      </c>
      <c r="W3867" s="53">
        <v>7907.1050359712199</v>
      </c>
      <c r="X3867" s="53">
        <v>7907.1050359712199</v>
      </c>
      <c r="Y3867" s="53">
        <v>7907.1050359712199</v>
      </c>
      <c r="Z3867" s="53">
        <v>7907.1050359712199</v>
      </c>
      <c r="AA3867" s="53">
        <v>94885.260431654693</v>
      </c>
      <c r="AB3867" s="53">
        <v>7907.1050359712199</v>
      </c>
      <c r="AC3867" s="53">
        <v>7907.1050359712199</v>
      </c>
      <c r="AD3867" s="53">
        <v>7907.1050359712199</v>
      </c>
      <c r="AE3867" s="53">
        <v>7907.1050359712199</v>
      </c>
      <c r="AF3867" s="53">
        <v>7907.1050359712199</v>
      </c>
      <c r="AG3867" s="53">
        <v>7907.1050359712199</v>
      </c>
      <c r="AH3867" s="53">
        <v>7907.1050359712199</v>
      </c>
      <c r="AI3867" s="53">
        <v>7907.1050359712199</v>
      </c>
      <c r="AJ3867" s="53">
        <v>7907.1050359712199</v>
      </c>
      <c r="AK3867" s="53">
        <v>7907.1050359712199</v>
      </c>
      <c r="AL3867" s="53">
        <v>7907.1050359712199</v>
      </c>
      <c r="AM3867" s="53">
        <v>7907.1050359712199</v>
      </c>
      <c r="AN3867" s="53">
        <v>94885.260431654693</v>
      </c>
      <c r="AO3867" s="53">
        <v>7907.1050359712199</v>
      </c>
      <c r="AP3867" s="53">
        <v>7907.1050359712199</v>
      </c>
      <c r="AQ3867" s="53">
        <v>7907.1050359712199</v>
      </c>
      <c r="AR3867" s="53">
        <v>7907.1050359712199</v>
      </c>
      <c r="AS3867" s="53">
        <v>7907.1050359712199</v>
      </c>
      <c r="AT3867" s="53">
        <v>7907.1050359712199</v>
      </c>
      <c r="AU3867" s="53">
        <v>7907.1050359712199</v>
      </c>
      <c r="AV3867" s="53">
        <v>7907.1050359712199</v>
      </c>
      <c r="AW3867" s="53">
        <v>7907.1050359712199</v>
      </c>
      <c r="AX3867" s="53">
        <v>7907.1050359712199</v>
      </c>
      <c r="AY3867" s="53">
        <v>7907.1050359712199</v>
      </c>
      <c r="AZ3867" s="53">
        <v>7907.1050359712199</v>
      </c>
      <c r="BA3867" s="53">
        <v>94885.260431654693</v>
      </c>
      <c r="BB3867" s="53">
        <v>7907.1050359712199</v>
      </c>
      <c r="BC3867" s="53">
        <v>7907.1050359712199</v>
      </c>
      <c r="BD3867" s="53">
        <v>7907.1050359712199</v>
      </c>
      <c r="BE3867" s="53">
        <v>7907.1050359712199</v>
      </c>
      <c r="BF3867" s="53">
        <v>7907.1050359712199</v>
      </c>
      <c r="BG3867" s="53">
        <v>7907.1050359712199</v>
      </c>
      <c r="BH3867" s="53">
        <v>7907.1050359712199</v>
      </c>
      <c r="BI3867" s="53">
        <v>7907.1050359712199</v>
      </c>
      <c r="BJ3867" s="53">
        <v>7907.1050359712199</v>
      </c>
      <c r="BK3867" s="53">
        <v>7907.1050359712199</v>
      </c>
      <c r="BL3867" s="53">
        <v>7907.1050359712199</v>
      </c>
      <c r="BM3867" s="53">
        <v>7907.1050359712199</v>
      </c>
      <c r="BN3867" s="53">
        <v>94885.260431654693</v>
      </c>
      <c r="BO3867" s="53">
        <v>7907.1050359712199</v>
      </c>
      <c r="BP3867" s="53">
        <v>7907.1050359712199</v>
      </c>
      <c r="BQ3867" s="53">
        <v>7907.1050359712199</v>
      </c>
      <c r="BR3867" s="53">
        <v>7907.1050359712199</v>
      </c>
      <c r="BS3867" s="53">
        <v>7907.1050359712199</v>
      </c>
      <c r="BT3867" s="53">
        <v>7907.1050359712199</v>
      </c>
      <c r="BU3867" s="53">
        <v>7907.1050359712199</v>
      </c>
      <c r="BV3867" s="53">
        <v>7907.1050359712199</v>
      </c>
      <c r="BW3867" s="53">
        <v>7907.1050359712199</v>
      </c>
      <c r="BX3867" s="53">
        <v>7907.1050359712199</v>
      </c>
      <c r="BY3867" s="53">
        <v>7907.1050359712199</v>
      </c>
      <c r="BZ3867" s="53">
        <v>7907.1050359712199</v>
      </c>
      <c r="CA3867" s="53">
        <v>94885.260431654693</v>
      </c>
      <c r="CB3867" s="53"/>
      <c r="CC3867" s="53"/>
      <c r="CD3867" s="53"/>
      <c r="CE3867" s="53"/>
      <c r="CF3867" s="53"/>
      <c r="CG3867" s="53"/>
      <c r="CH3867" s="53"/>
      <c r="CI3867" s="53"/>
      <c r="CJ3867" s="53"/>
      <c r="CK3867" s="53"/>
      <c r="CL3867" s="53"/>
      <c r="CM3867" s="53"/>
      <c r="CN3867" s="53"/>
    </row>
    <row r="3868" spans="1:92" outlineLevel="1">
      <c r="A3868" s="52" t="s">
        <v>1565</v>
      </c>
      <c r="B3868" s="53"/>
      <c r="C3868" s="53"/>
      <c r="D3868" s="53"/>
      <c r="E3868" s="53"/>
      <c r="F3868" s="53"/>
      <c r="G3868" s="53"/>
      <c r="H3868" s="53"/>
      <c r="I3868" s="53"/>
      <c r="J3868" s="53"/>
      <c r="K3868" s="53"/>
      <c r="L3868" s="53">
        <v>5899.2140545538596</v>
      </c>
      <c r="M3868" s="53">
        <v>8857.0264255910897</v>
      </c>
      <c r="N3868" s="53">
        <v>14756.240480144899</v>
      </c>
      <c r="O3868" s="53">
        <v>8857.0264993026503</v>
      </c>
      <c r="P3868" s="53">
        <v>8857.0264993026503</v>
      </c>
      <c r="Q3868" s="53">
        <v>8857.0264993026503</v>
      </c>
      <c r="R3868" s="53">
        <v>8857.0264993026503</v>
      </c>
      <c r="S3868" s="53">
        <v>8857.0264993026503</v>
      </c>
      <c r="T3868" s="53">
        <v>8857.0264993026503</v>
      </c>
      <c r="U3868" s="53">
        <v>8857.0264993026503</v>
      </c>
      <c r="V3868" s="53">
        <v>8857.0264993026503</v>
      </c>
      <c r="W3868" s="53">
        <v>8857.0264993026394</v>
      </c>
      <c r="X3868" s="53">
        <v>8857.0264993026394</v>
      </c>
      <c r="Y3868" s="53">
        <v>8857.0264993026394</v>
      </c>
      <c r="Z3868" s="53">
        <v>8857.0264993026394</v>
      </c>
      <c r="AA3868" s="53">
        <v>106284.317991631</v>
      </c>
      <c r="AB3868" s="53">
        <v>8857.0264993026394</v>
      </c>
      <c r="AC3868" s="53">
        <v>8857.0264993026394</v>
      </c>
      <c r="AD3868" s="53">
        <v>8857.0264993026394</v>
      </c>
      <c r="AE3868" s="53">
        <v>8857.0264993026394</v>
      </c>
      <c r="AF3868" s="53">
        <v>8857.0264993026394</v>
      </c>
      <c r="AG3868" s="53">
        <v>8857.0264993026394</v>
      </c>
      <c r="AH3868" s="53">
        <v>8857.0264993026394</v>
      </c>
      <c r="AI3868" s="53">
        <v>8857.0264993026394</v>
      </c>
      <c r="AJ3868" s="53">
        <v>8857.0264993026394</v>
      </c>
      <c r="AK3868" s="53">
        <v>8857.0264993026394</v>
      </c>
      <c r="AL3868" s="53">
        <v>8857.0264993026394</v>
      </c>
      <c r="AM3868" s="53">
        <v>8857.0264993026394</v>
      </c>
      <c r="AN3868" s="53">
        <v>106284.317991631</v>
      </c>
      <c r="AO3868" s="53">
        <v>8857.0264993026394</v>
      </c>
      <c r="AP3868" s="53">
        <v>8857.0264993026394</v>
      </c>
      <c r="AQ3868" s="53">
        <v>8857.0264993026394</v>
      </c>
      <c r="AR3868" s="53">
        <v>8857.0264993026394</v>
      </c>
      <c r="AS3868" s="53">
        <v>8857.0264993026394</v>
      </c>
      <c r="AT3868" s="53">
        <v>8857.0264993026394</v>
      </c>
      <c r="AU3868" s="53">
        <v>8857.0264993026394</v>
      </c>
      <c r="AV3868" s="53">
        <v>8857.0264993026394</v>
      </c>
      <c r="AW3868" s="53">
        <v>8857.0264993026394</v>
      </c>
      <c r="AX3868" s="53">
        <v>8857.0264993026394</v>
      </c>
      <c r="AY3868" s="53">
        <v>8857.0264993026394</v>
      </c>
      <c r="AZ3868" s="53">
        <v>8857.0264993026394</v>
      </c>
      <c r="BA3868" s="53">
        <v>106284.317991631</v>
      </c>
      <c r="BB3868" s="53">
        <v>8857.0264993026394</v>
      </c>
      <c r="BC3868" s="53">
        <v>8857.0264993026394</v>
      </c>
      <c r="BD3868" s="53">
        <v>8857.0264993026394</v>
      </c>
      <c r="BE3868" s="53">
        <v>8857.0264993026394</v>
      </c>
      <c r="BF3868" s="53">
        <v>8857.0264993026394</v>
      </c>
      <c r="BG3868" s="53">
        <v>8857.0264993026394</v>
      </c>
      <c r="BH3868" s="53">
        <v>8857.0264993026394</v>
      </c>
      <c r="BI3868" s="53">
        <v>8857.0264993026394</v>
      </c>
      <c r="BJ3868" s="53">
        <v>8857.0264993026394</v>
      </c>
      <c r="BK3868" s="53">
        <v>8857.0264993026394</v>
      </c>
      <c r="BL3868" s="53">
        <v>8857.0264993026394</v>
      </c>
      <c r="BM3868" s="53">
        <v>8857.0264993026394</v>
      </c>
      <c r="BN3868" s="53">
        <v>106284.317991631</v>
      </c>
      <c r="BO3868" s="53">
        <v>8857.0264993026394</v>
      </c>
      <c r="BP3868" s="53">
        <v>8857.0264993026394</v>
      </c>
      <c r="BQ3868" s="53">
        <v>8857.0264993026394</v>
      </c>
      <c r="BR3868" s="53">
        <v>8857.0264993026394</v>
      </c>
      <c r="BS3868" s="53">
        <v>8857.0264993026394</v>
      </c>
      <c r="BT3868" s="53">
        <v>8857.0264993026394</v>
      </c>
      <c r="BU3868" s="53">
        <v>8857.0264993026303</v>
      </c>
      <c r="BV3868" s="53">
        <v>8857.0264993026303</v>
      </c>
      <c r="BW3868" s="53">
        <v>8857.0264993026303</v>
      </c>
      <c r="BX3868" s="53">
        <v>8857.0264993026303</v>
      </c>
      <c r="BY3868" s="53">
        <v>8857.0264993026303</v>
      </c>
      <c r="BZ3868" s="53">
        <v>8857.0264993026303</v>
      </c>
      <c r="CA3868" s="53">
        <v>106284.317991631</v>
      </c>
      <c r="CB3868" s="53"/>
      <c r="CC3868" s="53"/>
      <c r="CD3868" s="53"/>
      <c r="CE3868" s="53"/>
      <c r="CF3868" s="53"/>
      <c r="CG3868" s="53"/>
      <c r="CH3868" s="53"/>
      <c r="CI3868" s="53"/>
      <c r="CJ3868" s="53"/>
      <c r="CK3868" s="53"/>
      <c r="CL3868" s="53"/>
      <c r="CM3868" s="53"/>
      <c r="CN3868" s="53"/>
    </row>
    <row r="3869" spans="1:92" outlineLevel="1">
      <c r="A3869" s="52" t="s">
        <v>1580</v>
      </c>
      <c r="B3869" s="53"/>
      <c r="C3869" s="53"/>
      <c r="D3869" s="53"/>
      <c r="E3869" s="53"/>
      <c r="F3869" s="53"/>
      <c r="G3869" s="53"/>
      <c r="H3869" s="53"/>
      <c r="I3869" s="53"/>
      <c r="J3869" s="53"/>
      <c r="K3869" s="53"/>
      <c r="L3869" s="53"/>
      <c r="M3869" s="53"/>
      <c r="N3869" s="53"/>
      <c r="O3869" s="53"/>
      <c r="P3869" s="53"/>
      <c r="Q3869" s="53"/>
      <c r="R3869" s="53"/>
      <c r="S3869" s="53"/>
      <c r="T3869" s="53"/>
      <c r="U3869" s="53"/>
      <c r="V3869" s="53"/>
      <c r="W3869" s="53"/>
      <c r="X3869" s="53"/>
      <c r="Y3869" s="53"/>
      <c r="Z3869" s="53"/>
      <c r="AA3869" s="53"/>
      <c r="AB3869" s="53"/>
      <c r="AC3869" s="53"/>
      <c r="AD3869" s="53"/>
      <c r="AE3869" s="53"/>
      <c r="AF3869" s="53"/>
      <c r="AG3869" s="53"/>
      <c r="AH3869" s="53"/>
      <c r="AI3869" s="53"/>
      <c r="AJ3869" s="53"/>
      <c r="AK3869" s="53"/>
      <c r="AL3869" s="53"/>
      <c r="AM3869" s="53"/>
      <c r="AN3869" s="53"/>
      <c r="AO3869" s="53"/>
      <c r="AP3869" s="53"/>
      <c r="AQ3869" s="53"/>
      <c r="AR3869" s="53"/>
      <c r="AS3869" s="53"/>
      <c r="AT3869" s="53"/>
      <c r="AU3869" s="53"/>
      <c r="AV3869" s="53"/>
      <c r="AW3869" s="53"/>
      <c r="AX3869" s="53"/>
      <c r="AY3869" s="53"/>
      <c r="AZ3869" s="53"/>
      <c r="BA3869" s="53"/>
      <c r="BB3869" s="53"/>
      <c r="BC3869" s="53"/>
      <c r="BD3869" s="53"/>
      <c r="BE3869" s="53"/>
      <c r="BF3869" s="53"/>
      <c r="BG3869" s="53"/>
      <c r="BH3869" s="53"/>
      <c r="BI3869" s="53"/>
      <c r="BJ3869" s="53"/>
      <c r="BK3869" s="53"/>
      <c r="BL3869" s="53"/>
      <c r="BM3869" s="53"/>
      <c r="BN3869" s="53"/>
      <c r="BO3869" s="53"/>
      <c r="BP3869" s="53"/>
      <c r="BQ3869" s="53"/>
      <c r="BR3869" s="53"/>
      <c r="BS3869" s="53"/>
      <c r="BT3869" s="53"/>
      <c r="BU3869" s="53"/>
      <c r="BV3869" s="53"/>
      <c r="BW3869" s="53"/>
      <c r="BX3869" s="53"/>
      <c r="BY3869" s="53"/>
      <c r="BZ3869" s="53"/>
      <c r="CA3869" s="53"/>
      <c r="CB3869" s="53"/>
      <c r="CC3869" s="53"/>
      <c r="CD3869" s="53"/>
      <c r="CE3869" s="53"/>
      <c r="CF3869" s="53"/>
      <c r="CG3869" s="53"/>
      <c r="CH3869" s="53"/>
      <c r="CI3869" s="53"/>
      <c r="CJ3869" s="53"/>
      <c r="CK3869" s="53"/>
      <c r="CL3869" s="53"/>
      <c r="CM3869" s="53"/>
      <c r="CN3869" s="53"/>
    </row>
    <row r="3870" spans="1:92" outlineLevel="1">
      <c r="A3870" s="52" t="s">
        <v>711</v>
      </c>
      <c r="B3870" s="53"/>
      <c r="C3870" s="53"/>
      <c r="D3870" s="53"/>
      <c r="E3870" s="53"/>
      <c r="F3870" s="53"/>
      <c r="G3870" s="53"/>
      <c r="H3870" s="53"/>
      <c r="I3870" s="53"/>
      <c r="J3870" s="53"/>
      <c r="K3870" s="53"/>
      <c r="L3870" s="53"/>
      <c r="M3870" s="53"/>
      <c r="N3870" s="53"/>
      <c r="O3870" s="53"/>
      <c r="P3870" s="53"/>
      <c r="Q3870" s="53"/>
      <c r="R3870" s="53"/>
      <c r="S3870" s="53"/>
      <c r="T3870" s="53"/>
      <c r="U3870" s="53"/>
      <c r="V3870" s="53"/>
      <c r="W3870" s="53"/>
      <c r="X3870" s="53"/>
      <c r="Y3870" s="53"/>
      <c r="Z3870" s="53"/>
      <c r="AA3870" s="53"/>
      <c r="AB3870" s="53"/>
      <c r="AC3870" s="53"/>
      <c r="AD3870" s="53"/>
      <c r="AE3870" s="53"/>
      <c r="AF3870" s="53"/>
      <c r="AG3870" s="53"/>
      <c r="AH3870" s="53"/>
      <c r="AI3870" s="53"/>
      <c r="AJ3870" s="53"/>
      <c r="AK3870" s="53"/>
      <c r="AL3870" s="53"/>
      <c r="AM3870" s="53"/>
      <c r="AN3870" s="53"/>
      <c r="AO3870" s="53"/>
      <c r="AP3870" s="53"/>
      <c r="AQ3870" s="53"/>
      <c r="AR3870" s="53"/>
      <c r="AS3870" s="53"/>
      <c r="AT3870" s="53"/>
      <c r="AU3870" s="53"/>
      <c r="AV3870" s="53"/>
      <c r="AW3870" s="53"/>
      <c r="AX3870" s="53"/>
      <c r="AY3870" s="53"/>
      <c r="AZ3870" s="53"/>
      <c r="BA3870" s="53"/>
      <c r="BB3870" s="53"/>
      <c r="BC3870" s="53"/>
      <c r="BD3870" s="53"/>
      <c r="BE3870" s="53"/>
      <c r="BF3870" s="53"/>
      <c r="BG3870" s="53"/>
      <c r="BH3870" s="53"/>
      <c r="BI3870" s="53"/>
      <c r="BJ3870" s="53"/>
      <c r="BK3870" s="53"/>
      <c r="BL3870" s="53"/>
      <c r="BM3870" s="53"/>
      <c r="BN3870" s="53"/>
      <c r="BO3870" s="53"/>
      <c r="BP3870" s="53">
        <v>150000000</v>
      </c>
      <c r="BQ3870" s="53"/>
      <c r="BR3870" s="53"/>
      <c r="BS3870" s="53"/>
      <c r="BT3870" s="53"/>
      <c r="BU3870" s="53"/>
      <c r="BV3870" s="53"/>
      <c r="BW3870" s="53"/>
      <c r="BX3870" s="53"/>
      <c r="BY3870" s="53"/>
      <c r="BZ3870" s="53"/>
      <c r="CA3870" s="53">
        <v>150000000</v>
      </c>
      <c r="CB3870" s="53"/>
      <c r="CC3870" s="53"/>
      <c r="CD3870" s="53"/>
      <c r="CE3870" s="53"/>
      <c r="CF3870" s="53"/>
      <c r="CG3870" s="53"/>
      <c r="CH3870" s="53"/>
      <c r="CI3870" s="53"/>
      <c r="CJ3870" s="53"/>
      <c r="CK3870" s="53"/>
      <c r="CL3870" s="53"/>
      <c r="CM3870" s="53"/>
      <c r="CN3870" s="53"/>
    </row>
    <row r="3871" spans="1:92" outlineLevel="1">
      <c r="A3871" s="52" t="s">
        <v>723</v>
      </c>
      <c r="B3871" s="53"/>
      <c r="C3871" s="53"/>
      <c r="D3871" s="53"/>
      <c r="E3871" s="53"/>
      <c r="F3871" s="53"/>
      <c r="G3871" s="53"/>
      <c r="H3871" s="53"/>
      <c r="I3871" s="53"/>
      <c r="J3871" s="53"/>
      <c r="K3871" s="53"/>
      <c r="L3871" s="53"/>
      <c r="M3871" s="53"/>
      <c r="N3871" s="53"/>
      <c r="O3871" s="53"/>
      <c r="P3871" s="53"/>
      <c r="Q3871" s="53"/>
      <c r="R3871" s="53"/>
      <c r="S3871" s="53"/>
      <c r="T3871" s="53"/>
      <c r="U3871" s="53"/>
      <c r="V3871" s="53"/>
      <c r="W3871" s="53"/>
      <c r="X3871" s="53"/>
      <c r="Y3871" s="53"/>
      <c r="Z3871" s="53"/>
      <c r="AA3871" s="53"/>
      <c r="AB3871" s="53"/>
      <c r="AC3871" s="53"/>
      <c r="AD3871" s="53"/>
      <c r="AE3871" s="53"/>
      <c r="AF3871" s="53"/>
      <c r="AG3871" s="53"/>
      <c r="AH3871" s="53"/>
      <c r="AI3871" s="53"/>
      <c r="AJ3871" s="53"/>
      <c r="AK3871" s="53"/>
      <c r="AL3871" s="53"/>
      <c r="AM3871" s="53"/>
      <c r="AN3871" s="53"/>
      <c r="AO3871" s="53"/>
      <c r="AP3871" s="53"/>
      <c r="AQ3871" s="53"/>
      <c r="AR3871" s="53"/>
      <c r="AS3871" s="53"/>
      <c r="AT3871" s="53"/>
      <c r="AU3871" s="53"/>
      <c r="AV3871" s="53"/>
      <c r="AW3871" s="53"/>
      <c r="AX3871" s="53"/>
      <c r="AY3871" s="53"/>
      <c r="AZ3871" s="53"/>
      <c r="BA3871" s="53"/>
      <c r="BB3871" s="53">
        <v>650000000</v>
      </c>
      <c r="BC3871" s="53"/>
      <c r="BD3871" s="53"/>
      <c r="BE3871" s="53"/>
      <c r="BF3871" s="53"/>
      <c r="BG3871" s="53"/>
      <c r="BH3871" s="53"/>
      <c r="BI3871" s="53"/>
      <c r="BJ3871" s="53"/>
      <c r="BK3871" s="53"/>
      <c r="BL3871" s="53"/>
      <c r="BM3871" s="53"/>
      <c r="BN3871" s="53">
        <v>650000000</v>
      </c>
      <c r="BO3871" s="53"/>
      <c r="BP3871" s="53"/>
      <c r="BQ3871" s="53"/>
      <c r="BR3871" s="53"/>
      <c r="BS3871" s="53"/>
      <c r="BT3871" s="53"/>
      <c r="BU3871" s="53"/>
      <c r="BV3871" s="53"/>
      <c r="BW3871" s="53"/>
      <c r="BX3871" s="53"/>
      <c r="BY3871" s="53"/>
      <c r="BZ3871" s="53"/>
      <c r="CA3871" s="53"/>
      <c r="CB3871" s="53"/>
      <c r="CC3871" s="53"/>
      <c r="CD3871" s="53"/>
      <c r="CE3871" s="53"/>
      <c r="CF3871" s="53"/>
      <c r="CG3871" s="53"/>
      <c r="CH3871" s="53"/>
      <c r="CI3871" s="53"/>
      <c r="CJ3871" s="53"/>
      <c r="CK3871" s="53"/>
      <c r="CL3871" s="53"/>
      <c r="CM3871" s="53"/>
      <c r="CN3871" s="53"/>
    </row>
    <row r="3872" spans="1:92" outlineLevel="1">
      <c r="A3872" s="52" t="s">
        <v>725</v>
      </c>
      <c r="B3872" s="53"/>
      <c r="C3872" s="53"/>
      <c r="D3872" s="53"/>
      <c r="E3872" s="53"/>
      <c r="F3872" s="53"/>
      <c r="G3872" s="53"/>
      <c r="H3872" s="53"/>
      <c r="I3872" s="53"/>
      <c r="J3872" s="53"/>
      <c r="K3872" s="53"/>
      <c r="L3872" s="53"/>
      <c r="M3872" s="53"/>
      <c r="N3872" s="53"/>
      <c r="O3872" s="53"/>
      <c r="P3872" s="53"/>
      <c r="Q3872" s="53"/>
      <c r="R3872" s="53"/>
      <c r="S3872" s="53"/>
      <c r="T3872" s="53"/>
      <c r="U3872" s="53"/>
      <c r="V3872" s="53"/>
      <c r="W3872" s="53"/>
      <c r="X3872" s="53"/>
      <c r="Y3872" s="53"/>
      <c r="Z3872" s="53"/>
      <c r="AA3872" s="53"/>
      <c r="AB3872" s="53"/>
      <c r="AC3872" s="53"/>
      <c r="AD3872" s="53"/>
      <c r="AE3872" s="53"/>
      <c r="AF3872" s="53"/>
      <c r="AG3872" s="53"/>
      <c r="AH3872" s="53"/>
      <c r="AI3872" s="53"/>
      <c r="AJ3872" s="53"/>
      <c r="AK3872" s="53"/>
      <c r="AL3872" s="53"/>
      <c r="AM3872" s="53"/>
      <c r="AN3872" s="53"/>
      <c r="AO3872" s="53"/>
      <c r="AP3872" s="53"/>
      <c r="AQ3872" s="53"/>
      <c r="AR3872" s="53"/>
      <c r="AS3872" s="53"/>
      <c r="AT3872" s="53"/>
      <c r="AU3872" s="53"/>
      <c r="AV3872" s="53"/>
      <c r="AW3872" s="53"/>
      <c r="AX3872" s="53"/>
      <c r="AY3872" s="53"/>
      <c r="AZ3872" s="53"/>
      <c r="BA3872" s="53"/>
      <c r="BB3872" s="53"/>
      <c r="BC3872" s="53"/>
      <c r="BD3872" s="53"/>
      <c r="BE3872" s="53"/>
      <c r="BF3872" s="53"/>
      <c r="BG3872" s="53"/>
      <c r="BH3872" s="53"/>
      <c r="BI3872" s="53"/>
      <c r="BJ3872" s="53"/>
      <c r="BK3872" s="53"/>
      <c r="BL3872" s="53"/>
      <c r="BM3872" s="53"/>
      <c r="BN3872" s="53"/>
      <c r="BO3872" s="53"/>
      <c r="BP3872" s="53"/>
      <c r="BQ3872" s="53"/>
      <c r="BR3872" s="53"/>
      <c r="BS3872" s="53"/>
      <c r="BT3872" s="53"/>
      <c r="BU3872" s="53">
        <v>600000000</v>
      </c>
      <c r="BV3872" s="53"/>
      <c r="BW3872" s="53"/>
      <c r="BX3872" s="53"/>
      <c r="BY3872" s="53"/>
      <c r="BZ3872" s="53"/>
      <c r="CA3872" s="53">
        <v>600000000</v>
      </c>
      <c r="CB3872" s="53"/>
      <c r="CC3872" s="53"/>
      <c r="CD3872" s="53"/>
      <c r="CE3872" s="53"/>
      <c r="CF3872" s="53"/>
      <c r="CG3872" s="53"/>
      <c r="CH3872" s="53"/>
      <c r="CI3872" s="53"/>
      <c r="CJ3872" s="53"/>
      <c r="CK3872" s="53"/>
      <c r="CL3872" s="53"/>
      <c r="CM3872" s="53"/>
      <c r="CN3872" s="53"/>
    </row>
    <row r="3873" spans="1:92" outlineLevel="1">
      <c r="A3873" s="52" t="s">
        <v>726</v>
      </c>
      <c r="B3873" s="53"/>
      <c r="C3873" s="53"/>
      <c r="D3873" s="53"/>
      <c r="E3873" s="53"/>
      <c r="F3873" s="53"/>
      <c r="G3873" s="53"/>
      <c r="H3873" s="53"/>
      <c r="I3873" s="53"/>
      <c r="J3873" s="53"/>
      <c r="K3873" s="53"/>
      <c r="L3873" s="53"/>
      <c r="M3873" s="53"/>
      <c r="N3873" s="53"/>
      <c r="O3873" s="53"/>
      <c r="P3873" s="53"/>
      <c r="Q3873" s="53"/>
      <c r="R3873" s="53"/>
      <c r="S3873" s="53"/>
      <c r="T3873" s="53"/>
      <c r="U3873" s="53"/>
      <c r="V3873" s="53"/>
      <c r="W3873" s="53"/>
      <c r="X3873" s="53"/>
      <c r="Y3873" s="53"/>
      <c r="Z3873" s="53"/>
      <c r="AA3873" s="53"/>
      <c r="AB3873" s="53"/>
      <c r="AC3873" s="53"/>
      <c r="AD3873" s="53"/>
      <c r="AE3873" s="53"/>
      <c r="AF3873" s="53"/>
      <c r="AG3873" s="53"/>
      <c r="AH3873" s="53"/>
      <c r="AI3873" s="53"/>
      <c r="AJ3873" s="53"/>
      <c r="AK3873" s="53"/>
      <c r="AL3873" s="53"/>
      <c r="AM3873" s="53"/>
      <c r="AN3873" s="53"/>
      <c r="AO3873" s="53"/>
      <c r="AP3873" s="53"/>
      <c r="AQ3873" s="53"/>
      <c r="AR3873" s="53"/>
      <c r="AS3873" s="53"/>
      <c r="AT3873" s="53"/>
      <c r="AU3873" s="53"/>
      <c r="AV3873" s="53"/>
      <c r="AW3873" s="53"/>
      <c r="AX3873" s="53"/>
      <c r="AY3873" s="53"/>
      <c r="AZ3873" s="53"/>
      <c r="BA3873" s="53"/>
      <c r="BB3873" s="53"/>
      <c r="BC3873" s="53"/>
      <c r="BD3873" s="53"/>
      <c r="BE3873" s="53"/>
      <c r="BF3873" s="53"/>
      <c r="BG3873" s="53"/>
      <c r="BH3873" s="53"/>
      <c r="BI3873" s="53"/>
      <c r="BJ3873" s="53"/>
      <c r="BK3873" s="53"/>
      <c r="BL3873" s="53"/>
      <c r="BM3873" s="53"/>
      <c r="BN3873" s="53"/>
      <c r="BO3873" s="53"/>
      <c r="BP3873" s="53"/>
      <c r="BQ3873" s="53"/>
      <c r="BR3873" s="53"/>
      <c r="BS3873" s="53"/>
      <c r="BT3873" s="53"/>
      <c r="BU3873" s="53"/>
      <c r="BV3873" s="53"/>
      <c r="BW3873" s="53"/>
      <c r="BX3873" s="53"/>
      <c r="BY3873" s="53"/>
      <c r="BZ3873" s="53"/>
      <c r="CA3873" s="53"/>
      <c r="CB3873" s="53"/>
      <c r="CC3873" s="53"/>
      <c r="CD3873" s="53"/>
      <c r="CE3873" s="53"/>
      <c r="CF3873" s="53"/>
      <c r="CG3873" s="53"/>
      <c r="CH3873" s="53"/>
      <c r="CI3873" s="53"/>
      <c r="CJ3873" s="53"/>
      <c r="CK3873" s="53"/>
      <c r="CL3873" s="53"/>
      <c r="CM3873" s="53"/>
      <c r="CN3873" s="53"/>
    </row>
    <row r="3874" spans="1:92" outlineLevel="1">
      <c r="A3874" s="52" t="s">
        <v>1564</v>
      </c>
      <c r="B3874" s="53"/>
      <c r="C3874" s="53"/>
      <c r="D3874" s="53"/>
      <c r="E3874" s="53"/>
      <c r="F3874" s="53"/>
      <c r="G3874" s="53"/>
      <c r="H3874" s="53"/>
      <c r="I3874" s="53"/>
      <c r="J3874" s="53"/>
      <c r="K3874" s="53"/>
      <c r="L3874" s="53"/>
      <c r="M3874" s="53"/>
      <c r="N3874" s="53"/>
      <c r="O3874" s="53"/>
      <c r="P3874" s="53"/>
      <c r="Q3874" s="53"/>
      <c r="R3874" s="53">
        <v>800000000</v>
      </c>
      <c r="S3874" s="53"/>
      <c r="T3874" s="53"/>
      <c r="U3874" s="53"/>
      <c r="V3874" s="53"/>
      <c r="W3874" s="53"/>
      <c r="X3874" s="53"/>
      <c r="Y3874" s="53"/>
      <c r="Z3874" s="53"/>
      <c r="AA3874" s="53">
        <v>800000000</v>
      </c>
      <c r="AB3874" s="53"/>
      <c r="AC3874" s="53"/>
      <c r="AD3874" s="53"/>
      <c r="AE3874" s="53"/>
      <c r="AF3874" s="53"/>
      <c r="AG3874" s="53"/>
      <c r="AH3874" s="53"/>
      <c r="AI3874" s="53"/>
      <c r="AJ3874" s="53"/>
      <c r="AK3874" s="53"/>
      <c r="AL3874" s="53"/>
      <c r="AM3874" s="53"/>
      <c r="AN3874" s="53"/>
      <c r="AO3874" s="53"/>
      <c r="AP3874" s="53"/>
      <c r="AQ3874" s="53"/>
      <c r="AR3874" s="53"/>
      <c r="AS3874" s="53"/>
      <c r="AT3874" s="53"/>
      <c r="AU3874" s="53"/>
      <c r="AV3874" s="53"/>
      <c r="AW3874" s="53"/>
      <c r="AX3874" s="53"/>
      <c r="AY3874" s="53"/>
      <c r="AZ3874" s="53"/>
      <c r="BA3874" s="53"/>
      <c r="BB3874" s="53"/>
      <c r="BC3874" s="53"/>
      <c r="BD3874" s="53"/>
      <c r="BE3874" s="53"/>
      <c r="BF3874" s="53"/>
      <c r="BG3874" s="53"/>
      <c r="BH3874" s="53"/>
      <c r="BI3874" s="53"/>
      <c r="BJ3874" s="53"/>
      <c r="BK3874" s="53"/>
      <c r="BL3874" s="53"/>
      <c r="BM3874" s="53"/>
      <c r="BN3874" s="53"/>
      <c r="BO3874" s="53"/>
      <c r="BP3874" s="53"/>
      <c r="BQ3874" s="53"/>
      <c r="BR3874" s="53"/>
      <c r="BS3874" s="53"/>
      <c r="BT3874" s="53"/>
      <c r="BU3874" s="53"/>
      <c r="BV3874" s="53"/>
      <c r="BW3874" s="53"/>
      <c r="BX3874" s="53"/>
      <c r="BY3874" s="53"/>
      <c r="BZ3874" s="53"/>
      <c r="CA3874" s="53"/>
      <c r="CB3874" s="53"/>
      <c r="CC3874" s="53"/>
      <c r="CD3874" s="53"/>
      <c r="CE3874" s="53"/>
      <c r="CF3874" s="53"/>
      <c r="CG3874" s="53"/>
      <c r="CH3874" s="53"/>
      <c r="CI3874" s="53"/>
      <c r="CJ3874" s="53"/>
      <c r="CK3874" s="53"/>
      <c r="CL3874" s="53"/>
      <c r="CM3874" s="53"/>
      <c r="CN3874" s="53"/>
    </row>
    <row r="3875" spans="1:92" outlineLevel="1">
      <c r="A3875" s="52" t="s">
        <v>1593</v>
      </c>
      <c r="B3875" s="53"/>
      <c r="C3875" s="53"/>
      <c r="D3875" s="53"/>
      <c r="E3875" s="53"/>
      <c r="F3875" s="53"/>
      <c r="G3875" s="53"/>
      <c r="H3875" s="53"/>
      <c r="I3875" s="53"/>
      <c r="J3875" s="53"/>
      <c r="K3875" s="53"/>
      <c r="L3875" s="53"/>
      <c r="M3875" s="53"/>
      <c r="N3875" s="53"/>
      <c r="O3875" s="53"/>
      <c r="P3875" s="53"/>
      <c r="Q3875" s="53"/>
      <c r="R3875" s="53"/>
      <c r="S3875" s="53"/>
      <c r="T3875" s="53"/>
      <c r="U3875" s="53"/>
      <c r="V3875" s="53"/>
      <c r="W3875" s="53"/>
      <c r="X3875" s="53"/>
      <c r="Y3875" s="53"/>
      <c r="Z3875" s="53"/>
      <c r="AA3875" s="53"/>
      <c r="AB3875" s="53"/>
      <c r="AC3875" s="53"/>
      <c r="AD3875" s="53"/>
      <c r="AE3875" s="53"/>
      <c r="AF3875" s="53"/>
      <c r="AG3875" s="53"/>
      <c r="AH3875" s="53"/>
      <c r="AI3875" s="53"/>
      <c r="AJ3875" s="53"/>
      <c r="AK3875" s="53"/>
      <c r="AL3875" s="53"/>
      <c r="AM3875" s="53"/>
      <c r="AN3875" s="53"/>
      <c r="AO3875" s="53"/>
      <c r="AP3875" s="53"/>
      <c r="AQ3875" s="53"/>
      <c r="AR3875" s="53"/>
      <c r="AS3875" s="53"/>
      <c r="AT3875" s="53"/>
      <c r="AU3875" s="53"/>
      <c r="AV3875" s="53"/>
      <c r="AW3875" s="53"/>
      <c r="AX3875" s="53"/>
      <c r="AY3875" s="53"/>
      <c r="AZ3875" s="53"/>
      <c r="BA3875" s="53"/>
      <c r="BB3875" s="53"/>
      <c r="BC3875" s="53"/>
      <c r="BD3875" s="53"/>
      <c r="BE3875" s="53"/>
      <c r="BF3875" s="53"/>
      <c r="BG3875" s="53"/>
      <c r="BH3875" s="53"/>
      <c r="BI3875" s="53"/>
      <c r="BJ3875" s="53"/>
      <c r="BK3875" s="53"/>
      <c r="BL3875" s="53"/>
      <c r="BM3875" s="53"/>
      <c r="BN3875" s="53"/>
      <c r="BO3875" s="53"/>
      <c r="BP3875" s="53"/>
      <c r="BQ3875" s="53"/>
      <c r="BR3875" s="53"/>
      <c r="BS3875" s="53"/>
      <c r="BT3875" s="53"/>
      <c r="BU3875" s="53"/>
      <c r="BV3875" s="53"/>
      <c r="BW3875" s="53"/>
      <c r="BX3875" s="53"/>
      <c r="BY3875" s="53"/>
      <c r="BZ3875" s="53"/>
      <c r="CA3875" s="53"/>
      <c r="CB3875" s="53"/>
      <c r="CC3875" s="53"/>
      <c r="CD3875" s="53"/>
      <c r="CE3875" s="53"/>
      <c r="CF3875" s="53"/>
      <c r="CG3875" s="53"/>
      <c r="CH3875" s="53"/>
      <c r="CI3875" s="53"/>
      <c r="CJ3875" s="53"/>
      <c r="CK3875" s="53"/>
      <c r="CL3875" s="53"/>
      <c r="CM3875" s="53"/>
      <c r="CN3875" s="53"/>
    </row>
    <row r="3876" spans="1:92" outlineLevel="1">
      <c r="A3876" s="52" t="s">
        <v>711</v>
      </c>
      <c r="B3876" s="53">
        <v>15351.524590163899</v>
      </c>
      <c r="C3876" s="53">
        <v>15351.524590163899</v>
      </c>
      <c r="D3876" s="53">
        <v>15351.524590163899</v>
      </c>
      <c r="E3876" s="53">
        <v>15351.524590163899</v>
      </c>
      <c r="F3876" s="53">
        <v>15351.524590163899</v>
      </c>
      <c r="G3876" s="53">
        <v>15351.524590163899</v>
      </c>
      <c r="H3876" s="53">
        <v>15351.524590163899</v>
      </c>
      <c r="I3876" s="53">
        <v>15351.524590163899</v>
      </c>
      <c r="J3876" s="53">
        <v>15351.524590163899</v>
      </c>
      <c r="K3876" s="53">
        <v>15351.524590163899</v>
      </c>
      <c r="L3876" s="53">
        <v>15351.524590163899</v>
      </c>
      <c r="M3876" s="53">
        <v>15351.524590163899</v>
      </c>
      <c r="N3876" s="53">
        <v>184218.29508196699</v>
      </c>
      <c r="O3876" s="53">
        <v>15351.524590163899</v>
      </c>
      <c r="P3876" s="53">
        <v>15351.524590163899</v>
      </c>
      <c r="Q3876" s="53">
        <v>15351.524590163899</v>
      </c>
      <c r="R3876" s="53">
        <v>15351.524590163899</v>
      </c>
      <c r="S3876" s="53">
        <v>15351.524590163899</v>
      </c>
      <c r="T3876" s="53">
        <v>15351.524590163899</v>
      </c>
      <c r="U3876" s="53">
        <v>15351.524590163899</v>
      </c>
      <c r="V3876" s="53">
        <v>15351.524590163899</v>
      </c>
      <c r="W3876" s="53">
        <v>15351.524590163899</v>
      </c>
      <c r="X3876" s="53">
        <v>15351.524590163899</v>
      </c>
      <c r="Y3876" s="53">
        <v>15351.524590163899</v>
      </c>
      <c r="Z3876" s="53">
        <v>15351.524590163899</v>
      </c>
      <c r="AA3876" s="53">
        <v>184218.29508196699</v>
      </c>
      <c r="AB3876" s="53">
        <v>15351.524590163899</v>
      </c>
      <c r="AC3876" s="53">
        <v>15351.524590163899</v>
      </c>
      <c r="AD3876" s="53">
        <v>15351.524590163899</v>
      </c>
      <c r="AE3876" s="53">
        <v>15351.524590163899</v>
      </c>
      <c r="AF3876" s="53">
        <v>15351.524590163899</v>
      </c>
      <c r="AG3876" s="53">
        <v>15351.524590163899</v>
      </c>
      <c r="AH3876" s="53">
        <v>15351.524590163899</v>
      </c>
      <c r="AI3876" s="53">
        <v>15351.524590163899</v>
      </c>
      <c r="AJ3876" s="53">
        <v>15351.524590163899</v>
      </c>
      <c r="AK3876" s="53">
        <v>15351.524590163899</v>
      </c>
      <c r="AL3876" s="53">
        <v>15351.524590163899</v>
      </c>
      <c r="AM3876" s="53">
        <v>15351.524590163899</v>
      </c>
      <c r="AN3876" s="53">
        <v>184218.29508196699</v>
      </c>
      <c r="AO3876" s="53">
        <v>15351.524590163899</v>
      </c>
      <c r="AP3876" s="53">
        <v>15351.524590163899</v>
      </c>
      <c r="AQ3876" s="53">
        <v>15351.524590163899</v>
      </c>
      <c r="AR3876" s="53">
        <v>15351.524590163899</v>
      </c>
      <c r="AS3876" s="53">
        <v>15351.524590163899</v>
      </c>
      <c r="AT3876" s="53">
        <v>15351.524590163899</v>
      </c>
      <c r="AU3876" s="53">
        <v>15351.524590163899</v>
      </c>
      <c r="AV3876" s="53">
        <v>15351.524590163899</v>
      </c>
      <c r="AW3876" s="53">
        <v>15351.524590163899</v>
      </c>
      <c r="AX3876" s="53">
        <v>15351.524590163899</v>
      </c>
      <c r="AY3876" s="53">
        <v>15351.524590163899</v>
      </c>
      <c r="AZ3876" s="53">
        <v>15351.524590163899</v>
      </c>
      <c r="BA3876" s="53">
        <v>184218.29508196699</v>
      </c>
      <c r="BB3876" s="53">
        <v>15351.524590163899</v>
      </c>
      <c r="BC3876" s="53">
        <v>15351.524590163899</v>
      </c>
      <c r="BD3876" s="53">
        <v>15351.524590163899</v>
      </c>
      <c r="BE3876" s="53">
        <v>15351.524590163899</v>
      </c>
      <c r="BF3876" s="53">
        <v>15351.524590163899</v>
      </c>
      <c r="BG3876" s="53">
        <v>15351.524590163899</v>
      </c>
      <c r="BH3876" s="53">
        <v>15351.524590163899</v>
      </c>
      <c r="BI3876" s="53">
        <v>15351.524590163899</v>
      </c>
      <c r="BJ3876" s="53">
        <v>15351.524590163899</v>
      </c>
      <c r="BK3876" s="53">
        <v>15351.524590163899</v>
      </c>
      <c r="BL3876" s="53">
        <v>15351.524590163899</v>
      </c>
      <c r="BM3876" s="53">
        <v>15351.524590163899</v>
      </c>
      <c r="BN3876" s="53">
        <v>184218.29508196699</v>
      </c>
      <c r="BO3876" s="53">
        <v>15351.524590163899</v>
      </c>
      <c r="BP3876" s="53"/>
      <c r="BQ3876" s="53"/>
      <c r="BR3876" s="53"/>
      <c r="BS3876" s="53"/>
      <c r="BT3876" s="53"/>
      <c r="BU3876" s="53"/>
      <c r="BV3876" s="53"/>
      <c r="BW3876" s="53"/>
      <c r="BX3876" s="53"/>
      <c r="BY3876" s="53"/>
      <c r="BZ3876" s="53"/>
      <c r="CA3876" s="53">
        <v>15351.524590163899</v>
      </c>
      <c r="CB3876" s="53"/>
      <c r="CC3876" s="53"/>
      <c r="CD3876" s="53"/>
      <c r="CE3876" s="53"/>
      <c r="CF3876" s="53"/>
      <c r="CG3876" s="53"/>
      <c r="CH3876" s="53"/>
      <c r="CI3876" s="53"/>
      <c r="CJ3876" s="53"/>
      <c r="CK3876" s="53"/>
      <c r="CL3876" s="53"/>
      <c r="CM3876" s="53"/>
      <c r="CN3876" s="53"/>
    </row>
    <row r="3877" spans="1:92" outlineLevel="1">
      <c r="A3877" s="52" t="s">
        <v>712</v>
      </c>
      <c r="B3877" s="53">
        <v>8310.1065573770393</v>
      </c>
      <c r="C3877" s="53">
        <v>8310.1065573770393</v>
      </c>
      <c r="D3877" s="53">
        <v>8310.1065573770393</v>
      </c>
      <c r="E3877" s="53">
        <v>8310.1065573770393</v>
      </c>
      <c r="F3877" s="53">
        <v>8310.1065573770502</v>
      </c>
      <c r="G3877" s="53">
        <v>8310.1065573770502</v>
      </c>
      <c r="H3877" s="53">
        <v>8310.1065573770502</v>
      </c>
      <c r="I3877" s="53">
        <v>8310.1065573770502</v>
      </c>
      <c r="J3877" s="53">
        <v>8310.1065573770502</v>
      </c>
      <c r="K3877" s="53">
        <v>8310.1065573770502</v>
      </c>
      <c r="L3877" s="53">
        <v>8310.1065573770502</v>
      </c>
      <c r="M3877" s="53">
        <v>8310.1065573770502</v>
      </c>
      <c r="N3877" s="53">
        <v>99721.278688524602</v>
      </c>
      <c r="O3877" s="53">
        <v>8310.1065573770502</v>
      </c>
      <c r="P3877" s="53">
        <v>8310.1065573770502</v>
      </c>
      <c r="Q3877" s="53">
        <v>8310.1065573770502</v>
      </c>
      <c r="R3877" s="53">
        <v>8310.1065573770502</v>
      </c>
      <c r="S3877" s="53">
        <v>8310.1065573770502</v>
      </c>
      <c r="T3877" s="53">
        <v>8310.1065573770502</v>
      </c>
      <c r="U3877" s="53">
        <v>8310.1065573770502</v>
      </c>
      <c r="V3877" s="53">
        <v>8310.1065573770502</v>
      </c>
      <c r="W3877" s="53">
        <v>8310.1065573770502</v>
      </c>
      <c r="X3877" s="53">
        <v>8310.1065573770502</v>
      </c>
      <c r="Y3877" s="53">
        <v>8310.1065573770502</v>
      </c>
      <c r="Z3877" s="53">
        <v>8310.1065573770502</v>
      </c>
      <c r="AA3877" s="53">
        <v>99721.278688524602</v>
      </c>
      <c r="AB3877" s="53">
        <v>8310.1065573770502</v>
      </c>
      <c r="AC3877" s="53">
        <v>8310.1065573770502</v>
      </c>
      <c r="AD3877" s="53">
        <v>8310.1065573770502</v>
      </c>
      <c r="AE3877" s="53">
        <v>8310.1065573770502</v>
      </c>
      <c r="AF3877" s="53">
        <v>8310.1065573770502</v>
      </c>
      <c r="AG3877" s="53">
        <v>8310.1065573770502</v>
      </c>
      <c r="AH3877" s="53">
        <v>8310.1065573770502</v>
      </c>
      <c r="AI3877" s="53">
        <v>8310.1065573770502</v>
      </c>
      <c r="AJ3877" s="53">
        <v>8310.1065573770502</v>
      </c>
      <c r="AK3877" s="53">
        <v>8310.1065573770502</v>
      </c>
      <c r="AL3877" s="53">
        <v>8310.1065573770502</v>
      </c>
      <c r="AM3877" s="53">
        <v>8310.1065573770502</v>
      </c>
      <c r="AN3877" s="53">
        <v>99721.278688524602</v>
      </c>
      <c r="AO3877" s="53">
        <v>8310.1065573770593</v>
      </c>
      <c r="AP3877" s="53">
        <v>8310.1065573770593</v>
      </c>
      <c r="AQ3877" s="53">
        <v>8310.1065573770593</v>
      </c>
      <c r="AR3877" s="53">
        <v>8310.1065573770593</v>
      </c>
      <c r="AS3877" s="53">
        <v>8310.1065573770593</v>
      </c>
      <c r="AT3877" s="53">
        <v>8310.1065573770593</v>
      </c>
      <c r="AU3877" s="53">
        <v>8310.1065573770593</v>
      </c>
      <c r="AV3877" s="53">
        <v>8310.1065573770593</v>
      </c>
      <c r="AW3877" s="53">
        <v>8310.1065573770593</v>
      </c>
      <c r="AX3877" s="53">
        <v>8310.1065573770593</v>
      </c>
      <c r="AY3877" s="53">
        <v>8310.1065573770593</v>
      </c>
      <c r="AZ3877" s="53">
        <v>8310.1065573770593</v>
      </c>
      <c r="BA3877" s="53">
        <v>99721.278688524704</v>
      </c>
      <c r="BB3877" s="53">
        <v>8310.1065573770593</v>
      </c>
      <c r="BC3877" s="53">
        <v>8310.1065573770593</v>
      </c>
      <c r="BD3877" s="53">
        <v>8310.1065573770593</v>
      </c>
      <c r="BE3877" s="53">
        <v>8310.1065573770593</v>
      </c>
      <c r="BF3877" s="53">
        <v>8310.1065573770593</v>
      </c>
      <c r="BG3877" s="53">
        <v>8310.1065573770593</v>
      </c>
      <c r="BH3877" s="53">
        <v>8310.1065573770593</v>
      </c>
      <c r="BI3877" s="53">
        <v>8310.1065573770593</v>
      </c>
      <c r="BJ3877" s="53">
        <v>8310.1065573770593</v>
      </c>
      <c r="BK3877" s="53">
        <v>8310.1065573770702</v>
      </c>
      <c r="BL3877" s="53">
        <v>8310.1065573770702</v>
      </c>
      <c r="BM3877" s="53">
        <v>8310.1065573770702</v>
      </c>
      <c r="BN3877" s="53">
        <v>99721.278688524806</v>
      </c>
      <c r="BO3877" s="53">
        <v>8310.1065573770702</v>
      </c>
      <c r="BP3877" s="53">
        <v>8310.1065573770702</v>
      </c>
      <c r="BQ3877" s="53">
        <v>8310.1065573770702</v>
      </c>
      <c r="BR3877" s="53">
        <v>8310.1065573770702</v>
      </c>
      <c r="BS3877" s="53">
        <v>8310.1065573770702</v>
      </c>
      <c r="BT3877" s="53">
        <v>8310.1065573770702</v>
      </c>
      <c r="BU3877" s="53">
        <v>8310.1065573770702</v>
      </c>
      <c r="BV3877" s="53">
        <v>8310.1065573770702</v>
      </c>
      <c r="BW3877" s="53">
        <v>8310.1065573770702</v>
      </c>
      <c r="BX3877" s="53">
        <v>8310.1065573770702</v>
      </c>
      <c r="BY3877" s="53">
        <v>8310.1065573770702</v>
      </c>
      <c r="BZ3877" s="53">
        <v>8310.1065573770593</v>
      </c>
      <c r="CA3877" s="53">
        <v>99721.278688524806</v>
      </c>
      <c r="CB3877" s="53"/>
      <c r="CC3877" s="53"/>
      <c r="CD3877" s="53"/>
      <c r="CE3877" s="53"/>
      <c r="CF3877" s="53"/>
      <c r="CG3877" s="53"/>
      <c r="CH3877" s="53"/>
      <c r="CI3877" s="53"/>
      <c r="CJ3877" s="53"/>
      <c r="CK3877" s="53"/>
      <c r="CL3877" s="53"/>
      <c r="CM3877" s="53"/>
      <c r="CN3877" s="53"/>
    </row>
    <row r="3878" spans="1:92" outlineLevel="1">
      <c r="A3878" s="52" t="s">
        <v>713</v>
      </c>
      <c r="B3878" s="53">
        <v>18632.7082152974</v>
      </c>
      <c r="C3878" s="53">
        <v>18632.7082152974</v>
      </c>
      <c r="D3878" s="53">
        <v>18632.7082152974</v>
      </c>
      <c r="E3878" s="53">
        <v>18632.7082152974</v>
      </c>
      <c r="F3878" s="53">
        <v>18632.7082152974</v>
      </c>
      <c r="G3878" s="53">
        <v>18632.7082152974</v>
      </c>
      <c r="H3878" s="53">
        <v>18632.7082152974</v>
      </c>
      <c r="I3878" s="53">
        <v>18632.7082152974</v>
      </c>
      <c r="J3878" s="53">
        <v>18632.7082152974</v>
      </c>
      <c r="K3878" s="53">
        <v>18632.7082152974</v>
      </c>
      <c r="L3878" s="53">
        <v>18632.7082152974</v>
      </c>
      <c r="M3878" s="53">
        <v>18632.7082152974</v>
      </c>
      <c r="N3878" s="53">
        <v>223592.49858356899</v>
      </c>
      <c r="O3878" s="53">
        <v>18632.7082152974</v>
      </c>
      <c r="P3878" s="53">
        <v>18632.7082152974</v>
      </c>
      <c r="Q3878" s="53">
        <v>18632.7082152974</v>
      </c>
      <c r="R3878" s="53">
        <v>18632.7082152974</v>
      </c>
      <c r="S3878" s="53">
        <v>18632.7082152974</v>
      </c>
      <c r="T3878" s="53">
        <v>18632.7082152974</v>
      </c>
      <c r="U3878" s="53">
        <v>18632.7082152974</v>
      </c>
      <c r="V3878" s="53">
        <v>18632.7082152974</v>
      </c>
      <c r="W3878" s="53">
        <v>18632.7082152974</v>
      </c>
      <c r="X3878" s="53">
        <v>18632.7082152974</v>
      </c>
      <c r="Y3878" s="53">
        <v>18632.7082152974</v>
      </c>
      <c r="Z3878" s="53">
        <v>18632.7082152974</v>
      </c>
      <c r="AA3878" s="53">
        <v>223592.49858356899</v>
      </c>
      <c r="AB3878" s="53">
        <v>18632.7082152974</v>
      </c>
      <c r="AC3878" s="53">
        <v>18632.7082152974</v>
      </c>
      <c r="AD3878" s="53">
        <v>18632.7082152974</v>
      </c>
      <c r="AE3878" s="53">
        <v>18632.7082152974</v>
      </c>
      <c r="AF3878" s="53">
        <v>18632.7082152974</v>
      </c>
      <c r="AG3878" s="53">
        <v>18632.7082152974</v>
      </c>
      <c r="AH3878" s="53">
        <v>18632.7082152974</v>
      </c>
      <c r="AI3878" s="53">
        <v>18632.7082152974</v>
      </c>
      <c r="AJ3878" s="53">
        <v>18632.7082152974</v>
      </c>
      <c r="AK3878" s="53">
        <v>18632.7082152974</v>
      </c>
      <c r="AL3878" s="53">
        <v>18632.7082152974</v>
      </c>
      <c r="AM3878" s="53">
        <v>18632.7082152974</v>
      </c>
      <c r="AN3878" s="53">
        <v>223592.49858356899</v>
      </c>
      <c r="AO3878" s="53">
        <v>18632.7082152974</v>
      </c>
      <c r="AP3878" s="53">
        <v>18632.7082152974</v>
      </c>
      <c r="AQ3878" s="53">
        <v>18632.7082152974</v>
      </c>
      <c r="AR3878" s="53">
        <v>18632.7082152974</v>
      </c>
      <c r="AS3878" s="53">
        <v>18632.7082152974</v>
      </c>
      <c r="AT3878" s="53">
        <v>18632.7082152974</v>
      </c>
      <c r="AU3878" s="53">
        <v>18632.7082152974</v>
      </c>
      <c r="AV3878" s="53">
        <v>18632.7082152974</v>
      </c>
      <c r="AW3878" s="53">
        <v>18632.7082152974</v>
      </c>
      <c r="AX3878" s="53">
        <v>18632.7082152974</v>
      </c>
      <c r="AY3878" s="53">
        <v>18632.7082152974</v>
      </c>
      <c r="AZ3878" s="53">
        <v>18632.7082152974</v>
      </c>
      <c r="BA3878" s="53">
        <v>223592.49858356899</v>
      </c>
      <c r="BB3878" s="53">
        <v>18632.7082152974</v>
      </c>
      <c r="BC3878" s="53">
        <v>18632.7082152974</v>
      </c>
      <c r="BD3878" s="53">
        <v>18632.7082152974</v>
      </c>
      <c r="BE3878" s="53">
        <v>18632.7082152974</v>
      </c>
      <c r="BF3878" s="53">
        <v>18632.7082152974</v>
      </c>
      <c r="BG3878" s="53">
        <v>18632.7082152974</v>
      </c>
      <c r="BH3878" s="53">
        <v>18632.7082152974</v>
      </c>
      <c r="BI3878" s="53">
        <v>18632.7082152974</v>
      </c>
      <c r="BJ3878" s="53">
        <v>18632.7082152974</v>
      </c>
      <c r="BK3878" s="53">
        <v>18632.7082152974</v>
      </c>
      <c r="BL3878" s="53">
        <v>18632.7082152974</v>
      </c>
      <c r="BM3878" s="53">
        <v>18632.7082152974</v>
      </c>
      <c r="BN3878" s="53">
        <v>223592.49858356899</v>
      </c>
      <c r="BO3878" s="53">
        <v>18632.7082152974</v>
      </c>
      <c r="BP3878" s="53">
        <v>18632.7082152974</v>
      </c>
      <c r="BQ3878" s="53">
        <v>18632.7082152974</v>
      </c>
      <c r="BR3878" s="53">
        <v>18632.7082152974</v>
      </c>
      <c r="BS3878" s="53">
        <v>18632.7082152974</v>
      </c>
      <c r="BT3878" s="53">
        <v>18632.7082152974</v>
      </c>
      <c r="BU3878" s="53">
        <v>18632.7082152974</v>
      </c>
      <c r="BV3878" s="53">
        <v>18632.7082152974</v>
      </c>
      <c r="BW3878" s="53">
        <v>18632.7082152974</v>
      </c>
      <c r="BX3878" s="53">
        <v>18632.7082152974</v>
      </c>
      <c r="BY3878" s="53">
        <v>18632.7082152974</v>
      </c>
      <c r="BZ3878" s="53">
        <v>18632.7082152974</v>
      </c>
      <c r="CA3878" s="53">
        <v>223592.49858356899</v>
      </c>
      <c r="CB3878" s="53"/>
      <c r="CC3878" s="53"/>
      <c r="CD3878" s="53"/>
      <c r="CE3878" s="53"/>
      <c r="CF3878" s="53"/>
      <c r="CG3878" s="53"/>
      <c r="CH3878" s="53"/>
      <c r="CI3878" s="53"/>
      <c r="CJ3878" s="53"/>
      <c r="CK3878" s="53"/>
      <c r="CL3878" s="53"/>
      <c r="CM3878" s="53"/>
      <c r="CN3878" s="53"/>
    </row>
    <row r="3879" spans="1:92" outlineLevel="1">
      <c r="A3879" s="52" t="s">
        <v>716</v>
      </c>
      <c r="B3879" s="53">
        <v>36488.3342318059</v>
      </c>
      <c r="C3879" s="53">
        <v>36488.3342318059</v>
      </c>
      <c r="D3879" s="53">
        <v>36488.3342318059</v>
      </c>
      <c r="E3879" s="53">
        <v>36488.3342318059</v>
      </c>
      <c r="F3879" s="53">
        <v>36488.3342318059</v>
      </c>
      <c r="G3879" s="53">
        <v>36488.3342318059</v>
      </c>
      <c r="H3879" s="53">
        <v>36488.3342318059</v>
      </c>
      <c r="I3879" s="53">
        <v>36488.3342318059</v>
      </c>
      <c r="J3879" s="53">
        <v>36488.3342318059</v>
      </c>
      <c r="K3879" s="53">
        <v>36488.3342318059</v>
      </c>
      <c r="L3879" s="53">
        <v>36488.3342318059</v>
      </c>
      <c r="M3879" s="53">
        <v>36488.3342318059</v>
      </c>
      <c r="N3879" s="53">
        <v>437860.01078167098</v>
      </c>
      <c r="O3879" s="53">
        <v>36488.3342318059</v>
      </c>
      <c r="P3879" s="53">
        <v>36488.3342318059</v>
      </c>
      <c r="Q3879" s="53">
        <v>36488.3342318059</v>
      </c>
      <c r="R3879" s="53">
        <v>36488.3342318059</v>
      </c>
      <c r="S3879" s="53">
        <v>36488.3342318059</v>
      </c>
      <c r="T3879" s="53">
        <v>36488.3342318059</v>
      </c>
      <c r="U3879" s="53">
        <v>36488.3342318059</v>
      </c>
      <c r="V3879" s="53">
        <v>36488.3342318059</v>
      </c>
      <c r="W3879" s="53">
        <v>36488.334231805798</v>
      </c>
      <c r="X3879" s="53">
        <v>36488.334231805798</v>
      </c>
      <c r="Y3879" s="53">
        <v>36488.334231805798</v>
      </c>
      <c r="Z3879" s="53">
        <v>36488.334231805798</v>
      </c>
      <c r="AA3879" s="53">
        <v>437860.01078166999</v>
      </c>
      <c r="AB3879" s="53">
        <v>36488.334231805798</v>
      </c>
      <c r="AC3879" s="53">
        <v>36488.334231805798</v>
      </c>
      <c r="AD3879" s="53">
        <v>36488.334231805798</v>
      </c>
      <c r="AE3879" s="53">
        <v>36488.334231805798</v>
      </c>
      <c r="AF3879" s="53">
        <v>36488.334231805798</v>
      </c>
      <c r="AG3879" s="53">
        <v>36488.334231805798</v>
      </c>
      <c r="AH3879" s="53">
        <v>36488.334231805798</v>
      </c>
      <c r="AI3879" s="53">
        <v>36488.334231805798</v>
      </c>
      <c r="AJ3879" s="53">
        <v>36488.334231805798</v>
      </c>
      <c r="AK3879" s="53">
        <v>36488.334231805798</v>
      </c>
      <c r="AL3879" s="53">
        <v>36488.334231805798</v>
      </c>
      <c r="AM3879" s="53">
        <v>36488.334231805798</v>
      </c>
      <c r="AN3879" s="53">
        <v>437860.01078166999</v>
      </c>
      <c r="AO3879" s="53">
        <v>36488.334231805798</v>
      </c>
      <c r="AP3879" s="53">
        <v>36488.334231805798</v>
      </c>
      <c r="AQ3879" s="53">
        <v>36488.334231805798</v>
      </c>
      <c r="AR3879" s="53">
        <v>36488.334231805798</v>
      </c>
      <c r="AS3879" s="53">
        <v>36488.334231805798</v>
      </c>
      <c r="AT3879" s="53">
        <v>36488.334231805798</v>
      </c>
      <c r="AU3879" s="53">
        <v>36488.334231805798</v>
      </c>
      <c r="AV3879" s="53">
        <v>36488.334231805798</v>
      </c>
      <c r="AW3879" s="53">
        <v>36488.334231805798</v>
      </c>
      <c r="AX3879" s="53">
        <v>36488.334231805798</v>
      </c>
      <c r="AY3879" s="53">
        <v>36488.334231805798</v>
      </c>
      <c r="AZ3879" s="53">
        <v>36488.334231805798</v>
      </c>
      <c r="BA3879" s="53">
        <v>437860.01078166999</v>
      </c>
      <c r="BB3879" s="53">
        <v>36488.334231805798</v>
      </c>
      <c r="BC3879" s="53">
        <v>36488.334231805798</v>
      </c>
      <c r="BD3879" s="53">
        <v>36488.334231805798</v>
      </c>
      <c r="BE3879" s="53">
        <v>36488.334231805798</v>
      </c>
      <c r="BF3879" s="53">
        <v>36488.334231805798</v>
      </c>
      <c r="BG3879" s="53">
        <v>36488.334231805798</v>
      </c>
      <c r="BH3879" s="53">
        <v>36488.334231805798</v>
      </c>
      <c r="BI3879" s="53">
        <v>36488.334231805798</v>
      </c>
      <c r="BJ3879" s="53">
        <v>36488.334231805798</v>
      </c>
      <c r="BK3879" s="53">
        <v>36488.334231805798</v>
      </c>
      <c r="BL3879" s="53">
        <v>36488.334231805798</v>
      </c>
      <c r="BM3879" s="53">
        <v>36488.334231805697</v>
      </c>
      <c r="BN3879" s="53">
        <v>437860.010781669</v>
      </c>
      <c r="BO3879" s="53">
        <v>36488.334231805697</v>
      </c>
      <c r="BP3879" s="53">
        <v>36488.334231805697</v>
      </c>
      <c r="BQ3879" s="53">
        <v>36488.334231805697</v>
      </c>
      <c r="BR3879" s="53">
        <v>36488.334231805697</v>
      </c>
      <c r="BS3879" s="53">
        <v>36488.334231805697</v>
      </c>
      <c r="BT3879" s="53">
        <v>36488.334231805697</v>
      </c>
      <c r="BU3879" s="53">
        <v>36488.334231805697</v>
      </c>
      <c r="BV3879" s="53">
        <v>36488.334231805697</v>
      </c>
      <c r="BW3879" s="53">
        <v>36488.334231805697</v>
      </c>
      <c r="BX3879" s="53">
        <v>36488.334231805697</v>
      </c>
      <c r="BY3879" s="53">
        <v>36488.334231805697</v>
      </c>
      <c r="BZ3879" s="53">
        <v>36488.334231805697</v>
      </c>
      <c r="CA3879" s="53">
        <v>437860.010781669</v>
      </c>
      <c r="CB3879" s="53"/>
      <c r="CC3879" s="53"/>
      <c r="CD3879" s="53"/>
      <c r="CE3879" s="53"/>
      <c r="CF3879" s="53"/>
      <c r="CG3879" s="53"/>
      <c r="CH3879" s="53"/>
      <c r="CI3879" s="53"/>
      <c r="CJ3879" s="53"/>
      <c r="CK3879" s="53"/>
      <c r="CL3879" s="53"/>
      <c r="CM3879" s="53"/>
      <c r="CN3879" s="53"/>
    </row>
    <row r="3880" spans="1:92" outlineLevel="1">
      <c r="A3880" s="52" t="s">
        <v>717</v>
      </c>
      <c r="B3880" s="53">
        <v>13019.144927536199</v>
      </c>
      <c r="C3880" s="53">
        <v>13019.144927536199</v>
      </c>
      <c r="D3880" s="53">
        <v>13019.144927536199</v>
      </c>
      <c r="E3880" s="53">
        <v>13019.144927536199</v>
      </c>
      <c r="F3880" s="53">
        <v>13019.144927536199</v>
      </c>
      <c r="G3880" s="53">
        <v>13019.144927536199</v>
      </c>
      <c r="H3880" s="53">
        <v>13019.144927536199</v>
      </c>
      <c r="I3880" s="53">
        <v>13019.144927536199</v>
      </c>
      <c r="J3880" s="53">
        <v>13019.144927536199</v>
      </c>
      <c r="K3880" s="53">
        <v>13019.144927536199</v>
      </c>
      <c r="L3880" s="53">
        <v>13019.144927536199</v>
      </c>
      <c r="M3880" s="53">
        <v>13019.144927536199</v>
      </c>
      <c r="N3880" s="53">
        <v>156229.739130434</v>
      </c>
      <c r="O3880" s="53">
        <v>13019.144927536199</v>
      </c>
      <c r="P3880" s="53">
        <v>13019.144927536199</v>
      </c>
      <c r="Q3880" s="53">
        <v>13019.144927536199</v>
      </c>
      <c r="R3880" s="53">
        <v>13019.144927536199</v>
      </c>
      <c r="S3880" s="53">
        <v>13019.144927536199</v>
      </c>
      <c r="T3880" s="53">
        <v>13019.144927536199</v>
      </c>
      <c r="U3880" s="53">
        <v>13019.144927536199</v>
      </c>
      <c r="V3880" s="53">
        <v>13019.144927536199</v>
      </c>
      <c r="W3880" s="53">
        <v>13019.144927536199</v>
      </c>
      <c r="X3880" s="53">
        <v>13019.144927536199</v>
      </c>
      <c r="Y3880" s="53">
        <v>13019.144927536199</v>
      </c>
      <c r="Z3880" s="53">
        <v>13019.144927536199</v>
      </c>
      <c r="AA3880" s="53">
        <v>156229.739130434</v>
      </c>
      <c r="AB3880" s="53">
        <v>13019.144927536199</v>
      </c>
      <c r="AC3880" s="53">
        <v>13019.144927536199</v>
      </c>
      <c r="AD3880" s="53">
        <v>13019.144927536199</v>
      </c>
      <c r="AE3880" s="53">
        <v>13019.144927536199</v>
      </c>
      <c r="AF3880" s="53">
        <v>13019.144927536199</v>
      </c>
      <c r="AG3880" s="53">
        <v>13019.144927536199</v>
      </c>
      <c r="AH3880" s="53">
        <v>13019.144927536199</v>
      </c>
      <c r="AI3880" s="53">
        <v>13019.144927536199</v>
      </c>
      <c r="AJ3880" s="53">
        <v>13019.144927536199</v>
      </c>
      <c r="AK3880" s="53">
        <v>13019.144927536199</v>
      </c>
      <c r="AL3880" s="53">
        <v>13019.144927536199</v>
      </c>
      <c r="AM3880" s="53">
        <v>13019.144927536199</v>
      </c>
      <c r="AN3880" s="53">
        <v>156229.739130434</v>
      </c>
      <c r="AO3880" s="53">
        <v>13019.144927536199</v>
      </c>
      <c r="AP3880" s="53">
        <v>13019.144927536199</v>
      </c>
      <c r="AQ3880" s="53">
        <v>13019.144927536199</v>
      </c>
      <c r="AR3880" s="53">
        <v>13019.144927536199</v>
      </c>
      <c r="AS3880" s="53">
        <v>13019.144927536199</v>
      </c>
      <c r="AT3880" s="53">
        <v>13019.144927536199</v>
      </c>
      <c r="AU3880" s="53">
        <v>13019.144927536199</v>
      </c>
      <c r="AV3880" s="53">
        <v>13019.144927536199</v>
      </c>
      <c r="AW3880" s="53">
        <v>13019.144927536199</v>
      </c>
      <c r="AX3880" s="53">
        <v>13019.144927536199</v>
      </c>
      <c r="AY3880" s="53">
        <v>13019.144927536199</v>
      </c>
      <c r="AZ3880" s="53">
        <v>13019.144927536199</v>
      </c>
      <c r="BA3880" s="53">
        <v>156229.739130434</v>
      </c>
      <c r="BB3880" s="53">
        <v>13019.144927536199</v>
      </c>
      <c r="BC3880" s="53">
        <v>13019.144927536199</v>
      </c>
      <c r="BD3880" s="53">
        <v>13019.144927536199</v>
      </c>
      <c r="BE3880" s="53">
        <v>13019.144927536199</v>
      </c>
      <c r="BF3880" s="53">
        <v>13019.144927536199</v>
      </c>
      <c r="BG3880" s="53">
        <v>13019.144927536199</v>
      </c>
      <c r="BH3880" s="53">
        <v>13019.144927536199</v>
      </c>
      <c r="BI3880" s="53">
        <v>13019.144927536199</v>
      </c>
      <c r="BJ3880" s="53">
        <v>13019.144927536199</v>
      </c>
      <c r="BK3880" s="53">
        <v>13019.144927536199</v>
      </c>
      <c r="BL3880" s="53">
        <v>13019.144927536199</v>
      </c>
      <c r="BM3880" s="53">
        <v>13019.144927536199</v>
      </c>
      <c r="BN3880" s="53">
        <v>156229.739130434</v>
      </c>
      <c r="BO3880" s="53">
        <v>13019.144927536199</v>
      </c>
      <c r="BP3880" s="53">
        <v>13019.144927536199</v>
      </c>
      <c r="BQ3880" s="53">
        <v>13019.144927536199</v>
      </c>
      <c r="BR3880" s="53">
        <v>13019.144927536199</v>
      </c>
      <c r="BS3880" s="53">
        <v>13019.144927536199</v>
      </c>
      <c r="BT3880" s="53">
        <v>13019.144927536199</v>
      </c>
      <c r="BU3880" s="53">
        <v>13019.144927536199</v>
      </c>
      <c r="BV3880" s="53">
        <v>13019.144927536199</v>
      </c>
      <c r="BW3880" s="53">
        <v>13019.144927536199</v>
      </c>
      <c r="BX3880" s="53">
        <v>13019.144927536199</v>
      </c>
      <c r="BY3880" s="53">
        <v>13019.144927536199</v>
      </c>
      <c r="BZ3880" s="53">
        <v>13019.144927536199</v>
      </c>
      <c r="CA3880" s="53">
        <v>156229.739130434</v>
      </c>
      <c r="CB3880" s="53">
        <v>-9392666.6999999993</v>
      </c>
      <c r="CC3880" s="53">
        <v>-9392666.6999999993</v>
      </c>
      <c r="CD3880" s="53">
        <v>-9392666.6999999993</v>
      </c>
      <c r="CE3880" s="53">
        <v>-9392666.6999999993</v>
      </c>
      <c r="CF3880" s="53">
        <v>-9392666.6999999993</v>
      </c>
      <c r="CG3880" s="53">
        <v>-9392666.6999999993</v>
      </c>
      <c r="CH3880" s="53">
        <v>-9392666.6999999993</v>
      </c>
      <c r="CI3880" s="53">
        <v>-9392666.6999999993</v>
      </c>
      <c r="CJ3880" s="53">
        <v>-9392666.6999999993</v>
      </c>
      <c r="CK3880" s="53">
        <v>-9392666.6999999993</v>
      </c>
      <c r="CL3880" s="53">
        <v>-9392666.6999999993</v>
      </c>
      <c r="CM3880" s="53">
        <v>-9392666.6999999993</v>
      </c>
      <c r="CN3880" s="53">
        <v>-112712000.40000001</v>
      </c>
    </row>
    <row r="3881" spans="1:92" outlineLevel="1">
      <c r="A3881" s="52" t="s">
        <v>718</v>
      </c>
      <c r="B3881" s="53">
        <v>13527.685534591101</v>
      </c>
      <c r="C3881" s="53">
        <v>13527.685534591101</v>
      </c>
      <c r="D3881" s="53">
        <v>13527.685534591101</v>
      </c>
      <c r="E3881" s="53">
        <v>13527.685534591101</v>
      </c>
      <c r="F3881" s="53">
        <v>13527.685534591101</v>
      </c>
      <c r="G3881" s="53">
        <v>13527.685534591101</v>
      </c>
      <c r="H3881" s="53">
        <v>13527.685534591101</v>
      </c>
      <c r="I3881" s="53">
        <v>13527.685534591201</v>
      </c>
      <c r="J3881" s="53">
        <v>13527.685534591201</v>
      </c>
      <c r="K3881" s="53">
        <v>13527.685534591201</v>
      </c>
      <c r="L3881" s="53">
        <v>13527.685534591201</v>
      </c>
      <c r="M3881" s="53">
        <v>13527.685534591201</v>
      </c>
      <c r="N3881" s="53">
        <v>162332.22641509399</v>
      </c>
      <c r="O3881" s="53">
        <v>13527.685534591201</v>
      </c>
      <c r="P3881" s="53">
        <v>13527.685534591201</v>
      </c>
      <c r="Q3881" s="53">
        <v>13527.685534591201</v>
      </c>
      <c r="R3881" s="53">
        <v>13527.685534591201</v>
      </c>
      <c r="S3881" s="53">
        <v>13527.685534591201</v>
      </c>
      <c r="T3881" s="53">
        <v>13527.685534591201</v>
      </c>
      <c r="U3881" s="53">
        <v>13527.685534591201</v>
      </c>
      <c r="V3881" s="53">
        <v>13527.685534591201</v>
      </c>
      <c r="W3881" s="53">
        <v>13527.685534591201</v>
      </c>
      <c r="X3881" s="53">
        <v>13527.685534591201</v>
      </c>
      <c r="Y3881" s="53">
        <v>13527.685534591201</v>
      </c>
      <c r="Z3881" s="53">
        <v>13527.685534591201</v>
      </c>
      <c r="AA3881" s="53">
        <v>162332.22641509399</v>
      </c>
      <c r="AB3881" s="53">
        <v>13527.685534591201</v>
      </c>
      <c r="AC3881" s="53">
        <v>13527.685534591201</v>
      </c>
      <c r="AD3881" s="53">
        <v>13527.685534591201</v>
      </c>
      <c r="AE3881" s="53">
        <v>13527.685534591201</v>
      </c>
      <c r="AF3881" s="53">
        <v>13527.685534591201</v>
      </c>
      <c r="AG3881" s="53">
        <v>13527.685534591201</v>
      </c>
      <c r="AH3881" s="53">
        <v>13527.685534591201</v>
      </c>
      <c r="AI3881" s="53">
        <v>13527.685534591201</v>
      </c>
      <c r="AJ3881" s="53">
        <v>13527.685534591201</v>
      </c>
      <c r="AK3881" s="53">
        <v>13527.685534591201</v>
      </c>
      <c r="AL3881" s="53">
        <v>13527.685534591201</v>
      </c>
      <c r="AM3881" s="53">
        <v>13527.685534591201</v>
      </c>
      <c r="AN3881" s="53">
        <v>162332.22641509399</v>
      </c>
      <c r="AO3881" s="53">
        <v>13527.685534591201</v>
      </c>
      <c r="AP3881" s="53">
        <v>13527.685534591201</v>
      </c>
      <c r="AQ3881" s="53">
        <v>13527.685534591201</v>
      </c>
      <c r="AR3881" s="53">
        <v>13527.685534591201</v>
      </c>
      <c r="AS3881" s="53">
        <v>13527.685534591201</v>
      </c>
      <c r="AT3881" s="53">
        <v>13527.685534591201</v>
      </c>
      <c r="AU3881" s="53">
        <v>13527.685534591201</v>
      </c>
      <c r="AV3881" s="53">
        <v>13527.685534591201</v>
      </c>
      <c r="AW3881" s="53">
        <v>13527.685534591201</v>
      </c>
      <c r="AX3881" s="53">
        <v>13527.685534591201</v>
      </c>
      <c r="AY3881" s="53">
        <v>13527.685534591201</v>
      </c>
      <c r="AZ3881" s="53">
        <v>13527.685534591201</v>
      </c>
      <c r="BA3881" s="53">
        <v>162332.22641509399</v>
      </c>
      <c r="BB3881" s="53">
        <v>13527.685534591201</v>
      </c>
      <c r="BC3881" s="53">
        <v>13527.685534591201</v>
      </c>
      <c r="BD3881" s="53">
        <v>13527.685534591201</v>
      </c>
      <c r="BE3881" s="53">
        <v>13527.685534591201</v>
      </c>
      <c r="BF3881" s="53">
        <v>13527.685534591201</v>
      </c>
      <c r="BG3881" s="53">
        <v>13527.685534591201</v>
      </c>
      <c r="BH3881" s="53">
        <v>13527.685534591201</v>
      </c>
      <c r="BI3881" s="53">
        <v>13527.685534591201</v>
      </c>
      <c r="BJ3881" s="53">
        <v>13527.685534591201</v>
      </c>
      <c r="BK3881" s="53">
        <v>13527.685534591201</v>
      </c>
      <c r="BL3881" s="53">
        <v>13527.685534591201</v>
      </c>
      <c r="BM3881" s="53">
        <v>13527.685534591201</v>
      </c>
      <c r="BN3881" s="53">
        <v>162332.22641509399</v>
      </c>
      <c r="BO3881" s="53">
        <v>13527.685534591201</v>
      </c>
      <c r="BP3881" s="53">
        <v>13527.685534591201</v>
      </c>
      <c r="BQ3881" s="53">
        <v>13527.685534591201</v>
      </c>
      <c r="BR3881" s="53">
        <v>13527.685534591201</v>
      </c>
      <c r="BS3881" s="53">
        <v>13527.685534591201</v>
      </c>
      <c r="BT3881" s="53">
        <v>13527.685534591201</v>
      </c>
      <c r="BU3881" s="53">
        <v>13527.685534591201</v>
      </c>
      <c r="BV3881" s="53">
        <v>13527.685534591201</v>
      </c>
      <c r="BW3881" s="53">
        <v>13527.685534591201</v>
      </c>
      <c r="BX3881" s="53">
        <v>13527.685534591201</v>
      </c>
      <c r="BY3881" s="53">
        <v>13527.685534591201</v>
      </c>
      <c r="BZ3881" s="53">
        <v>13527.685534591201</v>
      </c>
      <c r="CA3881" s="53">
        <v>162332.22641509399</v>
      </c>
      <c r="CB3881" s="53"/>
      <c r="CC3881" s="53"/>
      <c r="CD3881" s="53"/>
      <c r="CE3881" s="53"/>
      <c r="CF3881" s="53"/>
      <c r="CG3881" s="53"/>
      <c r="CH3881" s="53"/>
      <c r="CI3881" s="53"/>
      <c r="CJ3881" s="53"/>
      <c r="CK3881" s="53"/>
      <c r="CL3881" s="53"/>
      <c r="CM3881" s="53"/>
      <c r="CN3881" s="53"/>
    </row>
    <row r="3882" spans="1:92" outlineLevel="1">
      <c r="A3882" s="52" t="s">
        <v>721</v>
      </c>
      <c r="B3882" s="53">
        <v>20148.9789473684</v>
      </c>
      <c r="C3882" s="53">
        <v>20148.9789473684</v>
      </c>
      <c r="D3882" s="53">
        <v>20148.9789473684</v>
      </c>
      <c r="E3882" s="53">
        <v>20148.9789473684</v>
      </c>
      <c r="F3882" s="53">
        <v>20148.9789473684</v>
      </c>
      <c r="G3882" s="53">
        <v>20148.9789473684</v>
      </c>
      <c r="H3882" s="53">
        <v>20148.9789473684</v>
      </c>
      <c r="I3882" s="53">
        <v>20148.9789473684</v>
      </c>
      <c r="J3882" s="53">
        <v>20148.9789473684</v>
      </c>
      <c r="K3882" s="53">
        <v>20148.9789473684</v>
      </c>
      <c r="L3882" s="53">
        <v>20148.9789473684</v>
      </c>
      <c r="M3882" s="53">
        <v>20148.9789473684</v>
      </c>
      <c r="N3882" s="53">
        <v>241787.747368421</v>
      </c>
      <c r="O3882" s="53">
        <v>20148.9789473684</v>
      </c>
      <c r="P3882" s="53">
        <v>20148.9789473684</v>
      </c>
      <c r="Q3882" s="53">
        <v>20148.9789473684</v>
      </c>
      <c r="R3882" s="53">
        <v>20148.9789473684</v>
      </c>
      <c r="S3882" s="53">
        <v>20148.9789473684</v>
      </c>
      <c r="T3882" s="53">
        <v>20148.9789473684</v>
      </c>
      <c r="U3882" s="53">
        <v>20148.9789473684</v>
      </c>
      <c r="V3882" s="53">
        <v>20148.9789473684</v>
      </c>
      <c r="W3882" s="53">
        <v>20148.9789473684</v>
      </c>
      <c r="X3882" s="53">
        <v>20148.9789473684</v>
      </c>
      <c r="Y3882" s="53">
        <v>20148.9789473684</v>
      </c>
      <c r="Z3882" s="53">
        <v>20148.9789473684</v>
      </c>
      <c r="AA3882" s="53">
        <v>241787.747368421</v>
      </c>
      <c r="AB3882" s="53">
        <v>20148.9789473684</v>
      </c>
      <c r="AC3882" s="53">
        <v>20148.9789473684</v>
      </c>
      <c r="AD3882" s="53">
        <v>20148.9789473684</v>
      </c>
      <c r="AE3882" s="53">
        <v>20148.9789473684</v>
      </c>
      <c r="AF3882" s="53">
        <v>20148.9789473684</v>
      </c>
      <c r="AG3882" s="53">
        <v>20148.9789473684</v>
      </c>
      <c r="AH3882" s="53">
        <v>20148.9789473684</v>
      </c>
      <c r="AI3882" s="53">
        <v>20148.9789473684</v>
      </c>
      <c r="AJ3882" s="53">
        <v>20148.9789473684</v>
      </c>
      <c r="AK3882" s="53">
        <v>20148.9789473684</v>
      </c>
      <c r="AL3882" s="53">
        <v>20148.9789473684</v>
      </c>
      <c r="AM3882" s="53">
        <v>20148.9789473684</v>
      </c>
      <c r="AN3882" s="53">
        <v>241787.747368421</v>
      </c>
      <c r="AO3882" s="53">
        <v>20148.9789473684</v>
      </c>
      <c r="AP3882" s="53">
        <v>20148.9789473684</v>
      </c>
      <c r="AQ3882" s="53">
        <v>20148.9789473684</v>
      </c>
      <c r="AR3882" s="53">
        <v>20148.9789473684</v>
      </c>
      <c r="AS3882" s="53">
        <v>20148.9789473684</v>
      </c>
      <c r="AT3882" s="53">
        <v>20148.9789473684</v>
      </c>
      <c r="AU3882" s="53">
        <v>20148.9789473684</v>
      </c>
      <c r="AV3882" s="53">
        <v>20148.9789473684</v>
      </c>
      <c r="AW3882" s="53">
        <v>20148.9789473684</v>
      </c>
      <c r="AX3882" s="53">
        <v>20148.9789473684</v>
      </c>
      <c r="AY3882" s="53">
        <v>20148.9789473684</v>
      </c>
      <c r="AZ3882" s="53">
        <v>20148.9789473684</v>
      </c>
      <c r="BA3882" s="53">
        <v>241787.747368421</v>
      </c>
      <c r="BB3882" s="53">
        <v>20148.9789473684</v>
      </c>
      <c r="BC3882" s="53">
        <v>20148.9789473684</v>
      </c>
      <c r="BD3882" s="53">
        <v>20148.9789473684</v>
      </c>
      <c r="BE3882" s="53">
        <v>20148.978947368501</v>
      </c>
      <c r="BF3882" s="53">
        <v>20148.978947368501</v>
      </c>
      <c r="BG3882" s="53">
        <v>20148.978947368501</v>
      </c>
      <c r="BH3882" s="53">
        <v>20148.978947368501</v>
      </c>
      <c r="BI3882" s="53">
        <v>20148.978947368501</v>
      </c>
      <c r="BJ3882" s="53">
        <v>20148.978947368501</v>
      </c>
      <c r="BK3882" s="53">
        <v>20148.978947368501</v>
      </c>
      <c r="BL3882" s="53">
        <v>20148.978947368501</v>
      </c>
      <c r="BM3882" s="53">
        <v>20148.978947368501</v>
      </c>
      <c r="BN3882" s="53">
        <v>241787.74736842199</v>
      </c>
      <c r="BO3882" s="53">
        <v>20148.978947368501</v>
      </c>
      <c r="BP3882" s="53">
        <v>20148.978947368501</v>
      </c>
      <c r="BQ3882" s="53">
        <v>20148.978947368501</v>
      </c>
      <c r="BR3882" s="53">
        <v>20148.978947368501</v>
      </c>
      <c r="BS3882" s="53">
        <v>20148.978947368501</v>
      </c>
      <c r="BT3882" s="53">
        <v>20148.978947368501</v>
      </c>
      <c r="BU3882" s="53">
        <v>20148.978947368501</v>
      </c>
      <c r="BV3882" s="53">
        <v>20148.978947368501</v>
      </c>
      <c r="BW3882" s="53">
        <v>20148.978947368501</v>
      </c>
      <c r="BX3882" s="53">
        <v>20148.978947368501</v>
      </c>
      <c r="BY3882" s="53">
        <v>20148.978947368501</v>
      </c>
      <c r="BZ3882" s="53">
        <v>20148.978947368501</v>
      </c>
      <c r="CA3882" s="53">
        <v>241787.74736842199</v>
      </c>
      <c r="CB3882" s="53"/>
      <c r="CC3882" s="53"/>
      <c r="CD3882" s="53"/>
      <c r="CE3882" s="53"/>
      <c r="CF3882" s="53"/>
      <c r="CG3882" s="53"/>
      <c r="CH3882" s="53"/>
      <c r="CI3882" s="53"/>
      <c r="CJ3882" s="53"/>
      <c r="CK3882" s="53"/>
      <c r="CL3882" s="53">
        <v>-1000000</v>
      </c>
      <c r="CM3882" s="53"/>
      <c r="CN3882" s="53">
        <v>-1000000</v>
      </c>
    </row>
    <row r="3883" spans="1:92" outlineLevel="1">
      <c r="A3883" s="52" t="s">
        <v>723</v>
      </c>
      <c r="B3883" s="53">
        <v>49399.381443298902</v>
      </c>
      <c r="C3883" s="53">
        <v>49399.381443298902</v>
      </c>
      <c r="D3883" s="53">
        <v>49399.381443298902</v>
      </c>
      <c r="E3883" s="53">
        <v>49399.381443298902</v>
      </c>
      <c r="F3883" s="53">
        <v>49399.381443298902</v>
      </c>
      <c r="G3883" s="53">
        <v>49399.381443298902</v>
      </c>
      <c r="H3883" s="53">
        <v>49399.381443298902</v>
      </c>
      <c r="I3883" s="53">
        <v>49399.381443298997</v>
      </c>
      <c r="J3883" s="53">
        <v>49399.381443298902</v>
      </c>
      <c r="K3883" s="53">
        <v>49399.381443298902</v>
      </c>
      <c r="L3883" s="53">
        <v>49399.381443298902</v>
      </c>
      <c r="M3883" s="53">
        <v>49399.381443298902</v>
      </c>
      <c r="N3883" s="53">
        <v>592792.577319587</v>
      </c>
      <c r="O3883" s="53">
        <v>49399.381443298902</v>
      </c>
      <c r="P3883" s="53">
        <v>49399.381443298902</v>
      </c>
      <c r="Q3883" s="53">
        <v>49399.381443298902</v>
      </c>
      <c r="R3883" s="53">
        <v>49399.381443298902</v>
      </c>
      <c r="S3883" s="53">
        <v>49399.381443298902</v>
      </c>
      <c r="T3883" s="53">
        <v>49399.381443298902</v>
      </c>
      <c r="U3883" s="53">
        <v>49399.381443298902</v>
      </c>
      <c r="V3883" s="53">
        <v>49399.381443298902</v>
      </c>
      <c r="W3883" s="53">
        <v>49399.381443298902</v>
      </c>
      <c r="X3883" s="53">
        <v>49399.381443298902</v>
      </c>
      <c r="Y3883" s="53">
        <v>49399.381443298902</v>
      </c>
      <c r="Z3883" s="53">
        <v>49399.381443298902</v>
      </c>
      <c r="AA3883" s="53">
        <v>592792.577319587</v>
      </c>
      <c r="AB3883" s="53">
        <v>49399.381443298902</v>
      </c>
      <c r="AC3883" s="53">
        <v>49399.381443298902</v>
      </c>
      <c r="AD3883" s="53">
        <v>49399.381443298902</v>
      </c>
      <c r="AE3883" s="53">
        <v>49399.381443298902</v>
      </c>
      <c r="AF3883" s="53">
        <v>49399.381443298902</v>
      </c>
      <c r="AG3883" s="53">
        <v>49399.381443298902</v>
      </c>
      <c r="AH3883" s="53">
        <v>49399.381443298902</v>
      </c>
      <c r="AI3883" s="53">
        <v>49399.381443298902</v>
      </c>
      <c r="AJ3883" s="53">
        <v>49399.381443298902</v>
      </c>
      <c r="AK3883" s="53">
        <v>49399.381443298902</v>
      </c>
      <c r="AL3883" s="53">
        <v>49399.381443298902</v>
      </c>
      <c r="AM3883" s="53">
        <v>49399.381443298902</v>
      </c>
      <c r="AN3883" s="53">
        <v>592792.577319587</v>
      </c>
      <c r="AO3883" s="53">
        <v>49399.381443298902</v>
      </c>
      <c r="AP3883" s="53">
        <v>49399.381443298902</v>
      </c>
      <c r="AQ3883" s="53">
        <v>49399.381443298902</v>
      </c>
      <c r="AR3883" s="53">
        <v>49399.381443298902</v>
      </c>
      <c r="AS3883" s="53">
        <v>49399.381443298902</v>
      </c>
      <c r="AT3883" s="53">
        <v>49399.381443298902</v>
      </c>
      <c r="AU3883" s="53">
        <v>49399.381443298902</v>
      </c>
      <c r="AV3883" s="53">
        <v>49399.381443298902</v>
      </c>
      <c r="AW3883" s="53">
        <v>49399.381443298902</v>
      </c>
      <c r="AX3883" s="53">
        <v>49399.381443298902</v>
      </c>
      <c r="AY3883" s="53">
        <v>49399.381443298902</v>
      </c>
      <c r="AZ3883" s="53">
        <v>49399.381443298902</v>
      </c>
      <c r="BA3883" s="53">
        <v>592792.577319587</v>
      </c>
      <c r="BB3883" s="53">
        <v>24699.6907216494</v>
      </c>
      <c r="BC3883" s="53"/>
      <c r="BD3883" s="53"/>
      <c r="BE3883" s="53"/>
      <c r="BF3883" s="53"/>
      <c r="BG3883" s="53"/>
      <c r="BH3883" s="53"/>
      <c r="BI3883" s="53"/>
      <c r="BJ3883" s="53"/>
      <c r="BK3883" s="53"/>
      <c r="BL3883" s="53"/>
      <c r="BM3883" s="53"/>
      <c r="BN3883" s="53">
        <v>24699.6907216494</v>
      </c>
      <c r="BO3883" s="53"/>
      <c r="BP3883" s="53"/>
      <c r="BQ3883" s="53"/>
      <c r="BR3883" s="53"/>
      <c r="BS3883" s="53"/>
      <c r="BT3883" s="53"/>
      <c r="BU3883" s="53"/>
      <c r="BV3883" s="53"/>
      <c r="BW3883" s="53"/>
      <c r="BX3883" s="53"/>
      <c r="BY3883" s="53"/>
      <c r="BZ3883" s="53"/>
      <c r="CA3883" s="53"/>
      <c r="CB3883" s="53"/>
      <c r="CC3883" s="53"/>
      <c r="CD3883" s="53"/>
      <c r="CE3883" s="53"/>
      <c r="CF3883" s="53"/>
      <c r="CG3883" s="53"/>
      <c r="CH3883" s="53"/>
      <c r="CI3883" s="53"/>
      <c r="CJ3883" s="53"/>
      <c r="CK3883" s="53"/>
      <c r="CL3883" s="53"/>
      <c r="CM3883" s="53"/>
      <c r="CN3883" s="53"/>
    </row>
    <row r="3884" spans="1:92" outlineLevel="1">
      <c r="A3884" s="52" t="s">
        <v>724</v>
      </c>
      <c r="B3884" s="53">
        <v>13370.822185970599</v>
      </c>
      <c r="C3884" s="53">
        <v>13370.822185970599</v>
      </c>
      <c r="D3884" s="53">
        <v>13370.822185970599</v>
      </c>
      <c r="E3884" s="53">
        <v>13370.822185970599</v>
      </c>
      <c r="F3884" s="53">
        <v>13370.822185970599</v>
      </c>
      <c r="G3884" s="53">
        <v>13370.822185970599</v>
      </c>
      <c r="H3884" s="53">
        <v>13370.822185970599</v>
      </c>
      <c r="I3884" s="53">
        <v>13370.822185970599</v>
      </c>
      <c r="J3884" s="53">
        <v>13370.822185970599</v>
      </c>
      <c r="K3884" s="53">
        <v>13370.822185970599</v>
      </c>
      <c r="L3884" s="53">
        <v>13370.822185970599</v>
      </c>
      <c r="M3884" s="53">
        <v>13370.822185970599</v>
      </c>
      <c r="N3884" s="53">
        <v>160449.866231647</v>
      </c>
      <c r="O3884" s="53">
        <v>13370.822185970599</v>
      </c>
      <c r="P3884" s="53">
        <v>13370.822185970599</v>
      </c>
      <c r="Q3884" s="53">
        <v>13370.822185970599</v>
      </c>
      <c r="R3884" s="53">
        <v>13370.822185970599</v>
      </c>
      <c r="S3884" s="53">
        <v>13370.822185970599</v>
      </c>
      <c r="T3884" s="53">
        <v>13370.822185970599</v>
      </c>
      <c r="U3884" s="53">
        <v>13370.822185970599</v>
      </c>
      <c r="V3884" s="53">
        <v>13370.822185970599</v>
      </c>
      <c r="W3884" s="53">
        <v>13370.822185970599</v>
      </c>
      <c r="X3884" s="53">
        <v>13370.822185970599</v>
      </c>
      <c r="Y3884" s="53">
        <v>13370.822185970599</v>
      </c>
      <c r="Z3884" s="53">
        <v>13370.822185970599</v>
      </c>
      <c r="AA3884" s="53">
        <v>160449.866231647</v>
      </c>
      <c r="AB3884" s="53">
        <v>13370.822185970599</v>
      </c>
      <c r="AC3884" s="53">
        <v>13370.822185970599</v>
      </c>
      <c r="AD3884" s="53">
        <v>13370.822185970599</v>
      </c>
      <c r="AE3884" s="53">
        <v>13370.822185970599</v>
      </c>
      <c r="AF3884" s="53">
        <v>13370.822185970599</v>
      </c>
      <c r="AG3884" s="53">
        <v>13370.822185970599</v>
      </c>
      <c r="AH3884" s="53">
        <v>13370.822185970599</v>
      </c>
      <c r="AI3884" s="53">
        <v>13370.822185970599</v>
      </c>
      <c r="AJ3884" s="53">
        <v>13370.822185970599</v>
      </c>
      <c r="AK3884" s="53">
        <v>13370.822185970599</v>
      </c>
      <c r="AL3884" s="53">
        <v>13370.822185970599</v>
      </c>
      <c r="AM3884" s="53">
        <v>13370.822185970599</v>
      </c>
      <c r="AN3884" s="53">
        <v>160449.866231647</v>
      </c>
      <c r="AO3884" s="53">
        <v>13370.822185970599</v>
      </c>
      <c r="AP3884" s="53">
        <v>13370.822185970599</v>
      </c>
      <c r="AQ3884" s="53">
        <v>13370.822185970599</v>
      </c>
      <c r="AR3884" s="53">
        <v>13370.822185970599</v>
      </c>
      <c r="AS3884" s="53">
        <v>13370.822185970599</v>
      </c>
      <c r="AT3884" s="53">
        <v>13370.822185970599</v>
      </c>
      <c r="AU3884" s="53">
        <v>13370.822185970599</v>
      </c>
      <c r="AV3884" s="53">
        <v>13370.822185970599</v>
      </c>
      <c r="AW3884" s="53">
        <v>13370.822185970599</v>
      </c>
      <c r="AX3884" s="53">
        <v>13370.822185970599</v>
      </c>
      <c r="AY3884" s="53">
        <v>13370.822185970599</v>
      </c>
      <c r="AZ3884" s="53">
        <v>13370.822185970599</v>
      </c>
      <c r="BA3884" s="53">
        <v>160449.866231647</v>
      </c>
      <c r="BB3884" s="53">
        <v>13370.822185970599</v>
      </c>
      <c r="BC3884" s="53">
        <v>13370.822185970599</v>
      </c>
      <c r="BD3884" s="53">
        <v>13370.822185970599</v>
      </c>
      <c r="BE3884" s="53">
        <v>13370.822185970599</v>
      </c>
      <c r="BF3884" s="53">
        <v>13370.822185970599</v>
      </c>
      <c r="BG3884" s="53">
        <v>13370.822185970599</v>
      </c>
      <c r="BH3884" s="53">
        <v>13370.822185970599</v>
      </c>
      <c r="BI3884" s="53">
        <v>13370.822185970599</v>
      </c>
      <c r="BJ3884" s="53">
        <v>13370.822185970599</v>
      </c>
      <c r="BK3884" s="53">
        <v>13370.822185970599</v>
      </c>
      <c r="BL3884" s="53">
        <v>13370.822185970599</v>
      </c>
      <c r="BM3884" s="53">
        <v>13370.822185970599</v>
      </c>
      <c r="BN3884" s="53">
        <v>160449.866231647</v>
      </c>
      <c r="BO3884" s="53">
        <v>13370.822185970599</v>
      </c>
      <c r="BP3884" s="53">
        <v>13370.822185970599</v>
      </c>
      <c r="BQ3884" s="53">
        <v>13370.822185970599</v>
      </c>
      <c r="BR3884" s="53">
        <v>13370.822185970599</v>
      </c>
      <c r="BS3884" s="53">
        <v>13370.822185970599</v>
      </c>
      <c r="BT3884" s="53">
        <v>13370.822185970599</v>
      </c>
      <c r="BU3884" s="53">
        <v>13370.822185970599</v>
      </c>
      <c r="BV3884" s="53">
        <v>13370.822185970599</v>
      </c>
      <c r="BW3884" s="53">
        <v>13370.822185970599</v>
      </c>
      <c r="BX3884" s="53">
        <v>13370.822185970599</v>
      </c>
      <c r="BY3884" s="53">
        <v>13370.822185970599</v>
      </c>
      <c r="BZ3884" s="53">
        <v>13370.822185970599</v>
      </c>
      <c r="CA3884" s="53">
        <v>160449.866231647</v>
      </c>
      <c r="CB3884" s="53"/>
      <c r="CC3884" s="53"/>
      <c r="CD3884" s="53"/>
      <c r="CE3884" s="53"/>
      <c r="CF3884" s="53"/>
      <c r="CG3884" s="53"/>
      <c r="CH3884" s="53"/>
      <c r="CI3884" s="53"/>
      <c r="CJ3884" s="53"/>
      <c r="CK3884" s="53"/>
      <c r="CL3884" s="53"/>
      <c r="CM3884" s="53"/>
      <c r="CN3884" s="53"/>
    </row>
    <row r="3885" spans="1:92" outlineLevel="1">
      <c r="A3885" s="52" t="s">
        <v>725</v>
      </c>
      <c r="B3885" s="53">
        <v>44991.8796992481</v>
      </c>
      <c r="C3885" s="53">
        <v>44991.8796992481</v>
      </c>
      <c r="D3885" s="53">
        <v>44991.8796992481</v>
      </c>
      <c r="E3885" s="53">
        <v>44991.8796992481</v>
      </c>
      <c r="F3885" s="53">
        <v>44991.8796992481</v>
      </c>
      <c r="G3885" s="53">
        <v>44991.8796992481</v>
      </c>
      <c r="H3885" s="53">
        <v>44991.8796992481</v>
      </c>
      <c r="I3885" s="53">
        <v>44991.8796992481</v>
      </c>
      <c r="J3885" s="53">
        <v>44991.8796992481</v>
      </c>
      <c r="K3885" s="53">
        <v>44991.8796992481</v>
      </c>
      <c r="L3885" s="53">
        <v>44991.8796992481</v>
      </c>
      <c r="M3885" s="53">
        <v>44991.8796992481</v>
      </c>
      <c r="N3885" s="53">
        <v>539902.556390977</v>
      </c>
      <c r="O3885" s="53">
        <v>44991.8796992481</v>
      </c>
      <c r="P3885" s="53">
        <v>44991.8796992481</v>
      </c>
      <c r="Q3885" s="53">
        <v>44991.8796992481</v>
      </c>
      <c r="R3885" s="53">
        <v>44991.8796992481</v>
      </c>
      <c r="S3885" s="53">
        <v>44991.8796992481</v>
      </c>
      <c r="T3885" s="53">
        <v>44991.8796992481</v>
      </c>
      <c r="U3885" s="53">
        <v>44991.8796992481</v>
      </c>
      <c r="V3885" s="53">
        <v>44991.8796992481</v>
      </c>
      <c r="W3885" s="53">
        <v>44991.8796992481</v>
      </c>
      <c r="X3885" s="53">
        <v>44991.8796992481</v>
      </c>
      <c r="Y3885" s="53">
        <v>44991.8796992481</v>
      </c>
      <c r="Z3885" s="53">
        <v>44991.8796992481</v>
      </c>
      <c r="AA3885" s="53">
        <v>539902.556390977</v>
      </c>
      <c r="AB3885" s="53">
        <v>44991.8796992481</v>
      </c>
      <c r="AC3885" s="53">
        <v>44991.8796992481</v>
      </c>
      <c r="AD3885" s="53">
        <v>44991.8796992481</v>
      </c>
      <c r="AE3885" s="53">
        <v>44991.8796992481</v>
      </c>
      <c r="AF3885" s="53">
        <v>44991.8796992481</v>
      </c>
      <c r="AG3885" s="53">
        <v>44991.8796992481</v>
      </c>
      <c r="AH3885" s="53">
        <v>44991.8796992481</v>
      </c>
      <c r="AI3885" s="53">
        <v>44991.8796992481</v>
      </c>
      <c r="AJ3885" s="53">
        <v>44991.8796992481</v>
      </c>
      <c r="AK3885" s="53">
        <v>44991.8796992481</v>
      </c>
      <c r="AL3885" s="53">
        <v>44991.8796992481</v>
      </c>
      <c r="AM3885" s="53">
        <v>44991.8796992481</v>
      </c>
      <c r="AN3885" s="53">
        <v>539902.556390977</v>
      </c>
      <c r="AO3885" s="53">
        <v>44991.8796992481</v>
      </c>
      <c r="AP3885" s="53">
        <v>44991.8796992481</v>
      </c>
      <c r="AQ3885" s="53">
        <v>44991.8796992481</v>
      </c>
      <c r="AR3885" s="53">
        <v>44991.8796992481</v>
      </c>
      <c r="AS3885" s="53">
        <v>44991.8796992481</v>
      </c>
      <c r="AT3885" s="53">
        <v>44991.8796992481</v>
      </c>
      <c r="AU3885" s="53">
        <v>44991.8796992481</v>
      </c>
      <c r="AV3885" s="53">
        <v>44991.8796992481</v>
      </c>
      <c r="AW3885" s="53">
        <v>44991.8796992481</v>
      </c>
      <c r="AX3885" s="53">
        <v>44991.8796992481</v>
      </c>
      <c r="AY3885" s="53">
        <v>44991.8796992481</v>
      </c>
      <c r="AZ3885" s="53">
        <v>44991.8796992481</v>
      </c>
      <c r="BA3885" s="53">
        <v>539902.556390977</v>
      </c>
      <c r="BB3885" s="53">
        <v>44991.8796992481</v>
      </c>
      <c r="BC3885" s="53">
        <v>44991.8796992481</v>
      </c>
      <c r="BD3885" s="53">
        <v>44991.8796992481</v>
      </c>
      <c r="BE3885" s="53">
        <v>44991.8796992481</v>
      </c>
      <c r="BF3885" s="53">
        <v>44991.8796992481</v>
      </c>
      <c r="BG3885" s="53">
        <v>44991.8796992481</v>
      </c>
      <c r="BH3885" s="53">
        <v>44991.8796992481</v>
      </c>
      <c r="BI3885" s="53">
        <v>44991.8796992481</v>
      </c>
      <c r="BJ3885" s="53">
        <v>44991.8796992481</v>
      </c>
      <c r="BK3885" s="53">
        <v>44991.8796992481</v>
      </c>
      <c r="BL3885" s="53">
        <v>44991.8796992481</v>
      </c>
      <c r="BM3885" s="53">
        <v>44991.8796992481</v>
      </c>
      <c r="BN3885" s="53">
        <v>539902.556390977</v>
      </c>
      <c r="BO3885" s="53">
        <v>44991.8796992481</v>
      </c>
      <c r="BP3885" s="53">
        <v>44991.8796992481</v>
      </c>
      <c r="BQ3885" s="53">
        <v>44991.8796992481</v>
      </c>
      <c r="BR3885" s="53">
        <v>44991.8796992481</v>
      </c>
      <c r="BS3885" s="53">
        <v>44991.8796992481</v>
      </c>
      <c r="BT3885" s="53">
        <v>44991.8796992481</v>
      </c>
      <c r="BU3885" s="53">
        <v>22495.939849623999</v>
      </c>
      <c r="BV3885" s="53"/>
      <c r="BW3885" s="53"/>
      <c r="BX3885" s="53"/>
      <c r="BY3885" s="53"/>
      <c r="BZ3885" s="53"/>
      <c r="CA3885" s="53">
        <v>292447.21804511198</v>
      </c>
      <c r="CB3885" s="53"/>
      <c r="CC3885" s="53"/>
      <c r="CD3885" s="53"/>
      <c r="CE3885" s="53"/>
      <c r="CF3885" s="53"/>
      <c r="CG3885" s="53"/>
      <c r="CH3885" s="53"/>
      <c r="CI3885" s="53"/>
      <c r="CJ3885" s="53"/>
      <c r="CK3885" s="53"/>
      <c r="CL3885" s="53"/>
      <c r="CM3885" s="53"/>
      <c r="CN3885" s="53"/>
    </row>
    <row r="3886" spans="1:92" outlineLevel="1">
      <c r="A3886" s="52" t="s">
        <v>726</v>
      </c>
      <c r="B3886" s="53">
        <v>52157.240963855402</v>
      </c>
      <c r="C3886" s="53">
        <v>52157.240963855402</v>
      </c>
      <c r="D3886" s="53">
        <v>52157.240963855402</v>
      </c>
      <c r="E3886" s="53">
        <v>52157.240963855402</v>
      </c>
      <c r="F3886" s="53">
        <v>52157.240963855402</v>
      </c>
      <c r="G3886" s="53">
        <v>52157.240963855402</v>
      </c>
      <c r="H3886" s="53">
        <v>52157.240963855402</v>
      </c>
      <c r="I3886" s="53">
        <v>52157.240963855402</v>
      </c>
      <c r="J3886" s="53">
        <v>52157.240963855402</v>
      </c>
      <c r="K3886" s="53">
        <v>52157.240963855402</v>
      </c>
      <c r="L3886" s="53">
        <v>52157.240963855402</v>
      </c>
      <c r="M3886" s="53">
        <v>52157.240963855402</v>
      </c>
      <c r="N3886" s="53">
        <v>625886.89156626503</v>
      </c>
      <c r="O3886" s="53">
        <v>52157.240963855402</v>
      </c>
      <c r="P3886" s="53">
        <v>52157.240963855402</v>
      </c>
      <c r="Q3886" s="53">
        <v>52157.240963855402</v>
      </c>
      <c r="R3886" s="53">
        <v>52157.240963855402</v>
      </c>
      <c r="S3886" s="53">
        <v>52157.240963855402</v>
      </c>
      <c r="T3886" s="53">
        <v>52157.240963855402</v>
      </c>
      <c r="U3886" s="53">
        <v>52157.240963855402</v>
      </c>
      <c r="V3886" s="53">
        <v>52157.240963855402</v>
      </c>
      <c r="W3886" s="53">
        <v>52157.240963855402</v>
      </c>
      <c r="X3886" s="53">
        <v>52157.240963855402</v>
      </c>
      <c r="Y3886" s="53">
        <v>52157.240963855402</v>
      </c>
      <c r="Z3886" s="53">
        <v>52157.240963855402</v>
      </c>
      <c r="AA3886" s="53">
        <v>625886.89156626503</v>
      </c>
      <c r="AB3886" s="53">
        <v>52157.240963855402</v>
      </c>
      <c r="AC3886" s="53">
        <v>52157.240963855402</v>
      </c>
      <c r="AD3886" s="53">
        <v>52157.240963855402</v>
      </c>
      <c r="AE3886" s="53">
        <v>52157.240963855402</v>
      </c>
      <c r="AF3886" s="53">
        <v>52157.240963855402</v>
      </c>
      <c r="AG3886" s="53">
        <v>52157.240963855402</v>
      </c>
      <c r="AH3886" s="53">
        <v>52157.240963855402</v>
      </c>
      <c r="AI3886" s="53">
        <v>52157.240963855402</v>
      </c>
      <c r="AJ3886" s="53">
        <v>52157.240963855402</v>
      </c>
      <c r="AK3886" s="53">
        <v>52157.240963855402</v>
      </c>
      <c r="AL3886" s="53">
        <v>52157.240963855402</v>
      </c>
      <c r="AM3886" s="53">
        <v>52157.240963855402</v>
      </c>
      <c r="AN3886" s="53">
        <v>625886.89156626503</v>
      </c>
      <c r="AO3886" s="53">
        <v>52157.240963855402</v>
      </c>
      <c r="AP3886" s="53">
        <v>52157.240963855402</v>
      </c>
      <c r="AQ3886" s="53">
        <v>52157.240963855402</v>
      </c>
      <c r="AR3886" s="53">
        <v>52157.240963855402</v>
      </c>
      <c r="AS3886" s="53">
        <v>52157.240963855402</v>
      </c>
      <c r="AT3886" s="53">
        <v>52157.240963855402</v>
      </c>
      <c r="AU3886" s="53">
        <v>52157.240963855402</v>
      </c>
      <c r="AV3886" s="53">
        <v>52157.240963855402</v>
      </c>
      <c r="AW3886" s="53">
        <v>52157.240963855402</v>
      </c>
      <c r="AX3886" s="53">
        <v>52157.240963855402</v>
      </c>
      <c r="AY3886" s="53">
        <v>52157.240963855402</v>
      </c>
      <c r="AZ3886" s="53">
        <v>52157.240963855402</v>
      </c>
      <c r="BA3886" s="53">
        <v>625886.89156626503</v>
      </c>
      <c r="BB3886" s="53">
        <v>52157.240963855402</v>
      </c>
      <c r="BC3886" s="53">
        <v>52157.240963855402</v>
      </c>
      <c r="BD3886" s="53">
        <v>52157.240963855402</v>
      </c>
      <c r="BE3886" s="53">
        <v>52157.240963855402</v>
      </c>
      <c r="BF3886" s="53">
        <v>52157.240963855402</v>
      </c>
      <c r="BG3886" s="53">
        <v>52157.240963855402</v>
      </c>
      <c r="BH3886" s="53">
        <v>52157.240963855402</v>
      </c>
      <c r="BI3886" s="53">
        <v>52157.240963855402</v>
      </c>
      <c r="BJ3886" s="53">
        <v>52157.240963855402</v>
      </c>
      <c r="BK3886" s="53">
        <v>52157.240963855402</v>
      </c>
      <c r="BL3886" s="53">
        <v>52157.240963855402</v>
      </c>
      <c r="BM3886" s="53">
        <v>52157.240963855402</v>
      </c>
      <c r="BN3886" s="53">
        <v>625886.89156626503</v>
      </c>
      <c r="BO3886" s="53">
        <v>52157.240963855402</v>
      </c>
      <c r="BP3886" s="53">
        <v>52157.240963855402</v>
      </c>
      <c r="BQ3886" s="53">
        <v>52157.240963855402</v>
      </c>
      <c r="BR3886" s="53">
        <v>52157.240963855402</v>
      </c>
      <c r="BS3886" s="53">
        <v>52157.240963855402</v>
      </c>
      <c r="BT3886" s="53">
        <v>52157.240963855402</v>
      </c>
      <c r="BU3886" s="53">
        <v>52157.240963855402</v>
      </c>
      <c r="BV3886" s="53">
        <v>52157.240963855402</v>
      </c>
      <c r="BW3886" s="53">
        <v>52157.240963855402</v>
      </c>
      <c r="BX3886" s="53">
        <v>52157.240963855402</v>
      </c>
      <c r="BY3886" s="53">
        <v>52157.240963855402</v>
      </c>
      <c r="BZ3886" s="53">
        <v>52157.240963855402</v>
      </c>
      <c r="CA3886" s="53">
        <v>625886.89156626503</v>
      </c>
      <c r="CB3886" s="53"/>
      <c r="CC3886" s="53"/>
      <c r="CD3886" s="53"/>
      <c r="CE3886" s="53"/>
      <c r="CF3886" s="53"/>
      <c r="CG3886" s="53"/>
      <c r="CH3886" s="53"/>
      <c r="CI3886" s="53"/>
      <c r="CJ3886" s="53"/>
      <c r="CK3886" s="53"/>
      <c r="CL3886" s="53"/>
      <c r="CM3886" s="53"/>
      <c r="CN3886" s="53"/>
    </row>
    <row r="3887" spans="1:92" outlineLevel="1">
      <c r="A3887" s="52" t="s">
        <v>728</v>
      </c>
      <c r="B3887" s="53">
        <v>38996.0446927374</v>
      </c>
      <c r="C3887" s="53">
        <v>38996.0446927374</v>
      </c>
      <c r="D3887" s="53">
        <v>38996.0446927374</v>
      </c>
      <c r="E3887" s="53">
        <v>38996.0446927374</v>
      </c>
      <c r="F3887" s="53">
        <v>38996.0446927374</v>
      </c>
      <c r="G3887" s="53">
        <v>38996.0446927374</v>
      </c>
      <c r="H3887" s="53">
        <v>38996.0446927374</v>
      </c>
      <c r="I3887" s="53">
        <v>38996.0446927374</v>
      </c>
      <c r="J3887" s="53">
        <v>38996.0446927374</v>
      </c>
      <c r="K3887" s="53">
        <v>38996.0446927374</v>
      </c>
      <c r="L3887" s="53">
        <v>38996.0446927374</v>
      </c>
      <c r="M3887" s="53">
        <v>38996.0446927374</v>
      </c>
      <c r="N3887" s="53">
        <v>467952.53631284903</v>
      </c>
      <c r="O3887" s="53">
        <v>38996.0446927374</v>
      </c>
      <c r="P3887" s="53">
        <v>38996.0446927374</v>
      </c>
      <c r="Q3887" s="53">
        <v>38996.0446927374</v>
      </c>
      <c r="R3887" s="53">
        <v>38996.0446927374</v>
      </c>
      <c r="S3887" s="53">
        <v>38996.0446927374</v>
      </c>
      <c r="T3887" s="53">
        <v>38996.0446927374</v>
      </c>
      <c r="U3887" s="53">
        <v>38996.0446927374</v>
      </c>
      <c r="V3887" s="53">
        <v>38996.0446927374</v>
      </c>
      <c r="W3887" s="53">
        <v>38996.0446927374</v>
      </c>
      <c r="X3887" s="53">
        <v>38996.0446927374</v>
      </c>
      <c r="Y3887" s="53">
        <v>38996.0446927374</v>
      </c>
      <c r="Z3887" s="53">
        <v>38996.044692737298</v>
      </c>
      <c r="AA3887" s="53">
        <v>467952.53631284798</v>
      </c>
      <c r="AB3887" s="53">
        <v>38996.044692737298</v>
      </c>
      <c r="AC3887" s="53">
        <v>38996.044692737298</v>
      </c>
      <c r="AD3887" s="53">
        <v>38996.044692737298</v>
      </c>
      <c r="AE3887" s="53">
        <v>38996.044692737298</v>
      </c>
      <c r="AF3887" s="53">
        <v>38996.044692737298</v>
      </c>
      <c r="AG3887" s="53">
        <v>38996.044692737298</v>
      </c>
      <c r="AH3887" s="53">
        <v>38996.044692737298</v>
      </c>
      <c r="AI3887" s="53">
        <v>38996.044692737298</v>
      </c>
      <c r="AJ3887" s="53">
        <v>38996.044692737298</v>
      </c>
      <c r="AK3887" s="53">
        <v>38996.044692737298</v>
      </c>
      <c r="AL3887" s="53">
        <v>38996.044692737298</v>
      </c>
      <c r="AM3887" s="53">
        <v>38996.044692737298</v>
      </c>
      <c r="AN3887" s="53">
        <v>467952.53631284798</v>
      </c>
      <c r="AO3887" s="53">
        <v>38996.044692737298</v>
      </c>
      <c r="AP3887" s="53">
        <v>38996.044692737298</v>
      </c>
      <c r="AQ3887" s="53">
        <v>38996.044692737298</v>
      </c>
      <c r="AR3887" s="53">
        <v>38996.044692737298</v>
      </c>
      <c r="AS3887" s="53">
        <v>38996.044692737298</v>
      </c>
      <c r="AT3887" s="53">
        <v>38996.044692737298</v>
      </c>
      <c r="AU3887" s="53">
        <v>38996.044692737298</v>
      </c>
      <c r="AV3887" s="53">
        <v>38996.044692737298</v>
      </c>
      <c r="AW3887" s="53">
        <v>38996.044692737298</v>
      </c>
      <c r="AX3887" s="53">
        <v>38996.044692737298</v>
      </c>
      <c r="AY3887" s="53">
        <v>38996.044692737298</v>
      </c>
      <c r="AZ3887" s="53">
        <v>38996.044692737298</v>
      </c>
      <c r="BA3887" s="53">
        <v>467952.53631284798</v>
      </c>
      <c r="BB3887" s="53">
        <v>38996.044692737298</v>
      </c>
      <c r="BC3887" s="53">
        <v>38996.044692737298</v>
      </c>
      <c r="BD3887" s="53">
        <v>38996.044692737298</v>
      </c>
      <c r="BE3887" s="53">
        <v>38996.044692737298</v>
      </c>
      <c r="BF3887" s="53">
        <v>38996.044692737298</v>
      </c>
      <c r="BG3887" s="53">
        <v>38996.044692737298</v>
      </c>
      <c r="BH3887" s="53">
        <v>38996.044692737298</v>
      </c>
      <c r="BI3887" s="53">
        <v>38996.044692737298</v>
      </c>
      <c r="BJ3887" s="53">
        <v>38996.044692737298</v>
      </c>
      <c r="BK3887" s="53">
        <v>38996.044692737298</v>
      </c>
      <c r="BL3887" s="53">
        <v>38996.044692737298</v>
      </c>
      <c r="BM3887" s="53">
        <v>38996.044692737298</v>
      </c>
      <c r="BN3887" s="53">
        <v>467952.53631284798</v>
      </c>
      <c r="BO3887" s="53">
        <v>38996.044692737298</v>
      </c>
      <c r="BP3887" s="53">
        <v>38996.044692737298</v>
      </c>
      <c r="BQ3887" s="53">
        <v>38996.0446927374</v>
      </c>
      <c r="BR3887" s="53">
        <v>38996.0446927374</v>
      </c>
      <c r="BS3887" s="53">
        <v>38996.0446927374</v>
      </c>
      <c r="BT3887" s="53">
        <v>38996.0446927374</v>
      </c>
      <c r="BU3887" s="53">
        <v>38996.0446927374</v>
      </c>
      <c r="BV3887" s="53">
        <v>38996.0446927374</v>
      </c>
      <c r="BW3887" s="53">
        <v>38996.0446927374</v>
      </c>
      <c r="BX3887" s="53">
        <v>38996.0446927374</v>
      </c>
      <c r="BY3887" s="53">
        <v>38996.044692737298</v>
      </c>
      <c r="BZ3887" s="53">
        <v>38996.0446927374</v>
      </c>
      <c r="CA3887" s="53">
        <v>467952.53631284798</v>
      </c>
      <c r="CB3887" s="53"/>
      <c r="CC3887" s="53"/>
      <c r="CD3887" s="53"/>
      <c r="CE3887" s="53"/>
      <c r="CF3887" s="53"/>
      <c r="CG3887" s="53"/>
      <c r="CH3887" s="53"/>
      <c r="CI3887" s="53"/>
      <c r="CJ3887" s="53"/>
      <c r="CK3887" s="53"/>
      <c r="CL3887" s="53"/>
      <c r="CM3887" s="53"/>
      <c r="CN3887" s="53"/>
    </row>
    <row r="3888" spans="1:92" outlineLevel="1">
      <c r="A3888" s="52" t="s">
        <v>729</v>
      </c>
      <c r="B3888" s="53">
        <v>48595.5162790697</v>
      </c>
      <c r="C3888" s="53">
        <v>48595.5162790697</v>
      </c>
      <c r="D3888" s="53">
        <v>48595.5162790697</v>
      </c>
      <c r="E3888" s="53">
        <v>48595.5162790697</v>
      </c>
      <c r="F3888" s="53">
        <v>48595.5162790697</v>
      </c>
      <c r="G3888" s="53">
        <v>48595.5162790697</v>
      </c>
      <c r="H3888" s="53">
        <v>48595.5162790697</v>
      </c>
      <c r="I3888" s="53">
        <v>48595.5162790697</v>
      </c>
      <c r="J3888" s="53">
        <v>48595.5162790697</v>
      </c>
      <c r="K3888" s="53">
        <v>48595.5162790697</v>
      </c>
      <c r="L3888" s="53">
        <v>48595.5162790697</v>
      </c>
      <c r="M3888" s="53">
        <v>48595.5162790697</v>
      </c>
      <c r="N3888" s="53">
        <v>583146.19534883695</v>
      </c>
      <c r="O3888" s="53">
        <v>48595.5162790697</v>
      </c>
      <c r="P3888" s="53">
        <v>48595.5162790697</v>
      </c>
      <c r="Q3888" s="53">
        <v>48595.5162790697</v>
      </c>
      <c r="R3888" s="53">
        <v>48595.5162790697</v>
      </c>
      <c r="S3888" s="53">
        <v>48595.5162790697</v>
      </c>
      <c r="T3888" s="53">
        <v>48595.5162790697</v>
      </c>
      <c r="U3888" s="53">
        <v>48595.5162790697</v>
      </c>
      <c r="V3888" s="53">
        <v>48595.5162790697</v>
      </c>
      <c r="W3888" s="53">
        <v>48595.5162790697</v>
      </c>
      <c r="X3888" s="53">
        <v>48595.5162790697</v>
      </c>
      <c r="Y3888" s="53">
        <v>48595.5162790697</v>
      </c>
      <c r="Z3888" s="53">
        <v>48595.5162790697</v>
      </c>
      <c r="AA3888" s="53">
        <v>583146.19534883695</v>
      </c>
      <c r="AB3888" s="53">
        <v>48595.516279069801</v>
      </c>
      <c r="AC3888" s="53">
        <v>48595.516279069801</v>
      </c>
      <c r="AD3888" s="53">
        <v>48595.516279069801</v>
      </c>
      <c r="AE3888" s="53">
        <v>48595.516279069801</v>
      </c>
      <c r="AF3888" s="53">
        <v>48595.516279069801</v>
      </c>
      <c r="AG3888" s="53">
        <v>48595.516279069801</v>
      </c>
      <c r="AH3888" s="53">
        <v>48595.516279069801</v>
      </c>
      <c r="AI3888" s="53">
        <v>48595.516279069801</v>
      </c>
      <c r="AJ3888" s="53">
        <v>48595.516279069801</v>
      </c>
      <c r="AK3888" s="53">
        <v>48595.516279069801</v>
      </c>
      <c r="AL3888" s="53">
        <v>48595.516279069801</v>
      </c>
      <c r="AM3888" s="53">
        <v>48595.516279069801</v>
      </c>
      <c r="AN3888" s="53">
        <v>583146.19534883695</v>
      </c>
      <c r="AO3888" s="53">
        <v>48595.516279069801</v>
      </c>
      <c r="AP3888" s="53">
        <v>48595.516279069801</v>
      </c>
      <c r="AQ3888" s="53">
        <v>48595.516279069801</v>
      </c>
      <c r="AR3888" s="53">
        <v>48595.516279069801</v>
      </c>
      <c r="AS3888" s="53">
        <v>48595.516279069801</v>
      </c>
      <c r="AT3888" s="53">
        <v>48595.516279069801</v>
      </c>
      <c r="AU3888" s="53">
        <v>48595.516279069801</v>
      </c>
      <c r="AV3888" s="53">
        <v>48595.516279069801</v>
      </c>
      <c r="AW3888" s="53">
        <v>48595.516279069801</v>
      </c>
      <c r="AX3888" s="53">
        <v>48595.516279069801</v>
      </c>
      <c r="AY3888" s="53">
        <v>48595.516279069801</v>
      </c>
      <c r="AZ3888" s="53">
        <v>48595.516279069801</v>
      </c>
      <c r="BA3888" s="53">
        <v>583146.19534883799</v>
      </c>
      <c r="BB3888" s="53">
        <v>48595.516279069801</v>
      </c>
      <c r="BC3888" s="53">
        <v>48595.516279069801</v>
      </c>
      <c r="BD3888" s="53">
        <v>48595.516279069801</v>
      </c>
      <c r="BE3888" s="53">
        <v>48595.516279069801</v>
      </c>
      <c r="BF3888" s="53">
        <v>48595.516279069801</v>
      </c>
      <c r="BG3888" s="53">
        <v>48595.516279069801</v>
      </c>
      <c r="BH3888" s="53">
        <v>48595.516279069801</v>
      </c>
      <c r="BI3888" s="53">
        <v>48595.516279069801</v>
      </c>
      <c r="BJ3888" s="53">
        <v>48595.516279069801</v>
      </c>
      <c r="BK3888" s="53">
        <v>48595.516279069801</v>
      </c>
      <c r="BL3888" s="53">
        <v>48595.516279069801</v>
      </c>
      <c r="BM3888" s="53">
        <v>48595.516279069801</v>
      </c>
      <c r="BN3888" s="53">
        <v>583146.19534883799</v>
      </c>
      <c r="BO3888" s="53">
        <v>48595.516279069801</v>
      </c>
      <c r="BP3888" s="53">
        <v>48595.516279069801</v>
      </c>
      <c r="BQ3888" s="53">
        <v>48595.516279069903</v>
      </c>
      <c r="BR3888" s="53">
        <v>48595.516279069801</v>
      </c>
      <c r="BS3888" s="53">
        <v>48595.516279069801</v>
      </c>
      <c r="BT3888" s="53">
        <v>48595.516279069801</v>
      </c>
      <c r="BU3888" s="53">
        <v>48595.516279069801</v>
      </c>
      <c r="BV3888" s="53">
        <v>48595.516279069801</v>
      </c>
      <c r="BW3888" s="53">
        <v>48595.516279069801</v>
      </c>
      <c r="BX3888" s="53">
        <v>48595.516279069801</v>
      </c>
      <c r="BY3888" s="53">
        <v>48595.516279069801</v>
      </c>
      <c r="BZ3888" s="53">
        <v>48595.516279069801</v>
      </c>
      <c r="CA3888" s="53">
        <v>583146.19534883799</v>
      </c>
      <c r="CB3888" s="53"/>
      <c r="CC3888" s="53"/>
      <c r="CD3888" s="53"/>
      <c r="CE3888" s="53"/>
      <c r="CF3888" s="53"/>
      <c r="CG3888" s="53"/>
      <c r="CH3888" s="53"/>
      <c r="CI3888" s="53"/>
      <c r="CJ3888" s="53"/>
      <c r="CK3888" s="53"/>
      <c r="CL3888" s="53"/>
      <c r="CM3888" s="53"/>
      <c r="CN3888" s="53"/>
    </row>
    <row r="3889" spans="1:92" outlineLevel="1">
      <c r="A3889" s="52" t="s">
        <v>730</v>
      </c>
      <c r="B3889" s="53">
        <v>16652.086330935199</v>
      </c>
      <c r="C3889" s="53">
        <v>16652.086330935199</v>
      </c>
      <c r="D3889" s="53">
        <v>16652.086330935199</v>
      </c>
      <c r="E3889" s="53">
        <v>16652.086330935199</v>
      </c>
      <c r="F3889" s="53">
        <v>16652.086330935199</v>
      </c>
      <c r="G3889" s="53">
        <v>16652.086330935199</v>
      </c>
      <c r="H3889" s="53">
        <v>16652.086330935199</v>
      </c>
      <c r="I3889" s="53">
        <v>16652.086330935199</v>
      </c>
      <c r="J3889" s="53">
        <v>16652.086330935199</v>
      </c>
      <c r="K3889" s="53">
        <v>16652.086330935199</v>
      </c>
      <c r="L3889" s="53">
        <v>16652.086330935199</v>
      </c>
      <c r="M3889" s="53">
        <v>16652.086330935199</v>
      </c>
      <c r="N3889" s="53">
        <v>199825.035971223</v>
      </c>
      <c r="O3889" s="53">
        <v>16652.086330935199</v>
      </c>
      <c r="P3889" s="53">
        <v>16652.086330935199</v>
      </c>
      <c r="Q3889" s="53">
        <v>16652.086330935199</v>
      </c>
      <c r="R3889" s="53">
        <v>16652.086330935199</v>
      </c>
      <c r="S3889" s="53">
        <v>16652.086330935199</v>
      </c>
      <c r="T3889" s="53">
        <v>16652.086330935199</v>
      </c>
      <c r="U3889" s="53">
        <v>16652.086330935199</v>
      </c>
      <c r="V3889" s="53">
        <v>16652.086330935199</v>
      </c>
      <c r="W3889" s="53">
        <v>16652.086330935199</v>
      </c>
      <c r="X3889" s="53">
        <v>16652.086330935199</v>
      </c>
      <c r="Y3889" s="53">
        <v>16652.086330935199</v>
      </c>
      <c r="Z3889" s="53">
        <v>16652.086330935199</v>
      </c>
      <c r="AA3889" s="53">
        <v>199825.035971223</v>
      </c>
      <c r="AB3889" s="53">
        <v>16652.086330935199</v>
      </c>
      <c r="AC3889" s="53">
        <v>16652.086330935199</v>
      </c>
      <c r="AD3889" s="53">
        <v>16652.086330935199</v>
      </c>
      <c r="AE3889" s="53">
        <v>16652.086330935199</v>
      </c>
      <c r="AF3889" s="53">
        <v>16652.086330935199</v>
      </c>
      <c r="AG3889" s="53">
        <v>16652.086330935199</v>
      </c>
      <c r="AH3889" s="53">
        <v>16652.086330935199</v>
      </c>
      <c r="AI3889" s="53">
        <v>16652.086330935199</v>
      </c>
      <c r="AJ3889" s="53">
        <v>16652.086330935199</v>
      </c>
      <c r="AK3889" s="53">
        <v>16652.086330935199</v>
      </c>
      <c r="AL3889" s="53">
        <v>16652.086330935199</v>
      </c>
      <c r="AM3889" s="53">
        <v>16652.086330935199</v>
      </c>
      <c r="AN3889" s="53">
        <v>199825.035971223</v>
      </c>
      <c r="AO3889" s="53">
        <v>16652.086330935199</v>
      </c>
      <c r="AP3889" s="53">
        <v>16652.086330935199</v>
      </c>
      <c r="AQ3889" s="53">
        <v>16652.086330935199</v>
      </c>
      <c r="AR3889" s="53">
        <v>16652.086330935199</v>
      </c>
      <c r="AS3889" s="53">
        <v>16652.086330935199</v>
      </c>
      <c r="AT3889" s="53">
        <v>16652.086330935199</v>
      </c>
      <c r="AU3889" s="53">
        <v>16652.086330935199</v>
      </c>
      <c r="AV3889" s="53">
        <v>16652.086330935199</v>
      </c>
      <c r="AW3889" s="53">
        <v>16652.086330935199</v>
      </c>
      <c r="AX3889" s="53">
        <v>16652.086330935199</v>
      </c>
      <c r="AY3889" s="53">
        <v>16652.086330935199</v>
      </c>
      <c r="AZ3889" s="53">
        <v>16652.086330935199</v>
      </c>
      <c r="BA3889" s="53">
        <v>199825.035971223</v>
      </c>
      <c r="BB3889" s="53">
        <v>16652.086330935199</v>
      </c>
      <c r="BC3889" s="53">
        <v>16652.086330935199</v>
      </c>
      <c r="BD3889" s="53">
        <v>16652.086330935199</v>
      </c>
      <c r="BE3889" s="53">
        <v>16652.086330935199</v>
      </c>
      <c r="BF3889" s="53">
        <v>16652.086330935199</v>
      </c>
      <c r="BG3889" s="53">
        <v>16652.086330935199</v>
      </c>
      <c r="BH3889" s="53">
        <v>16652.086330935199</v>
      </c>
      <c r="BI3889" s="53">
        <v>16652.086330935199</v>
      </c>
      <c r="BJ3889" s="53">
        <v>16652.086330935199</v>
      </c>
      <c r="BK3889" s="53">
        <v>16652.086330935199</v>
      </c>
      <c r="BL3889" s="53">
        <v>16652.086330935199</v>
      </c>
      <c r="BM3889" s="53">
        <v>16652.086330935199</v>
      </c>
      <c r="BN3889" s="53">
        <v>199825.035971223</v>
      </c>
      <c r="BO3889" s="53">
        <v>16652.086330935199</v>
      </c>
      <c r="BP3889" s="53">
        <v>16652.086330935199</v>
      </c>
      <c r="BQ3889" s="53">
        <v>16652.086330935199</v>
      </c>
      <c r="BR3889" s="53">
        <v>16652.086330935199</v>
      </c>
      <c r="BS3889" s="53">
        <v>16652.086330935199</v>
      </c>
      <c r="BT3889" s="53">
        <v>16652.086330935199</v>
      </c>
      <c r="BU3889" s="53">
        <v>16652.086330935199</v>
      </c>
      <c r="BV3889" s="53">
        <v>16652.086330935199</v>
      </c>
      <c r="BW3889" s="53">
        <v>16652.086330935199</v>
      </c>
      <c r="BX3889" s="53">
        <v>16652.086330935199</v>
      </c>
      <c r="BY3889" s="53">
        <v>16652.086330935199</v>
      </c>
      <c r="BZ3889" s="53">
        <v>16652.086330935199</v>
      </c>
      <c r="CA3889" s="53">
        <v>199825.035971223</v>
      </c>
      <c r="CB3889" s="53"/>
      <c r="CC3889" s="53"/>
      <c r="CD3889" s="53"/>
      <c r="CE3889" s="53"/>
      <c r="CF3889" s="53"/>
      <c r="CG3889" s="53"/>
      <c r="CH3889" s="53"/>
      <c r="CI3889" s="53"/>
      <c r="CJ3889" s="53"/>
      <c r="CK3889" s="53"/>
      <c r="CL3889" s="53"/>
      <c r="CM3889" s="53"/>
      <c r="CN3889" s="53"/>
    </row>
    <row r="3890" spans="1:92" outlineLevel="1">
      <c r="A3890" s="52" t="s">
        <v>1565</v>
      </c>
      <c r="B3890" s="53">
        <v>11698.0753138075</v>
      </c>
      <c r="C3890" s="53">
        <v>11698.0753138075</v>
      </c>
      <c r="D3890" s="53">
        <v>11698.0753138075</v>
      </c>
      <c r="E3890" s="53">
        <v>11698.0753138075</v>
      </c>
      <c r="F3890" s="53">
        <v>11698.0753138075</v>
      </c>
      <c r="G3890" s="53">
        <v>11698.0753138075</v>
      </c>
      <c r="H3890" s="53">
        <v>11698.0753138075</v>
      </c>
      <c r="I3890" s="53">
        <v>11698.0753138075</v>
      </c>
      <c r="J3890" s="53">
        <v>11698.0753138075</v>
      </c>
      <c r="K3890" s="53">
        <v>11698.0753138075</v>
      </c>
      <c r="L3890" s="53">
        <v>11698.0753138075</v>
      </c>
      <c r="M3890" s="53">
        <v>11698.0753138075</v>
      </c>
      <c r="N3890" s="53">
        <v>140376.90376568999</v>
      </c>
      <c r="O3890" s="53">
        <v>11698.0753138075</v>
      </c>
      <c r="P3890" s="53">
        <v>11698.0753138075</v>
      </c>
      <c r="Q3890" s="53">
        <v>11698.0753138075</v>
      </c>
      <c r="R3890" s="53">
        <v>11698.0753138075</v>
      </c>
      <c r="S3890" s="53">
        <v>11698.0753138075</v>
      </c>
      <c r="T3890" s="53">
        <v>11698.0753138075</v>
      </c>
      <c r="U3890" s="53">
        <v>11698.0753138075</v>
      </c>
      <c r="V3890" s="53">
        <v>11698.0753138075</v>
      </c>
      <c r="W3890" s="53">
        <v>11698.0753138075</v>
      </c>
      <c r="X3890" s="53">
        <v>11698.0753138075</v>
      </c>
      <c r="Y3890" s="53">
        <v>11698.0753138075</v>
      </c>
      <c r="Z3890" s="53">
        <v>11698.0753138075</v>
      </c>
      <c r="AA3890" s="53">
        <v>140376.90376568999</v>
      </c>
      <c r="AB3890" s="53">
        <v>11698.0753138075</v>
      </c>
      <c r="AC3890" s="53">
        <v>11698.0753138075</v>
      </c>
      <c r="AD3890" s="53">
        <v>11698.0753138075</v>
      </c>
      <c r="AE3890" s="53">
        <v>11698.0753138075</v>
      </c>
      <c r="AF3890" s="53">
        <v>11698.0753138075</v>
      </c>
      <c r="AG3890" s="53">
        <v>11698.0753138075</v>
      </c>
      <c r="AH3890" s="53">
        <v>11698.0753138075</v>
      </c>
      <c r="AI3890" s="53">
        <v>11698.0753138075</v>
      </c>
      <c r="AJ3890" s="53">
        <v>11698.0753138075</v>
      </c>
      <c r="AK3890" s="53">
        <v>11698.0753138075</v>
      </c>
      <c r="AL3890" s="53">
        <v>11698.0753138075</v>
      </c>
      <c r="AM3890" s="53">
        <v>11698.0753138075</v>
      </c>
      <c r="AN3890" s="53">
        <v>140376.90376568999</v>
      </c>
      <c r="AO3890" s="53">
        <v>11698.0753138075</v>
      </c>
      <c r="AP3890" s="53">
        <v>11698.0753138075</v>
      </c>
      <c r="AQ3890" s="53">
        <v>11698.0753138075</v>
      </c>
      <c r="AR3890" s="53">
        <v>11698.0753138075</v>
      </c>
      <c r="AS3890" s="53">
        <v>11698.0753138075</v>
      </c>
      <c r="AT3890" s="53">
        <v>11698.0753138075</v>
      </c>
      <c r="AU3890" s="53">
        <v>11698.0753138075</v>
      </c>
      <c r="AV3890" s="53">
        <v>11698.0753138075</v>
      </c>
      <c r="AW3890" s="53">
        <v>11698.0753138075</v>
      </c>
      <c r="AX3890" s="53">
        <v>11698.0753138075</v>
      </c>
      <c r="AY3890" s="53">
        <v>11698.0753138075</v>
      </c>
      <c r="AZ3890" s="53">
        <v>11698.0753138075</v>
      </c>
      <c r="BA3890" s="53">
        <v>140376.90376568999</v>
      </c>
      <c r="BB3890" s="53">
        <v>11698.0753138075</v>
      </c>
      <c r="BC3890" s="53">
        <v>11698.0753138075</v>
      </c>
      <c r="BD3890" s="53">
        <v>11698.0753138075</v>
      </c>
      <c r="BE3890" s="53">
        <v>11698.0753138075</v>
      </c>
      <c r="BF3890" s="53">
        <v>11698.0753138075</v>
      </c>
      <c r="BG3890" s="53">
        <v>11698.0753138075</v>
      </c>
      <c r="BH3890" s="53">
        <v>11698.0753138075</v>
      </c>
      <c r="BI3890" s="53">
        <v>11698.0753138075</v>
      </c>
      <c r="BJ3890" s="53">
        <v>11698.0753138075</v>
      </c>
      <c r="BK3890" s="53">
        <v>11698.0753138075</v>
      </c>
      <c r="BL3890" s="53">
        <v>11698.0753138075</v>
      </c>
      <c r="BM3890" s="53">
        <v>11698.0753138075</v>
      </c>
      <c r="BN3890" s="53">
        <v>140376.90376568999</v>
      </c>
      <c r="BO3890" s="53">
        <v>11698.0753138075</v>
      </c>
      <c r="BP3890" s="53">
        <v>11698.0753138075</v>
      </c>
      <c r="BQ3890" s="53">
        <v>11698.0753138075</v>
      </c>
      <c r="BR3890" s="53">
        <v>11698.0753138075</v>
      </c>
      <c r="BS3890" s="53">
        <v>11698.0753138075</v>
      </c>
      <c r="BT3890" s="53">
        <v>11698.0753138075</v>
      </c>
      <c r="BU3890" s="53">
        <v>11698.0753138075</v>
      </c>
      <c r="BV3890" s="53">
        <v>11698.0753138075</v>
      </c>
      <c r="BW3890" s="53">
        <v>11698.0753138075</v>
      </c>
      <c r="BX3890" s="53">
        <v>11698.0753138075</v>
      </c>
      <c r="BY3890" s="53">
        <v>11698.0753138075</v>
      </c>
      <c r="BZ3890" s="53">
        <v>11698.0753138075</v>
      </c>
      <c r="CA3890" s="53">
        <v>140376.90376568999</v>
      </c>
      <c r="CB3890" s="53">
        <v>-1427936.33333333</v>
      </c>
      <c r="CC3890" s="53">
        <v>-1427936.33333333</v>
      </c>
      <c r="CD3890" s="53">
        <v>-1427936.33333333</v>
      </c>
      <c r="CE3890" s="53">
        <v>-1427936.33333333</v>
      </c>
      <c r="CF3890" s="53">
        <v>-1427936.33333333</v>
      </c>
      <c r="CG3890" s="53">
        <v>-1427936.33333333</v>
      </c>
      <c r="CH3890" s="53">
        <v>-1427936.33333333</v>
      </c>
      <c r="CI3890" s="53">
        <v>-1427936.33333333</v>
      </c>
      <c r="CJ3890" s="53">
        <v>-1427936.33333333</v>
      </c>
      <c r="CK3890" s="53">
        <v>-1427936.33333333</v>
      </c>
      <c r="CL3890" s="53">
        <v>-1427936.33333333</v>
      </c>
      <c r="CM3890" s="53">
        <v>-1427936.33333333</v>
      </c>
      <c r="CN3890" s="53">
        <v>-17135236</v>
      </c>
    </row>
    <row r="3891" spans="1:92" outlineLevel="1">
      <c r="A3891" s="52" t="s">
        <v>1591</v>
      </c>
      <c r="B3891" s="53"/>
      <c r="C3891" s="53"/>
      <c r="D3891" s="53"/>
      <c r="E3891" s="53"/>
      <c r="F3891" s="53"/>
      <c r="G3891" s="53"/>
      <c r="H3891" s="53"/>
      <c r="I3891" s="53"/>
      <c r="J3891" s="53"/>
      <c r="K3891" s="53"/>
      <c r="L3891" s="53"/>
      <c r="M3891" s="53"/>
      <c r="N3891" s="53"/>
      <c r="O3891" s="53"/>
      <c r="P3891" s="53"/>
      <c r="Q3891" s="53"/>
      <c r="R3891" s="53"/>
      <c r="S3891" s="53"/>
      <c r="T3891" s="53"/>
      <c r="U3891" s="53"/>
      <c r="V3891" s="53"/>
      <c r="W3891" s="53"/>
      <c r="X3891" s="53"/>
      <c r="Y3891" s="53"/>
      <c r="Z3891" s="53"/>
      <c r="AA3891" s="53"/>
      <c r="AB3891" s="53"/>
      <c r="AC3891" s="53"/>
      <c r="AD3891" s="53"/>
      <c r="AE3891" s="53"/>
      <c r="AF3891" s="53"/>
      <c r="AG3891" s="53"/>
      <c r="AH3891" s="53"/>
      <c r="AI3891" s="53"/>
      <c r="AJ3891" s="53"/>
      <c r="AK3891" s="53"/>
      <c r="AL3891" s="53"/>
      <c r="AM3891" s="53"/>
      <c r="AN3891" s="53"/>
      <c r="AO3891" s="53"/>
      <c r="AP3891" s="53"/>
      <c r="AQ3891" s="53"/>
      <c r="AR3891" s="53"/>
      <c r="AS3891" s="53"/>
      <c r="AT3891" s="53"/>
      <c r="AU3891" s="53"/>
      <c r="AV3891" s="53"/>
      <c r="AW3891" s="53"/>
      <c r="AX3891" s="53"/>
      <c r="AY3891" s="53"/>
      <c r="AZ3891" s="53"/>
      <c r="BA3891" s="53"/>
      <c r="BB3891" s="53"/>
      <c r="BC3891" s="53"/>
      <c r="BD3891" s="53"/>
      <c r="BE3891" s="53"/>
      <c r="BF3891" s="53"/>
      <c r="BG3891" s="53"/>
      <c r="BH3891" s="53"/>
      <c r="BI3891" s="53"/>
      <c r="BJ3891" s="53"/>
      <c r="BK3891" s="53"/>
      <c r="BL3891" s="53"/>
      <c r="BM3891" s="53"/>
      <c r="BN3891" s="53"/>
      <c r="BO3891" s="53"/>
      <c r="BP3891" s="53"/>
      <c r="BQ3891" s="53"/>
      <c r="BR3891" s="53"/>
      <c r="BS3891" s="53"/>
      <c r="BT3891" s="53"/>
      <c r="BU3891" s="53"/>
      <c r="BV3891" s="53"/>
      <c r="BW3891" s="53"/>
      <c r="BX3891" s="53"/>
      <c r="BY3891" s="53"/>
      <c r="BZ3891" s="53"/>
      <c r="CA3891" s="53"/>
      <c r="CB3891" s="53"/>
      <c r="CC3891" s="53"/>
      <c r="CD3891" s="53"/>
      <c r="CE3891" s="53"/>
      <c r="CF3891" s="53"/>
      <c r="CG3891" s="53"/>
      <c r="CH3891" s="53"/>
      <c r="CI3891" s="53"/>
      <c r="CJ3891" s="53"/>
      <c r="CK3891" s="53"/>
      <c r="CL3891" s="53"/>
      <c r="CM3891" s="53"/>
      <c r="CN3891" s="53"/>
    </row>
    <row r="3892" spans="1:92" outlineLevel="1">
      <c r="A3892" s="52" t="s">
        <v>711</v>
      </c>
      <c r="B3892" s="53">
        <v>1213.9344262295001</v>
      </c>
      <c r="C3892" s="53">
        <v>1213.9344262295001</v>
      </c>
      <c r="D3892" s="53">
        <v>1213.9344262295001</v>
      </c>
      <c r="E3892" s="53">
        <v>1213.9344262295001</v>
      </c>
      <c r="F3892" s="53">
        <v>1213.9344262295001</v>
      </c>
      <c r="G3892" s="53">
        <v>1213.9344262295001</v>
      </c>
      <c r="H3892" s="53">
        <v>1213.9344262295001</v>
      </c>
      <c r="I3892" s="53">
        <v>1213.9344262295001</v>
      </c>
      <c r="J3892" s="53">
        <v>1213.9344262295001</v>
      </c>
      <c r="K3892" s="53">
        <v>1213.9344262295001</v>
      </c>
      <c r="L3892" s="53">
        <v>1213.9344262295001</v>
      </c>
      <c r="M3892" s="53">
        <v>1213.9344262295001</v>
      </c>
      <c r="N3892" s="53">
        <v>14567.213114754</v>
      </c>
      <c r="O3892" s="53">
        <v>1213.9344262295001</v>
      </c>
      <c r="P3892" s="53">
        <v>1213.9344262295001</v>
      </c>
      <c r="Q3892" s="53">
        <v>1213.9344262295001</v>
      </c>
      <c r="R3892" s="53">
        <v>1213.9344262295001</v>
      </c>
      <c r="S3892" s="53">
        <v>1213.9344262295001</v>
      </c>
      <c r="T3892" s="53">
        <v>1213.9344262295001</v>
      </c>
      <c r="U3892" s="53">
        <v>1213.9344262295001</v>
      </c>
      <c r="V3892" s="53">
        <v>1213.9344262295001</v>
      </c>
      <c r="W3892" s="53">
        <v>1213.9344262295001</v>
      </c>
      <c r="X3892" s="53">
        <v>1213.9344262295001</v>
      </c>
      <c r="Y3892" s="53">
        <v>1213.9344262295001</v>
      </c>
      <c r="Z3892" s="53">
        <v>1213.9344262295001</v>
      </c>
      <c r="AA3892" s="53">
        <v>14567.213114754</v>
      </c>
      <c r="AB3892" s="53">
        <v>1213.9344262295001</v>
      </c>
      <c r="AC3892" s="53">
        <v>1213.9344262295001</v>
      </c>
      <c r="AD3892" s="53">
        <v>1213.9344262295001</v>
      </c>
      <c r="AE3892" s="53">
        <v>1213.9344262295001</v>
      </c>
      <c r="AF3892" s="53">
        <v>1213.9344262295001</v>
      </c>
      <c r="AG3892" s="53">
        <v>1213.9344262295001</v>
      </c>
      <c r="AH3892" s="53">
        <v>1213.9344262295001</v>
      </c>
      <c r="AI3892" s="53">
        <v>1213.9344262295001</v>
      </c>
      <c r="AJ3892" s="53">
        <v>1213.9344262295001</v>
      </c>
      <c r="AK3892" s="53">
        <v>1213.9344262295001</v>
      </c>
      <c r="AL3892" s="53">
        <v>1213.9344262295001</v>
      </c>
      <c r="AM3892" s="53">
        <v>1213.9344262295001</v>
      </c>
      <c r="AN3892" s="53">
        <v>14567.213114754</v>
      </c>
      <c r="AO3892" s="53">
        <v>1213.9344262295001</v>
      </c>
      <c r="AP3892" s="53">
        <v>1213.9344262295001</v>
      </c>
      <c r="AQ3892" s="53">
        <v>1213.9344262295001</v>
      </c>
      <c r="AR3892" s="53">
        <v>1213.9344262295001</v>
      </c>
      <c r="AS3892" s="53">
        <v>1213.9344262295001</v>
      </c>
      <c r="AT3892" s="53">
        <v>1213.9344262295001</v>
      </c>
      <c r="AU3892" s="53">
        <v>1213.9344262295001</v>
      </c>
      <c r="AV3892" s="53">
        <v>1213.9344262295001</v>
      </c>
      <c r="AW3892" s="53">
        <v>1213.9344262295001</v>
      </c>
      <c r="AX3892" s="53">
        <v>1213.9344262295001</v>
      </c>
      <c r="AY3892" s="53">
        <v>1213.9344262295001</v>
      </c>
      <c r="AZ3892" s="53">
        <v>1213.9344262295001</v>
      </c>
      <c r="BA3892" s="53">
        <v>14567.213114754</v>
      </c>
      <c r="BB3892" s="53">
        <v>1213.9344262295001</v>
      </c>
      <c r="BC3892" s="53">
        <v>1213.9344262295001</v>
      </c>
      <c r="BD3892" s="53">
        <v>1213.9344262295001</v>
      </c>
      <c r="BE3892" s="53">
        <v>1213.9344262295001</v>
      </c>
      <c r="BF3892" s="53">
        <v>1213.9344262295001</v>
      </c>
      <c r="BG3892" s="53">
        <v>1213.9344262295001</v>
      </c>
      <c r="BH3892" s="53">
        <v>1213.9344262295001</v>
      </c>
      <c r="BI3892" s="53">
        <v>1213.9344262295001</v>
      </c>
      <c r="BJ3892" s="53">
        <v>1213.9344262295001</v>
      </c>
      <c r="BK3892" s="53">
        <v>1213.9344262295001</v>
      </c>
      <c r="BL3892" s="53">
        <v>1213.9344262295001</v>
      </c>
      <c r="BM3892" s="53">
        <v>1213.9344262295001</v>
      </c>
      <c r="BN3892" s="53">
        <v>14567.2131147541</v>
      </c>
      <c r="BO3892" s="53">
        <v>1213.9344262295001</v>
      </c>
      <c r="BP3892" s="53"/>
      <c r="BQ3892" s="53"/>
      <c r="BR3892" s="53"/>
      <c r="BS3892" s="53"/>
      <c r="BT3892" s="53"/>
      <c r="BU3892" s="53"/>
      <c r="BV3892" s="53"/>
      <c r="BW3892" s="53"/>
      <c r="BX3892" s="53"/>
      <c r="BY3892" s="53"/>
      <c r="BZ3892" s="53"/>
      <c r="CA3892" s="53">
        <v>1213.9344262295001</v>
      </c>
      <c r="CB3892" s="53"/>
      <c r="CC3892" s="53"/>
      <c r="CD3892" s="53"/>
      <c r="CE3892" s="53"/>
      <c r="CF3892" s="53"/>
      <c r="CG3892" s="53"/>
      <c r="CH3892" s="53"/>
      <c r="CI3892" s="53"/>
      <c r="CJ3892" s="53"/>
      <c r="CK3892" s="53"/>
      <c r="CL3892" s="53"/>
      <c r="CM3892" s="53"/>
      <c r="CN3892" s="53"/>
    </row>
    <row r="3893" spans="1:92" outlineLevel="1">
      <c r="A3893" s="52" t="s">
        <v>712</v>
      </c>
      <c r="B3893" s="53">
        <v>1583.1557377049101</v>
      </c>
      <c r="C3893" s="53">
        <v>1583.1557377049101</v>
      </c>
      <c r="D3893" s="53">
        <v>1583.1557377049101</v>
      </c>
      <c r="E3893" s="53">
        <v>1583.1557377049101</v>
      </c>
      <c r="F3893" s="53">
        <v>1583.1557377049101</v>
      </c>
      <c r="G3893" s="53">
        <v>1583.1557377049101</v>
      </c>
      <c r="H3893" s="53">
        <v>1583.1557377049101</v>
      </c>
      <c r="I3893" s="53">
        <v>1583.1557377049101</v>
      </c>
      <c r="J3893" s="53">
        <v>1583.1557377049101</v>
      </c>
      <c r="K3893" s="53">
        <v>1583.1557377049101</v>
      </c>
      <c r="L3893" s="53">
        <v>1583.1557377049101</v>
      </c>
      <c r="M3893" s="53">
        <v>1583.1557377049101</v>
      </c>
      <c r="N3893" s="53">
        <v>18997.868852459</v>
      </c>
      <c r="O3893" s="53">
        <v>1583.1557377049101</v>
      </c>
      <c r="P3893" s="53">
        <v>1583.1557377049101</v>
      </c>
      <c r="Q3893" s="53">
        <v>1583.1557377049101</v>
      </c>
      <c r="R3893" s="53">
        <v>1583.1557377049101</v>
      </c>
      <c r="S3893" s="53">
        <v>1583.1557377049101</v>
      </c>
      <c r="T3893" s="53">
        <v>1583.1557377049101</v>
      </c>
      <c r="U3893" s="53">
        <v>1583.1557377049101</v>
      </c>
      <c r="V3893" s="53">
        <v>1583.1557377049101</v>
      </c>
      <c r="W3893" s="53">
        <v>1583.1557377049101</v>
      </c>
      <c r="X3893" s="53">
        <v>1583.1557377049101</v>
      </c>
      <c r="Y3893" s="53">
        <v>1583.1557377049101</v>
      </c>
      <c r="Z3893" s="53">
        <v>1583.1557377049101</v>
      </c>
      <c r="AA3893" s="53">
        <v>18997.868852459</v>
      </c>
      <c r="AB3893" s="53">
        <v>1583.1557377049101</v>
      </c>
      <c r="AC3893" s="53">
        <v>1583.1557377049101</v>
      </c>
      <c r="AD3893" s="53">
        <v>1583.1557377049101</v>
      </c>
      <c r="AE3893" s="53">
        <v>1583.1557377049101</v>
      </c>
      <c r="AF3893" s="53">
        <v>1583.1557377049101</v>
      </c>
      <c r="AG3893" s="53">
        <v>1583.1557377049101</v>
      </c>
      <c r="AH3893" s="53">
        <v>1583.1557377049101</v>
      </c>
      <c r="AI3893" s="53">
        <v>1583.1557377049101</v>
      </c>
      <c r="AJ3893" s="53">
        <v>1583.1557377049101</v>
      </c>
      <c r="AK3893" s="53">
        <v>1583.1557377049101</v>
      </c>
      <c r="AL3893" s="53">
        <v>1583.1557377049101</v>
      </c>
      <c r="AM3893" s="53">
        <v>1583.1557377049101</v>
      </c>
      <c r="AN3893" s="53">
        <v>18997.868852459</v>
      </c>
      <c r="AO3893" s="53">
        <v>1583.1557377049101</v>
      </c>
      <c r="AP3893" s="53">
        <v>1583.1557377049201</v>
      </c>
      <c r="AQ3893" s="53">
        <v>1583.1557377049201</v>
      </c>
      <c r="AR3893" s="53">
        <v>1583.1557377049201</v>
      </c>
      <c r="AS3893" s="53">
        <v>1583.1557377049201</v>
      </c>
      <c r="AT3893" s="53">
        <v>1583.1557377049201</v>
      </c>
      <c r="AU3893" s="53">
        <v>1583.1557377049201</v>
      </c>
      <c r="AV3893" s="53">
        <v>1583.1557377049201</v>
      </c>
      <c r="AW3893" s="53">
        <v>1583.1557377049201</v>
      </c>
      <c r="AX3893" s="53">
        <v>1583.1557377049201</v>
      </c>
      <c r="AY3893" s="53">
        <v>1583.1557377049201</v>
      </c>
      <c r="AZ3893" s="53">
        <v>1583.1557377049201</v>
      </c>
      <c r="BA3893" s="53">
        <v>18997.868852459</v>
      </c>
      <c r="BB3893" s="53">
        <v>1583.1557377049201</v>
      </c>
      <c r="BC3893" s="53">
        <v>1583.1557377049201</v>
      </c>
      <c r="BD3893" s="53">
        <v>1583.1557377049201</v>
      </c>
      <c r="BE3893" s="53">
        <v>1583.1557377049201</v>
      </c>
      <c r="BF3893" s="53">
        <v>1583.1557377049201</v>
      </c>
      <c r="BG3893" s="53">
        <v>1583.1557377049201</v>
      </c>
      <c r="BH3893" s="53">
        <v>1583.1557377049201</v>
      </c>
      <c r="BI3893" s="53">
        <v>1583.1557377049201</v>
      </c>
      <c r="BJ3893" s="53">
        <v>1583.1557377049201</v>
      </c>
      <c r="BK3893" s="53">
        <v>1583.1557377049201</v>
      </c>
      <c r="BL3893" s="53">
        <v>1583.1557377049201</v>
      </c>
      <c r="BM3893" s="53">
        <v>1583.1557377049201</v>
      </c>
      <c r="BN3893" s="53">
        <v>18997.868852459</v>
      </c>
      <c r="BO3893" s="53">
        <v>1583.1557377049201</v>
      </c>
      <c r="BP3893" s="53">
        <v>1583.1557377049201</v>
      </c>
      <c r="BQ3893" s="53">
        <v>1583.1557377049201</v>
      </c>
      <c r="BR3893" s="53">
        <v>1583.1557377049201</v>
      </c>
      <c r="BS3893" s="53">
        <v>1583.1557377049201</v>
      </c>
      <c r="BT3893" s="53">
        <v>1583.1557377049201</v>
      </c>
      <c r="BU3893" s="53">
        <v>1583.1557377049201</v>
      </c>
      <c r="BV3893" s="53">
        <v>1583.1557377049201</v>
      </c>
      <c r="BW3893" s="53">
        <v>1583.1557377049201</v>
      </c>
      <c r="BX3893" s="53">
        <v>1583.1557377049201</v>
      </c>
      <c r="BY3893" s="53">
        <v>1583.1557377049201</v>
      </c>
      <c r="BZ3893" s="53">
        <v>1583.1557377049201</v>
      </c>
      <c r="CA3893" s="53">
        <v>18997.868852459</v>
      </c>
      <c r="CB3893" s="53">
        <v>86651949.963373005</v>
      </c>
      <c r="CC3893" s="53">
        <v>67550653.952401504</v>
      </c>
      <c r="CD3893" s="53">
        <v>63775280.752329201</v>
      </c>
      <c r="CE3893" s="53">
        <v>74536433.922079802</v>
      </c>
      <c r="CF3893" s="53">
        <v>113151096.670636</v>
      </c>
      <c r="CG3893" s="53">
        <v>127115368.508406</v>
      </c>
      <c r="CH3893" s="53">
        <v>146610695.44742101</v>
      </c>
      <c r="CI3893" s="53">
        <v>147585644.90191099</v>
      </c>
      <c r="CJ3893" s="53">
        <v>128763516.972453</v>
      </c>
      <c r="CK3893" s="53">
        <v>93390322.812359393</v>
      </c>
      <c r="CL3893" s="53">
        <v>62464831.661802202</v>
      </c>
      <c r="CM3893" s="53">
        <v>66588160.930654302</v>
      </c>
      <c r="CN3893" s="53">
        <v>1178183956.49582</v>
      </c>
    </row>
    <row r="3894" spans="1:92" outlineLevel="1">
      <c r="A3894" s="52" t="s">
        <v>713</v>
      </c>
      <c r="B3894" s="53">
        <v>1833.3881019830001</v>
      </c>
      <c r="C3894" s="53">
        <v>1833.3881019830001</v>
      </c>
      <c r="D3894" s="53">
        <v>1833.3881019830001</v>
      </c>
      <c r="E3894" s="53">
        <v>1833.3881019830001</v>
      </c>
      <c r="F3894" s="53">
        <v>1833.3881019830001</v>
      </c>
      <c r="G3894" s="53">
        <v>1833.3881019830001</v>
      </c>
      <c r="H3894" s="53">
        <v>1833.3881019830001</v>
      </c>
      <c r="I3894" s="53">
        <v>1833.3881019830001</v>
      </c>
      <c r="J3894" s="53">
        <v>1833.3881019830001</v>
      </c>
      <c r="K3894" s="53">
        <v>1833.3881019830001</v>
      </c>
      <c r="L3894" s="53">
        <v>1833.3881019830001</v>
      </c>
      <c r="M3894" s="53">
        <v>1833.3881019830001</v>
      </c>
      <c r="N3894" s="53">
        <v>22000.657223795999</v>
      </c>
      <c r="O3894" s="53">
        <v>1833.3881019830001</v>
      </c>
      <c r="P3894" s="53">
        <v>1833.3881019830001</v>
      </c>
      <c r="Q3894" s="53">
        <v>1833.3881019830001</v>
      </c>
      <c r="R3894" s="53">
        <v>1833.3881019830001</v>
      </c>
      <c r="S3894" s="53">
        <v>1833.3881019830001</v>
      </c>
      <c r="T3894" s="53">
        <v>1833.3881019830001</v>
      </c>
      <c r="U3894" s="53">
        <v>1833.3881019830001</v>
      </c>
      <c r="V3894" s="53">
        <v>1833.3881019830001</v>
      </c>
      <c r="W3894" s="53">
        <v>1833.3881019830001</v>
      </c>
      <c r="X3894" s="53">
        <v>1833.3881019830001</v>
      </c>
      <c r="Y3894" s="53">
        <v>1833.3881019830001</v>
      </c>
      <c r="Z3894" s="53">
        <v>1833.3881019830001</v>
      </c>
      <c r="AA3894" s="53">
        <v>22000.657223795999</v>
      </c>
      <c r="AB3894" s="53">
        <v>1833.3881019830001</v>
      </c>
      <c r="AC3894" s="53">
        <v>1833.3881019830001</v>
      </c>
      <c r="AD3894" s="53">
        <v>1833.3881019830001</v>
      </c>
      <c r="AE3894" s="53">
        <v>1833.3881019830001</v>
      </c>
      <c r="AF3894" s="53">
        <v>1833.3881019829901</v>
      </c>
      <c r="AG3894" s="53">
        <v>1833.3881019829901</v>
      </c>
      <c r="AH3894" s="53">
        <v>1833.3881019829901</v>
      </c>
      <c r="AI3894" s="53">
        <v>1833.3881019829901</v>
      </c>
      <c r="AJ3894" s="53">
        <v>1833.3881019829901</v>
      </c>
      <c r="AK3894" s="53">
        <v>1833.3881019829901</v>
      </c>
      <c r="AL3894" s="53">
        <v>1833.3881019829901</v>
      </c>
      <c r="AM3894" s="53">
        <v>1833.3881019829901</v>
      </c>
      <c r="AN3894" s="53">
        <v>22000.657223795999</v>
      </c>
      <c r="AO3894" s="53">
        <v>1833.3881019829901</v>
      </c>
      <c r="AP3894" s="53">
        <v>1833.3881019829901</v>
      </c>
      <c r="AQ3894" s="53">
        <v>1833.3881019829901</v>
      </c>
      <c r="AR3894" s="53">
        <v>1833.3881019829901</v>
      </c>
      <c r="AS3894" s="53">
        <v>1833.3881019829901</v>
      </c>
      <c r="AT3894" s="53">
        <v>1833.3881019829901</v>
      </c>
      <c r="AU3894" s="53">
        <v>1833.3881019829901</v>
      </c>
      <c r="AV3894" s="53">
        <v>1833.3881019829901</v>
      </c>
      <c r="AW3894" s="53">
        <v>1833.3881019829901</v>
      </c>
      <c r="AX3894" s="53">
        <v>1833.3881019829901</v>
      </c>
      <c r="AY3894" s="53">
        <v>1833.3881019829901</v>
      </c>
      <c r="AZ3894" s="53">
        <v>1833.3881019829901</v>
      </c>
      <c r="BA3894" s="53">
        <v>22000.657223795901</v>
      </c>
      <c r="BB3894" s="53">
        <v>1833.3881019829901</v>
      </c>
      <c r="BC3894" s="53">
        <v>1833.3881019829901</v>
      </c>
      <c r="BD3894" s="53">
        <v>1833.3881019829901</v>
      </c>
      <c r="BE3894" s="53">
        <v>1833.3881019829901</v>
      </c>
      <c r="BF3894" s="53">
        <v>1833.3881019829901</v>
      </c>
      <c r="BG3894" s="53">
        <v>1833.3881019830001</v>
      </c>
      <c r="BH3894" s="53">
        <v>1833.3881019830001</v>
      </c>
      <c r="BI3894" s="53">
        <v>1833.3881019830001</v>
      </c>
      <c r="BJ3894" s="53">
        <v>1833.3881019830001</v>
      </c>
      <c r="BK3894" s="53">
        <v>1833.3881019830001</v>
      </c>
      <c r="BL3894" s="53">
        <v>1833.3881019830001</v>
      </c>
      <c r="BM3894" s="53">
        <v>1833.3881019830001</v>
      </c>
      <c r="BN3894" s="53">
        <v>22000.657223795999</v>
      </c>
      <c r="BO3894" s="53">
        <v>1833.3881019830001</v>
      </c>
      <c r="BP3894" s="53">
        <v>1833.3881019830001</v>
      </c>
      <c r="BQ3894" s="53">
        <v>1833.3881019830001</v>
      </c>
      <c r="BR3894" s="53">
        <v>1833.3881019830001</v>
      </c>
      <c r="BS3894" s="53">
        <v>1833.3881019830001</v>
      </c>
      <c r="BT3894" s="53">
        <v>1833.3881019830001</v>
      </c>
      <c r="BU3894" s="53">
        <v>1833.3881019830001</v>
      </c>
      <c r="BV3894" s="53">
        <v>1833.3881019830001</v>
      </c>
      <c r="BW3894" s="53">
        <v>1833.3881019830001</v>
      </c>
      <c r="BX3894" s="53">
        <v>1833.3881019830001</v>
      </c>
      <c r="BY3894" s="53">
        <v>1833.3881019830001</v>
      </c>
      <c r="BZ3894" s="53">
        <v>1833.3881019830001</v>
      </c>
      <c r="CA3894" s="53">
        <v>22000.657223795999</v>
      </c>
      <c r="CB3894" s="53"/>
      <c r="CC3894" s="53"/>
      <c r="CD3894" s="53"/>
      <c r="CE3894" s="53"/>
      <c r="CF3894" s="53"/>
      <c r="CG3894" s="53"/>
      <c r="CH3894" s="53"/>
      <c r="CI3894" s="53"/>
      <c r="CJ3894" s="53"/>
      <c r="CK3894" s="53"/>
      <c r="CL3894" s="53"/>
      <c r="CM3894" s="53"/>
      <c r="CN3894" s="53"/>
    </row>
    <row r="3895" spans="1:92" outlineLevel="1">
      <c r="A3895" s="52" t="s">
        <v>716</v>
      </c>
      <c r="B3895" s="53">
        <v>11723.4555256064</v>
      </c>
      <c r="C3895" s="53">
        <v>11723.4555256064</v>
      </c>
      <c r="D3895" s="53">
        <v>11723.4555256064</v>
      </c>
      <c r="E3895" s="53">
        <v>11723.4555256064</v>
      </c>
      <c r="F3895" s="53">
        <v>11723.4555256064</v>
      </c>
      <c r="G3895" s="53">
        <v>11723.4555256064</v>
      </c>
      <c r="H3895" s="53">
        <v>11723.4555256064</v>
      </c>
      <c r="I3895" s="53">
        <v>11723.4555256064</v>
      </c>
      <c r="J3895" s="53">
        <v>11723.4555256064</v>
      </c>
      <c r="K3895" s="53">
        <v>11723.4555256064</v>
      </c>
      <c r="L3895" s="53">
        <v>11723.4555256064</v>
      </c>
      <c r="M3895" s="53">
        <v>11723.4555256064</v>
      </c>
      <c r="N3895" s="53">
        <v>140681.46630727701</v>
      </c>
      <c r="O3895" s="53">
        <v>11723.4555256064</v>
      </c>
      <c r="P3895" s="53">
        <v>11723.4555256064</v>
      </c>
      <c r="Q3895" s="53">
        <v>11723.4555256064</v>
      </c>
      <c r="R3895" s="53">
        <v>11723.4555256064</v>
      </c>
      <c r="S3895" s="53">
        <v>11723.4555256064</v>
      </c>
      <c r="T3895" s="53">
        <v>11723.4555256064</v>
      </c>
      <c r="U3895" s="53">
        <v>11723.4555256064</v>
      </c>
      <c r="V3895" s="53">
        <v>11723.4555256064</v>
      </c>
      <c r="W3895" s="53">
        <v>11723.4555256064</v>
      </c>
      <c r="X3895" s="53">
        <v>11723.4555256064</v>
      </c>
      <c r="Y3895" s="53">
        <v>11723.4555256064</v>
      </c>
      <c r="Z3895" s="53">
        <v>11723.4555256064</v>
      </c>
      <c r="AA3895" s="53">
        <v>140681.46630727701</v>
      </c>
      <c r="AB3895" s="53">
        <v>11723.4555256064</v>
      </c>
      <c r="AC3895" s="53">
        <v>11723.4555256064</v>
      </c>
      <c r="AD3895" s="53">
        <v>11723.4555256064</v>
      </c>
      <c r="AE3895" s="53">
        <v>11723.4555256064</v>
      </c>
      <c r="AF3895" s="53">
        <v>11723.4555256064</v>
      </c>
      <c r="AG3895" s="53">
        <v>11723.4555256064</v>
      </c>
      <c r="AH3895" s="53">
        <v>11723.4555256064</v>
      </c>
      <c r="AI3895" s="53">
        <v>11723.4555256064</v>
      </c>
      <c r="AJ3895" s="53">
        <v>11723.4555256064</v>
      </c>
      <c r="AK3895" s="53">
        <v>11723.4555256064</v>
      </c>
      <c r="AL3895" s="53">
        <v>11723.4555256064</v>
      </c>
      <c r="AM3895" s="53">
        <v>11723.4555256064</v>
      </c>
      <c r="AN3895" s="53">
        <v>140681.46630727701</v>
      </c>
      <c r="AO3895" s="53">
        <v>11723.4555256064</v>
      </c>
      <c r="AP3895" s="53">
        <v>11723.4555256064</v>
      </c>
      <c r="AQ3895" s="53">
        <v>11723.4555256064</v>
      </c>
      <c r="AR3895" s="53">
        <v>11723.4555256064</v>
      </c>
      <c r="AS3895" s="53">
        <v>11723.4555256064</v>
      </c>
      <c r="AT3895" s="53">
        <v>11723.4555256064</v>
      </c>
      <c r="AU3895" s="53">
        <v>11723.4555256064</v>
      </c>
      <c r="AV3895" s="53">
        <v>11723.4555256064</v>
      </c>
      <c r="AW3895" s="53">
        <v>11723.4555256064</v>
      </c>
      <c r="AX3895" s="53">
        <v>11723.4555256064</v>
      </c>
      <c r="AY3895" s="53">
        <v>11723.4555256064</v>
      </c>
      <c r="AZ3895" s="53">
        <v>11723.4555256064</v>
      </c>
      <c r="BA3895" s="53">
        <v>140681.46630727701</v>
      </c>
      <c r="BB3895" s="53">
        <v>11723.4555256064</v>
      </c>
      <c r="BC3895" s="53">
        <v>11723.4555256064</v>
      </c>
      <c r="BD3895" s="53">
        <v>11723.4555256064</v>
      </c>
      <c r="BE3895" s="53">
        <v>11723.4555256064</v>
      </c>
      <c r="BF3895" s="53">
        <v>11723.4555256064</v>
      </c>
      <c r="BG3895" s="53">
        <v>11723.4555256064</v>
      </c>
      <c r="BH3895" s="53">
        <v>11723.4555256064</v>
      </c>
      <c r="BI3895" s="53">
        <v>11723.4555256064</v>
      </c>
      <c r="BJ3895" s="53">
        <v>11723.4555256064</v>
      </c>
      <c r="BK3895" s="53">
        <v>11723.4555256064</v>
      </c>
      <c r="BL3895" s="53">
        <v>11723.4555256064</v>
      </c>
      <c r="BM3895" s="53">
        <v>11723.4555256064</v>
      </c>
      <c r="BN3895" s="53">
        <v>140681.46630727701</v>
      </c>
      <c r="BO3895" s="53">
        <v>11723.4555256064</v>
      </c>
      <c r="BP3895" s="53">
        <v>11723.4555256064</v>
      </c>
      <c r="BQ3895" s="53">
        <v>11723.4555256064</v>
      </c>
      <c r="BR3895" s="53">
        <v>11723.4555256064</v>
      </c>
      <c r="BS3895" s="53">
        <v>11723.4555256064</v>
      </c>
      <c r="BT3895" s="53">
        <v>11723.4555256064</v>
      </c>
      <c r="BU3895" s="53">
        <v>11723.4555256064</v>
      </c>
      <c r="BV3895" s="53">
        <v>11723.4555256064</v>
      </c>
      <c r="BW3895" s="53">
        <v>11723.4555256064</v>
      </c>
      <c r="BX3895" s="53">
        <v>11723.4555256064</v>
      </c>
      <c r="BY3895" s="53">
        <v>11723.4555256064</v>
      </c>
      <c r="BZ3895" s="53">
        <v>11723.4555256064</v>
      </c>
      <c r="CA3895" s="53">
        <v>140681.46630727701</v>
      </c>
      <c r="CB3895" s="53"/>
      <c r="CC3895" s="53"/>
      <c r="CD3895" s="53"/>
      <c r="CE3895" s="53"/>
      <c r="CF3895" s="53"/>
      <c r="CG3895" s="53"/>
      <c r="CH3895" s="53"/>
      <c r="CI3895" s="53"/>
      <c r="CJ3895" s="53"/>
      <c r="CK3895" s="53"/>
      <c r="CL3895" s="53"/>
      <c r="CM3895" s="53"/>
      <c r="CN3895" s="53"/>
    </row>
    <row r="3896" spans="1:92" outlineLevel="1">
      <c r="A3896" s="52" t="s">
        <v>717</v>
      </c>
      <c r="B3896" s="53">
        <v>4051.8260869565202</v>
      </c>
      <c r="C3896" s="53">
        <v>4051.8260869565202</v>
      </c>
      <c r="D3896" s="53">
        <v>4051.8260869565202</v>
      </c>
      <c r="E3896" s="53">
        <v>4051.8260869565202</v>
      </c>
      <c r="F3896" s="53">
        <v>4051.8260869565202</v>
      </c>
      <c r="G3896" s="53">
        <v>4051.8260869565202</v>
      </c>
      <c r="H3896" s="53">
        <v>4051.8260869565202</v>
      </c>
      <c r="I3896" s="53">
        <v>4051.8260869565202</v>
      </c>
      <c r="J3896" s="53">
        <v>4051.8260869565102</v>
      </c>
      <c r="K3896" s="53">
        <v>4051.8260869565102</v>
      </c>
      <c r="L3896" s="53">
        <v>4051.8260869565102</v>
      </c>
      <c r="M3896" s="53">
        <v>4051.8260869565102</v>
      </c>
      <c r="N3896" s="53">
        <v>48621.913043478198</v>
      </c>
      <c r="O3896" s="53">
        <v>4051.8260869565102</v>
      </c>
      <c r="P3896" s="53">
        <v>4051.8260869565102</v>
      </c>
      <c r="Q3896" s="53">
        <v>4051.8260869565102</v>
      </c>
      <c r="R3896" s="53">
        <v>4051.8260869565102</v>
      </c>
      <c r="S3896" s="53">
        <v>4051.8260869565102</v>
      </c>
      <c r="T3896" s="53">
        <v>4051.8260869565102</v>
      </c>
      <c r="U3896" s="53">
        <v>4051.8260869565102</v>
      </c>
      <c r="V3896" s="53">
        <v>4051.8260869565102</v>
      </c>
      <c r="W3896" s="53">
        <v>4051.8260869565102</v>
      </c>
      <c r="X3896" s="53">
        <v>4051.8260869565102</v>
      </c>
      <c r="Y3896" s="53">
        <v>4051.8260869565102</v>
      </c>
      <c r="Z3896" s="53">
        <v>4051.8260869565102</v>
      </c>
      <c r="AA3896" s="53">
        <v>48621.913043478198</v>
      </c>
      <c r="AB3896" s="53">
        <v>4051.8260869565102</v>
      </c>
      <c r="AC3896" s="53">
        <v>4051.8260869565102</v>
      </c>
      <c r="AD3896" s="53">
        <v>4051.8260869565102</v>
      </c>
      <c r="AE3896" s="53">
        <v>4051.8260869565102</v>
      </c>
      <c r="AF3896" s="53">
        <v>4051.8260869565102</v>
      </c>
      <c r="AG3896" s="53">
        <v>4051.8260869565102</v>
      </c>
      <c r="AH3896" s="53">
        <v>4051.8260869565102</v>
      </c>
      <c r="AI3896" s="53">
        <v>4051.8260869565102</v>
      </c>
      <c r="AJ3896" s="53">
        <v>4051.8260869565102</v>
      </c>
      <c r="AK3896" s="53">
        <v>4051.8260869565102</v>
      </c>
      <c r="AL3896" s="53">
        <v>4051.8260869565102</v>
      </c>
      <c r="AM3896" s="53">
        <v>4051.8260869565102</v>
      </c>
      <c r="AN3896" s="53">
        <v>48621.913043478096</v>
      </c>
      <c r="AO3896" s="53">
        <v>4051.8260869565102</v>
      </c>
      <c r="AP3896" s="53">
        <v>4051.8260869565102</v>
      </c>
      <c r="AQ3896" s="53">
        <v>4051.8260869565102</v>
      </c>
      <c r="AR3896" s="53">
        <v>4051.8260869565102</v>
      </c>
      <c r="AS3896" s="53">
        <v>4051.8260869565102</v>
      </c>
      <c r="AT3896" s="53">
        <v>4051.8260869565102</v>
      </c>
      <c r="AU3896" s="53">
        <v>4051.8260869565001</v>
      </c>
      <c r="AV3896" s="53">
        <v>4051.8260869565001</v>
      </c>
      <c r="AW3896" s="53">
        <v>4051.8260869565001</v>
      </c>
      <c r="AX3896" s="53">
        <v>4051.8260869565102</v>
      </c>
      <c r="AY3896" s="53">
        <v>4051.8260869565001</v>
      </c>
      <c r="AZ3896" s="53">
        <v>4051.8260869565001</v>
      </c>
      <c r="BA3896" s="53">
        <v>48621.913043478096</v>
      </c>
      <c r="BB3896" s="53">
        <v>4051.8260869565102</v>
      </c>
      <c r="BC3896" s="53">
        <v>4051.8260869565001</v>
      </c>
      <c r="BD3896" s="53">
        <v>4051.8260869565001</v>
      </c>
      <c r="BE3896" s="53">
        <v>4051.8260869565001</v>
      </c>
      <c r="BF3896" s="53">
        <v>4051.8260869565001</v>
      </c>
      <c r="BG3896" s="53">
        <v>4051.8260869565102</v>
      </c>
      <c r="BH3896" s="53">
        <v>4051.8260869565102</v>
      </c>
      <c r="BI3896" s="53">
        <v>4051.8260869565001</v>
      </c>
      <c r="BJ3896" s="53">
        <v>4051.8260869565001</v>
      </c>
      <c r="BK3896" s="53">
        <v>4051.8260869565102</v>
      </c>
      <c r="BL3896" s="53">
        <v>4051.8260869565001</v>
      </c>
      <c r="BM3896" s="53">
        <v>4051.8260869565001</v>
      </c>
      <c r="BN3896" s="53">
        <v>48621.913043478096</v>
      </c>
      <c r="BO3896" s="53">
        <v>4051.8260869565001</v>
      </c>
      <c r="BP3896" s="53">
        <v>4051.8260869565102</v>
      </c>
      <c r="BQ3896" s="53">
        <v>4051.8260869565001</v>
      </c>
      <c r="BR3896" s="53">
        <v>4051.8260869565001</v>
      </c>
      <c r="BS3896" s="53">
        <v>4051.8260869565001</v>
      </c>
      <c r="BT3896" s="53">
        <v>4051.8260869565102</v>
      </c>
      <c r="BU3896" s="53">
        <v>4051.8260869565001</v>
      </c>
      <c r="BV3896" s="53">
        <v>4051.8260869565001</v>
      </c>
      <c r="BW3896" s="53">
        <v>4051.8260869565102</v>
      </c>
      <c r="BX3896" s="53">
        <v>4051.8260869565001</v>
      </c>
      <c r="BY3896" s="53">
        <v>4051.8260869565001</v>
      </c>
      <c r="BZ3896" s="53">
        <v>4051.8260869565001</v>
      </c>
      <c r="CA3896" s="53">
        <v>48621.913043478096</v>
      </c>
      <c r="CB3896" s="53"/>
      <c r="CC3896" s="53"/>
      <c r="CD3896" s="53"/>
      <c r="CE3896" s="53"/>
      <c r="CF3896" s="53"/>
      <c r="CG3896" s="53"/>
      <c r="CH3896" s="53"/>
      <c r="CI3896" s="53"/>
      <c r="CJ3896" s="53"/>
      <c r="CK3896" s="53"/>
      <c r="CL3896" s="53"/>
      <c r="CM3896" s="53"/>
      <c r="CN3896" s="53"/>
    </row>
    <row r="3897" spans="1:92" outlineLevel="1">
      <c r="A3897" s="52" t="s">
        <v>718</v>
      </c>
      <c r="B3897" s="53">
        <v>3523.4088050314399</v>
      </c>
      <c r="C3897" s="53">
        <v>3523.4088050314399</v>
      </c>
      <c r="D3897" s="53">
        <v>3523.4088050314399</v>
      </c>
      <c r="E3897" s="53">
        <v>3523.4088050314399</v>
      </c>
      <c r="F3897" s="53">
        <v>3523.4088050314399</v>
      </c>
      <c r="G3897" s="53">
        <v>3523.4088050314399</v>
      </c>
      <c r="H3897" s="53">
        <v>3523.4088050314399</v>
      </c>
      <c r="I3897" s="53">
        <v>3523.4088050314399</v>
      </c>
      <c r="J3897" s="53">
        <v>3523.4088050314399</v>
      </c>
      <c r="K3897" s="53">
        <v>3523.4088050314399</v>
      </c>
      <c r="L3897" s="53">
        <v>3523.4088050314399</v>
      </c>
      <c r="M3897" s="53">
        <v>3523.4088050314399</v>
      </c>
      <c r="N3897" s="53">
        <v>42280.905660377299</v>
      </c>
      <c r="O3897" s="53">
        <v>3523.4088050314399</v>
      </c>
      <c r="P3897" s="53">
        <v>3523.4088050314399</v>
      </c>
      <c r="Q3897" s="53">
        <v>3523.4088050314399</v>
      </c>
      <c r="R3897" s="53">
        <v>3523.4088050314399</v>
      </c>
      <c r="S3897" s="53">
        <v>3523.4088050314399</v>
      </c>
      <c r="T3897" s="53">
        <v>3523.4088050314399</v>
      </c>
      <c r="U3897" s="53">
        <v>3523.4088050314499</v>
      </c>
      <c r="V3897" s="53">
        <v>3523.4088050314399</v>
      </c>
      <c r="W3897" s="53">
        <v>3523.4088050314499</v>
      </c>
      <c r="X3897" s="53">
        <v>3523.4088050314499</v>
      </c>
      <c r="Y3897" s="53">
        <v>3523.4088050314499</v>
      </c>
      <c r="Z3897" s="53">
        <v>3523.4088050314499</v>
      </c>
      <c r="AA3897" s="53">
        <v>42280.905660377401</v>
      </c>
      <c r="AB3897" s="53">
        <v>3523.4088050314499</v>
      </c>
      <c r="AC3897" s="53">
        <v>3523.4088050314499</v>
      </c>
      <c r="AD3897" s="53">
        <v>3523.4088050314499</v>
      </c>
      <c r="AE3897" s="53">
        <v>3523.4088050314499</v>
      </c>
      <c r="AF3897" s="53">
        <v>3523.4088050314499</v>
      </c>
      <c r="AG3897" s="53">
        <v>3523.4088050314499</v>
      </c>
      <c r="AH3897" s="53">
        <v>3523.4088050314499</v>
      </c>
      <c r="AI3897" s="53">
        <v>3523.4088050314499</v>
      </c>
      <c r="AJ3897" s="53">
        <v>3523.4088050314499</v>
      </c>
      <c r="AK3897" s="53">
        <v>3523.4088050314499</v>
      </c>
      <c r="AL3897" s="53">
        <v>3523.4088050314499</v>
      </c>
      <c r="AM3897" s="53">
        <v>3523.4088050314499</v>
      </c>
      <c r="AN3897" s="53">
        <v>42280.905660377401</v>
      </c>
      <c r="AO3897" s="53">
        <v>3523.4088050314499</v>
      </c>
      <c r="AP3897" s="53">
        <v>3523.4088050314499</v>
      </c>
      <c r="AQ3897" s="53">
        <v>3523.4088050314499</v>
      </c>
      <c r="AR3897" s="53">
        <v>3523.4088050314499</v>
      </c>
      <c r="AS3897" s="53">
        <v>3523.4088050314499</v>
      </c>
      <c r="AT3897" s="53">
        <v>3523.4088050314499</v>
      </c>
      <c r="AU3897" s="53">
        <v>3523.4088050314499</v>
      </c>
      <c r="AV3897" s="53">
        <v>3523.4088050314499</v>
      </c>
      <c r="AW3897" s="53">
        <v>3523.4088050314499</v>
      </c>
      <c r="AX3897" s="53">
        <v>3523.4088050314499</v>
      </c>
      <c r="AY3897" s="53">
        <v>3523.4088050314499</v>
      </c>
      <c r="AZ3897" s="53">
        <v>3523.4088050314499</v>
      </c>
      <c r="BA3897" s="53">
        <v>42280.905660377401</v>
      </c>
      <c r="BB3897" s="53">
        <v>3523.4088050314499</v>
      </c>
      <c r="BC3897" s="53">
        <v>3523.4088050314499</v>
      </c>
      <c r="BD3897" s="53">
        <v>3523.4088050314499</v>
      </c>
      <c r="BE3897" s="53">
        <v>3523.4088050314499</v>
      </c>
      <c r="BF3897" s="53">
        <v>3523.4088050314499</v>
      </c>
      <c r="BG3897" s="53">
        <v>3523.4088050314499</v>
      </c>
      <c r="BH3897" s="53">
        <v>3523.4088050314499</v>
      </c>
      <c r="BI3897" s="53">
        <v>3523.4088050314499</v>
      </c>
      <c r="BJ3897" s="53">
        <v>3523.4088050314499</v>
      </c>
      <c r="BK3897" s="53">
        <v>3523.4088050314499</v>
      </c>
      <c r="BL3897" s="53">
        <v>3523.4088050314499</v>
      </c>
      <c r="BM3897" s="53">
        <v>3523.4088050314499</v>
      </c>
      <c r="BN3897" s="53">
        <v>42280.905660377401</v>
      </c>
      <c r="BO3897" s="53">
        <v>3523.4088050314499</v>
      </c>
      <c r="BP3897" s="53">
        <v>3523.4088050314499</v>
      </c>
      <c r="BQ3897" s="53">
        <v>3523.4088050314599</v>
      </c>
      <c r="BR3897" s="53">
        <v>3523.4088050314599</v>
      </c>
      <c r="BS3897" s="53">
        <v>3523.4088050314599</v>
      </c>
      <c r="BT3897" s="53">
        <v>3523.4088050314599</v>
      </c>
      <c r="BU3897" s="53">
        <v>3523.4088050314599</v>
      </c>
      <c r="BV3897" s="53">
        <v>3523.4088050314599</v>
      </c>
      <c r="BW3897" s="53">
        <v>3523.4088050314599</v>
      </c>
      <c r="BX3897" s="53">
        <v>3523.4088050314599</v>
      </c>
      <c r="BY3897" s="53">
        <v>3523.4088050314599</v>
      </c>
      <c r="BZ3897" s="53">
        <v>3523.4088050314599</v>
      </c>
      <c r="CA3897" s="53">
        <v>42280.905660377502</v>
      </c>
      <c r="CB3897" s="53"/>
      <c r="CC3897" s="53"/>
      <c r="CD3897" s="53"/>
      <c r="CE3897" s="53"/>
      <c r="CF3897" s="53"/>
      <c r="CG3897" s="53"/>
      <c r="CH3897" s="53"/>
      <c r="CI3897" s="53"/>
      <c r="CJ3897" s="53"/>
      <c r="CK3897" s="53"/>
      <c r="CL3897" s="53"/>
      <c r="CM3897" s="53"/>
      <c r="CN3897" s="53"/>
    </row>
    <row r="3898" spans="1:92" outlineLevel="1">
      <c r="A3898" s="52" t="s">
        <v>721</v>
      </c>
      <c r="B3898" s="53">
        <v>9347.6245614034997</v>
      </c>
      <c r="C3898" s="53">
        <v>9347.6245614034997</v>
      </c>
      <c r="D3898" s="53">
        <v>9347.6245614035106</v>
      </c>
      <c r="E3898" s="53">
        <v>9347.6245614035106</v>
      </c>
      <c r="F3898" s="53">
        <v>9347.6245614035106</v>
      </c>
      <c r="G3898" s="53">
        <v>9347.6245614035106</v>
      </c>
      <c r="H3898" s="53">
        <v>9347.6245614035106</v>
      </c>
      <c r="I3898" s="53">
        <v>9347.6245614035106</v>
      </c>
      <c r="J3898" s="53">
        <v>9347.6245614035106</v>
      </c>
      <c r="K3898" s="53">
        <v>9347.6245614035106</v>
      </c>
      <c r="L3898" s="53">
        <v>9347.6245614035106</v>
      </c>
      <c r="M3898" s="53">
        <v>9347.6245614035106</v>
      </c>
      <c r="N3898" s="53">
        <v>112171.494736842</v>
      </c>
      <c r="O3898" s="53">
        <v>9347.6245614035106</v>
      </c>
      <c r="P3898" s="53">
        <v>9347.6245614035106</v>
      </c>
      <c r="Q3898" s="53">
        <v>9347.6245614035106</v>
      </c>
      <c r="R3898" s="53">
        <v>9347.6245614035197</v>
      </c>
      <c r="S3898" s="53">
        <v>9347.6245614035197</v>
      </c>
      <c r="T3898" s="53">
        <v>9347.6245614035197</v>
      </c>
      <c r="U3898" s="53">
        <v>9347.6245614035197</v>
      </c>
      <c r="V3898" s="53">
        <v>9347.6245614035197</v>
      </c>
      <c r="W3898" s="53">
        <v>9347.6245614035197</v>
      </c>
      <c r="X3898" s="53">
        <v>9347.6245614035197</v>
      </c>
      <c r="Y3898" s="53">
        <v>9347.6245614035197</v>
      </c>
      <c r="Z3898" s="53">
        <v>9347.6245614035197</v>
      </c>
      <c r="AA3898" s="53">
        <v>112171.494736842</v>
      </c>
      <c r="AB3898" s="53">
        <v>9347.6245614035197</v>
      </c>
      <c r="AC3898" s="53">
        <v>9347.6245614035197</v>
      </c>
      <c r="AD3898" s="53">
        <v>9347.6245614035197</v>
      </c>
      <c r="AE3898" s="53">
        <v>9347.6245614035197</v>
      </c>
      <c r="AF3898" s="53">
        <v>9347.6245614035197</v>
      </c>
      <c r="AG3898" s="53">
        <v>9347.6245614035197</v>
      </c>
      <c r="AH3898" s="53">
        <v>9347.6245614035197</v>
      </c>
      <c r="AI3898" s="53">
        <v>9347.6245614035197</v>
      </c>
      <c r="AJ3898" s="53">
        <v>9347.6245614035197</v>
      </c>
      <c r="AK3898" s="53">
        <v>9347.6245614035197</v>
      </c>
      <c r="AL3898" s="53">
        <v>9347.6245614035306</v>
      </c>
      <c r="AM3898" s="53">
        <v>9347.6245614035306</v>
      </c>
      <c r="AN3898" s="53">
        <v>112171.494736842</v>
      </c>
      <c r="AO3898" s="53">
        <v>9347.6245614035306</v>
      </c>
      <c r="AP3898" s="53">
        <v>9347.6245614035306</v>
      </c>
      <c r="AQ3898" s="53">
        <v>9347.6245614035306</v>
      </c>
      <c r="AR3898" s="53">
        <v>9347.6245614035306</v>
      </c>
      <c r="AS3898" s="53">
        <v>9347.6245614035306</v>
      </c>
      <c r="AT3898" s="53">
        <v>9347.6245614035306</v>
      </c>
      <c r="AU3898" s="53">
        <v>9347.6245614035306</v>
      </c>
      <c r="AV3898" s="53">
        <v>9347.6245614035306</v>
      </c>
      <c r="AW3898" s="53">
        <v>9347.6245614035397</v>
      </c>
      <c r="AX3898" s="53">
        <v>9347.6245614035397</v>
      </c>
      <c r="AY3898" s="53">
        <v>9347.6245614035397</v>
      </c>
      <c r="AZ3898" s="53">
        <v>9347.6245614035397</v>
      </c>
      <c r="BA3898" s="53">
        <v>112171.494736842</v>
      </c>
      <c r="BB3898" s="53">
        <v>9347.6245614035397</v>
      </c>
      <c r="BC3898" s="53">
        <v>9347.6245614035397</v>
      </c>
      <c r="BD3898" s="53">
        <v>9347.6245614035397</v>
      </c>
      <c r="BE3898" s="53">
        <v>9347.6245614035397</v>
      </c>
      <c r="BF3898" s="53">
        <v>9347.6245614035397</v>
      </c>
      <c r="BG3898" s="53">
        <v>9347.6245614035397</v>
      </c>
      <c r="BH3898" s="53">
        <v>9347.6245614035397</v>
      </c>
      <c r="BI3898" s="53">
        <v>9347.6245614035397</v>
      </c>
      <c r="BJ3898" s="53">
        <v>9347.6245614035397</v>
      </c>
      <c r="BK3898" s="53">
        <v>9347.6245614035506</v>
      </c>
      <c r="BL3898" s="53">
        <v>9347.6245614035506</v>
      </c>
      <c r="BM3898" s="53">
        <v>9347.6245614035506</v>
      </c>
      <c r="BN3898" s="53">
        <v>112171.494736842</v>
      </c>
      <c r="BO3898" s="53">
        <v>9347.6245614035506</v>
      </c>
      <c r="BP3898" s="53">
        <v>9347.6245614035506</v>
      </c>
      <c r="BQ3898" s="53">
        <v>9347.6245614035506</v>
      </c>
      <c r="BR3898" s="53">
        <v>9347.6245614035506</v>
      </c>
      <c r="BS3898" s="53">
        <v>9347.6245614035597</v>
      </c>
      <c r="BT3898" s="53">
        <v>9347.6245614035506</v>
      </c>
      <c r="BU3898" s="53">
        <v>9347.6245614035506</v>
      </c>
      <c r="BV3898" s="53">
        <v>9347.6245614035597</v>
      </c>
      <c r="BW3898" s="53">
        <v>9347.6245614035597</v>
      </c>
      <c r="BX3898" s="53">
        <v>9347.6245614035506</v>
      </c>
      <c r="BY3898" s="53">
        <v>9347.6245614035597</v>
      </c>
      <c r="BZ3898" s="53">
        <v>9347.6245614035506</v>
      </c>
      <c r="CA3898" s="53">
        <v>112171.494736842</v>
      </c>
      <c r="CB3898" s="53"/>
      <c r="CC3898" s="53"/>
      <c r="CD3898" s="53"/>
      <c r="CE3898" s="53"/>
      <c r="CF3898" s="53"/>
      <c r="CG3898" s="53"/>
      <c r="CH3898" s="53"/>
      <c r="CI3898" s="53"/>
      <c r="CJ3898" s="53"/>
      <c r="CK3898" s="53"/>
      <c r="CL3898" s="53"/>
      <c r="CM3898" s="53"/>
      <c r="CN3898" s="53"/>
    </row>
    <row r="3899" spans="1:92" outlineLevel="1">
      <c r="A3899" s="52" t="s">
        <v>723</v>
      </c>
      <c r="B3899" s="53">
        <v>3240.3917525773099</v>
      </c>
      <c r="C3899" s="53">
        <v>3240.3917525773099</v>
      </c>
      <c r="D3899" s="53">
        <v>3240.3917525773099</v>
      </c>
      <c r="E3899" s="53">
        <v>3240.3917525773099</v>
      </c>
      <c r="F3899" s="53">
        <v>3240.3917525773099</v>
      </c>
      <c r="G3899" s="53">
        <v>3240.3917525773099</v>
      </c>
      <c r="H3899" s="53">
        <v>3240.3917525773099</v>
      </c>
      <c r="I3899" s="53">
        <v>3240.3917525773099</v>
      </c>
      <c r="J3899" s="53">
        <v>3240.3917525773099</v>
      </c>
      <c r="K3899" s="53">
        <v>3240.3917525773099</v>
      </c>
      <c r="L3899" s="53">
        <v>3240.3917525773099</v>
      </c>
      <c r="M3899" s="53">
        <v>3240.3917525773099</v>
      </c>
      <c r="N3899" s="53">
        <v>38884.701030927798</v>
      </c>
      <c r="O3899" s="53">
        <v>3240.3917525773099</v>
      </c>
      <c r="P3899" s="53">
        <v>3240.3917525773099</v>
      </c>
      <c r="Q3899" s="53">
        <v>3240.3917525773099</v>
      </c>
      <c r="R3899" s="53">
        <v>3240.3917525773099</v>
      </c>
      <c r="S3899" s="53">
        <v>3240.3917525773099</v>
      </c>
      <c r="T3899" s="53">
        <v>3240.3917525773099</v>
      </c>
      <c r="U3899" s="53">
        <v>3240.3917525773099</v>
      </c>
      <c r="V3899" s="53">
        <v>3240.3917525773099</v>
      </c>
      <c r="W3899" s="53">
        <v>3240.3917525773099</v>
      </c>
      <c r="X3899" s="53">
        <v>3240.3917525773099</v>
      </c>
      <c r="Y3899" s="53">
        <v>3240.3917525773099</v>
      </c>
      <c r="Z3899" s="53">
        <v>3240.3917525773099</v>
      </c>
      <c r="AA3899" s="53">
        <v>38884.701030927798</v>
      </c>
      <c r="AB3899" s="53">
        <v>3240.3917525773099</v>
      </c>
      <c r="AC3899" s="53">
        <v>3240.3917525773099</v>
      </c>
      <c r="AD3899" s="53">
        <v>3240.3917525773099</v>
      </c>
      <c r="AE3899" s="53">
        <v>3240.3917525773099</v>
      </c>
      <c r="AF3899" s="53">
        <v>3240.3917525773099</v>
      </c>
      <c r="AG3899" s="53">
        <v>3240.3917525773099</v>
      </c>
      <c r="AH3899" s="53">
        <v>3240.3917525773099</v>
      </c>
      <c r="AI3899" s="53">
        <v>3240.3917525773099</v>
      </c>
      <c r="AJ3899" s="53">
        <v>3240.3917525773099</v>
      </c>
      <c r="AK3899" s="53">
        <v>3240.3917525773099</v>
      </c>
      <c r="AL3899" s="53">
        <v>3240.3917525773099</v>
      </c>
      <c r="AM3899" s="53">
        <v>3240.3917525773099</v>
      </c>
      <c r="AN3899" s="53">
        <v>38884.701030927703</v>
      </c>
      <c r="AO3899" s="53">
        <v>3240.3917525773099</v>
      </c>
      <c r="AP3899" s="53">
        <v>3240.3917525773099</v>
      </c>
      <c r="AQ3899" s="53">
        <v>3240.3917525773099</v>
      </c>
      <c r="AR3899" s="53">
        <v>3240.3917525773099</v>
      </c>
      <c r="AS3899" s="53">
        <v>3240.3917525773099</v>
      </c>
      <c r="AT3899" s="53">
        <v>3240.3917525773099</v>
      </c>
      <c r="AU3899" s="53">
        <v>3240.3917525773099</v>
      </c>
      <c r="AV3899" s="53">
        <v>3240.3917525773099</v>
      </c>
      <c r="AW3899" s="53">
        <v>3240.3917525773099</v>
      </c>
      <c r="AX3899" s="53">
        <v>3240.3917525773099</v>
      </c>
      <c r="AY3899" s="53">
        <v>3240.3917525773099</v>
      </c>
      <c r="AZ3899" s="53">
        <v>3240.3917525773099</v>
      </c>
      <c r="BA3899" s="53">
        <v>38884.701030927703</v>
      </c>
      <c r="BB3899" s="53">
        <v>1620.19587628865</v>
      </c>
      <c r="BC3899" s="53"/>
      <c r="BD3899" s="53"/>
      <c r="BE3899" s="53"/>
      <c r="BF3899" s="53"/>
      <c r="BG3899" s="53"/>
      <c r="BH3899" s="53"/>
      <c r="BI3899" s="53"/>
      <c r="BJ3899" s="53"/>
      <c r="BK3899" s="53"/>
      <c r="BL3899" s="53"/>
      <c r="BM3899" s="53"/>
      <c r="BN3899" s="53">
        <v>1620.19587628865</v>
      </c>
      <c r="BO3899" s="53"/>
      <c r="BP3899" s="53"/>
      <c r="BQ3899" s="53"/>
      <c r="BR3899" s="53"/>
      <c r="BS3899" s="53"/>
      <c r="BT3899" s="53"/>
      <c r="BU3899" s="53"/>
      <c r="BV3899" s="53"/>
      <c r="BW3899" s="53"/>
      <c r="BX3899" s="53"/>
      <c r="BY3899" s="53"/>
      <c r="BZ3899" s="53"/>
      <c r="CA3899" s="53"/>
      <c r="CB3899" s="53"/>
      <c r="CC3899" s="53"/>
      <c r="CD3899" s="53"/>
      <c r="CE3899" s="53"/>
      <c r="CF3899" s="53"/>
      <c r="CG3899" s="53"/>
      <c r="CH3899" s="53"/>
      <c r="CI3899" s="53"/>
      <c r="CJ3899" s="53"/>
      <c r="CK3899" s="53"/>
      <c r="CL3899" s="53"/>
      <c r="CM3899" s="53"/>
      <c r="CN3899" s="53"/>
    </row>
    <row r="3900" spans="1:92" outlineLevel="1">
      <c r="A3900" s="52" t="s">
        <v>724</v>
      </c>
      <c r="B3900" s="53">
        <v>1540.86460032626</v>
      </c>
      <c r="C3900" s="53">
        <v>1540.86460032626</v>
      </c>
      <c r="D3900" s="53">
        <v>1540.86460032626</v>
      </c>
      <c r="E3900" s="53">
        <v>1540.86460032626</v>
      </c>
      <c r="F3900" s="53">
        <v>1540.86460032626</v>
      </c>
      <c r="G3900" s="53">
        <v>1540.86460032626</v>
      </c>
      <c r="H3900" s="53">
        <v>1540.86460032626</v>
      </c>
      <c r="I3900" s="53">
        <v>1540.86460032626</v>
      </c>
      <c r="J3900" s="53">
        <v>1540.86460032626</v>
      </c>
      <c r="K3900" s="53">
        <v>1540.86460032626</v>
      </c>
      <c r="L3900" s="53">
        <v>1540.86460032626</v>
      </c>
      <c r="M3900" s="53">
        <v>1540.86460032626</v>
      </c>
      <c r="N3900" s="53">
        <v>18490.3752039151</v>
      </c>
      <c r="O3900" s="53">
        <v>1540.86460032626</v>
      </c>
      <c r="P3900" s="53">
        <v>1540.86460032626</v>
      </c>
      <c r="Q3900" s="53">
        <v>1540.86460032626</v>
      </c>
      <c r="R3900" s="53">
        <v>1540.86460032626</v>
      </c>
      <c r="S3900" s="53">
        <v>1540.86460032626</v>
      </c>
      <c r="T3900" s="53">
        <v>1540.86460032626</v>
      </c>
      <c r="U3900" s="53">
        <v>1540.86460032626</v>
      </c>
      <c r="V3900" s="53">
        <v>1540.86460032626</v>
      </c>
      <c r="W3900" s="53">
        <v>1540.86460032626</v>
      </c>
      <c r="X3900" s="53">
        <v>1540.86460032626</v>
      </c>
      <c r="Y3900" s="53">
        <v>1540.86460032626</v>
      </c>
      <c r="Z3900" s="53">
        <v>1540.86460032626</v>
      </c>
      <c r="AA3900" s="53">
        <v>18490.3752039151</v>
      </c>
      <c r="AB3900" s="53">
        <v>1540.86460032626</v>
      </c>
      <c r="AC3900" s="53">
        <v>1540.86460032626</v>
      </c>
      <c r="AD3900" s="53">
        <v>1540.86460032626</v>
      </c>
      <c r="AE3900" s="53">
        <v>1540.86460032626</v>
      </c>
      <c r="AF3900" s="53">
        <v>1540.86460032626</v>
      </c>
      <c r="AG3900" s="53">
        <v>1540.86460032626</v>
      </c>
      <c r="AH3900" s="53">
        <v>1540.86460032626</v>
      </c>
      <c r="AI3900" s="53">
        <v>1540.86460032626</v>
      </c>
      <c r="AJ3900" s="53">
        <v>1540.86460032626</v>
      </c>
      <c r="AK3900" s="53">
        <v>1540.86460032626</v>
      </c>
      <c r="AL3900" s="53">
        <v>1540.86460032626</v>
      </c>
      <c r="AM3900" s="53">
        <v>1540.86460032626</v>
      </c>
      <c r="AN3900" s="53">
        <v>18490.3752039151</v>
      </c>
      <c r="AO3900" s="53">
        <v>1540.86460032626</v>
      </c>
      <c r="AP3900" s="53">
        <v>1540.86460032626</v>
      </c>
      <c r="AQ3900" s="53">
        <v>1540.86460032626</v>
      </c>
      <c r="AR3900" s="53">
        <v>1540.86460032626</v>
      </c>
      <c r="AS3900" s="53">
        <v>1540.86460032626</v>
      </c>
      <c r="AT3900" s="53">
        <v>1540.86460032626</v>
      </c>
      <c r="AU3900" s="53">
        <v>1540.86460032626</v>
      </c>
      <c r="AV3900" s="53">
        <v>1540.86460032626</v>
      </c>
      <c r="AW3900" s="53">
        <v>1540.86460032626</v>
      </c>
      <c r="AX3900" s="53">
        <v>1540.86460032626</v>
      </c>
      <c r="AY3900" s="53">
        <v>1540.86460032626</v>
      </c>
      <c r="AZ3900" s="53">
        <v>1540.86460032626</v>
      </c>
      <c r="BA3900" s="53">
        <v>18490.375203915199</v>
      </c>
      <c r="BB3900" s="53">
        <v>1540.86460032626</v>
      </c>
      <c r="BC3900" s="53">
        <v>1540.86460032626</v>
      </c>
      <c r="BD3900" s="53">
        <v>1540.86460032626</v>
      </c>
      <c r="BE3900" s="53">
        <v>1540.86460032626</v>
      </c>
      <c r="BF3900" s="53">
        <v>1540.86460032626</v>
      </c>
      <c r="BG3900" s="53">
        <v>1540.86460032626</v>
      </c>
      <c r="BH3900" s="53">
        <v>1540.86460032626</v>
      </c>
      <c r="BI3900" s="53">
        <v>1540.86460032626</v>
      </c>
      <c r="BJ3900" s="53">
        <v>1540.86460032626</v>
      </c>
      <c r="BK3900" s="53">
        <v>1540.86460032626</v>
      </c>
      <c r="BL3900" s="53">
        <v>1540.86460032626</v>
      </c>
      <c r="BM3900" s="53">
        <v>1540.86460032626</v>
      </c>
      <c r="BN3900" s="53">
        <v>18490.375203915199</v>
      </c>
      <c r="BO3900" s="53">
        <v>1540.86460032626</v>
      </c>
      <c r="BP3900" s="53">
        <v>1540.86460032626</v>
      </c>
      <c r="BQ3900" s="53">
        <v>1540.86460032626</v>
      </c>
      <c r="BR3900" s="53">
        <v>1540.86460032626</v>
      </c>
      <c r="BS3900" s="53">
        <v>1540.86460032626</v>
      </c>
      <c r="BT3900" s="53">
        <v>1540.86460032626</v>
      </c>
      <c r="BU3900" s="53">
        <v>1540.86460032626</v>
      </c>
      <c r="BV3900" s="53">
        <v>1540.86460032626</v>
      </c>
      <c r="BW3900" s="53">
        <v>1540.86460032626</v>
      </c>
      <c r="BX3900" s="53">
        <v>1540.86460032626</v>
      </c>
      <c r="BY3900" s="53">
        <v>1540.86460032627</v>
      </c>
      <c r="BZ3900" s="53">
        <v>1540.86460032627</v>
      </c>
      <c r="CA3900" s="53">
        <v>18490.375203915199</v>
      </c>
      <c r="CB3900" s="53">
        <v>8862311.0487578698</v>
      </c>
      <c r="CC3900" s="53">
        <v>9517177.7608454004</v>
      </c>
      <c r="CD3900" s="53">
        <v>10580143.5419979</v>
      </c>
      <c r="CE3900" s="53">
        <v>10608489.2905655</v>
      </c>
      <c r="CF3900" s="53">
        <v>9906548.2787426002</v>
      </c>
      <c r="CG3900" s="53">
        <v>9920691.9940579999</v>
      </c>
      <c r="CH3900" s="53">
        <v>9803136.0555846002</v>
      </c>
      <c r="CI3900" s="53">
        <v>9125686.0586299002</v>
      </c>
      <c r="CJ3900" s="53">
        <v>8651325.0956799705</v>
      </c>
      <c r="CK3900" s="53">
        <v>9384248.3921816796</v>
      </c>
      <c r="CL3900" s="53">
        <v>8944815.07152717</v>
      </c>
      <c r="CM3900" s="53">
        <v>8382254.2809268702</v>
      </c>
      <c r="CN3900" s="53">
        <v>113686826.869497</v>
      </c>
    </row>
    <row r="3901" spans="1:92" outlineLevel="1">
      <c r="A3901" s="52" t="s">
        <v>725</v>
      </c>
      <c r="B3901" s="53">
        <v>9185.2932330827007</v>
      </c>
      <c r="C3901" s="53">
        <v>9185.2932330827007</v>
      </c>
      <c r="D3901" s="53">
        <v>9185.2932330827007</v>
      </c>
      <c r="E3901" s="53">
        <v>9185.2932330827007</v>
      </c>
      <c r="F3901" s="53">
        <v>9185.2932330827007</v>
      </c>
      <c r="G3901" s="53">
        <v>9185.2932330827007</v>
      </c>
      <c r="H3901" s="53">
        <v>9185.2932330827007</v>
      </c>
      <c r="I3901" s="53">
        <v>9185.2932330827007</v>
      </c>
      <c r="J3901" s="53">
        <v>9185.2932330827098</v>
      </c>
      <c r="K3901" s="53">
        <v>9185.2932330827098</v>
      </c>
      <c r="L3901" s="53">
        <v>9185.2932330827098</v>
      </c>
      <c r="M3901" s="53">
        <v>9185.2932330827098</v>
      </c>
      <c r="N3901" s="53">
        <v>110223.51879699199</v>
      </c>
      <c r="O3901" s="53">
        <v>9185.2932330827098</v>
      </c>
      <c r="P3901" s="53">
        <v>9185.2932330827098</v>
      </c>
      <c r="Q3901" s="53">
        <v>9185.2932330827098</v>
      </c>
      <c r="R3901" s="53">
        <v>9185.2932330827098</v>
      </c>
      <c r="S3901" s="53">
        <v>9185.2932330827098</v>
      </c>
      <c r="T3901" s="53">
        <v>9185.2932330827098</v>
      </c>
      <c r="U3901" s="53">
        <v>9185.2932330827098</v>
      </c>
      <c r="V3901" s="53">
        <v>9185.2932330827098</v>
      </c>
      <c r="W3901" s="53">
        <v>9185.2932330827098</v>
      </c>
      <c r="X3901" s="53">
        <v>9185.2932330827098</v>
      </c>
      <c r="Y3901" s="53">
        <v>9185.2932330827098</v>
      </c>
      <c r="Z3901" s="53">
        <v>9185.2932330827098</v>
      </c>
      <c r="AA3901" s="53">
        <v>110223.51879699199</v>
      </c>
      <c r="AB3901" s="53">
        <v>9185.2932330827098</v>
      </c>
      <c r="AC3901" s="53">
        <v>9185.2932330827098</v>
      </c>
      <c r="AD3901" s="53">
        <v>9185.2932330827098</v>
      </c>
      <c r="AE3901" s="53">
        <v>9185.2932330827098</v>
      </c>
      <c r="AF3901" s="53">
        <v>9185.2932330827098</v>
      </c>
      <c r="AG3901" s="53">
        <v>9185.2932330827098</v>
      </c>
      <c r="AH3901" s="53">
        <v>9185.2932330827098</v>
      </c>
      <c r="AI3901" s="53">
        <v>9185.2932330827098</v>
      </c>
      <c r="AJ3901" s="53">
        <v>9185.2932330827098</v>
      </c>
      <c r="AK3901" s="53">
        <v>9185.2932330827098</v>
      </c>
      <c r="AL3901" s="53">
        <v>9185.2932330827098</v>
      </c>
      <c r="AM3901" s="53">
        <v>9185.2932330827098</v>
      </c>
      <c r="AN3901" s="53">
        <v>110223.51879699199</v>
      </c>
      <c r="AO3901" s="53">
        <v>9185.2932330827098</v>
      </c>
      <c r="AP3901" s="53">
        <v>9185.2932330827098</v>
      </c>
      <c r="AQ3901" s="53">
        <v>9185.2932330827098</v>
      </c>
      <c r="AR3901" s="53">
        <v>9185.2932330827098</v>
      </c>
      <c r="AS3901" s="53">
        <v>9185.2932330827098</v>
      </c>
      <c r="AT3901" s="53">
        <v>9185.2932330827098</v>
      </c>
      <c r="AU3901" s="53">
        <v>9185.2932330827098</v>
      </c>
      <c r="AV3901" s="53">
        <v>9185.2932330827098</v>
      </c>
      <c r="AW3901" s="53">
        <v>9185.2932330827098</v>
      </c>
      <c r="AX3901" s="53">
        <v>9185.2932330827098</v>
      </c>
      <c r="AY3901" s="53">
        <v>9185.2932330827098</v>
      </c>
      <c r="AZ3901" s="53">
        <v>9185.2932330827098</v>
      </c>
      <c r="BA3901" s="53">
        <v>110223.51879699199</v>
      </c>
      <c r="BB3901" s="53">
        <v>9185.2932330827207</v>
      </c>
      <c r="BC3901" s="53">
        <v>9185.2932330827098</v>
      </c>
      <c r="BD3901" s="53">
        <v>9185.2932330827207</v>
      </c>
      <c r="BE3901" s="53">
        <v>9185.2932330827098</v>
      </c>
      <c r="BF3901" s="53">
        <v>9185.2932330827207</v>
      </c>
      <c r="BG3901" s="53">
        <v>9185.2932330827098</v>
      </c>
      <c r="BH3901" s="53">
        <v>9185.2932330827207</v>
      </c>
      <c r="BI3901" s="53">
        <v>9185.2932330827207</v>
      </c>
      <c r="BJ3901" s="53">
        <v>9185.2932330827207</v>
      </c>
      <c r="BK3901" s="53">
        <v>9185.2932330827207</v>
      </c>
      <c r="BL3901" s="53">
        <v>9185.2932330827207</v>
      </c>
      <c r="BM3901" s="53">
        <v>9185.2932330827207</v>
      </c>
      <c r="BN3901" s="53">
        <v>110223.51879699199</v>
      </c>
      <c r="BO3901" s="53">
        <v>9185.2932330827207</v>
      </c>
      <c r="BP3901" s="53">
        <v>9185.2932330827207</v>
      </c>
      <c r="BQ3901" s="53">
        <v>9185.2932330827207</v>
      </c>
      <c r="BR3901" s="53">
        <v>9185.2932330827207</v>
      </c>
      <c r="BS3901" s="53">
        <v>9185.2932330827207</v>
      </c>
      <c r="BT3901" s="53">
        <v>9185.2932330827207</v>
      </c>
      <c r="BU3901" s="53">
        <v>4592.6466165413603</v>
      </c>
      <c r="BV3901" s="53"/>
      <c r="BW3901" s="53"/>
      <c r="BX3901" s="53"/>
      <c r="BY3901" s="53"/>
      <c r="BZ3901" s="53"/>
      <c r="CA3901" s="53">
        <v>59704.406015037603</v>
      </c>
      <c r="CB3901" s="53"/>
      <c r="CC3901" s="53"/>
      <c r="CD3901" s="53"/>
      <c r="CE3901" s="53"/>
      <c r="CF3901" s="53"/>
      <c r="CG3901" s="53"/>
      <c r="CH3901" s="53"/>
      <c r="CI3901" s="53"/>
      <c r="CJ3901" s="53"/>
      <c r="CK3901" s="53"/>
      <c r="CL3901" s="53"/>
      <c r="CM3901" s="53"/>
      <c r="CN3901" s="53"/>
    </row>
    <row r="3902" spans="1:92" outlineLevel="1">
      <c r="A3902" s="52" t="s">
        <v>726</v>
      </c>
      <c r="B3902" s="53">
        <v>3087.3734939759001</v>
      </c>
      <c r="C3902" s="53">
        <v>3087.3734939759001</v>
      </c>
      <c r="D3902" s="53">
        <v>3087.3734939759001</v>
      </c>
      <c r="E3902" s="53">
        <v>3087.3734939759001</v>
      </c>
      <c r="F3902" s="53">
        <v>3087.3734939759001</v>
      </c>
      <c r="G3902" s="53">
        <v>3087.3734939759001</v>
      </c>
      <c r="H3902" s="53">
        <v>3087.3734939759001</v>
      </c>
      <c r="I3902" s="53">
        <v>3087.3734939759001</v>
      </c>
      <c r="J3902" s="53">
        <v>3087.3734939759001</v>
      </c>
      <c r="K3902" s="53">
        <v>3087.3734939759001</v>
      </c>
      <c r="L3902" s="53">
        <v>3087.3734939759001</v>
      </c>
      <c r="M3902" s="53">
        <v>3087.3734939759001</v>
      </c>
      <c r="N3902" s="53">
        <v>37048.481927710804</v>
      </c>
      <c r="O3902" s="53">
        <v>3087.3734939759001</v>
      </c>
      <c r="P3902" s="53">
        <v>3087.3734939759001</v>
      </c>
      <c r="Q3902" s="53">
        <v>3087.3734939759001</v>
      </c>
      <c r="R3902" s="53">
        <v>3087.3734939759001</v>
      </c>
      <c r="S3902" s="53">
        <v>3087.3734939759001</v>
      </c>
      <c r="T3902" s="53">
        <v>3087.3734939759001</v>
      </c>
      <c r="U3902" s="53">
        <v>3087.3734939759001</v>
      </c>
      <c r="V3902" s="53">
        <v>3087.3734939759001</v>
      </c>
      <c r="W3902" s="53">
        <v>3087.3734939759001</v>
      </c>
      <c r="X3902" s="53">
        <v>3087.3734939759001</v>
      </c>
      <c r="Y3902" s="53">
        <v>3087.3734939759001</v>
      </c>
      <c r="Z3902" s="53">
        <v>3087.3734939759001</v>
      </c>
      <c r="AA3902" s="53">
        <v>37048.481927710804</v>
      </c>
      <c r="AB3902" s="53">
        <v>3087.3734939759001</v>
      </c>
      <c r="AC3902" s="53">
        <v>3087.3734939759001</v>
      </c>
      <c r="AD3902" s="53">
        <v>3087.3734939759001</v>
      </c>
      <c r="AE3902" s="53">
        <v>3087.3734939759001</v>
      </c>
      <c r="AF3902" s="53">
        <v>3087.3734939759001</v>
      </c>
      <c r="AG3902" s="53">
        <v>3087.3734939759001</v>
      </c>
      <c r="AH3902" s="53">
        <v>3087.3734939759001</v>
      </c>
      <c r="AI3902" s="53">
        <v>3087.3734939759001</v>
      </c>
      <c r="AJ3902" s="53">
        <v>3087.3734939759001</v>
      </c>
      <c r="AK3902" s="53">
        <v>3087.3734939759001</v>
      </c>
      <c r="AL3902" s="53">
        <v>3087.3734939759001</v>
      </c>
      <c r="AM3902" s="53">
        <v>3087.3734939759001</v>
      </c>
      <c r="AN3902" s="53">
        <v>37048.481927710804</v>
      </c>
      <c r="AO3902" s="53">
        <v>3087.3734939759001</v>
      </c>
      <c r="AP3902" s="53">
        <v>3087.3734939759001</v>
      </c>
      <c r="AQ3902" s="53">
        <v>3087.3734939759001</v>
      </c>
      <c r="AR3902" s="53">
        <v>3087.3734939759001</v>
      </c>
      <c r="AS3902" s="53">
        <v>3087.3734939759001</v>
      </c>
      <c r="AT3902" s="53">
        <v>3087.3734939759001</v>
      </c>
      <c r="AU3902" s="53">
        <v>3087.3734939759001</v>
      </c>
      <c r="AV3902" s="53">
        <v>3087.3734939759001</v>
      </c>
      <c r="AW3902" s="53">
        <v>3087.3734939759001</v>
      </c>
      <c r="AX3902" s="53">
        <v>3087.3734939759001</v>
      </c>
      <c r="AY3902" s="53">
        <v>3087.3734939759001</v>
      </c>
      <c r="AZ3902" s="53">
        <v>3087.3734939759001</v>
      </c>
      <c r="BA3902" s="53">
        <v>37048.481927710804</v>
      </c>
      <c r="BB3902" s="53">
        <v>3087.3734939759001</v>
      </c>
      <c r="BC3902" s="53">
        <v>3087.3734939759001</v>
      </c>
      <c r="BD3902" s="53">
        <v>3087.3734939759001</v>
      </c>
      <c r="BE3902" s="53">
        <v>3087.3734939759001</v>
      </c>
      <c r="BF3902" s="53">
        <v>3087.3734939759001</v>
      </c>
      <c r="BG3902" s="53">
        <v>3087.3734939759001</v>
      </c>
      <c r="BH3902" s="53">
        <v>3087.3734939759001</v>
      </c>
      <c r="BI3902" s="53">
        <v>3087.3734939759001</v>
      </c>
      <c r="BJ3902" s="53">
        <v>3087.3734939759001</v>
      </c>
      <c r="BK3902" s="53">
        <v>3087.3734939759001</v>
      </c>
      <c r="BL3902" s="53">
        <v>3087.3734939759001</v>
      </c>
      <c r="BM3902" s="53">
        <v>3087.3734939759001</v>
      </c>
      <c r="BN3902" s="53">
        <v>37048.481927710804</v>
      </c>
      <c r="BO3902" s="53">
        <v>3087.3734939759001</v>
      </c>
      <c r="BP3902" s="53">
        <v>3087.3734939759001</v>
      </c>
      <c r="BQ3902" s="53">
        <v>3087.3734939759001</v>
      </c>
      <c r="BR3902" s="53">
        <v>3087.3734939759001</v>
      </c>
      <c r="BS3902" s="53">
        <v>3087.3734939759001</v>
      </c>
      <c r="BT3902" s="53">
        <v>3087.3734939759001</v>
      </c>
      <c r="BU3902" s="53">
        <v>3087.3734939759001</v>
      </c>
      <c r="BV3902" s="53">
        <v>3087.3734939759001</v>
      </c>
      <c r="BW3902" s="53">
        <v>3087.3734939759001</v>
      </c>
      <c r="BX3902" s="53">
        <v>3087.3734939759001</v>
      </c>
      <c r="BY3902" s="53">
        <v>3087.3734939759001</v>
      </c>
      <c r="BZ3902" s="53">
        <v>3087.3734939759001</v>
      </c>
      <c r="CA3902" s="53">
        <v>37048.481927710804</v>
      </c>
      <c r="CB3902" s="53"/>
      <c r="CC3902" s="53"/>
      <c r="CD3902" s="53"/>
      <c r="CE3902" s="53"/>
      <c r="CF3902" s="53"/>
      <c r="CG3902" s="53"/>
      <c r="CH3902" s="53"/>
      <c r="CI3902" s="53"/>
      <c r="CJ3902" s="53"/>
      <c r="CK3902" s="53"/>
      <c r="CL3902" s="53"/>
      <c r="CM3902" s="53"/>
      <c r="CN3902" s="53"/>
    </row>
    <row r="3903" spans="1:92" outlineLevel="1">
      <c r="A3903" s="52" t="s">
        <v>728</v>
      </c>
      <c r="B3903" s="53">
        <v>5700.3240223463599</v>
      </c>
      <c r="C3903" s="53">
        <v>5700.3240223463599</v>
      </c>
      <c r="D3903" s="53">
        <v>5700.3240223463599</v>
      </c>
      <c r="E3903" s="53">
        <v>5700.3240223463599</v>
      </c>
      <c r="F3903" s="53">
        <v>5700.3240223463599</v>
      </c>
      <c r="G3903" s="53">
        <v>5700.3240223463599</v>
      </c>
      <c r="H3903" s="53">
        <v>5700.3240223463599</v>
      </c>
      <c r="I3903" s="53">
        <v>5700.3240223463599</v>
      </c>
      <c r="J3903" s="53">
        <v>5700.3240223463599</v>
      </c>
      <c r="K3903" s="53">
        <v>5700.3240223463599</v>
      </c>
      <c r="L3903" s="53">
        <v>5700.3240223463599</v>
      </c>
      <c r="M3903" s="53">
        <v>5700.3240223463599</v>
      </c>
      <c r="N3903" s="53">
        <v>68403.888268156399</v>
      </c>
      <c r="O3903" s="53">
        <v>5700.3240223463599</v>
      </c>
      <c r="P3903" s="53">
        <v>5700.3240223463599</v>
      </c>
      <c r="Q3903" s="53">
        <v>5700.3240223463599</v>
      </c>
      <c r="R3903" s="53">
        <v>5700.3240223463599</v>
      </c>
      <c r="S3903" s="53">
        <v>5700.3240223463599</v>
      </c>
      <c r="T3903" s="53">
        <v>5700.3240223463599</v>
      </c>
      <c r="U3903" s="53">
        <v>5700.3240223463599</v>
      </c>
      <c r="V3903" s="53">
        <v>5700.3240223463599</v>
      </c>
      <c r="W3903" s="53">
        <v>5700.3240223463599</v>
      </c>
      <c r="X3903" s="53">
        <v>5700.3240223463599</v>
      </c>
      <c r="Y3903" s="53">
        <v>5700.3240223463599</v>
      </c>
      <c r="Z3903" s="53">
        <v>5700.3240223463599</v>
      </c>
      <c r="AA3903" s="53">
        <v>68403.888268156399</v>
      </c>
      <c r="AB3903" s="53">
        <v>5700.3240223463599</v>
      </c>
      <c r="AC3903" s="53">
        <v>5700.3240223463599</v>
      </c>
      <c r="AD3903" s="53">
        <v>5700.3240223463599</v>
      </c>
      <c r="AE3903" s="53">
        <v>5700.3240223463699</v>
      </c>
      <c r="AF3903" s="53">
        <v>5700.3240223463699</v>
      </c>
      <c r="AG3903" s="53">
        <v>5700.3240223463699</v>
      </c>
      <c r="AH3903" s="53">
        <v>5700.3240223463699</v>
      </c>
      <c r="AI3903" s="53">
        <v>5700.3240223463699</v>
      </c>
      <c r="AJ3903" s="53">
        <v>5700.3240223463699</v>
      </c>
      <c r="AK3903" s="53">
        <v>5700.3240223463699</v>
      </c>
      <c r="AL3903" s="53">
        <v>5700.3240223463699</v>
      </c>
      <c r="AM3903" s="53">
        <v>5700.3240223463699</v>
      </c>
      <c r="AN3903" s="53">
        <v>68403.888268156399</v>
      </c>
      <c r="AO3903" s="53">
        <v>5700.3240223463699</v>
      </c>
      <c r="AP3903" s="53">
        <v>5700.3240223463699</v>
      </c>
      <c r="AQ3903" s="53">
        <v>5700.3240223463699</v>
      </c>
      <c r="AR3903" s="53">
        <v>5700.3240223463699</v>
      </c>
      <c r="AS3903" s="53">
        <v>5700.3240223463699</v>
      </c>
      <c r="AT3903" s="53">
        <v>5700.3240223463699</v>
      </c>
      <c r="AU3903" s="53">
        <v>5700.3240223463699</v>
      </c>
      <c r="AV3903" s="53">
        <v>5700.3240223463699</v>
      </c>
      <c r="AW3903" s="53">
        <v>5700.3240223463699</v>
      </c>
      <c r="AX3903" s="53">
        <v>5700.3240223463699</v>
      </c>
      <c r="AY3903" s="53">
        <v>5700.3240223463699</v>
      </c>
      <c r="AZ3903" s="53">
        <v>5700.3240223463699</v>
      </c>
      <c r="BA3903" s="53">
        <v>68403.888268156399</v>
      </c>
      <c r="BB3903" s="53">
        <v>5700.3240223463699</v>
      </c>
      <c r="BC3903" s="53">
        <v>5700.3240223463699</v>
      </c>
      <c r="BD3903" s="53">
        <v>5700.3240223463699</v>
      </c>
      <c r="BE3903" s="53">
        <v>5700.3240223463699</v>
      </c>
      <c r="BF3903" s="53">
        <v>5700.3240223463699</v>
      </c>
      <c r="BG3903" s="53">
        <v>5700.3240223463699</v>
      </c>
      <c r="BH3903" s="53">
        <v>5700.3240223463699</v>
      </c>
      <c r="BI3903" s="53">
        <v>5700.3240223463699</v>
      </c>
      <c r="BJ3903" s="53">
        <v>5700.3240223463699</v>
      </c>
      <c r="BK3903" s="53">
        <v>5700.3240223463699</v>
      </c>
      <c r="BL3903" s="53">
        <v>5700.3240223463699</v>
      </c>
      <c r="BM3903" s="53">
        <v>5700.3240223463699</v>
      </c>
      <c r="BN3903" s="53">
        <v>68403.888268156399</v>
      </c>
      <c r="BO3903" s="53">
        <v>5700.3240223463699</v>
      </c>
      <c r="BP3903" s="53">
        <v>5700.3240223463699</v>
      </c>
      <c r="BQ3903" s="53">
        <v>5700.3240223463699</v>
      </c>
      <c r="BR3903" s="53">
        <v>5700.3240223463699</v>
      </c>
      <c r="BS3903" s="53">
        <v>5700.3240223463699</v>
      </c>
      <c r="BT3903" s="53">
        <v>5700.3240223463699</v>
      </c>
      <c r="BU3903" s="53">
        <v>5700.3240223463699</v>
      </c>
      <c r="BV3903" s="53">
        <v>5700.3240223463699</v>
      </c>
      <c r="BW3903" s="53">
        <v>5700.3240223463699</v>
      </c>
      <c r="BX3903" s="53">
        <v>5700.3240223463699</v>
      </c>
      <c r="BY3903" s="53">
        <v>5700.3240223463699</v>
      </c>
      <c r="BZ3903" s="53">
        <v>5700.3240223463699</v>
      </c>
      <c r="CA3903" s="53">
        <v>68403.888268156501</v>
      </c>
      <c r="CB3903" s="53"/>
      <c r="CC3903" s="53"/>
      <c r="CD3903" s="53"/>
      <c r="CE3903" s="53"/>
      <c r="CF3903" s="53"/>
      <c r="CG3903" s="53"/>
      <c r="CH3903" s="53"/>
      <c r="CI3903" s="53"/>
      <c r="CJ3903" s="53"/>
      <c r="CK3903" s="53"/>
      <c r="CL3903" s="53"/>
      <c r="CM3903" s="53"/>
      <c r="CN3903" s="53"/>
    </row>
    <row r="3904" spans="1:92" outlineLevel="1">
      <c r="A3904" s="52" t="s">
        <v>729</v>
      </c>
      <c r="B3904" s="53">
        <v>8149.6279069767397</v>
      </c>
      <c r="C3904" s="53">
        <v>8149.6279069767397</v>
      </c>
      <c r="D3904" s="53">
        <v>8149.6279069767397</v>
      </c>
      <c r="E3904" s="53">
        <v>8149.6279069767397</v>
      </c>
      <c r="F3904" s="53">
        <v>8149.6279069767397</v>
      </c>
      <c r="G3904" s="53">
        <v>8149.6279069767397</v>
      </c>
      <c r="H3904" s="53">
        <v>8149.6279069767397</v>
      </c>
      <c r="I3904" s="53">
        <v>8149.6279069767397</v>
      </c>
      <c r="J3904" s="53">
        <v>8149.6279069767397</v>
      </c>
      <c r="K3904" s="53">
        <v>8149.6279069767397</v>
      </c>
      <c r="L3904" s="53">
        <v>8149.6279069767397</v>
      </c>
      <c r="M3904" s="53">
        <v>8149.6279069767397</v>
      </c>
      <c r="N3904" s="53">
        <v>97795.534883720902</v>
      </c>
      <c r="O3904" s="53">
        <v>8149.6279069767397</v>
      </c>
      <c r="P3904" s="53">
        <v>8149.6279069767397</v>
      </c>
      <c r="Q3904" s="53">
        <v>8149.6279069767397</v>
      </c>
      <c r="R3904" s="53">
        <v>8149.6279069767397</v>
      </c>
      <c r="S3904" s="53">
        <v>8149.6279069767397</v>
      </c>
      <c r="T3904" s="53">
        <v>8149.6279069767297</v>
      </c>
      <c r="U3904" s="53">
        <v>8149.6279069767297</v>
      </c>
      <c r="V3904" s="53">
        <v>8149.6279069767297</v>
      </c>
      <c r="W3904" s="53">
        <v>8149.6279069767297</v>
      </c>
      <c r="X3904" s="53">
        <v>8149.6279069767297</v>
      </c>
      <c r="Y3904" s="53">
        <v>8149.6279069767297</v>
      </c>
      <c r="Z3904" s="53">
        <v>8149.6279069767297</v>
      </c>
      <c r="AA3904" s="53">
        <v>97795.5348837208</v>
      </c>
      <c r="AB3904" s="53">
        <v>8149.6279069767297</v>
      </c>
      <c r="AC3904" s="53">
        <v>8149.6279069767297</v>
      </c>
      <c r="AD3904" s="53">
        <v>8149.6279069767297</v>
      </c>
      <c r="AE3904" s="53">
        <v>8149.6279069767297</v>
      </c>
      <c r="AF3904" s="53">
        <v>8149.6279069767297</v>
      </c>
      <c r="AG3904" s="53">
        <v>8149.6279069767297</v>
      </c>
      <c r="AH3904" s="53">
        <v>8149.6279069767297</v>
      </c>
      <c r="AI3904" s="53">
        <v>8149.6279069767297</v>
      </c>
      <c r="AJ3904" s="53">
        <v>8149.6279069767297</v>
      </c>
      <c r="AK3904" s="53">
        <v>8149.6279069767297</v>
      </c>
      <c r="AL3904" s="53">
        <v>8149.6279069767297</v>
      </c>
      <c r="AM3904" s="53">
        <v>8149.6279069767197</v>
      </c>
      <c r="AN3904" s="53">
        <v>97795.534883720698</v>
      </c>
      <c r="AO3904" s="53">
        <v>8149.6279069767197</v>
      </c>
      <c r="AP3904" s="53">
        <v>8149.6279069767197</v>
      </c>
      <c r="AQ3904" s="53">
        <v>8149.6279069767197</v>
      </c>
      <c r="AR3904" s="53">
        <v>8149.6279069767197</v>
      </c>
      <c r="AS3904" s="53">
        <v>8149.6279069767197</v>
      </c>
      <c r="AT3904" s="53">
        <v>8149.6279069767197</v>
      </c>
      <c r="AU3904" s="53">
        <v>8149.6279069767197</v>
      </c>
      <c r="AV3904" s="53">
        <v>8149.6279069767197</v>
      </c>
      <c r="AW3904" s="53">
        <v>8149.6279069767197</v>
      </c>
      <c r="AX3904" s="53">
        <v>8149.6279069767197</v>
      </c>
      <c r="AY3904" s="53">
        <v>8149.6279069767197</v>
      </c>
      <c r="AZ3904" s="53">
        <v>8149.6279069767197</v>
      </c>
      <c r="BA3904" s="53">
        <v>97795.534883720698</v>
      </c>
      <c r="BB3904" s="53">
        <v>8149.6279069767197</v>
      </c>
      <c r="BC3904" s="53">
        <v>8149.6279069767197</v>
      </c>
      <c r="BD3904" s="53">
        <v>8149.6279069767197</v>
      </c>
      <c r="BE3904" s="53">
        <v>8149.6279069767197</v>
      </c>
      <c r="BF3904" s="53">
        <v>8149.6279069767197</v>
      </c>
      <c r="BG3904" s="53">
        <v>8149.6279069767197</v>
      </c>
      <c r="BH3904" s="53">
        <v>8149.6279069767197</v>
      </c>
      <c r="BI3904" s="53">
        <v>8149.6279069767197</v>
      </c>
      <c r="BJ3904" s="53">
        <v>8149.6279069767197</v>
      </c>
      <c r="BK3904" s="53">
        <v>8149.6279069767197</v>
      </c>
      <c r="BL3904" s="53">
        <v>8149.6279069767197</v>
      </c>
      <c r="BM3904" s="53">
        <v>8149.6279069767197</v>
      </c>
      <c r="BN3904" s="53">
        <v>97795.534883720597</v>
      </c>
      <c r="BO3904" s="53">
        <v>8149.6279069767197</v>
      </c>
      <c r="BP3904" s="53">
        <v>8149.6279069767197</v>
      </c>
      <c r="BQ3904" s="53">
        <v>8149.6279069767197</v>
      </c>
      <c r="BR3904" s="53">
        <v>8149.6279069767197</v>
      </c>
      <c r="BS3904" s="53">
        <v>8149.6279069767197</v>
      </c>
      <c r="BT3904" s="53">
        <v>8149.6279069767197</v>
      </c>
      <c r="BU3904" s="53">
        <v>8149.6279069767197</v>
      </c>
      <c r="BV3904" s="53">
        <v>8149.6279069767197</v>
      </c>
      <c r="BW3904" s="53">
        <v>8149.6279069767197</v>
      </c>
      <c r="BX3904" s="53">
        <v>8149.6279069767197</v>
      </c>
      <c r="BY3904" s="53">
        <v>8149.6279069767197</v>
      </c>
      <c r="BZ3904" s="53">
        <v>8149.6279069767197</v>
      </c>
      <c r="CA3904" s="53">
        <v>97795.534883720698</v>
      </c>
      <c r="CB3904" s="53"/>
      <c r="CC3904" s="53"/>
      <c r="CD3904" s="53"/>
      <c r="CE3904" s="53"/>
      <c r="CF3904" s="53"/>
      <c r="CG3904" s="53"/>
      <c r="CH3904" s="53"/>
      <c r="CI3904" s="53"/>
      <c r="CJ3904" s="53"/>
      <c r="CK3904" s="53"/>
      <c r="CL3904" s="53"/>
      <c r="CM3904" s="53"/>
      <c r="CN3904" s="53"/>
    </row>
    <row r="3905" spans="1:92" outlineLevel="1">
      <c r="A3905" s="52" t="s">
        <v>730</v>
      </c>
      <c r="B3905" s="53">
        <v>7907.1050359712199</v>
      </c>
      <c r="C3905" s="53">
        <v>7907.1050359712199</v>
      </c>
      <c r="D3905" s="53">
        <v>7907.1050359712199</v>
      </c>
      <c r="E3905" s="53">
        <v>7907.1050359712199</v>
      </c>
      <c r="F3905" s="53">
        <v>7907.1050359712199</v>
      </c>
      <c r="G3905" s="53">
        <v>7907.1050359712199</v>
      </c>
      <c r="H3905" s="53">
        <v>7907.1050359712199</v>
      </c>
      <c r="I3905" s="53">
        <v>7907.1050359712199</v>
      </c>
      <c r="J3905" s="53">
        <v>7907.1050359712199</v>
      </c>
      <c r="K3905" s="53">
        <v>7907.1050359712199</v>
      </c>
      <c r="L3905" s="53">
        <v>7907.1050359712199</v>
      </c>
      <c r="M3905" s="53">
        <v>7907.1050359712199</v>
      </c>
      <c r="N3905" s="53">
        <v>94885.260431654693</v>
      </c>
      <c r="O3905" s="53">
        <v>7907.1050359712199</v>
      </c>
      <c r="P3905" s="53">
        <v>7907.1050359712199</v>
      </c>
      <c r="Q3905" s="53">
        <v>7907.1050359712199</v>
      </c>
      <c r="R3905" s="53">
        <v>7907.1050359712199</v>
      </c>
      <c r="S3905" s="53">
        <v>7907.1050359712199</v>
      </c>
      <c r="T3905" s="53">
        <v>7907.1050359712199</v>
      </c>
      <c r="U3905" s="53">
        <v>7907.1050359712199</v>
      </c>
      <c r="V3905" s="53">
        <v>7907.1050359712199</v>
      </c>
      <c r="W3905" s="53">
        <v>7907.1050359712199</v>
      </c>
      <c r="X3905" s="53">
        <v>7907.1050359712199</v>
      </c>
      <c r="Y3905" s="53">
        <v>7907.1050359712199</v>
      </c>
      <c r="Z3905" s="53">
        <v>7907.1050359712199</v>
      </c>
      <c r="AA3905" s="53">
        <v>94885.260431654693</v>
      </c>
      <c r="AB3905" s="53">
        <v>7907.1050359712199</v>
      </c>
      <c r="AC3905" s="53">
        <v>7907.1050359712199</v>
      </c>
      <c r="AD3905" s="53">
        <v>7907.1050359712199</v>
      </c>
      <c r="AE3905" s="53">
        <v>7907.1050359712199</v>
      </c>
      <c r="AF3905" s="53">
        <v>7907.1050359712199</v>
      </c>
      <c r="AG3905" s="53">
        <v>7907.1050359712199</v>
      </c>
      <c r="AH3905" s="53">
        <v>7907.1050359712199</v>
      </c>
      <c r="AI3905" s="53">
        <v>7907.1050359712199</v>
      </c>
      <c r="AJ3905" s="53">
        <v>7907.1050359712199</v>
      </c>
      <c r="AK3905" s="53">
        <v>7907.1050359712199</v>
      </c>
      <c r="AL3905" s="53">
        <v>7907.1050359712199</v>
      </c>
      <c r="AM3905" s="53">
        <v>7907.1050359712199</v>
      </c>
      <c r="AN3905" s="53">
        <v>94885.260431654693</v>
      </c>
      <c r="AO3905" s="53">
        <v>7907.1050359712199</v>
      </c>
      <c r="AP3905" s="53">
        <v>7907.1050359712199</v>
      </c>
      <c r="AQ3905" s="53">
        <v>7907.1050359712199</v>
      </c>
      <c r="AR3905" s="53">
        <v>7907.1050359712199</v>
      </c>
      <c r="AS3905" s="53">
        <v>7907.1050359712199</v>
      </c>
      <c r="AT3905" s="53">
        <v>7907.1050359712199</v>
      </c>
      <c r="AU3905" s="53">
        <v>7907.1050359712199</v>
      </c>
      <c r="AV3905" s="53">
        <v>7907.1050359712199</v>
      </c>
      <c r="AW3905" s="53">
        <v>7907.1050359712199</v>
      </c>
      <c r="AX3905" s="53">
        <v>7907.1050359712199</v>
      </c>
      <c r="AY3905" s="53">
        <v>7907.1050359712199</v>
      </c>
      <c r="AZ3905" s="53">
        <v>7907.1050359712199</v>
      </c>
      <c r="BA3905" s="53">
        <v>94885.260431654693</v>
      </c>
      <c r="BB3905" s="53">
        <v>7907.1050359712199</v>
      </c>
      <c r="BC3905" s="53">
        <v>7907.1050359712199</v>
      </c>
      <c r="BD3905" s="53">
        <v>7907.1050359712199</v>
      </c>
      <c r="BE3905" s="53">
        <v>7907.1050359712199</v>
      </c>
      <c r="BF3905" s="53">
        <v>7907.1050359712199</v>
      </c>
      <c r="BG3905" s="53">
        <v>7907.1050359712199</v>
      </c>
      <c r="BH3905" s="53">
        <v>7907.1050359712199</v>
      </c>
      <c r="BI3905" s="53">
        <v>7907.1050359712199</v>
      </c>
      <c r="BJ3905" s="53">
        <v>7907.1050359712199</v>
      </c>
      <c r="BK3905" s="53">
        <v>7907.1050359712199</v>
      </c>
      <c r="BL3905" s="53">
        <v>7907.1050359712199</v>
      </c>
      <c r="BM3905" s="53">
        <v>7907.1050359712199</v>
      </c>
      <c r="BN3905" s="53">
        <v>94885.260431654693</v>
      </c>
      <c r="BO3905" s="53">
        <v>7907.1050359712199</v>
      </c>
      <c r="BP3905" s="53">
        <v>7907.1050359712199</v>
      </c>
      <c r="BQ3905" s="53">
        <v>7907.1050359712199</v>
      </c>
      <c r="BR3905" s="53">
        <v>7907.1050359712199</v>
      </c>
      <c r="BS3905" s="53">
        <v>7907.1050359712199</v>
      </c>
      <c r="BT3905" s="53">
        <v>7907.1050359712199</v>
      </c>
      <c r="BU3905" s="53">
        <v>7907.1050359712199</v>
      </c>
      <c r="BV3905" s="53">
        <v>7907.1050359712199</v>
      </c>
      <c r="BW3905" s="53">
        <v>7907.1050359712199</v>
      </c>
      <c r="BX3905" s="53">
        <v>7907.1050359712199</v>
      </c>
      <c r="BY3905" s="53">
        <v>7907.1050359712199</v>
      </c>
      <c r="BZ3905" s="53">
        <v>7907.1050359712199</v>
      </c>
      <c r="CA3905" s="53">
        <v>94885.260431654693</v>
      </c>
      <c r="CB3905" s="53">
        <v>9709113.56718079</v>
      </c>
      <c r="CC3905" s="53">
        <v>9731420.0067501795</v>
      </c>
      <c r="CD3905" s="53">
        <v>9760965.4821418393</v>
      </c>
      <c r="CE3905" s="53">
        <v>9804176.3154558502</v>
      </c>
      <c r="CF3905" s="53">
        <v>9827988.3710235301</v>
      </c>
      <c r="CG3905" s="53">
        <v>9851601.0700849108</v>
      </c>
      <c r="CH3905" s="53">
        <v>9911184.9461589996</v>
      </c>
      <c r="CI3905" s="53">
        <v>9936006.6665291209</v>
      </c>
      <c r="CJ3905" s="53">
        <v>9959669.0501857102</v>
      </c>
      <c r="CK3905" s="53">
        <v>10002361.7704484</v>
      </c>
      <c r="CL3905" s="53">
        <v>10025981.191054501</v>
      </c>
      <c r="CM3905" s="53">
        <v>10055249.996088799</v>
      </c>
      <c r="CN3905" s="53">
        <v>118575718.433102</v>
      </c>
    </row>
    <row r="3906" spans="1:92" outlineLevel="1">
      <c r="A3906" s="52" t="s">
        <v>1565</v>
      </c>
      <c r="B3906" s="53">
        <v>8857.0264993026503</v>
      </c>
      <c r="C3906" s="53">
        <v>8857.0264993026503</v>
      </c>
      <c r="D3906" s="53">
        <v>8857.0264993026503</v>
      </c>
      <c r="E3906" s="53">
        <v>8857.0264993026503</v>
      </c>
      <c r="F3906" s="53">
        <v>8857.0264993026503</v>
      </c>
      <c r="G3906" s="53">
        <v>8857.0264993026503</v>
      </c>
      <c r="H3906" s="53">
        <v>8857.0264993026503</v>
      </c>
      <c r="I3906" s="53">
        <v>8857.0264993026503</v>
      </c>
      <c r="J3906" s="53">
        <v>8857.0264993026394</v>
      </c>
      <c r="K3906" s="53">
        <v>8857.0264993026394</v>
      </c>
      <c r="L3906" s="53">
        <v>8857.0264993026394</v>
      </c>
      <c r="M3906" s="53">
        <v>8857.0264993026394</v>
      </c>
      <c r="N3906" s="53">
        <v>106284.317991631</v>
      </c>
      <c r="O3906" s="53">
        <v>8857.0264993026394</v>
      </c>
      <c r="P3906" s="53">
        <v>8857.0264993026394</v>
      </c>
      <c r="Q3906" s="53">
        <v>8857.0264993026394</v>
      </c>
      <c r="R3906" s="53">
        <v>8857.0264993026394</v>
      </c>
      <c r="S3906" s="53">
        <v>8857.0264993026394</v>
      </c>
      <c r="T3906" s="53">
        <v>8857.0264993026394</v>
      </c>
      <c r="U3906" s="53">
        <v>8857.0264993026394</v>
      </c>
      <c r="V3906" s="53">
        <v>8857.0264993026394</v>
      </c>
      <c r="W3906" s="53">
        <v>8857.0264993026394</v>
      </c>
      <c r="X3906" s="53">
        <v>8857.0264993026394</v>
      </c>
      <c r="Y3906" s="53">
        <v>8857.0264993026394</v>
      </c>
      <c r="Z3906" s="53">
        <v>8857.0264993026394</v>
      </c>
      <c r="AA3906" s="53">
        <v>106284.317991631</v>
      </c>
      <c r="AB3906" s="53">
        <v>8857.0264993026394</v>
      </c>
      <c r="AC3906" s="53">
        <v>8857.0264993026394</v>
      </c>
      <c r="AD3906" s="53">
        <v>8857.0264993026394</v>
      </c>
      <c r="AE3906" s="53">
        <v>8857.0264993026394</v>
      </c>
      <c r="AF3906" s="53">
        <v>8857.0264993026394</v>
      </c>
      <c r="AG3906" s="53">
        <v>8857.0264993026394</v>
      </c>
      <c r="AH3906" s="53">
        <v>8857.0264993026394</v>
      </c>
      <c r="AI3906" s="53">
        <v>8857.0264993026394</v>
      </c>
      <c r="AJ3906" s="53">
        <v>8857.0264993026394</v>
      </c>
      <c r="AK3906" s="53">
        <v>8857.0264993026394</v>
      </c>
      <c r="AL3906" s="53">
        <v>8857.0264993026394</v>
      </c>
      <c r="AM3906" s="53">
        <v>8857.0264993026394</v>
      </c>
      <c r="AN3906" s="53">
        <v>106284.317991631</v>
      </c>
      <c r="AO3906" s="53">
        <v>8857.0264993026394</v>
      </c>
      <c r="AP3906" s="53">
        <v>8857.0264993026394</v>
      </c>
      <c r="AQ3906" s="53">
        <v>8857.0264993026394</v>
      </c>
      <c r="AR3906" s="53">
        <v>8857.0264993026394</v>
      </c>
      <c r="AS3906" s="53">
        <v>8857.0264993026394</v>
      </c>
      <c r="AT3906" s="53">
        <v>8857.0264993026394</v>
      </c>
      <c r="AU3906" s="53">
        <v>8857.0264993026394</v>
      </c>
      <c r="AV3906" s="53">
        <v>8857.0264993026394</v>
      </c>
      <c r="AW3906" s="53">
        <v>8857.0264993026394</v>
      </c>
      <c r="AX3906" s="53">
        <v>8857.0264993026394</v>
      </c>
      <c r="AY3906" s="53">
        <v>8857.0264993026394</v>
      </c>
      <c r="AZ3906" s="53">
        <v>8857.0264993026394</v>
      </c>
      <c r="BA3906" s="53">
        <v>106284.317991631</v>
      </c>
      <c r="BB3906" s="53">
        <v>8857.0264993026394</v>
      </c>
      <c r="BC3906" s="53">
        <v>8857.0264993026394</v>
      </c>
      <c r="BD3906" s="53">
        <v>8857.0264993026394</v>
      </c>
      <c r="BE3906" s="53">
        <v>8857.0264993026394</v>
      </c>
      <c r="BF3906" s="53">
        <v>8857.0264993026394</v>
      </c>
      <c r="BG3906" s="53">
        <v>8857.0264993026394</v>
      </c>
      <c r="BH3906" s="53">
        <v>8857.0264993026303</v>
      </c>
      <c r="BI3906" s="53">
        <v>8857.0264993026303</v>
      </c>
      <c r="BJ3906" s="53">
        <v>8857.0264993026303</v>
      </c>
      <c r="BK3906" s="53">
        <v>8857.0264993026303</v>
      </c>
      <c r="BL3906" s="53">
        <v>8857.0264993026303</v>
      </c>
      <c r="BM3906" s="53">
        <v>8857.0264993026303</v>
      </c>
      <c r="BN3906" s="53">
        <v>106284.317991631</v>
      </c>
      <c r="BO3906" s="53">
        <v>8857.0264993026303</v>
      </c>
      <c r="BP3906" s="53">
        <v>8857.0264993026303</v>
      </c>
      <c r="BQ3906" s="53">
        <v>8857.0264993026303</v>
      </c>
      <c r="BR3906" s="53">
        <v>8857.0264993026303</v>
      </c>
      <c r="BS3906" s="53">
        <v>8857.0264993026303</v>
      </c>
      <c r="BT3906" s="53">
        <v>8857.0264993026303</v>
      </c>
      <c r="BU3906" s="53">
        <v>8857.0264993026303</v>
      </c>
      <c r="BV3906" s="53">
        <v>8857.0264993026303</v>
      </c>
      <c r="BW3906" s="53">
        <v>8857.0264993026303</v>
      </c>
      <c r="BX3906" s="53">
        <v>8857.0264993026303</v>
      </c>
      <c r="BY3906" s="53">
        <v>8857.0264993026303</v>
      </c>
      <c r="BZ3906" s="53">
        <v>8857.0264993026303</v>
      </c>
      <c r="CA3906" s="53">
        <v>106284.317991631</v>
      </c>
      <c r="CB3906" s="53"/>
      <c r="CC3906" s="53"/>
      <c r="CD3906" s="53"/>
      <c r="CE3906" s="53"/>
      <c r="CF3906" s="53"/>
      <c r="CG3906" s="53"/>
      <c r="CH3906" s="53"/>
      <c r="CI3906" s="53"/>
      <c r="CJ3906" s="53"/>
      <c r="CK3906" s="53"/>
      <c r="CL3906" s="53"/>
      <c r="CM3906" s="53"/>
      <c r="CN3906" s="53"/>
    </row>
    <row r="3907" spans="1:92" outlineLevel="1">
      <c r="A3907" s="52" t="s">
        <v>1376</v>
      </c>
      <c r="B3907" s="53"/>
      <c r="C3907" s="53"/>
      <c r="D3907" s="53"/>
      <c r="E3907" s="53"/>
      <c r="F3907" s="53"/>
      <c r="G3907" s="53"/>
      <c r="H3907" s="53"/>
      <c r="I3907" s="53"/>
      <c r="J3907" s="53"/>
      <c r="K3907" s="53"/>
      <c r="L3907" s="53"/>
      <c r="M3907" s="53"/>
      <c r="N3907" s="53"/>
      <c r="O3907" s="53"/>
      <c r="P3907" s="53"/>
      <c r="Q3907" s="53"/>
      <c r="R3907" s="53"/>
      <c r="S3907" s="53"/>
      <c r="T3907" s="53"/>
      <c r="U3907" s="53"/>
      <c r="V3907" s="53"/>
      <c r="W3907" s="53"/>
      <c r="X3907" s="53"/>
      <c r="Y3907" s="53"/>
      <c r="Z3907" s="53"/>
      <c r="AA3907" s="53"/>
      <c r="AB3907" s="53"/>
      <c r="AC3907" s="53"/>
      <c r="AD3907" s="53"/>
      <c r="AE3907" s="53"/>
      <c r="AF3907" s="53"/>
      <c r="AG3907" s="53"/>
      <c r="AH3907" s="53"/>
      <c r="AI3907" s="53"/>
      <c r="AJ3907" s="53"/>
      <c r="AK3907" s="53"/>
      <c r="AL3907" s="53"/>
      <c r="AM3907" s="53"/>
      <c r="AN3907" s="53"/>
      <c r="AO3907" s="53"/>
      <c r="AP3907" s="53"/>
      <c r="AQ3907" s="53"/>
      <c r="AR3907" s="53"/>
      <c r="AS3907" s="53"/>
      <c r="AT3907" s="53"/>
      <c r="AU3907" s="53"/>
      <c r="AV3907" s="53"/>
      <c r="AW3907" s="53"/>
      <c r="AX3907" s="53"/>
      <c r="AY3907" s="53"/>
      <c r="AZ3907" s="53"/>
      <c r="BA3907" s="53"/>
      <c r="BB3907" s="53"/>
      <c r="BC3907" s="53"/>
      <c r="BD3907" s="53"/>
      <c r="BE3907" s="53"/>
      <c r="BF3907" s="53"/>
      <c r="BG3907" s="53"/>
      <c r="BH3907" s="53"/>
      <c r="BI3907" s="53"/>
      <c r="BJ3907" s="53"/>
      <c r="BK3907" s="53"/>
      <c r="BL3907" s="53"/>
      <c r="BM3907" s="53"/>
      <c r="BN3907" s="53"/>
      <c r="BO3907" s="53"/>
      <c r="BP3907" s="53"/>
      <c r="BQ3907" s="53"/>
      <c r="BR3907" s="53"/>
      <c r="BS3907" s="53"/>
      <c r="BT3907" s="53"/>
      <c r="BU3907" s="53"/>
      <c r="BV3907" s="53"/>
      <c r="BW3907" s="53"/>
      <c r="BX3907" s="53"/>
      <c r="BY3907" s="53"/>
      <c r="BZ3907" s="53"/>
      <c r="CA3907" s="53"/>
      <c r="CB3907" s="53"/>
      <c r="CC3907" s="53"/>
      <c r="CD3907" s="53"/>
      <c r="CE3907" s="53"/>
      <c r="CF3907" s="53"/>
      <c r="CG3907" s="53"/>
      <c r="CH3907" s="53"/>
      <c r="CI3907" s="53"/>
      <c r="CJ3907" s="53"/>
      <c r="CK3907" s="53"/>
      <c r="CL3907" s="53"/>
      <c r="CM3907" s="53"/>
      <c r="CN3907" s="53"/>
    </row>
    <row r="3908" spans="1:92" outlineLevel="1">
      <c r="A3908" s="52" t="s">
        <v>1587</v>
      </c>
      <c r="B3908" s="53"/>
      <c r="C3908" s="53"/>
      <c r="D3908" s="53"/>
      <c r="E3908" s="53"/>
      <c r="F3908" s="53"/>
      <c r="G3908" s="53"/>
      <c r="H3908" s="53"/>
      <c r="I3908" s="53"/>
      <c r="J3908" s="53"/>
      <c r="K3908" s="53"/>
      <c r="L3908" s="53"/>
      <c r="M3908" s="53"/>
      <c r="N3908" s="53"/>
      <c r="O3908" s="53"/>
      <c r="P3908" s="53"/>
      <c r="Q3908" s="53"/>
      <c r="R3908" s="53"/>
      <c r="S3908" s="53"/>
      <c r="T3908" s="53"/>
      <c r="U3908" s="53"/>
      <c r="V3908" s="53"/>
      <c r="W3908" s="53"/>
      <c r="X3908" s="53"/>
      <c r="Y3908" s="53"/>
      <c r="Z3908" s="53"/>
      <c r="AA3908" s="53"/>
      <c r="AB3908" s="53"/>
      <c r="AC3908" s="53"/>
      <c r="AD3908" s="53"/>
      <c r="AE3908" s="53"/>
      <c r="AF3908" s="53"/>
      <c r="AG3908" s="53"/>
      <c r="AH3908" s="53"/>
      <c r="AI3908" s="53"/>
      <c r="AJ3908" s="53"/>
      <c r="AK3908" s="53"/>
      <c r="AL3908" s="53"/>
      <c r="AM3908" s="53"/>
      <c r="AN3908" s="53"/>
      <c r="AO3908" s="53"/>
      <c r="AP3908" s="53"/>
      <c r="AQ3908" s="53"/>
      <c r="AR3908" s="53"/>
      <c r="AS3908" s="53"/>
      <c r="AT3908" s="53"/>
      <c r="AU3908" s="53"/>
      <c r="AV3908" s="53"/>
      <c r="AW3908" s="53"/>
      <c r="AX3908" s="53"/>
      <c r="AY3908" s="53"/>
      <c r="AZ3908" s="53"/>
      <c r="BA3908" s="53"/>
      <c r="BB3908" s="53"/>
      <c r="BC3908" s="53"/>
      <c r="BD3908" s="53"/>
      <c r="BE3908" s="53"/>
      <c r="BF3908" s="53"/>
      <c r="BG3908" s="53"/>
      <c r="BH3908" s="53"/>
      <c r="BI3908" s="53"/>
      <c r="BJ3908" s="53"/>
      <c r="BK3908" s="53"/>
      <c r="BL3908" s="53"/>
      <c r="BM3908" s="53"/>
      <c r="BN3908" s="53"/>
      <c r="BO3908" s="53"/>
      <c r="BP3908" s="53"/>
      <c r="BQ3908" s="53"/>
      <c r="BR3908" s="53"/>
      <c r="BS3908" s="53"/>
      <c r="BT3908" s="53"/>
      <c r="BU3908" s="53"/>
      <c r="BV3908" s="53"/>
      <c r="BW3908" s="53"/>
      <c r="BX3908" s="53"/>
      <c r="BY3908" s="53"/>
      <c r="BZ3908" s="53"/>
      <c r="CA3908" s="53"/>
      <c r="CB3908" s="53">
        <v>18749654.625050101</v>
      </c>
      <c r="CC3908" s="53">
        <v>18749654.625050101</v>
      </c>
      <c r="CD3908" s="53">
        <v>18749654.625050101</v>
      </c>
      <c r="CE3908" s="53">
        <v>18749654.625050101</v>
      </c>
      <c r="CF3908" s="53">
        <v>18749654.625050101</v>
      </c>
      <c r="CG3908" s="53">
        <v>18749654.625050101</v>
      </c>
      <c r="CH3908" s="53">
        <v>18749654.625050101</v>
      </c>
      <c r="CI3908" s="53">
        <v>18749654.625050101</v>
      </c>
      <c r="CJ3908" s="53">
        <v>18749654.625050101</v>
      </c>
      <c r="CK3908" s="53">
        <v>18749654.625050101</v>
      </c>
      <c r="CL3908" s="53">
        <v>18749654.625050101</v>
      </c>
      <c r="CM3908" s="53">
        <v>18749654.625050101</v>
      </c>
      <c r="CN3908" s="53">
        <v>224995855.50060201</v>
      </c>
    </row>
    <row r="3909" spans="1:92" outlineLevel="1">
      <c r="A3909" s="52" t="s">
        <v>1378</v>
      </c>
      <c r="B3909" s="53">
        <v>1204871.6006449901</v>
      </c>
      <c r="C3909" s="53">
        <v>1213613.9481673399</v>
      </c>
      <c r="D3909" s="53">
        <v>661267.92870625702</v>
      </c>
      <c r="E3909" s="53">
        <v>624188.97858562798</v>
      </c>
      <c r="F3909" s="53">
        <v>1173118.9897827399</v>
      </c>
      <c r="G3909" s="53">
        <v>3149849.9456527801</v>
      </c>
      <c r="H3909" s="53">
        <v>3172704.7318834402</v>
      </c>
      <c r="I3909" s="53">
        <v>3195725.34863387</v>
      </c>
      <c r="J3909" s="53">
        <v>1152980.9991426601</v>
      </c>
      <c r="K3909" s="53">
        <v>714658.83710894606</v>
      </c>
      <c r="L3909" s="53">
        <v>719844.28252120304</v>
      </c>
      <c r="M3909" s="53">
        <v>1328096.1526611301</v>
      </c>
      <c r="N3909" s="53">
        <v>18310921.743491001</v>
      </c>
      <c r="O3909" s="53">
        <v>1326741.92699548</v>
      </c>
      <c r="P3909" s="53">
        <v>1336368.5452941</v>
      </c>
      <c r="Q3909" s="53">
        <v>784913.21273066802</v>
      </c>
      <c r="R3909" s="53">
        <v>748731.412183373</v>
      </c>
      <c r="S3909" s="53">
        <v>-3.8769374325073702</v>
      </c>
      <c r="T3909" s="53">
        <v>-3.9050678443614002</v>
      </c>
      <c r="U3909" s="53">
        <v>-3.93340236579545</v>
      </c>
      <c r="V3909" s="53">
        <v>-3.9619424777946</v>
      </c>
      <c r="W3909" s="53">
        <v>-3.9906896720897298</v>
      </c>
      <c r="X3909" s="53">
        <v>-4.0196454512354602</v>
      </c>
      <c r="Y3909" s="53">
        <v>-4.0488113286887204</v>
      </c>
      <c r="Z3909" s="53">
        <v>-4.0781888288877903</v>
      </c>
      <c r="AA3909" s="53">
        <v>4196723.2825182201</v>
      </c>
      <c r="AB3909" s="53">
        <v>-4.1077794873320599</v>
      </c>
      <c r="AC3909" s="53">
        <v>-4.1375848506622299</v>
      </c>
      <c r="AD3909" s="53">
        <v>-4.1676064767411498</v>
      </c>
      <c r="AE3909" s="53">
        <v>-4.1978459347353096</v>
      </c>
      <c r="AF3909" s="53">
        <v>-4.2283048051967498</v>
      </c>
      <c r="AG3909" s="53">
        <v>-4.2589846801457902</v>
      </c>
      <c r="AH3909" s="53">
        <v>-4.28988716315415</v>
      </c>
      <c r="AI3909" s="53">
        <v>-4.3210138694287998</v>
      </c>
      <c r="AJ3909" s="53">
        <v>-4.3523664258963901</v>
      </c>
      <c r="AK3909" s="53">
        <v>-4.3839464712882901</v>
      </c>
      <c r="AL3909" s="53">
        <v>-4.4157556562262101</v>
      </c>
      <c r="AM3909" s="53">
        <v>-4.4477956433085</v>
      </c>
      <c r="AN3909" s="53">
        <v>-51.308871464115597</v>
      </c>
      <c r="AO3909" s="53">
        <v>-4.48006810719707</v>
      </c>
      <c r="AP3909" s="53">
        <v>-4.5125747347048701</v>
      </c>
      <c r="AQ3909" s="53">
        <v>-4.5453172248840996</v>
      </c>
      <c r="AR3909" s="53">
        <v>-4.57829728911498</v>
      </c>
      <c r="AS3909" s="53">
        <v>-4.6115166511952497</v>
      </c>
      <c r="AT3909" s="53">
        <v>-4.6449770474302099</v>
      </c>
      <c r="AU3909" s="53">
        <v>-4.6786802267235101</v>
      </c>
      <c r="AV3909" s="53">
        <v>-4.71262795066857</v>
      </c>
      <c r="AW3909" s="53">
        <v>-4.7468219936406202</v>
      </c>
      <c r="AX3909" s="53">
        <v>-4.7812641428894702</v>
      </c>
      <c r="AY3909" s="53">
        <v>-4.81595619863291</v>
      </c>
      <c r="AZ3909" s="53">
        <v>-4.8508999741508196</v>
      </c>
      <c r="BA3909" s="53">
        <v>-55.959001541232396</v>
      </c>
      <c r="BB3909" s="53">
        <v>-4.8860972958799103</v>
      </c>
      <c r="BC3909" s="53">
        <v>-4.9215500035092301</v>
      </c>
      <c r="BD3909" s="53">
        <v>-4.9572599500763399</v>
      </c>
      <c r="BE3909" s="53">
        <v>-4.9932290020640604</v>
      </c>
      <c r="BF3909" s="53"/>
      <c r="BG3909" s="53"/>
      <c r="BH3909" s="53"/>
      <c r="BI3909" s="53"/>
      <c r="BJ3909" s="53"/>
      <c r="BK3909" s="53"/>
      <c r="BL3909" s="53"/>
      <c r="BM3909" s="53"/>
      <c r="BN3909" s="53">
        <v>-19.7581362515295</v>
      </c>
      <c r="BO3909" s="53"/>
      <c r="BP3909" s="53"/>
      <c r="BQ3909" s="53"/>
      <c r="BR3909" s="53"/>
      <c r="BS3909" s="53"/>
      <c r="BT3909" s="53"/>
      <c r="BU3909" s="53"/>
      <c r="BV3909" s="53"/>
      <c r="BW3909" s="53"/>
      <c r="BX3909" s="53"/>
      <c r="BY3909" s="53"/>
      <c r="BZ3909" s="53"/>
      <c r="CA3909" s="53"/>
      <c r="CB3909" s="53"/>
      <c r="CC3909" s="53"/>
      <c r="CD3909" s="53"/>
      <c r="CE3909" s="53"/>
      <c r="CF3909" s="53"/>
      <c r="CG3909" s="53"/>
      <c r="CH3909" s="53"/>
      <c r="CI3909" s="53"/>
      <c r="CJ3909" s="53"/>
      <c r="CK3909" s="53"/>
      <c r="CL3909" s="53"/>
      <c r="CM3909" s="53"/>
      <c r="CN3909" s="53"/>
    </row>
    <row r="3910" spans="1:92" outlineLevel="1">
      <c r="A3910" s="52" t="s">
        <v>1379</v>
      </c>
      <c r="B3910" s="53">
        <v>310944.68276122899</v>
      </c>
      <c r="C3910" s="53">
        <v>312838.85412038199</v>
      </c>
      <c r="D3910" s="53">
        <v>314744.56414006598</v>
      </c>
      <c r="E3910" s="53">
        <v>316661.88310995197</v>
      </c>
      <c r="F3910" s="53">
        <v>318590.88174789702</v>
      </c>
      <c r="G3910" s="53">
        <v>320531.63120254403</v>
      </c>
      <c r="H3910" s="53">
        <v>322484.20305595302</v>
      </c>
      <c r="I3910" s="53">
        <v>324448.66932623601</v>
      </c>
      <c r="J3910" s="53">
        <v>326425.10247021401</v>
      </c>
      <c r="K3910" s="53">
        <v>328413.57538609498</v>
      </c>
      <c r="L3910" s="53">
        <v>330414.16141615598</v>
      </c>
      <c r="M3910" s="53">
        <v>332426.934349449</v>
      </c>
      <c r="N3910" s="53">
        <v>3858925.1430861698</v>
      </c>
      <c r="O3910" s="53">
        <v>334451.96842452802</v>
      </c>
      <c r="P3910" s="53">
        <v>336489.33833217999</v>
      </c>
      <c r="Q3910" s="53">
        <v>338539.119218187</v>
      </c>
      <c r="R3910" s="53">
        <v>340601.38668609102</v>
      </c>
      <c r="S3910" s="53">
        <v>342676.21679998701</v>
      </c>
      <c r="T3910" s="53">
        <v>344763.68608732702</v>
      </c>
      <c r="U3910" s="53">
        <v>346863.871541742</v>
      </c>
      <c r="V3910" s="53">
        <v>348976.85062588402</v>
      </c>
      <c r="W3910" s="53">
        <v>351102.70127428003</v>
      </c>
      <c r="X3910" s="53">
        <v>353241.50189620903</v>
      </c>
      <c r="Y3910" s="53">
        <v>355393.33137859299</v>
      </c>
      <c r="Z3910" s="53">
        <v>357558.26908890699</v>
      </c>
      <c r="AA3910" s="53">
        <v>4150658.24135391</v>
      </c>
      <c r="AB3910" s="53">
        <v>359736.39487810701</v>
      </c>
      <c r="AC3910" s="53">
        <v>361927.78908357298</v>
      </c>
      <c r="AD3910" s="53">
        <v>364132.53253207402</v>
      </c>
      <c r="AE3910" s="53">
        <v>366350.70654274803</v>
      </c>
      <c r="AF3910" s="53">
        <v>368582.39293010399</v>
      </c>
      <c r="AG3910" s="53">
        <v>370827.67400703701</v>
      </c>
      <c r="AH3910" s="53">
        <v>373086.63258786203</v>
      </c>
      <c r="AI3910" s="53">
        <v>375359.35199137701</v>
      </c>
      <c r="AJ3910" s="53">
        <v>377645.91604392399</v>
      </c>
      <c r="AK3910" s="53">
        <v>379946.40908249101</v>
      </c>
      <c r="AL3910" s="53">
        <v>382260.91595781897</v>
      </c>
      <c r="AM3910" s="53">
        <v>384589.52203752799</v>
      </c>
      <c r="AN3910" s="53">
        <v>4464446.2376746396</v>
      </c>
      <c r="AO3910" s="53">
        <v>386932.31320927298</v>
      </c>
      <c r="AP3910" s="53">
        <v>389289.37588390597</v>
      </c>
      <c r="AQ3910" s="53">
        <v>391660.79699866503</v>
      </c>
      <c r="AR3910" s="53">
        <v>394046.66402038198</v>
      </c>
      <c r="AS3910" s="53">
        <v>396447.06494870601</v>
      </c>
      <c r="AT3910" s="53">
        <v>398862.08831935102</v>
      </c>
      <c r="AU3910" s="53">
        <v>401291.82320736302</v>
      </c>
      <c r="AV3910" s="53">
        <v>403736.3592304</v>
      </c>
      <c r="AW3910" s="53">
        <v>406195.78655204503</v>
      </c>
      <c r="AX3910" s="53">
        <v>408670.19588512398</v>
      </c>
      <c r="AY3910" s="53">
        <v>411159.67849505699</v>
      </c>
      <c r="AZ3910" s="53">
        <v>413664.32620322099</v>
      </c>
      <c r="BA3910" s="53">
        <v>4801956.47295349</v>
      </c>
      <c r="BB3910" s="53">
        <v>416184.23139034002</v>
      </c>
      <c r="BC3910" s="53">
        <v>418719.48699989298</v>
      </c>
      <c r="BD3910" s="53">
        <v>421270.186541526</v>
      </c>
      <c r="BE3910" s="53"/>
      <c r="BF3910" s="53"/>
      <c r="BG3910" s="53"/>
      <c r="BH3910" s="53"/>
      <c r="BI3910" s="53"/>
      <c r="BJ3910" s="53"/>
      <c r="BK3910" s="53"/>
      <c r="BL3910" s="53"/>
      <c r="BM3910" s="53"/>
      <c r="BN3910" s="53">
        <v>1256173.9049317599</v>
      </c>
      <c r="BO3910" s="53"/>
      <c r="BP3910" s="53"/>
      <c r="BQ3910" s="53"/>
      <c r="BR3910" s="53"/>
      <c r="BS3910" s="53"/>
      <c r="BT3910" s="53"/>
      <c r="BU3910" s="53"/>
      <c r="BV3910" s="53"/>
      <c r="BW3910" s="53"/>
      <c r="BX3910" s="53"/>
      <c r="BY3910" s="53"/>
      <c r="BZ3910" s="53"/>
      <c r="CA3910" s="53"/>
      <c r="CB3910" s="53"/>
      <c r="CC3910" s="53"/>
      <c r="CD3910" s="53"/>
      <c r="CE3910" s="53"/>
      <c r="CF3910" s="53"/>
      <c r="CG3910" s="53"/>
      <c r="CH3910" s="53"/>
      <c r="CI3910" s="53"/>
      <c r="CJ3910" s="53"/>
      <c r="CK3910" s="53"/>
      <c r="CL3910" s="53"/>
      <c r="CM3910" s="53"/>
      <c r="CN3910" s="53"/>
    </row>
    <row r="3911" spans="1:92" outlineLevel="1">
      <c r="A3911" s="52" t="s">
        <v>1782</v>
      </c>
      <c r="B3911" s="53"/>
      <c r="C3911" s="53"/>
      <c r="D3911" s="53"/>
      <c r="E3911" s="53"/>
      <c r="F3911" s="53"/>
      <c r="G3911" s="53"/>
      <c r="H3911" s="53"/>
      <c r="I3911" s="53"/>
      <c r="J3911" s="53"/>
      <c r="K3911" s="53"/>
      <c r="L3911" s="53"/>
      <c r="M3911" s="53"/>
      <c r="N3911" s="53"/>
      <c r="O3911" s="53"/>
      <c r="P3911" s="53"/>
      <c r="Q3911" s="53"/>
      <c r="R3911" s="53"/>
      <c r="S3911" s="53"/>
      <c r="T3911" s="53"/>
      <c r="U3911" s="53"/>
      <c r="V3911" s="53"/>
      <c r="W3911" s="53"/>
      <c r="X3911" s="53"/>
      <c r="Y3911" s="53"/>
      <c r="Z3911" s="53"/>
      <c r="AA3911" s="53"/>
      <c r="AB3911" s="53"/>
      <c r="AC3911" s="53"/>
      <c r="AD3911" s="53"/>
      <c r="AE3911" s="53"/>
      <c r="AF3911" s="53"/>
      <c r="AG3911" s="53"/>
      <c r="AH3911" s="53"/>
      <c r="AI3911" s="53"/>
      <c r="AJ3911" s="53"/>
      <c r="AK3911" s="53"/>
      <c r="AL3911" s="53"/>
      <c r="AM3911" s="53"/>
      <c r="AN3911" s="53"/>
      <c r="AO3911" s="53"/>
      <c r="AP3911" s="53"/>
      <c r="AQ3911" s="53"/>
      <c r="AR3911" s="53"/>
      <c r="AS3911" s="53"/>
      <c r="AT3911" s="53"/>
      <c r="AU3911" s="53"/>
      <c r="AV3911" s="53"/>
      <c r="AW3911" s="53"/>
      <c r="AX3911" s="53"/>
      <c r="AY3911" s="53"/>
      <c r="AZ3911" s="53"/>
      <c r="BA3911" s="53"/>
      <c r="BB3911" s="53"/>
      <c r="BC3911" s="53"/>
      <c r="BD3911" s="53"/>
      <c r="BE3911" s="53"/>
      <c r="BF3911" s="53"/>
      <c r="BG3911" s="53"/>
      <c r="BH3911" s="53"/>
      <c r="BI3911" s="53"/>
      <c r="BJ3911" s="53"/>
      <c r="BK3911" s="53"/>
      <c r="BL3911" s="53"/>
      <c r="BM3911" s="53"/>
      <c r="BN3911" s="53"/>
      <c r="BO3911" s="53"/>
      <c r="BP3911" s="53"/>
      <c r="BQ3911" s="53"/>
      <c r="BR3911" s="53"/>
      <c r="BS3911" s="53"/>
      <c r="BT3911" s="53"/>
      <c r="BU3911" s="53"/>
      <c r="BV3911" s="53"/>
      <c r="BW3911" s="53"/>
      <c r="BX3911" s="53"/>
      <c r="BY3911" s="53"/>
      <c r="BZ3911" s="53"/>
      <c r="CA3911" s="53"/>
      <c r="CB3911" s="53">
        <v>48273.326686642496</v>
      </c>
      <c r="CC3911" s="53">
        <v>-431106.61400161003</v>
      </c>
      <c r="CD3911" s="53">
        <v>553089.23345798999</v>
      </c>
      <c r="CE3911" s="53">
        <v>666514.52754011296</v>
      </c>
      <c r="CF3911" s="53">
        <v>721902.89191049302</v>
      </c>
      <c r="CG3911" s="53">
        <v>-1666724.99174239</v>
      </c>
      <c r="CH3911" s="53">
        <v>-1363458.22203412</v>
      </c>
      <c r="CI3911" s="53">
        <v>-1321826.60722125</v>
      </c>
      <c r="CJ3911" s="53">
        <v>1165315.3371890001</v>
      </c>
      <c r="CK3911" s="53">
        <v>1232264.4509985901</v>
      </c>
      <c r="CL3911" s="53">
        <v>482666.55450601201</v>
      </c>
      <c r="CM3911" s="53">
        <v>-86909.887289479593</v>
      </c>
      <c r="CN3911" s="53">
        <v>-1.2732925824820899E-8</v>
      </c>
    </row>
    <row r="3912" spans="1:92" outlineLevel="1">
      <c r="A3912" s="52" t="s">
        <v>1783</v>
      </c>
      <c r="B3912" s="53"/>
      <c r="C3912" s="53"/>
      <c r="D3912" s="53"/>
      <c r="E3912" s="53"/>
      <c r="F3912" s="53"/>
      <c r="G3912" s="53"/>
      <c r="H3912" s="53"/>
      <c r="I3912" s="53"/>
      <c r="J3912" s="53"/>
      <c r="K3912" s="53"/>
      <c r="L3912" s="53"/>
      <c r="M3912" s="53"/>
      <c r="N3912" s="53"/>
      <c r="O3912" s="53"/>
      <c r="P3912" s="53"/>
      <c r="Q3912" s="53"/>
      <c r="R3912" s="53"/>
      <c r="S3912" s="53"/>
      <c r="T3912" s="53"/>
      <c r="U3912" s="53"/>
      <c r="V3912" s="53"/>
      <c r="W3912" s="53"/>
      <c r="X3912" s="53"/>
      <c r="Y3912" s="53"/>
      <c r="Z3912" s="53"/>
      <c r="AA3912" s="53"/>
      <c r="AB3912" s="53"/>
      <c r="AC3912" s="53"/>
      <c r="AD3912" s="53"/>
      <c r="AE3912" s="53"/>
      <c r="AF3912" s="53"/>
      <c r="AG3912" s="53"/>
      <c r="AH3912" s="53"/>
      <c r="AI3912" s="53"/>
      <c r="AJ3912" s="53"/>
      <c r="AK3912" s="53"/>
      <c r="AL3912" s="53"/>
      <c r="AM3912" s="53"/>
      <c r="AN3912" s="53"/>
      <c r="AO3912" s="53"/>
      <c r="AP3912" s="53"/>
      <c r="AQ3912" s="53"/>
      <c r="AR3912" s="53"/>
      <c r="AS3912" s="53"/>
      <c r="AT3912" s="53"/>
      <c r="AU3912" s="53"/>
      <c r="AV3912" s="53"/>
      <c r="AW3912" s="53"/>
      <c r="AX3912" s="53"/>
      <c r="AY3912" s="53"/>
      <c r="AZ3912" s="53"/>
      <c r="BA3912" s="53"/>
      <c r="BB3912" s="53"/>
      <c r="BC3912" s="53"/>
      <c r="BD3912" s="53"/>
      <c r="BE3912" s="53"/>
      <c r="BF3912" s="53"/>
      <c r="BG3912" s="53"/>
      <c r="BH3912" s="53"/>
      <c r="BI3912" s="53"/>
      <c r="BJ3912" s="53"/>
      <c r="BK3912" s="53"/>
      <c r="BL3912" s="53"/>
      <c r="BM3912" s="53"/>
      <c r="BN3912" s="53"/>
      <c r="BO3912" s="53"/>
      <c r="BP3912" s="53"/>
      <c r="BQ3912" s="53"/>
      <c r="BR3912" s="53"/>
      <c r="BS3912" s="53"/>
      <c r="BT3912" s="53"/>
      <c r="BU3912" s="53"/>
      <c r="BV3912" s="53"/>
      <c r="BW3912" s="53"/>
      <c r="BX3912" s="53"/>
      <c r="BY3912" s="53"/>
      <c r="BZ3912" s="53"/>
      <c r="CA3912" s="53"/>
      <c r="CB3912" s="53"/>
      <c r="CC3912" s="53"/>
      <c r="CD3912" s="53"/>
      <c r="CE3912" s="53"/>
      <c r="CF3912" s="53"/>
      <c r="CG3912" s="53"/>
      <c r="CH3912" s="53"/>
      <c r="CI3912" s="53"/>
      <c r="CJ3912" s="53"/>
      <c r="CK3912" s="53"/>
      <c r="CL3912" s="53"/>
      <c r="CM3912" s="53"/>
      <c r="CN3912" s="53"/>
    </row>
    <row r="3913" spans="1:92" outlineLevel="1">
      <c r="A3913" s="52" t="s">
        <v>649</v>
      </c>
      <c r="B3913" s="53"/>
      <c r="C3913" s="53"/>
      <c r="D3913" s="53"/>
      <c r="E3913" s="53"/>
      <c r="F3913" s="53"/>
      <c r="G3913" s="53"/>
      <c r="H3913" s="53"/>
      <c r="I3913" s="53"/>
      <c r="J3913" s="53"/>
      <c r="K3913" s="53"/>
      <c r="L3913" s="53">
        <v>-175000000</v>
      </c>
      <c r="M3913" s="53"/>
      <c r="N3913" s="53">
        <v>-175000000</v>
      </c>
      <c r="O3913" s="53"/>
      <c r="P3913" s="53"/>
      <c r="Q3913" s="53"/>
      <c r="R3913" s="53"/>
      <c r="S3913" s="53"/>
      <c r="T3913" s="53"/>
      <c r="U3913" s="53"/>
      <c r="V3913" s="53"/>
      <c r="W3913" s="53"/>
      <c r="X3913" s="53"/>
      <c r="Y3913" s="53"/>
      <c r="Z3913" s="53"/>
      <c r="AA3913" s="53"/>
      <c r="AB3913" s="53"/>
      <c r="AC3913" s="53"/>
      <c r="AD3913" s="53"/>
      <c r="AE3913" s="53"/>
      <c r="AF3913" s="53"/>
      <c r="AG3913" s="53"/>
      <c r="AH3913" s="53"/>
      <c r="AI3913" s="53"/>
      <c r="AJ3913" s="53"/>
      <c r="AK3913" s="53"/>
      <c r="AL3913" s="53"/>
      <c r="AM3913" s="53"/>
      <c r="AN3913" s="53"/>
      <c r="AO3913" s="53"/>
      <c r="AP3913" s="53"/>
      <c r="AQ3913" s="53"/>
      <c r="AR3913" s="53"/>
      <c r="AS3913" s="53"/>
      <c r="AT3913" s="53"/>
      <c r="AU3913" s="53"/>
      <c r="AV3913" s="53"/>
      <c r="AW3913" s="53"/>
      <c r="AX3913" s="53"/>
      <c r="AY3913" s="53"/>
      <c r="AZ3913" s="53"/>
      <c r="BA3913" s="53"/>
      <c r="BB3913" s="53"/>
      <c r="BC3913" s="53"/>
      <c r="BD3913" s="53"/>
      <c r="BE3913" s="53"/>
      <c r="BF3913" s="53"/>
      <c r="BG3913" s="53">
        <v>-50000000</v>
      </c>
      <c r="BH3913" s="53"/>
      <c r="BI3913" s="53"/>
      <c r="BJ3913" s="53"/>
      <c r="BK3913" s="53"/>
      <c r="BL3913" s="53"/>
      <c r="BM3913" s="53"/>
      <c r="BN3913" s="53">
        <v>-50000000</v>
      </c>
      <c r="BO3913" s="53"/>
      <c r="BP3913" s="53"/>
      <c r="BQ3913" s="53"/>
      <c r="BR3913" s="53"/>
      <c r="BS3913" s="53"/>
      <c r="BT3913" s="53">
        <v>-125000000</v>
      </c>
      <c r="BU3913" s="53"/>
      <c r="BV3913" s="53"/>
      <c r="BW3913" s="53"/>
      <c r="BX3913" s="53"/>
      <c r="BY3913" s="53"/>
      <c r="BZ3913" s="53"/>
      <c r="CA3913" s="53">
        <v>-125000000</v>
      </c>
      <c r="CB3913" s="53"/>
      <c r="CC3913" s="53"/>
      <c r="CD3913" s="53"/>
      <c r="CE3913" s="53"/>
      <c r="CF3913" s="53"/>
      <c r="CG3913" s="53"/>
      <c r="CH3913" s="53"/>
      <c r="CI3913" s="53"/>
      <c r="CJ3913" s="53"/>
      <c r="CK3913" s="53"/>
      <c r="CL3913" s="53"/>
      <c r="CM3913" s="53"/>
      <c r="CN3913" s="53"/>
    </row>
    <row r="3914" spans="1:92" outlineLevel="1">
      <c r="A3914" s="52" t="s">
        <v>739</v>
      </c>
      <c r="B3914" s="53"/>
      <c r="C3914" s="53"/>
      <c r="D3914" s="53"/>
      <c r="E3914" s="53"/>
      <c r="F3914" s="53"/>
      <c r="G3914" s="53"/>
      <c r="H3914" s="53"/>
      <c r="I3914" s="53"/>
      <c r="J3914" s="53"/>
      <c r="K3914" s="53"/>
      <c r="L3914" s="53"/>
      <c r="M3914" s="53"/>
      <c r="N3914" s="53"/>
      <c r="O3914" s="53"/>
      <c r="P3914" s="53"/>
      <c r="Q3914" s="53"/>
      <c r="R3914" s="53"/>
      <c r="S3914" s="53"/>
      <c r="T3914" s="53"/>
      <c r="U3914" s="53"/>
      <c r="V3914" s="53"/>
      <c r="W3914" s="53"/>
      <c r="X3914" s="53"/>
      <c r="Y3914" s="53"/>
      <c r="Z3914" s="53"/>
      <c r="AA3914" s="53"/>
      <c r="AB3914" s="53"/>
      <c r="AC3914" s="53"/>
      <c r="AD3914" s="53"/>
      <c r="AE3914" s="53"/>
      <c r="AF3914" s="53"/>
      <c r="AG3914" s="53"/>
      <c r="AH3914" s="53"/>
      <c r="AI3914" s="53"/>
      <c r="AJ3914" s="53"/>
      <c r="AK3914" s="53"/>
      <c r="AL3914" s="53"/>
      <c r="AM3914" s="53"/>
      <c r="AN3914" s="53"/>
      <c r="AO3914" s="53"/>
      <c r="AP3914" s="53"/>
      <c r="AQ3914" s="53"/>
      <c r="AR3914" s="53"/>
      <c r="AS3914" s="53"/>
      <c r="AT3914" s="53"/>
      <c r="AU3914" s="53"/>
      <c r="AV3914" s="53"/>
      <c r="AW3914" s="53"/>
      <c r="AX3914" s="53"/>
      <c r="AY3914" s="53"/>
      <c r="AZ3914" s="53"/>
      <c r="BA3914" s="53"/>
      <c r="BB3914" s="53"/>
      <c r="BC3914" s="53"/>
      <c r="BD3914" s="53"/>
      <c r="BE3914" s="53"/>
      <c r="BF3914" s="53"/>
      <c r="BG3914" s="53"/>
      <c r="BH3914" s="53"/>
      <c r="BI3914" s="53"/>
      <c r="BJ3914" s="53"/>
      <c r="BK3914" s="53"/>
      <c r="BL3914" s="53"/>
      <c r="BM3914" s="53"/>
      <c r="BN3914" s="53"/>
      <c r="BO3914" s="53"/>
      <c r="BP3914" s="53"/>
      <c r="BQ3914" s="53"/>
      <c r="BR3914" s="53"/>
      <c r="BS3914" s="53"/>
      <c r="BT3914" s="53"/>
      <c r="BU3914" s="53"/>
      <c r="BV3914" s="53"/>
      <c r="BW3914" s="53"/>
      <c r="BX3914" s="53"/>
      <c r="BY3914" s="53"/>
      <c r="BZ3914" s="53"/>
      <c r="CA3914" s="53"/>
      <c r="CB3914" s="53">
        <v>-758430.075969539</v>
      </c>
      <c r="CC3914" s="53">
        <v>-1836495.4673755199</v>
      </c>
      <c r="CD3914" s="53">
        <v>-1696627.32146458</v>
      </c>
      <c r="CE3914" s="53">
        <v>-924376.91749048606</v>
      </c>
      <c r="CF3914" s="53">
        <v>977539.24813891097</v>
      </c>
      <c r="CG3914" s="53">
        <v>1510413.8742243401</v>
      </c>
      <c r="CH3914" s="53">
        <v>2231394.4275165298</v>
      </c>
      <c r="CI3914" s="53">
        <v>2257907.79589803</v>
      </c>
      <c r="CJ3914" s="53">
        <v>1298802.2982007</v>
      </c>
      <c r="CK3914" s="53">
        <v>196508.86802526799</v>
      </c>
      <c r="CL3914" s="53">
        <v>-2124340.4337151502</v>
      </c>
      <c r="CM3914" s="53">
        <v>-1132296.2959884999</v>
      </c>
      <c r="CN3914" s="53">
        <v>-3.6379788070917101E-9</v>
      </c>
    </row>
    <row r="3915" spans="1:92" outlineLevel="1">
      <c r="A3915" s="52" t="s">
        <v>1661</v>
      </c>
      <c r="B3915" s="53"/>
      <c r="C3915" s="53"/>
      <c r="D3915" s="53"/>
      <c r="E3915" s="53"/>
      <c r="F3915" s="53"/>
      <c r="G3915" s="53"/>
      <c r="H3915" s="53"/>
      <c r="I3915" s="53"/>
      <c r="J3915" s="53"/>
      <c r="K3915" s="53"/>
      <c r="L3915" s="53"/>
      <c r="M3915" s="53"/>
      <c r="N3915" s="53"/>
      <c r="O3915" s="53"/>
      <c r="P3915" s="53"/>
      <c r="Q3915" s="53"/>
      <c r="R3915" s="53"/>
      <c r="S3915" s="53"/>
      <c r="T3915" s="53"/>
      <c r="U3915" s="53"/>
      <c r="V3915" s="53"/>
      <c r="W3915" s="53"/>
      <c r="X3915" s="53"/>
      <c r="Y3915" s="53"/>
      <c r="Z3915" s="53"/>
      <c r="AA3915" s="53"/>
      <c r="AB3915" s="53"/>
      <c r="AC3915" s="53"/>
      <c r="AD3915" s="53"/>
      <c r="AE3915" s="53"/>
      <c r="AF3915" s="53"/>
      <c r="AG3915" s="53"/>
      <c r="AH3915" s="53"/>
      <c r="AI3915" s="53"/>
      <c r="AJ3915" s="53"/>
      <c r="AK3915" s="53"/>
      <c r="AL3915" s="53"/>
      <c r="AM3915" s="53"/>
      <c r="AN3915" s="53"/>
      <c r="AO3915" s="53"/>
      <c r="AP3915" s="53"/>
      <c r="AQ3915" s="53"/>
      <c r="AR3915" s="53"/>
      <c r="AS3915" s="53"/>
      <c r="AT3915" s="53"/>
      <c r="AU3915" s="53"/>
      <c r="AV3915" s="53"/>
      <c r="AW3915" s="53"/>
      <c r="AX3915" s="53"/>
      <c r="AY3915" s="53"/>
      <c r="AZ3915" s="53"/>
      <c r="BA3915" s="53"/>
      <c r="BB3915" s="53"/>
      <c r="BC3915" s="53"/>
      <c r="BD3915" s="53"/>
      <c r="BE3915" s="53"/>
      <c r="BF3915" s="53"/>
      <c r="BG3915" s="53"/>
      <c r="BH3915" s="53"/>
      <c r="BI3915" s="53"/>
      <c r="BJ3915" s="53"/>
      <c r="BK3915" s="53"/>
      <c r="BL3915" s="53"/>
      <c r="BM3915" s="53"/>
      <c r="BN3915" s="53"/>
      <c r="BO3915" s="53"/>
      <c r="BP3915" s="53"/>
      <c r="BQ3915" s="53"/>
      <c r="BR3915" s="53"/>
      <c r="BS3915" s="53"/>
      <c r="BT3915" s="53"/>
      <c r="BU3915" s="53"/>
      <c r="BV3915" s="53"/>
      <c r="BW3915" s="53"/>
      <c r="BX3915" s="53"/>
      <c r="BY3915" s="53"/>
      <c r="BZ3915" s="53"/>
      <c r="CA3915" s="53"/>
      <c r="CB3915" s="53"/>
      <c r="CC3915" s="53"/>
      <c r="CD3915" s="53"/>
      <c r="CE3915" s="53"/>
      <c r="CF3915" s="53"/>
      <c r="CG3915" s="53"/>
      <c r="CH3915" s="53"/>
      <c r="CI3915" s="53"/>
      <c r="CJ3915" s="53"/>
      <c r="CK3915" s="53"/>
      <c r="CL3915" s="53"/>
      <c r="CM3915" s="53"/>
      <c r="CN3915" s="53"/>
    </row>
    <row r="3916" spans="1:92" outlineLevel="1">
      <c r="A3916" s="52" t="s">
        <v>649</v>
      </c>
      <c r="B3916" s="53"/>
      <c r="C3916" s="53"/>
      <c r="D3916" s="53"/>
      <c r="E3916" s="53"/>
      <c r="F3916" s="53"/>
      <c r="G3916" s="53"/>
      <c r="H3916" s="53"/>
      <c r="I3916" s="53"/>
      <c r="J3916" s="53"/>
      <c r="K3916" s="53"/>
      <c r="L3916" s="53"/>
      <c r="M3916" s="53"/>
      <c r="N3916" s="53"/>
      <c r="O3916" s="53"/>
      <c r="P3916" s="53"/>
      <c r="Q3916" s="53"/>
      <c r="R3916" s="53"/>
      <c r="S3916" s="53"/>
      <c r="T3916" s="53">
        <v>650000000</v>
      </c>
      <c r="U3916" s="53"/>
      <c r="V3916" s="53"/>
      <c r="W3916" s="53"/>
      <c r="X3916" s="53"/>
      <c r="Y3916" s="53"/>
      <c r="Z3916" s="53"/>
      <c r="AA3916" s="53">
        <v>650000000</v>
      </c>
      <c r="AB3916" s="53"/>
      <c r="AC3916" s="53"/>
      <c r="AD3916" s="53"/>
      <c r="AE3916" s="53"/>
      <c r="AF3916" s="53"/>
      <c r="AG3916" s="53"/>
      <c r="AH3916" s="53"/>
      <c r="AI3916" s="53">
        <v>1000000000</v>
      </c>
      <c r="AJ3916" s="53"/>
      <c r="AK3916" s="53"/>
      <c r="AL3916" s="53"/>
      <c r="AM3916" s="53"/>
      <c r="AN3916" s="53">
        <v>1000000000</v>
      </c>
      <c r="AO3916" s="53"/>
      <c r="AP3916" s="53"/>
      <c r="AQ3916" s="53"/>
      <c r="AR3916" s="53"/>
      <c r="AS3916" s="53"/>
      <c r="AT3916" s="53">
        <v>700000000</v>
      </c>
      <c r="AU3916" s="53"/>
      <c r="AV3916" s="53"/>
      <c r="AW3916" s="53"/>
      <c r="AX3916" s="53"/>
      <c r="AY3916" s="53"/>
      <c r="AZ3916" s="53"/>
      <c r="BA3916" s="53">
        <v>700000000</v>
      </c>
      <c r="BB3916" s="53"/>
      <c r="BC3916" s="53"/>
      <c r="BD3916" s="53"/>
      <c r="BE3916" s="53"/>
      <c r="BF3916" s="53"/>
      <c r="BG3916" s="53">
        <v>650000000</v>
      </c>
      <c r="BH3916" s="53"/>
      <c r="BI3916" s="53"/>
      <c r="BJ3916" s="53"/>
      <c r="BK3916" s="53"/>
      <c r="BL3916" s="53"/>
      <c r="BM3916" s="53"/>
      <c r="BN3916" s="53">
        <v>650000000</v>
      </c>
      <c r="BO3916" s="53"/>
      <c r="BP3916" s="53"/>
      <c r="BQ3916" s="53"/>
      <c r="BR3916" s="53"/>
      <c r="BS3916" s="53"/>
      <c r="BT3916" s="53">
        <v>1250000000</v>
      </c>
      <c r="BU3916" s="53"/>
      <c r="BV3916" s="53"/>
      <c r="BW3916" s="53"/>
      <c r="BX3916" s="53"/>
      <c r="BY3916" s="53"/>
      <c r="BZ3916" s="53"/>
      <c r="CA3916" s="53">
        <v>1250000000</v>
      </c>
      <c r="CB3916" s="53">
        <v>-1.44740186914094E-10</v>
      </c>
      <c r="CC3916" s="53">
        <v>-1.44740186914094E-10</v>
      </c>
      <c r="CD3916" s="53">
        <v>-1.44740186914094E-10</v>
      </c>
      <c r="CE3916" s="53">
        <v>-1.44740186914094E-10</v>
      </c>
      <c r="CF3916" s="53">
        <v>-1.44740186914094E-10</v>
      </c>
      <c r="CG3916" s="53">
        <v>-1.44740186914094E-10</v>
      </c>
      <c r="CH3916" s="53">
        <v>-1.44740186914094E-10</v>
      </c>
      <c r="CI3916" s="53">
        <v>-1.44740186914094E-10</v>
      </c>
      <c r="CJ3916" s="53">
        <v>-1.44740186914094E-10</v>
      </c>
      <c r="CK3916" s="53">
        <v>-1.44740186914094E-10</v>
      </c>
      <c r="CL3916" s="53">
        <v>-1.44740186914094E-10</v>
      </c>
      <c r="CM3916" s="53">
        <v>-1.44740186914094E-10</v>
      </c>
      <c r="CN3916" s="53">
        <v>-1.73688224296913E-9</v>
      </c>
    </row>
    <row r="3917" spans="1:92" outlineLevel="1">
      <c r="A3917" s="52" t="s">
        <v>1220</v>
      </c>
      <c r="B3917" s="53"/>
      <c r="C3917" s="53"/>
      <c r="D3917" s="53"/>
      <c r="E3917" s="53"/>
      <c r="F3917" s="53"/>
      <c r="G3917" s="53"/>
      <c r="H3917" s="53"/>
      <c r="I3917" s="53"/>
      <c r="J3917" s="53"/>
      <c r="K3917" s="53"/>
      <c r="L3917" s="53"/>
      <c r="M3917" s="53"/>
      <c r="N3917" s="53"/>
      <c r="O3917" s="53"/>
      <c r="P3917" s="53"/>
      <c r="Q3917" s="53"/>
      <c r="R3917" s="53"/>
      <c r="S3917" s="53"/>
      <c r="T3917" s="53"/>
      <c r="U3917" s="53"/>
      <c r="V3917" s="53"/>
      <c r="W3917" s="53"/>
      <c r="X3917" s="53"/>
      <c r="Y3917" s="53"/>
      <c r="Z3917" s="53"/>
      <c r="AA3917" s="53"/>
      <c r="AB3917" s="53"/>
      <c r="AC3917" s="53"/>
      <c r="AD3917" s="53"/>
      <c r="AE3917" s="53"/>
      <c r="AF3917" s="53"/>
      <c r="AG3917" s="53"/>
      <c r="AH3917" s="53"/>
      <c r="AI3917" s="53"/>
      <c r="AJ3917" s="53"/>
      <c r="AK3917" s="53"/>
      <c r="AL3917" s="53"/>
      <c r="AM3917" s="53"/>
      <c r="AN3917" s="53"/>
      <c r="AO3917" s="53"/>
      <c r="AP3917" s="53"/>
      <c r="AQ3917" s="53"/>
      <c r="AR3917" s="53"/>
      <c r="AS3917" s="53"/>
      <c r="AT3917" s="53"/>
      <c r="AU3917" s="53"/>
      <c r="AV3917" s="53"/>
      <c r="AW3917" s="53"/>
      <c r="AX3917" s="53"/>
      <c r="AY3917" s="53"/>
      <c r="AZ3917" s="53"/>
      <c r="BA3917" s="53"/>
      <c r="BB3917" s="53"/>
      <c r="BC3917" s="53"/>
      <c r="BD3917" s="53"/>
      <c r="BE3917" s="53"/>
      <c r="BF3917" s="53"/>
      <c r="BG3917" s="53"/>
      <c r="BH3917" s="53"/>
      <c r="BI3917" s="53"/>
      <c r="BJ3917" s="53"/>
      <c r="BK3917" s="53"/>
      <c r="BL3917" s="53"/>
      <c r="BM3917" s="53"/>
      <c r="BN3917" s="53"/>
      <c r="BO3917" s="53"/>
      <c r="BP3917" s="53"/>
      <c r="BQ3917" s="53"/>
      <c r="BR3917" s="53"/>
      <c r="BS3917" s="53"/>
      <c r="BT3917" s="53"/>
      <c r="BU3917" s="53"/>
      <c r="BV3917" s="53"/>
      <c r="BW3917" s="53"/>
      <c r="BX3917" s="53"/>
      <c r="BY3917" s="53"/>
      <c r="BZ3917" s="53"/>
      <c r="CA3917" s="53"/>
      <c r="CB3917" s="53"/>
      <c r="CC3917" s="53"/>
      <c r="CD3917" s="53"/>
      <c r="CE3917" s="53"/>
      <c r="CF3917" s="53"/>
      <c r="CG3917" s="53"/>
      <c r="CH3917" s="53"/>
      <c r="CI3917" s="53"/>
      <c r="CJ3917" s="53"/>
      <c r="CK3917" s="53"/>
      <c r="CL3917" s="53"/>
      <c r="CM3917" s="53"/>
      <c r="CN3917" s="53"/>
    </row>
    <row r="3918" spans="1:92" outlineLevel="1">
      <c r="A3918" s="52" t="s">
        <v>649</v>
      </c>
      <c r="B3918" s="53"/>
      <c r="C3918" s="53"/>
      <c r="D3918" s="53"/>
      <c r="E3918" s="53"/>
      <c r="F3918" s="53"/>
      <c r="G3918" s="53"/>
      <c r="H3918" s="53"/>
      <c r="I3918" s="53"/>
      <c r="J3918" s="53"/>
      <c r="K3918" s="53"/>
      <c r="L3918" s="53"/>
      <c r="M3918" s="53"/>
      <c r="N3918" s="53"/>
      <c r="O3918" s="53">
        <v>691286528.74057901</v>
      </c>
      <c r="P3918" s="53">
        <v>640850776.38673306</v>
      </c>
      <c r="Q3918" s="53">
        <v>747112323.97426796</v>
      </c>
      <c r="R3918" s="53">
        <v>804127382.51984704</v>
      </c>
      <c r="S3918" s="53">
        <v>848837587.29495704</v>
      </c>
      <c r="T3918" s="53">
        <v>266203941.454465</v>
      </c>
      <c r="U3918" s="53">
        <v>156791960.200288</v>
      </c>
      <c r="V3918" s="53"/>
      <c r="W3918" s="53"/>
      <c r="X3918" s="53"/>
      <c r="Y3918" s="53"/>
      <c r="Z3918" s="53">
        <v>160584988.64838701</v>
      </c>
      <c r="AA3918" s="53">
        <v>4315795489.2195196</v>
      </c>
      <c r="AB3918" s="53">
        <v>145146799.75453001</v>
      </c>
      <c r="AC3918" s="53">
        <v>43986462.048842996</v>
      </c>
      <c r="AD3918" s="53">
        <v>126073770.957846</v>
      </c>
      <c r="AE3918" s="53">
        <v>958100711.50871003</v>
      </c>
      <c r="AF3918" s="53">
        <v>997092550.63431501</v>
      </c>
      <c r="AG3918" s="53">
        <v>1089790129.6900799</v>
      </c>
      <c r="AH3918" s="53">
        <v>1010243814.99792</v>
      </c>
      <c r="AI3918" s="53"/>
      <c r="AJ3918" s="53"/>
      <c r="AK3918" s="53"/>
      <c r="AL3918" s="53"/>
      <c r="AM3918" s="53">
        <v>5938772.7716698796</v>
      </c>
      <c r="AN3918" s="53">
        <v>4376373012.3639202</v>
      </c>
      <c r="AO3918" s="53">
        <v>37208835.7320804</v>
      </c>
      <c r="AP3918" s="53">
        <v>27491554.847943299</v>
      </c>
      <c r="AQ3918" s="53">
        <v>189077993.35148901</v>
      </c>
      <c r="AR3918" s="53">
        <v>271867626.10165399</v>
      </c>
      <c r="AS3918" s="53">
        <v>374588955.818542</v>
      </c>
      <c r="AT3918" s="53"/>
      <c r="AU3918" s="53"/>
      <c r="AV3918" s="53"/>
      <c r="AW3918" s="53"/>
      <c r="AX3918" s="53"/>
      <c r="AY3918" s="53"/>
      <c r="AZ3918" s="53">
        <v>131852214.951662</v>
      </c>
      <c r="BA3918" s="53">
        <v>1032087180.80337</v>
      </c>
      <c r="BB3918" s="53">
        <v>196512174.79109901</v>
      </c>
      <c r="BC3918" s="53">
        <v>168300839.92753699</v>
      </c>
      <c r="BD3918" s="53">
        <v>279697063.07687598</v>
      </c>
      <c r="BE3918" s="53">
        <v>284151828.04402</v>
      </c>
      <c r="BF3918" s="53">
        <v>363591134.76955199</v>
      </c>
      <c r="BG3918" s="53"/>
      <c r="BH3918" s="53"/>
      <c r="BI3918" s="53"/>
      <c r="BJ3918" s="53"/>
      <c r="BK3918" s="53"/>
      <c r="BL3918" s="53"/>
      <c r="BM3918" s="53">
        <v>180915258.75754201</v>
      </c>
      <c r="BN3918" s="53">
        <v>1473168299.3666201</v>
      </c>
      <c r="BO3918" s="53">
        <v>888992446.32978797</v>
      </c>
      <c r="BP3918" s="53">
        <v>858047614.98357701</v>
      </c>
      <c r="BQ3918" s="53">
        <v>973328736.45499504</v>
      </c>
      <c r="BR3918" s="53">
        <v>974042396.54382598</v>
      </c>
      <c r="BS3918" s="53">
        <v>1048936334.2269599</v>
      </c>
      <c r="BT3918" s="53"/>
      <c r="BU3918" s="53"/>
      <c r="BV3918" s="53"/>
      <c r="BW3918" s="53"/>
      <c r="BX3918" s="53"/>
      <c r="BY3918" s="53"/>
      <c r="BZ3918" s="53">
        <v>186734302.987297</v>
      </c>
      <c r="CA3918" s="53">
        <v>4930081831.5264502</v>
      </c>
      <c r="CB3918" s="53"/>
      <c r="CC3918" s="53"/>
      <c r="CD3918" s="53"/>
      <c r="CE3918" s="53"/>
      <c r="CF3918" s="53"/>
      <c r="CG3918" s="53"/>
      <c r="CH3918" s="53"/>
      <c r="CI3918" s="53"/>
      <c r="CJ3918" s="53"/>
      <c r="CK3918" s="53"/>
      <c r="CL3918" s="53"/>
      <c r="CM3918" s="53"/>
      <c r="CN3918" s="53"/>
    </row>
    <row r="3919" spans="1:92" outlineLevel="1">
      <c r="A3919" s="52" t="s">
        <v>741</v>
      </c>
      <c r="B3919" s="53"/>
      <c r="C3919" s="53"/>
      <c r="D3919" s="53"/>
      <c r="E3919" s="53"/>
      <c r="F3919" s="53"/>
      <c r="G3919" s="53"/>
      <c r="H3919" s="53"/>
      <c r="I3919" s="53"/>
      <c r="J3919" s="53"/>
      <c r="K3919" s="53"/>
      <c r="L3919" s="53"/>
      <c r="M3919" s="53"/>
      <c r="N3919" s="53"/>
      <c r="O3919" s="53"/>
      <c r="P3919" s="53"/>
      <c r="Q3919" s="53"/>
      <c r="R3919" s="53"/>
      <c r="S3919" s="53"/>
      <c r="T3919" s="53"/>
      <c r="U3919" s="53"/>
      <c r="V3919" s="53"/>
      <c r="W3919" s="53"/>
      <c r="X3919" s="53"/>
      <c r="Y3919" s="53"/>
      <c r="Z3919" s="53"/>
      <c r="AA3919" s="53"/>
      <c r="AB3919" s="53"/>
      <c r="AC3919" s="53"/>
      <c r="AD3919" s="53"/>
      <c r="AE3919" s="53"/>
      <c r="AF3919" s="53"/>
      <c r="AG3919" s="53"/>
      <c r="AH3919" s="53"/>
      <c r="AI3919" s="53"/>
      <c r="AJ3919" s="53"/>
      <c r="AK3919" s="53"/>
      <c r="AL3919" s="53"/>
      <c r="AM3919" s="53"/>
      <c r="AN3919" s="53"/>
      <c r="AO3919" s="53"/>
      <c r="AP3919" s="53"/>
      <c r="AQ3919" s="53"/>
      <c r="AR3919" s="53"/>
      <c r="AS3919" s="53"/>
      <c r="AT3919" s="53"/>
      <c r="AU3919" s="53"/>
      <c r="AV3919" s="53"/>
      <c r="AW3919" s="53"/>
      <c r="AX3919" s="53"/>
      <c r="AY3919" s="53"/>
      <c r="AZ3919" s="53"/>
      <c r="BA3919" s="53"/>
      <c r="BB3919" s="53"/>
      <c r="BC3919" s="53"/>
      <c r="BD3919" s="53"/>
      <c r="BE3919" s="53"/>
      <c r="BF3919" s="53"/>
      <c r="BG3919" s="53"/>
      <c r="BH3919" s="53"/>
      <c r="BI3919" s="53"/>
      <c r="BJ3919" s="53"/>
      <c r="BK3919" s="53"/>
      <c r="BL3919" s="53"/>
      <c r="BM3919" s="53"/>
      <c r="BN3919" s="53"/>
      <c r="BO3919" s="53"/>
      <c r="BP3919" s="53"/>
      <c r="BQ3919" s="53"/>
      <c r="BR3919" s="53"/>
      <c r="BS3919" s="53"/>
      <c r="BT3919" s="53"/>
      <c r="BU3919" s="53"/>
      <c r="BV3919" s="53"/>
      <c r="BW3919" s="53"/>
      <c r="BX3919" s="53"/>
      <c r="BY3919" s="53"/>
      <c r="BZ3919" s="53"/>
      <c r="CA3919" s="53"/>
      <c r="CB3919" s="53">
        <v>55.629169616963701</v>
      </c>
      <c r="CC3919" s="53">
        <v>-118527.992421829</v>
      </c>
      <c r="CD3919" s="53">
        <v>-271161.910337882</v>
      </c>
      <c r="CE3919" s="53">
        <v>-163979.67908107699</v>
      </c>
      <c r="CF3919" s="53">
        <v>-103147.151358605</v>
      </c>
      <c r="CG3919" s="53">
        <v>118485.700884622</v>
      </c>
      <c r="CH3919" s="53">
        <v>167170.32952621099</v>
      </c>
      <c r="CI3919" s="53">
        <v>131386.505096259</v>
      </c>
      <c r="CJ3919" s="53">
        <v>75596.265138896793</v>
      </c>
      <c r="CK3919" s="53">
        <v>-40754.793614753602</v>
      </c>
      <c r="CL3919" s="53">
        <v>116359.073016661</v>
      </c>
      <c r="CM3919" s="53">
        <v>88518.023981879596</v>
      </c>
      <c r="CN3919" s="53">
        <v>-5.6843418860808005E-10</v>
      </c>
    </row>
    <row r="3920" spans="1:92" outlineLevel="1">
      <c r="A3920" s="52" t="s">
        <v>1521</v>
      </c>
      <c r="B3920" s="53"/>
      <c r="C3920" s="53"/>
      <c r="D3920" s="53"/>
      <c r="E3920" s="53"/>
      <c r="F3920" s="53"/>
      <c r="G3920" s="53"/>
      <c r="H3920" s="53"/>
      <c r="I3920" s="53"/>
      <c r="J3920" s="53"/>
      <c r="K3920" s="53"/>
      <c r="L3920" s="53"/>
      <c r="M3920" s="53"/>
      <c r="N3920" s="53"/>
      <c r="O3920" s="53"/>
      <c r="P3920" s="53"/>
      <c r="Q3920" s="53"/>
      <c r="R3920" s="53"/>
      <c r="S3920" s="53"/>
      <c r="T3920" s="53"/>
      <c r="U3920" s="53"/>
      <c r="V3920" s="53"/>
      <c r="W3920" s="53"/>
      <c r="X3920" s="53"/>
      <c r="Y3920" s="53"/>
      <c r="Z3920" s="53"/>
      <c r="AA3920" s="53"/>
      <c r="AB3920" s="53"/>
      <c r="AC3920" s="53"/>
      <c r="AD3920" s="53"/>
      <c r="AE3920" s="53"/>
      <c r="AF3920" s="53"/>
      <c r="AG3920" s="53"/>
      <c r="AH3920" s="53"/>
      <c r="AI3920" s="53"/>
      <c r="AJ3920" s="53"/>
      <c r="AK3920" s="53"/>
      <c r="AL3920" s="53"/>
      <c r="AM3920" s="53"/>
      <c r="AN3920" s="53"/>
      <c r="AO3920" s="53"/>
      <c r="AP3920" s="53"/>
      <c r="AQ3920" s="53"/>
      <c r="AR3920" s="53"/>
      <c r="AS3920" s="53"/>
      <c r="AT3920" s="53"/>
      <c r="AU3920" s="53"/>
      <c r="AV3920" s="53"/>
      <c r="AW3920" s="53"/>
      <c r="AX3920" s="53"/>
      <c r="AY3920" s="53"/>
      <c r="AZ3920" s="53"/>
      <c r="BA3920" s="53"/>
      <c r="BB3920" s="53"/>
      <c r="BC3920" s="53"/>
      <c r="BD3920" s="53"/>
      <c r="BE3920" s="53"/>
      <c r="BF3920" s="53"/>
      <c r="BG3920" s="53"/>
      <c r="BH3920" s="53"/>
      <c r="BI3920" s="53"/>
      <c r="BJ3920" s="53"/>
      <c r="BK3920" s="53"/>
      <c r="BL3920" s="53"/>
      <c r="BM3920" s="53"/>
      <c r="BN3920" s="53"/>
      <c r="BO3920" s="53"/>
      <c r="BP3920" s="53"/>
      <c r="BQ3920" s="53"/>
      <c r="BR3920" s="53"/>
      <c r="BS3920" s="53"/>
      <c r="BT3920" s="53"/>
      <c r="BU3920" s="53"/>
      <c r="BV3920" s="53"/>
      <c r="BW3920" s="53"/>
      <c r="BX3920" s="53"/>
      <c r="BY3920" s="53"/>
      <c r="BZ3920" s="53"/>
      <c r="CA3920" s="53"/>
      <c r="CB3920" s="53"/>
      <c r="CC3920" s="53"/>
      <c r="CD3920" s="53"/>
      <c r="CE3920" s="53"/>
      <c r="CF3920" s="53"/>
      <c r="CG3920" s="53"/>
      <c r="CH3920" s="53"/>
      <c r="CI3920" s="53"/>
      <c r="CJ3920" s="53"/>
      <c r="CK3920" s="53"/>
      <c r="CL3920" s="53"/>
      <c r="CM3920" s="53"/>
      <c r="CN3920" s="53"/>
    </row>
    <row r="3921" spans="1:92" outlineLevel="1">
      <c r="A3921" s="52" t="s">
        <v>649</v>
      </c>
      <c r="B3921" s="53"/>
      <c r="C3921" s="53"/>
      <c r="D3921" s="53">
        <v>5586250</v>
      </c>
      <c r="E3921" s="53"/>
      <c r="F3921" s="53"/>
      <c r="G3921" s="53">
        <v>5586250</v>
      </c>
      <c r="H3921" s="53"/>
      <c r="I3921" s="53"/>
      <c r="J3921" s="53">
        <v>5586250</v>
      </c>
      <c r="K3921" s="53"/>
      <c r="L3921" s="53"/>
      <c r="M3921" s="53">
        <v>5586250</v>
      </c>
      <c r="N3921" s="53">
        <v>22345000</v>
      </c>
      <c r="O3921" s="53"/>
      <c r="P3921" s="53"/>
      <c r="Q3921" s="53"/>
      <c r="R3921" s="53"/>
      <c r="S3921" s="53"/>
      <c r="T3921" s="53"/>
      <c r="U3921" s="53"/>
      <c r="V3921" s="53"/>
      <c r="W3921" s="53"/>
      <c r="X3921" s="53"/>
      <c r="Y3921" s="53"/>
      <c r="Z3921" s="53"/>
      <c r="AA3921" s="53"/>
      <c r="AB3921" s="53"/>
      <c r="AC3921" s="53"/>
      <c r="AD3921" s="53"/>
      <c r="AE3921" s="53"/>
      <c r="AF3921" s="53"/>
      <c r="AG3921" s="53"/>
      <c r="AH3921" s="53"/>
      <c r="AI3921" s="53"/>
      <c r="AJ3921" s="53"/>
      <c r="AK3921" s="53"/>
      <c r="AL3921" s="53"/>
      <c r="AM3921" s="53"/>
      <c r="AN3921" s="53"/>
      <c r="AO3921" s="53"/>
      <c r="AP3921" s="53"/>
      <c r="AQ3921" s="53"/>
      <c r="AR3921" s="53"/>
      <c r="AS3921" s="53"/>
      <c r="AT3921" s="53"/>
      <c r="AU3921" s="53"/>
      <c r="AV3921" s="53"/>
      <c r="AW3921" s="53"/>
      <c r="AX3921" s="53"/>
      <c r="AY3921" s="53"/>
      <c r="AZ3921" s="53"/>
      <c r="BA3921" s="53"/>
      <c r="BB3921" s="53"/>
      <c r="BC3921" s="53"/>
      <c r="BD3921" s="53"/>
      <c r="BE3921" s="53"/>
      <c r="BF3921" s="53"/>
      <c r="BG3921" s="53"/>
      <c r="BH3921" s="53"/>
      <c r="BI3921" s="53"/>
      <c r="BJ3921" s="53"/>
      <c r="BK3921" s="53"/>
      <c r="BL3921" s="53"/>
      <c r="BM3921" s="53"/>
      <c r="BN3921" s="53"/>
      <c r="BO3921" s="53"/>
      <c r="BP3921" s="53"/>
      <c r="BQ3921" s="53"/>
      <c r="BR3921" s="53"/>
      <c r="BS3921" s="53"/>
      <c r="BT3921" s="53"/>
      <c r="BU3921" s="53"/>
      <c r="BV3921" s="53"/>
      <c r="BW3921" s="53"/>
      <c r="BX3921" s="53"/>
      <c r="BY3921" s="53"/>
      <c r="BZ3921" s="53"/>
      <c r="CA3921" s="53"/>
      <c r="CB3921" s="53">
        <v>2.2951805065560901E-10</v>
      </c>
      <c r="CC3921" s="53">
        <v>2.2951805065560901E-10</v>
      </c>
      <c r="CD3921" s="53">
        <v>2.2951805065560901E-10</v>
      </c>
      <c r="CE3921" s="53">
        <v>2.2951805065560901E-10</v>
      </c>
      <c r="CF3921" s="53">
        <v>2.2951805065560901E-10</v>
      </c>
      <c r="CG3921" s="53">
        <v>2.2951805065560901E-10</v>
      </c>
      <c r="CH3921" s="53">
        <v>2.2951805065560901E-10</v>
      </c>
      <c r="CI3921" s="53">
        <v>2.2951805065560901E-10</v>
      </c>
      <c r="CJ3921" s="53">
        <v>2.2951805065560901E-10</v>
      </c>
      <c r="CK3921" s="53">
        <v>2.2951805065560901E-10</v>
      </c>
      <c r="CL3921" s="53">
        <v>2.2951805065560901E-10</v>
      </c>
      <c r="CM3921" s="53">
        <v>2.2951805065560901E-10</v>
      </c>
      <c r="CN3921" s="53">
        <v>2.75421660786731E-9</v>
      </c>
    </row>
    <row r="3922" spans="1:92" outlineLevel="1">
      <c r="A3922" s="52" t="s">
        <v>700</v>
      </c>
      <c r="B3922" s="53"/>
      <c r="C3922" s="53"/>
      <c r="D3922" s="53"/>
      <c r="E3922" s="53"/>
      <c r="F3922" s="53"/>
      <c r="G3922" s="53"/>
      <c r="H3922" s="53"/>
      <c r="I3922" s="53"/>
      <c r="J3922" s="53"/>
      <c r="K3922" s="53"/>
      <c r="L3922" s="53"/>
      <c r="M3922" s="53"/>
      <c r="N3922" s="53"/>
      <c r="O3922" s="53"/>
      <c r="P3922" s="53"/>
      <c r="Q3922" s="53"/>
      <c r="R3922" s="53"/>
      <c r="S3922" s="53"/>
      <c r="T3922" s="53"/>
      <c r="U3922" s="53"/>
      <c r="V3922" s="53"/>
      <c r="W3922" s="53"/>
      <c r="X3922" s="53"/>
      <c r="Y3922" s="53"/>
      <c r="Z3922" s="53"/>
      <c r="AA3922" s="53"/>
      <c r="AB3922" s="53"/>
      <c r="AC3922" s="53"/>
      <c r="AD3922" s="53"/>
      <c r="AE3922" s="53"/>
      <c r="AF3922" s="53"/>
      <c r="AG3922" s="53"/>
      <c r="AH3922" s="53"/>
      <c r="AI3922" s="53"/>
      <c r="AJ3922" s="53"/>
      <c r="AK3922" s="53"/>
      <c r="AL3922" s="53"/>
      <c r="AM3922" s="53"/>
      <c r="AN3922" s="53"/>
      <c r="AO3922" s="53"/>
      <c r="AP3922" s="53"/>
      <c r="AQ3922" s="53"/>
      <c r="AR3922" s="53"/>
      <c r="AS3922" s="53"/>
      <c r="AT3922" s="53"/>
      <c r="AU3922" s="53"/>
      <c r="AV3922" s="53"/>
      <c r="AW3922" s="53"/>
      <c r="AX3922" s="53"/>
      <c r="AY3922" s="53"/>
      <c r="AZ3922" s="53"/>
      <c r="BA3922" s="53"/>
      <c r="BB3922" s="53"/>
      <c r="BC3922" s="53"/>
      <c r="BD3922" s="53"/>
      <c r="BE3922" s="53"/>
      <c r="BF3922" s="53"/>
      <c r="BG3922" s="53"/>
      <c r="BH3922" s="53"/>
      <c r="BI3922" s="53"/>
      <c r="BJ3922" s="53"/>
      <c r="BK3922" s="53"/>
      <c r="BL3922" s="53"/>
      <c r="BM3922" s="53"/>
      <c r="BN3922" s="53"/>
      <c r="BO3922" s="53"/>
      <c r="BP3922" s="53"/>
      <c r="BQ3922" s="53"/>
      <c r="BR3922" s="53"/>
      <c r="BS3922" s="53"/>
      <c r="BT3922" s="53"/>
      <c r="BU3922" s="53"/>
      <c r="BV3922" s="53"/>
      <c r="BW3922" s="53"/>
      <c r="BX3922" s="53"/>
      <c r="BY3922" s="53"/>
      <c r="BZ3922" s="53"/>
      <c r="CA3922" s="53"/>
      <c r="CB3922" s="53"/>
      <c r="CC3922" s="53"/>
      <c r="CD3922" s="53"/>
      <c r="CE3922" s="53"/>
      <c r="CF3922" s="53"/>
      <c r="CG3922" s="53"/>
      <c r="CH3922" s="53"/>
      <c r="CI3922" s="53"/>
      <c r="CJ3922" s="53"/>
      <c r="CK3922" s="53"/>
      <c r="CL3922" s="53"/>
      <c r="CM3922" s="53"/>
      <c r="CN3922" s="53"/>
    </row>
    <row r="3923" spans="1:92" outlineLevel="1">
      <c r="A3923" s="52" t="s">
        <v>1545</v>
      </c>
      <c r="B3923" s="53"/>
      <c r="C3923" s="53"/>
      <c r="D3923" s="53"/>
      <c r="E3923" s="53"/>
      <c r="F3923" s="53"/>
      <c r="G3923" s="53"/>
      <c r="H3923" s="53"/>
      <c r="I3923" s="53"/>
      <c r="J3923" s="53"/>
      <c r="K3923" s="53"/>
      <c r="L3923" s="53"/>
      <c r="M3923" s="53"/>
      <c r="N3923" s="53"/>
      <c r="O3923" s="53"/>
      <c r="P3923" s="53"/>
      <c r="Q3923" s="53"/>
      <c r="R3923" s="53"/>
      <c r="S3923" s="53"/>
      <c r="T3923" s="53"/>
      <c r="U3923" s="53"/>
      <c r="V3923" s="53"/>
      <c r="W3923" s="53"/>
      <c r="X3923" s="53"/>
      <c r="Y3923" s="53"/>
      <c r="Z3923" s="53"/>
      <c r="AA3923" s="53"/>
      <c r="AB3923" s="53"/>
      <c r="AC3923" s="53"/>
      <c r="AD3923" s="53"/>
      <c r="AE3923" s="53"/>
      <c r="AF3923" s="53"/>
      <c r="AG3923" s="53"/>
      <c r="AH3923" s="53"/>
      <c r="AI3923" s="53"/>
      <c r="AJ3923" s="53"/>
      <c r="AK3923" s="53"/>
      <c r="AL3923" s="53"/>
      <c r="AM3923" s="53"/>
      <c r="AN3923" s="53"/>
      <c r="AO3923" s="53"/>
      <c r="AP3923" s="53"/>
      <c r="AQ3923" s="53"/>
      <c r="AR3923" s="53"/>
      <c r="AS3923" s="53"/>
      <c r="AT3923" s="53"/>
      <c r="AU3923" s="53"/>
      <c r="AV3923" s="53"/>
      <c r="AW3923" s="53"/>
      <c r="AX3923" s="53"/>
      <c r="AY3923" s="53"/>
      <c r="AZ3923" s="53"/>
      <c r="BA3923" s="53"/>
      <c r="BB3923" s="53"/>
      <c r="BC3923" s="53"/>
      <c r="BD3923" s="53"/>
      <c r="BE3923" s="53"/>
      <c r="BF3923" s="53"/>
      <c r="BG3923" s="53"/>
      <c r="BH3923" s="53"/>
      <c r="BI3923" s="53"/>
      <c r="BJ3923" s="53"/>
      <c r="BK3923" s="53"/>
      <c r="BL3923" s="53"/>
      <c r="BM3923" s="53"/>
      <c r="BN3923" s="53"/>
      <c r="BO3923" s="53"/>
      <c r="BP3923" s="53"/>
      <c r="BQ3923" s="53"/>
      <c r="BR3923" s="53"/>
      <c r="BS3923" s="53"/>
      <c r="BT3923" s="53"/>
      <c r="BU3923" s="53"/>
      <c r="BV3923" s="53"/>
      <c r="BW3923" s="53"/>
      <c r="BX3923" s="53"/>
      <c r="BY3923" s="53"/>
      <c r="BZ3923" s="53"/>
      <c r="CA3923" s="53"/>
      <c r="CB3923" s="53"/>
      <c r="CC3923" s="53"/>
      <c r="CD3923" s="53"/>
      <c r="CE3923" s="53"/>
      <c r="CF3923" s="53"/>
      <c r="CG3923" s="53"/>
      <c r="CH3923" s="53"/>
      <c r="CI3923" s="53"/>
      <c r="CJ3923" s="53"/>
      <c r="CK3923" s="53"/>
      <c r="CL3923" s="53"/>
      <c r="CM3923" s="53"/>
      <c r="CN3923" s="53"/>
    </row>
    <row r="3924" spans="1:92" outlineLevel="1">
      <c r="A3924" s="52" t="s">
        <v>649</v>
      </c>
      <c r="B3924" s="53"/>
      <c r="C3924" s="53">
        <v>41299889.189999998</v>
      </c>
      <c r="D3924" s="53">
        <v>-44148894.339999899</v>
      </c>
      <c r="E3924" s="53">
        <v>20009216.609999999</v>
      </c>
      <c r="F3924" s="53">
        <v>25699052.4599999</v>
      </c>
      <c r="G3924" s="53">
        <v>-2588740.4500000002</v>
      </c>
      <c r="H3924" s="53">
        <v>33882161.280000001</v>
      </c>
      <c r="I3924" s="53">
        <v>43328605.619999997</v>
      </c>
      <c r="J3924" s="53">
        <v>-155288185.47999999</v>
      </c>
      <c r="K3924" s="53">
        <v>23355241.239999998</v>
      </c>
      <c r="L3924" s="53">
        <v>-80388057.909999996</v>
      </c>
      <c r="M3924" s="53">
        <v>62971865.200000003</v>
      </c>
      <c r="N3924" s="53">
        <v>-31867846.579999901</v>
      </c>
      <c r="O3924" s="53">
        <v>37865103.3442581</v>
      </c>
      <c r="P3924" s="53">
        <v>1131054.34314039</v>
      </c>
      <c r="Q3924" s="53">
        <v>12492542.1691538</v>
      </c>
      <c r="R3924" s="53">
        <v>17636359.837863602</v>
      </c>
      <c r="S3924" s="53">
        <v>28710720.1790937</v>
      </c>
      <c r="T3924" s="53">
        <v>45304257.125916503</v>
      </c>
      <c r="U3924" s="53">
        <v>34693304.274804801</v>
      </c>
      <c r="V3924" s="53">
        <v>63263407.212860197</v>
      </c>
      <c r="W3924" s="53">
        <v>38595087.7452024</v>
      </c>
      <c r="X3924" s="53">
        <v>22058097.085769299</v>
      </c>
      <c r="Y3924" s="53">
        <v>6094028.8559284704</v>
      </c>
      <c r="Z3924" s="53">
        <v>39508320.432936497</v>
      </c>
      <c r="AA3924" s="53">
        <v>347352282.60692799</v>
      </c>
      <c r="AB3924" s="53">
        <v>44982271.174240403</v>
      </c>
      <c r="AC3924" s="53">
        <v>9418362.4007743094</v>
      </c>
      <c r="AD3924" s="53">
        <v>13245724.0235334</v>
      </c>
      <c r="AE3924" s="53">
        <v>10394165.160293199</v>
      </c>
      <c r="AF3924" s="53">
        <v>21247970.125796601</v>
      </c>
      <c r="AG3924" s="53">
        <v>33075821.331933301</v>
      </c>
      <c r="AH3924" s="53">
        <v>30540579.781497698</v>
      </c>
      <c r="AI3924" s="53">
        <v>57406203.065954998</v>
      </c>
      <c r="AJ3924" s="53">
        <v>29160773.6440151</v>
      </c>
      <c r="AK3924" s="53">
        <v>15476615.286668099</v>
      </c>
      <c r="AL3924" s="53">
        <v>971948.721715705</v>
      </c>
      <c r="AM3924" s="53">
        <v>30526545.963097099</v>
      </c>
      <c r="AN3924" s="53">
        <v>296446980.67952001</v>
      </c>
      <c r="AO3924" s="53">
        <v>23081134.660026401</v>
      </c>
      <c r="AP3924" s="53">
        <v>-9629434.6873962805</v>
      </c>
      <c r="AQ3924" s="53">
        <v>-10426351.203508001</v>
      </c>
      <c r="AR3924" s="53">
        <v>-3150617.7737994599</v>
      </c>
      <c r="AS3924" s="53">
        <v>6595064.8513809098</v>
      </c>
      <c r="AT3924" s="53">
        <v>11735229.152884999</v>
      </c>
      <c r="AU3924" s="53">
        <v>14194670.024472401</v>
      </c>
      <c r="AV3924" s="53">
        <v>37583723.997091196</v>
      </c>
      <c r="AW3924" s="53">
        <v>8845123.8880278897</v>
      </c>
      <c r="AX3924" s="53">
        <v>1511243.7832522599</v>
      </c>
      <c r="AY3924" s="53">
        <v>-11930069.2085458</v>
      </c>
      <c r="AZ3924" s="53">
        <v>10855375.2184547</v>
      </c>
      <c r="BA3924" s="53">
        <v>79265092.702341393</v>
      </c>
      <c r="BB3924" s="53">
        <v>21888624.6300973</v>
      </c>
      <c r="BC3924" s="53">
        <v>-11271275.060912499</v>
      </c>
      <c r="BD3924" s="53">
        <v>-11811370.919035699</v>
      </c>
      <c r="BE3924" s="53">
        <v>-4411511.7456106199</v>
      </c>
      <c r="BF3924" s="53">
        <v>5487238.0334484903</v>
      </c>
      <c r="BG3924" s="53">
        <v>11101190.3164391</v>
      </c>
      <c r="BH3924" s="53">
        <v>13405227.557574</v>
      </c>
      <c r="BI3924" s="53">
        <v>36650837.915797003</v>
      </c>
      <c r="BJ3924" s="53">
        <v>7504037.1464072699</v>
      </c>
      <c r="BK3924" s="53">
        <v>-259710.23477055301</v>
      </c>
      <c r="BL3924" s="53">
        <v>-14246110.8496993</v>
      </c>
      <c r="BM3924" s="53">
        <v>9403895.0006362908</v>
      </c>
      <c r="BN3924" s="53">
        <v>63441071.7903708</v>
      </c>
      <c r="BO3924" s="53">
        <v>20385043.800289001</v>
      </c>
      <c r="BP3924" s="53">
        <v>-12151041.4777027</v>
      </c>
      <c r="BQ3924" s="53">
        <v>-13240165.326444799</v>
      </c>
      <c r="BR3924" s="53">
        <v>-5753306.7389960801</v>
      </c>
      <c r="BS3924" s="53">
        <v>5271776.0118435901</v>
      </c>
      <c r="BT3924" s="53">
        <v>10641418.193526501</v>
      </c>
      <c r="BU3924" s="53">
        <v>13198795.906983299</v>
      </c>
      <c r="BV3924" s="53">
        <v>36556744.077083401</v>
      </c>
      <c r="BW3924" s="53">
        <v>7395982.1966443202</v>
      </c>
      <c r="BX3924" s="53">
        <v>-447742.85660072399</v>
      </c>
      <c r="BY3924" s="53">
        <v>-13521427.961851699</v>
      </c>
      <c r="BZ3924" s="53">
        <v>1784825.4440604199</v>
      </c>
      <c r="CA3924" s="53">
        <v>50120901.268834502</v>
      </c>
      <c r="CB3924" s="53">
        <v>4885623.74</v>
      </c>
      <c r="CC3924" s="53">
        <v>6821191.2000000002</v>
      </c>
      <c r="CD3924" s="53">
        <v>9361606.4399999995</v>
      </c>
      <c r="CE3924" s="53">
        <v>11484163.4099999</v>
      </c>
      <c r="CF3924" s="53">
        <v>15932844.34</v>
      </c>
      <c r="CG3924" s="53">
        <v>19003359.25</v>
      </c>
      <c r="CH3924" s="53">
        <v>22266829.359999999</v>
      </c>
      <c r="CI3924" s="53">
        <v>21989061.1199999</v>
      </c>
      <c r="CJ3924" s="53">
        <v>19896695.09</v>
      </c>
      <c r="CK3924" s="53">
        <v>14892568.92</v>
      </c>
      <c r="CL3924" s="53">
        <v>7069373.5300000003</v>
      </c>
      <c r="CM3924" s="53">
        <v>2914802.36</v>
      </c>
      <c r="CN3924" s="53">
        <v>156518118.75999999</v>
      </c>
    </row>
    <row r="3925" spans="1:92" outlineLevel="1">
      <c r="A3925" s="52" t="s">
        <v>1689</v>
      </c>
      <c r="B3925" s="53"/>
      <c r="C3925" s="53"/>
      <c r="D3925" s="53"/>
      <c r="E3925" s="53"/>
      <c r="F3925" s="53"/>
      <c r="G3925" s="53"/>
      <c r="H3925" s="53"/>
      <c r="I3925" s="53"/>
      <c r="J3925" s="53"/>
      <c r="K3925" s="53"/>
      <c r="L3925" s="53"/>
      <c r="M3925" s="53"/>
      <c r="N3925" s="53"/>
      <c r="O3925" s="53"/>
      <c r="P3925" s="53"/>
      <c r="Q3925" s="53"/>
      <c r="R3925" s="53"/>
      <c r="S3925" s="53"/>
      <c r="T3925" s="53"/>
      <c r="U3925" s="53"/>
      <c r="V3925" s="53"/>
      <c r="W3925" s="53"/>
      <c r="X3925" s="53"/>
      <c r="Y3925" s="53"/>
      <c r="Z3925" s="53"/>
      <c r="AA3925" s="53"/>
      <c r="AB3925" s="53"/>
      <c r="AC3925" s="53"/>
      <c r="AD3925" s="53"/>
      <c r="AE3925" s="53"/>
      <c r="AF3925" s="53"/>
      <c r="AG3925" s="53"/>
      <c r="AH3925" s="53"/>
      <c r="AI3925" s="53"/>
      <c r="AJ3925" s="53"/>
      <c r="AK3925" s="53"/>
      <c r="AL3925" s="53"/>
      <c r="AM3925" s="53"/>
      <c r="AN3925" s="53"/>
      <c r="AO3925" s="53"/>
      <c r="AP3925" s="53"/>
      <c r="AQ3925" s="53"/>
      <c r="AR3925" s="53"/>
      <c r="AS3925" s="53"/>
      <c r="AT3925" s="53"/>
      <c r="AU3925" s="53"/>
      <c r="AV3925" s="53"/>
      <c r="AW3925" s="53"/>
      <c r="AX3925" s="53"/>
      <c r="AY3925" s="53"/>
      <c r="AZ3925" s="53"/>
      <c r="BA3925" s="53"/>
      <c r="BB3925" s="53"/>
      <c r="BC3925" s="53"/>
      <c r="BD3925" s="53"/>
      <c r="BE3925" s="53"/>
      <c r="BF3925" s="53"/>
      <c r="BG3925" s="53"/>
      <c r="BH3925" s="53"/>
      <c r="BI3925" s="53"/>
      <c r="BJ3925" s="53"/>
      <c r="BK3925" s="53"/>
      <c r="BL3925" s="53"/>
      <c r="BM3925" s="53"/>
      <c r="BN3925" s="53"/>
      <c r="BO3925" s="53"/>
      <c r="BP3925" s="53"/>
      <c r="BQ3925" s="53"/>
      <c r="BR3925" s="53"/>
      <c r="BS3925" s="53"/>
      <c r="BT3925" s="53"/>
      <c r="BU3925" s="53"/>
      <c r="BV3925" s="53"/>
      <c r="BW3925" s="53"/>
      <c r="BX3925" s="53"/>
      <c r="BY3925" s="53"/>
      <c r="BZ3925" s="53"/>
      <c r="CA3925" s="53"/>
      <c r="CB3925" s="53"/>
      <c r="CC3925" s="53"/>
      <c r="CD3925" s="53"/>
      <c r="CE3925" s="53"/>
      <c r="CF3925" s="53"/>
      <c r="CG3925" s="53"/>
      <c r="CH3925" s="53"/>
      <c r="CI3925" s="53"/>
      <c r="CJ3925" s="53"/>
      <c r="CK3925" s="53"/>
      <c r="CL3925" s="53"/>
      <c r="CM3925" s="53"/>
      <c r="CN3925" s="53"/>
    </row>
    <row r="3926" spans="1:92" outlineLevel="1">
      <c r="A3926" s="52" t="s">
        <v>649</v>
      </c>
      <c r="B3926" s="53"/>
      <c r="C3926" s="53">
        <v>-8551673.5</v>
      </c>
      <c r="D3926" s="53">
        <v>43128023.539999902</v>
      </c>
      <c r="E3926" s="53">
        <v>-4275836.75</v>
      </c>
      <c r="F3926" s="53">
        <v>-4275836.75</v>
      </c>
      <c r="G3926" s="53">
        <v>13419062.59</v>
      </c>
      <c r="H3926" s="53">
        <v>-4275836.75</v>
      </c>
      <c r="I3926" s="53">
        <v>-4275836.75</v>
      </c>
      <c r="J3926" s="53">
        <v>137409031.84</v>
      </c>
      <c r="K3926" s="53">
        <v>-4275836.75</v>
      </c>
      <c r="L3926" s="53">
        <v>81860695.310000002</v>
      </c>
      <c r="M3926" s="53">
        <v>-44448088.939999901</v>
      </c>
      <c r="N3926" s="53">
        <v>201437867.09</v>
      </c>
      <c r="O3926" s="53">
        <v>-8766868.1428179704</v>
      </c>
      <c r="P3926" s="53">
        <v>10034871.5131699</v>
      </c>
      <c r="Q3926" s="53">
        <v>-2218665.0945001198</v>
      </c>
      <c r="R3926" s="53">
        <v>-9092996.6853720006</v>
      </c>
      <c r="S3926" s="53">
        <v>-12717657.9560473</v>
      </c>
      <c r="T3926" s="53">
        <v>-18132973.566369001</v>
      </c>
      <c r="U3926" s="53">
        <v>-13376163.1264439</v>
      </c>
      <c r="V3926" s="53">
        <v>-29210273.261156101</v>
      </c>
      <c r="W3926" s="53">
        <v>-21728448.832462899</v>
      </c>
      <c r="X3926" s="53">
        <v>-9715459.1157949306</v>
      </c>
      <c r="Y3926" s="53">
        <v>-1623725.7930043901</v>
      </c>
      <c r="Z3926" s="53">
        <v>-17070182.652401201</v>
      </c>
      <c r="AA3926" s="53">
        <v>-133618542.7132</v>
      </c>
      <c r="AB3926" s="53">
        <v>-16206144.6562698</v>
      </c>
      <c r="AC3926" s="53">
        <v>632646.86909037805</v>
      </c>
      <c r="AD3926" s="53">
        <v>-5518420.5067133596</v>
      </c>
      <c r="AE3926" s="53">
        <v>-872077.04455558397</v>
      </c>
      <c r="AF3926" s="53">
        <v>-4068889.22606673</v>
      </c>
      <c r="AG3926" s="53">
        <v>-8671086.2081276104</v>
      </c>
      <c r="AH3926" s="53">
        <v>-6500058.6095019002</v>
      </c>
      <c r="AI3926" s="53">
        <v>-20346732.651609201</v>
      </c>
      <c r="AJ3926" s="53">
        <v>-7736370.1914290302</v>
      </c>
      <c r="AK3926" s="53">
        <v>-773208.32818237902</v>
      </c>
      <c r="AL3926" s="53">
        <v>5318363.5661107898</v>
      </c>
      <c r="AM3926" s="53">
        <v>-15976157.0561019</v>
      </c>
      <c r="AN3926" s="53">
        <v>-80718134.043356299</v>
      </c>
      <c r="AO3926" s="53">
        <v>4320173.4532658802</v>
      </c>
      <c r="AP3926" s="53">
        <v>16920509.5129974</v>
      </c>
      <c r="AQ3926" s="53">
        <v>14946204.911386499</v>
      </c>
      <c r="AR3926" s="53">
        <v>11157456.9236794</v>
      </c>
      <c r="AS3926" s="53">
        <v>8900491.9390318207</v>
      </c>
      <c r="AT3926" s="53">
        <v>8125812.6184166698</v>
      </c>
      <c r="AU3926" s="53">
        <v>8266057.2857037596</v>
      </c>
      <c r="AV3926" s="53">
        <v>-2252874.1770363399</v>
      </c>
      <c r="AW3926" s="53">
        <v>8682723.0392368007</v>
      </c>
      <c r="AX3926" s="53">
        <v>11130212.3016051</v>
      </c>
      <c r="AY3926" s="53">
        <v>15515692.0561704</v>
      </c>
      <c r="AZ3926" s="53">
        <v>-173528.816564198</v>
      </c>
      <c r="BA3926" s="53">
        <v>105538931.047893</v>
      </c>
      <c r="BB3926" s="53">
        <v>4620126.5205787104</v>
      </c>
      <c r="BC3926" s="53">
        <v>17671081.784821</v>
      </c>
      <c r="BD3926" s="53">
        <v>15256576.9772333</v>
      </c>
      <c r="BE3926" s="53">
        <v>11488561.760407001</v>
      </c>
      <c r="BF3926" s="53">
        <v>9205859.2515559401</v>
      </c>
      <c r="BG3926" s="53">
        <v>8411095.1047237497</v>
      </c>
      <c r="BH3926" s="53">
        <v>8658390.7508065403</v>
      </c>
      <c r="BI3926" s="53">
        <v>-1724809.48244247</v>
      </c>
      <c r="BJ3926" s="53">
        <v>9509264.9412931204</v>
      </c>
      <c r="BK3926" s="53">
        <v>12324741.5278395</v>
      </c>
      <c r="BL3926" s="53">
        <v>17022398.163327198</v>
      </c>
      <c r="BM3926" s="53">
        <v>865677.36165748502</v>
      </c>
      <c r="BN3926" s="53">
        <v>113308964.661801</v>
      </c>
      <c r="BO3926" s="53">
        <v>4810573.9986443399</v>
      </c>
      <c r="BP3926" s="53">
        <v>17954609.445117299</v>
      </c>
      <c r="BQ3926" s="53">
        <v>15898081.742175501</v>
      </c>
      <c r="BR3926" s="53">
        <v>11936251.181130599</v>
      </c>
      <c r="BS3926" s="53">
        <v>8744408.4372054003</v>
      </c>
      <c r="BT3926" s="53">
        <v>7816744.9372491101</v>
      </c>
      <c r="BU3926" s="53">
        <v>7774389.3004088402</v>
      </c>
      <c r="BV3926" s="53">
        <v>-2693251.91867234</v>
      </c>
      <c r="BW3926" s="53">
        <v>8809564.3119543307</v>
      </c>
      <c r="BX3926" s="53">
        <v>11561257.592922101</v>
      </c>
      <c r="BY3926" s="53">
        <v>15245810.3059699</v>
      </c>
      <c r="BZ3926" s="53">
        <v>22828657.778659899</v>
      </c>
      <c r="CA3926" s="53">
        <v>130687097.112765</v>
      </c>
      <c r="CB3926" s="53">
        <v>2555737.2999999998</v>
      </c>
      <c r="CC3926" s="53">
        <v>2709377.53</v>
      </c>
      <c r="CD3926" s="53">
        <v>2658425.8399999901</v>
      </c>
      <c r="CE3926" s="53">
        <v>2110044.13</v>
      </c>
      <c r="CF3926" s="53">
        <v>2302031.2799999998</v>
      </c>
      <c r="CG3926" s="53">
        <v>2465152</v>
      </c>
      <c r="CH3926" s="53">
        <v>2104715.75</v>
      </c>
      <c r="CI3926" s="53">
        <v>3265984</v>
      </c>
      <c r="CJ3926" s="53">
        <v>2673102.46</v>
      </c>
      <c r="CK3926" s="53">
        <v>2398012.0199999898</v>
      </c>
      <c r="CL3926" s="53">
        <v>2879835.02</v>
      </c>
      <c r="CM3926" s="53">
        <v>2813547.2099999902</v>
      </c>
      <c r="CN3926" s="53">
        <v>30935964.539999899</v>
      </c>
    </row>
    <row r="3927" spans="1:92" outlineLevel="1">
      <c r="A3927" s="52" t="s">
        <v>1365</v>
      </c>
      <c r="B3927" s="53"/>
      <c r="C3927" s="53"/>
      <c r="D3927" s="53"/>
      <c r="E3927" s="53"/>
      <c r="F3927" s="53"/>
      <c r="G3927" s="53"/>
      <c r="H3927" s="53"/>
      <c r="I3927" s="53"/>
      <c r="J3927" s="53"/>
      <c r="K3927" s="53"/>
      <c r="L3927" s="53"/>
      <c r="M3927" s="53"/>
      <c r="N3927" s="53"/>
      <c r="O3927" s="53"/>
      <c r="P3927" s="53"/>
      <c r="Q3927" s="53"/>
      <c r="R3927" s="53"/>
      <c r="S3927" s="53"/>
      <c r="T3927" s="53"/>
      <c r="U3927" s="53"/>
      <c r="V3927" s="53"/>
      <c r="W3927" s="53"/>
      <c r="X3927" s="53"/>
      <c r="Y3927" s="53"/>
      <c r="Z3927" s="53"/>
      <c r="AA3927" s="53"/>
      <c r="AB3927" s="53"/>
      <c r="AC3927" s="53"/>
      <c r="AD3927" s="53"/>
      <c r="AE3927" s="53"/>
      <c r="AF3927" s="53"/>
      <c r="AG3927" s="53"/>
      <c r="AH3927" s="53"/>
      <c r="AI3927" s="53"/>
      <c r="AJ3927" s="53"/>
      <c r="AK3927" s="53"/>
      <c r="AL3927" s="53"/>
      <c r="AM3927" s="53"/>
      <c r="AN3927" s="53"/>
      <c r="AO3927" s="53"/>
      <c r="AP3927" s="53"/>
      <c r="AQ3927" s="53"/>
      <c r="AR3927" s="53"/>
      <c r="AS3927" s="53"/>
      <c r="AT3927" s="53"/>
      <c r="AU3927" s="53"/>
      <c r="AV3927" s="53"/>
      <c r="AW3927" s="53"/>
      <c r="AX3927" s="53"/>
      <c r="AY3927" s="53"/>
      <c r="AZ3927" s="53"/>
      <c r="BA3927" s="53"/>
      <c r="BB3927" s="53"/>
      <c r="BC3927" s="53"/>
      <c r="BD3927" s="53"/>
      <c r="BE3927" s="53"/>
      <c r="BF3927" s="53"/>
      <c r="BG3927" s="53"/>
      <c r="BH3927" s="53"/>
      <c r="BI3927" s="53"/>
      <c r="BJ3927" s="53"/>
      <c r="BK3927" s="53"/>
      <c r="BL3927" s="53"/>
      <c r="BM3927" s="53"/>
      <c r="BN3927" s="53"/>
      <c r="BO3927" s="53"/>
      <c r="BP3927" s="53"/>
      <c r="BQ3927" s="53"/>
      <c r="BR3927" s="53"/>
      <c r="BS3927" s="53"/>
      <c r="BT3927" s="53"/>
      <c r="BU3927" s="53"/>
      <c r="BV3927" s="53"/>
      <c r="BW3927" s="53"/>
      <c r="BX3927" s="53"/>
      <c r="BY3927" s="53"/>
      <c r="BZ3927" s="53"/>
      <c r="CA3927" s="53"/>
      <c r="CB3927" s="53"/>
      <c r="CC3927" s="53"/>
      <c r="CD3927" s="53"/>
      <c r="CE3927" s="53"/>
      <c r="CF3927" s="53"/>
      <c r="CG3927" s="53"/>
      <c r="CH3927" s="53"/>
      <c r="CI3927" s="53"/>
      <c r="CJ3927" s="53"/>
      <c r="CK3927" s="53"/>
      <c r="CL3927" s="53"/>
      <c r="CM3927" s="53"/>
      <c r="CN3927" s="53"/>
    </row>
    <row r="3928" spans="1:92" outlineLevel="1">
      <c r="A3928" s="52" t="s">
        <v>1366</v>
      </c>
      <c r="B3928" s="53"/>
      <c r="C3928" s="53"/>
      <c r="D3928" s="53"/>
      <c r="E3928" s="53"/>
      <c r="F3928" s="53"/>
      <c r="G3928" s="53"/>
      <c r="H3928" s="53"/>
      <c r="I3928" s="53"/>
      <c r="J3928" s="53"/>
      <c r="K3928" s="53"/>
      <c r="L3928" s="53"/>
      <c r="M3928" s="53"/>
      <c r="N3928" s="53"/>
      <c r="O3928" s="53"/>
      <c r="P3928" s="53"/>
      <c r="Q3928" s="53"/>
      <c r="R3928" s="53"/>
      <c r="S3928" s="53"/>
      <c r="T3928" s="53"/>
      <c r="U3928" s="53"/>
      <c r="V3928" s="53"/>
      <c r="W3928" s="53"/>
      <c r="X3928" s="53"/>
      <c r="Y3928" s="53"/>
      <c r="Z3928" s="53"/>
      <c r="AA3928" s="53"/>
      <c r="AB3928" s="53"/>
      <c r="AC3928" s="53"/>
      <c r="AD3928" s="53"/>
      <c r="AE3928" s="53"/>
      <c r="AF3928" s="53"/>
      <c r="AG3928" s="53"/>
      <c r="AH3928" s="53"/>
      <c r="AI3928" s="53"/>
      <c r="AJ3928" s="53"/>
      <c r="AK3928" s="53"/>
      <c r="AL3928" s="53"/>
      <c r="AM3928" s="53"/>
      <c r="AN3928" s="53"/>
      <c r="AO3928" s="53"/>
      <c r="AP3928" s="53"/>
      <c r="AQ3928" s="53"/>
      <c r="AR3928" s="53"/>
      <c r="AS3928" s="53"/>
      <c r="AT3928" s="53"/>
      <c r="AU3928" s="53"/>
      <c r="AV3928" s="53"/>
      <c r="AW3928" s="53"/>
      <c r="AX3928" s="53"/>
      <c r="AY3928" s="53"/>
      <c r="AZ3928" s="53"/>
      <c r="BA3928" s="53"/>
      <c r="BB3928" s="53"/>
      <c r="BC3928" s="53"/>
      <c r="BD3928" s="53"/>
      <c r="BE3928" s="53"/>
      <c r="BF3928" s="53"/>
      <c r="BG3928" s="53"/>
      <c r="BH3928" s="53"/>
      <c r="BI3928" s="53"/>
      <c r="BJ3928" s="53"/>
      <c r="BK3928" s="53"/>
      <c r="BL3928" s="53"/>
      <c r="BM3928" s="53"/>
      <c r="BN3928" s="53"/>
      <c r="BO3928" s="53"/>
      <c r="BP3928" s="53"/>
      <c r="BQ3928" s="53"/>
      <c r="BR3928" s="53"/>
      <c r="BS3928" s="53"/>
      <c r="BT3928" s="53"/>
      <c r="BU3928" s="53"/>
      <c r="BV3928" s="53"/>
      <c r="BW3928" s="53"/>
      <c r="BX3928" s="53"/>
      <c r="BY3928" s="53"/>
      <c r="BZ3928" s="53"/>
      <c r="CA3928" s="53"/>
      <c r="CB3928" s="53">
        <v>96801882.019999996</v>
      </c>
      <c r="CC3928" s="53">
        <v>82686144.709999993</v>
      </c>
      <c r="CD3928" s="53">
        <v>84040742.510000005</v>
      </c>
      <c r="CE3928" s="53">
        <v>75622199.959999993</v>
      </c>
      <c r="CF3928" s="53">
        <v>89792007.289999902</v>
      </c>
      <c r="CG3928" s="53">
        <v>95721055.140000001</v>
      </c>
      <c r="CH3928" s="53">
        <v>101577896.73999999</v>
      </c>
      <c r="CI3928" s="53">
        <v>101850854.92</v>
      </c>
      <c r="CJ3928" s="53">
        <v>97561165.279999897</v>
      </c>
      <c r="CK3928" s="53">
        <v>87880748.609999999</v>
      </c>
      <c r="CL3928" s="53">
        <v>81465344.129999995</v>
      </c>
      <c r="CM3928" s="53">
        <v>93850456.6199999</v>
      </c>
      <c r="CN3928" s="53">
        <v>1088850497.9299901</v>
      </c>
    </row>
    <row r="3929" spans="1:92" outlineLevel="1">
      <c r="A3929" s="52" t="s">
        <v>649</v>
      </c>
      <c r="B3929" s="53"/>
      <c r="C3929" s="53"/>
      <c r="D3929" s="53"/>
      <c r="E3929" s="53"/>
      <c r="F3929" s="53"/>
      <c r="G3929" s="53"/>
      <c r="H3929" s="53"/>
      <c r="I3929" s="53"/>
      <c r="J3929" s="53"/>
      <c r="K3929" s="53"/>
      <c r="L3929" s="53"/>
      <c r="M3929" s="53"/>
      <c r="N3929" s="53"/>
      <c r="O3929" s="53"/>
      <c r="P3929" s="53"/>
      <c r="Q3929" s="53"/>
      <c r="R3929" s="53"/>
      <c r="S3929" s="53"/>
      <c r="T3929" s="53"/>
      <c r="U3929" s="53"/>
      <c r="V3929" s="53"/>
      <c r="W3929" s="53"/>
      <c r="X3929" s="53"/>
      <c r="Y3929" s="53"/>
      <c r="Z3929" s="53">
        <v>2452678.4923239001</v>
      </c>
      <c r="AA3929" s="53">
        <v>2452678.4923239001</v>
      </c>
      <c r="AB3929" s="53"/>
      <c r="AC3929" s="53"/>
      <c r="AD3929" s="53"/>
      <c r="AE3929" s="53"/>
      <c r="AF3929" s="53"/>
      <c r="AG3929" s="53"/>
      <c r="AH3929" s="53"/>
      <c r="AI3929" s="53"/>
      <c r="AJ3929" s="53"/>
      <c r="AK3929" s="53"/>
      <c r="AL3929" s="53"/>
      <c r="AM3929" s="53">
        <v>12211613.409646699</v>
      </c>
      <c r="AN3929" s="53">
        <v>12211613.409646699</v>
      </c>
      <c r="AO3929" s="53"/>
      <c r="AP3929" s="53"/>
      <c r="AQ3929" s="53"/>
      <c r="AR3929" s="53"/>
      <c r="AS3929" s="53"/>
      <c r="AT3929" s="53"/>
      <c r="AU3929" s="53"/>
      <c r="AV3929" s="53"/>
      <c r="AW3929" s="53"/>
      <c r="AX3929" s="53"/>
      <c r="AY3929" s="53"/>
      <c r="AZ3929" s="53">
        <v>1032080.95795413</v>
      </c>
      <c r="BA3929" s="53">
        <v>1032080.95795413</v>
      </c>
      <c r="BB3929" s="53"/>
      <c r="BC3929" s="53"/>
      <c r="BD3929" s="53"/>
      <c r="BE3929" s="53"/>
      <c r="BF3929" s="53"/>
      <c r="BG3929" s="53"/>
      <c r="BH3929" s="53"/>
      <c r="BI3929" s="53"/>
      <c r="BJ3929" s="53"/>
      <c r="BK3929" s="53"/>
      <c r="BL3929" s="53"/>
      <c r="BM3929" s="53"/>
      <c r="BN3929" s="53"/>
      <c r="BO3929" s="53"/>
      <c r="BP3929" s="53"/>
      <c r="BQ3929" s="53"/>
      <c r="BR3929" s="53"/>
      <c r="BS3929" s="53"/>
      <c r="BT3929" s="53"/>
      <c r="BU3929" s="53"/>
      <c r="BV3929" s="53"/>
      <c r="BW3929" s="53"/>
      <c r="BX3929" s="53"/>
      <c r="BY3929" s="53"/>
      <c r="BZ3929" s="53">
        <v>55635372.030196197</v>
      </c>
      <c r="CA3929" s="53">
        <v>55635372.030196197</v>
      </c>
      <c r="CB3929" s="53"/>
      <c r="CC3929" s="53"/>
      <c r="CD3929" s="53"/>
      <c r="CE3929" s="53"/>
      <c r="CF3929" s="53"/>
      <c r="CG3929" s="53"/>
      <c r="CH3929" s="53"/>
      <c r="CI3929" s="53"/>
      <c r="CJ3929" s="53"/>
      <c r="CK3929" s="53"/>
      <c r="CL3929" s="53"/>
      <c r="CM3929" s="53"/>
      <c r="CN3929" s="53"/>
    </row>
    <row r="3930" spans="1:92" outlineLevel="1">
      <c r="A3930" s="52" t="s">
        <v>1683</v>
      </c>
      <c r="B3930" s="53"/>
      <c r="C3930" s="53"/>
      <c r="D3930" s="53"/>
      <c r="E3930" s="53"/>
      <c r="F3930" s="53"/>
      <c r="G3930" s="53"/>
      <c r="H3930" s="53"/>
      <c r="I3930" s="53"/>
      <c r="J3930" s="53"/>
      <c r="K3930" s="53"/>
      <c r="L3930" s="53"/>
      <c r="M3930" s="53"/>
      <c r="N3930" s="53"/>
      <c r="O3930" s="53"/>
      <c r="P3930" s="53"/>
      <c r="Q3930" s="53"/>
      <c r="R3930" s="53"/>
      <c r="S3930" s="53"/>
      <c r="T3930" s="53"/>
      <c r="U3930" s="53"/>
      <c r="V3930" s="53"/>
      <c r="W3930" s="53"/>
      <c r="X3930" s="53"/>
      <c r="Y3930" s="53"/>
      <c r="Z3930" s="53"/>
      <c r="AA3930" s="53"/>
      <c r="AB3930" s="53"/>
      <c r="AC3930" s="53"/>
      <c r="AD3930" s="53"/>
      <c r="AE3930" s="53"/>
      <c r="AF3930" s="53"/>
      <c r="AG3930" s="53"/>
      <c r="AH3930" s="53"/>
      <c r="AI3930" s="53"/>
      <c r="AJ3930" s="53"/>
      <c r="AK3930" s="53"/>
      <c r="AL3930" s="53"/>
      <c r="AM3930" s="53"/>
      <c r="AN3930" s="53"/>
      <c r="AO3930" s="53"/>
      <c r="AP3930" s="53"/>
      <c r="AQ3930" s="53"/>
      <c r="AR3930" s="53"/>
      <c r="AS3930" s="53"/>
      <c r="AT3930" s="53"/>
      <c r="AU3930" s="53"/>
      <c r="AV3930" s="53"/>
      <c r="AW3930" s="53"/>
      <c r="AX3930" s="53"/>
      <c r="AY3930" s="53"/>
      <c r="AZ3930" s="53"/>
      <c r="BA3930" s="53"/>
      <c r="BB3930" s="53"/>
      <c r="BC3930" s="53"/>
      <c r="BD3930" s="53"/>
      <c r="BE3930" s="53"/>
      <c r="BF3930" s="53"/>
      <c r="BG3930" s="53"/>
      <c r="BH3930" s="53"/>
      <c r="BI3930" s="53"/>
      <c r="BJ3930" s="53"/>
      <c r="BK3930" s="53"/>
      <c r="BL3930" s="53"/>
      <c r="BM3930" s="53"/>
      <c r="BN3930" s="53"/>
      <c r="BO3930" s="53"/>
      <c r="BP3930" s="53"/>
      <c r="BQ3930" s="53"/>
      <c r="BR3930" s="53"/>
      <c r="BS3930" s="53"/>
      <c r="BT3930" s="53"/>
      <c r="BU3930" s="53"/>
      <c r="BV3930" s="53"/>
      <c r="BW3930" s="53"/>
      <c r="BX3930" s="53"/>
      <c r="BY3930" s="53"/>
      <c r="BZ3930" s="53"/>
      <c r="CA3930" s="53"/>
      <c r="CB3930" s="53"/>
      <c r="CC3930" s="53"/>
      <c r="CD3930" s="53"/>
      <c r="CE3930" s="53"/>
      <c r="CF3930" s="53"/>
      <c r="CG3930" s="53"/>
      <c r="CH3930" s="53"/>
      <c r="CI3930" s="53"/>
      <c r="CJ3930" s="53"/>
      <c r="CK3930" s="53"/>
      <c r="CL3930" s="53"/>
      <c r="CM3930" s="53"/>
      <c r="CN3930" s="53"/>
    </row>
    <row r="3931" spans="1:92" outlineLevel="1">
      <c r="A3931" s="52" t="s">
        <v>649</v>
      </c>
      <c r="B3931" s="53"/>
      <c r="C3931" s="53"/>
      <c r="D3931" s="53">
        <v>-5742246</v>
      </c>
      <c r="E3931" s="53"/>
      <c r="F3931" s="53"/>
      <c r="G3931" s="53">
        <v>-5742246</v>
      </c>
      <c r="H3931" s="53"/>
      <c r="I3931" s="53"/>
      <c r="J3931" s="53">
        <v>-5742246</v>
      </c>
      <c r="K3931" s="53"/>
      <c r="L3931" s="53">
        <v>-3828164</v>
      </c>
      <c r="M3931" s="53">
        <v>-22968984</v>
      </c>
      <c r="N3931" s="53">
        <v>-44023886</v>
      </c>
      <c r="O3931" s="53">
        <v>-1722498.58333333</v>
      </c>
      <c r="P3931" s="53">
        <v>-1722498.58333333</v>
      </c>
      <c r="Q3931" s="53">
        <v>-1722498.58333333</v>
      </c>
      <c r="R3931" s="53">
        <v>-1722498.58333333</v>
      </c>
      <c r="S3931" s="53">
        <v>-1722498.58333333</v>
      </c>
      <c r="T3931" s="53">
        <v>-1722498.58333333</v>
      </c>
      <c r="U3931" s="53">
        <v>-1722498.58333333</v>
      </c>
      <c r="V3931" s="53">
        <v>-1722498.58333333</v>
      </c>
      <c r="W3931" s="53">
        <v>-1722498.58333333</v>
      </c>
      <c r="X3931" s="53">
        <v>-1722498.58333333</v>
      </c>
      <c r="Y3931" s="53">
        <v>-1722498.58333333</v>
      </c>
      <c r="Z3931" s="53">
        <v>-1722498.58333333</v>
      </c>
      <c r="AA3931" s="53">
        <v>-20669983</v>
      </c>
      <c r="AB3931" s="53">
        <v>-1758987.74999999</v>
      </c>
      <c r="AC3931" s="53">
        <v>-1758987.74999999</v>
      </c>
      <c r="AD3931" s="53">
        <v>-1758987.74999999</v>
      </c>
      <c r="AE3931" s="53">
        <v>-1758987.74999999</v>
      </c>
      <c r="AF3931" s="53">
        <v>-1758987.74999999</v>
      </c>
      <c r="AG3931" s="53">
        <v>-1758987.74999999</v>
      </c>
      <c r="AH3931" s="53">
        <v>-1758987.74999999</v>
      </c>
      <c r="AI3931" s="53">
        <v>-1758987.74999999</v>
      </c>
      <c r="AJ3931" s="53">
        <v>-1758987.74999999</v>
      </c>
      <c r="AK3931" s="53">
        <v>-1758987.74999999</v>
      </c>
      <c r="AL3931" s="53">
        <v>-1758987.74999999</v>
      </c>
      <c r="AM3931" s="53">
        <v>-1758987.74999999</v>
      </c>
      <c r="AN3931" s="53">
        <v>-21107853</v>
      </c>
      <c r="AO3931" s="53">
        <v>-1792607.99999999</v>
      </c>
      <c r="AP3931" s="53">
        <v>-1792607.99999999</v>
      </c>
      <c r="AQ3931" s="53">
        <v>-1792607.99999999</v>
      </c>
      <c r="AR3931" s="53">
        <v>-1792607.99999999</v>
      </c>
      <c r="AS3931" s="53">
        <v>-1792607.99999999</v>
      </c>
      <c r="AT3931" s="53">
        <v>-1792607.99999999</v>
      </c>
      <c r="AU3931" s="53">
        <v>-1792607.99999999</v>
      </c>
      <c r="AV3931" s="53">
        <v>-1792607.99999999</v>
      </c>
      <c r="AW3931" s="53">
        <v>-1792607.99999999</v>
      </c>
      <c r="AX3931" s="53">
        <v>-1792607.99999999</v>
      </c>
      <c r="AY3931" s="53">
        <v>-1792607.99999999</v>
      </c>
      <c r="AZ3931" s="53">
        <v>-1792607.99999999</v>
      </c>
      <c r="BA3931" s="53">
        <v>-21511296</v>
      </c>
      <c r="BB3931" s="53">
        <v>-1874453.91666666</v>
      </c>
      <c r="BC3931" s="53">
        <v>-1874453.91666666</v>
      </c>
      <c r="BD3931" s="53">
        <v>-1874453.91666666</v>
      </c>
      <c r="BE3931" s="53">
        <v>-1874453.91666666</v>
      </c>
      <c r="BF3931" s="53">
        <v>-1874453.91666666</v>
      </c>
      <c r="BG3931" s="53">
        <v>-1874453.91666666</v>
      </c>
      <c r="BH3931" s="53">
        <v>-1874453.91666666</v>
      </c>
      <c r="BI3931" s="53">
        <v>-1874453.91666666</v>
      </c>
      <c r="BJ3931" s="53">
        <v>-1874453.91666666</v>
      </c>
      <c r="BK3931" s="53">
        <v>-1874453.91666666</v>
      </c>
      <c r="BL3931" s="53">
        <v>-1874453.91666666</v>
      </c>
      <c r="BM3931" s="53">
        <v>-1874453.91666666</v>
      </c>
      <c r="BN3931" s="53">
        <v>-22493446.999999899</v>
      </c>
      <c r="BO3931" s="53">
        <v>-1905986.91666666</v>
      </c>
      <c r="BP3931" s="53">
        <v>-1905986.91666666</v>
      </c>
      <c r="BQ3931" s="53">
        <v>-1905986.91666666</v>
      </c>
      <c r="BR3931" s="53">
        <v>-1905986.91666666</v>
      </c>
      <c r="BS3931" s="53">
        <v>-1905986.91666666</v>
      </c>
      <c r="BT3931" s="53">
        <v>-1905986.91666666</v>
      </c>
      <c r="BU3931" s="53">
        <v>-1905986.91666666</v>
      </c>
      <c r="BV3931" s="53">
        <v>-1905986.91666666</v>
      </c>
      <c r="BW3931" s="53">
        <v>-1905986.91666666</v>
      </c>
      <c r="BX3931" s="53">
        <v>-1905986.91666666</v>
      </c>
      <c r="BY3931" s="53">
        <v>-1905986.91666666</v>
      </c>
      <c r="BZ3931" s="53">
        <v>-1905986.91666666</v>
      </c>
      <c r="CA3931" s="53">
        <v>-22871843</v>
      </c>
      <c r="CB3931" s="53"/>
      <c r="CC3931" s="53"/>
      <c r="CD3931" s="53"/>
      <c r="CE3931" s="53"/>
      <c r="CF3931" s="53"/>
      <c r="CG3931" s="53"/>
      <c r="CH3931" s="53"/>
      <c r="CI3931" s="53"/>
      <c r="CJ3931" s="53"/>
      <c r="CK3931" s="53"/>
      <c r="CL3931" s="53"/>
      <c r="CM3931" s="53"/>
      <c r="CN3931" s="53"/>
    </row>
    <row r="3932" spans="1:92" outlineLevel="1">
      <c r="A3932" s="52" t="s">
        <v>1684</v>
      </c>
      <c r="B3932" s="53"/>
      <c r="C3932" s="53"/>
      <c r="D3932" s="53"/>
      <c r="E3932" s="53"/>
      <c r="F3932" s="53"/>
      <c r="G3932" s="53"/>
      <c r="H3932" s="53"/>
      <c r="I3932" s="53"/>
      <c r="J3932" s="53"/>
      <c r="K3932" s="53"/>
      <c r="L3932" s="53"/>
      <c r="M3932" s="53"/>
      <c r="N3932" s="53"/>
      <c r="O3932" s="53"/>
      <c r="P3932" s="53"/>
      <c r="Q3932" s="53"/>
      <c r="R3932" s="53"/>
      <c r="S3932" s="53"/>
      <c r="T3932" s="53"/>
      <c r="U3932" s="53"/>
      <c r="V3932" s="53"/>
      <c r="W3932" s="53"/>
      <c r="X3932" s="53"/>
      <c r="Y3932" s="53"/>
      <c r="Z3932" s="53"/>
      <c r="AA3932" s="53"/>
      <c r="AB3932" s="53"/>
      <c r="AC3932" s="53"/>
      <c r="AD3932" s="53"/>
      <c r="AE3932" s="53"/>
      <c r="AF3932" s="53"/>
      <c r="AG3932" s="53"/>
      <c r="AH3932" s="53"/>
      <c r="AI3932" s="53"/>
      <c r="AJ3932" s="53"/>
      <c r="AK3932" s="53"/>
      <c r="AL3932" s="53"/>
      <c r="AM3932" s="53"/>
      <c r="AN3932" s="53"/>
      <c r="AO3932" s="53"/>
      <c r="AP3932" s="53"/>
      <c r="AQ3932" s="53"/>
      <c r="AR3932" s="53"/>
      <c r="AS3932" s="53"/>
      <c r="AT3932" s="53"/>
      <c r="AU3932" s="53"/>
      <c r="AV3932" s="53"/>
      <c r="AW3932" s="53"/>
      <c r="AX3932" s="53"/>
      <c r="AY3932" s="53"/>
      <c r="AZ3932" s="53"/>
      <c r="BA3932" s="53"/>
      <c r="BB3932" s="53"/>
      <c r="BC3932" s="53"/>
      <c r="BD3932" s="53"/>
      <c r="BE3932" s="53"/>
      <c r="BF3932" s="53"/>
      <c r="BG3932" s="53"/>
      <c r="BH3932" s="53"/>
      <c r="BI3932" s="53"/>
      <c r="BJ3932" s="53"/>
      <c r="BK3932" s="53"/>
      <c r="BL3932" s="53"/>
      <c r="BM3932" s="53"/>
      <c r="BN3932" s="53"/>
      <c r="BO3932" s="53"/>
      <c r="BP3932" s="53"/>
      <c r="BQ3932" s="53"/>
      <c r="BR3932" s="53"/>
      <c r="BS3932" s="53"/>
      <c r="BT3932" s="53"/>
      <c r="BU3932" s="53"/>
      <c r="BV3932" s="53"/>
      <c r="BW3932" s="53"/>
      <c r="BX3932" s="53"/>
      <c r="BY3932" s="53"/>
      <c r="BZ3932" s="53"/>
      <c r="CA3932" s="53"/>
      <c r="CB3932" s="53"/>
      <c r="CC3932" s="53"/>
      <c r="CD3932" s="53"/>
      <c r="CE3932" s="53"/>
      <c r="CF3932" s="53"/>
      <c r="CG3932" s="53"/>
      <c r="CH3932" s="53"/>
      <c r="CI3932" s="53"/>
      <c r="CJ3932" s="53"/>
      <c r="CK3932" s="53"/>
      <c r="CL3932" s="53"/>
      <c r="CM3932" s="53"/>
      <c r="CN3932" s="53"/>
    </row>
    <row r="3933" spans="1:92" outlineLevel="1">
      <c r="A3933" s="52" t="s">
        <v>649</v>
      </c>
      <c r="B3933" s="53"/>
      <c r="C3933" s="53"/>
      <c r="D3933" s="53">
        <v>-8949540</v>
      </c>
      <c r="E3933" s="53"/>
      <c r="F3933" s="53"/>
      <c r="G3933" s="53">
        <v>-8949540</v>
      </c>
      <c r="H3933" s="53"/>
      <c r="I3933" s="53"/>
      <c r="J3933" s="53">
        <v>-8949540</v>
      </c>
      <c r="K3933" s="53"/>
      <c r="L3933" s="53">
        <v>-5966360</v>
      </c>
      <c r="M3933" s="53">
        <v>-35798160</v>
      </c>
      <c r="N3933" s="53">
        <v>-68613140</v>
      </c>
      <c r="O3933" s="53"/>
      <c r="P3933" s="53"/>
      <c r="Q3933" s="53"/>
      <c r="R3933" s="53"/>
      <c r="S3933" s="53"/>
      <c r="T3933" s="53"/>
      <c r="U3933" s="53"/>
      <c r="V3933" s="53"/>
      <c r="W3933" s="53"/>
      <c r="X3933" s="53"/>
      <c r="Y3933" s="53"/>
      <c r="Z3933" s="53"/>
      <c r="AA3933" s="53"/>
      <c r="AB3933" s="53"/>
      <c r="AC3933" s="53"/>
      <c r="AD3933" s="53"/>
      <c r="AE3933" s="53"/>
      <c r="AF3933" s="53"/>
      <c r="AG3933" s="53"/>
      <c r="AH3933" s="53"/>
      <c r="AI3933" s="53"/>
      <c r="AJ3933" s="53"/>
      <c r="AK3933" s="53"/>
      <c r="AL3933" s="53"/>
      <c r="AM3933" s="53"/>
      <c r="AN3933" s="53"/>
      <c r="AO3933" s="53"/>
      <c r="AP3933" s="53"/>
      <c r="AQ3933" s="53"/>
      <c r="AR3933" s="53"/>
      <c r="AS3933" s="53"/>
      <c r="AT3933" s="53"/>
      <c r="AU3933" s="53"/>
      <c r="AV3933" s="53"/>
      <c r="AW3933" s="53"/>
      <c r="AX3933" s="53"/>
      <c r="AY3933" s="53"/>
      <c r="AZ3933" s="53"/>
      <c r="BA3933" s="53"/>
      <c r="BB3933" s="53"/>
      <c r="BC3933" s="53"/>
      <c r="BD3933" s="53"/>
      <c r="BE3933" s="53"/>
      <c r="BF3933" s="53"/>
      <c r="BG3933" s="53"/>
      <c r="BH3933" s="53"/>
      <c r="BI3933" s="53"/>
      <c r="BJ3933" s="53"/>
      <c r="BK3933" s="53"/>
      <c r="BL3933" s="53"/>
      <c r="BM3933" s="53"/>
      <c r="BN3933" s="53"/>
      <c r="BO3933" s="53"/>
      <c r="BP3933" s="53"/>
      <c r="BQ3933" s="53"/>
      <c r="BR3933" s="53"/>
      <c r="BS3933" s="53"/>
      <c r="BT3933" s="53"/>
      <c r="BU3933" s="53"/>
      <c r="BV3933" s="53"/>
      <c r="BW3933" s="53"/>
      <c r="BX3933" s="53"/>
      <c r="BY3933" s="53"/>
      <c r="BZ3933" s="53"/>
      <c r="CA3933" s="53"/>
      <c r="CB3933" s="53"/>
      <c r="CC3933" s="53"/>
      <c r="CD3933" s="53"/>
      <c r="CE3933" s="53"/>
      <c r="CF3933" s="53"/>
      <c r="CG3933" s="53"/>
      <c r="CH3933" s="53"/>
      <c r="CI3933" s="53"/>
      <c r="CJ3933" s="53"/>
      <c r="CK3933" s="53"/>
      <c r="CL3933" s="53"/>
      <c r="CM3933" s="53"/>
      <c r="CN3933" s="53"/>
    </row>
    <row r="3934" spans="1:92" outlineLevel="1">
      <c r="A3934" s="52" t="s">
        <v>1685</v>
      </c>
      <c r="B3934" s="53"/>
      <c r="C3934" s="53"/>
      <c r="D3934" s="53"/>
      <c r="E3934" s="53"/>
      <c r="F3934" s="53"/>
      <c r="G3934" s="53"/>
      <c r="H3934" s="53"/>
      <c r="I3934" s="53"/>
      <c r="J3934" s="53"/>
      <c r="K3934" s="53"/>
      <c r="L3934" s="53"/>
      <c r="M3934" s="53"/>
      <c r="N3934" s="53"/>
      <c r="O3934" s="53"/>
      <c r="P3934" s="53"/>
      <c r="Q3934" s="53"/>
      <c r="R3934" s="53"/>
      <c r="S3934" s="53"/>
      <c r="T3934" s="53"/>
      <c r="U3934" s="53"/>
      <c r="V3934" s="53"/>
      <c r="W3934" s="53"/>
      <c r="X3934" s="53"/>
      <c r="Y3934" s="53"/>
      <c r="Z3934" s="53"/>
      <c r="AA3934" s="53"/>
      <c r="AB3934" s="53"/>
      <c r="AC3934" s="53"/>
      <c r="AD3934" s="53"/>
      <c r="AE3934" s="53"/>
      <c r="AF3934" s="53"/>
      <c r="AG3934" s="53"/>
      <c r="AH3934" s="53"/>
      <c r="AI3934" s="53"/>
      <c r="AJ3934" s="53"/>
      <c r="AK3934" s="53"/>
      <c r="AL3934" s="53"/>
      <c r="AM3934" s="53"/>
      <c r="AN3934" s="53"/>
      <c r="AO3934" s="53"/>
      <c r="AP3934" s="53"/>
      <c r="AQ3934" s="53"/>
      <c r="AR3934" s="53"/>
      <c r="AS3934" s="53"/>
      <c r="AT3934" s="53"/>
      <c r="AU3934" s="53"/>
      <c r="AV3934" s="53"/>
      <c r="AW3934" s="53"/>
      <c r="AX3934" s="53"/>
      <c r="AY3934" s="53"/>
      <c r="AZ3934" s="53"/>
      <c r="BA3934" s="53"/>
      <c r="BB3934" s="53"/>
      <c r="BC3934" s="53"/>
      <c r="BD3934" s="53"/>
      <c r="BE3934" s="53"/>
      <c r="BF3934" s="53"/>
      <c r="BG3934" s="53"/>
      <c r="BH3934" s="53"/>
      <c r="BI3934" s="53"/>
      <c r="BJ3934" s="53"/>
      <c r="BK3934" s="53"/>
      <c r="BL3934" s="53"/>
      <c r="BM3934" s="53"/>
      <c r="BN3934" s="53"/>
      <c r="BO3934" s="53"/>
      <c r="BP3934" s="53"/>
      <c r="BQ3934" s="53"/>
      <c r="BR3934" s="53"/>
      <c r="BS3934" s="53"/>
      <c r="BT3934" s="53"/>
      <c r="BU3934" s="53"/>
      <c r="BV3934" s="53"/>
      <c r="BW3934" s="53"/>
      <c r="BX3934" s="53"/>
      <c r="BY3934" s="53"/>
      <c r="BZ3934" s="53"/>
      <c r="CA3934" s="53"/>
      <c r="CB3934" s="53"/>
      <c r="CC3934" s="53"/>
      <c r="CD3934" s="53"/>
      <c r="CE3934" s="53"/>
      <c r="CF3934" s="53"/>
      <c r="CG3934" s="53"/>
      <c r="CH3934" s="53"/>
      <c r="CI3934" s="53"/>
      <c r="CJ3934" s="53"/>
      <c r="CK3934" s="53"/>
      <c r="CL3934" s="53"/>
      <c r="CM3934" s="53"/>
      <c r="CN3934" s="53"/>
    </row>
    <row r="3935" spans="1:92" outlineLevel="1">
      <c r="A3935" s="52" t="s">
        <v>649</v>
      </c>
      <c r="B3935" s="53"/>
      <c r="C3935" s="53"/>
      <c r="D3935" s="53"/>
      <c r="E3935" s="53"/>
      <c r="F3935" s="53"/>
      <c r="G3935" s="53"/>
      <c r="H3935" s="53"/>
      <c r="I3935" s="53"/>
      <c r="J3935" s="53"/>
      <c r="K3935" s="53"/>
      <c r="L3935" s="53"/>
      <c r="M3935" s="53"/>
      <c r="N3935" s="53"/>
      <c r="O3935" s="53">
        <v>-90657.833333333299</v>
      </c>
      <c r="P3935" s="53">
        <v>-90657.833333333299</v>
      </c>
      <c r="Q3935" s="53">
        <v>-90657.833333333299</v>
      </c>
      <c r="R3935" s="53">
        <v>-90657.833333333299</v>
      </c>
      <c r="S3935" s="53">
        <v>-90657.833333333299</v>
      </c>
      <c r="T3935" s="53">
        <v>-90657.833333333299</v>
      </c>
      <c r="U3935" s="53">
        <v>-90657.833333333299</v>
      </c>
      <c r="V3935" s="53">
        <v>-90657.833333333299</v>
      </c>
      <c r="W3935" s="53">
        <v>-90657.833333333299</v>
      </c>
      <c r="X3935" s="53">
        <v>-90657.833333333299</v>
      </c>
      <c r="Y3935" s="53">
        <v>-90657.833333333299</v>
      </c>
      <c r="Z3935" s="53">
        <v>-90657.833333333299</v>
      </c>
      <c r="AA3935" s="53">
        <v>-1087894</v>
      </c>
      <c r="AB3935" s="53">
        <v>-68152.333333333299</v>
      </c>
      <c r="AC3935" s="53">
        <v>-68152.333333333299</v>
      </c>
      <c r="AD3935" s="53">
        <v>-68152.333333333299</v>
      </c>
      <c r="AE3935" s="53">
        <v>-68152.333333333299</v>
      </c>
      <c r="AF3935" s="53">
        <v>-68152.333333333299</v>
      </c>
      <c r="AG3935" s="53">
        <v>-68152.333333333299</v>
      </c>
      <c r="AH3935" s="53">
        <v>-68152.333333333299</v>
      </c>
      <c r="AI3935" s="53">
        <v>-68152.333333333299</v>
      </c>
      <c r="AJ3935" s="53">
        <v>-68152.333333333299</v>
      </c>
      <c r="AK3935" s="53">
        <v>-68152.333333333299</v>
      </c>
      <c r="AL3935" s="53">
        <v>-68152.333333333299</v>
      </c>
      <c r="AM3935" s="53">
        <v>-68152.333333333299</v>
      </c>
      <c r="AN3935" s="53">
        <v>-817828</v>
      </c>
      <c r="AO3935" s="53">
        <v>-69454.916666666599</v>
      </c>
      <c r="AP3935" s="53">
        <v>-69454.916666666599</v>
      </c>
      <c r="AQ3935" s="53">
        <v>-69454.916666666599</v>
      </c>
      <c r="AR3935" s="53">
        <v>-69454.916666666599</v>
      </c>
      <c r="AS3935" s="53">
        <v>-69454.916666666599</v>
      </c>
      <c r="AT3935" s="53">
        <v>-69454.916666666599</v>
      </c>
      <c r="AU3935" s="53">
        <v>-69454.916666666599</v>
      </c>
      <c r="AV3935" s="53">
        <v>-69454.916666666599</v>
      </c>
      <c r="AW3935" s="53">
        <v>-69454.916666666599</v>
      </c>
      <c r="AX3935" s="53">
        <v>-69454.916666666599</v>
      </c>
      <c r="AY3935" s="53">
        <v>-69454.916666666599</v>
      </c>
      <c r="AZ3935" s="53">
        <v>-69454.916666666599</v>
      </c>
      <c r="BA3935" s="53">
        <v>-833459</v>
      </c>
      <c r="BB3935" s="53">
        <v>-72626.083333333299</v>
      </c>
      <c r="BC3935" s="53">
        <v>-72626.083333333299</v>
      </c>
      <c r="BD3935" s="53">
        <v>-72626.083333333299</v>
      </c>
      <c r="BE3935" s="53">
        <v>-72626.083333333299</v>
      </c>
      <c r="BF3935" s="53">
        <v>-72626.083333333299</v>
      </c>
      <c r="BG3935" s="53">
        <v>-72626.083333333299</v>
      </c>
      <c r="BH3935" s="53">
        <v>-72626.083333333299</v>
      </c>
      <c r="BI3935" s="53">
        <v>-72626.083333333299</v>
      </c>
      <c r="BJ3935" s="53">
        <v>-72626.083333333299</v>
      </c>
      <c r="BK3935" s="53">
        <v>-72626.083333333299</v>
      </c>
      <c r="BL3935" s="53">
        <v>-72626.083333333299</v>
      </c>
      <c r="BM3935" s="53">
        <v>-72626.083333333299</v>
      </c>
      <c r="BN3935" s="53">
        <v>-871512.99999999895</v>
      </c>
      <c r="BO3935" s="53">
        <v>-73847.833333333299</v>
      </c>
      <c r="BP3935" s="53">
        <v>-73847.833333333299</v>
      </c>
      <c r="BQ3935" s="53">
        <v>-73847.833333333299</v>
      </c>
      <c r="BR3935" s="53">
        <v>-73847.833333333299</v>
      </c>
      <c r="BS3935" s="53">
        <v>-73847.833333333299</v>
      </c>
      <c r="BT3935" s="53">
        <v>-73847.833333333299</v>
      </c>
      <c r="BU3935" s="53">
        <v>-73847.833333333299</v>
      </c>
      <c r="BV3935" s="53">
        <v>-73847.833333333299</v>
      </c>
      <c r="BW3935" s="53">
        <v>-73847.833333333299</v>
      </c>
      <c r="BX3935" s="53">
        <v>-73847.833333333299</v>
      </c>
      <c r="BY3935" s="53">
        <v>-73847.833333333299</v>
      </c>
      <c r="BZ3935" s="53">
        <v>-73847.833333333299</v>
      </c>
      <c r="CA3935" s="53">
        <v>-886174</v>
      </c>
      <c r="CB3935" s="53">
        <v>843750</v>
      </c>
      <c r="CC3935" s="53">
        <v>843750</v>
      </c>
      <c r="CD3935" s="53">
        <v>843750</v>
      </c>
      <c r="CE3935" s="53">
        <v>843750</v>
      </c>
      <c r="CF3935" s="53">
        <v>843750</v>
      </c>
      <c r="CG3935" s="53">
        <v>843750</v>
      </c>
      <c r="CH3935" s="53">
        <v>843750</v>
      </c>
      <c r="CI3935" s="53">
        <v>843750</v>
      </c>
      <c r="CJ3935" s="53">
        <v>843750</v>
      </c>
      <c r="CK3935" s="53">
        <v>843750</v>
      </c>
      <c r="CL3935" s="53">
        <v>843750</v>
      </c>
      <c r="CM3935" s="53">
        <v>843750</v>
      </c>
      <c r="CN3935" s="53">
        <v>10125000</v>
      </c>
    </row>
    <row r="3936" spans="1:92" outlineLevel="1">
      <c r="A3936" s="52" t="s">
        <v>1686</v>
      </c>
      <c r="B3936" s="53"/>
      <c r="C3936" s="53"/>
      <c r="D3936" s="53"/>
      <c r="E3936" s="53"/>
      <c r="F3936" s="53"/>
      <c r="G3936" s="53"/>
      <c r="H3936" s="53"/>
      <c r="I3936" s="53"/>
      <c r="J3936" s="53"/>
      <c r="K3936" s="53"/>
      <c r="L3936" s="53"/>
      <c r="M3936" s="53"/>
      <c r="N3936" s="53"/>
      <c r="O3936" s="53"/>
      <c r="P3936" s="53"/>
      <c r="Q3936" s="53"/>
      <c r="R3936" s="53"/>
      <c r="S3936" s="53"/>
      <c r="T3936" s="53"/>
      <c r="U3936" s="53"/>
      <c r="V3936" s="53"/>
      <c r="W3936" s="53"/>
      <c r="X3936" s="53"/>
      <c r="Y3936" s="53"/>
      <c r="Z3936" s="53"/>
      <c r="AA3936" s="53"/>
      <c r="AB3936" s="53"/>
      <c r="AC3936" s="53"/>
      <c r="AD3936" s="53"/>
      <c r="AE3936" s="53"/>
      <c r="AF3936" s="53"/>
      <c r="AG3936" s="53"/>
      <c r="AH3936" s="53"/>
      <c r="AI3936" s="53"/>
      <c r="AJ3936" s="53"/>
      <c r="AK3936" s="53"/>
      <c r="AL3936" s="53"/>
      <c r="AM3936" s="53"/>
      <c r="AN3936" s="53"/>
      <c r="AO3936" s="53"/>
      <c r="AP3936" s="53"/>
      <c r="AQ3936" s="53"/>
      <c r="AR3936" s="53"/>
      <c r="AS3936" s="53"/>
      <c r="AT3936" s="53"/>
      <c r="AU3936" s="53"/>
      <c r="AV3936" s="53"/>
      <c r="AW3936" s="53"/>
      <c r="AX3936" s="53"/>
      <c r="AY3936" s="53"/>
      <c r="AZ3936" s="53"/>
      <c r="BA3936" s="53"/>
      <c r="BB3936" s="53"/>
      <c r="BC3936" s="53"/>
      <c r="BD3936" s="53"/>
      <c r="BE3936" s="53"/>
      <c r="BF3936" s="53"/>
      <c r="BG3936" s="53"/>
      <c r="BH3936" s="53"/>
      <c r="BI3936" s="53"/>
      <c r="BJ3936" s="53"/>
      <c r="BK3936" s="53"/>
      <c r="BL3936" s="53"/>
      <c r="BM3936" s="53"/>
      <c r="BN3936" s="53"/>
      <c r="BO3936" s="53"/>
      <c r="BP3936" s="53"/>
      <c r="BQ3936" s="53"/>
      <c r="BR3936" s="53"/>
      <c r="BS3936" s="53"/>
      <c r="BT3936" s="53"/>
      <c r="BU3936" s="53"/>
      <c r="BV3936" s="53"/>
      <c r="BW3936" s="53"/>
      <c r="BX3936" s="53"/>
      <c r="BY3936" s="53"/>
      <c r="BZ3936" s="53"/>
      <c r="CA3936" s="53"/>
      <c r="CB3936" s="53">
        <v>1106250</v>
      </c>
      <c r="CC3936" s="53">
        <v>1106250</v>
      </c>
      <c r="CD3936" s="53">
        <v>1106250</v>
      </c>
      <c r="CE3936" s="53">
        <v>1106250</v>
      </c>
      <c r="CF3936" s="53">
        <v>1106250</v>
      </c>
      <c r="CG3936" s="53">
        <v>1106250</v>
      </c>
      <c r="CH3936" s="53">
        <v>1106250</v>
      </c>
      <c r="CI3936" s="53">
        <v>1106250</v>
      </c>
      <c r="CJ3936" s="53">
        <v>1106250</v>
      </c>
      <c r="CK3936" s="53">
        <v>1106250</v>
      </c>
      <c r="CL3936" s="53">
        <v>1106250</v>
      </c>
      <c r="CM3936" s="53">
        <v>1106250</v>
      </c>
      <c r="CN3936" s="53">
        <v>13275000</v>
      </c>
    </row>
    <row r="3937" spans="1:92" outlineLevel="1">
      <c r="A3937" s="52" t="s">
        <v>649</v>
      </c>
      <c r="B3937" s="53"/>
      <c r="C3937" s="53"/>
      <c r="D3937" s="53"/>
      <c r="E3937" s="53"/>
      <c r="F3937" s="53"/>
      <c r="G3937" s="53"/>
      <c r="H3937" s="53"/>
      <c r="I3937" s="53"/>
      <c r="J3937" s="53"/>
      <c r="K3937" s="53"/>
      <c r="L3937" s="53"/>
      <c r="M3937" s="53"/>
      <c r="N3937" s="53"/>
      <c r="O3937" s="53">
        <v>-174277.58333333299</v>
      </c>
      <c r="P3937" s="53">
        <v>-174277.58333333299</v>
      </c>
      <c r="Q3937" s="53">
        <v>-174277.58333333299</v>
      </c>
      <c r="R3937" s="53">
        <v>-174277.58333333299</v>
      </c>
      <c r="S3937" s="53">
        <v>-174277.58333333299</v>
      </c>
      <c r="T3937" s="53">
        <v>-174277.58333333299</v>
      </c>
      <c r="U3937" s="53">
        <v>-174277.58333333299</v>
      </c>
      <c r="V3937" s="53">
        <v>-174277.58333333299</v>
      </c>
      <c r="W3937" s="53">
        <v>-174277.58333333299</v>
      </c>
      <c r="X3937" s="53">
        <v>-174277.58333333299</v>
      </c>
      <c r="Y3937" s="53">
        <v>-174277.58333333299</v>
      </c>
      <c r="Z3937" s="53">
        <v>-174277.58333333299</v>
      </c>
      <c r="AA3937" s="53">
        <v>-2091330.99999999</v>
      </c>
      <c r="AB3937" s="53">
        <v>-173444.25</v>
      </c>
      <c r="AC3937" s="53">
        <v>-173444.25</v>
      </c>
      <c r="AD3937" s="53">
        <v>-173444.25</v>
      </c>
      <c r="AE3937" s="53">
        <v>-173444.25</v>
      </c>
      <c r="AF3937" s="53">
        <v>-173444.25</v>
      </c>
      <c r="AG3937" s="53">
        <v>-173444.25</v>
      </c>
      <c r="AH3937" s="53">
        <v>-173444.25</v>
      </c>
      <c r="AI3937" s="53">
        <v>-173444.25</v>
      </c>
      <c r="AJ3937" s="53">
        <v>-173444.25</v>
      </c>
      <c r="AK3937" s="53">
        <v>-173444.25</v>
      </c>
      <c r="AL3937" s="53">
        <v>-173444.25</v>
      </c>
      <c r="AM3937" s="53">
        <v>-173444.25</v>
      </c>
      <c r="AN3937" s="53">
        <v>-2081331</v>
      </c>
      <c r="AO3937" s="53">
        <v>-72615.666666666599</v>
      </c>
      <c r="AP3937" s="53">
        <v>-72615.666666666599</v>
      </c>
      <c r="AQ3937" s="53">
        <v>-72615.666666666599</v>
      </c>
      <c r="AR3937" s="53">
        <v>-72615.666666666599</v>
      </c>
      <c r="AS3937" s="53">
        <v>-72615.666666666599</v>
      </c>
      <c r="AT3937" s="53">
        <v>-72615.666666666599</v>
      </c>
      <c r="AU3937" s="53">
        <v>-72615.666666666599</v>
      </c>
      <c r="AV3937" s="53">
        <v>-72615.666666666599</v>
      </c>
      <c r="AW3937" s="53">
        <v>-72615.666666666599</v>
      </c>
      <c r="AX3937" s="53">
        <v>-72615.666666666599</v>
      </c>
      <c r="AY3937" s="53">
        <v>-72615.666666666599</v>
      </c>
      <c r="AZ3937" s="53">
        <v>-72615.666666666599</v>
      </c>
      <c r="BA3937" s="53">
        <v>-871388</v>
      </c>
      <c r="BB3937" s="53"/>
      <c r="BC3937" s="53"/>
      <c r="BD3937" s="53"/>
      <c r="BE3937" s="53"/>
      <c r="BF3937" s="53"/>
      <c r="BG3937" s="53"/>
      <c r="BH3937" s="53"/>
      <c r="BI3937" s="53"/>
      <c r="BJ3937" s="53"/>
      <c r="BK3937" s="53"/>
      <c r="BL3937" s="53"/>
      <c r="BM3937" s="53"/>
      <c r="BN3937" s="53"/>
      <c r="BO3937" s="53"/>
      <c r="BP3937" s="53"/>
      <c r="BQ3937" s="53"/>
      <c r="BR3937" s="53"/>
      <c r="BS3937" s="53"/>
      <c r="BT3937" s="53"/>
      <c r="BU3937" s="53"/>
      <c r="BV3937" s="53"/>
      <c r="BW3937" s="53"/>
      <c r="BX3937" s="53"/>
      <c r="BY3937" s="53"/>
      <c r="BZ3937" s="53"/>
      <c r="CA3937" s="53"/>
      <c r="CB3937" s="53">
        <v>2645833.3333333302</v>
      </c>
      <c r="CC3937" s="53">
        <v>2645833.3333333302</v>
      </c>
      <c r="CD3937" s="53">
        <v>2645833.3333333302</v>
      </c>
      <c r="CE3937" s="53">
        <v>2645833.3333333302</v>
      </c>
      <c r="CF3937" s="53">
        <v>2645833.3333333302</v>
      </c>
      <c r="CG3937" s="53">
        <v>2645833.3333333302</v>
      </c>
      <c r="CH3937" s="53">
        <v>2645833.3333333302</v>
      </c>
      <c r="CI3937" s="53">
        <v>2645833.3333333302</v>
      </c>
      <c r="CJ3937" s="53">
        <v>2645833.3333333302</v>
      </c>
      <c r="CK3937" s="53">
        <v>2645833.3333333302</v>
      </c>
      <c r="CL3937" s="53">
        <v>2645833.3333333302</v>
      </c>
      <c r="CM3937" s="53">
        <v>2645833.3333333302</v>
      </c>
      <c r="CN3937" s="53">
        <v>31749999.999999899</v>
      </c>
    </row>
    <row r="3938" spans="1:92" outlineLevel="1">
      <c r="A3938" s="52" t="s">
        <v>1698</v>
      </c>
      <c r="B3938" s="53"/>
      <c r="C3938" s="53"/>
      <c r="D3938" s="53"/>
      <c r="E3938" s="53"/>
      <c r="F3938" s="53"/>
      <c r="G3938" s="53"/>
      <c r="H3938" s="53"/>
      <c r="I3938" s="53"/>
      <c r="J3938" s="53"/>
      <c r="K3938" s="53"/>
      <c r="L3938" s="53"/>
      <c r="M3938" s="53"/>
      <c r="N3938" s="53"/>
      <c r="O3938" s="53"/>
      <c r="P3938" s="53"/>
      <c r="Q3938" s="53"/>
      <c r="R3938" s="53"/>
      <c r="S3938" s="53"/>
      <c r="T3938" s="53"/>
      <c r="U3938" s="53"/>
      <c r="V3938" s="53"/>
      <c r="W3938" s="53"/>
      <c r="X3938" s="53"/>
      <c r="Y3938" s="53"/>
      <c r="Z3938" s="53"/>
      <c r="AA3938" s="53"/>
      <c r="AB3938" s="53"/>
      <c r="AC3938" s="53"/>
      <c r="AD3938" s="53"/>
      <c r="AE3938" s="53"/>
      <c r="AF3938" s="53"/>
      <c r="AG3938" s="53"/>
      <c r="AH3938" s="53"/>
      <c r="AI3938" s="53"/>
      <c r="AJ3938" s="53"/>
      <c r="AK3938" s="53"/>
      <c r="AL3938" s="53"/>
      <c r="AM3938" s="53"/>
      <c r="AN3938" s="53"/>
      <c r="AO3938" s="53"/>
      <c r="AP3938" s="53"/>
      <c r="AQ3938" s="53"/>
      <c r="AR3938" s="53"/>
      <c r="AS3938" s="53"/>
      <c r="AT3938" s="53"/>
      <c r="AU3938" s="53"/>
      <c r="AV3938" s="53"/>
      <c r="AW3938" s="53"/>
      <c r="AX3938" s="53"/>
      <c r="AY3938" s="53"/>
      <c r="AZ3938" s="53"/>
      <c r="BA3938" s="53"/>
      <c r="BB3938" s="53"/>
      <c r="BC3938" s="53"/>
      <c r="BD3938" s="53"/>
      <c r="BE3938" s="53"/>
      <c r="BF3938" s="53"/>
      <c r="BG3938" s="53"/>
      <c r="BH3938" s="53"/>
      <c r="BI3938" s="53"/>
      <c r="BJ3938" s="53"/>
      <c r="BK3938" s="53"/>
      <c r="BL3938" s="53"/>
      <c r="BM3938" s="53"/>
      <c r="BN3938" s="53"/>
      <c r="BO3938" s="53"/>
      <c r="BP3938" s="53"/>
      <c r="BQ3938" s="53"/>
      <c r="BR3938" s="53"/>
      <c r="BS3938" s="53"/>
      <c r="BT3938" s="53"/>
      <c r="BU3938" s="53"/>
      <c r="BV3938" s="53"/>
      <c r="BW3938" s="53"/>
      <c r="BX3938" s="53"/>
      <c r="BY3938" s="53"/>
      <c r="BZ3938" s="53"/>
      <c r="CA3938" s="53"/>
      <c r="CB3938" s="53"/>
      <c r="CC3938" s="53"/>
      <c r="CD3938" s="53"/>
      <c r="CE3938" s="53"/>
      <c r="CF3938" s="53"/>
      <c r="CG3938" s="53"/>
      <c r="CH3938" s="53"/>
      <c r="CI3938" s="53"/>
      <c r="CJ3938" s="53"/>
      <c r="CK3938" s="53"/>
      <c r="CL3938" s="53"/>
      <c r="CM3938" s="53"/>
      <c r="CN3938" s="53"/>
    </row>
    <row r="3939" spans="1:92" outlineLevel="1">
      <c r="A3939" s="52" t="s">
        <v>649</v>
      </c>
      <c r="B3939" s="53"/>
      <c r="C3939" s="53"/>
      <c r="D3939" s="53">
        <v>-120853</v>
      </c>
      <c r="E3939" s="53"/>
      <c r="F3939" s="53"/>
      <c r="G3939" s="53">
        <v>-99795</v>
      </c>
      <c r="H3939" s="53"/>
      <c r="I3939" s="53"/>
      <c r="J3939" s="53">
        <v>-110323.25</v>
      </c>
      <c r="K3939" s="53"/>
      <c r="L3939" s="53">
        <v>-73548.75</v>
      </c>
      <c r="M3939" s="53">
        <v>-441295</v>
      </c>
      <c r="N3939" s="53">
        <v>-845815</v>
      </c>
      <c r="O3939" s="53">
        <v>-36774.583333333299</v>
      </c>
      <c r="P3939" s="53">
        <v>-36774.583333333299</v>
      </c>
      <c r="Q3939" s="53">
        <v>-36774.583333333299</v>
      </c>
      <c r="R3939" s="53">
        <v>-36774.583333333299</v>
      </c>
      <c r="S3939" s="53">
        <v>-36774.583333333299</v>
      </c>
      <c r="T3939" s="53">
        <v>-36774.583333333299</v>
      </c>
      <c r="U3939" s="53">
        <v>-36774.583333333299</v>
      </c>
      <c r="V3939" s="53">
        <v>-36774.583333333299</v>
      </c>
      <c r="W3939" s="53">
        <v>-36774.583333333299</v>
      </c>
      <c r="X3939" s="53">
        <v>-36774.583333333299</v>
      </c>
      <c r="Y3939" s="53">
        <v>-36774.583333333299</v>
      </c>
      <c r="Z3939" s="53">
        <v>-36774.583333333299</v>
      </c>
      <c r="AA3939" s="53">
        <v>-441295</v>
      </c>
      <c r="AB3939" s="53">
        <v>-46237.076388888898</v>
      </c>
      <c r="AC3939" s="53">
        <v>-46237.076388888898</v>
      </c>
      <c r="AD3939" s="53">
        <v>-46237.076388888898</v>
      </c>
      <c r="AE3939" s="53">
        <v>-46237.076388888898</v>
      </c>
      <c r="AF3939" s="53">
        <v>-46237.076388888898</v>
      </c>
      <c r="AG3939" s="53">
        <v>-46237.076388888898</v>
      </c>
      <c r="AH3939" s="53">
        <v>-46237.076388888898</v>
      </c>
      <c r="AI3939" s="53">
        <v>-46237.076388888898</v>
      </c>
      <c r="AJ3939" s="53">
        <v>-46237.076388888898</v>
      </c>
      <c r="AK3939" s="53">
        <v>-46237.076388888898</v>
      </c>
      <c r="AL3939" s="53">
        <v>-46237.076388888898</v>
      </c>
      <c r="AM3939" s="53">
        <v>-46237.076388888898</v>
      </c>
      <c r="AN3939" s="53">
        <v>-554844.91666666698</v>
      </c>
      <c r="AO3939" s="53">
        <v>-102812.27430555499</v>
      </c>
      <c r="AP3939" s="53">
        <v>-102812.27430555499</v>
      </c>
      <c r="AQ3939" s="53">
        <v>-102812.27430555499</v>
      </c>
      <c r="AR3939" s="53">
        <v>-102812.27430555499</v>
      </c>
      <c r="AS3939" s="53">
        <v>-102812.27430555499</v>
      </c>
      <c r="AT3939" s="53">
        <v>-102812.27430555499</v>
      </c>
      <c r="AU3939" s="53">
        <v>-102812.27430555499</v>
      </c>
      <c r="AV3939" s="53">
        <v>-102812.27430555499</v>
      </c>
      <c r="AW3939" s="53">
        <v>-102812.27430555499</v>
      </c>
      <c r="AX3939" s="53">
        <v>-102812.27430555499</v>
      </c>
      <c r="AY3939" s="53">
        <v>-102812.27430555499</v>
      </c>
      <c r="AZ3939" s="53">
        <v>-102812.27430555499</v>
      </c>
      <c r="BA3939" s="53">
        <v>-1233747.29166666</v>
      </c>
      <c r="BB3939" s="53">
        <v>-154488.67840301999</v>
      </c>
      <c r="BC3939" s="53">
        <v>-154488.67840301999</v>
      </c>
      <c r="BD3939" s="53">
        <v>-154488.67840301999</v>
      </c>
      <c r="BE3939" s="53">
        <v>-154488.67840301999</v>
      </c>
      <c r="BF3939" s="53">
        <v>-154488.67840301999</v>
      </c>
      <c r="BG3939" s="53">
        <v>-154488.67840301999</v>
      </c>
      <c r="BH3939" s="53">
        <v>-154488.67840301999</v>
      </c>
      <c r="BI3939" s="53">
        <v>-154488.67840301999</v>
      </c>
      <c r="BJ3939" s="53">
        <v>-154488.67840301999</v>
      </c>
      <c r="BK3939" s="53">
        <v>-154488.67840301999</v>
      </c>
      <c r="BL3939" s="53">
        <v>-154488.67840301999</v>
      </c>
      <c r="BM3939" s="53">
        <v>-154488.67840301999</v>
      </c>
      <c r="BN3939" s="53">
        <v>-1853864.14083625</v>
      </c>
      <c r="BO3939" s="53">
        <v>-269788.079970463</v>
      </c>
      <c r="BP3939" s="53">
        <v>-269788.079970463</v>
      </c>
      <c r="BQ3939" s="53">
        <v>-269788.079970463</v>
      </c>
      <c r="BR3939" s="53">
        <v>-269788.079970463</v>
      </c>
      <c r="BS3939" s="53">
        <v>-269788.079970463</v>
      </c>
      <c r="BT3939" s="53">
        <v>-269788.079970463</v>
      </c>
      <c r="BU3939" s="53">
        <v>-269788.079970463</v>
      </c>
      <c r="BV3939" s="53">
        <v>-269788.079970463</v>
      </c>
      <c r="BW3939" s="53">
        <v>-269788.079970463</v>
      </c>
      <c r="BX3939" s="53">
        <v>-269788.079970463</v>
      </c>
      <c r="BY3939" s="53">
        <v>-269788.079970463</v>
      </c>
      <c r="BZ3939" s="53">
        <v>-269788.079970463</v>
      </c>
      <c r="CA3939" s="53">
        <v>-3237456.95964556</v>
      </c>
      <c r="CB3939" s="53"/>
      <c r="CC3939" s="53"/>
      <c r="CD3939" s="53"/>
      <c r="CE3939" s="53"/>
      <c r="CF3939" s="53"/>
      <c r="CG3939" s="53"/>
      <c r="CH3939" s="53"/>
      <c r="CI3939" s="53"/>
      <c r="CJ3939" s="53"/>
      <c r="CK3939" s="53"/>
      <c r="CL3939" s="53"/>
      <c r="CM3939" s="53"/>
      <c r="CN3939" s="53"/>
    </row>
    <row r="3940" spans="1:92" outlineLevel="1">
      <c r="A3940" s="52" t="s">
        <v>703</v>
      </c>
      <c r="B3940" s="53"/>
      <c r="C3940" s="53"/>
      <c r="D3940" s="53"/>
      <c r="E3940" s="53"/>
      <c r="F3940" s="53"/>
      <c r="G3940" s="53"/>
      <c r="H3940" s="53"/>
      <c r="I3940" s="53"/>
      <c r="J3940" s="53"/>
      <c r="K3940" s="53"/>
      <c r="L3940" s="53"/>
      <c r="M3940" s="53"/>
      <c r="N3940" s="53"/>
      <c r="O3940" s="53"/>
      <c r="P3940" s="53"/>
      <c r="Q3940" s="53"/>
      <c r="R3940" s="53"/>
      <c r="S3940" s="53"/>
      <c r="T3940" s="53"/>
      <c r="U3940" s="53"/>
      <c r="V3940" s="53"/>
      <c r="W3940" s="53"/>
      <c r="X3940" s="53"/>
      <c r="Y3940" s="53"/>
      <c r="Z3940" s="53"/>
      <c r="AA3940" s="53"/>
      <c r="AB3940" s="53"/>
      <c r="AC3940" s="53"/>
      <c r="AD3940" s="53"/>
      <c r="AE3940" s="53"/>
      <c r="AF3940" s="53"/>
      <c r="AG3940" s="53"/>
      <c r="AH3940" s="53"/>
      <c r="AI3940" s="53"/>
      <c r="AJ3940" s="53"/>
      <c r="AK3940" s="53"/>
      <c r="AL3940" s="53"/>
      <c r="AM3940" s="53"/>
      <c r="AN3940" s="53"/>
      <c r="AO3940" s="53"/>
      <c r="AP3940" s="53"/>
      <c r="AQ3940" s="53"/>
      <c r="AR3940" s="53"/>
      <c r="AS3940" s="53"/>
      <c r="AT3940" s="53"/>
      <c r="AU3940" s="53"/>
      <c r="AV3940" s="53"/>
      <c r="AW3940" s="53"/>
      <c r="AX3940" s="53"/>
      <c r="AY3940" s="53"/>
      <c r="AZ3940" s="53"/>
      <c r="BA3940" s="53"/>
      <c r="BB3940" s="53"/>
      <c r="BC3940" s="53"/>
      <c r="BD3940" s="53"/>
      <c r="BE3940" s="53"/>
      <c r="BF3940" s="53"/>
      <c r="BG3940" s="53"/>
      <c r="BH3940" s="53"/>
      <c r="BI3940" s="53"/>
      <c r="BJ3940" s="53"/>
      <c r="BK3940" s="53"/>
      <c r="BL3940" s="53"/>
      <c r="BM3940" s="53"/>
      <c r="BN3940" s="53"/>
      <c r="BO3940" s="53"/>
      <c r="BP3940" s="53"/>
      <c r="BQ3940" s="53"/>
      <c r="BR3940" s="53"/>
      <c r="BS3940" s="53"/>
      <c r="BT3940" s="53"/>
      <c r="BU3940" s="53"/>
      <c r="BV3940" s="53"/>
      <c r="BW3940" s="53"/>
      <c r="BX3940" s="53"/>
      <c r="BY3940" s="53"/>
      <c r="BZ3940" s="53"/>
      <c r="CA3940" s="53"/>
      <c r="CB3940" s="53">
        <v>5333333.3333333302</v>
      </c>
      <c r="CC3940" s="53">
        <v>5333333.3333333302</v>
      </c>
      <c r="CD3940" s="53">
        <v>5333333.3333333302</v>
      </c>
      <c r="CE3940" s="53">
        <v>5333333.3333333302</v>
      </c>
      <c r="CF3940" s="53">
        <v>5333333.3333333302</v>
      </c>
      <c r="CG3940" s="53">
        <v>5333333.3333333302</v>
      </c>
      <c r="CH3940" s="53">
        <v>5333333.3333333302</v>
      </c>
      <c r="CI3940" s="53">
        <v>5333333.3333333302</v>
      </c>
      <c r="CJ3940" s="53">
        <v>5333333.3333333302</v>
      </c>
      <c r="CK3940" s="53">
        <v>5333333.3333333302</v>
      </c>
      <c r="CL3940" s="53">
        <v>5333333.3333333302</v>
      </c>
      <c r="CM3940" s="53">
        <v>5333333.3333333302</v>
      </c>
      <c r="CN3940" s="53">
        <v>64000000</v>
      </c>
    </row>
    <row r="3941" spans="1:92" outlineLevel="1">
      <c r="A3941" s="52" t="s">
        <v>704</v>
      </c>
      <c r="B3941" s="53"/>
      <c r="C3941" s="53"/>
      <c r="D3941" s="53"/>
      <c r="E3941" s="53"/>
      <c r="F3941" s="53"/>
      <c r="G3941" s="53"/>
      <c r="H3941" s="53"/>
      <c r="I3941" s="53"/>
      <c r="J3941" s="53"/>
      <c r="K3941" s="53"/>
      <c r="L3941" s="53"/>
      <c r="M3941" s="53"/>
      <c r="N3941" s="53"/>
      <c r="O3941" s="53"/>
      <c r="P3941" s="53"/>
      <c r="Q3941" s="53"/>
      <c r="R3941" s="53"/>
      <c r="S3941" s="53"/>
      <c r="T3941" s="53"/>
      <c r="U3941" s="53"/>
      <c r="V3941" s="53"/>
      <c r="W3941" s="53"/>
      <c r="X3941" s="53"/>
      <c r="Y3941" s="53"/>
      <c r="Z3941" s="53"/>
      <c r="AA3941" s="53"/>
      <c r="AB3941" s="53"/>
      <c r="AC3941" s="53"/>
      <c r="AD3941" s="53"/>
      <c r="AE3941" s="53"/>
      <c r="AF3941" s="53"/>
      <c r="AG3941" s="53"/>
      <c r="AH3941" s="53"/>
      <c r="AI3941" s="53"/>
      <c r="AJ3941" s="53"/>
      <c r="AK3941" s="53"/>
      <c r="AL3941" s="53"/>
      <c r="AM3941" s="53"/>
      <c r="AN3941" s="53"/>
      <c r="AO3941" s="53"/>
      <c r="AP3941" s="53"/>
      <c r="AQ3941" s="53"/>
      <c r="AR3941" s="53"/>
      <c r="AS3941" s="53"/>
      <c r="AT3941" s="53"/>
      <c r="AU3941" s="53"/>
      <c r="AV3941" s="53"/>
      <c r="AW3941" s="53"/>
      <c r="AX3941" s="53"/>
      <c r="AY3941" s="53"/>
      <c r="AZ3941" s="53"/>
      <c r="BA3941" s="53"/>
      <c r="BB3941" s="53"/>
      <c r="BC3941" s="53"/>
      <c r="BD3941" s="53"/>
      <c r="BE3941" s="53"/>
      <c r="BF3941" s="53"/>
      <c r="BG3941" s="53"/>
      <c r="BH3941" s="53"/>
      <c r="BI3941" s="53"/>
      <c r="BJ3941" s="53"/>
      <c r="BK3941" s="53"/>
      <c r="BL3941" s="53"/>
      <c r="BM3941" s="53"/>
      <c r="BN3941" s="53"/>
      <c r="BO3941" s="53"/>
      <c r="BP3941" s="53"/>
      <c r="BQ3941" s="53"/>
      <c r="BR3941" s="53"/>
      <c r="BS3941" s="53"/>
      <c r="BT3941" s="53"/>
      <c r="BU3941" s="53"/>
      <c r="BV3941" s="53"/>
      <c r="BW3941" s="53"/>
      <c r="BX3941" s="53"/>
      <c r="BY3941" s="53"/>
      <c r="BZ3941" s="53"/>
      <c r="CA3941" s="53"/>
      <c r="CB3941" s="53">
        <v>1647916.66666666</v>
      </c>
      <c r="CC3941" s="53">
        <v>1647916.66666666</v>
      </c>
      <c r="CD3941" s="53">
        <v>1647916.66666666</v>
      </c>
      <c r="CE3941" s="53">
        <v>1647916.66666666</v>
      </c>
      <c r="CF3941" s="53">
        <v>1647916.66666666</v>
      </c>
      <c r="CG3941" s="53">
        <v>1647916.66666666</v>
      </c>
      <c r="CH3941" s="53">
        <v>1647916.66666666</v>
      </c>
      <c r="CI3941" s="53">
        <v>1647916.66666666</v>
      </c>
      <c r="CJ3941" s="53">
        <v>1647916.66666666</v>
      </c>
      <c r="CK3941" s="53">
        <v>1647916.66666666</v>
      </c>
      <c r="CL3941" s="53">
        <v>1647916.66666666</v>
      </c>
      <c r="CM3941" s="53">
        <v>1647916.66666666</v>
      </c>
      <c r="CN3941" s="53">
        <v>19775000</v>
      </c>
    </row>
    <row r="3942" spans="1:92" outlineLevel="1">
      <c r="A3942" s="52" t="s">
        <v>705</v>
      </c>
      <c r="B3942" s="53"/>
      <c r="C3942" s="53"/>
      <c r="D3942" s="53"/>
      <c r="E3942" s="53"/>
      <c r="F3942" s="53"/>
      <c r="G3942" s="53"/>
      <c r="H3942" s="53"/>
      <c r="I3942" s="53"/>
      <c r="J3942" s="53"/>
      <c r="K3942" s="53"/>
      <c r="L3942" s="53"/>
      <c r="M3942" s="53"/>
      <c r="N3942" s="53"/>
      <c r="O3942" s="53">
        <v>9510532.8059798405</v>
      </c>
      <c r="P3942" s="53">
        <v>-670231.59342291602</v>
      </c>
      <c r="Q3942" s="53">
        <v>2478580.8552076598</v>
      </c>
      <c r="R3942" s="53">
        <v>3904179.1005039099</v>
      </c>
      <c r="S3942" s="53">
        <v>6973414.77078686</v>
      </c>
      <c r="T3942" s="53">
        <v>11572278.626041301</v>
      </c>
      <c r="U3942" s="53">
        <v>8631475.3667259701</v>
      </c>
      <c r="V3942" s="53">
        <v>16549619.2900973</v>
      </c>
      <c r="W3942" s="53">
        <v>9712846.4469570909</v>
      </c>
      <c r="X3942" s="53">
        <v>5129654.2762903199</v>
      </c>
      <c r="Y3942" s="53">
        <v>705246.35166825796</v>
      </c>
      <c r="Z3942" s="53">
        <v>9965946.9650995601</v>
      </c>
      <c r="AA3942" s="53">
        <v>84463543.261935204</v>
      </c>
      <c r="AB3942" s="53">
        <v>11803200.673573799</v>
      </c>
      <c r="AC3942" s="53">
        <v>1946738.17651845</v>
      </c>
      <c r="AD3942" s="53">
        <v>3007483.3982456001</v>
      </c>
      <c r="AE3942" s="53">
        <v>2217179.8584209098</v>
      </c>
      <c r="AF3942" s="53">
        <v>5225289.0703266095</v>
      </c>
      <c r="AG3942" s="53">
        <v>8503353.1486209594</v>
      </c>
      <c r="AH3942" s="53">
        <v>7800716.2865702901</v>
      </c>
      <c r="AI3942" s="53">
        <v>15246467.259838801</v>
      </c>
      <c r="AJ3942" s="53">
        <v>7418305.9184093196</v>
      </c>
      <c r="AK3942" s="53">
        <v>3625770.2184643298</v>
      </c>
      <c r="AL3942" s="53">
        <v>-394167.60502965801</v>
      </c>
      <c r="AM3942" s="53">
        <v>7796826.84332499</v>
      </c>
      <c r="AN3942" s="53">
        <v>74197163.247284502</v>
      </c>
      <c r="AO3942" s="53">
        <v>6293279.4317911603</v>
      </c>
      <c r="AP3942" s="53">
        <v>-2772386.04620456</v>
      </c>
      <c r="AQ3942" s="53">
        <v>-2993249.7820883798</v>
      </c>
      <c r="AR3942" s="53">
        <v>-976795.56876528403</v>
      </c>
      <c r="AS3942" s="53">
        <v>1724199.8677926401</v>
      </c>
      <c r="AT3942" s="53">
        <v>3148785.5900538098</v>
      </c>
      <c r="AU3942" s="53">
        <v>3830414.4534315201</v>
      </c>
      <c r="AV3942" s="53">
        <v>10312641.555946101</v>
      </c>
      <c r="AW3942" s="53">
        <v>2347798.9961150601</v>
      </c>
      <c r="AX3942" s="53">
        <v>315229.55412634899</v>
      </c>
      <c r="AY3942" s="53">
        <v>-3410002.0636559501</v>
      </c>
      <c r="AZ3942" s="53">
        <v>2904935.9231670899</v>
      </c>
      <c r="BA3942" s="53">
        <v>20724851.911709599</v>
      </c>
      <c r="BB3942" s="53">
        <v>6028590.8329194002</v>
      </c>
      <c r="BC3942" s="53">
        <v>-3161605.6044983198</v>
      </c>
      <c r="BD3942" s="53">
        <v>-3311292.0353210601</v>
      </c>
      <c r="BE3942" s="53">
        <v>-1260436.6332632101</v>
      </c>
      <c r="BF3942" s="53">
        <v>1482981.0429688401</v>
      </c>
      <c r="BG3942" s="53">
        <v>3038876.1075416999</v>
      </c>
      <c r="BH3942" s="53">
        <v>3677435.1816783799</v>
      </c>
      <c r="BI3942" s="53">
        <v>10119907.1882405</v>
      </c>
      <c r="BJ3942" s="53">
        <v>2041932.67417435</v>
      </c>
      <c r="BK3942" s="53">
        <v>-109773.579112525</v>
      </c>
      <c r="BL3942" s="53">
        <v>-3986075.0848877099</v>
      </c>
      <c r="BM3942" s="53">
        <v>2568474.2815444502</v>
      </c>
      <c r="BN3942" s="53">
        <v>17129014.371984798</v>
      </c>
      <c r="BO3942" s="53">
        <v>5649672.0031035403</v>
      </c>
      <c r="BP3942" s="53">
        <v>-3367635.5821297602</v>
      </c>
      <c r="BQ3942" s="53">
        <v>-3669483.96550499</v>
      </c>
      <c r="BR3942" s="53">
        <v>-1594516.85888024</v>
      </c>
      <c r="BS3942" s="53">
        <v>1461061.63089643</v>
      </c>
      <c r="BT3942" s="53">
        <v>2949246.6648725602</v>
      </c>
      <c r="BU3942" s="53">
        <v>3658018.5179344001</v>
      </c>
      <c r="BV3942" s="53">
        <v>10131624.712721501</v>
      </c>
      <c r="BW3942" s="53">
        <v>2049780.9060994601</v>
      </c>
      <c r="BX3942" s="53">
        <v>-124090.990743462</v>
      </c>
      <c r="BY3942" s="53">
        <v>-3747435.3131864099</v>
      </c>
      <c r="BZ3942" s="53">
        <v>-3694692.5729879802</v>
      </c>
      <c r="CA3942" s="53">
        <v>9701549.1521950606</v>
      </c>
      <c r="CB3942" s="53">
        <v>1283333.33333333</v>
      </c>
      <c r="CC3942" s="53">
        <v>1283333.33333333</v>
      </c>
      <c r="CD3942" s="53">
        <v>1283333.33333333</v>
      </c>
      <c r="CE3942" s="53">
        <v>1283333.33333333</v>
      </c>
      <c r="CF3942" s="53">
        <v>1283333.33333333</v>
      </c>
      <c r="CG3942" s="53">
        <v>1283333.33333333</v>
      </c>
      <c r="CH3942" s="53">
        <v>1283333.33333333</v>
      </c>
      <c r="CI3942" s="53">
        <v>1283333.33333333</v>
      </c>
      <c r="CJ3942" s="53">
        <v>1283333.33333333</v>
      </c>
      <c r="CK3942" s="53">
        <v>1283333.33333333</v>
      </c>
      <c r="CL3942" s="53">
        <v>1283333.33333333</v>
      </c>
      <c r="CM3942" s="53">
        <v>1283333.33333333</v>
      </c>
      <c r="CN3942" s="53">
        <v>15400000</v>
      </c>
    </row>
    <row r="3943" spans="1:92" outlineLevel="1">
      <c r="A3943" s="52" t="s">
        <v>706</v>
      </c>
      <c r="B3943" s="53"/>
      <c r="C3943" s="53"/>
      <c r="D3943" s="53"/>
      <c r="E3943" s="53"/>
      <c r="F3943" s="53"/>
      <c r="G3943" s="53"/>
      <c r="H3943" s="53"/>
      <c r="I3943" s="53"/>
      <c r="J3943" s="53"/>
      <c r="K3943" s="53"/>
      <c r="L3943" s="53"/>
      <c r="M3943" s="53"/>
      <c r="N3943" s="53"/>
      <c r="O3943" s="53"/>
      <c r="P3943" s="53"/>
      <c r="Q3943" s="53"/>
      <c r="R3943" s="53"/>
      <c r="S3943" s="53"/>
      <c r="T3943" s="53"/>
      <c r="U3943" s="53"/>
      <c r="V3943" s="53"/>
      <c r="W3943" s="53"/>
      <c r="X3943" s="53"/>
      <c r="Y3943" s="53"/>
      <c r="Z3943" s="53"/>
      <c r="AA3943" s="53"/>
      <c r="AB3943" s="53"/>
      <c r="AC3943" s="53"/>
      <c r="AD3943" s="53"/>
      <c r="AE3943" s="53"/>
      <c r="AF3943" s="53"/>
      <c r="AG3943" s="53"/>
      <c r="AH3943" s="53"/>
      <c r="AI3943" s="53"/>
      <c r="AJ3943" s="53"/>
      <c r="AK3943" s="53"/>
      <c r="AL3943" s="53"/>
      <c r="AM3943" s="53"/>
      <c r="AN3943" s="53"/>
      <c r="AO3943" s="53"/>
      <c r="AP3943" s="53"/>
      <c r="AQ3943" s="53"/>
      <c r="AR3943" s="53"/>
      <c r="AS3943" s="53"/>
      <c r="AT3943" s="53"/>
      <c r="AU3943" s="53"/>
      <c r="AV3943" s="53"/>
      <c r="AW3943" s="53"/>
      <c r="AX3943" s="53"/>
      <c r="AY3943" s="53"/>
      <c r="AZ3943" s="53"/>
      <c r="BA3943" s="53"/>
      <c r="BB3943" s="53"/>
      <c r="BC3943" s="53"/>
      <c r="BD3943" s="53"/>
      <c r="BE3943" s="53"/>
      <c r="BF3943" s="53"/>
      <c r="BG3943" s="53"/>
      <c r="BH3943" s="53"/>
      <c r="BI3943" s="53"/>
      <c r="BJ3943" s="53"/>
      <c r="BK3943" s="53"/>
      <c r="BL3943" s="53"/>
      <c r="BM3943" s="53"/>
      <c r="BN3943" s="53"/>
      <c r="BO3943" s="53"/>
      <c r="BP3943" s="53"/>
      <c r="BQ3943" s="53"/>
      <c r="BR3943" s="53"/>
      <c r="BS3943" s="53"/>
      <c r="BT3943" s="53"/>
      <c r="BU3943" s="53"/>
      <c r="BV3943" s="53"/>
      <c r="BW3943" s="53"/>
      <c r="BX3943" s="53"/>
      <c r="BY3943" s="53"/>
      <c r="BZ3943" s="53"/>
      <c r="CA3943" s="53"/>
      <c r="CB3943" s="53">
        <v>489583.33333333302</v>
      </c>
      <c r="CC3943" s="53">
        <v>489583.33333333302</v>
      </c>
      <c r="CD3943" s="53">
        <v>489583.33333333302</v>
      </c>
      <c r="CE3943" s="53">
        <v>489583.33333333302</v>
      </c>
      <c r="CF3943" s="53">
        <v>489583.33333333302</v>
      </c>
      <c r="CG3943" s="53">
        <v>489583.33333333302</v>
      </c>
      <c r="CH3943" s="53">
        <v>489583.33333333302</v>
      </c>
      <c r="CI3943" s="53">
        <v>489583.33333333302</v>
      </c>
      <c r="CJ3943" s="53">
        <v>489583.33333333302</v>
      </c>
      <c r="CK3943" s="53">
        <v>489583.33333333302</v>
      </c>
      <c r="CL3943" s="53">
        <v>489583.33333333302</v>
      </c>
      <c r="CM3943" s="53">
        <v>489583.33333333302</v>
      </c>
      <c r="CN3943" s="53">
        <v>5874999.9999999898</v>
      </c>
    </row>
    <row r="3944" spans="1:92" outlineLevel="1">
      <c r="A3944" s="52" t="s">
        <v>705</v>
      </c>
      <c r="B3944" s="53"/>
      <c r="C3944" s="53"/>
      <c r="D3944" s="53"/>
      <c r="E3944" s="53"/>
      <c r="F3944" s="53"/>
      <c r="G3944" s="53"/>
      <c r="H3944" s="53"/>
      <c r="I3944" s="53"/>
      <c r="J3944" s="53"/>
      <c r="K3944" s="53"/>
      <c r="L3944" s="53"/>
      <c r="M3944" s="53"/>
      <c r="N3944" s="53"/>
      <c r="O3944" s="53">
        <v>-885293.06761143403</v>
      </c>
      <c r="P3944" s="53">
        <v>4325569.5228614202</v>
      </c>
      <c r="Q3944" s="53">
        <v>1636657.6202555699</v>
      </c>
      <c r="R3944" s="53">
        <v>-975678.90706958994</v>
      </c>
      <c r="S3944" s="53">
        <v>-1980246.1526586099</v>
      </c>
      <c r="T3944" s="53">
        <v>-4003040.0909539098</v>
      </c>
      <c r="U3944" s="53">
        <v>-2162749.4752679202</v>
      </c>
      <c r="V3944" s="53">
        <v>-6551139.78723149</v>
      </c>
      <c r="W3944" s="53">
        <v>-2802217.6677378798</v>
      </c>
      <c r="X3944" s="53">
        <v>-1148193.0601220501</v>
      </c>
      <c r="Y3944" s="53">
        <v>1094413.80686448</v>
      </c>
      <c r="Z3944" s="53">
        <v>-5047068.81427396</v>
      </c>
      <c r="AA3944" s="53">
        <v>-18498986.072945401</v>
      </c>
      <c r="AB3944" s="53">
        <v>-3263588.0919577</v>
      </c>
      <c r="AC3944" s="53">
        <v>1403247.5537707401</v>
      </c>
      <c r="AD3944" s="53">
        <v>-301507.82879013498</v>
      </c>
      <c r="AE3944" s="53">
        <v>986216.48674868105</v>
      </c>
      <c r="AF3944" s="53">
        <v>100226.71611066999</v>
      </c>
      <c r="AG3944" s="53">
        <v>-1175262.49534485</v>
      </c>
      <c r="AH3944" s="53">
        <v>-573566.76380333398</v>
      </c>
      <c r="AI3944" s="53">
        <v>-4411143.3438784303</v>
      </c>
      <c r="AJ3944" s="53">
        <v>-916207.91777658905</v>
      </c>
      <c r="AK3944" s="53">
        <v>1013617.74349106</v>
      </c>
      <c r="AL3944" s="53">
        <v>2701884.0785181499</v>
      </c>
      <c r="AM3944" s="53">
        <v>-3199847.5124201099</v>
      </c>
      <c r="AN3944" s="53">
        <v>-7635931.3753318498</v>
      </c>
      <c r="AO3944" s="53">
        <v>1847039.4813578001</v>
      </c>
      <c r="AP3944" s="53">
        <v>5339196.1116688997</v>
      </c>
      <c r="AQ3944" s="53">
        <v>4792021.74488331</v>
      </c>
      <c r="AR3944" s="53">
        <v>3741978.2108753002</v>
      </c>
      <c r="AS3944" s="53">
        <v>3116465.1135932598</v>
      </c>
      <c r="AT3944" s="53">
        <v>2901764.3696586001</v>
      </c>
      <c r="AU3944" s="53">
        <v>2940632.8841498601</v>
      </c>
      <c r="AV3944" s="53">
        <v>25333.1590266284</v>
      </c>
      <c r="AW3944" s="53">
        <v>3056110.9211582602</v>
      </c>
      <c r="AX3944" s="53">
        <v>3734427.4211847601</v>
      </c>
      <c r="AY3944" s="53">
        <v>4949853.9089705702</v>
      </c>
      <c r="AZ3944" s="53">
        <v>601619.35114538798</v>
      </c>
      <c r="BA3944" s="53">
        <v>37046442.677672699</v>
      </c>
      <c r="BB3944" s="53">
        <v>1867794.82234481</v>
      </c>
      <c r="BC3944" s="53">
        <v>5484839.6171713602</v>
      </c>
      <c r="BD3944" s="53">
        <v>4815664.6893944796</v>
      </c>
      <c r="BE3944" s="53">
        <v>3771367.1992183798</v>
      </c>
      <c r="BF3944" s="53">
        <v>3138721.0012500701</v>
      </c>
      <c r="BG3944" s="53">
        <v>2918453.7899838998</v>
      </c>
      <c r="BH3944" s="53">
        <v>2986991.2580340598</v>
      </c>
      <c r="BI3944" s="53">
        <v>109309.157612315</v>
      </c>
      <c r="BJ3944" s="53">
        <v>3222809.2498544799</v>
      </c>
      <c r="BK3944" s="53">
        <v>4003112.6626035399</v>
      </c>
      <c r="BL3944" s="53">
        <v>5305058.3161778497</v>
      </c>
      <c r="BM3944" s="53">
        <v>827257.13657677802</v>
      </c>
      <c r="BN3944" s="53">
        <v>38451378.900222003</v>
      </c>
      <c r="BO3944" s="53">
        <v>1884926.8388785</v>
      </c>
      <c r="BP3944" s="53">
        <v>5527768.6103877705</v>
      </c>
      <c r="BQ3944" s="53">
        <v>4957806.2840496497</v>
      </c>
      <c r="BR3944" s="53">
        <v>3859793.2789729601</v>
      </c>
      <c r="BS3944" s="53">
        <v>2975180.7775071599</v>
      </c>
      <c r="BT3944" s="53">
        <v>2718080.7901169099</v>
      </c>
      <c r="BU3944" s="53">
        <v>2706342.0144746099</v>
      </c>
      <c r="BV3944" s="53">
        <v>-194742.72752320001</v>
      </c>
      <c r="BW3944" s="53">
        <v>2993238.59111861</v>
      </c>
      <c r="BX3944" s="53">
        <v>3755864.5949141802</v>
      </c>
      <c r="BY3944" s="53">
        <v>4777030.6277568499</v>
      </c>
      <c r="BZ3944" s="53">
        <v>6878600.8519843603</v>
      </c>
      <c r="CA3944" s="53">
        <v>42839890.532638401</v>
      </c>
      <c r="CB3944" s="53"/>
      <c r="CC3944" s="53"/>
      <c r="CD3944" s="53"/>
      <c r="CE3944" s="53"/>
      <c r="CF3944" s="53"/>
      <c r="CG3944" s="53"/>
      <c r="CH3944" s="53"/>
      <c r="CI3944" s="53"/>
      <c r="CJ3944" s="53"/>
      <c r="CK3944" s="53"/>
      <c r="CL3944" s="53"/>
      <c r="CM3944" s="53"/>
      <c r="CN3944" s="53"/>
    </row>
    <row r="3945" spans="1:92" outlineLevel="1">
      <c r="A3945" s="52" t="s">
        <v>678</v>
      </c>
      <c r="B3945" s="53"/>
      <c r="C3945" s="53"/>
      <c r="D3945" s="53"/>
      <c r="E3945" s="53"/>
      <c r="F3945" s="53"/>
      <c r="G3945" s="53"/>
      <c r="H3945" s="53"/>
      <c r="I3945" s="53"/>
      <c r="J3945" s="53"/>
      <c r="K3945" s="53"/>
      <c r="L3945" s="53"/>
      <c r="M3945" s="53"/>
      <c r="N3945" s="53"/>
      <c r="O3945" s="53"/>
      <c r="P3945" s="53"/>
      <c r="Q3945" s="53"/>
      <c r="R3945" s="53"/>
      <c r="S3945" s="53"/>
      <c r="T3945" s="53"/>
      <c r="U3945" s="53"/>
      <c r="V3945" s="53"/>
      <c r="W3945" s="53"/>
      <c r="X3945" s="53"/>
      <c r="Y3945" s="53"/>
      <c r="Z3945" s="53"/>
      <c r="AA3945" s="53"/>
      <c r="AB3945" s="53"/>
      <c r="AC3945" s="53"/>
      <c r="AD3945" s="53"/>
      <c r="AE3945" s="53"/>
      <c r="AF3945" s="53"/>
      <c r="AG3945" s="53"/>
      <c r="AH3945" s="53"/>
      <c r="AI3945" s="53"/>
      <c r="AJ3945" s="53"/>
      <c r="AK3945" s="53"/>
      <c r="AL3945" s="53"/>
      <c r="AM3945" s="53"/>
      <c r="AN3945" s="53"/>
      <c r="AO3945" s="53"/>
      <c r="AP3945" s="53"/>
      <c r="AQ3945" s="53"/>
      <c r="AR3945" s="53"/>
      <c r="AS3945" s="53"/>
      <c r="AT3945" s="53"/>
      <c r="AU3945" s="53"/>
      <c r="AV3945" s="53"/>
      <c r="AW3945" s="53"/>
      <c r="AX3945" s="53"/>
      <c r="AY3945" s="53"/>
      <c r="AZ3945" s="53"/>
      <c r="BA3945" s="53"/>
      <c r="BB3945" s="53"/>
      <c r="BC3945" s="53"/>
      <c r="BD3945" s="53"/>
      <c r="BE3945" s="53"/>
      <c r="BF3945" s="53"/>
      <c r="BG3945" s="53"/>
      <c r="BH3945" s="53"/>
      <c r="BI3945" s="53"/>
      <c r="BJ3945" s="53"/>
      <c r="BK3945" s="53"/>
      <c r="BL3945" s="53"/>
      <c r="BM3945" s="53"/>
      <c r="BN3945" s="53"/>
      <c r="BO3945" s="53"/>
      <c r="BP3945" s="53"/>
      <c r="BQ3945" s="53"/>
      <c r="BR3945" s="53"/>
      <c r="BS3945" s="53"/>
      <c r="BT3945" s="53"/>
      <c r="BU3945" s="53"/>
      <c r="BV3945" s="53"/>
      <c r="BW3945" s="53"/>
      <c r="BX3945" s="53"/>
      <c r="BY3945" s="53"/>
      <c r="BZ3945" s="53"/>
      <c r="CA3945" s="53"/>
      <c r="CB3945" s="53">
        <v>1700000</v>
      </c>
      <c r="CC3945" s="53">
        <v>1700000</v>
      </c>
      <c r="CD3945" s="53">
        <v>1700000</v>
      </c>
      <c r="CE3945" s="53">
        <v>1700000</v>
      </c>
      <c r="CF3945" s="53">
        <v>1700000</v>
      </c>
      <c r="CG3945" s="53">
        <v>1700000</v>
      </c>
      <c r="CH3945" s="53">
        <v>1700000</v>
      </c>
      <c r="CI3945" s="53">
        <v>1700000</v>
      </c>
      <c r="CJ3945" s="53">
        <v>1700000</v>
      </c>
      <c r="CK3945" s="53">
        <v>1700000</v>
      </c>
      <c r="CL3945" s="53">
        <v>1700000</v>
      </c>
      <c r="CM3945" s="53">
        <v>1700000</v>
      </c>
      <c r="CN3945" s="53">
        <v>20400000</v>
      </c>
    </row>
    <row r="3946" spans="1:92" outlineLevel="1">
      <c r="A3946" s="52" t="s">
        <v>1690</v>
      </c>
      <c r="B3946" s="53"/>
      <c r="C3946" s="53"/>
      <c r="D3946" s="53"/>
      <c r="E3946" s="53"/>
      <c r="F3946" s="53"/>
      <c r="G3946" s="53"/>
      <c r="H3946" s="53"/>
      <c r="I3946" s="53"/>
      <c r="J3946" s="53"/>
      <c r="K3946" s="53"/>
      <c r="L3946" s="53"/>
      <c r="M3946" s="53"/>
      <c r="N3946" s="53"/>
      <c r="O3946" s="53"/>
      <c r="P3946" s="53"/>
      <c r="Q3946" s="53"/>
      <c r="R3946" s="53"/>
      <c r="S3946" s="53"/>
      <c r="T3946" s="53"/>
      <c r="U3946" s="53"/>
      <c r="V3946" s="53"/>
      <c r="W3946" s="53"/>
      <c r="X3946" s="53"/>
      <c r="Y3946" s="53"/>
      <c r="Z3946" s="53"/>
      <c r="AA3946" s="53"/>
      <c r="AB3946" s="53"/>
      <c r="AC3946" s="53"/>
      <c r="AD3946" s="53"/>
      <c r="AE3946" s="53"/>
      <c r="AF3946" s="53"/>
      <c r="AG3946" s="53"/>
      <c r="AH3946" s="53"/>
      <c r="AI3946" s="53"/>
      <c r="AJ3946" s="53"/>
      <c r="AK3946" s="53"/>
      <c r="AL3946" s="53"/>
      <c r="AM3946" s="53"/>
      <c r="AN3946" s="53"/>
      <c r="AO3946" s="53"/>
      <c r="AP3946" s="53"/>
      <c r="AQ3946" s="53"/>
      <c r="AR3946" s="53"/>
      <c r="AS3946" s="53"/>
      <c r="AT3946" s="53"/>
      <c r="AU3946" s="53"/>
      <c r="AV3946" s="53"/>
      <c r="AW3946" s="53"/>
      <c r="AX3946" s="53"/>
      <c r="AY3946" s="53"/>
      <c r="AZ3946" s="53"/>
      <c r="BA3946" s="53"/>
      <c r="BB3946" s="53"/>
      <c r="BC3946" s="53"/>
      <c r="BD3946" s="53"/>
      <c r="BE3946" s="53"/>
      <c r="BF3946" s="53"/>
      <c r="BG3946" s="53"/>
      <c r="BH3946" s="53"/>
      <c r="BI3946" s="53"/>
      <c r="BJ3946" s="53"/>
      <c r="BK3946" s="53"/>
      <c r="BL3946" s="53"/>
      <c r="BM3946" s="53"/>
      <c r="BN3946" s="53"/>
      <c r="BO3946" s="53"/>
      <c r="BP3946" s="53"/>
      <c r="BQ3946" s="53"/>
      <c r="BR3946" s="53"/>
      <c r="BS3946" s="53"/>
      <c r="BT3946" s="53"/>
      <c r="BU3946" s="53"/>
      <c r="BV3946" s="53"/>
      <c r="BW3946" s="53"/>
      <c r="BX3946" s="53"/>
      <c r="BY3946" s="53"/>
      <c r="BZ3946" s="53"/>
      <c r="CA3946" s="53"/>
      <c r="CB3946" s="53"/>
      <c r="CC3946" s="53"/>
      <c r="CD3946" s="53"/>
      <c r="CE3946" s="53"/>
      <c r="CF3946" s="53"/>
      <c r="CG3946" s="53"/>
      <c r="CH3946" s="53"/>
      <c r="CI3946" s="53"/>
      <c r="CJ3946" s="53"/>
      <c r="CK3946" s="53"/>
      <c r="CL3946" s="53"/>
      <c r="CM3946" s="53"/>
      <c r="CN3946" s="53"/>
    </row>
    <row r="3947" spans="1:92" outlineLevel="1">
      <c r="A3947" s="52" t="s">
        <v>680</v>
      </c>
      <c r="B3947" s="53"/>
      <c r="C3947" s="53"/>
      <c r="D3947" s="53"/>
      <c r="E3947" s="53"/>
      <c r="F3947" s="53"/>
      <c r="G3947" s="53"/>
      <c r="H3947" s="53"/>
      <c r="I3947" s="53"/>
      <c r="J3947" s="53"/>
      <c r="K3947" s="53"/>
      <c r="L3947" s="53"/>
      <c r="M3947" s="53"/>
      <c r="N3947" s="53"/>
      <c r="O3947" s="53"/>
      <c r="P3947" s="53"/>
      <c r="Q3947" s="53"/>
      <c r="R3947" s="53"/>
      <c r="S3947" s="53"/>
      <c r="T3947" s="53"/>
      <c r="U3947" s="53"/>
      <c r="V3947" s="53"/>
      <c r="W3947" s="53"/>
      <c r="X3947" s="53"/>
      <c r="Y3947" s="53"/>
      <c r="Z3947" s="53"/>
      <c r="AA3947" s="53"/>
      <c r="AB3947" s="53"/>
      <c r="AC3947" s="53"/>
      <c r="AD3947" s="53"/>
      <c r="AE3947" s="53"/>
      <c r="AF3947" s="53"/>
      <c r="AG3947" s="53"/>
      <c r="AH3947" s="53"/>
      <c r="AI3947" s="53"/>
      <c r="AJ3947" s="53"/>
      <c r="AK3947" s="53"/>
      <c r="AL3947" s="53"/>
      <c r="AM3947" s="53"/>
      <c r="AN3947" s="53"/>
      <c r="AO3947" s="53"/>
      <c r="AP3947" s="53"/>
      <c r="AQ3947" s="53"/>
      <c r="AR3947" s="53"/>
      <c r="AS3947" s="53"/>
      <c r="AT3947" s="53"/>
      <c r="AU3947" s="53"/>
      <c r="AV3947" s="53"/>
      <c r="AW3947" s="53"/>
      <c r="AX3947" s="53"/>
      <c r="AY3947" s="53"/>
      <c r="AZ3947" s="53"/>
      <c r="BA3947" s="53"/>
      <c r="BB3947" s="53"/>
      <c r="BC3947" s="53"/>
      <c r="BD3947" s="53"/>
      <c r="BE3947" s="53">
        <v>59834339.893198803</v>
      </c>
      <c r="BF3947" s="53"/>
      <c r="BG3947" s="53">
        <v>59834339.893198803</v>
      </c>
      <c r="BH3947" s="53"/>
      <c r="BI3947" s="53"/>
      <c r="BJ3947" s="53">
        <v>-88398347.786397606</v>
      </c>
      <c r="BK3947" s="53"/>
      <c r="BL3947" s="53"/>
      <c r="BM3947" s="53">
        <v>-26085424.999999899</v>
      </c>
      <c r="BN3947" s="53">
        <v>5184906.9999999898</v>
      </c>
      <c r="BO3947" s="53"/>
      <c r="BP3947" s="53"/>
      <c r="BQ3947" s="53">
        <v>-4976470.4021227704</v>
      </c>
      <c r="BR3947" s="53">
        <v>59782230.743729398</v>
      </c>
      <c r="BS3947" s="53"/>
      <c r="BT3947" s="53">
        <v>59782230.743729398</v>
      </c>
      <c r="BU3947" s="53"/>
      <c r="BV3947" s="53"/>
      <c r="BW3947" s="53">
        <v>59782230.743729398</v>
      </c>
      <c r="BX3947" s="53"/>
      <c r="BY3947" s="53"/>
      <c r="BZ3947" s="53">
        <v>-90086995.722449094</v>
      </c>
      <c r="CA3947" s="53">
        <v>84283226.106616497</v>
      </c>
      <c r="CB3947" s="53">
        <v>1733333.33333333</v>
      </c>
      <c r="CC3947" s="53">
        <v>1733333.33333333</v>
      </c>
      <c r="CD3947" s="53">
        <v>1733333.33333333</v>
      </c>
      <c r="CE3947" s="53">
        <v>1733333.33333333</v>
      </c>
      <c r="CF3947" s="53">
        <v>1733333.33333333</v>
      </c>
      <c r="CG3947" s="53">
        <v>1733333.33333333</v>
      </c>
      <c r="CH3947" s="53">
        <v>1733333.33333333</v>
      </c>
      <c r="CI3947" s="53">
        <v>1733333.33333333</v>
      </c>
      <c r="CJ3947" s="53">
        <v>1733333.33333333</v>
      </c>
      <c r="CK3947" s="53">
        <v>1733333.33333333</v>
      </c>
      <c r="CL3947" s="53">
        <v>1733333.33333333</v>
      </c>
      <c r="CM3947" s="53">
        <v>1733333.33333333</v>
      </c>
      <c r="CN3947" s="53">
        <v>20800000</v>
      </c>
    </row>
    <row r="3948" spans="1:92" outlineLevel="1">
      <c r="A3948" s="52" t="s">
        <v>682</v>
      </c>
      <c r="B3948" s="53"/>
      <c r="C3948" s="53"/>
      <c r="D3948" s="53"/>
      <c r="E3948" s="53"/>
      <c r="F3948" s="53"/>
      <c r="G3948" s="53"/>
      <c r="H3948" s="53"/>
      <c r="I3948" s="53"/>
      <c r="J3948" s="53"/>
      <c r="K3948" s="53"/>
      <c r="L3948" s="53"/>
      <c r="M3948" s="53"/>
      <c r="N3948" s="53"/>
      <c r="O3948" s="53"/>
      <c r="P3948" s="53"/>
      <c r="Q3948" s="53"/>
      <c r="R3948" s="53"/>
      <c r="S3948" s="53"/>
      <c r="T3948" s="53"/>
      <c r="U3948" s="53"/>
      <c r="V3948" s="53"/>
      <c r="W3948" s="53"/>
      <c r="X3948" s="53"/>
      <c r="Y3948" s="53"/>
      <c r="Z3948" s="53"/>
      <c r="AA3948" s="53"/>
      <c r="AB3948" s="53"/>
      <c r="AC3948" s="53"/>
      <c r="AD3948" s="53"/>
      <c r="AE3948" s="53">
        <v>1725939.99999999</v>
      </c>
      <c r="AF3948" s="53"/>
      <c r="AG3948" s="53">
        <v>1725939.99999999</v>
      </c>
      <c r="AH3948" s="53"/>
      <c r="AI3948" s="53"/>
      <c r="AJ3948" s="53">
        <v>6311065.75</v>
      </c>
      <c r="AK3948" s="53"/>
      <c r="AL3948" s="53"/>
      <c r="AM3948" s="53">
        <v>14903667.758178299</v>
      </c>
      <c r="AN3948" s="53">
        <v>24666613.508178301</v>
      </c>
      <c r="AO3948" s="53"/>
      <c r="AP3948" s="53"/>
      <c r="AQ3948" s="53">
        <v>85338.835463855503</v>
      </c>
      <c r="AR3948" s="53">
        <v>3236021.4140894399</v>
      </c>
      <c r="AS3948" s="53"/>
      <c r="AT3948" s="53">
        <v>3236021.4140894399</v>
      </c>
      <c r="AU3948" s="53"/>
      <c r="AV3948" s="53"/>
      <c r="AW3948" s="53">
        <v>3010895.4140894301</v>
      </c>
      <c r="AX3948" s="53"/>
      <c r="AY3948" s="53"/>
      <c r="AZ3948" s="53">
        <v>3461147.4140894399</v>
      </c>
      <c r="BA3948" s="53">
        <v>13029424.4918216</v>
      </c>
      <c r="BB3948" s="53"/>
      <c r="BC3948" s="53"/>
      <c r="BD3948" s="53"/>
      <c r="BE3948" s="53"/>
      <c r="BF3948" s="53"/>
      <c r="BG3948" s="53"/>
      <c r="BH3948" s="53"/>
      <c r="BI3948" s="53"/>
      <c r="BJ3948" s="53"/>
      <c r="BK3948" s="53"/>
      <c r="BL3948" s="53"/>
      <c r="BM3948" s="53"/>
      <c r="BN3948" s="53"/>
      <c r="BO3948" s="53"/>
      <c r="BP3948" s="53"/>
      <c r="BQ3948" s="53"/>
      <c r="BR3948" s="53"/>
      <c r="BS3948" s="53"/>
      <c r="BT3948" s="53"/>
      <c r="BU3948" s="53"/>
      <c r="BV3948" s="53"/>
      <c r="BW3948" s="53"/>
      <c r="BX3948" s="53"/>
      <c r="BY3948" s="53"/>
      <c r="BZ3948" s="53"/>
      <c r="CA3948" s="53"/>
      <c r="CB3948" s="53">
        <v>1400000</v>
      </c>
      <c r="CC3948" s="53">
        <v>1400000</v>
      </c>
      <c r="CD3948" s="53">
        <v>1400000</v>
      </c>
      <c r="CE3948" s="53">
        <v>1400000</v>
      </c>
      <c r="CF3948" s="53">
        <v>1400000</v>
      </c>
      <c r="CG3948" s="53">
        <v>1400000</v>
      </c>
      <c r="CH3948" s="53">
        <v>1400000</v>
      </c>
      <c r="CI3948" s="53">
        <v>1400000</v>
      </c>
      <c r="CJ3948" s="53">
        <v>1400000</v>
      </c>
      <c r="CK3948" s="53">
        <v>1400000</v>
      </c>
      <c r="CL3948" s="53">
        <v>1400000</v>
      </c>
      <c r="CM3948" s="53">
        <v>1400000</v>
      </c>
      <c r="CN3948" s="53">
        <v>16800000</v>
      </c>
    </row>
    <row r="3949" spans="1:92" outlineLevel="1">
      <c r="A3949" s="52" t="s">
        <v>1615</v>
      </c>
      <c r="B3949" s="53"/>
      <c r="C3949" s="53"/>
      <c r="D3949" s="53"/>
      <c r="E3949" s="53"/>
      <c r="F3949" s="53"/>
      <c r="G3949" s="53"/>
      <c r="H3949" s="53"/>
      <c r="I3949" s="53"/>
      <c r="J3949" s="53"/>
      <c r="K3949" s="53"/>
      <c r="L3949" s="53"/>
      <c r="M3949" s="53"/>
      <c r="N3949" s="53"/>
      <c r="O3949" s="53"/>
      <c r="P3949" s="53"/>
      <c r="Q3949" s="53"/>
      <c r="R3949" s="53"/>
      <c r="S3949" s="53"/>
      <c r="T3949" s="53"/>
      <c r="U3949" s="53"/>
      <c r="V3949" s="53"/>
      <c r="W3949" s="53"/>
      <c r="X3949" s="53"/>
      <c r="Y3949" s="53"/>
      <c r="Z3949" s="53"/>
      <c r="AA3949" s="53"/>
      <c r="AB3949" s="53"/>
      <c r="AC3949" s="53"/>
      <c r="AD3949" s="53"/>
      <c r="AE3949" s="53"/>
      <c r="AF3949" s="53"/>
      <c r="AG3949" s="53"/>
      <c r="AH3949" s="53"/>
      <c r="AI3949" s="53"/>
      <c r="AJ3949" s="53"/>
      <c r="AK3949" s="53"/>
      <c r="AL3949" s="53"/>
      <c r="AM3949" s="53"/>
      <c r="AN3949" s="53"/>
      <c r="AO3949" s="53"/>
      <c r="AP3949" s="53"/>
      <c r="AQ3949" s="53"/>
      <c r="AR3949" s="53"/>
      <c r="AS3949" s="53"/>
      <c r="AT3949" s="53"/>
      <c r="AU3949" s="53"/>
      <c r="AV3949" s="53"/>
      <c r="AW3949" s="53"/>
      <c r="AX3949" s="53"/>
      <c r="AY3949" s="53"/>
      <c r="AZ3949" s="53"/>
      <c r="BA3949" s="53"/>
      <c r="BB3949" s="53"/>
      <c r="BC3949" s="53"/>
      <c r="BD3949" s="53"/>
      <c r="BE3949" s="53"/>
      <c r="BF3949" s="53"/>
      <c r="BG3949" s="53"/>
      <c r="BH3949" s="53"/>
      <c r="BI3949" s="53"/>
      <c r="BJ3949" s="53"/>
      <c r="BK3949" s="53"/>
      <c r="BL3949" s="53"/>
      <c r="BM3949" s="53"/>
      <c r="BN3949" s="53"/>
      <c r="BO3949" s="53"/>
      <c r="BP3949" s="53"/>
      <c r="BQ3949" s="53"/>
      <c r="BR3949" s="53"/>
      <c r="BS3949" s="53"/>
      <c r="BT3949" s="53"/>
      <c r="BU3949" s="53"/>
      <c r="BV3949" s="53"/>
      <c r="BW3949" s="53"/>
      <c r="BX3949" s="53"/>
      <c r="BY3949" s="53"/>
      <c r="BZ3949" s="53"/>
      <c r="CA3949" s="53"/>
      <c r="CB3949" s="53">
        <v>1900000</v>
      </c>
      <c r="CC3949" s="53">
        <v>1900000</v>
      </c>
      <c r="CD3949" s="53">
        <v>1900000</v>
      </c>
      <c r="CE3949" s="53">
        <v>1900000</v>
      </c>
      <c r="CF3949" s="53">
        <v>1900000</v>
      </c>
      <c r="CG3949" s="53">
        <v>1900000</v>
      </c>
      <c r="CH3949" s="53">
        <v>1900000</v>
      </c>
      <c r="CI3949" s="53">
        <v>1900000</v>
      </c>
      <c r="CJ3949" s="53">
        <v>1900000</v>
      </c>
      <c r="CK3949" s="53">
        <v>1900000</v>
      </c>
      <c r="CL3949" s="53">
        <v>1900000</v>
      </c>
      <c r="CM3949" s="53">
        <v>1900000</v>
      </c>
      <c r="CN3949" s="53">
        <v>22800000</v>
      </c>
    </row>
    <row r="3950" spans="1:92" outlineLevel="1">
      <c r="A3950" s="52" t="s">
        <v>1622</v>
      </c>
      <c r="B3950" s="53"/>
      <c r="C3950" s="53"/>
      <c r="D3950" s="53"/>
      <c r="E3950" s="53"/>
      <c r="F3950" s="53"/>
      <c r="G3950" s="53"/>
      <c r="H3950" s="53"/>
      <c r="I3950" s="53"/>
      <c r="J3950" s="53"/>
      <c r="K3950" s="53"/>
      <c r="L3950" s="53"/>
      <c r="M3950" s="53"/>
      <c r="N3950" s="53"/>
      <c r="O3950" s="53"/>
      <c r="P3950" s="53"/>
      <c r="Q3950" s="53"/>
      <c r="R3950" s="53"/>
      <c r="S3950" s="53"/>
      <c r="T3950" s="53"/>
      <c r="U3950" s="53"/>
      <c r="V3950" s="53"/>
      <c r="W3950" s="53"/>
      <c r="X3950" s="53"/>
      <c r="Y3950" s="53"/>
      <c r="Z3950" s="53"/>
      <c r="AA3950" s="53"/>
      <c r="AB3950" s="53"/>
      <c r="AC3950" s="53"/>
      <c r="AD3950" s="53"/>
      <c r="AE3950" s="53"/>
      <c r="AF3950" s="53"/>
      <c r="AG3950" s="53"/>
      <c r="AH3950" s="53"/>
      <c r="AI3950" s="53"/>
      <c r="AJ3950" s="53"/>
      <c r="AK3950" s="53"/>
      <c r="AL3950" s="53"/>
      <c r="AM3950" s="53"/>
      <c r="AN3950" s="53"/>
      <c r="AO3950" s="53"/>
      <c r="AP3950" s="53"/>
      <c r="AQ3950" s="53"/>
      <c r="AR3950" s="53"/>
      <c r="AS3950" s="53"/>
      <c r="AT3950" s="53"/>
      <c r="AU3950" s="53"/>
      <c r="AV3950" s="53"/>
      <c r="AW3950" s="53"/>
      <c r="AX3950" s="53"/>
      <c r="AY3950" s="53"/>
      <c r="AZ3950" s="53"/>
      <c r="BA3950" s="53"/>
      <c r="BB3950" s="53"/>
      <c r="BC3950" s="53"/>
      <c r="BD3950" s="53"/>
      <c r="BE3950" s="53"/>
      <c r="BF3950" s="53"/>
      <c r="BG3950" s="53"/>
      <c r="BH3950" s="53"/>
      <c r="BI3950" s="53"/>
      <c r="BJ3950" s="53"/>
      <c r="BK3950" s="53"/>
      <c r="BL3950" s="53"/>
      <c r="BM3950" s="53"/>
      <c r="BN3950" s="53"/>
      <c r="BO3950" s="53"/>
      <c r="BP3950" s="53"/>
      <c r="BQ3950" s="53"/>
      <c r="BR3950" s="53"/>
      <c r="BS3950" s="53"/>
      <c r="BT3950" s="53"/>
      <c r="BU3950" s="53"/>
      <c r="BV3950" s="53"/>
      <c r="BW3950" s="53"/>
      <c r="BX3950" s="53"/>
      <c r="BY3950" s="53"/>
      <c r="BZ3950" s="53"/>
      <c r="CA3950" s="53"/>
      <c r="CB3950" s="53">
        <v>1458333.33333333</v>
      </c>
      <c r="CC3950" s="53">
        <v>1458333.33333333</v>
      </c>
      <c r="CD3950" s="53">
        <v>1458333.33333333</v>
      </c>
      <c r="CE3950" s="53">
        <v>1458333.33333333</v>
      </c>
      <c r="CF3950" s="53">
        <v>1458333.33333333</v>
      </c>
      <c r="CG3950" s="53">
        <v>1458333.33333333</v>
      </c>
      <c r="CH3950" s="53">
        <v>1458333.33333333</v>
      </c>
      <c r="CI3950" s="53">
        <v>1458333.33333333</v>
      </c>
      <c r="CJ3950" s="53">
        <v>1458333.33333333</v>
      </c>
      <c r="CK3950" s="53">
        <v>1458333.33333333</v>
      </c>
      <c r="CL3950" s="53">
        <v>1458333.33333333</v>
      </c>
      <c r="CM3950" s="53">
        <v>1458333.33333333</v>
      </c>
      <c r="CN3950" s="53">
        <v>17500000</v>
      </c>
    </row>
    <row r="3951" spans="1:92" outlineLevel="1">
      <c r="A3951" s="52" t="s">
        <v>649</v>
      </c>
      <c r="B3951" s="53">
        <v>1992746.08333332</v>
      </c>
      <c r="C3951" s="53">
        <v>1992746.08333332</v>
      </c>
      <c r="D3951" s="53">
        <v>1992746.08333332</v>
      </c>
      <c r="E3951" s="53">
        <v>1992746.08333332</v>
      </c>
      <c r="F3951" s="53">
        <v>1992746.08333332</v>
      </c>
      <c r="G3951" s="53">
        <v>1992746.08333332</v>
      </c>
      <c r="H3951" s="53">
        <v>1992746.08333332</v>
      </c>
      <c r="I3951" s="53">
        <v>1992746.08333332</v>
      </c>
      <c r="J3951" s="53">
        <v>1992746.08333332</v>
      </c>
      <c r="K3951" s="53">
        <v>1992746.08333332</v>
      </c>
      <c r="L3951" s="53">
        <v>1992746.08333332</v>
      </c>
      <c r="M3951" s="53">
        <v>1992746.08333332</v>
      </c>
      <c r="N3951" s="53">
        <v>23912952.999999799</v>
      </c>
      <c r="O3951" s="53">
        <v>732992</v>
      </c>
      <c r="P3951" s="53">
        <v>746864</v>
      </c>
      <c r="Q3951" s="53">
        <v>753263</v>
      </c>
      <c r="R3951" s="53">
        <v>759019</v>
      </c>
      <c r="S3951" s="53">
        <v>752356</v>
      </c>
      <c r="T3951" s="53">
        <v>896129</v>
      </c>
      <c r="U3951" s="53">
        <v>767722</v>
      </c>
      <c r="V3951" s="53">
        <v>754615</v>
      </c>
      <c r="W3951" s="53">
        <v>750330</v>
      </c>
      <c r="X3951" s="53">
        <v>754157</v>
      </c>
      <c r="Y3951" s="53">
        <v>759561</v>
      </c>
      <c r="Z3951" s="53">
        <v>898975</v>
      </c>
      <c r="AA3951" s="53">
        <v>9325983</v>
      </c>
      <c r="AB3951" s="53">
        <v>761409</v>
      </c>
      <c r="AC3951" s="53">
        <v>775439</v>
      </c>
      <c r="AD3951" s="53">
        <v>783671</v>
      </c>
      <c r="AE3951" s="53">
        <v>789011</v>
      </c>
      <c r="AF3951" s="53">
        <v>900671</v>
      </c>
      <c r="AG3951" s="53">
        <v>813488</v>
      </c>
      <c r="AH3951" s="53">
        <v>796944</v>
      </c>
      <c r="AI3951" s="53">
        <v>784000</v>
      </c>
      <c r="AJ3951" s="53">
        <v>779402</v>
      </c>
      <c r="AK3951" s="53">
        <v>781156</v>
      </c>
      <c r="AL3951" s="53">
        <v>899467</v>
      </c>
      <c r="AM3951" s="53">
        <v>808216</v>
      </c>
      <c r="AN3951" s="53">
        <v>9672874</v>
      </c>
      <c r="AO3951" s="53">
        <v>806072.83333333302</v>
      </c>
      <c r="AP3951" s="53">
        <v>806072.83333333302</v>
      </c>
      <c r="AQ3951" s="53">
        <v>806072.83333333302</v>
      </c>
      <c r="AR3951" s="53">
        <v>806072.83333333302</v>
      </c>
      <c r="AS3951" s="53">
        <v>806072.83333333302</v>
      </c>
      <c r="AT3951" s="53">
        <v>806072.83333333302</v>
      </c>
      <c r="AU3951" s="53">
        <v>806072.83333333302</v>
      </c>
      <c r="AV3951" s="53">
        <v>806072.83333333302</v>
      </c>
      <c r="AW3951" s="53">
        <v>806072.83333333302</v>
      </c>
      <c r="AX3951" s="53">
        <v>806072.83333333302</v>
      </c>
      <c r="AY3951" s="53">
        <v>806072.83333333302</v>
      </c>
      <c r="AZ3951" s="53">
        <v>806072.83333333302</v>
      </c>
      <c r="BA3951" s="53">
        <v>9672874</v>
      </c>
      <c r="BB3951" s="53">
        <v>806072.83333333302</v>
      </c>
      <c r="BC3951" s="53">
        <v>806072.83333333302</v>
      </c>
      <c r="BD3951" s="53">
        <v>806072.83333333302</v>
      </c>
      <c r="BE3951" s="53">
        <v>806072.83333333302</v>
      </c>
      <c r="BF3951" s="53">
        <v>806072.83333333302</v>
      </c>
      <c r="BG3951" s="53">
        <v>806072.83333333302</v>
      </c>
      <c r="BH3951" s="53">
        <v>806072.83333333302</v>
      </c>
      <c r="BI3951" s="53">
        <v>806072.83333333302</v>
      </c>
      <c r="BJ3951" s="53">
        <v>806072.83333333302</v>
      </c>
      <c r="BK3951" s="53">
        <v>806072.83333333302</v>
      </c>
      <c r="BL3951" s="53">
        <v>806072.83333333302</v>
      </c>
      <c r="BM3951" s="53">
        <v>806072.83333333302</v>
      </c>
      <c r="BN3951" s="53">
        <v>9672874</v>
      </c>
      <c r="BO3951" s="53">
        <v>806072.83333333302</v>
      </c>
      <c r="BP3951" s="53">
        <v>806072.83333333302</v>
      </c>
      <c r="BQ3951" s="53">
        <v>806072.83333333302</v>
      </c>
      <c r="BR3951" s="53">
        <v>806072.83333333302</v>
      </c>
      <c r="BS3951" s="53">
        <v>806072.83333333302</v>
      </c>
      <c r="BT3951" s="53">
        <v>806072.83333333302</v>
      </c>
      <c r="BU3951" s="53">
        <v>806072.83333333302</v>
      </c>
      <c r="BV3951" s="53">
        <v>806072.83333333302</v>
      </c>
      <c r="BW3951" s="53">
        <v>806072.83333333302</v>
      </c>
      <c r="BX3951" s="53">
        <v>806072.83333333302</v>
      </c>
      <c r="BY3951" s="53">
        <v>806072.83333333302</v>
      </c>
      <c r="BZ3951" s="53">
        <v>806072.83333333302</v>
      </c>
      <c r="CA3951" s="53">
        <v>9672874</v>
      </c>
      <c r="CB3951" s="53"/>
      <c r="CC3951" s="53"/>
      <c r="CD3951" s="53"/>
      <c r="CE3951" s="53"/>
      <c r="CF3951" s="53"/>
      <c r="CG3951" s="53"/>
      <c r="CH3951" s="53"/>
      <c r="CI3951" s="53"/>
      <c r="CJ3951" s="53"/>
      <c r="CK3951" s="53"/>
      <c r="CL3951" s="53"/>
      <c r="CM3951" s="53"/>
      <c r="CN3951" s="53"/>
    </row>
    <row r="3952" spans="1:92" outlineLevel="1">
      <c r="A3952" s="52" t="s">
        <v>1623</v>
      </c>
      <c r="B3952" s="53"/>
      <c r="C3952" s="53"/>
      <c r="D3952" s="53"/>
      <c r="E3952" s="53"/>
      <c r="F3952" s="53"/>
      <c r="G3952" s="53"/>
      <c r="H3952" s="53"/>
      <c r="I3952" s="53"/>
      <c r="J3952" s="53"/>
      <c r="K3952" s="53"/>
      <c r="L3952" s="53"/>
      <c r="M3952" s="53"/>
      <c r="N3952" s="53"/>
      <c r="O3952" s="53"/>
      <c r="P3952" s="53"/>
      <c r="Q3952" s="53"/>
      <c r="R3952" s="53"/>
      <c r="S3952" s="53"/>
      <c r="T3952" s="53"/>
      <c r="U3952" s="53"/>
      <c r="V3952" s="53"/>
      <c r="W3952" s="53"/>
      <c r="X3952" s="53"/>
      <c r="Y3952" s="53"/>
      <c r="Z3952" s="53"/>
      <c r="AA3952" s="53"/>
      <c r="AB3952" s="53"/>
      <c r="AC3952" s="53"/>
      <c r="AD3952" s="53"/>
      <c r="AE3952" s="53"/>
      <c r="AF3952" s="53"/>
      <c r="AG3952" s="53"/>
      <c r="AH3952" s="53"/>
      <c r="AI3952" s="53"/>
      <c r="AJ3952" s="53"/>
      <c r="AK3952" s="53"/>
      <c r="AL3952" s="53"/>
      <c r="AM3952" s="53"/>
      <c r="AN3952" s="53"/>
      <c r="AO3952" s="53"/>
      <c r="AP3952" s="53"/>
      <c r="AQ3952" s="53"/>
      <c r="AR3952" s="53"/>
      <c r="AS3952" s="53"/>
      <c r="AT3952" s="53"/>
      <c r="AU3952" s="53"/>
      <c r="AV3952" s="53"/>
      <c r="AW3952" s="53"/>
      <c r="AX3952" s="53"/>
      <c r="AY3952" s="53"/>
      <c r="AZ3952" s="53"/>
      <c r="BA3952" s="53"/>
      <c r="BB3952" s="53"/>
      <c r="BC3952" s="53"/>
      <c r="BD3952" s="53"/>
      <c r="BE3952" s="53"/>
      <c r="BF3952" s="53"/>
      <c r="BG3952" s="53"/>
      <c r="BH3952" s="53"/>
      <c r="BI3952" s="53"/>
      <c r="BJ3952" s="53"/>
      <c r="BK3952" s="53"/>
      <c r="BL3952" s="53"/>
      <c r="BM3952" s="53"/>
      <c r="BN3952" s="53"/>
      <c r="BO3952" s="53"/>
      <c r="BP3952" s="53"/>
      <c r="BQ3952" s="53"/>
      <c r="BR3952" s="53"/>
      <c r="BS3952" s="53"/>
      <c r="BT3952" s="53"/>
      <c r="BU3952" s="53"/>
      <c r="BV3952" s="53"/>
      <c r="BW3952" s="53"/>
      <c r="BX3952" s="53"/>
      <c r="BY3952" s="53"/>
      <c r="BZ3952" s="53"/>
      <c r="CA3952" s="53"/>
      <c r="CB3952" s="53">
        <v>729166.66666666605</v>
      </c>
      <c r="CC3952" s="53">
        <v>729166.66666666605</v>
      </c>
      <c r="CD3952" s="53">
        <v>729166.66666666605</v>
      </c>
      <c r="CE3952" s="53">
        <v>729166.66666666605</v>
      </c>
      <c r="CF3952" s="53">
        <v>729166.66666666605</v>
      </c>
      <c r="CG3952" s="53">
        <v>729166.66666666605</v>
      </c>
      <c r="CH3952" s="53">
        <v>729166.66666666605</v>
      </c>
      <c r="CI3952" s="53">
        <v>729166.66666666605</v>
      </c>
      <c r="CJ3952" s="53">
        <v>729166.66666666605</v>
      </c>
      <c r="CK3952" s="53">
        <v>729166.66666666605</v>
      </c>
      <c r="CL3952" s="53">
        <v>729166.66666666605</v>
      </c>
      <c r="CM3952" s="53">
        <v>729166.66666666605</v>
      </c>
      <c r="CN3952" s="53">
        <v>8750000</v>
      </c>
    </row>
    <row r="3953" spans="1:92" outlineLevel="1">
      <c r="A3953" s="52" t="s">
        <v>649</v>
      </c>
      <c r="B3953" s="53"/>
      <c r="C3953" s="53"/>
      <c r="D3953" s="53"/>
      <c r="E3953" s="53"/>
      <c r="F3953" s="53"/>
      <c r="G3953" s="53"/>
      <c r="H3953" s="53"/>
      <c r="I3953" s="53"/>
      <c r="J3953" s="53"/>
      <c r="K3953" s="53"/>
      <c r="L3953" s="53"/>
      <c r="M3953" s="53"/>
      <c r="N3953" s="53"/>
      <c r="O3953" s="53">
        <v>804163</v>
      </c>
      <c r="P3953" s="53">
        <v>858562</v>
      </c>
      <c r="Q3953" s="53">
        <v>855481</v>
      </c>
      <c r="R3953" s="53">
        <v>831116</v>
      </c>
      <c r="S3953" s="53">
        <v>823382</v>
      </c>
      <c r="T3953" s="53">
        <v>878777</v>
      </c>
      <c r="U3953" s="53">
        <v>765162</v>
      </c>
      <c r="V3953" s="53">
        <v>766313</v>
      </c>
      <c r="W3953" s="53">
        <v>746586</v>
      </c>
      <c r="X3953" s="53">
        <v>767535</v>
      </c>
      <c r="Y3953" s="53">
        <v>737556</v>
      </c>
      <c r="Z3953" s="53">
        <v>772429</v>
      </c>
      <c r="AA3953" s="53">
        <v>9607062</v>
      </c>
      <c r="AB3953" s="53">
        <v>777882</v>
      </c>
      <c r="AC3953" s="53">
        <v>818227</v>
      </c>
      <c r="AD3953" s="53">
        <v>834389</v>
      </c>
      <c r="AE3953" s="53">
        <v>856023</v>
      </c>
      <c r="AF3953" s="53">
        <v>862806</v>
      </c>
      <c r="AG3953" s="53">
        <v>920512</v>
      </c>
      <c r="AH3953" s="53">
        <v>822671</v>
      </c>
      <c r="AI3953" s="53">
        <v>831782</v>
      </c>
      <c r="AJ3953" s="53">
        <v>824462</v>
      </c>
      <c r="AK3953" s="53">
        <v>841941</v>
      </c>
      <c r="AL3953" s="53">
        <v>831614</v>
      </c>
      <c r="AM3953" s="53">
        <v>840586</v>
      </c>
      <c r="AN3953" s="53">
        <v>10062895</v>
      </c>
      <c r="AO3953" s="53">
        <v>838574.5</v>
      </c>
      <c r="AP3953" s="53">
        <v>838574.5</v>
      </c>
      <c r="AQ3953" s="53">
        <v>838574.5</v>
      </c>
      <c r="AR3953" s="53">
        <v>838574.5</v>
      </c>
      <c r="AS3953" s="53">
        <v>838574.5</v>
      </c>
      <c r="AT3953" s="53">
        <v>838574.5</v>
      </c>
      <c r="AU3953" s="53">
        <v>838574.5</v>
      </c>
      <c r="AV3953" s="53">
        <v>838574.5</v>
      </c>
      <c r="AW3953" s="53">
        <v>838574.5</v>
      </c>
      <c r="AX3953" s="53">
        <v>838574.5</v>
      </c>
      <c r="AY3953" s="53">
        <v>838574.5</v>
      </c>
      <c r="AZ3953" s="53">
        <v>838574.5</v>
      </c>
      <c r="BA3953" s="53">
        <v>10062894</v>
      </c>
      <c r="BB3953" s="53">
        <v>838574.5</v>
      </c>
      <c r="BC3953" s="53">
        <v>838574.5</v>
      </c>
      <c r="BD3953" s="53">
        <v>838574.5</v>
      </c>
      <c r="BE3953" s="53">
        <v>838574.5</v>
      </c>
      <c r="BF3953" s="53">
        <v>838574.5</v>
      </c>
      <c r="BG3953" s="53">
        <v>838574.5</v>
      </c>
      <c r="BH3953" s="53">
        <v>838574.5</v>
      </c>
      <c r="BI3953" s="53">
        <v>838574.5</v>
      </c>
      <c r="BJ3953" s="53">
        <v>838574.5</v>
      </c>
      <c r="BK3953" s="53">
        <v>838574.5</v>
      </c>
      <c r="BL3953" s="53">
        <v>838574.5</v>
      </c>
      <c r="BM3953" s="53">
        <v>838574.5</v>
      </c>
      <c r="BN3953" s="53">
        <v>10062894</v>
      </c>
      <c r="BO3953" s="53">
        <v>838574.5</v>
      </c>
      <c r="BP3953" s="53">
        <v>838574.5</v>
      </c>
      <c r="BQ3953" s="53">
        <v>838574.5</v>
      </c>
      <c r="BR3953" s="53">
        <v>838574.5</v>
      </c>
      <c r="BS3953" s="53">
        <v>838574.5</v>
      </c>
      <c r="BT3953" s="53">
        <v>838574.5</v>
      </c>
      <c r="BU3953" s="53">
        <v>838574.5</v>
      </c>
      <c r="BV3953" s="53">
        <v>838574.5</v>
      </c>
      <c r="BW3953" s="53">
        <v>838574.5</v>
      </c>
      <c r="BX3953" s="53">
        <v>838574.5</v>
      </c>
      <c r="BY3953" s="53">
        <v>838574.5</v>
      </c>
      <c r="BZ3953" s="53">
        <v>838574.5</v>
      </c>
      <c r="CA3953" s="53">
        <v>10062894</v>
      </c>
      <c r="CB3953" s="53">
        <v>1300000</v>
      </c>
      <c r="CC3953" s="53">
        <v>1300000</v>
      </c>
      <c r="CD3953" s="53">
        <v>1300000</v>
      </c>
      <c r="CE3953" s="53">
        <v>1300000</v>
      </c>
      <c r="CF3953" s="53">
        <v>1300000</v>
      </c>
      <c r="CG3953" s="53">
        <v>1300000</v>
      </c>
      <c r="CH3953" s="53">
        <v>1300000</v>
      </c>
      <c r="CI3953" s="53">
        <v>1300000</v>
      </c>
      <c r="CJ3953" s="53">
        <v>1300000</v>
      </c>
      <c r="CK3953" s="53">
        <v>1300000</v>
      </c>
      <c r="CL3953" s="53">
        <v>1300000</v>
      </c>
      <c r="CM3953" s="53">
        <v>1300000</v>
      </c>
      <c r="CN3953" s="53">
        <v>15600000</v>
      </c>
    </row>
    <row r="3954" spans="1:92" outlineLevel="1">
      <c r="A3954" s="52" t="s">
        <v>1624</v>
      </c>
      <c r="B3954" s="53"/>
      <c r="C3954" s="53"/>
      <c r="D3954" s="53"/>
      <c r="E3954" s="53"/>
      <c r="F3954" s="53"/>
      <c r="G3954" s="53"/>
      <c r="H3954" s="53"/>
      <c r="I3954" s="53"/>
      <c r="J3954" s="53"/>
      <c r="K3954" s="53"/>
      <c r="L3954" s="53"/>
      <c r="M3954" s="53"/>
      <c r="N3954" s="53"/>
      <c r="O3954" s="53"/>
      <c r="P3954" s="53"/>
      <c r="Q3954" s="53"/>
      <c r="R3954" s="53"/>
      <c r="S3954" s="53"/>
      <c r="T3954" s="53"/>
      <c r="U3954" s="53"/>
      <c r="V3954" s="53"/>
      <c r="W3954" s="53"/>
      <c r="X3954" s="53"/>
      <c r="Y3954" s="53"/>
      <c r="Z3954" s="53"/>
      <c r="AA3954" s="53"/>
      <c r="AB3954" s="53"/>
      <c r="AC3954" s="53"/>
      <c r="AD3954" s="53"/>
      <c r="AE3954" s="53"/>
      <c r="AF3954" s="53"/>
      <c r="AG3954" s="53"/>
      <c r="AH3954" s="53"/>
      <c r="AI3954" s="53"/>
      <c r="AJ3954" s="53"/>
      <c r="AK3954" s="53"/>
      <c r="AL3954" s="53"/>
      <c r="AM3954" s="53"/>
      <c r="AN3954" s="53"/>
      <c r="AO3954" s="53"/>
      <c r="AP3954" s="53"/>
      <c r="AQ3954" s="53"/>
      <c r="AR3954" s="53"/>
      <c r="AS3954" s="53"/>
      <c r="AT3954" s="53"/>
      <c r="AU3954" s="53"/>
      <c r="AV3954" s="53"/>
      <c r="AW3954" s="53"/>
      <c r="AX3954" s="53"/>
      <c r="AY3954" s="53"/>
      <c r="AZ3954" s="53"/>
      <c r="BA3954" s="53"/>
      <c r="BB3954" s="53"/>
      <c r="BC3954" s="53"/>
      <c r="BD3954" s="53"/>
      <c r="BE3954" s="53"/>
      <c r="BF3954" s="53"/>
      <c r="BG3954" s="53"/>
      <c r="BH3954" s="53"/>
      <c r="BI3954" s="53"/>
      <c r="BJ3954" s="53"/>
      <c r="BK3954" s="53"/>
      <c r="BL3954" s="53"/>
      <c r="BM3954" s="53"/>
      <c r="BN3954" s="53"/>
      <c r="BO3954" s="53"/>
      <c r="BP3954" s="53"/>
      <c r="BQ3954" s="53"/>
      <c r="BR3954" s="53"/>
      <c r="BS3954" s="53"/>
      <c r="BT3954" s="53"/>
      <c r="BU3954" s="53"/>
      <c r="BV3954" s="53"/>
      <c r="BW3954" s="53"/>
      <c r="BX3954" s="53"/>
      <c r="BY3954" s="53"/>
      <c r="BZ3954" s="53"/>
      <c r="CA3954" s="53"/>
      <c r="CB3954" s="53">
        <v>1249999.99999999</v>
      </c>
      <c r="CC3954" s="53">
        <v>1249999.99999999</v>
      </c>
      <c r="CD3954" s="53">
        <v>1249999.99999999</v>
      </c>
      <c r="CE3954" s="53">
        <v>1249999.99999999</v>
      </c>
      <c r="CF3954" s="53">
        <v>1249999.99999999</v>
      </c>
      <c r="CG3954" s="53">
        <v>1249999.99999999</v>
      </c>
      <c r="CH3954" s="53">
        <v>1249999.99999999</v>
      </c>
      <c r="CI3954" s="53">
        <v>1249999.99999999</v>
      </c>
      <c r="CJ3954" s="53">
        <v>1249999.99999999</v>
      </c>
      <c r="CK3954" s="53">
        <v>1249999.99999999</v>
      </c>
      <c r="CL3954" s="53">
        <v>1249999.99999999</v>
      </c>
      <c r="CM3954" s="53">
        <v>1249999.99999999</v>
      </c>
      <c r="CN3954" s="53">
        <v>14999999.999999899</v>
      </c>
    </row>
    <row r="3955" spans="1:92" outlineLevel="1">
      <c r="A3955" s="52" t="s">
        <v>649</v>
      </c>
      <c r="B3955" s="53"/>
      <c r="C3955" s="53"/>
      <c r="D3955" s="53"/>
      <c r="E3955" s="53"/>
      <c r="F3955" s="53"/>
      <c r="G3955" s="53"/>
      <c r="H3955" s="53"/>
      <c r="I3955" s="53"/>
      <c r="J3955" s="53"/>
      <c r="K3955" s="53"/>
      <c r="L3955" s="53"/>
      <c r="M3955" s="53"/>
      <c r="N3955" s="53"/>
      <c r="O3955" s="53">
        <v>448280</v>
      </c>
      <c r="P3955" s="53">
        <v>476052</v>
      </c>
      <c r="Q3955" s="53">
        <v>479119</v>
      </c>
      <c r="R3955" s="53">
        <v>472183</v>
      </c>
      <c r="S3955" s="53">
        <v>477885</v>
      </c>
      <c r="T3955" s="53">
        <v>489781</v>
      </c>
      <c r="U3955" s="53">
        <v>460934</v>
      </c>
      <c r="V3955" s="53">
        <v>482100</v>
      </c>
      <c r="W3955" s="53">
        <v>465006</v>
      </c>
      <c r="X3955" s="53">
        <v>484372</v>
      </c>
      <c r="Y3955" s="53">
        <v>453530</v>
      </c>
      <c r="Z3955" s="53">
        <v>433037</v>
      </c>
      <c r="AA3955" s="53">
        <v>5622279</v>
      </c>
      <c r="AB3955" s="53">
        <v>452857</v>
      </c>
      <c r="AC3955" s="53">
        <v>480629</v>
      </c>
      <c r="AD3955" s="53">
        <v>484771</v>
      </c>
      <c r="AE3955" s="53">
        <v>477098</v>
      </c>
      <c r="AF3955" s="53">
        <v>499524</v>
      </c>
      <c r="AG3955" s="53">
        <v>478537</v>
      </c>
      <c r="AH3955" s="53">
        <v>465849</v>
      </c>
      <c r="AI3955" s="53">
        <v>487016</v>
      </c>
      <c r="AJ3955" s="53">
        <v>469921</v>
      </c>
      <c r="AK3955" s="53">
        <v>489288</v>
      </c>
      <c r="AL3955" s="53">
        <v>475180</v>
      </c>
      <c r="AM3955" s="53">
        <v>421577</v>
      </c>
      <c r="AN3955" s="53">
        <v>5682247</v>
      </c>
      <c r="AO3955" s="53">
        <v>473520.66666666599</v>
      </c>
      <c r="AP3955" s="53">
        <v>473520.66666666599</v>
      </c>
      <c r="AQ3955" s="53">
        <v>473520.66666666599</v>
      </c>
      <c r="AR3955" s="53">
        <v>473520.66666666599</v>
      </c>
      <c r="AS3955" s="53">
        <v>473520.66666666599</v>
      </c>
      <c r="AT3955" s="53">
        <v>473520.66666666599</v>
      </c>
      <c r="AU3955" s="53">
        <v>473520.66666666599</v>
      </c>
      <c r="AV3955" s="53">
        <v>473520.66666666599</v>
      </c>
      <c r="AW3955" s="53">
        <v>473520.66666666599</v>
      </c>
      <c r="AX3955" s="53">
        <v>473520.66666666599</v>
      </c>
      <c r="AY3955" s="53">
        <v>473520.66666666599</v>
      </c>
      <c r="AZ3955" s="53">
        <v>473520.66666666599</v>
      </c>
      <c r="BA3955" s="53">
        <v>5682247.9999999898</v>
      </c>
      <c r="BB3955" s="53">
        <v>473520.66666666599</v>
      </c>
      <c r="BC3955" s="53">
        <v>473520.66666666599</v>
      </c>
      <c r="BD3955" s="53">
        <v>473520.66666666599</v>
      </c>
      <c r="BE3955" s="53">
        <v>473520.66666666599</v>
      </c>
      <c r="BF3955" s="53">
        <v>473520.66666666599</v>
      </c>
      <c r="BG3955" s="53">
        <v>473520.66666666599</v>
      </c>
      <c r="BH3955" s="53">
        <v>473520.66666666599</v>
      </c>
      <c r="BI3955" s="53">
        <v>473520.66666666599</v>
      </c>
      <c r="BJ3955" s="53">
        <v>473520.66666666599</v>
      </c>
      <c r="BK3955" s="53">
        <v>473520.66666666599</v>
      </c>
      <c r="BL3955" s="53">
        <v>473520.66666666599</v>
      </c>
      <c r="BM3955" s="53">
        <v>473520.66666666599</v>
      </c>
      <c r="BN3955" s="53">
        <v>5682247.9999999898</v>
      </c>
      <c r="BO3955" s="53">
        <v>473520.66666666599</v>
      </c>
      <c r="BP3955" s="53">
        <v>473520.66666666599</v>
      </c>
      <c r="BQ3955" s="53">
        <v>473520.66666666599</v>
      </c>
      <c r="BR3955" s="53">
        <v>473520.66666666599</v>
      </c>
      <c r="BS3955" s="53">
        <v>473520.66666666599</v>
      </c>
      <c r="BT3955" s="53">
        <v>473520.66666666599</v>
      </c>
      <c r="BU3955" s="53">
        <v>473520.66666666599</v>
      </c>
      <c r="BV3955" s="53">
        <v>473520.66666666599</v>
      </c>
      <c r="BW3955" s="53">
        <v>473520.66666666599</v>
      </c>
      <c r="BX3955" s="53">
        <v>473520.66666666599</v>
      </c>
      <c r="BY3955" s="53">
        <v>473520.66666666599</v>
      </c>
      <c r="BZ3955" s="53">
        <v>473520.66666666599</v>
      </c>
      <c r="CA3955" s="53">
        <v>5682247.9999999898</v>
      </c>
      <c r="CB3955" s="53"/>
      <c r="CC3955" s="53"/>
      <c r="CD3955" s="53"/>
      <c r="CE3955" s="53"/>
      <c r="CF3955" s="53"/>
      <c r="CG3955" s="53"/>
      <c r="CH3955" s="53"/>
      <c r="CI3955" s="53"/>
      <c r="CJ3955" s="53"/>
      <c r="CK3955" s="53"/>
      <c r="CL3955" s="53"/>
      <c r="CM3955" s="53"/>
      <c r="CN3955" s="53"/>
    </row>
    <row r="3956" spans="1:92" outlineLevel="1">
      <c r="A3956" s="52" t="s">
        <v>1625</v>
      </c>
      <c r="B3956" s="53"/>
      <c r="C3956" s="53"/>
      <c r="D3956" s="53"/>
      <c r="E3956" s="53"/>
      <c r="F3956" s="53"/>
      <c r="G3956" s="53"/>
      <c r="H3956" s="53"/>
      <c r="I3956" s="53"/>
      <c r="J3956" s="53"/>
      <c r="K3956" s="53"/>
      <c r="L3956" s="53"/>
      <c r="M3956" s="53"/>
      <c r="N3956" s="53"/>
      <c r="O3956" s="53"/>
      <c r="P3956" s="53"/>
      <c r="Q3956" s="53"/>
      <c r="R3956" s="53"/>
      <c r="S3956" s="53"/>
      <c r="T3956" s="53"/>
      <c r="U3956" s="53"/>
      <c r="V3956" s="53"/>
      <c r="W3956" s="53"/>
      <c r="X3956" s="53"/>
      <c r="Y3956" s="53"/>
      <c r="Z3956" s="53"/>
      <c r="AA3956" s="53"/>
      <c r="AB3956" s="53"/>
      <c r="AC3956" s="53"/>
      <c r="AD3956" s="53"/>
      <c r="AE3956" s="53"/>
      <c r="AF3956" s="53"/>
      <c r="AG3956" s="53"/>
      <c r="AH3956" s="53"/>
      <c r="AI3956" s="53"/>
      <c r="AJ3956" s="53"/>
      <c r="AK3956" s="53"/>
      <c r="AL3956" s="53"/>
      <c r="AM3956" s="53"/>
      <c r="AN3956" s="53"/>
      <c r="AO3956" s="53"/>
      <c r="AP3956" s="53"/>
      <c r="AQ3956" s="53"/>
      <c r="AR3956" s="53"/>
      <c r="AS3956" s="53"/>
      <c r="AT3956" s="53"/>
      <c r="AU3956" s="53"/>
      <c r="AV3956" s="53"/>
      <c r="AW3956" s="53"/>
      <c r="AX3956" s="53"/>
      <c r="AY3956" s="53"/>
      <c r="AZ3956" s="53"/>
      <c r="BA3956" s="53"/>
      <c r="BB3956" s="53"/>
      <c r="BC3956" s="53"/>
      <c r="BD3956" s="53"/>
      <c r="BE3956" s="53"/>
      <c r="BF3956" s="53"/>
      <c r="BG3956" s="53"/>
      <c r="BH3956" s="53"/>
      <c r="BI3956" s="53"/>
      <c r="BJ3956" s="53"/>
      <c r="BK3956" s="53"/>
      <c r="BL3956" s="53"/>
      <c r="BM3956" s="53"/>
      <c r="BN3956" s="53"/>
      <c r="BO3956" s="53"/>
      <c r="BP3956" s="53"/>
      <c r="BQ3956" s="53"/>
      <c r="BR3956" s="53"/>
      <c r="BS3956" s="53"/>
      <c r="BT3956" s="53"/>
      <c r="BU3956" s="53"/>
      <c r="BV3956" s="53"/>
      <c r="BW3956" s="53"/>
      <c r="BX3956" s="53"/>
      <c r="BY3956" s="53"/>
      <c r="BZ3956" s="53"/>
      <c r="CA3956" s="53"/>
      <c r="CB3956" s="53">
        <v>15351.5205479452</v>
      </c>
      <c r="CC3956" s="53">
        <v>15351.5205479452</v>
      </c>
      <c r="CD3956" s="53">
        <v>15351.5205479452</v>
      </c>
      <c r="CE3956" s="53">
        <v>15351.5205479452</v>
      </c>
      <c r="CF3956" s="53">
        <v>15351.5205479452</v>
      </c>
      <c r="CG3956" s="53">
        <v>15351.5205479452</v>
      </c>
      <c r="CH3956" s="53">
        <v>15351.5205479452</v>
      </c>
      <c r="CI3956" s="53">
        <v>15351.5205479452</v>
      </c>
      <c r="CJ3956" s="53">
        <v>15351.5205479452</v>
      </c>
      <c r="CK3956" s="53">
        <v>15351.5205479452</v>
      </c>
      <c r="CL3956" s="53">
        <v>15351.5205479452</v>
      </c>
      <c r="CM3956" s="53">
        <v>15351.5205479452</v>
      </c>
      <c r="CN3956" s="53">
        <v>184218.246575342</v>
      </c>
    </row>
    <row r="3957" spans="1:92" outlineLevel="1">
      <c r="A3957" s="52" t="s">
        <v>649</v>
      </c>
      <c r="B3957" s="53">
        <v>259056.99083333201</v>
      </c>
      <c r="C3957" s="53">
        <v>259056.99083333201</v>
      </c>
      <c r="D3957" s="53">
        <v>259056.99083333201</v>
      </c>
      <c r="E3957" s="53">
        <v>259056.99083333201</v>
      </c>
      <c r="F3957" s="53">
        <v>259056.99083333201</v>
      </c>
      <c r="G3957" s="53">
        <v>259056.99083333201</v>
      </c>
      <c r="H3957" s="53">
        <v>259056.99083333201</v>
      </c>
      <c r="I3957" s="53">
        <v>259056.99083333201</v>
      </c>
      <c r="J3957" s="53">
        <v>259056.99083333201</v>
      </c>
      <c r="K3957" s="53">
        <v>259056.99083333201</v>
      </c>
      <c r="L3957" s="53">
        <v>259056.99083333201</v>
      </c>
      <c r="M3957" s="53">
        <v>259056.99083333201</v>
      </c>
      <c r="N3957" s="53">
        <v>3108683.8899999801</v>
      </c>
      <c r="O3957" s="53">
        <v>95288.960000000006</v>
      </c>
      <c r="P3957" s="53">
        <v>97092.32</v>
      </c>
      <c r="Q3957" s="53">
        <v>97924.19</v>
      </c>
      <c r="R3957" s="53">
        <v>98672.47</v>
      </c>
      <c r="S3957" s="53">
        <v>97806.28</v>
      </c>
      <c r="T3957" s="53">
        <v>116496.77</v>
      </c>
      <c r="U3957" s="53">
        <v>99803.86</v>
      </c>
      <c r="V3957" s="53">
        <v>98099.95</v>
      </c>
      <c r="W3957" s="53">
        <v>97542.9</v>
      </c>
      <c r="X3957" s="53">
        <v>98040.41</v>
      </c>
      <c r="Y3957" s="53">
        <v>98742.93</v>
      </c>
      <c r="Z3957" s="53">
        <v>116866.75</v>
      </c>
      <c r="AA3957" s="53">
        <v>1212377.78999999</v>
      </c>
      <c r="AB3957" s="53">
        <v>98983.17</v>
      </c>
      <c r="AC3957" s="53">
        <v>100807.069999999</v>
      </c>
      <c r="AD3957" s="53">
        <v>101877.23</v>
      </c>
      <c r="AE3957" s="53">
        <v>102571.43</v>
      </c>
      <c r="AF3957" s="53">
        <v>117087.23</v>
      </c>
      <c r="AG3957" s="53">
        <v>105753.44</v>
      </c>
      <c r="AH3957" s="53">
        <v>103602.72</v>
      </c>
      <c r="AI3957" s="53">
        <v>101920</v>
      </c>
      <c r="AJ3957" s="53">
        <v>101322.26</v>
      </c>
      <c r="AK3957" s="53">
        <v>101550.28</v>
      </c>
      <c r="AL3957" s="53">
        <v>116930.71</v>
      </c>
      <c r="AM3957" s="53">
        <v>105068.08</v>
      </c>
      <c r="AN3957" s="53">
        <v>1257473.6199999901</v>
      </c>
      <c r="AO3957" s="53">
        <v>104789.468333333</v>
      </c>
      <c r="AP3957" s="53">
        <v>104789.468333333</v>
      </c>
      <c r="AQ3957" s="53">
        <v>104789.468333333</v>
      </c>
      <c r="AR3957" s="53">
        <v>104789.468333333</v>
      </c>
      <c r="AS3957" s="53">
        <v>104789.468333333</v>
      </c>
      <c r="AT3957" s="53">
        <v>104789.468333333</v>
      </c>
      <c r="AU3957" s="53">
        <v>104789.468333333</v>
      </c>
      <c r="AV3957" s="53">
        <v>104789.468333333</v>
      </c>
      <c r="AW3957" s="53">
        <v>104789.468333333</v>
      </c>
      <c r="AX3957" s="53">
        <v>104789.468333333</v>
      </c>
      <c r="AY3957" s="53">
        <v>104789.468333333</v>
      </c>
      <c r="AZ3957" s="53">
        <v>104789.468333333</v>
      </c>
      <c r="BA3957" s="53">
        <v>1257473.6200000001</v>
      </c>
      <c r="BB3957" s="53">
        <v>104789.468333333</v>
      </c>
      <c r="BC3957" s="53">
        <v>104789.468333333</v>
      </c>
      <c r="BD3957" s="53">
        <v>104789.468333333</v>
      </c>
      <c r="BE3957" s="53">
        <v>104789.468333333</v>
      </c>
      <c r="BF3957" s="53">
        <v>104789.468333333</v>
      </c>
      <c r="BG3957" s="53">
        <v>104789.468333333</v>
      </c>
      <c r="BH3957" s="53">
        <v>104789.468333333</v>
      </c>
      <c r="BI3957" s="53">
        <v>104789.468333333</v>
      </c>
      <c r="BJ3957" s="53">
        <v>104789.468333333</v>
      </c>
      <c r="BK3957" s="53">
        <v>104789.468333333</v>
      </c>
      <c r="BL3957" s="53">
        <v>104789.468333333</v>
      </c>
      <c r="BM3957" s="53">
        <v>104789.468333333</v>
      </c>
      <c r="BN3957" s="53">
        <v>1257473.6200000001</v>
      </c>
      <c r="BO3957" s="53">
        <v>104789.468333333</v>
      </c>
      <c r="BP3957" s="53">
        <v>104789.468333333</v>
      </c>
      <c r="BQ3957" s="53">
        <v>104789.468333333</v>
      </c>
      <c r="BR3957" s="53">
        <v>104789.468333333</v>
      </c>
      <c r="BS3957" s="53">
        <v>104789.468333333</v>
      </c>
      <c r="BT3957" s="53">
        <v>104789.468333333</v>
      </c>
      <c r="BU3957" s="53">
        <v>104789.468333333</v>
      </c>
      <c r="BV3957" s="53">
        <v>104789.468333333</v>
      </c>
      <c r="BW3957" s="53">
        <v>104789.468333333</v>
      </c>
      <c r="BX3957" s="53">
        <v>104789.468333333</v>
      </c>
      <c r="BY3957" s="53">
        <v>104789.468333333</v>
      </c>
      <c r="BZ3957" s="53">
        <v>104789.468333333</v>
      </c>
      <c r="CA3957" s="53">
        <v>1257473.6200000001</v>
      </c>
      <c r="CB3957" s="53">
        <v>8310.1044776119306</v>
      </c>
      <c r="CC3957" s="53">
        <v>8310.1044776119306</v>
      </c>
      <c r="CD3957" s="53">
        <v>8310.1044776119306</v>
      </c>
      <c r="CE3957" s="53">
        <v>8310.1044776119306</v>
      </c>
      <c r="CF3957" s="53">
        <v>8310.1044776119306</v>
      </c>
      <c r="CG3957" s="53">
        <v>8310.1044776119197</v>
      </c>
      <c r="CH3957" s="53">
        <v>8310.1044776119197</v>
      </c>
      <c r="CI3957" s="53">
        <v>8310.1044776119197</v>
      </c>
      <c r="CJ3957" s="53">
        <v>8310.1044776119197</v>
      </c>
      <c r="CK3957" s="53">
        <v>8310.1044776119197</v>
      </c>
      <c r="CL3957" s="53">
        <v>8310.1044776119197</v>
      </c>
      <c r="CM3957" s="53">
        <v>8310.1044776119197</v>
      </c>
      <c r="CN3957" s="53">
        <v>99721.253731343095</v>
      </c>
    </row>
    <row r="3958" spans="1:92" outlineLevel="1">
      <c r="A3958" s="52" t="s">
        <v>1626</v>
      </c>
      <c r="B3958" s="53"/>
      <c r="C3958" s="53"/>
      <c r="D3958" s="53"/>
      <c r="E3958" s="53"/>
      <c r="F3958" s="53"/>
      <c r="G3958" s="53"/>
      <c r="H3958" s="53"/>
      <c r="I3958" s="53"/>
      <c r="J3958" s="53"/>
      <c r="K3958" s="53"/>
      <c r="L3958" s="53"/>
      <c r="M3958" s="53"/>
      <c r="N3958" s="53"/>
      <c r="O3958" s="53"/>
      <c r="P3958" s="53"/>
      <c r="Q3958" s="53"/>
      <c r="R3958" s="53"/>
      <c r="S3958" s="53"/>
      <c r="T3958" s="53"/>
      <c r="U3958" s="53"/>
      <c r="V3958" s="53"/>
      <c r="W3958" s="53"/>
      <c r="X3958" s="53"/>
      <c r="Y3958" s="53"/>
      <c r="Z3958" s="53"/>
      <c r="AA3958" s="53"/>
      <c r="AB3958" s="53"/>
      <c r="AC3958" s="53"/>
      <c r="AD3958" s="53"/>
      <c r="AE3958" s="53"/>
      <c r="AF3958" s="53"/>
      <c r="AG3958" s="53"/>
      <c r="AH3958" s="53"/>
      <c r="AI3958" s="53"/>
      <c r="AJ3958" s="53"/>
      <c r="AK3958" s="53"/>
      <c r="AL3958" s="53"/>
      <c r="AM3958" s="53"/>
      <c r="AN3958" s="53"/>
      <c r="AO3958" s="53"/>
      <c r="AP3958" s="53"/>
      <c r="AQ3958" s="53"/>
      <c r="AR3958" s="53"/>
      <c r="AS3958" s="53"/>
      <c r="AT3958" s="53"/>
      <c r="AU3958" s="53"/>
      <c r="AV3958" s="53"/>
      <c r="AW3958" s="53"/>
      <c r="AX3958" s="53"/>
      <c r="AY3958" s="53"/>
      <c r="AZ3958" s="53"/>
      <c r="BA3958" s="53"/>
      <c r="BB3958" s="53"/>
      <c r="BC3958" s="53"/>
      <c r="BD3958" s="53"/>
      <c r="BE3958" s="53"/>
      <c r="BF3958" s="53"/>
      <c r="BG3958" s="53"/>
      <c r="BH3958" s="53"/>
      <c r="BI3958" s="53"/>
      <c r="BJ3958" s="53"/>
      <c r="BK3958" s="53"/>
      <c r="BL3958" s="53"/>
      <c r="BM3958" s="53"/>
      <c r="BN3958" s="53"/>
      <c r="BO3958" s="53"/>
      <c r="BP3958" s="53"/>
      <c r="BQ3958" s="53"/>
      <c r="BR3958" s="53"/>
      <c r="BS3958" s="53"/>
      <c r="BT3958" s="53"/>
      <c r="BU3958" s="53"/>
      <c r="BV3958" s="53"/>
      <c r="BW3958" s="53"/>
      <c r="BX3958" s="53"/>
      <c r="BY3958" s="53"/>
      <c r="BZ3958" s="53"/>
      <c r="CA3958" s="53"/>
      <c r="CB3958" s="53">
        <v>18632.710875331501</v>
      </c>
      <c r="CC3958" s="53">
        <v>18632.710875331501</v>
      </c>
      <c r="CD3958" s="53">
        <v>18632.710875331501</v>
      </c>
      <c r="CE3958" s="53">
        <v>18632.710875331501</v>
      </c>
      <c r="CF3958" s="53">
        <v>18632.710875331501</v>
      </c>
      <c r="CG3958" s="53">
        <v>18632.710875331501</v>
      </c>
      <c r="CH3958" s="53">
        <v>18632.710875331501</v>
      </c>
      <c r="CI3958" s="53">
        <v>18632.710875331501</v>
      </c>
      <c r="CJ3958" s="53">
        <v>18632.710875331501</v>
      </c>
      <c r="CK3958" s="53">
        <v>18632.710875331501</v>
      </c>
      <c r="CL3958" s="53">
        <v>18632.710875331501</v>
      </c>
      <c r="CM3958" s="53">
        <v>18632.710875331501</v>
      </c>
      <c r="CN3958" s="53">
        <v>223592.53050397799</v>
      </c>
    </row>
    <row r="3959" spans="1:92" outlineLevel="1">
      <c r="A3959" s="52" t="s">
        <v>649</v>
      </c>
      <c r="B3959" s="53"/>
      <c r="C3959" s="53"/>
      <c r="D3959" s="53"/>
      <c r="E3959" s="53"/>
      <c r="F3959" s="53"/>
      <c r="G3959" s="53"/>
      <c r="H3959" s="53"/>
      <c r="I3959" s="53"/>
      <c r="J3959" s="53"/>
      <c r="K3959" s="53"/>
      <c r="L3959" s="53"/>
      <c r="M3959" s="53"/>
      <c r="N3959" s="53"/>
      <c r="O3959" s="53">
        <v>104541.19</v>
      </c>
      <c r="P3959" s="53">
        <v>111613.06</v>
      </c>
      <c r="Q3959" s="53">
        <v>111212.53</v>
      </c>
      <c r="R3959" s="53">
        <v>108045.08</v>
      </c>
      <c r="S3959" s="53">
        <v>107039.66</v>
      </c>
      <c r="T3959" s="53">
        <v>114241.01</v>
      </c>
      <c r="U3959" s="53">
        <v>99471.06</v>
      </c>
      <c r="V3959" s="53">
        <v>99620.69</v>
      </c>
      <c r="W3959" s="53">
        <v>97056.18</v>
      </c>
      <c r="X3959" s="53">
        <v>99779.55</v>
      </c>
      <c r="Y3959" s="53">
        <v>95882.28</v>
      </c>
      <c r="Z3959" s="53">
        <v>100415.769999999</v>
      </c>
      <c r="AA3959" s="53">
        <v>1248918.06</v>
      </c>
      <c r="AB3959" s="53">
        <v>101124.659999999</v>
      </c>
      <c r="AC3959" s="53">
        <v>106369.51</v>
      </c>
      <c r="AD3959" s="53">
        <v>108470.57</v>
      </c>
      <c r="AE3959" s="53">
        <v>111282.99</v>
      </c>
      <c r="AF3959" s="53">
        <v>112164.78</v>
      </c>
      <c r="AG3959" s="53">
        <v>119666.55999999899</v>
      </c>
      <c r="AH3959" s="53">
        <v>106947.23</v>
      </c>
      <c r="AI3959" s="53">
        <v>108131.66</v>
      </c>
      <c r="AJ3959" s="53">
        <v>107180.06</v>
      </c>
      <c r="AK3959" s="53">
        <v>109452.33</v>
      </c>
      <c r="AL3959" s="53">
        <v>108109.82</v>
      </c>
      <c r="AM3959" s="53">
        <v>109276.18</v>
      </c>
      <c r="AN3959" s="53">
        <v>1308176.3500000001</v>
      </c>
      <c r="AO3959" s="53">
        <v>109014.685</v>
      </c>
      <c r="AP3959" s="53">
        <v>109014.685</v>
      </c>
      <c r="AQ3959" s="53">
        <v>109014.685</v>
      </c>
      <c r="AR3959" s="53">
        <v>109014.685</v>
      </c>
      <c r="AS3959" s="53">
        <v>109014.685</v>
      </c>
      <c r="AT3959" s="53">
        <v>109014.685</v>
      </c>
      <c r="AU3959" s="53">
        <v>109014.685</v>
      </c>
      <c r="AV3959" s="53">
        <v>109014.685</v>
      </c>
      <c r="AW3959" s="53">
        <v>109014.685</v>
      </c>
      <c r="AX3959" s="53">
        <v>109014.685</v>
      </c>
      <c r="AY3959" s="53">
        <v>109014.685</v>
      </c>
      <c r="AZ3959" s="53">
        <v>109014.685</v>
      </c>
      <c r="BA3959" s="53">
        <v>1308176.22</v>
      </c>
      <c r="BB3959" s="53">
        <v>109014.685</v>
      </c>
      <c r="BC3959" s="53">
        <v>109014.685</v>
      </c>
      <c r="BD3959" s="53">
        <v>109014.685</v>
      </c>
      <c r="BE3959" s="53">
        <v>109014.685</v>
      </c>
      <c r="BF3959" s="53">
        <v>109014.685</v>
      </c>
      <c r="BG3959" s="53">
        <v>109014.685</v>
      </c>
      <c r="BH3959" s="53">
        <v>109014.685</v>
      </c>
      <c r="BI3959" s="53">
        <v>109014.685</v>
      </c>
      <c r="BJ3959" s="53">
        <v>109014.685</v>
      </c>
      <c r="BK3959" s="53">
        <v>109014.685</v>
      </c>
      <c r="BL3959" s="53">
        <v>109014.685</v>
      </c>
      <c r="BM3959" s="53">
        <v>109014.685</v>
      </c>
      <c r="BN3959" s="53">
        <v>1308176.22</v>
      </c>
      <c r="BO3959" s="53">
        <v>109014.685</v>
      </c>
      <c r="BP3959" s="53">
        <v>109014.685</v>
      </c>
      <c r="BQ3959" s="53">
        <v>109014.685</v>
      </c>
      <c r="BR3959" s="53">
        <v>109014.685</v>
      </c>
      <c r="BS3959" s="53">
        <v>109014.685</v>
      </c>
      <c r="BT3959" s="53">
        <v>109014.685</v>
      </c>
      <c r="BU3959" s="53">
        <v>109014.685</v>
      </c>
      <c r="BV3959" s="53">
        <v>109014.685</v>
      </c>
      <c r="BW3959" s="53">
        <v>109014.685</v>
      </c>
      <c r="BX3959" s="53">
        <v>109014.685</v>
      </c>
      <c r="BY3959" s="53">
        <v>109014.685</v>
      </c>
      <c r="BZ3959" s="53">
        <v>109014.685</v>
      </c>
      <c r="CA3959" s="53">
        <v>1308176.22</v>
      </c>
      <c r="CB3959" s="53"/>
      <c r="CC3959" s="53"/>
      <c r="CD3959" s="53"/>
      <c r="CE3959" s="53"/>
      <c r="CF3959" s="53"/>
      <c r="CG3959" s="53"/>
      <c r="CH3959" s="53"/>
      <c r="CI3959" s="53"/>
      <c r="CJ3959" s="53"/>
      <c r="CK3959" s="53"/>
      <c r="CL3959" s="53"/>
      <c r="CM3959" s="53"/>
      <c r="CN3959" s="53"/>
    </row>
    <row r="3960" spans="1:92" outlineLevel="1">
      <c r="A3960" s="52" t="s">
        <v>1627</v>
      </c>
      <c r="B3960" s="53"/>
      <c r="C3960" s="53"/>
      <c r="D3960" s="53"/>
      <c r="E3960" s="53"/>
      <c r="F3960" s="53"/>
      <c r="G3960" s="53"/>
      <c r="H3960" s="53"/>
      <c r="I3960" s="53"/>
      <c r="J3960" s="53"/>
      <c r="K3960" s="53"/>
      <c r="L3960" s="53"/>
      <c r="M3960" s="53"/>
      <c r="N3960" s="53"/>
      <c r="O3960" s="53"/>
      <c r="P3960" s="53"/>
      <c r="Q3960" s="53"/>
      <c r="R3960" s="53"/>
      <c r="S3960" s="53"/>
      <c r="T3960" s="53"/>
      <c r="U3960" s="53"/>
      <c r="V3960" s="53"/>
      <c r="W3960" s="53"/>
      <c r="X3960" s="53"/>
      <c r="Y3960" s="53"/>
      <c r="Z3960" s="53"/>
      <c r="AA3960" s="53"/>
      <c r="AB3960" s="53"/>
      <c r="AC3960" s="53"/>
      <c r="AD3960" s="53"/>
      <c r="AE3960" s="53"/>
      <c r="AF3960" s="53"/>
      <c r="AG3960" s="53"/>
      <c r="AH3960" s="53"/>
      <c r="AI3960" s="53"/>
      <c r="AJ3960" s="53"/>
      <c r="AK3960" s="53"/>
      <c r="AL3960" s="53"/>
      <c r="AM3960" s="53"/>
      <c r="AN3960" s="53"/>
      <c r="AO3960" s="53"/>
      <c r="AP3960" s="53"/>
      <c r="AQ3960" s="53"/>
      <c r="AR3960" s="53"/>
      <c r="AS3960" s="53"/>
      <c r="AT3960" s="53"/>
      <c r="AU3960" s="53"/>
      <c r="AV3960" s="53"/>
      <c r="AW3960" s="53"/>
      <c r="AX3960" s="53"/>
      <c r="AY3960" s="53"/>
      <c r="AZ3960" s="53"/>
      <c r="BA3960" s="53"/>
      <c r="BB3960" s="53"/>
      <c r="BC3960" s="53"/>
      <c r="BD3960" s="53"/>
      <c r="BE3960" s="53"/>
      <c r="BF3960" s="53"/>
      <c r="BG3960" s="53"/>
      <c r="BH3960" s="53"/>
      <c r="BI3960" s="53"/>
      <c r="BJ3960" s="53"/>
      <c r="BK3960" s="53"/>
      <c r="BL3960" s="53"/>
      <c r="BM3960" s="53"/>
      <c r="BN3960" s="53"/>
      <c r="BO3960" s="53"/>
      <c r="BP3960" s="53"/>
      <c r="BQ3960" s="53"/>
      <c r="BR3960" s="53"/>
      <c r="BS3960" s="53"/>
      <c r="BT3960" s="53"/>
      <c r="BU3960" s="53"/>
      <c r="BV3960" s="53"/>
      <c r="BW3960" s="53"/>
      <c r="BX3960" s="53"/>
      <c r="BY3960" s="53"/>
      <c r="BZ3960" s="53"/>
      <c r="CA3960" s="53"/>
      <c r="CB3960" s="53"/>
      <c r="CC3960" s="53"/>
      <c r="CD3960" s="53"/>
      <c r="CE3960" s="53"/>
      <c r="CF3960" s="53"/>
      <c r="CG3960" s="53"/>
      <c r="CH3960" s="53"/>
      <c r="CI3960" s="53"/>
      <c r="CJ3960" s="53"/>
      <c r="CK3960" s="53"/>
      <c r="CL3960" s="53"/>
      <c r="CM3960" s="53"/>
      <c r="CN3960" s="53"/>
    </row>
    <row r="3961" spans="1:92" outlineLevel="1">
      <c r="A3961" s="52" t="s">
        <v>649</v>
      </c>
      <c r="B3961" s="53"/>
      <c r="C3961" s="53"/>
      <c r="D3961" s="53"/>
      <c r="E3961" s="53"/>
      <c r="F3961" s="53"/>
      <c r="G3961" s="53"/>
      <c r="H3961" s="53"/>
      <c r="I3961" s="53"/>
      <c r="J3961" s="53"/>
      <c r="K3961" s="53"/>
      <c r="L3961" s="53"/>
      <c r="M3961" s="53"/>
      <c r="N3961" s="53"/>
      <c r="O3961" s="53">
        <v>58276.3999999999</v>
      </c>
      <c r="P3961" s="53">
        <v>61886.76</v>
      </c>
      <c r="Q3961" s="53">
        <v>62285.47</v>
      </c>
      <c r="R3961" s="53">
        <v>61383.79</v>
      </c>
      <c r="S3961" s="53">
        <v>62125.05</v>
      </c>
      <c r="T3961" s="53">
        <v>63671.53</v>
      </c>
      <c r="U3961" s="53">
        <v>59921.42</v>
      </c>
      <c r="V3961" s="53">
        <v>62673</v>
      </c>
      <c r="W3961" s="53">
        <v>60450.78</v>
      </c>
      <c r="X3961" s="53">
        <v>62968.36</v>
      </c>
      <c r="Y3961" s="53">
        <v>58958.9</v>
      </c>
      <c r="Z3961" s="53">
        <v>56294.81</v>
      </c>
      <c r="AA3961" s="53">
        <v>730896.26999999897</v>
      </c>
      <c r="AB3961" s="53">
        <v>58871.41</v>
      </c>
      <c r="AC3961" s="53">
        <v>62481.77</v>
      </c>
      <c r="AD3961" s="53">
        <v>63020.23</v>
      </c>
      <c r="AE3961" s="53">
        <v>62022.74</v>
      </c>
      <c r="AF3961" s="53">
        <v>64938.119999999901</v>
      </c>
      <c r="AG3961" s="53">
        <v>62209.81</v>
      </c>
      <c r="AH3961" s="53">
        <v>60560.369999999901</v>
      </c>
      <c r="AI3961" s="53">
        <v>63312.08</v>
      </c>
      <c r="AJ3961" s="53">
        <v>61089.73</v>
      </c>
      <c r="AK3961" s="53">
        <v>63607.44</v>
      </c>
      <c r="AL3961" s="53">
        <v>61773.4</v>
      </c>
      <c r="AM3961" s="53">
        <v>54805.01</v>
      </c>
      <c r="AN3961" s="53">
        <v>738692.11</v>
      </c>
      <c r="AO3961" s="53">
        <v>61557.686666666603</v>
      </c>
      <c r="AP3961" s="53">
        <v>61557.686666666603</v>
      </c>
      <c r="AQ3961" s="53">
        <v>61557.686666666603</v>
      </c>
      <c r="AR3961" s="53">
        <v>61557.686666666603</v>
      </c>
      <c r="AS3961" s="53">
        <v>61557.686666666603</v>
      </c>
      <c r="AT3961" s="53">
        <v>61557.686666666603</v>
      </c>
      <c r="AU3961" s="53">
        <v>61557.686666666603</v>
      </c>
      <c r="AV3961" s="53">
        <v>61557.686666666603</v>
      </c>
      <c r="AW3961" s="53">
        <v>61557.686666666603</v>
      </c>
      <c r="AX3961" s="53">
        <v>61557.686666666603</v>
      </c>
      <c r="AY3961" s="53">
        <v>61557.686666666603</v>
      </c>
      <c r="AZ3961" s="53">
        <v>61557.686666666603</v>
      </c>
      <c r="BA3961" s="53">
        <v>738692.24</v>
      </c>
      <c r="BB3961" s="53">
        <v>61557.686666666603</v>
      </c>
      <c r="BC3961" s="53">
        <v>61557.686666666603</v>
      </c>
      <c r="BD3961" s="53">
        <v>61557.686666666603</v>
      </c>
      <c r="BE3961" s="53">
        <v>61557.686666666603</v>
      </c>
      <c r="BF3961" s="53">
        <v>61557.686666666603</v>
      </c>
      <c r="BG3961" s="53">
        <v>61557.686666666603</v>
      </c>
      <c r="BH3961" s="53">
        <v>61557.686666666603</v>
      </c>
      <c r="BI3961" s="53">
        <v>61557.686666666603</v>
      </c>
      <c r="BJ3961" s="53">
        <v>61557.686666666603</v>
      </c>
      <c r="BK3961" s="53">
        <v>61557.686666666603</v>
      </c>
      <c r="BL3961" s="53">
        <v>61557.686666666603</v>
      </c>
      <c r="BM3961" s="53">
        <v>61557.686666666603</v>
      </c>
      <c r="BN3961" s="53">
        <v>738692.24</v>
      </c>
      <c r="BO3961" s="53">
        <v>61557.686666666603</v>
      </c>
      <c r="BP3961" s="53">
        <v>61557.686666666603</v>
      </c>
      <c r="BQ3961" s="53">
        <v>61557.686666666603</v>
      </c>
      <c r="BR3961" s="53">
        <v>61557.686666666603</v>
      </c>
      <c r="BS3961" s="53">
        <v>61557.686666666603</v>
      </c>
      <c r="BT3961" s="53">
        <v>61557.686666666603</v>
      </c>
      <c r="BU3961" s="53">
        <v>61557.686666666603</v>
      </c>
      <c r="BV3961" s="53">
        <v>61557.686666666603</v>
      </c>
      <c r="BW3961" s="53">
        <v>61557.686666666603</v>
      </c>
      <c r="BX3961" s="53">
        <v>61557.686666666603</v>
      </c>
      <c r="BY3961" s="53">
        <v>61557.686666666603</v>
      </c>
      <c r="BZ3961" s="53">
        <v>61557.686666666603</v>
      </c>
      <c r="CA3961" s="53">
        <v>738692.24</v>
      </c>
      <c r="CB3961" s="53">
        <v>36488.334177215103</v>
      </c>
      <c r="CC3961" s="53">
        <v>36488.334177215103</v>
      </c>
      <c r="CD3961" s="53">
        <v>36488.334177215103</v>
      </c>
      <c r="CE3961" s="53">
        <v>36488.334177215103</v>
      </c>
      <c r="CF3961" s="53">
        <v>36488.334177215103</v>
      </c>
      <c r="CG3961" s="53">
        <v>36488.334177215103</v>
      </c>
      <c r="CH3961" s="53">
        <v>36488.334177215103</v>
      </c>
      <c r="CI3961" s="53">
        <v>36488.334177215103</v>
      </c>
      <c r="CJ3961" s="53">
        <v>36488.334177215103</v>
      </c>
      <c r="CK3961" s="53">
        <v>36488.334177215103</v>
      </c>
      <c r="CL3961" s="53">
        <v>36488.334177215103</v>
      </c>
      <c r="CM3961" s="53">
        <v>36488.334177215103</v>
      </c>
      <c r="CN3961" s="53">
        <v>437860.010126582</v>
      </c>
    </row>
    <row r="3962" spans="1:92" outlineLevel="1">
      <c r="A3962" s="52" t="s">
        <v>650</v>
      </c>
      <c r="B3962" s="53"/>
      <c r="C3962" s="53"/>
      <c r="D3962" s="53"/>
      <c r="E3962" s="53"/>
      <c r="F3962" s="53"/>
      <c r="G3962" s="53"/>
      <c r="H3962" s="53"/>
      <c r="I3962" s="53"/>
      <c r="J3962" s="53"/>
      <c r="K3962" s="53"/>
      <c r="L3962" s="53"/>
      <c r="M3962" s="53"/>
      <c r="N3962" s="53"/>
      <c r="O3962" s="53"/>
      <c r="P3962" s="53"/>
      <c r="Q3962" s="53"/>
      <c r="R3962" s="53"/>
      <c r="S3962" s="53"/>
      <c r="T3962" s="53"/>
      <c r="U3962" s="53"/>
      <c r="V3962" s="53"/>
      <c r="W3962" s="53"/>
      <c r="X3962" s="53"/>
      <c r="Y3962" s="53"/>
      <c r="Z3962" s="53"/>
      <c r="AA3962" s="53"/>
      <c r="AB3962" s="53"/>
      <c r="AC3962" s="53"/>
      <c r="AD3962" s="53"/>
      <c r="AE3962" s="53"/>
      <c r="AF3962" s="53"/>
      <c r="AG3962" s="53"/>
      <c r="AH3962" s="53"/>
      <c r="AI3962" s="53"/>
      <c r="AJ3962" s="53"/>
      <c r="AK3962" s="53"/>
      <c r="AL3962" s="53"/>
      <c r="AM3962" s="53"/>
      <c r="AN3962" s="53"/>
      <c r="AO3962" s="53"/>
      <c r="AP3962" s="53"/>
      <c r="AQ3962" s="53"/>
      <c r="AR3962" s="53"/>
      <c r="AS3962" s="53"/>
      <c r="AT3962" s="53"/>
      <c r="AU3962" s="53"/>
      <c r="AV3962" s="53"/>
      <c r="AW3962" s="53"/>
      <c r="AX3962" s="53"/>
      <c r="AY3962" s="53"/>
      <c r="AZ3962" s="53"/>
      <c r="BA3962" s="53"/>
      <c r="BB3962" s="53"/>
      <c r="BC3962" s="53"/>
      <c r="BD3962" s="53"/>
      <c r="BE3962" s="53"/>
      <c r="BF3962" s="53"/>
      <c r="BG3962" s="53"/>
      <c r="BH3962" s="53"/>
      <c r="BI3962" s="53"/>
      <c r="BJ3962" s="53"/>
      <c r="BK3962" s="53"/>
      <c r="BL3962" s="53"/>
      <c r="BM3962" s="53"/>
      <c r="BN3962" s="53"/>
      <c r="BO3962" s="53"/>
      <c r="BP3962" s="53"/>
      <c r="BQ3962" s="53"/>
      <c r="BR3962" s="53"/>
      <c r="BS3962" s="53"/>
      <c r="BT3962" s="53"/>
      <c r="BU3962" s="53"/>
      <c r="BV3962" s="53"/>
      <c r="BW3962" s="53"/>
      <c r="BX3962" s="53"/>
      <c r="BY3962" s="53"/>
      <c r="BZ3962" s="53"/>
      <c r="CA3962" s="53"/>
      <c r="CB3962" s="53">
        <v>13019.146118721401</v>
      </c>
      <c r="CC3962" s="53">
        <v>13019.146118721401</v>
      </c>
      <c r="CD3962" s="53">
        <v>13019.146118721401</v>
      </c>
      <c r="CE3962" s="53">
        <v>13019.146118721401</v>
      </c>
      <c r="CF3962" s="53">
        <v>13019.146118721401</v>
      </c>
      <c r="CG3962" s="53">
        <v>13019.146118721401</v>
      </c>
      <c r="CH3962" s="53">
        <v>13019.146118721401</v>
      </c>
      <c r="CI3962" s="53">
        <v>13019.146118721401</v>
      </c>
      <c r="CJ3962" s="53">
        <v>13019.146118721401</v>
      </c>
      <c r="CK3962" s="53">
        <v>13019.146118721401</v>
      </c>
      <c r="CL3962" s="53">
        <v>13019.146118721401</v>
      </c>
      <c r="CM3962" s="53">
        <v>13019.146118721401</v>
      </c>
      <c r="CN3962" s="53">
        <v>156229.75342465701</v>
      </c>
    </row>
    <row r="3963" spans="1:92" outlineLevel="1">
      <c r="A3963" s="52" t="s">
        <v>1743</v>
      </c>
      <c r="B3963" s="53"/>
      <c r="C3963" s="53"/>
      <c r="D3963" s="53"/>
      <c r="E3963" s="53"/>
      <c r="F3963" s="53"/>
      <c r="G3963" s="53"/>
      <c r="H3963" s="53"/>
      <c r="I3963" s="53"/>
      <c r="J3963" s="53"/>
      <c r="K3963" s="53"/>
      <c r="L3963" s="53"/>
      <c r="M3963" s="53"/>
      <c r="N3963" s="53"/>
      <c r="O3963" s="53"/>
      <c r="P3963" s="53"/>
      <c r="Q3963" s="53"/>
      <c r="R3963" s="53"/>
      <c r="S3963" s="53"/>
      <c r="T3963" s="53"/>
      <c r="U3963" s="53"/>
      <c r="V3963" s="53"/>
      <c r="W3963" s="53"/>
      <c r="X3963" s="53"/>
      <c r="Y3963" s="53"/>
      <c r="Z3963" s="53"/>
      <c r="AA3963" s="53"/>
      <c r="AB3963" s="53"/>
      <c r="AC3963" s="53"/>
      <c r="AD3963" s="53"/>
      <c r="AE3963" s="53"/>
      <c r="AF3963" s="53"/>
      <c r="AG3963" s="53"/>
      <c r="AH3963" s="53"/>
      <c r="AI3963" s="53"/>
      <c r="AJ3963" s="53"/>
      <c r="AK3963" s="53"/>
      <c r="AL3963" s="53"/>
      <c r="AM3963" s="53"/>
      <c r="AN3963" s="53"/>
      <c r="AO3963" s="53"/>
      <c r="AP3963" s="53"/>
      <c r="AQ3963" s="53"/>
      <c r="AR3963" s="53"/>
      <c r="AS3963" s="53"/>
      <c r="AT3963" s="53"/>
      <c r="AU3963" s="53"/>
      <c r="AV3963" s="53"/>
      <c r="AW3963" s="53"/>
      <c r="AX3963" s="53"/>
      <c r="AY3963" s="53"/>
      <c r="AZ3963" s="53"/>
      <c r="BA3963" s="53"/>
      <c r="BB3963" s="53"/>
      <c r="BC3963" s="53"/>
      <c r="BD3963" s="53"/>
      <c r="BE3963" s="53"/>
      <c r="BF3963" s="53"/>
      <c r="BG3963" s="53"/>
      <c r="BH3963" s="53"/>
      <c r="BI3963" s="53"/>
      <c r="BJ3963" s="53"/>
      <c r="BK3963" s="53"/>
      <c r="BL3963" s="53"/>
      <c r="BM3963" s="53"/>
      <c r="BN3963" s="53"/>
      <c r="BO3963" s="53"/>
      <c r="BP3963" s="53"/>
      <c r="BQ3963" s="53"/>
      <c r="BR3963" s="53"/>
      <c r="BS3963" s="53"/>
      <c r="BT3963" s="53"/>
      <c r="BU3963" s="53"/>
      <c r="BV3963" s="53"/>
      <c r="BW3963" s="53"/>
      <c r="BX3963" s="53"/>
      <c r="BY3963" s="53"/>
      <c r="BZ3963" s="53"/>
      <c r="CA3963" s="53"/>
      <c r="CB3963" s="53">
        <v>13527.6846307385</v>
      </c>
      <c r="CC3963" s="53">
        <v>13527.6846307385</v>
      </c>
      <c r="CD3963" s="53">
        <v>13527.6846307385</v>
      </c>
      <c r="CE3963" s="53">
        <v>13527.6846307385</v>
      </c>
      <c r="CF3963" s="53">
        <v>13527.6846307385</v>
      </c>
      <c r="CG3963" s="53">
        <v>13527.6846307385</v>
      </c>
      <c r="CH3963" s="53">
        <v>13527.6846307385</v>
      </c>
      <c r="CI3963" s="53">
        <v>13527.6846307385</v>
      </c>
      <c r="CJ3963" s="53">
        <v>13527.6846307385</v>
      </c>
      <c r="CK3963" s="53">
        <v>13527.6846307385</v>
      </c>
      <c r="CL3963" s="53">
        <v>13527.6846307385</v>
      </c>
      <c r="CM3963" s="53">
        <v>13527.6846307385</v>
      </c>
      <c r="CN3963" s="53">
        <v>162332.21556886201</v>
      </c>
    </row>
    <row r="3964" spans="1:92" outlineLevel="1">
      <c r="A3964" s="52" t="s">
        <v>649</v>
      </c>
      <c r="B3964" s="53"/>
      <c r="C3964" s="53"/>
      <c r="D3964" s="53"/>
      <c r="E3964" s="53"/>
      <c r="F3964" s="53"/>
      <c r="G3964" s="53"/>
      <c r="H3964" s="53"/>
      <c r="I3964" s="53"/>
      <c r="J3964" s="53"/>
      <c r="K3964" s="53"/>
      <c r="L3964" s="53"/>
      <c r="M3964" s="53"/>
      <c r="N3964" s="53"/>
      <c r="O3964" s="53">
        <v>1601563.91666667</v>
      </c>
      <c r="P3964" s="53">
        <v>1601563.91666667</v>
      </c>
      <c r="Q3964" s="53">
        <v>1601563.91666667</v>
      </c>
      <c r="R3964" s="53">
        <v>1601563.91666667</v>
      </c>
      <c r="S3964" s="53">
        <v>1601563.91666667</v>
      </c>
      <c r="T3964" s="53">
        <v>1601563.91666667</v>
      </c>
      <c r="U3964" s="53">
        <v>1601563.91666667</v>
      </c>
      <c r="V3964" s="53">
        <v>1601563.91666667</v>
      </c>
      <c r="W3964" s="53">
        <v>1601563.91666667</v>
      </c>
      <c r="X3964" s="53">
        <v>1601563.91666667</v>
      </c>
      <c r="Y3964" s="53">
        <v>1601563.91666667</v>
      </c>
      <c r="Z3964" s="53">
        <v>1601563.91666667</v>
      </c>
      <c r="AA3964" s="53">
        <v>19218767</v>
      </c>
      <c r="AB3964" s="53"/>
      <c r="AC3964" s="53"/>
      <c r="AD3964" s="53"/>
      <c r="AE3964" s="53"/>
      <c r="AF3964" s="53"/>
      <c r="AG3964" s="53"/>
      <c r="AH3964" s="53"/>
      <c r="AI3964" s="53"/>
      <c r="AJ3964" s="53"/>
      <c r="AK3964" s="53"/>
      <c r="AL3964" s="53"/>
      <c r="AM3964" s="53"/>
      <c r="AN3964" s="53"/>
      <c r="AO3964" s="53"/>
      <c r="AP3964" s="53"/>
      <c r="AQ3964" s="53"/>
      <c r="AR3964" s="53"/>
      <c r="AS3964" s="53"/>
      <c r="AT3964" s="53"/>
      <c r="AU3964" s="53"/>
      <c r="AV3964" s="53"/>
      <c r="AW3964" s="53"/>
      <c r="AX3964" s="53"/>
      <c r="AY3964" s="53"/>
      <c r="AZ3964" s="53"/>
      <c r="BA3964" s="53"/>
      <c r="BB3964" s="53"/>
      <c r="BC3964" s="53"/>
      <c r="BD3964" s="53"/>
      <c r="BE3964" s="53"/>
      <c r="BF3964" s="53"/>
      <c r="BG3964" s="53"/>
      <c r="BH3964" s="53"/>
      <c r="BI3964" s="53"/>
      <c r="BJ3964" s="53"/>
      <c r="BK3964" s="53"/>
      <c r="BL3964" s="53"/>
      <c r="BM3964" s="53"/>
      <c r="BN3964" s="53"/>
      <c r="BO3964" s="53"/>
      <c r="BP3964" s="53"/>
      <c r="BQ3964" s="53"/>
      <c r="BR3964" s="53"/>
      <c r="BS3964" s="53"/>
      <c r="BT3964" s="53"/>
      <c r="BU3964" s="53"/>
      <c r="BV3964" s="53"/>
      <c r="BW3964" s="53"/>
      <c r="BX3964" s="53"/>
      <c r="BY3964" s="53"/>
      <c r="BZ3964" s="53"/>
      <c r="CA3964" s="53"/>
      <c r="CB3964" s="53">
        <v>20148.9797979797</v>
      </c>
      <c r="CC3964" s="53">
        <v>20148.9797979797</v>
      </c>
      <c r="CD3964" s="53">
        <v>20148.9797979797</v>
      </c>
      <c r="CE3964" s="53">
        <v>20148.9797979797</v>
      </c>
      <c r="CF3964" s="53">
        <v>20148.9797979797</v>
      </c>
      <c r="CG3964" s="53">
        <v>20148.9797979797</v>
      </c>
      <c r="CH3964" s="53">
        <v>20148.9797979797</v>
      </c>
      <c r="CI3964" s="53">
        <v>20148.9797979797</v>
      </c>
      <c r="CJ3964" s="53">
        <v>20148.9797979797</v>
      </c>
      <c r="CK3964" s="53">
        <v>20148.9797979797</v>
      </c>
      <c r="CL3964" s="53">
        <v>20148.9797979797</v>
      </c>
      <c r="CM3964" s="53">
        <v>20148.9797979797</v>
      </c>
      <c r="CN3964" s="53">
        <v>241787.75757575699</v>
      </c>
    </row>
    <row r="3965" spans="1:92" outlineLevel="1">
      <c r="A3965" s="52" t="s">
        <v>1294</v>
      </c>
      <c r="B3965" s="53"/>
      <c r="C3965" s="53"/>
      <c r="D3965" s="53"/>
      <c r="E3965" s="53"/>
      <c r="F3965" s="53"/>
      <c r="G3965" s="53"/>
      <c r="H3965" s="53"/>
      <c r="I3965" s="53"/>
      <c r="J3965" s="53"/>
      <c r="K3965" s="53"/>
      <c r="L3965" s="53"/>
      <c r="M3965" s="53"/>
      <c r="N3965" s="53"/>
      <c r="O3965" s="53"/>
      <c r="P3965" s="53"/>
      <c r="Q3965" s="53"/>
      <c r="R3965" s="53"/>
      <c r="S3965" s="53"/>
      <c r="T3965" s="53"/>
      <c r="U3965" s="53"/>
      <c r="V3965" s="53"/>
      <c r="W3965" s="53"/>
      <c r="X3965" s="53"/>
      <c r="Y3965" s="53"/>
      <c r="Z3965" s="53"/>
      <c r="AA3965" s="53"/>
      <c r="AB3965" s="53"/>
      <c r="AC3965" s="53"/>
      <c r="AD3965" s="53"/>
      <c r="AE3965" s="53"/>
      <c r="AF3965" s="53"/>
      <c r="AG3965" s="53"/>
      <c r="AH3965" s="53"/>
      <c r="AI3965" s="53"/>
      <c r="AJ3965" s="53"/>
      <c r="AK3965" s="53"/>
      <c r="AL3965" s="53"/>
      <c r="AM3965" s="53"/>
      <c r="AN3965" s="53"/>
      <c r="AO3965" s="53"/>
      <c r="AP3965" s="53"/>
      <c r="AQ3965" s="53"/>
      <c r="AR3965" s="53"/>
      <c r="AS3965" s="53"/>
      <c r="AT3965" s="53"/>
      <c r="AU3965" s="53"/>
      <c r="AV3965" s="53"/>
      <c r="AW3965" s="53"/>
      <c r="AX3965" s="53"/>
      <c r="AY3965" s="53"/>
      <c r="AZ3965" s="53"/>
      <c r="BA3965" s="53"/>
      <c r="BB3965" s="53"/>
      <c r="BC3965" s="53"/>
      <c r="BD3965" s="53"/>
      <c r="BE3965" s="53"/>
      <c r="BF3965" s="53"/>
      <c r="BG3965" s="53"/>
      <c r="BH3965" s="53"/>
      <c r="BI3965" s="53"/>
      <c r="BJ3965" s="53"/>
      <c r="BK3965" s="53"/>
      <c r="BL3965" s="53"/>
      <c r="BM3965" s="53"/>
      <c r="BN3965" s="53"/>
      <c r="BO3965" s="53"/>
      <c r="BP3965" s="53"/>
      <c r="BQ3965" s="53"/>
      <c r="BR3965" s="53"/>
      <c r="BS3965" s="53"/>
      <c r="BT3965" s="53"/>
      <c r="BU3965" s="53"/>
      <c r="BV3965" s="53"/>
      <c r="BW3965" s="53"/>
      <c r="BX3965" s="53"/>
      <c r="BY3965" s="53"/>
      <c r="BZ3965" s="53"/>
      <c r="CA3965" s="53"/>
      <c r="CB3965" s="53"/>
      <c r="CC3965" s="53"/>
      <c r="CD3965" s="53"/>
      <c r="CE3965" s="53"/>
      <c r="CF3965" s="53"/>
      <c r="CG3965" s="53"/>
      <c r="CH3965" s="53"/>
      <c r="CI3965" s="53"/>
      <c r="CJ3965" s="53"/>
      <c r="CK3965" s="53"/>
      <c r="CL3965" s="53"/>
      <c r="CM3965" s="53"/>
      <c r="CN3965" s="53"/>
    </row>
    <row r="3966" spans="1:92" outlineLevel="1">
      <c r="A3966" s="52" t="s">
        <v>1249</v>
      </c>
      <c r="B3966" s="53"/>
      <c r="C3966" s="53"/>
      <c r="D3966" s="53"/>
      <c r="E3966" s="53"/>
      <c r="F3966" s="53"/>
      <c r="G3966" s="53"/>
      <c r="H3966" s="53"/>
      <c r="I3966" s="53"/>
      <c r="J3966" s="53"/>
      <c r="K3966" s="53"/>
      <c r="L3966" s="53"/>
      <c r="M3966" s="53"/>
      <c r="N3966" s="53"/>
      <c r="O3966" s="53">
        <v>-13011993.853433199</v>
      </c>
      <c r="P3966" s="53"/>
      <c r="Q3966" s="53"/>
      <c r="R3966" s="53"/>
      <c r="S3966" s="53"/>
      <c r="T3966" s="53"/>
      <c r="U3966" s="53"/>
      <c r="V3966" s="53"/>
      <c r="W3966" s="53"/>
      <c r="X3966" s="53"/>
      <c r="Y3966" s="53"/>
      <c r="Z3966" s="53"/>
      <c r="AA3966" s="53">
        <v>-13011993.853433199</v>
      </c>
      <c r="AB3966" s="53"/>
      <c r="AC3966" s="53"/>
      <c r="AD3966" s="53"/>
      <c r="AE3966" s="53"/>
      <c r="AF3966" s="53"/>
      <c r="AG3966" s="53"/>
      <c r="AH3966" s="53"/>
      <c r="AI3966" s="53"/>
      <c r="AJ3966" s="53"/>
      <c r="AK3966" s="53"/>
      <c r="AL3966" s="53"/>
      <c r="AM3966" s="53"/>
      <c r="AN3966" s="53"/>
      <c r="AO3966" s="53"/>
      <c r="AP3966" s="53"/>
      <c r="AQ3966" s="53"/>
      <c r="AR3966" s="53"/>
      <c r="AS3966" s="53"/>
      <c r="AT3966" s="53"/>
      <c r="AU3966" s="53"/>
      <c r="AV3966" s="53"/>
      <c r="AW3966" s="53"/>
      <c r="AX3966" s="53"/>
      <c r="AY3966" s="53"/>
      <c r="AZ3966" s="53"/>
      <c r="BA3966" s="53"/>
      <c r="BB3966" s="53"/>
      <c r="BC3966" s="53"/>
      <c r="BD3966" s="53"/>
      <c r="BE3966" s="53"/>
      <c r="BF3966" s="53"/>
      <c r="BG3966" s="53"/>
      <c r="BH3966" s="53"/>
      <c r="BI3966" s="53"/>
      <c r="BJ3966" s="53"/>
      <c r="BK3966" s="53"/>
      <c r="BL3966" s="53"/>
      <c r="BM3966" s="53"/>
      <c r="BN3966" s="53"/>
      <c r="BO3966" s="53"/>
      <c r="BP3966" s="53"/>
      <c r="BQ3966" s="53"/>
      <c r="BR3966" s="53"/>
      <c r="BS3966" s="53"/>
      <c r="BT3966" s="53"/>
      <c r="BU3966" s="53"/>
      <c r="BV3966" s="53"/>
      <c r="BW3966" s="53"/>
      <c r="BX3966" s="53"/>
      <c r="BY3966" s="53"/>
      <c r="BZ3966" s="53"/>
      <c r="CA3966" s="53"/>
      <c r="CB3966" s="53">
        <v>49399.371900826503</v>
      </c>
      <c r="CC3966" s="53">
        <v>49399.371900826402</v>
      </c>
      <c r="CD3966" s="53">
        <v>49399.371900826402</v>
      </c>
      <c r="CE3966" s="53">
        <v>49399.371900826402</v>
      </c>
      <c r="CF3966" s="53">
        <v>49399.371900826402</v>
      </c>
      <c r="CG3966" s="53">
        <v>49399.371900826402</v>
      </c>
      <c r="CH3966" s="53">
        <v>49399.371900826402</v>
      </c>
      <c r="CI3966" s="53">
        <v>49399.371900826402</v>
      </c>
      <c r="CJ3966" s="53">
        <v>49399.371900826402</v>
      </c>
      <c r="CK3966" s="53">
        <v>49399.371900826402</v>
      </c>
      <c r="CL3966" s="53">
        <v>49399.371900826503</v>
      </c>
      <c r="CM3966" s="53">
        <v>49399.371900826402</v>
      </c>
      <c r="CN3966" s="53">
        <v>592792.46280991798</v>
      </c>
    </row>
    <row r="3967" spans="1:92" outlineLevel="1">
      <c r="A3967" s="52" t="s">
        <v>1289</v>
      </c>
      <c r="B3967" s="53"/>
      <c r="C3967" s="53"/>
      <c r="D3967" s="53"/>
      <c r="E3967" s="53"/>
      <c r="F3967" s="53"/>
      <c r="G3967" s="53"/>
      <c r="H3967" s="53"/>
      <c r="I3967" s="53"/>
      <c r="J3967" s="53"/>
      <c r="K3967" s="53"/>
      <c r="L3967" s="53"/>
      <c r="M3967" s="53"/>
      <c r="N3967" s="53"/>
      <c r="O3967" s="53"/>
      <c r="P3967" s="53"/>
      <c r="Q3967" s="53"/>
      <c r="R3967" s="53"/>
      <c r="S3967" s="53"/>
      <c r="T3967" s="53"/>
      <c r="U3967" s="53"/>
      <c r="V3967" s="53"/>
      <c r="W3967" s="53"/>
      <c r="X3967" s="53"/>
      <c r="Y3967" s="53"/>
      <c r="Z3967" s="53"/>
      <c r="AA3967" s="53"/>
      <c r="AB3967" s="53"/>
      <c r="AC3967" s="53"/>
      <c r="AD3967" s="53"/>
      <c r="AE3967" s="53"/>
      <c r="AF3967" s="53"/>
      <c r="AG3967" s="53"/>
      <c r="AH3967" s="53"/>
      <c r="AI3967" s="53"/>
      <c r="AJ3967" s="53"/>
      <c r="AK3967" s="53"/>
      <c r="AL3967" s="53"/>
      <c r="AM3967" s="53"/>
      <c r="AN3967" s="53"/>
      <c r="AO3967" s="53"/>
      <c r="AP3967" s="53"/>
      <c r="AQ3967" s="53"/>
      <c r="AR3967" s="53"/>
      <c r="AS3967" s="53"/>
      <c r="AT3967" s="53"/>
      <c r="AU3967" s="53"/>
      <c r="AV3967" s="53"/>
      <c r="AW3967" s="53"/>
      <c r="AX3967" s="53"/>
      <c r="AY3967" s="53"/>
      <c r="AZ3967" s="53"/>
      <c r="BA3967" s="53"/>
      <c r="BB3967" s="53"/>
      <c r="BC3967" s="53"/>
      <c r="BD3967" s="53"/>
      <c r="BE3967" s="53"/>
      <c r="BF3967" s="53"/>
      <c r="BG3967" s="53"/>
      <c r="BH3967" s="53"/>
      <c r="BI3967" s="53"/>
      <c r="BJ3967" s="53"/>
      <c r="BK3967" s="53"/>
      <c r="BL3967" s="53"/>
      <c r="BM3967" s="53"/>
      <c r="BN3967" s="53"/>
      <c r="BO3967" s="53"/>
      <c r="BP3967" s="53"/>
      <c r="BQ3967" s="53"/>
      <c r="BR3967" s="53"/>
      <c r="BS3967" s="53"/>
      <c r="BT3967" s="53"/>
      <c r="BU3967" s="53"/>
      <c r="BV3967" s="53"/>
      <c r="BW3967" s="53"/>
      <c r="BX3967" s="53"/>
      <c r="BY3967" s="53"/>
      <c r="BZ3967" s="53"/>
      <c r="CA3967" s="53"/>
      <c r="CB3967" s="53">
        <v>13370.822605965401</v>
      </c>
      <c r="CC3967" s="53">
        <v>13370.822605965401</v>
      </c>
      <c r="CD3967" s="53">
        <v>13370.822605965401</v>
      </c>
      <c r="CE3967" s="53">
        <v>13370.822605965401</v>
      </c>
      <c r="CF3967" s="53">
        <v>13370.822605965401</v>
      </c>
      <c r="CG3967" s="53">
        <v>13370.822605965401</v>
      </c>
      <c r="CH3967" s="53">
        <v>13370.822605965401</v>
      </c>
      <c r="CI3967" s="53">
        <v>13370.822605965401</v>
      </c>
      <c r="CJ3967" s="53">
        <v>13370.822605965401</v>
      </c>
      <c r="CK3967" s="53">
        <v>13370.822605965401</v>
      </c>
      <c r="CL3967" s="53">
        <v>13370.822605965401</v>
      </c>
      <c r="CM3967" s="53">
        <v>13370.822605965401</v>
      </c>
      <c r="CN3967" s="53">
        <v>160449.871271585</v>
      </c>
    </row>
    <row r="3968" spans="1:92" outlineLevel="1">
      <c r="A3968" s="52" t="s">
        <v>1249</v>
      </c>
      <c r="B3968" s="53">
        <v>166666.66666666701</v>
      </c>
      <c r="C3968" s="53">
        <v>166666.66666666701</v>
      </c>
      <c r="D3968" s="53">
        <v>166666.66666666701</v>
      </c>
      <c r="E3968" s="53">
        <v>166666.66666666701</v>
      </c>
      <c r="F3968" s="53">
        <v>166666.66666666701</v>
      </c>
      <c r="G3968" s="53">
        <v>166666.66666666701</v>
      </c>
      <c r="H3968" s="53">
        <v>166666.66666666701</v>
      </c>
      <c r="I3968" s="53">
        <v>166666.66666666701</v>
      </c>
      <c r="J3968" s="53">
        <v>166666.66666666701</v>
      </c>
      <c r="K3968" s="53">
        <v>166666.66666666701</v>
      </c>
      <c r="L3968" s="53">
        <v>166666.66666666701</v>
      </c>
      <c r="M3968" s="53">
        <v>166666.66666666701</v>
      </c>
      <c r="N3968" s="53">
        <v>2000000</v>
      </c>
      <c r="O3968" s="53">
        <v>13011993.853433199</v>
      </c>
      <c r="P3968" s="53"/>
      <c r="Q3968" s="53"/>
      <c r="R3968" s="53"/>
      <c r="S3968" s="53"/>
      <c r="T3968" s="53"/>
      <c r="U3968" s="53"/>
      <c r="V3968" s="53"/>
      <c r="W3968" s="53"/>
      <c r="X3968" s="53"/>
      <c r="Y3968" s="53"/>
      <c r="Z3968" s="53"/>
      <c r="AA3968" s="53">
        <v>13011993.853433199</v>
      </c>
      <c r="AB3968" s="53"/>
      <c r="AC3968" s="53"/>
      <c r="AD3968" s="53"/>
      <c r="AE3968" s="53"/>
      <c r="AF3968" s="53"/>
      <c r="AG3968" s="53"/>
      <c r="AH3968" s="53"/>
      <c r="AI3968" s="53"/>
      <c r="AJ3968" s="53"/>
      <c r="AK3968" s="53"/>
      <c r="AL3968" s="53"/>
      <c r="AM3968" s="53"/>
      <c r="AN3968" s="53"/>
      <c r="AO3968" s="53"/>
      <c r="AP3968" s="53"/>
      <c r="AQ3968" s="53"/>
      <c r="AR3968" s="53"/>
      <c r="AS3968" s="53"/>
      <c r="AT3968" s="53"/>
      <c r="AU3968" s="53"/>
      <c r="AV3968" s="53"/>
      <c r="AW3968" s="53"/>
      <c r="AX3968" s="53"/>
      <c r="AY3968" s="53"/>
      <c r="AZ3968" s="53"/>
      <c r="BA3968" s="53"/>
      <c r="BB3968" s="53"/>
      <c r="BC3968" s="53"/>
      <c r="BD3968" s="53"/>
      <c r="BE3968" s="53"/>
      <c r="BF3968" s="53"/>
      <c r="BG3968" s="53"/>
      <c r="BH3968" s="53"/>
      <c r="BI3968" s="53"/>
      <c r="BJ3968" s="53"/>
      <c r="BK3968" s="53"/>
      <c r="BL3968" s="53"/>
      <c r="BM3968" s="53"/>
      <c r="BN3968" s="53"/>
      <c r="BO3968" s="53"/>
      <c r="BP3968" s="53"/>
      <c r="BQ3968" s="53"/>
      <c r="BR3968" s="53"/>
      <c r="BS3968" s="53"/>
      <c r="BT3968" s="53"/>
      <c r="BU3968" s="53"/>
      <c r="BV3968" s="53"/>
      <c r="BW3968" s="53"/>
      <c r="BX3968" s="53"/>
      <c r="BY3968" s="53"/>
      <c r="BZ3968" s="53"/>
      <c r="CA3968" s="53"/>
      <c r="CB3968" s="53">
        <v>44991.872611464903</v>
      </c>
      <c r="CC3968" s="53">
        <v>44991.872611464903</v>
      </c>
      <c r="CD3968" s="53">
        <v>44991.872611464903</v>
      </c>
      <c r="CE3968" s="53">
        <v>44991.872611464903</v>
      </c>
      <c r="CF3968" s="53">
        <v>44991.872611464903</v>
      </c>
      <c r="CG3968" s="53">
        <v>44991.872611464903</v>
      </c>
      <c r="CH3968" s="53">
        <v>44991.872611464903</v>
      </c>
      <c r="CI3968" s="53">
        <v>44991.872611464903</v>
      </c>
      <c r="CJ3968" s="53">
        <v>44991.872611464903</v>
      </c>
      <c r="CK3968" s="53">
        <v>44991.872611464903</v>
      </c>
      <c r="CL3968" s="53">
        <v>44991.872611464903</v>
      </c>
      <c r="CM3968" s="53">
        <v>44991.872611464903</v>
      </c>
      <c r="CN3968" s="53">
        <v>539902.47133757896</v>
      </c>
    </row>
    <row r="3969" spans="1:92" outlineLevel="1">
      <c r="A3969" s="52" t="s">
        <v>1287</v>
      </c>
      <c r="B3969" s="53"/>
      <c r="C3969" s="53"/>
      <c r="D3969" s="53"/>
      <c r="E3969" s="53"/>
      <c r="F3969" s="53"/>
      <c r="G3969" s="53"/>
      <c r="H3969" s="53"/>
      <c r="I3969" s="53"/>
      <c r="J3969" s="53"/>
      <c r="K3969" s="53"/>
      <c r="L3969" s="53"/>
      <c r="M3969" s="53"/>
      <c r="N3969" s="53"/>
      <c r="O3969" s="53"/>
      <c r="P3969" s="53"/>
      <c r="Q3969" s="53"/>
      <c r="R3969" s="53"/>
      <c r="S3969" s="53"/>
      <c r="T3969" s="53"/>
      <c r="U3969" s="53"/>
      <c r="V3969" s="53"/>
      <c r="W3969" s="53"/>
      <c r="X3969" s="53"/>
      <c r="Y3969" s="53"/>
      <c r="Z3969" s="53"/>
      <c r="AA3969" s="53"/>
      <c r="AB3969" s="53"/>
      <c r="AC3969" s="53"/>
      <c r="AD3969" s="53"/>
      <c r="AE3969" s="53"/>
      <c r="AF3969" s="53"/>
      <c r="AG3969" s="53"/>
      <c r="AH3969" s="53"/>
      <c r="AI3969" s="53"/>
      <c r="AJ3969" s="53"/>
      <c r="AK3969" s="53"/>
      <c r="AL3969" s="53"/>
      <c r="AM3969" s="53"/>
      <c r="AN3969" s="53"/>
      <c r="AO3969" s="53"/>
      <c r="AP3969" s="53"/>
      <c r="AQ3969" s="53"/>
      <c r="AR3969" s="53"/>
      <c r="AS3969" s="53"/>
      <c r="AT3969" s="53"/>
      <c r="AU3969" s="53"/>
      <c r="AV3969" s="53"/>
      <c r="AW3969" s="53"/>
      <c r="AX3969" s="53"/>
      <c r="AY3969" s="53"/>
      <c r="AZ3969" s="53"/>
      <c r="BA3969" s="53"/>
      <c r="BB3969" s="53"/>
      <c r="BC3969" s="53"/>
      <c r="BD3969" s="53"/>
      <c r="BE3969" s="53"/>
      <c r="BF3969" s="53"/>
      <c r="BG3969" s="53"/>
      <c r="BH3969" s="53"/>
      <c r="BI3969" s="53"/>
      <c r="BJ3969" s="53"/>
      <c r="BK3969" s="53"/>
      <c r="BL3969" s="53"/>
      <c r="BM3969" s="53"/>
      <c r="BN3969" s="53"/>
      <c r="BO3969" s="53"/>
      <c r="BP3969" s="53"/>
      <c r="BQ3969" s="53"/>
      <c r="BR3969" s="53"/>
      <c r="BS3969" s="53"/>
      <c r="BT3969" s="53"/>
      <c r="BU3969" s="53"/>
      <c r="BV3969" s="53"/>
      <c r="BW3969" s="53"/>
      <c r="BX3969" s="53"/>
      <c r="BY3969" s="53"/>
      <c r="BZ3969" s="53"/>
      <c r="CA3969" s="53"/>
      <c r="CB3969" s="53">
        <v>52157.242105263002</v>
      </c>
      <c r="CC3969" s="53">
        <v>52157.242105263002</v>
      </c>
      <c r="CD3969" s="53">
        <v>52157.242105263103</v>
      </c>
      <c r="CE3969" s="53">
        <v>52157.242105263002</v>
      </c>
      <c r="CF3969" s="53">
        <v>52157.242105263002</v>
      </c>
      <c r="CG3969" s="53">
        <v>52157.242105263002</v>
      </c>
      <c r="CH3969" s="53">
        <v>52157.242105263103</v>
      </c>
      <c r="CI3969" s="53">
        <v>52157.242105263002</v>
      </c>
      <c r="CJ3969" s="53">
        <v>52157.242105263002</v>
      </c>
      <c r="CK3969" s="53">
        <v>52157.242105263002</v>
      </c>
      <c r="CL3969" s="53">
        <v>52157.242105263002</v>
      </c>
      <c r="CM3969" s="53">
        <v>52157.242105263002</v>
      </c>
      <c r="CN3969" s="53">
        <v>625886.90526315698</v>
      </c>
    </row>
    <row r="3970" spans="1:92" outlineLevel="1">
      <c r="A3970" s="52" t="s">
        <v>1249</v>
      </c>
      <c r="B3970" s="53">
        <v>16854.599999999999</v>
      </c>
      <c r="C3970" s="53">
        <v>8567.7999999999993</v>
      </c>
      <c r="D3970" s="53">
        <v>1641.6</v>
      </c>
      <c r="E3970" s="53">
        <v>4957</v>
      </c>
      <c r="F3970" s="53">
        <v>16777.400000000001</v>
      </c>
      <c r="G3970" s="53">
        <v>-395.1</v>
      </c>
      <c r="H3970" s="53">
        <v>-113.6</v>
      </c>
      <c r="I3970" s="53">
        <v>455.2</v>
      </c>
      <c r="J3970" s="53">
        <v>2129</v>
      </c>
      <c r="K3970" s="53">
        <v>1834.8999999999901</v>
      </c>
      <c r="L3970" s="53">
        <v>8.6969565163599292</v>
      </c>
      <c r="M3970" s="53">
        <v>6925.2</v>
      </c>
      <c r="N3970" s="53">
        <v>59642.696956516302</v>
      </c>
      <c r="O3970" s="53">
        <v>-26972252.3807608</v>
      </c>
      <c r="P3970" s="53">
        <v>-12342.963667496701</v>
      </c>
      <c r="Q3970" s="53">
        <v>-107477.202463333</v>
      </c>
      <c r="R3970" s="53">
        <v>-107264.92164589401</v>
      </c>
      <c r="S3970" s="53">
        <v>-87254.804872237801</v>
      </c>
      <c r="T3970" s="53">
        <v>-56618.983309157898</v>
      </c>
      <c r="U3970" s="53">
        <v>-66423.5662530962</v>
      </c>
      <c r="V3970" s="53">
        <v>-57434.5205439364</v>
      </c>
      <c r="W3970" s="53">
        <v>-58357.588991040197</v>
      </c>
      <c r="X3970" s="53">
        <v>-76317.635634432503</v>
      </c>
      <c r="Y3970" s="53">
        <v>8353.6205669180599</v>
      </c>
      <c r="Z3970" s="53">
        <v>9266.0006087423099</v>
      </c>
      <c r="AA3970" s="53">
        <v>-27584124.946965698</v>
      </c>
      <c r="AB3970" s="53">
        <v>-19566.449826817901</v>
      </c>
      <c r="AC3970" s="53">
        <v>-33703.264818216499</v>
      </c>
      <c r="AD3970" s="53">
        <v>35567.587871606302</v>
      </c>
      <c r="AE3970" s="53">
        <v>-5642.2607364955602</v>
      </c>
      <c r="AF3970" s="53">
        <v>60900.837342934603</v>
      </c>
      <c r="AG3970" s="53">
        <v>73746.685166889001</v>
      </c>
      <c r="AH3970" s="53">
        <v>26884.298339926499</v>
      </c>
      <c r="AI3970" s="53">
        <v>-77031.902905713301</v>
      </c>
      <c r="AJ3970" s="53">
        <v>-44708.705025899697</v>
      </c>
      <c r="AK3970" s="53">
        <v>-53810.013761321403</v>
      </c>
      <c r="AL3970" s="53">
        <v>5011.6688384317404</v>
      </c>
      <c r="AM3970" s="53">
        <v>22556.548018615998</v>
      </c>
      <c r="AN3970" s="53">
        <v>-9794.9714960601395</v>
      </c>
      <c r="AO3970" s="53">
        <v>16592.636564938301</v>
      </c>
      <c r="AP3970" s="53">
        <v>24403.5073785116</v>
      </c>
      <c r="AQ3970" s="53">
        <v>84752.463028330603</v>
      </c>
      <c r="AR3970" s="53">
        <v>44264.936813268498</v>
      </c>
      <c r="AS3970" s="53">
        <v>94468.629338087398</v>
      </c>
      <c r="AT3970" s="53">
        <v>103709.355246443</v>
      </c>
      <c r="AU3970" s="53">
        <v>56280.2952303407</v>
      </c>
      <c r="AV3970" s="53">
        <v>-70896.193023423199</v>
      </c>
      <c r="AW3970" s="53">
        <v>-43270.8060995552</v>
      </c>
      <c r="AX3970" s="53">
        <v>-13107.5833478512</v>
      </c>
      <c r="AY3970" s="53">
        <v>18262.825693200899</v>
      </c>
      <c r="AZ3970" s="53">
        <v>20087.004303966602</v>
      </c>
      <c r="BA3970" s="53">
        <v>335547.071126258</v>
      </c>
      <c r="BB3970" s="53">
        <v>15829.759425570999</v>
      </c>
      <c r="BC3970" s="53">
        <v>20453.762957928098</v>
      </c>
      <c r="BD3970" s="53">
        <v>58907.947855812403</v>
      </c>
      <c r="BE3970" s="53">
        <v>32315.685607551099</v>
      </c>
      <c r="BF3970" s="53">
        <v>79736.355696440995</v>
      </c>
      <c r="BG3970" s="53">
        <v>76219.210612762297</v>
      </c>
      <c r="BH3970" s="53">
        <v>44241.617582025399</v>
      </c>
      <c r="BI3970" s="53">
        <v>-93594.184419023804</v>
      </c>
      <c r="BJ3970" s="53">
        <v>-82810.495379220796</v>
      </c>
      <c r="BK3970" s="53">
        <v>-49982.634886036998</v>
      </c>
      <c r="BL3970" s="53">
        <v>-23808.6058711197</v>
      </c>
      <c r="BM3970" s="53">
        <v>-21308.695381128899</v>
      </c>
      <c r="BN3970" s="53">
        <v>56199.7238015611</v>
      </c>
      <c r="BO3970" s="53">
        <v>-10423.2427628449</v>
      </c>
      <c r="BP3970" s="53">
        <v>-597.35156434180703</v>
      </c>
      <c r="BQ3970" s="53">
        <v>23318.967840968999</v>
      </c>
      <c r="BR3970" s="53">
        <v>15157.073525915501</v>
      </c>
      <c r="BS3970" s="53">
        <v>49889.174690979402</v>
      </c>
      <c r="BT3970" s="53">
        <v>41408.2619443652</v>
      </c>
      <c r="BU3970" s="53">
        <v>32623.451761930399</v>
      </c>
      <c r="BV3970" s="53">
        <v>-114032.39609742</v>
      </c>
      <c r="BW3970" s="53">
        <v>-102229.043502389</v>
      </c>
      <c r="BX3970" s="53">
        <v>-66725.321171368705</v>
      </c>
      <c r="BY3970" s="53">
        <v>-47441.8958135211</v>
      </c>
      <c r="BZ3970" s="53">
        <v>-45557.996967385399</v>
      </c>
      <c r="CA3970" s="53">
        <v>-224610.31811511199</v>
      </c>
      <c r="CB3970" s="53"/>
      <c r="CC3970" s="53"/>
      <c r="CD3970" s="53"/>
      <c r="CE3970" s="53"/>
      <c r="CF3970" s="53"/>
      <c r="CG3970" s="53"/>
      <c r="CH3970" s="53"/>
      <c r="CI3970" s="53"/>
      <c r="CJ3970" s="53"/>
      <c r="CK3970" s="53"/>
      <c r="CL3970" s="53"/>
      <c r="CM3970" s="53"/>
      <c r="CN3970" s="53"/>
    </row>
    <row r="3971" spans="1:92" outlineLevel="1">
      <c r="A3971" s="52" t="s">
        <v>1291</v>
      </c>
      <c r="B3971" s="53"/>
      <c r="C3971" s="53"/>
      <c r="D3971" s="53"/>
      <c r="E3971" s="53"/>
      <c r="F3971" s="53"/>
      <c r="G3971" s="53"/>
      <c r="H3971" s="53"/>
      <c r="I3971" s="53"/>
      <c r="J3971" s="53"/>
      <c r="K3971" s="53"/>
      <c r="L3971" s="53"/>
      <c r="M3971" s="53"/>
      <c r="N3971" s="53"/>
      <c r="O3971" s="53"/>
      <c r="P3971" s="53"/>
      <c r="Q3971" s="53"/>
      <c r="R3971" s="53"/>
      <c r="S3971" s="53"/>
      <c r="T3971" s="53"/>
      <c r="U3971" s="53"/>
      <c r="V3971" s="53"/>
      <c r="W3971" s="53"/>
      <c r="X3971" s="53"/>
      <c r="Y3971" s="53"/>
      <c r="Z3971" s="53"/>
      <c r="AA3971" s="53"/>
      <c r="AB3971" s="53"/>
      <c r="AC3971" s="53"/>
      <c r="AD3971" s="53"/>
      <c r="AE3971" s="53"/>
      <c r="AF3971" s="53"/>
      <c r="AG3971" s="53"/>
      <c r="AH3971" s="53"/>
      <c r="AI3971" s="53"/>
      <c r="AJ3971" s="53"/>
      <c r="AK3971" s="53"/>
      <c r="AL3971" s="53"/>
      <c r="AM3971" s="53"/>
      <c r="AN3971" s="53"/>
      <c r="AO3971" s="53"/>
      <c r="AP3971" s="53"/>
      <c r="AQ3971" s="53"/>
      <c r="AR3971" s="53"/>
      <c r="AS3971" s="53"/>
      <c r="AT3971" s="53"/>
      <c r="AU3971" s="53"/>
      <c r="AV3971" s="53"/>
      <c r="AW3971" s="53"/>
      <c r="AX3971" s="53"/>
      <c r="AY3971" s="53"/>
      <c r="AZ3971" s="53"/>
      <c r="BA3971" s="53"/>
      <c r="BB3971" s="53"/>
      <c r="BC3971" s="53"/>
      <c r="BD3971" s="53"/>
      <c r="BE3971" s="53"/>
      <c r="BF3971" s="53"/>
      <c r="BG3971" s="53"/>
      <c r="BH3971" s="53"/>
      <c r="BI3971" s="53"/>
      <c r="BJ3971" s="53"/>
      <c r="BK3971" s="53"/>
      <c r="BL3971" s="53"/>
      <c r="BM3971" s="53"/>
      <c r="BN3971" s="53"/>
      <c r="BO3971" s="53"/>
      <c r="BP3971" s="53"/>
      <c r="BQ3971" s="53"/>
      <c r="BR3971" s="53"/>
      <c r="BS3971" s="53"/>
      <c r="BT3971" s="53"/>
      <c r="BU3971" s="53"/>
      <c r="BV3971" s="53"/>
      <c r="BW3971" s="53"/>
      <c r="BX3971" s="53"/>
      <c r="BY3971" s="53"/>
      <c r="BZ3971" s="53"/>
      <c r="CA3971" s="53"/>
      <c r="CB3971" s="53">
        <v>38996.049261083703</v>
      </c>
      <c r="CC3971" s="53">
        <v>38996.049261083703</v>
      </c>
      <c r="CD3971" s="53">
        <v>38996.049261083703</v>
      </c>
      <c r="CE3971" s="53">
        <v>38996.049261083703</v>
      </c>
      <c r="CF3971" s="53">
        <v>38996.049261083703</v>
      </c>
      <c r="CG3971" s="53">
        <v>38996.049261083703</v>
      </c>
      <c r="CH3971" s="53">
        <v>38996.049261083703</v>
      </c>
      <c r="CI3971" s="53">
        <v>38996.049261083703</v>
      </c>
      <c r="CJ3971" s="53">
        <v>38996.049261083703</v>
      </c>
      <c r="CK3971" s="53">
        <v>38996.049261083703</v>
      </c>
      <c r="CL3971" s="53">
        <v>38996.049261083703</v>
      </c>
      <c r="CM3971" s="53">
        <v>38996.049261083703</v>
      </c>
      <c r="CN3971" s="53">
        <v>467952.591133004</v>
      </c>
    </row>
    <row r="3972" spans="1:92" outlineLevel="1">
      <c r="A3972" s="52" t="s">
        <v>1249</v>
      </c>
      <c r="B3972" s="53">
        <v>720000.74046040897</v>
      </c>
      <c r="C3972" s="53">
        <v>720000.74046040897</v>
      </c>
      <c r="D3972" s="53">
        <v>720000.74046040897</v>
      </c>
      <c r="E3972" s="53">
        <v>720000.74046040897</v>
      </c>
      <c r="F3972" s="53">
        <v>720000.74046040897</v>
      </c>
      <c r="G3972" s="53">
        <v>720000.74046040897</v>
      </c>
      <c r="H3972" s="53">
        <v>720000.74046040897</v>
      </c>
      <c r="I3972" s="53">
        <v>720000.74046040897</v>
      </c>
      <c r="J3972" s="53">
        <v>720000.74046040897</v>
      </c>
      <c r="K3972" s="53">
        <v>720000.74046040897</v>
      </c>
      <c r="L3972" s="53">
        <v>720000.74046040897</v>
      </c>
      <c r="M3972" s="53">
        <v>720000.74046040897</v>
      </c>
      <c r="N3972" s="53">
        <v>8640008.8855249099</v>
      </c>
      <c r="O3972" s="53">
        <v>837739.11872719799</v>
      </c>
      <c r="P3972" s="53">
        <v>-14366131.421122599</v>
      </c>
      <c r="Q3972" s="53">
        <v>-6636112.9663426802</v>
      </c>
      <c r="R3972" s="53">
        <v>17382.418596622301</v>
      </c>
      <c r="S3972" s="53">
        <v>1320420.1621185499</v>
      </c>
      <c r="T3972" s="53">
        <v>1222762.59542939</v>
      </c>
      <c r="U3972" s="53">
        <v>1246933.72720965</v>
      </c>
      <c r="V3972" s="53">
        <v>1198618.65355461</v>
      </c>
      <c r="W3972" s="53">
        <v>816607.97157991305</v>
      </c>
      <c r="X3972" s="53">
        <v>78969.734516533194</v>
      </c>
      <c r="Y3972" s="53"/>
      <c r="Z3972" s="53"/>
      <c r="AA3972" s="53">
        <v>-14262810.005732801</v>
      </c>
      <c r="AB3972" s="53">
        <v>159396.98351845299</v>
      </c>
      <c r="AC3972" s="53">
        <v>7655.8406842814302</v>
      </c>
      <c r="AD3972" s="53"/>
      <c r="AE3972" s="53">
        <v>97255.291564477404</v>
      </c>
      <c r="AF3972" s="53">
        <v>776917.36263051303</v>
      </c>
      <c r="AG3972" s="53">
        <v>738188.55743353197</v>
      </c>
      <c r="AH3972" s="53">
        <v>708003.12641932396</v>
      </c>
      <c r="AI3972" s="53">
        <v>812705.60911089601</v>
      </c>
      <c r="AJ3972" s="53">
        <v>406740.82915997098</v>
      </c>
      <c r="AK3972" s="53">
        <v>183173.97711180101</v>
      </c>
      <c r="AL3972" s="53">
        <v>267465.69639317802</v>
      </c>
      <c r="AM3972" s="53"/>
      <c r="AN3972" s="53">
        <v>4157503.27402642</v>
      </c>
      <c r="AO3972" s="53">
        <v>31914.462826986</v>
      </c>
      <c r="AP3972" s="53">
        <v>8623.9390217233395</v>
      </c>
      <c r="AQ3972" s="53">
        <v>321708.75747491699</v>
      </c>
      <c r="AR3972" s="53">
        <v>149778.38290843501</v>
      </c>
      <c r="AS3972" s="53">
        <v>340894.52444876998</v>
      </c>
      <c r="AT3972" s="53">
        <v>351551.61753155699</v>
      </c>
      <c r="AU3972" s="53">
        <v>330216.15992824099</v>
      </c>
      <c r="AV3972" s="53">
        <v>231424.09819176799</v>
      </c>
      <c r="AW3972" s="53">
        <v>217062.36264681499</v>
      </c>
      <c r="AX3972" s="53">
        <v>114785.01584178599</v>
      </c>
      <c r="AY3972" s="53"/>
      <c r="AZ3972" s="53"/>
      <c r="BA3972" s="53">
        <v>2097959.32082099</v>
      </c>
      <c r="BB3972" s="53">
        <v>54835.355413437399</v>
      </c>
      <c r="BC3972" s="53">
        <v>5999.9016805231804</v>
      </c>
      <c r="BD3972" s="53"/>
      <c r="BE3972" s="53">
        <v>3534.66142005345</v>
      </c>
      <c r="BF3972" s="53">
        <v>446186.69961813401</v>
      </c>
      <c r="BG3972" s="53">
        <v>457606.463671531</v>
      </c>
      <c r="BH3972" s="53">
        <v>439080.89468070801</v>
      </c>
      <c r="BI3972" s="53">
        <v>401082.65208509698</v>
      </c>
      <c r="BJ3972" s="53">
        <v>342254.75542270602</v>
      </c>
      <c r="BK3972" s="53">
        <v>377762.24580325698</v>
      </c>
      <c r="BL3972" s="53">
        <v>108007.46336428</v>
      </c>
      <c r="BM3972" s="53"/>
      <c r="BN3972" s="53">
        <v>2636351.0931597198</v>
      </c>
      <c r="BO3972" s="53">
        <v>42811.950860384997</v>
      </c>
      <c r="BP3972" s="53">
        <v>21507.163226604502</v>
      </c>
      <c r="BQ3972" s="53">
        <v>201253.810403068</v>
      </c>
      <c r="BR3972" s="53">
        <v>2741.34073271125</v>
      </c>
      <c r="BS3972" s="53">
        <v>289003.657767025</v>
      </c>
      <c r="BT3972" s="53">
        <v>285680.66946936602</v>
      </c>
      <c r="BU3972" s="53">
        <v>288034.81392021099</v>
      </c>
      <c r="BV3972" s="53">
        <v>251776.877214943</v>
      </c>
      <c r="BW3972" s="53">
        <v>225111.941258292</v>
      </c>
      <c r="BX3972" s="53">
        <v>167914.45636721599</v>
      </c>
      <c r="BY3972" s="53"/>
      <c r="BZ3972" s="53">
        <v>4270.7639702566703</v>
      </c>
      <c r="CA3972" s="53">
        <v>1780107.44519007</v>
      </c>
      <c r="CB3972" s="53">
        <v>48595.514644351497</v>
      </c>
      <c r="CC3972" s="53">
        <v>48595.514644351497</v>
      </c>
      <c r="CD3972" s="53">
        <v>48595.514644351497</v>
      </c>
      <c r="CE3972" s="53">
        <v>48595.514644351497</v>
      </c>
      <c r="CF3972" s="53">
        <v>48595.514644351497</v>
      </c>
      <c r="CG3972" s="53">
        <v>48595.514644351497</v>
      </c>
      <c r="CH3972" s="53">
        <v>48595.514644351497</v>
      </c>
      <c r="CI3972" s="53">
        <v>48595.514644351497</v>
      </c>
      <c r="CJ3972" s="53">
        <v>48595.514644351497</v>
      </c>
      <c r="CK3972" s="53">
        <v>48595.514644351497</v>
      </c>
      <c r="CL3972" s="53">
        <v>48595.514644351497</v>
      </c>
      <c r="CM3972" s="53">
        <v>48595.514644351497</v>
      </c>
      <c r="CN3972" s="53">
        <v>583146.17573221796</v>
      </c>
    </row>
    <row r="3973" spans="1:92" outlineLevel="1">
      <c r="A3973" s="52" t="s">
        <v>1292</v>
      </c>
      <c r="B3973" s="53"/>
      <c r="C3973" s="53"/>
      <c r="D3973" s="53"/>
      <c r="E3973" s="53"/>
      <c r="F3973" s="53"/>
      <c r="G3973" s="53"/>
      <c r="H3973" s="53"/>
      <c r="I3973" s="53"/>
      <c r="J3973" s="53"/>
      <c r="K3973" s="53"/>
      <c r="L3973" s="53"/>
      <c r="M3973" s="53"/>
      <c r="N3973" s="53"/>
      <c r="O3973" s="53"/>
      <c r="P3973" s="53"/>
      <c r="Q3973" s="53"/>
      <c r="R3973" s="53"/>
      <c r="S3973" s="53"/>
      <c r="T3973" s="53"/>
      <c r="U3973" s="53"/>
      <c r="V3973" s="53"/>
      <c r="W3973" s="53"/>
      <c r="X3973" s="53"/>
      <c r="Y3973" s="53"/>
      <c r="Z3973" s="53"/>
      <c r="AA3973" s="53"/>
      <c r="AB3973" s="53"/>
      <c r="AC3973" s="53"/>
      <c r="AD3973" s="53"/>
      <c r="AE3973" s="53"/>
      <c r="AF3973" s="53"/>
      <c r="AG3973" s="53"/>
      <c r="AH3973" s="53"/>
      <c r="AI3973" s="53"/>
      <c r="AJ3973" s="53"/>
      <c r="AK3973" s="53"/>
      <c r="AL3973" s="53"/>
      <c r="AM3973" s="53"/>
      <c r="AN3973" s="53"/>
      <c r="AO3973" s="53"/>
      <c r="AP3973" s="53"/>
      <c r="AQ3973" s="53"/>
      <c r="AR3973" s="53"/>
      <c r="AS3973" s="53"/>
      <c r="AT3973" s="53"/>
      <c r="AU3973" s="53"/>
      <c r="AV3973" s="53"/>
      <c r="AW3973" s="53"/>
      <c r="AX3973" s="53"/>
      <c r="AY3973" s="53"/>
      <c r="AZ3973" s="53"/>
      <c r="BA3973" s="53"/>
      <c r="BB3973" s="53"/>
      <c r="BC3973" s="53"/>
      <c r="BD3973" s="53"/>
      <c r="BE3973" s="53"/>
      <c r="BF3973" s="53"/>
      <c r="BG3973" s="53"/>
      <c r="BH3973" s="53"/>
      <c r="BI3973" s="53"/>
      <c r="BJ3973" s="53"/>
      <c r="BK3973" s="53"/>
      <c r="BL3973" s="53"/>
      <c r="BM3973" s="53"/>
      <c r="BN3973" s="53"/>
      <c r="BO3973" s="53"/>
      <c r="BP3973" s="53"/>
      <c r="BQ3973" s="53"/>
      <c r="BR3973" s="53"/>
      <c r="BS3973" s="53"/>
      <c r="BT3973" s="53"/>
      <c r="BU3973" s="53"/>
      <c r="BV3973" s="53"/>
      <c r="BW3973" s="53"/>
      <c r="BX3973" s="53"/>
      <c r="BY3973" s="53"/>
      <c r="BZ3973" s="53"/>
      <c r="CA3973" s="53"/>
      <c r="CB3973" s="53">
        <v>16652.086230876201</v>
      </c>
      <c r="CC3973" s="53">
        <v>16652.086230876201</v>
      </c>
      <c r="CD3973" s="53">
        <v>16652.086230876201</v>
      </c>
      <c r="CE3973" s="53">
        <v>16652.086230876201</v>
      </c>
      <c r="CF3973" s="53">
        <v>16652.086230876201</v>
      </c>
      <c r="CG3973" s="53">
        <v>16652.086230876201</v>
      </c>
      <c r="CH3973" s="53">
        <v>16652.086230876201</v>
      </c>
      <c r="CI3973" s="53">
        <v>16652.086230876201</v>
      </c>
      <c r="CJ3973" s="53">
        <v>16652.086230876201</v>
      </c>
      <c r="CK3973" s="53">
        <v>16652.086230876201</v>
      </c>
      <c r="CL3973" s="53">
        <v>16652.086230876201</v>
      </c>
      <c r="CM3973" s="53">
        <v>16652.086230876201</v>
      </c>
      <c r="CN3973" s="53">
        <v>199825.034770514</v>
      </c>
    </row>
    <row r="3974" spans="1:92" outlineLevel="1">
      <c r="A3974" s="52" t="s">
        <v>1249</v>
      </c>
      <c r="B3974" s="53">
        <v>-228698.20629999999</v>
      </c>
      <c r="C3974" s="53">
        <v>-117870.7846</v>
      </c>
      <c r="D3974" s="53">
        <v>-62151.5</v>
      </c>
      <c r="E3974" s="53">
        <v>-36723.769999999997</v>
      </c>
      <c r="F3974" s="53">
        <v>-66655.3</v>
      </c>
      <c r="G3974" s="53">
        <v>1206775</v>
      </c>
      <c r="H3974" s="53">
        <v>1170593.8</v>
      </c>
      <c r="I3974" s="53">
        <v>1213492.29999999</v>
      </c>
      <c r="J3974" s="53">
        <v>1231131.8999999999</v>
      </c>
      <c r="K3974" s="53">
        <v>1234847.6000000001</v>
      </c>
      <c r="L3974" s="53">
        <v>1244708.5999999901</v>
      </c>
      <c r="M3974" s="53">
        <v>4505441.3999999901</v>
      </c>
      <c r="N3974" s="53">
        <v>11294891.0390999</v>
      </c>
      <c r="O3974" s="53"/>
      <c r="P3974" s="53"/>
      <c r="Q3974" s="53"/>
      <c r="R3974" s="53"/>
      <c r="S3974" s="53"/>
      <c r="T3974" s="53"/>
      <c r="U3974" s="53"/>
      <c r="V3974" s="53"/>
      <c r="W3974" s="53"/>
      <c r="X3974" s="53"/>
      <c r="Y3974" s="53"/>
      <c r="Z3974" s="53"/>
      <c r="AA3974" s="53"/>
      <c r="AB3974" s="53"/>
      <c r="AC3974" s="53"/>
      <c r="AD3974" s="53"/>
      <c r="AE3974" s="53"/>
      <c r="AF3974" s="53"/>
      <c r="AG3974" s="53"/>
      <c r="AH3974" s="53"/>
      <c r="AI3974" s="53"/>
      <c r="AJ3974" s="53"/>
      <c r="AK3974" s="53"/>
      <c r="AL3974" s="53"/>
      <c r="AM3974" s="53"/>
      <c r="AN3974" s="53"/>
      <c r="AO3974" s="53"/>
      <c r="AP3974" s="53"/>
      <c r="AQ3974" s="53"/>
      <c r="AR3974" s="53"/>
      <c r="AS3974" s="53"/>
      <c r="AT3974" s="53"/>
      <c r="AU3974" s="53"/>
      <c r="AV3974" s="53"/>
      <c r="AW3974" s="53"/>
      <c r="AX3974" s="53"/>
      <c r="AY3974" s="53"/>
      <c r="AZ3974" s="53"/>
      <c r="BA3974" s="53"/>
      <c r="BB3974" s="53"/>
      <c r="BC3974" s="53"/>
      <c r="BD3974" s="53"/>
      <c r="BE3974" s="53"/>
      <c r="BF3974" s="53"/>
      <c r="BG3974" s="53"/>
      <c r="BH3974" s="53"/>
      <c r="BI3974" s="53"/>
      <c r="BJ3974" s="53"/>
      <c r="BK3974" s="53"/>
      <c r="BL3974" s="53"/>
      <c r="BM3974" s="53"/>
      <c r="BN3974" s="53"/>
      <c r="BO3974" s="53"/>
      <c r="BP3974" s="53"/>
      <c r="BQ3974" s="53"/>
      <c r="BR3974" s="53"/>
      <c r="BS3974" s="53"/>
      <c r="BT3974" s="53"/>
      <c r="BU3974" s="53"/>
      <c r="BV3974" s="53"/>
      <c r="BW3974" s="53"/>
      <c r="BX3974" s="53"/>
      <c r="BY3974" s="53"/>
      <c r="BZ3974" s="53"/>
      <c r="CA3974" s="53"/>
      <c r="CB3974" s="53"/>
      <c r="CC3974" s="53"/>
      <c r="CD3974" s="53"/>
      <c r="CE3974" s="53"/>
      <c r="CF3974" s="53"/>
      <c r="CG3974" s="53"/>
      <c r="CH3974" s="53"/>
      <c r="CI3974" s="53"/>
      <c r="CJ3974" s="53"/>
      <c r="CK3974" s="53"/>
      <c r="CL3974" s="53"/>
      <c r="CM3974" s="53"/>
      <c r="CN3974" s="53"/>
    </row>
    <row r="3975" spans="1:92" outlineLevel="1">
      <c r="A3975" s="52" t="s">
        <v>1355</v>
      </c>
      <c r="B3975" s="53"/>
      <c r="C3975" s="53"/>
      <c r="D3975" s="53"/>
      <c r="E3975" s="53"/>
      <c r="F3975" s="53"/>
      <c r="G3975" s="53"/>
      <c r="H3975" s="53"/>
      <c r="I3975" s="53"/>
      <c r="J3975" s="53"/>
      <c r="K3975" s="53"/>
      <c r="L3975" s="53"/>
      <c r="M3975" s="53"/>
      <c r="N3975" s="53"/>
      <c r="O3975" s="53"/>
      <c r="P3975" s="53"/>
      <c r="Q3975" s="53"/>
      <c r="R3975" s="53"/>
      <c r="S3975" s="53"/>
      <c r="T3975" s="53"/>
      <c r="U3975" s="53"/>
      <c r="V3975" s="53"/>
      <c r="W3975" s="53"/>
      <c r="X3975" s="53"/>
      <c r="Y3975" s="53"/>
      <c r="Z3975" s="53"/>
      <c r="AA3975" s="53"/>
      <c r="AB3975" s="53"/>
      <c r="AC3975" s="53"/>
      <c r="AD3975" s="53"/>
      <c r="AE3975" s="53"/>
      <c r="AF3975" s="53"/>
      <c r="AG3975" s="53"/>
      <c r="AH3975" s="53"/>
      <c r="AI3975" s="53"/>
      <c r="AJ3975" s="53"/>
      <c r="AK3975" s="53"/>
      <c r="AL3975" s="53"/>
      <c r="AM3975" s="53"/>
      <c r="AN3975" s="53"/>
      <c r="AO3975" s="53"/>
      <c r="AP3975" s="53"/>
      <c r="AQ3975" s="53"/>
      <c r="AR3975" s="53"/>
      <c r="AS3975" s="53"/>
      <c r="AT3975" s="53"/>
      <c r="AU3975" s="53"/>
      <c r="AV3975" s="53"/>
      <c r="AW3975" s="53"/>
      <c r="AX3975" s="53"/>
      <c r="AY3975" s="53"/>
      <c r="AZ3975" s="53"/>
      <c r="BA3975" s="53"/>
      <c r="BB3975" s="53"/>
      <c r="BC3975" s="53"/>
      <c r="BD3975" s="53"/>
      <c r="BE3975" s="53"/>
      <c r="BF3975" s="53"/>
      <c r="BG3975" s="53"/>
      <c r="BH3975" s="53"/>
      <c r="BI3975" s="53"/>
      <c r="BJ3975" s="53"/>
      <c r="BK3975" s="53"/>
      <c r="BL3975" s="53"/>
      <c r="BM3975" s="53"/>
      <c r="BN3975" s="53"/>
      <c r="BO3975" s="53"/>
      <c r="BP3975" s="53"/>
      <c r="BQ3975" s="53"/>
      <c r="BR3975" s="53"/>
      <c r="BS3975" s="53"/>
      <c r="BT3975" s="53"/>
      <c r="BU3975" s="53"/>
      <c r="BV3975" s="53"/>
      <c r="BW3975" s="53"/>
      <c r="BX3975" s="53"/>
      <c r="BY3975" s="53"/>
      <c r="BZ3975" s="53"/>
      <c r="CA3975" s="53"/>
      <c r="CB3975" s="53">
        <v>1213.9315068493099</v>
      </c>
      <c r="CC3975" s="53">
        <v>1213.9315068493099</v>
      </c>
      <c r="CD3975" s="53">
        <v>1213.9315068493099</v>
      </c>
      <c r="CE3975" s="53">
        <v>1213.9315068493099</v>
      </c>
      <c r="CF3975" s="53">
        <v>1213.9315068493099</v>
      </c>
      <c r="CG3975" s="53">
        <v>1213.9315068493099</v>
      </c>
      <c r="CH3975" s="53">
        <v>1213.9315068493099</v>
      </c>
      <c r="CI3975" s="53">
        <v>1213.9315068493099</v>
      </c>
      <c r="CJ3975" s="53">
        <v>1213.9315068493099</v>
      </c>
      <c r="CK3975" s="53">
        <v>1213.9315068493099</v>
      </c>
      <c r="CL3975" s="53">
        <v>1213.9315068493099</v>
      </c>
      <c r="CM3975" s="53">
        <v>1213.9315068493099</v>
      </c>
      <c r="CN3975" s="53">
        <v>14567.1780821917</v>
      </c>
    </row>
    <row r="3976" spans="1:92" outlineLevel="1">
      <c r="A3976" s="52" t="s">
        <v>649</v>
      </c>
      <c r="B3976" s="53">
        <v>53905.799270000003</v>
      </c>
      <c r="C3976" s="53">
        <v>53905.799270000003</v>
      </c>
      <c r="D3976" s="53">
        <v>53905.799270000003</v>
      </c>
      <c r="E3976" s="53">
        <v>53905.799270000003</v>
      </c>
      <c r="F3976" s="53">
        <v>53905.799270000003</v>
      </c>
      <c r="G3976" s="53">
        <v>53905.799270000003</v>
      </c>
      <c r="H3976" s="53">
        <v>53905.799270000003</v>
      </c>
      <c r="I3976" s="53">
        <v>53905.799270000003</v>
      </c>
      <c r="J3976" s="53">
        <v>53905.799270000003</v>
      </c>
      <c r="K3976" s="53">
        <v>53905.799270000003</v>
      </c>
      <c r="L3976" s="53">
        <v>53905.799270000003</v>
      </c>
      <c r="M3976" s="53">
        <v>53905.799270000003</v>
      </c>
      <c r="N3976" s="53">
        <v>646869.59123999998</v>
      </c>
      <c r="O3976" s="53">
        <v>53905.799270000003</v>
      </c>
      <c r="P3976" s="53">
        <v>53905.799270000003</v>
      </c>
      <c r="Q3976" s="53">
        <v>53905.799270000003</v>
      </c>
      <c r="R3976" s="53">
        <v>53905.799270000003</v>
      </c>
      <c r="S3976" s="53">
        <v>53905.799270000003</v>
      </c>
      <c r="T3976" s="53">
        <v>53905.799270000003</v>
      </c>
      <c r="U3976" s="53">
        <v>53905.799270000003</v>
      </c>
      <c r="V3976" s="53">
        <v>53905.799270000003</v>
      </c>
      <c r="W3976" s="53">
        <v>53905.799270000003</v>
      </c>
      <c r="X3976" s="53">
        <v>53905.799270000003</v>
      </c>
      <c r="Y3976" s="53">
        <v>53905.799270000003</v>
      </c>
      <c r="Z3976" s="53">
        <v>53905.799270000003</v>
      </c>
      <c r="AA3976" s="53">
        <v>646869.59123999998</v>
      </c>
      <c r="AB3976" s="53">
        <v>53905.799270000003</v>
      </c>
      <c r="AC3976" s="53">
        <v>53905.799270000003</v>
      </c>
      <c r="AD3976" s="53">
        <v>53905.799270000003</v>
      </c>
      <c r="AE3976" s="53">
        <v>53905.799270000003</v>
      </c>
      <c r="AF3976" s="53">
        <v>53905.799270000003</v>
      </c>
      <c r="AG3976" s="53"/>
      <c r="AH3976" s="53"/>
      <c r="AI3976" s="53"/>
      <c r="AJ3976" s="53"/>
      <c r="AK3976" s="53"/>
      <c r="AL3976" s="53"/>
      <c r="AM3976" s="53"/>
      <c r="AN3976" s="53">
        <v>269528.99634999997</v>
      </c>
      <c r="AO3976" s="53"/>
      <c r="AP3976" s="53"/>
      <c r="AQ3976" s="53"/>
      <c r="AR3976" s="53"/>
      <c r="AS3976" s="53"/>
      <c r="AT3976" s="53"/>
      <c r="AU3976" s="53"/>
      <c r="AV3976" s="53"/>
      <c r="AW3976" s="53"/>
      <c r="AX3976" s="53"/>
      <c r="AY3976" s="53"/>
      <c r="AZ3976" s="53"/>
      <c r="BA3976" s="53"/>
      <c r="BB3976" s="53"/>
      <c r="BC3976" s="53"/>
      <c r="BD3976" s="53"/>
      <c r="BE3976" s="53"/>
      <c r="BF3976" s="53"/>
      <c r="BG3976" s="53"/>
      <c r="BH3976" s="53"/>
      <c r="BI3976" s="53"/>
      <c r="BJ3976" s="53"/>
      <c r="BK3976" s="53"/>
      <c r="BL3976" s="53"/>
      <c r="BM3976" s="53"/>
      <c r="BN3976" s="53"/>
      <c r="BO3976" s="53"/>
      <c r="BP3976" s="53"/>
      <c r="BQ3976" s="53"/>
      <c r="BR3976" s="53"/>
      <c r="BS3976" s="53"/>
      <c r="BT3976" s="53"/>
      <c r="BU3976" s="53"/>
      <c r="BV3976" s="53"/>
      <c r="BW3976" s="53"/>
      <c r="BX3976" s="53"/>
      <c r="BY3976" s="53"/>
      <c r="BZ3976" s="53"/>
      <c r="CA3976" s="53"/>
      <c r="CB3976" s="53">
        <v>1583.15671641791</v>
      </c>
      <c r="CC3976" s="53">
        <v>1583.15671641791</v>
      </c>
      <c r="CD3976" s="53">
        <v>1583.15671641791</v>
      </c>
      <c r="CE3976" s="53">
        <v>1583.15671641791</v>
      </c>
      <c r="CF3976" s="53">
        <v>1583.15671641791</v>
      </c>
      <c r="CG3976" s="53">
        <v>1583.15671641791</v>
      </c>
      <c r="CH3976" s="53">
        <v>1583.15671641791</v>
      </c>
      <c r="CI3976" s="53">
        <v>1583.15671641791</v>
      </c>
      <c r="CJ3976" s="53">
        <v>1583.15671641791</v>
      </c>
      <c r="CK3976" s="53">
        <v>1583.15671641791</v>
      </c>
      <c r="CL3976" s="53">
        <v>1583.15671641791</v>
      </c>
      <c r="CM3976" s="53">
        <v>1583.15671641791</v>
      </c>
      <c r="CN3976" s="53">
        <v>18997.880597014901</v>
      </c>
    </row>
    <row r="3977" spans="1:92" outlineLevel="1">
      <c r="A3977" s="52" t="s">
        <v>1722</v>
      </c>
      <c r="B3977" s="53"/>
      <c r="C3977" s="53"/>
      <c r="D3977" s="53"/>
      <c r="E3977" s="53"/>
      <c r="F3977" s="53"/>
      <c r="G3977" s="53"/>
      <c r="H3977" s="53"/>
      <c r="I3977" s="53"/>
      <c r="J3977" s="53"/>
      <c r="K3977" s="53"/>
      <c r="L3977" s="53"/>
      <c r="M3977" s="53"/>
      <c r="N3977" s="53"/>
      <c r="O3977" s="53"/>
      <c r="P3977" s="53"/>
      <c r="Q3977" s="53"/>
      <c r="R3977" s="53"/>
      <c r="S3977" s="53"/>
      <c r="T3977" s="53"/>
      <c r="U3977" s="53"/>
      <c r="V3977" s="53"/>
      <c r="W3977" s="53"/>
      <c r="X3977" s="53"/>
      <c r="Y3977" s="53"/>
      <c r="Z3977" s="53"/>
      <c r="AA3977" s="53"/>
      <c r="AB3977" s="53"/>
      <c r="AC3977" s="53"/>
      <c r="AD3977" s="53"/>
      <c r="AE3977" s="53"/>
      <c r="AF3977" s="53"/>
      <c r="AG3977" s="53"/>
      <c r="AH3977" s="53"/>
      <c r="AI3977" s="53"/>
      <c r="AJ3977" s="53"/>
      <c r="AK3977" s="53"/>
      <c r="AL3977" s="53"/>
      <c r="AM3977" s="53"/>
      <c r="AN3977" s="53"/>
      <c r="AO3977" s="53"/>
      <c r="AP3977" s="53"/>
      <c r="AQ3977" s="53"/>
      <c r="AR3977" s="53"/>
      <c r="AS3977" s="53"/>
      <c r="AT3977" s="53"/>
      <c r="AU3977" s="53"/>
      <c r="AV3977" s="53"/>
      <c r="AW3977" s="53"/>
      <c r="AX3977" s="53"/>
      <c r="AY3977" s="53"/>
      <c r="AZ3977" s="53"/>
      <c r="BA3977" s="53"/>
      <c r="BB3977" s="53"/>
      <c r="BC3977" s="53"/>
      <c r="BD3977" s="53"/>
      <c r="BE3977" s="53"/>
      <c r="BF3977" s="53"/>
      <c r="BG3977" s="53"/>
      <c r="BH3977" s="53"/>
      <c r="BI3977" s="53"/>
      <c r="BJ3977" s="53"/>
      <c r="BK3977" s="53"/>
      <c r="BL3977" s="53"/>
      <c r="BM3977" s="53"/>
      <c r="BN3977" s="53"/>
      <c r="BO3977" s="53"/>
      <c r="BP3977" s="53"/>
      <c r="BQ3977" s="53"/>
      <c r="BR3977" s="53"/>
      <c r="BS3977" s="53"/>
      <c r="BT3977" s="53"/>
      <c r="BU3977" s="53"/>
      <c r="BV3977" s="53"/>
      <c r="BW3977" s="53"/>
      <c r="BX3977" s="53"/>
      <c r="BY3977" s="53"/>
      <c r="BZ3977" s="53"/>
      <c r="CA3977" s="53"/>
      <c r="CB3977" s="53">
        <v>1833.3899204244001</v>
      </c>
      <c r="CC3977" s="53">
        <v>1833.3899204244001</v>
      </c>
      <c r="CD3977" s="53">
        <v>1833.3899204244001</v>
      </c>
      <c r="CE3977" s="53">
        <v>1833.3899204244001</v>
      </c>
      <c r="CF3977" s="53">
        <v>1833.3899204244001</v>
      </c>
      <c r="CG3977" s="53">
        <v>1833.3899204244001</v>
      </c>
      <c r="CH3977" s="53">
        <v>1833.3899204244001</v>
      </c>
      <c r="CI3977" s="53">
        <v>1833.3899204244001</v>
      </c>
      <c r="CJ3977" s="53">
        <v>1833.3899204244001</v>
      </c>
      <c r="CK3977" s="53">
        <v>1833.3899204244001</v>
      </c>
      <c r="CL3977" s="53">
        <v>1833.3899204244001</v>
      </c>
      <c r="CM3977" s="53">
        <v>1833.3899204244001</v>
      </c>
      <c r="CN3977" s="53">
        <v>22000.679045092798</v>
      </c>
    </row>
    <row r="3978" spans="1:92" outlineLevel="1">
      <c r="A3978" s="52" t="s">
        <v>649</v>
      </c>
      <c r="B3978" s="53"/>
      <c r="C3978" s="53"/>
      <c r="D3978" s="53">
        <v>9259099.3000000007</v>
      </c>
      <c r="E3978" s="53">
        <v>12892250</v>
      </c>
      <c r="F3978" s="53">
        <v>6848650.7000000002</v>
      </c>
      <c r="G3978" s="53"/>
      <c r="H3978" s="53"/>
      <c r="I3978" s="53"/>
      <c r="J3978" s="53"/>
      <c r="K3978" s="53"/>
      <c r="L3978" s="53"/>
      <c r="M3978" s="53"/>
      <c r="N3978" s="53">
        <v>29000000</v>
      </c>
      <c r="O3978" s="53"/>
      <c r="P3978" s="53"/>
      <c r="Q3978" s="53"/>
      <c r="R3978" s="53"/>
      <c r="S3978" s="53"/>
      <c r="T3978" s="53"/>
      <c r="U3978" s="53"/>
      <c r="V3978" s="53"/>
      <c r="W3978" s="53"/>
      <c r="X3978" s="53"/>
      <c r="Y3978" s="53"/>
      <c r="Z3978" s="53"/>
      <c r="AA3978" s="53"/>
      <c r="AB3978" s="53"/>
      <c r="AC3978" s="53"/>
      <c r="AD3978" s="53"/>
      <c r="AE3978" s="53"/>
      <c r="AF3978" s="53"/>
      <c r="AG3978" s="53"/>
      <c r="AH3978" s="53"/>
      <c r="AI3978" s="53"/>
      <c r="AJ3978" s="53"/>
      <c r="AK3978" s="53"/>
      <c r="AL3978" s="53"/>
      <c r="AM3978" s="53"/>
      <c r="AN3978" s="53"/>
      <c r="AO3978" s="53"/>
      <c r="AP3978" s="53"/>
      <c r="AQ3978" s="53"/>
      <c r="AR3978" s="53"/>
      <c r="AS3978" s="53"/>
      <c r="AT3978" s="53"/>
      <c r="AU3978" s="53"/>
      <c r="AV3978" s="53"/>
      <c r="AW3978" s="53"/>
      <c r="AX3978" s="53"/>
      <c r="AY3978" s="53"/>
      <c r="AZ3978" s="53"/>
      <c r="BA3978" s="53"/>
      <c r="BB3978" s="53"/>
      <c r="BC3978" s="53"/>
      <c r="BD3978" s="53"/>
      <c r="BE3978" s="53"/>
      <c r="BF3978" s="53"/>
      <c r="BG3978" s="53"/>
      <c r="BH3978" s="53"/>
      <c r="BI3978" s="53"/>
      <c r="BJ3978" s="53"/>
      <c r="BK3978" s="53"/>
      <c r="BL3978" s="53"/>
      <c r="BM3978" s="53"/>
      <c r="BN3978" s="53"/>
      <c r="BO3978" s="53"/>
      <c r="BP3978" s="53"/>
      <c r="BQ3978" s="53"/>
      <c r="BR3978" s="53"/>
      <c r="BS3978" s="53"/>
      <c r="BT3978" s="53"/>
      <c r="BU3978" s="53"/>
      <c r="BV3978" s="53"/>
      <c r="BW3978" s="53"/>
      <c r="BX3978" s="53"/>
      <c r="BY3978" s="53"/>
      <c r="BZ3978" s="53"/>
      <c r="CA3978" s="53"/>
      <c r="CB3978" s="53"/>
      <c r="CC3978" s="53"/>
      <c r="CD3978" s="53"/>
      <c r="CE3978" s="53"/>
      <c r="CF3978" s="53"/>
      <c r="CG3978" s="53"/>
      <c r="CH3978" s="53"/>
      <c r="CI3978" s="53"/>
      <c r="CJ3978" s="53"/>
      <c r="CK3978" s="53"/>
      <c r="CL3978" s="53"/>
      <c r="CM3978" s="53"/>
      <c r="CN3978" s="53"/>
    </row>
    <row r="3979" spans="1:92" outlineLevel="1">
      <c r="A3979" s="52" t="s">
        <v>1431</v>
      </c>
      <c r="B3979" s="53"/>
      <c r="C3979" s="53"/>
      <c r="D3979" s="53"/>
      <c r="E3979" s="53"/>
      <c r="F3979" s="53"/>
      <c r="G3979" s="53"/>
      <c r="H3979" s="53"/>
      <c r="I3979" s="53"/>
      <c r="J3979" s="53"/>
      <c r="K3979" s="53"/>
      <c r="L3979" s="53"/>
      <c r="M3979" s="53"/>
      <c r="N3979" s="53"/>
      <c r="O3979" s="53"/>
      <c r="P3979" s="53"/>
      <c r="Q3979" s="53"/>
      <c r="R3979" s="53"/>
      <c r="S3979" s="53"/>
      <c r="T3979" s="53"/>
      <c r="U3979" s="53"/>
      <c r="V3979" s="53"/>
      <c r="W3979" s="53"/>
      <c r="X3979" s="53"/>
      <c r="Y3979" s="53"/>
      <c r="Z3979" s="53"/>
      <c r="AA3979" s="53"/>
      <c r="AB3979" s="53"/>
      <c r="AC3979" s="53"/>
      <c r="AD3979" s="53"/>
      <c r="AE3979" s="53"/>
      <c r="AF3979" s="53"/>
      <c r="AG3979" s="53"/>
      <c r="AH3979" s="53"/>
      <c r="AI3979" s="53"/>
      <c r="AJ3979" s="53"/>
      <c r="AK3979" s="53"/>
      <c r="AL3979" s="53"/>
      <c r="AM3979" s="53"/>
      <c r="AN3979" s="53"/>
      <c r="AO3979" s="53"/>
      <c r="AP3979" s="53"/>
      <c r="AQ3979" s="53"/>
      <c r="AR3979" s="53"/>
      <c r="AS3979" s="53"/>
      <c r="AT3979" s="53"/>
      <c r="AU3979" s="53"/>
      <c r="AV3979" s="53"/>
      <c r="AW3979" s="53"/>
      <c r="AX3979" s="53"/>
      <c r="AY3979" s="53"/>
      <c r="AZ3979" s="53"/>
      <c r="BA3979" s="53"/>
      <c r="BB3979" s="53"/>
      <c r="BC3979" s="53"/>
      <c r="BD3979" s="53"/>
      <c r="BE3979" s="53"/>
      <c r="BF3979" s="53"/>
      <c r="BG3979" s="53"/>
      <c r="BH3979" s="53"/>
      <c r="BI3979" s="53"/>
      <c r="BJ3979" s="53"/>
      <c r="BK3979" s="53"/>
      <c r="BL3979" s="53"/>
      <c r="BM3979" s="53"/>
      <c r="BN3979" s="53"/>
      <c r="BO3979" s="53"/>
      <c r="BP3979" s="53"/>
      <c r="BQ3979" s="53"/>
      <c r="BR3979" s="53"/>
      <c r="BS3979" s="53"/>
      <c r="BT3979" s="53"/>
      <c r="BU3979" s="53"/>
      <c r="BV3979" s="53"/>
      <c r="BW3979" s="53"/>
      <c r="BX3979" s="53"/>
      <c r="BY3979" s="53"/>
      <c r="BZ3979" s="53"/>
      <c r="CA3979" s="53"/>
      <c r="CB3979" s="53"/>
      <c r="CC3979" s="53"/>
      <c r="CD3979" s="53"/>
      <c r="CE3979" s="53"/>
      <c r="CF3979" s="53"/>
      <c r="CG3979" s="53"/>
      <c r="CH3979" s="53"/>
      <c r="CI3979" s="53"/>
      <c r="CJ3979" s="53"/>
      <c r="CK3979" s="53"/>
      <c r="CL3979" s="53"/>
      <c r="CM3979" s="53"/>
      <c r="CN3979" s="53"/>
    </row>
    <row r="3980" spans="1:92" outlineLevel="1">
      <c r="A3980" s="52" t="s">
        <v>649</v>
      </c>
      <c r="B3980" s="53">
        <v>29000000</v>
      </c>
      <c r="C3980" s="53"/>
      <c r="D3980" s="53"/>
      <c r="E3980" s="53"/>
      <c r="F3980" s="53"/>
      <c r="G3980" s="53"/>
      <c r="H3980" s="53"/>
      <c r="I3980" s="53"/>
      <c r="J3980" s="53"/>
      <c r="K3980" s="53"/>
      <c r="L3980" s="53"/>
      <c r="M3980" s="53"/>
      <c r="N3980" s="53">
        <v>29000000</v>
      </c>
      <c r="O3980" s="53"/>
      <c r="P3980" s="53"/>
      <c r="Q3980" s="53"/>
      <c r="R3980" s="53"/>
      <c r="S3980" s="53"/>
      <c r="T3980" s="53"/>
      <c r="U3980" s="53"/>
      <c r="V3980" s="53"/>
      <c r="W3980" s="53"/>
      <c r="X3980" s="53"/>
      <c r="Y3980" s="53"/>
      <c r="Z3980" s="53"/>
      <c r="AA3980" s="53"/>
      <c r="AB3980" s="53"/>
      <c r="AC3980" s="53"/>
      <c r="AD3980" s="53"/>
      <c r="AE3980" s="53"/>
      <c r="AF3980" s="53"/>
      <c r="AG3980" s="53"/>
      <c r="AH3980" s="53"/>
      <c r="AI3980" s="53"/>
      <c r="AJ3980" s="53"/>
      <c r="AK3980" s="53"/>
      <c r="AL3980" s="53"/>
      <c r="AM3980" s="53"/>
      <c r="AN3980" s="53"/>
      <c r="AO3980" s="53"/>
      <c r="AP3980" s="53"/>
      <c r="AQ3980" s="53"/>
      <c r="AR3980" s="53"/>
      <c r="AS3980" s="53"/>
      <c r="AT3980" s="53"/>
      <c r="AU3980" s="53"/>
      <c r="AV3980" s="53"/>
      <c r="AW3980" s="53"/>
      <c r="AX3980" s="53"/>
      <c r="AY3980" s="53"/>
      <c r="AZ3980" s="53"/>
      <c r="BA3980" s="53"/>
      <c r="BB3980" s="53"/>
      <c r="BC3980" s="53"/>
      <c r="BD3980" s="53"/>
      <c r="BE3980" s="53"/>
      <c r="BF3980" s="53"/>
      <c r="BG3980" s="53"/>
      <c r="BH3980" s="53"/>
      <c r="BI3980" s="53"/>
      <c r="BJ3980" s="53"/>
      <c r="BK3980" s="53"/>
      <c r="BL3980" s="53"/>
      <c r="BM3980" s="53"/>
      <c r="BN3980" s="53"/>
      <c r="BO3980" s="53"/>
      <c r="BP3980" s="53"/>
      <c r="BQ3980" s="53"/>
      <c r="BR3980" s="53"/>
      <c r="BS3980" s="53"/>
      <c r="BT3980" s="53"/>
      <c r="BU3980" s="53"/>
      <c r="BV3980" s="53"/>
      <c r="BW3980" s="53"/>
      <c r="BX3980" s="53"/>
      <c r="BY3980" s="53"/>
      <c r="BZ3980" s="53"/>
      <c r="CA3980" s="53"/>
      <c r="CB3980" s="53">
        <v>11723.4531645569</v>
      </c>
      <c r="CC3980" s="53">
        <v>11723.4531645569</v>
      </c>
      <c r="CD3980" s="53">
        <v>11723.4531645569</v>
      </c>
      <c r="CE3980" s="53">
        <v>11723.4531645569</v>
      </c>
      <c r="CF3980" s="53">
        <v>11723.4531645569</v>
      </c>
      <c r="CG3980" s="53">
        <v>11723.4531645569</v>
      </c>
      <c r="CH3980" s="53">
        <v>11723.4531645569</v>
      </c>
      <c r="CI3980" s="53">
        <v>11723.4531645569</v>
      </c>
      <c r="CJ3980" s="53">
        <v>11723.4531645569</v>
      </c>
      <c r="CK3980" s="53">
        <v>11723.4531645569</v>
      </c>
      <c r="CL3980" s="53">
        <v>11723.4531645569</v>
      </c>
      <c r="CM3980" s="53">
        <v>11723.4531645569</v>
      </c>
      <c r="CN3980" s="53">
        <v>140681.43797468301</v>
      </c>
    </row>
    <row r="3981" spans="1:92" outlineLevel="1">
      <c r="A3981" s="52" t="s">
        <v>1414</v>
      </c>
      <c r="B3981" s="53"/>
      <c r="C3981" s="53"/>
      <c r="D3981" s="53"/>
      <c r="E3981" s="53"/>
      <c r="F3981" s="53"/>
      <c r="G3981" s="53"/>
      <c r="H3981" s="53"/>
      <c r="I3981" s="53"/>
      <c r="J3981" s="53"/>
      <c r="K3981" s="53"/>
      <c r="L3981" s="53"/>
      <c r="M3981" s="53"/>
      <c r="N3981" s="53"/>
      <c r="O3981" s="53"/>
      <c r="P3981" s="53"/>
      <c r="Q3981" s="53"/>
      <c r="R3981" s="53"/>
      <c r="S3981" s="53"/>
      <c r="T3981" s="53"/>
      <c r="U3981" s="53"/>
      <c r="V3981" s="53"/>
      <c r="W3981" s="53"/>
      <c r="X3981" s="53"/>
      <c r="Y3981" s="53"/>
      <c r="Z3981" s="53"/>
      <c r="AA3981" s="53"/>
      <c r="AB3981" s="53"/>
      <c r="AC3981" s="53"/>
      <c r="AD3981" s="53"/>
      <c r="AE3981" s="53"/>
      <c r="AF3981" s="53"/>
      <c r="AG3981" s="53"/>
      <c r="AH3981" s="53"/>
      <c r="AI3981" s="53"/>
      <c r="AJ3981" s="53"/>
      <c r="AK3981" s="53"/>
      <c r="AL3981" s="53"/>
      <c r="AM3981" s="53"/>
      <c r="AN3981" s="53"/>
      <c r="AO3981" s="53"/>
      <c r="AP3981" s="53"/>
      <c r="AQ3981" s="53"/>
      <c r="AR3981" s="53"/>
      <c r="AS3981" s="53"/>
      <c r="AT3981" s="53"/>
      <c r="AU3981" s="53"/>
      <c r="AV3981" s="53"/>
      <c r="AW3981" s="53"/>
      <c r="AX3981" s="53"/>
      <c r="AY3981" s="53"/>
      <c r="AZ3981" s="53"/>
      <c r="BA3981" s="53"/>
      <c r="BB3981" s="53"/>
      <c r="BC3981" s="53"/>
      <c r="BD3981" s="53"/>
      <c r="BE3981" s="53"/>
      <c r="BF3981" s="53"/>
      <c r="BG3981" s="53"/>
      <c r="BH3981" s="53"/>
      <c r="BI3981" s="53"/>
      <c r="BJ3981" s="53"/>
      <c r="BK3981" s="53"/>
      <c r="BL3981" s="53"/>
      <c r="BM3981" s="53"/>
      <c r="BN3981" s="53"/>
      <c r="BO3981" s="53"/>
      <c r="BP3981" s="53"/>
      <c r="BQ3981" s="53"/>
      <c r="BR3981" s="53"/>
      <c r="BS3981" s="53"/>
      <c r="BT3981" s="53"/>
      <c r="BU3981" s="53"/>
      <c r="BV3981" s="53"/>
      <c r="BW3981" s="53"/>
      <c r="BX3981" s="53"/>
      <c r="BY3981" s="53"/>
      <c r="BZ3981" s="53"/>
      <c r="CA3981" s="53"/>
      <c r="CB3981" s="53">
        <v>4051.8264840182501</v>
      </c>
      <c r="CC3981" s="53">
        <v>4051.8264840182501</v>
      </c>
      <c r="CD3981" s="53">
        <v>4051.8264840182501</v>
      </c>
      <c r="CE3981" s="53">
        <v>4051.8264840182501</v>
      </c>
      <c r="CF3981" s="53">
        <v>4051.8264840182501</v>
      </c>
      <c r="CG3981" s="53">
        <v>4051.8264840182501</v>
      </c>
      <c r="CH3981" s="53">
        <v>4051.8264840182501</v>
      </c>
      <c r="CI3981" s="53">
        <v>4051.8264840182501</v>
      </c>
      <c r="CJ3981" s="53">
        <v>4051.8264840182501</v>
      </c>
      <c r="CK3981" s="53">
        <v>4051.8264840182501</v>
      </c>
      <c r="CL3981" s="53">
        <v>4051.8264840182401</v>
      </c>
      <c r="CM3981" s="53">
        <v>4051.8264840182401</v>
      </c>
      <c r="CN3981" s="53">
        <v>48621.917808218997</v>
      </c>
    </row>
    <row r="3982" spans="1:92" outlineLevel="1">
      <c r="A3982" s="52" t="s">
        <v>1704</v>
      </c>
      <c r="B3982" s="53"/>
      <c r="C3982" s="53"/>
      <c r="D3982" s="53"/>
      <c r="E3982" s="53"/>
      <c r="F3982" s="53"/>
      <c r="G3982" s="53"/>
      <c r="H3982" s="53"/>
      <c r="I3982" s="53"/>
      <c r="J3982" s="53"/>
      <c r="K3982" s="53"/>
      <c r="L3982" s="53"/>
      <c r="M3982" s="53"/>
      <c r="N3982" s="53"/>
      <c r="O3982" s="53"/>
      <c r="P3982" s="53"/>
      <c r="Q3982" s="53"/>
      <c r="R3982" s="53"/>
      <c r="S3982" s="53"/>
      <c r="T3982" s="53"/>
      <c r="U3982" s="53"/>
      <c r="V3982" s="53"/>
      <c r="W3982" s="53"/>
      <c r="X3982" s="53"/>
      <c r="Y3982" s="53"/>
      <c r="Z3982" s="53"/>
      <c r="AA3982" s="53"/>
      <c r="AB3982" s="53"/>
      <c r="AC3982" s="53"/>
      <c r="AD3982" s="53"/>
      <c r="AE3982" s="53"/>
      <c r="AF3982" s="53"/>
      <c r="AG3982" s="53"/>
      <c r="AH3982" s="53"/>
      <c r="AI3982" s="53"/>
      <c r="AJ3982" s="53"/>
      <c r="AK3982" s="53"/>
      <c r="AL3982" s="53"/>
      <c r="AM3982" s="53"/>
      <c r="AN3982" s="53"/>
      <c r="AO3982" s="53"/>
      <c r="AP3982" s="53"/>
      <c r="AQ3982" s="53"/>
      <c r="AR3982" s="53"/>
      <c r="AS3982" s="53"/>
      <c r="AT3982" s="53"/>
      <c r="AU3982" s="53"/>
      <c r="AV3982" s="53"/>
      <c r="AW3982" s="53"/>
      <c r="AX3982" s="53"/>
      <c r="AY3982" s="53"/>
      <c r="AZ3982" s="53"/>
      <c r="BA3982" s="53"/>
      <c r="BB3982" s="53"/>
      <c r="BC3982" s="53"/>
      <c r="BD3982" s="53"/>
      <c r="BE3982" s="53"/>
      <c r="BF3982" s="53"/>
      <c r="BG3982" s="53"/>
      <c r="BH3982" s="53"/>
      <c r="BI3982" s="53"/>
      <c r="BJ3982" s="53"/>
      <c r="BK3982" s="53"/>
      <c r="BL3982" s="53"/>
      <c r="BM3982" s="53"/>
      <c r="BN3982" s="53"/>
      <c r="BO3982" s="53"/>
      <c r="BP3982" s="53"/>
      <c r="BQ3982" s="53"/>
      <c r="BR3982" s="53"/>
      <c r="BS3982" s="53"/>
      <c r="BT3982" s="53"/>
      <c r="BU3982" s="53"/>
      <c r="BV3982" s="53"/>
      <c r="BW3982" s="53"/>
      <c r="BX3982" s="53"/>
      <c r="BY3982" s="53"/>
      <c r="BZ3982" s="53"/>
      <c r="CA3982" s="53"/>
      <c r="CB3982" s="53">
        <v>3523.40918163673</v>
      </c>
      <c r="CC3982" s="53">
        <v>3523.40918163673</v>
      </c>
      <c r="CD3982" s="53">
        <v>3523.40918163673</v>
      </c>
      <c r="CE3982" s="53">
        <v>3523.40918163673</v>
      </c>
      <c r="CF3982" s="53">
        <v>3523.40918163673</v>
      </c>
      <c r="CG3982" s="53">
        <v>3523.40918163673</v>
      </c>
      <c r="CH3982" s="53">
        <v>3523.40918163673</v>
      </c>
      <c r="CI3982" s="53">
        <v>3523.40918163673</v>
      </c>
      <c r="CJ3982" s="53">
        <v>3523.40918163673</v>
      </c>
      <c r="CK3982" s="53">
        <v>3523.40918163673</v>
      </c>
      <c r="CL3982" s="53">
        <v>3523.40918163673</v>
      </c>
      <c r="CM3982" s="53">
        <v>3523.40918163673</v>
      </c>
      <c r="CN3982" s="53">
        <v>42280.910179640799</v>
      </c>
    </row>
    <row r="3983" spans="1:92" outlineLevel="1">
      <c r="A3983" s="52" t="s">
        <v>649</v>
      </c>
      <c r="B3983" s="53"/>
      <c r="C3983" s="53"/>
      <c r="D3983" s="53"/>
      <c r="E3983" s="53"/>
      <c r="F3983" s="53"/>
      <c r="G3983" s="53"/>
      <c r="H3983" s="53"/>
      <c r="I3983" s="53"/>
      <c r="J3983" s="53"/>
      <c r="K3983" s="53"/>
      <c r="L3983" s="53"/>
      <c r="M3983" s="53"/>
      <c r="N3983" s="53"/>
      <c r="O3983" s="53">
        <v>759792</v>
      </c>
      <c r="P3983" s="53">
        <v>759792</v>
      </c>
      <c r="Q3983" s="53">
        <v>759792</v>
      </c>
      <c r="R3983" s="53">
        <v>759792</v>
      </c>
      <c r="S3983" s="53">
        <v>759792</v>
      </c>
      <c r="T3983" s="53">
        <v>759792</v>
      </c>
      <c r="U3983" s="53">
        <v>759792</v>
      </c>
      <c r="V3983" s="53">
        <v>759792</v>
      </c>
      <c r="W3983" s="53">
        <v>759792</v>
      </c>
      <c r="X3983" s="53">
        <v>759792</v>
      </c>
      <c r="Y3983" s="53">
        <v>759792</v>
      </c>
      <c r="Z3983" s="53">
        <v>759792</v>
      </c>
      <c r="AA3983" s="53">
        <v>9117504</v>
      </c>
      <c r="AB3983" s="53">
        <v>718219</v>
      </c>
      <c r="AC3983" s="53">
        <v>718219</v>
      </c>
      <c r="AD3983" s="53">
        <v>718219</v>
      </c>
      <c r="AE3983" s="53">
        <v>718219</v>
      </c>
      <c r="AF3983" s="53">
        <v>718219</v>
      </c>
      <c r="AG3983" s="53">
        <v>718219</v>
      </c>
      <c r="AH3983" s="53">
        <v>718219</v>
      </c>
      <c r="AI3983" s="53">
        <v>718219</v>
      </c>
      <c r="AJ3983" s="53">
        <v>718219</v>
      </c>
      <c r="AK3983" s="53">
        <v>718219</v>
      </c>
      <c r="AL3983" s="53">
        <v>718219</v>
      </c>
      <c r="AM3983" s="53">
        <v>718219</v>
      </c>
      <c r="AN3983" s="53">
        <v>8618628</v>
      </c>
      <c r="AO3983" s="53">
        <v>681965</v>
      </c>
      <c r="AP3983" s="53">
        <v>681965</v>
      </c>
      <c r="AQ3983" s="53">
        <v>681965</v>
      </c>
      <c r="AR3983" s="53">
        <v>681965</v>
      </c>
      <c r="AS3983" s="53">
        <v>681965</v>
      </c>
      <c r="AT3983" s="53">
        <v>681965</v>
      </c>
      <c r="AU3983" s="53">
        <v>681965</v>
      </c>
      <c r="AV3983" s="53">
        <v>681965</v>
      </c>
      <c r="AW3983" s="53">
        <v>681965</v>
      </c>
      <c r="AX3983" s="53">
        <v>681965</v>
      </c>
      <c r="AY3983" s="53">
        <v>681965</v>
      </c>
      <c r="AZ3983" s="53">
        <v>681965</v>
      </c>
      <c r="BA3983" s="53">
        <v>8183580</v>
      </c>
      <c r="BB3983" s="53">
        <v>646162</v>
      </c>
      <c r="BC3983" s="53">
        <v>646162</v>
      </c>
      <c r="BD3983" s="53">
        <v>646162</v>
      </c>
      <c r="BE3983" s="53">
        <v>646162</v>
      </c>
      <c r="BF3983" s="53">
        <v>646162</v>
      </c>
      <c r="BG3983" s="53">
        <v>646162</v>
      </c>
      <c r="BH3983" s="53">
        <v>646162</v>
      </c>
      <c r="BI3983" s="53">
        <v>646162</v>
      </c>
      <c r="BJ3983" s="53">
        <v>646162</v>
      </c>
      <c r="BK3983" s="53">
        <v>646162</v>
      </c>
      <c r="BL3983" s="53">
        <v>646162</v>
      </c>
      <c r="BM3983" s="53">
        <v>646162</v>
      </c>
      <c r="BN3983" s="53">
        <v>7753944</v>
      </c>
      <c r="BO3983" s="53">
        <v>612539</v>
      </c>
      <c r="BP3983" s="53">
        <v>612539</v>
      </c>
      <c r="BQ3983" s="53">
        <v>612539</v>
      </c>
      <c r="BR3983" s="53">
        <v>612539</v>
      </c>
      <c r="BS3983" s="53">
        <v>612539</v>
      </c>
      <c r="BT3983" s="53">
        <v>612539</v>
      </c>
      <c r="BU3983" s="53">
        <v>612539</v>
      </c>
      <c r="BV3983" s="53">
        <v>612539</v>
      </c>
      <c r="BW3983" s="53">
        <v>612539</v>
      </c>
      <c r="BX3983" s="53">
        <v>612539</v>
      </c>
      <c r="BY3983" s="53">
        <v>612539</v>
      </c>
      <c r="BZ3983" s="53">
        <v>612539</v>
      </c>
      <c r="CA3983" s="53">
        <v>7350467.9999999898</v>
      </c>
      <c r="CB3983" s="53">
        <v>9347.6262626262396</v>
      </c>
      <c r="CC3983" s="53">
        <v>9347.6262626262396</v>
      </c>
      <c r="CD3983" s="53">
        <v>9347.6262626262396</v>
      </c>
      <c r="CE3983" s="53">
        <v>9347.6262626262396</v>
      </c>
      <c r="CF3983" s="53">
        <v>9347.6262626262396</v>
      </c>
      <c r="CG3983" s="53">
        <v>9347.6262626262396</v>
      </c>
      <c r="CH3983" s="53">
        <v>9347.6262626262396</v>
      </c>
      <c r="CI3983" s="53">
        <v>9347.6262626262396</v>
      </c>
      <c r="CJ3983" s="53">
        <v>9347.6262626262396</v>
      </c>
      <c r="CK3983" s="53">
        <v>9347.6262626262396</v>
      </c>
      <c r="CL3983" s="53">
        <v>9347.6262626262305</v>
      </c>
      <c r="CM3983" s="53">
        <v>9347.6262626262305</v>
      </c>
      <c r="CN3983" s="53">
        <v>112171.515151514</v>
      </c>
    </row>
    <row r="3984" spans="1:92" outlineLevel="1">
      <c r="A3984" s="52" t="s">
        <v>1705</v>
      </c>
      <c r="B3984" s="53"/>
      <c r="C3984" s="53"/>
      <c r="D3984" s="53"/>
      <c r="E3984" s="53"/>
      <c r="F3984" s="53"/>
      <c r="G3984" s="53"/>
      <c r="H3984" s="53"/>
      <c r="I3984" s="53"/>
      <c r="J3984" s="53"/>
      <c r="K3984" s="53"/>
      <c r="L3984" s="53"/>
      <c r="M3984" s="53"/>
      <c r="N3984" s="53"/>
      <c r="O3984" s="53"/>
      <c r="P3984" s="53"/>
      <c r="Q3984" s="53"/>
      <c r="R3984" s="53"/>
      <c r="S3984" s="53"/>
      <c r="T3984" s="53"/>
      <c r="U3984" s="53"/>
      <c r="V3984" s="53"/>
      <c r="W3984" s="53"/>
      <c r="X3984" s="53"/>
      <c r="Y3984" s="53"/>
      <c r="Z3984" s="53"/>
      <c r="AA3984" s="53"/>
      <c r="AB3984" s="53"/>
      <c r="AC3984" s="53"/>
      <c r="AD3984" s="53"/>
      <c r="AE3984" s="53"/>
      <c r="AF3984" s="53"/>
      <c r="AG3984" s="53"/>
      <c r="AH3984" s="53"/>
      <c r="AI3984" s="53"/>
      <c r="AJ3984" s="53"/>
      <c r="AK3984" s="53"/>
      <c r="AL3984" s="53"/>
      <c r="AM3984" s="53"/>
      <c r="AN3984" s="53"/>
      <c r="AO3984" s="53"/>
      <c r="AP3984" s="53"/>
      <c r="AQ3984" s="53"/>
      <c r="AR3984" s="53"/>
      <c r="AS3984" s="53"/>
      <c r="AT3984" s="53"/>
      <c r="AU3984" s="53"/>
      <c r="AV3984" s="53"/>
      <c r="AW3984" s="53"/>
      <c r="AX3984" s="53"/>
      <c r="AY3984" s="53"/>
      <c r="AZ3984" s="53"/>
      <c r="BA3984" s="53"/>
      <c r="BB3984" s="53"/>
      <c r="BC3984" s="53"/>
      <c r="BD3984" s="53"/>
      <c r="BE3984" s="53"/>
      <c r="BF3984" s="53"/>
      <c r="BG3984" s="53"/>
      <c r="BH3984" s="53"/>
      <c r="BI3984" s="53"/>
      <c r="BJ3984" s="53"/>
      <c r="BK3984" s="53"/>
      <c r="BL3984" s="53"/>
      <c r="BM3984" s="53"/>
      <c r="BN3984" s="53"/>
      <c r="BO3984" s="53"/>
      <c r="BP3984" s="53"/>
      <c r="BQ3984" s="53"/>
      <c r="BR3984" s="53"/>
      <c r="BS3984" s="53"/>
      <c r="BT3984" s="53"/>
      <c r="BU3984" s="53"/>
      <c r="BV3984" s="53"/>
      <c r="BW3984" s="53"/>
      <c r="BX3984" s="53"/>
      <c r="BY3984" s="53"/>
      <c r="BZ3984" s="53"/>
      <c r="CA3984" s="53"/>
      <c r="CB3984" s="53"/>
      <c r="CC3984" s="53"/>
      <c r="CD3984" s="53"/>
      <c r="CE3984" s="53"/>
      <c r="CF3984" s="53"/>
      <c r="CG3984" s="53"/>
      <c r="CH3984" s="53"/>
      <c r="CI3984" s="53"/>
      <c r="CJ3984" s="53"/>
      <c r="CK3984" s="53"/>
      <c r="CL3984" s="53"/>
      <c r="CM3984" s="53"/>
      <c r="CN3984" s="53"/>
    </row>
    <row r="3985" spans="1:92" outlineLevel="1">
      <c r="A3985" s="52" t="s">
        <v>649</v>
      </c>
      <c r="B3985" s="53"/>
      <c r="C3985" s="53"/>
      <c r="D3985" s="53"/>
      <c r="E3985" s="53"/>
      <c r="F3985" s="53"/>
      <c r="G3985" s="53"/>
      <c r="H3985" s="53"/>
      <c r="I3985" s="53"/>
      <c r="J3985" s="53"/>
      <c r="K3985" s="53"/>
      <c r="L3985" s="53"/>
      <c r="M3985" s="53"/>
      <c r="N3985" s="53"/>
      <c r="O3985" s="53">
        <v>172338</v>
      </c>
      <c r="P3985" s="53">
        <v>172338</v>
      </c>
      <c r="Q3985" s="53">
        <v>172338</v>
      </c>
      <c r="R3985" s="53">
        <v>172338</v>
      </c>
      <c r="S3985" s="53">
        <v>172338</v>
      </c>
      <c r="T3985" s="53">
        <v>172338</v>
      </c>
      <c r="U3985" s="53">
        <v>172338</v>
      </c>
      <c r="V3985" s="53">
        <v>172338</v>
      </c>
      <c r="W3985" s="53">
        <v>172338</v>
      </c>
      <c r="X3985" s="53">
        <v>172338</v>
      </c>
      <c r="Y3985" s="53">
        <v>172338</v>
      </c>
      <c r="Z3985" s="53">
        <v>172338</v>
      </c>
      <c r="AA3985" s="53">
        <v>2068056</v>
      </c>
      <c r="AB3985" s="53">
        <v>180834</v>
      </c>
      <c r="AC3985" s="53">
        <v>180834</v>
      </c>
      <c r="AD3985" s="53">
        <v>180834</v>
      </c>
      <c r="AE3985" s="53">
        <v>180834</v>
      </c>
      <c r="AF3985" s="53">
        <v>180834</v>
      </c>
      <c r="AG3985" s="53">
        <v>180834</v>
      </c>
      <c r="AH3985" s="53">
        <v>180834</v>
      </c>
      <c r="AI3985" s="53">
        <v>180834</v>
      </c>
      <c r="AJ3985" s="53">
        <v>180834</v>
      </c>
      <c r="AK3985" s="53">
        <v>180834</v>
      </c>
      <c r="AL3985" s="53">
        <v>180834</v>
      </c>
      <c r="AM3985" s="53">
        <v>180834</v>
      </c>
      <c r="AN3985" s="53">
        <v>2170008</v>
      </c>
      <c r="AO3985" s="53">
        <v>190639</v>
      </c>
      <c r="AP3985" s="53">
        <v>190639</v>
      </c>
      <c r="AQ3985" s="53">
        <v>190639</v>
      </c>
      <c r="AR3985" s="53">
        <v>190639</v>
      </c>
      <c r="AS3985" s="53">
        <v>190639</v>
      </c>
      <c r="AT3985" s="53">
        <v>190639</v>
      </c>
      <c r="AU3985" s="53">
        <v>190639</v>
      </c>
      <c r="AV3985" s="53">
        <v>190639</v>
      </c>
      <c r="AW3985" s="53">
        <v>190639</v>
      </c>
      <c r="AX3985" s="53">
        <v>190639</v>
      </c>
      <c r="AY3985" s="53">
        <v>190639</v>
      </c>
      <c r="AZ3985" s="53">
        <v>190639</v>
      </c>
      <c r="BA3985" s="53">
        <v>2287668</v>
      </c>
      <c r="BB3985" s="53">
        <v>201255</v>
      </c>
      <c r="BC3985" s="53">
        <v>201255</v>
      </c>
      <c r="BD3985" s="53">
        <v>201255</v>
      </c>
      <c r="BE3985" s="53">
        <v>201255</v>
      </c>
      <c r="BF3985" s="53">
        <v>201255</v>
      </c>
      <c r="BG3985" s="53">
        <v>201255</v>
      </c>
      <c r="BH3985" s="53">
        <v>201255</v>
      </c>
      <c r="BI3985" s="53">
        <v>201255</v>
      </c>
      <c r="BJ3985" s="53">
        <v>201255</v>
      </c>
      <c r="BK3985" s="53">
        <v>201255</v>
      </c>
      <c r="BL3985" s="53">
        <v>201255</v>
      </c>
      <c r="BM3985" s="53">
        <v>201255</v>
      </c>
      <c r="BN3985" s="53">
        <v>2415060</v>
      </c>
      <c r="BO3985" s="53">
        <v>212817</v>
      </c>
      <c r="BP3985" s="53">
        <v>212817</v>
      </c>
      <c r="BQ3985" s="53">
        <v>212817</v>
      </c>
      <c r="BR3985" s="53">
        <v>212817</v>
      </c>
      <c r="BS3985" s="53">
        <v>212817</v>
      </c>
      <c r="BT3985" s="53">
        <v>212817</v>
      </c>
      <c r="BU3985" s="53">
        <v>212817</v>
      </c>
      <c r="BV3985" s="53">
        <v>212817</v>
      </c>
      <c r="BW3985" s="53">
        <v>212817</v>
      </c>
      <c r="BX3985" s="53">
        <v>212817</v>
      </c>
      <c r="BY3985" s="53">
        <v>212817</v>
      </c>
      <c r="BZ3985" s="53">
        <v>212817</v>
      </c>
      <c r="CA3985" s="53">
        <v>2553804</v>
      </c>
      <c r="CB3985" s="53">
        <v>3240.39669421487</v>
      </c>
      <c r="CC3985" s="53">
        <v>3240.39669421487</v>
      </c>
      <c r="CD3985" s="53">
        <v>3240.39669421487</v>
      </c>
      <c r="CE3985" s="53">
        <v>3240.39669421487</v>
      </c>
      <c r="CF3985" s="53">
        <v>3240.39669421487</v>
      </c>
      <c r="CG3985" s="53">
        <v>3240.39669421487</v>
      </c>
      <c r="CH3985" s="53">
        <v>3240.39669421487</v>
      </c>
      <c r="CI3985" s="53">
        <v>3240.39669421487</v>
      </c>
      <c r="CJ3985" s="53">
        <v>3240.39669421487</v>
      </c>
      <c r="CK3985" s="53">
        <v>3240.39669421487</v>
      </c>
      <c r="CL3985" s="53">
        <v>3240.39669421487</v>
      </c>
      <c r="CM3985" s="53">
        <v>3240.39669421487</v>
      </c>
      <c r="CN3985" s="53">
        <v>38884.760330578501</v>
      </c>
    </row>
    <row r="3986" spans="1:92" outlineLevel="1">
      <c r="A3986" s="52" t="s">
        <v>670</v>
      </c>
      <c r="B3986" s="53"/>
      <c r="C3986" s="53"/>
      <c r="D3986" s="53"/>
      <c r="E3986" s="53"/>
      <c r="F3986" s="53"/>
      <c r="G3986" s="53"/>
      <c r="H3986" s="53"/>
      <c r="I3986" s="53"/>
      <c r="J3986" s="53"/>
      <c r="K3986" s="53"/>
      <c r="L3986" s="53"/>
      <c r="M3986" s="53"/>
      <c r="N3986" s="53"/>
      <c r="O3986" s="53"/>
      <c r="P3986" s="53"/>
      <c r="Q3986" s="53"/>
      <c r="R3986" s="53"/>
      <c r="S3986" s="53"/>
      <c r="T3986" s="53"/>
      <c r="U3986" s="53"/>
      <c r="V3986" s="53"/>
      <c r="W3986" s="53"/>
      <c r="X3986" s="53"/>
      <c r="Y3986" s="53"/>
      <c r="Z3986" s="53"/>
      <c r="AA3986" s="53"/>
      <c r="AB3986" s="53"/>
      <c r="AC3986" s="53"/>
      <c r="AD3986" s="53"/>
      <c r="AE3986" s="53"/>
      <c r="AF3986" s="53"/>
      <c r="AG3986" s="53"/>
      <c r="AH3986" s="53"/>
      <c r="AI3986" s="53"/>
      <c r="AJ3986" s="53"/>
      <c r="AK3986" s="53"/>
      <c r="AL3986" s="53"/>
      <c r="AM3986" s="53"/>
      <c r="AN3986" s="53"/>
      <c r="AO3986" s="53"/>
      <c r="AP3986" s="53"/>
      <c r="AQ3986" s="53"/>
      <c r="AR3986" s="53"/>
      <c r="AS3986" s="53"/>
      <c r="AT3986" s="53"/>
      <c r="AU3986" s="53"/>
      <c r="AV3986" s="53"/>
      <c r="AW3986" s="53"/>
      <c r="AX3986" s="53"/>
      <c r="AY3986" s="53"/>
      <c r="AZ3986" s="53"/>
      <c r="BA3986" s="53"/>
      <c r="BB3986" s="53"/>
      <c r="BC3986" s="53"/>
      <c r="BD3986" s="53"/>
      <c r="BE3986" s="53"/>
      <c r="BF3986" s="53"/>
      <c r="BG3986" s="53"/>
      <c r="BH3986" s="53"/>
      <c r="BI3986" s="53"/>
      <c r="BJ3986" s="53"/>
      <c r="BK3986" s="53"/>
      <c r="BL3986" s="53"/>
      <c r="BM3986" s="53"/>
      <c r="BN3986" s="53"/>
      <c r="BO3986" s="53"/>
      <c r="BP3986" s="53"/>
      <c r="BQ3986" s="53"/>
      <c r="BR3986" s="53"/>
      <c r="BS3986" s="53"/>
      <c r="BT3986" s="53"/>
      <c r="BU3986" s="53"/>
      <c r="BV3986" s="53"/>
      <c r="BW3986" s="53"/>
      <c r="BX3986" s="53"/>
      <c r="BY3986" s="53"/>
      <c r="BZ3986" s="53"/>
      <c r="CA3986" s="53"/>
      <c r="CB3986" s="53">
        <v>1540.86342229199</v>
      </c>
      <c r="CC3986" s="53">
        <v>1540.86342229199</v>
      </c>
      <c r="CD3986" s="53">
        <v>1540.86342229199</v>
      </c>
      <c r="CE3986" s="53">
        <v>1540.86342229199</v>
      </c>
      <c r="CF3986" s="53">
        <v>1540.86342229199</v>
      </c>
      <c r="CG3986" s="53">
        <v>1540.86342229199</v>
      </c>
      <c r="CH3986" s="53">
        <v>1540.86342229199</v>
      </c>
      <c r="CI3986" s="53">
        <v>1540.86342229199</v>
      </c>
      <c r="CJ3986" s="53">
        <v>1540.86342229199</v>
      </c>
      <c r="CK3986" s="53">
        <v>1540.86342229199</v>
      </c>
      <c r="CL3986" s="53">
        <v>1540.86342229199</v>
      </c>
      <c r="CM3986" s="53">
        <v>1540.86342229199</v>
      </c>
      <c r="CN3986" s="53">
        <v>18490.361067503902</v>
      </c>
    </row>
    <row r="3987" spans="1:92" outlineLevel="1">
      <c r="A3987" s="52" t="s">
        <v>671</v>
      </c>
      <c r="B3987" s="53"/>
      <c r="C3987" s="53"/>
      <c r="D3987" s="53"/>
      <c r="E3987" s="53"/>
      <c r="F3987" s="53"/>
      <c r="G3987" s="53"/>
      <c r="H3987" s="53"/>
      <c r="I3987" s="53"/>
      <c r="J3987" s="53"/>
      <c r="K3987" s="53"/>
      <c r="L3987" s="53"/>
      <c r="M3987" s="53"/>
      <c r="N3987" s="53"/>
      <c r="O3987" s="53"/>
      <c r="P3987" s="53"/>
      <c r="Q3987" s="53"/>
      <c r="R3987" s="53"/>
      <c r="S3987" s="53"/>
      <c r="T3987" s="53"/>
      <c r="U3987" s="53"/>
      <c r="V3987" s="53"/>
      <c r="W3987" s="53"/>
      <c r="X3987" s="53"/>
      <c r="Y3987" s="53"/>
      <c r="Z3987" s="53"/>
      <c r="AA3987" s="53"/>
      <c r="AB3987" s="53"/>
      <c r="AC3987" s="53"/>
      <c r="AD3987" s="53"/>
      <c r="AE3987" s="53"/>
      <c r="AF3987" s="53"/>
      <c r="AG3987" s="53"/>
      <c r="AH3987" s="53"/>
      <c r="AI3987" s="53"/>
      <c r="AJ3987" s="53"/>
      <c r="AK3987" s="53"/>
      <c r="AL3987" s="53"/>
      <c r="AM3987" s="53"/>
      <c r="AN3987" s="53"/>
      <c r="AO3987" s="53"/>
      <c r="AP3987" s="53"/>
      <c r="AQ3987" s="53"/>
      <c r="AR3987" s="53"/>
      <c r="AS3987" s="53"/>
      <c r="AT3987" s="53"/>
      <c r="AU3987" s="53"/>
      <c r="AV3987" s="53"/>
      <c r="AW3987" s="53"/>
      <c r="AX3987" s="53"/>
      <c r="AY3987" s="53"/>
      <c r="AZ3987" s="53"/>
      <c r="BA3987" s="53"/>
      <c r="BB3987" s="53"/>
      <c r="BC3987" s="53"/>
      <c r="BD3987" s="53"/>
      <c r="BE3987" s="53"/>
      <c r="BF3987" s="53"/>
      <c r="BG3987" s="53"/>
      <c r="BH3987" s="53"/>
      <c r="BI3987" s="53"/>
      <c r="BJ3987" s="53"/>
      <c r="BK3987" s="53"/>
      <c r="BL3987" s="53"/>
      <c r="BM3987" s="53"/>
      <c r="BN3987" s="53"/>
      <c r="BO3987" s="53"/>
      <c r="BP3987" s="53"/>
      <c r="BQ3987" s="53"/>
      <c r="BR3987" s="53"/>
      <c r="BS3987" s="53"/>
      <c r="BT3987" s="53"/>
      <c r="BU3987" s="53"/>
      <c r="BV3987" s="53"/>
      <c r="BW3987" s="53"/>
      <c r="BX3987" s="53"/>
      <c r="BY3987" s="53"/>
      <c r="BZ3987" s="53"/>
      <c r="CA3987" s="53"/>
      <c r="CB3987" s="53">
        <v>9185.2866242038108</v>
      </c>
      <c r="CC3987" s="53">
        <v>9185.2866242038108</v>
      </c>
      <c r="CD3987" s="53">
        <v>9185.2866242038108</v>
      </c>
      <c r="CE3987" s="53">
        <v>9185.2866242038108</v>
      </c>
      <c r="CF3987" s="53">
        <v>9185.2866242038108</v>
      </c>
      <c r="CG3987" s="53">
        <v>9185.2866242038108</v>
      </c>
      <c r="CH3987" s="53">
        <v>9185.2866242038108</v>
      </c>
      <c r="CI3987" s="53">
        <v>9185.2866242038108</v>
      </c>
      <c r="CJ3987" s="53">
        <v>9185.2866242038108</v>
      </c>
      <c r="CK3987" s="53">
        <v>9185.2866242038108</v>
      </c>
      <c r="CL3987" s="53">
        <v>9185.2866242038108</v>
      </c>
      <c r="CM3987" s="53">
        <v>9185.2866242038108</v>
      </c>
      <c r="CN3987" s="53">
        <v>110223.439490445</v>
      </c>
    </row>
    <row r="3988" spans="1:92" outlineLevel="1">
      <c r="A3988" s="52" t="s">
        <v>649</v>
      </c>
      <c r="B3988" s="53">
        <v>1659457.54999999</v>
      </c>
      <c r="C3988" s="53">
        <v>1501390.14</v>
      </c>
      <c r="D3988" s="53">
        <v>1540071.9</v>
      </c>
      <c r="E3988" s="53">
        <v>1298458.71</v>
      </c>
      <c r="F3988" s="53">
        <v>1357107.18</v>
      </c>
      <c r="G3988" s="53">
        <v>-979270.12</v>
      </c>
      <c r="H3988" s="53">
        <v>1537353.5699999901</v>
      </c>
      <c r="I3988" s="53">
        <v>1064526.3399999901</v>
      </c>
      <c r="J3988" s="53">
        <v>830069.43999999901</v>
      </c>
      <c r="K3988" s="53">
        <v>428552.45</v>
      </c>
      <c r="L3988" s="53">
        <v>1792328.1899999899</v>
      </c>
      <c r="M3988" s="53">
        <v>2577665.14</v>
      </c>
      <c r="N3988" s="53">
        <v>14607710.49</v>
      </c>
      <c r="O3988" s="53">
        <v>1288011</v>
      </c>
      <c r="P3988" s="53">
        <v>1312759</v>
      </c>
      <c r="Q3988" s="53">
        <v>1320943</v>
      </c>
      <c r="R3988" s="53">
        <v>1339012</v>
      </c>
      <c r="S3988" s="53">
        <v>1327680</v>
      </c>
      <c r="T3988" s="53">
        <v>1573045</v>
      </c>
      <c r="U3988" s="53">
        <v>1362504</v>
      </c>
      <c r="V3988" s="53">
        <v>1331174</v>
      </c>
      <c r="W3988" s="53">
        <v>1319668</v>
      </c>
      <c r="X3988" s="53">
        <v>1319596</v>
      </c>
      <c r="Y3988" s="53">
        <v>1336985</v>
      </c>
      <c r="Z3988" s="53">
        <v>1563864</v>
      </c>
      <c r="AA3988" s="53">
        <v>16395241</v>
      </c>
      <c r="AB3988" s="53">
        <v>1322735</v>
      </c>
      <c r="AC3988" s="53">
        <v>1347755</v>
      </c>
      <c r="AD3988" s="53">
        <v>1361043</v>
      </c>
      <c r="AE3988" s="53">
        <v>1376515</v>
      </c>
      <c r="AF3988" s="53">
        <v>1541295</v>
      </c>
      <c r="AG3988" s="53">
        <v>1442950</v>
      </c>
      <c r="AH3988" s="53">
        <v>1401889</v>
      </c>
      <c r="AI3988" s="53">
        <v>1374728</v>
      </c>
      <c r="AJ3988" s="53">
        <v>1362800</v>
      </c>
      <c r="AK3988" s="53">
        <v>1360469</v>
      </c>
      <c r="AL3988" s="53">
        <v>1549908</v>
      </c>
      <c r="AM3988" s="53">
        <v>1433105</v>
      </c>
      <c r="AN3988" s="53">
        <v>16875192</v>
      </c>
      <c r="AO3988" s="53">
        <v>1406265.99999999</v>
      </c>
      <c r="AP3988" s="53">
        <v>1406265.99999999</v>
      </c>
      <c r="AQ3988" s="53">
        <v>1406265.99999999</v>
      </c>
      <c r="AR3988" s="53">
        <v>1406265.99999999</v>
      </c>
      <c r="AS3988" s="53">
        <v>1406265.99999999</v>
      </c>
      <c r="AT3988" s="53">
        <v>1406265.99999999</v>
      </c>
      <c r="AU3988" s="53">
        <v>1406265.99999999</v>
      </c>
      <c r="AV3988" s="53">
        <v>1406265.99999999</v>
      </c>
      <c r="AW3988" s="53">
        <v>1406265.99999999</v>
      </c>
      <c r="AX3988" s="53">
        <v>1406265.99999999</v>
      </c>
      <c r="AY3988" s="53">
        <v>1406265.99999999</v>
      </c>
      <c r="AZ3988" s="53">
        <v>1406265.99999999</v>
      </c>
      <c r="BA3988" s="53">
        <v>16875192</v>
      </c>
      <c r="BB3988" s="53">
        <v>1406265.99999999</v>
      </c>
      <c r="BC3988" s="53">
        <v>1406265.99999999</v>
      </c>
      <c r="BD3988" s="53">
        <v>1406265.99999999</v>
      </c>
      <c r="BE3988" s="53">
        <v>1406265.99999999</v>
      </c>
      <c r="BF3988" s="53">
        <v>1406265.99999999</v>
      </c>
      <c r="BG3988" s="53">
        <v>1406265.99999999</v>
      </c>
      <c r="BH3988" s="53">
        <v>1406265.99999999</v>
      </c>
      <c r="BI3988" s="53">
        <v>1406265.99999999</v>
      </c>
      <c r="BJ3988" s="53">
        <v>1406265.99999999</v>
      </c>
      <c r="BK3988" s="53">
        <v>1406265.99999999</v>
      </c>
      <c r="BL3988" s="53">
        <v>1406265.99999999</v>
      </c>
      <c r="BM3988" s="53">
        <v>1406265.99999999</v>
      </c>
      <c r="BN3988" s="53">
        <v>16875192</v>
      </c>
      <c r="BO3988" s="53">
        <v>1406265.99999999</v>
      </c>
      <c r="BP3988" s="53">
        <v>1406265.99999999</v>
      </c>
      <c r="BQ3988" s="53">
        <v>1406265.99999999</v>
      </c>
      <c r="BR3988" s="53">
        <v>1406265.99999999</v>
      </c>
      <c r="BS3988" s="53">
        <v>1406265.99999999</v>
      </c>
      <c r="BT3988" s="53">
        <v>1406265.99999999</v>
      </c>
      <c r="BU3988" s="53">
        <v>1406265.99999999</v>
      </c>
      <c r="BV3988" s="53">
        <v>1406265.99999999</v>
      </c>
      <c r="BW3988" s="53">
        <v>1406265.99999999</v>
      </c>
      <c r="BX3988" s="53">
        <v>1406265.99999999</v>
      </c>
      <c r="BY3988" s="53">
        <v>1406265.99999999</v>
      </c>
      <c r="BZ3988" s="53">
        <v>1406265.99999999</v>
      </c>
      <c r="CA3988" s="53">
        <v>16875192</v>
      </c>
      <c r="CB3988" s="53">
        <v>3087.3789473684201</v>
      </c>
      <c r="CC3988" s="53">
        <v>3087.3789473684201</v>
      </c>
      <c r="CD3988" s="53">
        <v>3087.3789473684201</v>
      </c>
      <c r="CE3988" s="53">
        <v>3087.3789473684201</v>
      </c>
      <c r="CF3988" s="53">
        <v>3087.3789473684201</v>
      </c>
      <c r="CG3988" s="53">
        <v>3087.3789473684201</v>
      </c>
      <c r="CH3988" s="53">
        <v>3087.3789473684201</v>
      </c>
      <c r="CI3988" s="53">
        <v>3087.3789473684201</v>
      </c>
      <c r="CJ3988" s="53">
        <v>3087.3789473684201</v>
      </c>
      <c r="CK3988" s="53">
        <v>3087.3789473684201</v>
      </c>
      <c r="CL3988" s="53">
        <v>3087.3789473684201</v>
      </c>
      <c r="CM3988" s="53">
        <v>3087.3789473684201</v>
      </c>
      <c r="CN3988" s="53">
        <v>37048.547368421001</v>
      </c>
    </row>
    <row r="3989" spans="1:92" outlineLevel="1">
      <c r="A3989" s="52" t="s">
        <v>1706</v>
      </c>
      <c r="B3989" s="53"/>
      <c r="C3989" s="53"/>
      <c r="D3989" s="53"/>
      <c r="E3989" s="53"/>
      <c r="F3989" s="53"/>
      <c r="G3989" s="53"/>
      <c r="H3989" s="53"/>
      <c r="I3989" s="53"/>
      <c r="J3989" s="53"/>
      <c r="K3989" s="53"/>
      <c r="L3989" s="53"/>
      <c r="M3989" s="53"/>
      <c r="N3989" s="53"/>
      <c r="O3989" s="53"/>
      <c r="P3989" s="53"/>
      <c r="Q3989" s="53"/>
      <c r="R3989" s="53"/>
      <c r="S3989" s="53"/>
      <c r="T3989" s="53"/>
      <c r="U3989" s="53"/>
      <c r="V3989" s="53"/>
      <c r="W3989" s="53"/>
      <c r="X3989" s="53"/>
      <c r="Y3989" s="53"/>
      <c r="Z3989" s="53"/>
      <c r="AA3989" s="53"/>
      <c r="AB3989" s="53"/>
      <c r="AC3989" s="53"/>
      <c r="AD3989" s="53"/>
      <c r="AE3989" s="53"/>
      <c r="AF3989" s="53"/>
      <c r="AG3989" s="53"/>
      <c r="AH3989" s="53"/>
      <c r="AI3989" s="53"/>
      <c r="AJ3989" s="53"/>
      <c r="AK3989" s="53"/>
      <c r="AL3989" s="53"/>
      <c r="AM3989" s="53"/>
      <c r="AN3989" s="53"/>
      <c r="AO3989" s="53"/>
      <c r="AP3989" s="53"/>
      <c r="AQ3989" s="53"/>
      <c r="AR3989" s="53"/>
      <c r="AS3989" s="53"/>
      <c r="AT3989" s="53"/>
      <c r="AU3989" s="53"/>
      <c r="AV3989" s="53"/>
      <c r="AW3989" s="53"/>
      <c r="AX3989" s="53"/>
      <c r="AY3989" s="53"/>
      <c r="AZ3989" s="53"/>
      <c r="BA3989" s="53"/>
      <c r="BB3989" s="53"/>
      <c r="BC3989" s="53"/>
      <c r="BD3989" s="53"/>
      <c r="BE3989" s="53"/>
      <c r="BF3989" s="53"/>
      <c r="BG3989" s="53"/>
      <c r="BH3989" s="53"/>
      <c r="BI3989" s="53"/>
      <c r="BJ3989" s="53"/>
      <c r="BK3989" s="53"/>
      <c r="BL3989" s="53"/>
      <c r="BM3989" s="53"/>
      <c r="BN3989" s="53"/>
      <c r="BO3989" s="53"/>
      <c r="BP3989" s="53"/>
      <c r="BQ3989" s="53"/>
      <c r="BR3989" s="53"/>
      <c r="BS3989" s="53"/>
      <c r="BT3989" s="53"/>
      <c r="BU3989" s="53"/>
      <c r="BV3989" s="53"/>
      <c r="BW3989" s="53"/>
      <c r="BX3989" s="53"/>
      <c r="BY3989" s="53"/>
      <c r="BZ3989" s="53"/>
      <c r="CA3989" s="53"/>
      <c r="CB3989" s="53">
        <v>5700.3251231527001</v>
      </c>
      <c r="CC3989" s="53">
        <v>5700.3251231527101</v>
      </c>
      <c r="CD3989" s="53">
        <v>5700.3251231527001</v>
      </c>
      <c r="CE3989" s="53">
        <v>5700.3251231527101</v>
      </c>
      <c r="CF3989" s="53">
        <v>5700.3251231527101</v>
      </c>
      <c r="CG3989" s="53">
        <v>5700.3251231527101</v>
      </c>
      <c r="CH3989" s="53">
        <v>5700.3251231527101</v>
      </c>
      <c r="CI3989" s="53">
        <v>5700.3251231527101</v>
      </c>
      <c r="CJ3989" s="53">
        <v>5700.3251231527101</v>
      </c>
      <c r="CK3989" s="53">
        <v>5700.3251231527101</v>
      </c>
      <c r="CL3989" s="53">
        <v>5700.3251231527101</v>
      </c>
      <c r="CM3989" s="53">
        <v>5700.3251231527101</v>
      </c>
      <c r="CN3989" s="53">
        <v>68403.901477832507</v>
      </c>
    </row>
    <row r="3990" spans="1:92" outlineLevel="1">
      <c r="A3990" s="52" t="s">
        <v>1707</v>
      </c>
      <c r="B3990" s="53"/>
      <c r="C3990" s="53"/>
      <c r="D3990" s="53"/>
      <c r="E3990" s="53"/>
      <c r="F3990" s="53"/>
      <c r="G3990" s="53"/>
      <c r="H3990" s="53"/>
      <c r="I3990" s="53"/>
      <c r="J3990" s="53"/>
      <c r="K3990" s="53"/>
      <c r="L3990" s="53"/>
      <c r="M3990" s="53"/>
      <c r="N3990" s="53"/>
      <c r="O3990" s="53"/>
      <c r="P3990" s="53"/>
      <c r="Q3990" s="53"/>
      <c r="R3990" s="53"/>
      <c r="S3990" s="53"/>
      <c r="T3990" s="53"/>
      <c r="U3990" s="53"/>
      <c r="V3990" s="53"/>
      <c r="W3990" s="53"/>
      <c r="X3990" s="53"/>
      <c r="Y3990" s="53"/>
      <c r="Z3990" s="53"/>
      <c r="AA3990" s="53"/>
      <c r="AB3990" s="53"/>
      <c r="AC3990" s="53"/>
      <c r="AD3990" s="53"/>
      <c r="AE3990" s="53"/>
      <c r="AF3990" s="53"/>
      <c r="AG3990" s="53"/>
      <c r="AH3990" s="53"/>
      <c r="AI3990" s="53"/>
      <c r="AJ3990" s="53"/>
      <c r="AK3990" s="53"/>
      <c r="AL3990" s="53"/>
      <c r="AM3990" s="53"/>
      <c r="AN3990" s="53"/>
      <c r="AO3990" s="53"/>
      <c r="AP3990" s="53"/>
      <c r="AQ3990" s="53"/>
      <c r="AR3990" s="53"/>
      <c r="AS3990" s="53"/>
      <c r="AT3990" s="53"/>
      <c r="AU3990" s="53"/>
      <c r="AV3990" s="53"/>
      <c r="AW3990" s="53"/>
      <c r="AX3990" s="53"/>
      <c r="AY3990" s="53"/>
      <c r="AZ3990" s="53"/>
      <c r="BA3990" s="53"/>
      <c r="BB3990" s="53"/>
      <c r="BC3990" s="53"/>
      <c r="BD3990" s="53"/>
      <c r="BE3990" s="53"/>
      <c r="BF3990" s="53"/>
      <c r="BG3990" s="53"/>
      <c r="BH3990" s="53"/>
      <c r="BI3990" s="53"/>
      <c r="BJ3990" s="53"/>
      <c r="BK3990" s="53"/>
      <c r="BL3990" s="53"/>
      <c r="BM3990" s="53"/>
      <c r="BN3990" s="53"/>
      <c r="BO3990" s="53"/>
      <c r="BP3990" s="53"/>
      <c r="BQ3990" s="53"/>
      <c r="BR3990" s="53"/>
      <c r="BS3990" s="53"/>
      <c r="BT3990" s="53"/>
      <c r="BU3990" s="53"/>
      <c r="BV3990" s="53"/>
      <c r="BW3990" s="53"/>
      <c r="BX3990" s="53"/>
      <c r="BY3990" s="53"/>
      <c r="BZ3990" s="53"/>
      <c r="CA3990" s="53"/>
      <c r="CB3990" s="53">
        <v>8149.6234309623196</v>
      </c>
      <c r="CC3990" s="53">
        <v>8149.6234309623196</v>
      </c>
      <c r="CD3990" s="53">
        <v>8149.6234309623196</v>
      </c>
      <c r="CE3990" s="53">
        <v>8149.6234309623196</v>
      </c>
      <c r="CF3990" s="53">
        <v>8149.6234309623196</v>
      </c>
      <c r="CG3990" s="53">
        <v>8149.6234309623196</v>
      </c>
      <c r="CH3990" s="53">
        <v>8149.6234309623196</v>
      </c>
      <c r="CI3990" s="53">
        <v>8149.6234309623196</v>
      </c>
      <c r="CJ3990" s="53">
        <v>8149.6234309623196</v>
      </c>
      <c r="CK3990" s="53">
        <v>8149.6234309623196</v>
      </c>
      <c r="CL3990" s="53">
        <v>8149.6234309623196</v>
      </c>
      <c r="CM3990" s="53">
        <v>8149.6234309623196</v>
      </c>
      <c r="CN3990" s="53">
        <v>97795.481171547799</v>
      </c>
    </row>
    <row r="3991" spans="1:92" outlineLevel="1">
      <c r="A3991" s="52" t="s">
        <v>649</v>
      </c>
      <c r="B3991" s="53"/>
      <c r="C3991" s="53"/>
      <c r="D3991" s="53"/>
      <c r="E3991" s="53"/>
      <c r="F3991" s="53"/>
      <c r="G3991" s="53"/>
      <c r="H3991" s="53"/>
      <c r="I3991" s="53"/>
      <c r="J3991" s="53"/>
      <c r="K3991" s="53"/>
      <c r="L3991" s="53"/>
      <c r="M3991" s="53"/>
      <c r="N3991" s="53"/>
      <c r="O3991" s="53">
        <v>-3601767</v>
      </c>
      <c r="P3991" s="53">
        <v>-3601767</v>
      </c>
      <c r="Q3991" s="53">
        <v>-3601767</v>
      </c>
      <c r="R3991" s="53">
        <v>-3601767</v>
      </c>
      <c r="S3991" s="53">
        <v>-3601767</v>
      </c>
      <c r="T3991" s="53">
        <v>-3601767</v>
      </c>
      <c r="U3991" s="53">
        <v>-3601767</v>
      </c>
      <c r="V3991" s="53">
        <v>-3601767</v>
      </c>
      <c r="W3991" s="53">
        <v>-3523080</v>
      </c>
      <c r="X3991" s="53">
        <v>-3552106</v>
      </c>
      <c r="Y3991" s="53">
        <v>-3552106</v>
      </c>
      <c r="Z3991" s="53">
        <v>-3525880</v>
      </c>
      <c r="AA3991" s="53">
        <v>-42967308</v>
      </c>
      <c r="AB3991" s="53">
        <v>-3509234</v>
      </c>
      <c r="AC3991" s="53">
        <v>-3509234</v>
      </c>
      <c r="AD3991" s="53">
        <v>-3509234</v>
      </c>
      <c r="AE3991" s="53">
        <v>-3509234</v>
      </c>
      <c r="AF3991" s="53">
        <v>-3509234</v>
      </c>
      <c r="AG3991" s="53">
        <v>-3509234</v>
      </c>
      <c r="AH3991" s="53">
        <v>-3509234</v>
      </c>
      <c r="AI3991" s="53">
        <v>-3509234</v>
      </c>
      <c r="AJ3991" s="53">
        <v>-3509234</v>
      </c>
      <c r="AK3991" s="53">
        <v>-3509234</v>
      </c>
      <c r="AL3991" s="53">
        <v>-3509234</v>
      </c>
      <c r="AM3991" s="53">
        <v>-3509229</v>
      </c>
      <c r="AN3991" s="53">
        <v>-42110802.999999903</v>
      </c>
      <c r="AO3991" s="53">
        <v>-3047373</v>
      </c>
      <c r="AP3991" s="53">
        <v>-3047373</v>
      </c>
      <c r="AQ3991" s="53">
        <v>-3047373</v>
      </c>
      <c r="AR3991" s="53">
        <v>-3047373</v>
      </c>
      <c r="AS3991" s="53">
        <v>-3047373</v>
      </c>
      <c r="AT3991" s="53">
        <v>-3047373</v>
      </c>
      <c r="AU3991" s="53">
        <v>-3047373</v>
      </c>
      <c r="AV3991" s="53">
        <v>-3047373</v>
      </c>
      <c r="AW3991" s="53">
        <v>-3047373</v>
      </c>
      <c r="AX3991" s="53">
        <v>-3047373</v>
      </c>
      <c r="AY3991" s="53">
        <v>-3047373</v>
      </c>
      <c r="AZ3991" s="53">
        <v>-3047373</v>
      </c>
      <c r="BA3991" s="53">
        <v>-36568476</v>
      </c>
      <c r="BB3991" s="53">
        <v>-2258953</v>
      </c>
      <c r="BC3991" s="53">
        <v>-2258953</v>
      </c>
      <c r="BD3991" s="53">
        <v>-2258953</v>
      </c>
      <c r="BE3991" s="53">
        <v>-2258953</v>
      </c>
      <c r="BF3991" s="53">
        <v>-2258953</v>
      </c>
      <c r="BG3991" s="53">
        <v>-2258953</v>
      </c>
      <c r="BH3991" s="53">
        <v>-2258953</v>
      </c>
      <c r="BI3991" s="53">
        <v>-2258953</v>
      </c>
      <c r="BJ3991" s="53">
        <v>-2258953</v>
      </c>
      <c r="BK3991" s="53">
        <v>-2258953</v>
      </c>
      <c r="BL3991" s="53">
        <v>-2258953</v>
      </c>
      <c r="BM3991" s="53">
        <v>-2258953</v>
      </c>
      <c r="BN3991" s="53">
        <v>-27107436</v>
      </c>
      <c r="BO3991" s="53">
        <v>-1311804.5</v>
      </c>
      <c r="BP3991" s="53">
        <v>-1311804.5</v>
      </c>
      <c r="BQ3991" s="53">
        <v>-1311804.5</v>
      </c>
      <c r="BR3991" s="53">
        <v>-1311804.5</v>
      </c>
      <c r="BS3991" s="53">
        <v>-1311804.5</v>
      </c>
      <c r="BT3991" s="53">
        <v>-1311804.5</v>
      </c>
      <c r="BU3991" s="53">
        <v>-1311804.5</v>
      </c>
      <c r="BV3991" s="53">
        <v>-1311804.5</v>
      </c>
      <c r="BW3991" s="53">
        <v>-1311804.5</v>
      </c>
      <c r="BX3991" s="53">
        <v>-1311804.5</v>
      </c>
      <c r="BY3991" s="53">
        <v>-1311804.5</v>
      </c>
      <c r="BZ3991" s="53">
        <v>-1311804.5</v>
      </c>
      <c r="CA3991" s="53">
        <v>-15741654</v>
      </c>
      <c r="CB3991" s="53">
        <v>7907.1043115438297</v>
      </c>
      <c r="CC3991" s="53">
        <v>7907.1043115438297</v>
      </c>
      <c r="CD3991" s="53">
        <v>7907.1043115438297</v>
      </c>
      <c r="CE3991" s="53">
        <v>7907.1043115438297</v>
      </c>
      <c r="CF3991" s="53">
        <v>7907.1043115438297</v>
      </c>
      <c r="CG3991" s="53">
        <v>7907.1043115438297</v>
      </c>
      <c r="CH3991" s="53">
        <v>7907.1043115438297</v>
      </c>
      <c r="CI3991" s="53">
        <v>7907.1043115438297</v>
      </c>
      <c r="CJ3991" s="53">
        <v>7907.1043115438297</v>
      </c>
      <c r="CK3991" s="53">
        <v>7907.1043115438297</v>
      </c>
      <c r="CL3991" s="53">
        <v>7907.1043115438297</v>
      </c>
      <c r="CM3991" s="53">
        <v>7907.1043115438397</v>
      </c>
      <c r="CN3991" s="53">
        <v>94885.251738526</v>
      </c>
    </row>
    <row r="3992" spans="1:92" outlineLevel="1">
      <c r="A3992" s="52" t="s">
        <v>1744</v>
      </c>
      <c r="B3992" s="53"/>
      <c r="C3992" s="53"/>
      <c r="D3992" s="53"/>
      <c r="E3992" s="53"/>
      <c r="F3992" s="53"/>
      <c r="G3992" s="53"/>
      <c r="H3992" s="53"/>
      <c r="I3992" s="53"/>
      <c r="J3992" s="53"/>
      <c r="K3992" s="53"/>
      <c r="L3992" s="53"/>
      <c r="M3992" s="53"/>
      <c r="N3992" s="53"/>
      <c r="O3992" s="53"/>
      <c r="P3992" s="53"/>
      <c r="Q3992" s="53"/>
      <c r="R3992" s="53"/>
      <c r="S3992" s="53"/>
      <c r="T3992" s="53"/>
      <c r="U3992" s="53"/>
      <c r="V3992" s="53"/>
      <c r="W3992" s="53"/>
      <c r="X3992" s="53"/>
      <c r="Y3992" s="53"/>
      <c r="Z3992" s="53"/>
      <c r="AA3992" s="53"/>
      <c r="AB3992" s="53"/>
      <c r="AC3992" s="53"/>
      <c r="AD3992" s="53"/>
      <c r="AE3992" s="53"/>
      <c r="AF3992" s="53"/>
      <c r="AG3992" s="53"/>
      <c r="AH3992" s="53"/>
      <c r="AI3992" s="53"/>
      <c r="AJ3992" s="53"/>
      <c r="AK3992" s="53"/>
      <c r="AL3992" s="53"/>
      <c r="AM3992" s="53"/>
      <c r="AN3992" s="53"/>
      <c r="AO3992" s="53"/>
      <c r="AP3992" s="53"/>
      <c r="AQ3992" s="53"/>
      <c r="AR3992" s="53"/>
      <c r="AS3992" s="53"/>
      <c r="AT3992" s="53"/>
      <c r="AU3992" s="53"/>
      <c r="AV3992" s="53"/>
      <c r="AW3992" s="53"/>
      <c r="AX3992" s="53"/>
      <c r="AY3992" s="53"/>
      <c r="AZ3992" s="53"/>
      <c r="BA3992" s="53"/>
      <c r="BB3992" s="53"/>
      <c r="BC3992" s="53"/>
      <c r="BD3992" s="53"/>
      <c r="BE3992" s="53"/>
      <c r="BF3992" s="53"/>
      <c r="BG3992" s="53"/>
      <c r="BH3992" s="53"/>
      <c r="BI3992" s="53"/>
      <c r="BJ3992" s="53"/>
      <c r="BK3992" s="53"/>
      <c r="BL3992" s="53"/>
      <c r="BM3992" s="53"/>
      <c r="BN3992" s="53"/>
      <c r="BO3992" s="53"/>
      <c r="BP3992" s="53"/>
      <c r="BQ3992" s="53"/>
      <c r="BR3992" s="53"/>
      <c r="BS3992" s="53"/>
      <c r="BT3992" s="53"/>
      <c r="BU3992" s="53"/>
      <c r="BV3992" s="53"/>
      <c r="BW3992" s="53"/>
      <c r="BX3992" s="53"/>
      <c r="BY3992" s="53"/>
      <c r="BZ3992" s="53"/>
      <c r="CA3992" s="53"/>
      <c r="CB3992" s="53"/>
      <c r="CC3992" s="53"/>
      <c r="CD3992" s="53"/>
      <c r="CE3992" s="53"/>
      <c r="CF3992" s="53"/>
      <c r="CG3992" s="53"/>
      <c r="CH3992" s="53"/>
      <c r="CI3992" s="53"/>
      <c r="CJ3992" s="53"/>
      <c r="CK3992" s="53"/>
      <c r="CL3992" s="53"/>
      <c r="CM3992" s="53"/>
      <c r="CN3992" s="53"/>
    </row>
    <row r="3993" spans="1:92" outlineLevel="1">
      <c r="A3993" s="52" t="s">
        <v>1745</v>
      </c>
      <c r="B3993" s="53"/>
      <c r="C3993" s="53"/>
      <c r="D3993" s="53"/>
      <c r="E3993" s="53"/>
      <c r="F3993" s="53"/>
      <c r="G3993" s="53"/>
      <c r="H3993" s="53"/>
      <c r="I3993" s="53"/>
      <c r="J3993" s="53"/>
      <c r="K3993" s="53"/>
      <c r="L3993" s="53"/>
      <c r="M3993" s="53"/>
      <c r="N3993" s="53"/>
      <c r="O3993" s="53"/>
      <c r="P3993" s="53"/>
      <c r="Q3993" s="53"/>
      <c r="R3993" s="53"/>
      <c r="S3993" s="53"/>
      <c r="T3993" s="53"/>
      <c r="U3993" s="53"/>
      <c r="V3993" s="53"/>
      <c r="W3993" s="53"/>
      <c r="X3993" s="53"/>
      <c r="Y3993" s="53"/>
      <c r="Z3993" s="53"/>
      <c r="AA3993" s="53"/>
      <c r="AB3993" s="53"/>
      <c r="AC3993" s="53"/>
      <c r="AD3993" s="53"/>
      <c r="AE3993" s="53"/>
      <c r="AF3993" s="53"/>
      <c r="AG3993" s="53"/>
      <c r="AH3993" s="53"/>
      <c r="AI3993" s="53"/>
      <c r="AJ3993" s="53"/>
      <c r="AK3993" s="53"/>
      <c r="AL3993" s="53"/>
      <c r="AM3993" s="53"/>
      <c r="AN3993" s="53"/>
      <c r="AO3993" s="53"/>
      <c r="AP3993" s="53"/>
      <c r="AQ3993" s="53"/>
      <c r="AR3993" s="53"/>
      <c r="AS3993" s="53"/>
      <c r="AT3993" s="53"/>
      <c r="AU3993" s="53"/>
      <c r="AV3993" s="53"/>
      <c r="AW3993" s="53"/>
      <c r="AX3993" s="53"/>
      <c r="AY3993" s="53"/>
      <c r="AZ3993" s="53"/>
      <c r="BA3993" s="53"/>
      <c r="BB3993" s="53"/>
      <c r="BC3993" s="53"/>
      <c r="BD3993" s="53"/>
      <c r="BE3993" s="53"/>
      <c r="BF3993" s="53"/>
      <c r="BG3993" s="53"/>
      <c r="BH3993" s="53"/>
      <c r="BI3993" s="53"/>
      <c r="BJ3993" s="53"/>
      <c r="BK3993" s="53"/>
      <c r="BL3993" s="53"/>
      <c r="BM3993" s="53"/>
      <c r="BN3993" s="53"/>
      <c r="BO3993" s="53"/>
      <c r="BP3993" s="53"/>
      <c r="BQ3993" s="53"/>
      <c r="BR3993" s="53"/>
      <c r="BS3993" s="53"/>
      <c r="BT3993" s="53"/>
      <c r="BU3993" s="53"/>
      <c r="BV3993" s="53"/>
      <c r="BW3993" s="53"/>
      <c r="BX3993" s="53"/>
      <c r="BY3993" s="53"/>
      <c r="BZ3993" s="53"/>
      <c r="CA3993" s="53"/>
      <c r="CB3993" s="53"/>
      <c r="CC3993" s="53"/>
      <c r="CD3993" s="53"/>
      <c r="CE3993" s="53"/>
      <c r="CF3993" s="53"/>
      <c r="CG3993" s="53"/>
      <c r="CH3993" s="53"/>
      <c r="CI3993" s="53"/>
      <c r="CJ3993" s="53"/>
      <c r="CK3993" s="53"/>
      <c r="CL3993" s="53"/>
      <c r="CM3993" s="53"/>
      <c r="CN3993" s="53"/>
    </row>
    <row r="3994" spans="1:92" outlineLevel="1">
      <c r="A3994" s="52" t="s">
        <v>649</v>
      </c>
      <c r="B3994" s="53">
        <v>1607279.9022625501</v>
      </c>
      <c r="C3994" s="53">
        <v>947367.46471703204</v>
      </c>
      <c r="D3994" s="53">
        <v>62244.674444013297</v>
      </c>
      <c r="E3994" s="53">
        <v>1367862.8849338701</v>
      </c>
      <c r="F3994" s="53">
        <v>1814936.9358478901</v>
      </c>
      <c r="G3994" s="53">
        <v>2315209.5416284399</v>
      </c>
      <c r="H3994" s="53">
        <v>3939069.8250238299</v>
      </c>
      <c r="I3994" s="53">
        <v>2525453.9673200501</v>
      </c>
      <c r="J3994" s="53">
        <v>1681101</v>
      </c>
      <c r="K3994" s="53">
        <v>-1442663</v>
      </c>
      <c r="L3994" s="53">
        <v>-4685727</v>
      </c>
      <c r="M3994" s="53">
        <v>5132363</v>
      </c>
      <c r="N3994" s="53">
        <v>15264499.1961776</v>
      </c>
      <c r="O3994" s="53">
        <v>6447709.2958372198</v>
      </c>
      <c r="P3994" s="53">
        <v>1283541.35105342</v>
      </c>
      <c r="Q3994" s="53">
        <v>851709.75973909802</v>
      </c>
      <c r="R3994" s="53">
        <v>1998190.59785255</v>
      </c>
      <c r="S3994" s="53">
        <v>2615833.03445302</v>
      </c>
      <c r="T3994" s="53">
        <v>3893309.2046806598</v>
      </c>
      <c r="U3994" s="53">
        <v>4212249.7732825298</v>
      </c>
      <c r="V3994" s="53">
        <v>6339193.1100284001</v>
      </c>
      <c r="W3994" s="53">
        <v>2497207.9976707599</v>
      </c>
      <c r="X3994" s="53">
        <v>567291.14789328002</v>
      </c>
      <c r="Y3994" s="53">
        <v>-2651864.99109563</v>
      </c>
      <c r="Z3994" s="53">
        <v>-402450.02931660699</v>
      </c>
      <c r="AA3994" s="53">
        <v>27651920.252078701</v>
      </c>
      <c r="AB3994" s="53">
        <v>3799663.9101633001</v>
      </c>
      <c r="AC3994" s="53">
        <v>-863304.80295442406</v>
      </c>
      <c r="AD3994" s="53">
        <v>-710339.00407149305</v>
      </c>
      <c r="AE3994" s="53">
        <v>-402364.66049979499</v>
      </c>
      <c r="AF3994" s="53">
        <v>286569.10679464397</v>
      </c>
      <c r="AG3994" s="53">
        <v>1693897.8697462201</v>
      </c>
      <c r="AH3994" s="53">
        <v>1138464.67496833</v>
      </c>
      <c r="AI3994" s="53">
        <v>5158648.9326208802</v>
      </c>
      <c r="AJ3994" s="53">
        <v>282978.16239803197</v>
      </c>
      <c r="AK3994" s="53">
        <v>-2697516.11406093</v>
      </c>
      <c r="AL3994" s="53">
        <v>-4503410.6800672002</v>
      </c>
      <c r="AM3994" s="53">
        <v>-3183258.0515600899</v>
      </c>
      <c r="AN3994" s="53">
        <v>29.343477466682</v>
      </c>
      <c r="AO3994" s="53">
        <v>5913109.3641590197</v>
      </c>
      <c r="AP3994" s="53">
        <v>-4011193.1215371401</v>
      </c>
      <c r="AQ3994" s="53">
        <v>-2953319.3685087599</v>
      </c>
      <c r="AR3994" s="53">
        <v>-1705918.23876927</v>
      </c>
      <c r="AS3994" s="53">
        <v>1855598.0788416399</v>
      </c>
      <c r="AT3994" s="53">
        <v>3004862.61351076</v>
      </c>
      <c r="AU3994" s="53">
        <v>3905699.4260472101</v>
      </c>
      <c r="AV3994" s="53">
        <v>9619368.2623763308</v>
      </c>
      <c r="AW3994" s="53">
        <v>1286613.3346935101</v>
      </c>
      <c r="AX3994" s="53">
        <v>-2812762.0002831202</v>
      </c>
      <c r="AY3994" s="53">
        <v>-7387293.7243298199</v>
      </c>
      <c r="AZ3994" s="53">
        <v>-6714764.6262003798</v>
      </c>
      <c r="BA3994" s="53">
        <v>-3.6379788070917103E-8</v>
      </c>
      <c r="BB3994" s="53">
        <v>6809499.4464822598</v>
      </c>
      <c r="BC3994" s="53">
        <v>-6144447.7744046804</v>
      </c>
      <c r="BD3994" s="53">
        <v>-4712397.9186732601</v>
      </c>
      <c r="BE3994" s="53">
        <v>-2876115.8678267198</v>
      </c>
      <c r="BF3994" s="53">
        <v>2043532.1996126899</v>
      </c>
      <c r="BG3994" s="53">
        <v>3910862.0951166302</v>
      </c>
      <c r="BH3994" s="53">
        <v>5265869.38696816</v>
      </c>
      <c r="BI3994" s="53">
        <v>13006128.0788262</v>
      </c>
      <c r="BJ3994" s="53">
        <v>2112726.5611808202</v>
      </c>
      <c r="BK3994" s="53">
        <v>-2780207.12228075</v>
      </c>
      <c r="BL3994" s="53">
        <v>-8868438.5023748707</v>
      </c>
      <c r="BM3994" s="53">
        <v>-7767010.5826264899</v>
      </c>
      <c r="BN3994" s="53">
        <v>3.6379788070917103E-8</v>
      </c>
      <c r="BO3994" s="53">
        <v>7406617.7010302301</v>
      </c>
      <c r="BP3994" s="53">
        <v>-7797925.9351495299</v>
      </c>
      <c r="BQ3994" s="53">
        <v>-6097970.3739963397</v>
      </c>
      <c r="BR3994" s="53">
        <v>-3838262.1254724101</v>
      </c>
      <c r="BS3994" s="53">
        <v>2190394.9316162802</v>
      </c>
      <c r="BT3994" s="53">
        <v>4612730.0475481302</v>
      </c>
      <c r="BU3994" s="53">
        <v>6340866.2895516902</v>
      </c>
      <c r="BV3994" s="53">
        <v>15575185.705872901</v>
      </c>
      <c r="BW3994" s="53">
        <v>2861121.7589901998</v>
      </c>
      <c r="BX3994" s="53">
        <v>-2838761.5981155802</v>
      </c>
      <c r="BY3994" s="53">
        <v>-9925227.9520444497</v>
      </c>
      <c r="BZ3994" s="53">
        <v>-8488768.4498310406</v>
      </c>
      <c r="CA3994" s="53">
        <v>1.4551915228366799E-7</v>
      </c>
      <c r="CB3994" s="53">
        <v>650000000</v>
      </c>
      <c r="CC3994" s="53"/>
      <c r="CD3994" s="53"/>
      <c r="CE3994" s="53"/>
      <c r="CF3994" s="53"/>
      <c r="CG3994" s="53"/>
      <c r="CH3994" s="53"/>
      <c r="CI3994" s="53"/>
      <c r="CJ3994" s="53"/>
      <c r="CK3994" s="53"/>
      <c r="CL3994" s="53"/>
      <c r="CM3994" s="53"/>
      <c r="CN3994" s="53">
        <v>650000000</v>
      </c>
    </row>
    <row r="3995" spans="1:92" outlineLevel="1">
      <c r="A3995" s="52" t="s">
        <v>1746</v>
      </c>
      <c r="B3995" s="53"/>
      <c r="C3995" s="53"/>
      <c r="D3995" s="53"/>
      <c r="E3995" s="53"/>
      <c r="F3995" s="53"/>
      <c r="G3995" s="53"/>
      <c r="H3995" s="53"/>
      <c r="I3995" s="53"/>
      <c r="J3995" s="53"/>
      <c r="K3995" s="53"/>
      <c r="L3995" s="53"/>
      <c r="M3995" s="53"/>
      <c r="N3995" s="53"/>
      <c r="O3995" s="53"/>
      <c r="P3995" s="53"/>
      <c r="Q3995" s="53"/>
      <c r="R3995" s="53"/>
      <c r="S3995" s="53"/>
      <c r="T3995" s="53"/>
      <c r="U3995" s="53"/>
      <c r="V3995" s="53"/>
      <c r="W3995" s="53"/>
      <c r="X3995" s="53"/>
      <c r="Y3995" s="53"/>
      <c r="Z3995" s="53"/>
      <c r="AA3995" s="53"/>
      <c r="AB3995" s="53"/>
      <c r="AC3995" s="53"/>
      <c r="AD3995" s="53"/>
      <c r="AE3995" s="53"/>
      <c r="AF3995" s="53"/>
      <c r="AG3995" s="53"/>
      <c r="AH3995" s="53"/>
      <c r="AI3995" s="53"/>
      <c r="AJ3995" s="53"/>
      <c r="AK3995" s="53"/>
      <c r="AL3995" s="53"/>
      <c r="AM3995" s="53"/>
      <c r="AN3995" s="53"/>
      <c r="AO3995" s="53"/>
      <c r="AP3995" s="53"/>
      <c r="AQ3995" s="53"/>
      <c r="AR3995" s="53"/>
      <c r="AS3995" s="53"/>
      <c r="AT3995" s="53"/>
      <c r="AU3995" s="53"/>
      <c r="AV3995" s="53"/>
      <c r="AW3995" s="53"/>
      <c r="AX3995" s="53"/>
      <c r="AY3995" s="53"/>
      <c r="AZ3995" s="53"/>
      <c r="BA3995" s="53"/>
      <c r="BB3995" s="53"/>
      <c r="BC3995" s="53"/>
      <c r="BD3995" s="53"/>
      <c r="BE3995" s="53"/>
      <c r="BF3995" s="53"/>
      <c r="BG3995" s="53"/>
      <c r="BH3995" s="53"/>
      <c r="BI3995" s="53"/>
      <c r="BJ3995" s="53"/>
      <c r="BK3995" s="53"/>
      <c r="BL3995" s="53"/>
      <c r="BM3995" s="53"/>
      <c r="BN3995" s="53"/>
      <c r="BO3995" s="53"/>
      <c r="BP3995" s="53"/>
      <c r="BQ3995" s="53"/>
      <c r="BR3995" s="53"/>
      <c r="BS3995" s="53"/>
      <c r="BT3995" s="53"/>
      <c r="BU3995" s="53"/>
      <c r="BV3995" s="53"/>
      <c r="BW3995" s="53"/>
      <c r="BX3995" s="53"/>
      <c r="BY3995" s="53"/>
      <c r="BZ3995" s="53"/>
      <c r="CA3995" s="53"/>
      <c r="CB3995" s="53"/>
      <c r="CC3995" s="53"/>
      <c r="CD3995" s="53"/>
      <c r="CE3995" s="53"/>
      <c r="CF3995" s="53"/>
      <c r="CG3995" s="53"/>
      <c r="CH3995" s="53"/>
      <c r="CI3995" s="53"/>
      <c r="CJ3995" s="53"/>
      <c r="CK3995" s="53"/>
      <c r="CL3995" s="53"/>
      <c r="CM3995" s="53"/>
      <c r="CN3995" s="53"/>
    </row>
    <row r="3996" spans="1:92" outlineLevel="1">
      <c r="A3996" s="52" t="s">
        <v>649</v>
      </c>
      <c r="B3996" s="53"/>
      <c r="C3996" s="53"/>
      <c r="D3996" s="53"/>
      <c r="E3996" s="53"/>
      <c r="F3996" s="53"/>
      <c r="G3996" s="53"/>
      <c r="H3996" s="53"/>
      <c r="I3996" s="53"/>
      <c r="J3996" s="53"/>
      <c r="K3996" s="53"/>
      <c r="L3996" s="53"/>
      <c r="M3996" s="53"/>
      <c r="N3996" s="53"/>
      <c r="O3996" s="53">
        <v>-634712.02976482699</v>
      </c>
      <c r="P3996" s="53">
        <v>-634712.02976482699</v>
      </c>
      <c r="Q3996" s="53">
        <v>-634712.02976482699</v>
      </c>
      <c r="R3996" s="53">
        <v>-634712.02976482699</v>
      </c>
      <c r="S3996" s="53">
        <v>-634712.02976482699</v>
      </c>
      <c r="T3996" s="53">
        <v>-634712.02976482699</v>
      </c>
      <c r="U3996" s="53">
        <v>-634712.02976482699</v>
      </c>
      <c r="V3996" s="53">
        <v>-634712.02976482699</v>
      </c>
      <c r="W3996" s="53">
        <v>-634712.02976482699</v>
      </c>
      <c r="X3996" s="53">
        <v>-634712.02976482699</v>
      </c>
      <c r="Y3996" s="53">
        <v>-634712.02976482699</v>
      </c>
      <c r="Z3996" s="53">
        <v>-634712.02976482699</v>
      </c>
      <c r="AA3996" s="53">
        <v>-7616544.3571779197</v>
      </c>
      <c r="AB3996" s="53">
        <v>-3230102.1402793699</v>
      </c>
      <c r="AC3996" s="53">
        <v>-3230102.1402793699</v>
      </c>
      <c r="AD3996" s="53">
        <v>-3230102.1402793699</v>
      </c>
      <c r="AE3996" s="53">
        <v>-3230102.1402793699</v>
      </c>
      <c r="AF3996" s="53">
        <v>-3230102.1402793699</v>
      </c>
      <c r="AG3996" s="53">
        <v>-3230102.1402793699</v>
      </c>
      <c r="AH3996" s="53">
        <v>-3230102.1402793699</v>
      </c>
      <c r="AI3996" s="53">
        <v>-3230102.1402793699</v>
      </c>
      <c r="AJ3996" s="53">
        <v>-3230102.1402793699</v>
      </c>
      <c r="AK3996" s="53">
        <v>-3230102.1402793699</v>
      </c>
      <c r="AL3996" s="53">
        <v>-3230102.1402793699</v>
      </c>
      <c r="AM3996" s="53">
        <v>-3230102.1402793699</v>
      </c>
      <c r="AN3996" s="53">
        <v>-38761225.683352403</v>
      </c>
      <c r="AO3996" s="53"/>
      <c r="AP3996" s="53"/>
      <c r="AQ3996" s="53"/>
      <c r="AR3996" s="53"/>
      <c r="AS3996" s="53"/>
      <c r="AT3996" s="53"/>
      <c r="AU3996" s="53"/>
      <c r="AV3996" s="53"/>
      <c r="AW3996" s="53"/>
      <c r="AX3996" s="53"/>
      <c r="AY3996" s="53"/>
      <c r="AZ3996" s="53"/>
      <c r="BA3996" s="53"/>
      <c r="BB3996" s="53"/>
      <c r="BC3996" s="53"/>
      <c r="BD3996" s="53"/>
      <c r="BE3996" s="53"/>
      <c r="BF3996" s="53"/>
      <c r="BG3996" s="53"/>
      <c r="BH3996" s="53"/>
      <c r="BI3996" s="53"/>
      <c r="BJ3996" s="53"/>
      <c r="BK3996" s="53"/>
      <c r="BL3996" s="53"/>
      <c r="BM3996" s="53"/>
      <c r="BN3996" s="53"/>
      <c r="BO3996" s="53"/>
      <c r="BP3996" s="53"/>
      <c r="BQ3996" s="53"/>
      <c r="BR3996" s="53"/>
      <c r="BS3996" s="53"/>
      <c r="BT3996" s="53"/>
      <c r="BU3996" s="53"/>
      <c r="BV3996" s="53"/>
      <c r="BW3996" s="53"/>
      <c r="BX3996" s="53"/>
      <c r="BY3996" s="53"/>
      <c r="BZ3996" s="53"/>
      <c r="CA3996" s="53"/>
      <c r="CB3996" s="53"/>
      <c r="CC3996" s="53"/>
      <c r="CD3996" s="53"/>
      <c r="CE3996" s="53"/>
      <c r="CF3996" s="53"/>
      <c r="CG3996" s="53"/>
      <c r="CH3996" s="53"/>
      <c r="CI3996" s="53"/>
      <c r="CJ3996" s="53"/>
      <c r="CK3996" s="53"/>
      <c r="CL3996" s="53"/>
      <c r="CM3996" s="53"/>
      <c r="CN3996" s="53"/>
    </row>
    <row r="3997" spans="1:92" outlineLevel="1">
      <c r="A3997" s="52" t="s">
        <v>1687</v>
      </c>
      <c r="B3997" s="53"/>
      <c r="C3997" s="53"/>
      <c r="D3997" s="53"/>
      <c r="E3997" s="53"/>
      <c r="F3997" s="53"/>
      <c r="G3997" s="53"/>
      <c r="H3997" s="53"/>
      <c r="I3997" s="53"/>
      <c r="J3997" s="53"/>
      <c r="K3997" s="53"/>
      <c r="L3997" s="53"/>
      <c r="M3997" s="53"/>
      <c r="N3997" s="53"/>
      <c r="O3997" s="53"/>
      <c r="P3997" s="53"/>
      <c r="Q3997" s="53"/>
      <c r="R3997" s="53"/>
      <c r="S3997" s="53"/>
      <c r="T3997" s="53"/>
      <c r="U3997" s="53"/>
      <c r="V3997" s="53"/>
      <c r="W3997" s="53"/>
      <c r="X3997" s="53"/>
      <c r="Y3997" s="53"/>
      <c r="Z3997" s="53"/>
      <c r="AA3997" s="53"/>
      <c r="AB3997" s="53"/>
      <c r="AC3997" s="53"/>
      <c r="AD3997" s="53"/>
      <c r="AE3997" s="53"/>
      <c r="AF3997" s="53"/>
      <c r="AG3997" s="53"/>
      <c r="AH3997" s="53"/>
      <c r="AI3997" s="53"/>
      <c r="AJ3997" s="53"/>
      <c r="AK3997" s="53"/>
      <c r="AL3997" s="53"/>
      <c r="AM3997" s="53"/>
      <c r="AN3997" s="53"/>
      <c r="AO3997" s="53"/>
      <c r="AP3997" s="53"/>
      <c r="AQ3997" s="53"/>
      <c r="AR3997" s="53"/>
      <c r="AS3997" s="53"/>
      <c r="AT3997" s="53"/>
      <c r="AU3997" s="53"/>
      <c r="AV3997" s="53"/>
      <c r="AW3997" s="53"/>
      <c r="AX3997" s="53"/>
      <c r="AY3997" s="53"/>
      <c r="AZ3997" s="53"/>
      <c r="BA3997" s="53"/>
      <c r="BB3997" s="53"/>
      <c r="BC3997" s="53"/>
      <c r="BD3997" s="53"/>
      <c r="BE3997" s="53"/>
      <c r="BF3997" s="53"/>
      <c r="BG3997" s="53"/>
      <c r="BH3997" s="53"/>
      <c r="BI3997" s="53"/>
      <c r="BJ3997" s="53"/>
      <c r="BK3997" s="53"/>
      <c r="BL3997" s="53"/>
      <c r="BM3997" s="53"/>
      <c r="BN3997" s="53"/>
      <c r="BO3997" s="53"/>
      <c r="BP3997" s="53"/>
      <c r="BQ3997" s="53"/>
      <c r="BR3997" s="53"/>
      <c r="BS3997" s="53"/>
      <c r="BT3997" s="53"/>
      <c r="BU3997" s="53"/>
      <c r="BV3997" s="53"/>
      <c r="BW3997" s="53"/>
      <c r="BX3997" s="53"/>
      <c r="BY3997" s="53"/>
      <c r="BZ3997" s="53"/>
      <c r="CA3997" s="53"/>
      <c r="CB3997" s="53">
        <v>15351.5205479452</v>
      </c>
      <c r="CC3997" s="53">
        <v>15351.5205479452</v>
      </c>
      <c r="CD3997" s="53">
        <v>15351.5205479452</v>
      </c>
      <c r="CE3997" s="53">
        <v>15351.5205479452</v>
      </c>
      <c r="CF3997" s="53">
        <v>15351.5205479452</v>
      </c>
      <c r="CG3997" s="53">
        <v>15351.5205479452</v>
      </c>
      <c r="CH3997" s="53">
        <v>15351.5205479452</v>
      </c>
      <c r="CI3997" s="53">
        <v>15351.5205479452</v>
      </c>
      <c r="CJ3997" s="53">
        <v>15351.5205479452</v>
      </c>
      <c r="CK3997" s="53">
        <v>15351.5205479452</v>
      </c>
      <c r="CL3997" s="53">
        <v>15351.5205479452</v>
      </c>
      <c r="CM3997" s="53">
        <v>15351.5205479452</v>
      </c>
      <c r="CN3997" s="53">
        <v>184218.246575342</v>
      </c>
    </row>
    <row r="3998" spans="1:92" outlineLevel="1">
      <c r="A3998" s="52" t="s">
        <v>1726</v>
      </c>
      <c r="B3998" s="53"/>
      <c r="C3998" s="53"/>
      <c r="D3998" s="53"/>
      <c r="E3998" s="53"/>
      <c r="F3998" s="53"/>
      <c r="G3998" s="53"/>
      <c r="H3998" s="53"/>
      <c r="I3998" s="53"/>
      <c r="J3998" s="53"/>
      <c r="K3998" s="53"/>
      <c r="L3998" s="53"/>
      <c r="M3998" s="53"/>
      <c r="N3998" s="53"/>
      <c r="O3998" s="53"/>
      <c r="P3998" s="53"/>
      <c r="Q3998" s="53"/>
      <c r="R3998" s="53"/>
      <c r="S3998" s="53"/>
      <c r="T3998" s="53"/>
      <c r="U3998" s="53"/>
      <c r="V3998" s="53"/>
      <c r="W3998" s="53"/>
      <c r="X3998" s="53"/>
      <c r="Y3998" s="53"/>
      <c r="Z3998" s="53"/>
      <c r="AA3998" s="53"/>
      <c r="AB3998" s="53"/>
      <c r="AC3998" s="53"/>
      <c r="AD3998" s="53"/>
      <c r="AE3998" s="53"/>
      <c r="AF3998" s="53"/>
      <c r="AG3998" s="53"/>
      <c r="AH3998" s="53"/>
      <c r="AI3998" s="53"/>
      <c r="AJ3998" s="53"/>
      <c r="AK3998" s="53"/>
      <c r="AL3998" s="53"/>
      <c r="AM3998" s="53"/>
      <c r="AN3998" s="53"/>
      <c r="AO3998" s="53"/>
      <c r="AP3998" s="53"/>
      <c r="AQ3998" s="53"/>
      <c r="AR3998" s="53"/>
      <c r="AS3998" s="53"/>
      <c r="AT3998" s="53"/>
      <c r="AU3998" s="53"/>
      <c r="AV3998" s="53"/>
      <c r="AW3998" s="53"/>
      <c r="AX3998" s="53"/>
      <c r="AY3998" s="53"/>
      <c r="AZ3998" s="53"/>
      <c r="BA3998" s="53"/>
      <c r="BB3998" s="53"/>
      <c r="BC3998" s="53"/>
      <c r="BD3998" s="53"/>
      <c r="BE3998" s="53"/>
      <c r="BF3998" s="53"/>
      <c r="BG3998" s="53"/>
      <c r="BH3998" s="53"/>
      <c r="BI3998" s="53"/>
      <c r="BJ3998" s="53"/>
      <c r="BK3998" s="53"/>
      <c r="BL3998" s="53"/>
      <c r="BM3998" s="53"/>
      <c r="BN3998" s="53"/>
      <c r="BO3998" s="53"/>
      <c r="BP3998" s="53"/>
      <c r="BQ3998" s="53"/>
      <c r="BR3998" s="53"/>
      <c r="BS3998" s="53"/>
      <c r="BT3998" s="53"/>
      <c r="BU3998" s="53"/>
      <c r="BV3998" s="53"/>
      <c r="BW3998" s="53"/>
      <c r="BX3998" s="53"/>
      <c r="BY3998" s="53"/>
      <c r="BZ3998" s="53"/>
      <c r="CA3998" s="53"/>
      <c r="CB3998" s="53">
        <v>8310.1044776119197</v>
      </c>
      <c r="CC3998" s="53">
        <v>8310.1044776119197</v>
      </c>
      <c r="CD3998" s="53">
        <v>8310.1044776119197</v>
      </c>
      <c r="CE3998" s="53">
        <v>8310.1044776119197</v>
      </c>
      <c r="CF3998" s="53">
        <v>8310.1044776119197</v>
      </c>
      <c r="CG3998" s="53">
        <v>8310.1044776119197</v>
      </c>
      <c r="CH3998" s="53">
        <v>8310.1044776119197</v>
      </c>
      <c r="CI3998" s="53">
        <v>8310.1044776119197</v>
      </c>
      <c r="CJ3998" s="53">
        <v>8310.1044776119197</v>
      </c>
      <c r="CK3998" s="53">
        <v>8310.1044776119197</v>
      </c>
      <c r="CL3998" s="53">
        <v>8310.1044776119197</v>
      </c>
      <c r="CM3998" s="53">
        <v>8310.1044776119197</v>
      </c>
      <c r="CN3998" s="53">
        <v>99721.253731343095</v>
      </c>
    </row>
    <row r="3999" spans="1:92" outlineLevel="1">
      <c r="A3999" s="52" t="s">
        <v>649</v>
      </c>
      <c r="B3999" s="53"/>
      <c r="C3999" s="53"/>
      <c r="D3999" s="53"/>
      <c r="E3999" s="53"/>
      <c r="F3999" s="53"/>
      <c r="G3999" s="53"/>
      <c r="H3999" s="53"/>
      <c r="I3999" s="53"/>
      <c r="J3999" s="53"/>
      <c r="K3999" s="53"/>
      <c r="L3999" s="53"/>
      <c r="M3999" s="53"/>
      <c r="N3999" s="53"/>
      <c r="O3999" s="53">
        <v>2618509.22437499</v>
      </c>
      <c r="P3999" s="53">
        <v>2618509.22437499</v>
      </c>
      <c r="Q3999" s="53">
        <v>2618509.22437499</v>
      </c>
      <c r="R3999" s="53">
        <v>2618509.22437499</v>
      </c>
      <c r="S3999" s="53">
        <v>2618509.22437499</v>
      </c>
      <c r="T3999" s="53">
        <v>2618509.22437499</v>
      </c>
      <c r="U3999" s="53">
        <v>2618509.22437499</v>
      </c>
      <c r="V3999" s="53">
        <v>2618509.22437499</v>
      </c>
      <c r="W3999" s="53">
        <v>2618509.22437499</v>
      </c>
      <c r="X3999" s="53">
        <v>2618509.22437499</v>
      </c>
      <c r="Y3999" s="53">
        <v>2618509.22437499</v>
      </c>
      <c r="Z3999" s="53">
        <v>2618509.22437499</v>
      </c>
      <c r="AA3999" s="53">
        <v>31422110.692499802</v>
      </c>
      <c r="AB3999" s="53">
        <v>4388870.2495274898</v>
      </c>
      <c r="AC3999" s="53">
        <v>4388870.2495274898</v>
      </c>
      <c r="AD3999" s="53">
        <v>4388870.2495274898</v>
      </c>
      <c r="AE3999" s="53">
        <v>4388870.2495274898</v>
      </c>
      <c r="AF3999" s="53">
        <v>4388870.2495274898</v>
      </c>
      <c r="AG3999" s="53">
        <v>4388870.2495274898</v>
      </c>
      <c r="AH3999" s="53">
        <v>4388870.2495274898</v>
      </c>
      <c r="AI3999" s="53">
        <v>4388870.2495274898</v>
      </c>
      <c r="AJ3999" s="53">
        <v>4388870.2495274898</v>
      </c>
      <c r="AK3999" s="53">
        <v>4388870.2495274898</v>
      </c>
      <c r="AL3999" s="53">
        <v>4388870.2495274898</v>
      </c>
      <c r="AM3999" s="53">
        <v>4388870.2495274898</v>
      </c>
      <c r="AN3999" s="53">
        <v>52666442.9943299</v>
      </c>
      <c r="AO3999" s="53">
        <v>5253169.3333333302</v>
      </c>
      <c r="AP3999" s="53">
        <v>5253169.3333333302</v>
      </c>
      <c r="AQ3999" s="53">
        <v>5253169.3333333302</v>
      </c>
      <c r="AR3999" s="53">
        <v>5253169.3333333302</v>
      </c>
      <c r="AS3999" s="53">
        <v>5253169.3333333302</v>
      </c>
      <c r="AT3999" s="53">
        <v>5253169.3333333302</v>
      </c>
      <c r="AU3999" s="53">
        <v>5253169.3333333302</v>
      </c>
      <c r="AV3999" s="53">
        <v>5253169.3333333302</v>
      </c>
      <c r="AW3999" s="53">
        <v>5253169.3333333302</v>
      </c>
      <c r="AX3999" s="53">
        <v>5253169.3333333302</v>
      </c>
      <c r="AY3999" s="53">
        <v>5253169.3333333302</v>
      </c>
      <c r="AZ3999" s="53">
        <v>5253169.3333333302</v>
      </c>
      <c r="BA3999" s="53">
        <v>63038031.999999903</v>
      </c>
      <c r="BB3999" s="53">
        <v>7932402.2177273398</v>
      </c>
      <c r="BC3999" s="53">
        <v>7932402.2177273398</v>
      </c>
      <c r="BD3999" s="53">
        <v>7932402.2177273398</v>
      </c>
      <c r="BE3999" s="53">
        <v>7932402.2177273398</v>
      </c>
      <c r="BF3999" s="53">
        <v>7932402.2177273398</v>
      </c>
      <c r="BG3999" s="53">
        <v>7932402.2177273398</v>
      </c>
      <c r="BH3999" s="53">
        <v>7932402.2177273398</v>
      </c>
      <c r="BI3999" s="53">
        <v>7932402.2177273398</v>
      </c>
      <c r="BJ3999" s="53">
        <v>7932402.2177273398</v>
      </c>
      <c r="BK3999" s="53">
        <v>7932402.2177273398</v>
      </c>
      <c r="BL3999" s="53">
        <v>7932402.2177273398</v>
      </c>
      <c r="BM3999" s="53">
        <v>7932402.2177273398</v>
      </c>
      <c r="BN3999" s="53">
        <v>95188826.612728104</v>
      </c>
      <c r="BO3999" s="53">
        <v>9706836.634939</v>
      </c>
      <c r="BP3999" s="53">
        <v>9706836.634939</v>
      </c>
      <c r="BQ3999" s="53">
        <v>9706836.634939</v>
      </c>
      <c r="BR3999" s="53">
        <v>9706836.634939</v>
      </c>
      <c r="BS3999" s="53">
        <v>9706836.634939</v>
      </c>
      <c r="BT3999" s="53">
        <v>9706836.634939</v>
      </c>
      <c r="BU3999" s="53">
        <v>9706836.634939</v>
      </c>
      <c r="BV3999" s="53">
        <v>9706836.634939</v>
      </c>
      <c r="BW3999" s="53">
        <v>9706836.634939</v>
      </c>
      <c r="BX3999" s="53">
        <v>9706836.634939</v>
      </c>
      <c r="BY3999" s="53">
        <v>9706836.634939</v>
      </c>
      <c r="BZ3999" s="53">
        <v>9706836.634939</v>
      </c>
      <c r="CA3999" s="53">
        <v>116482039.619267</v>
      </c>
      <c r="CB3999" s="53">
        <v>18632.710875331501</v>
      </c>
      <c r="CC3999" s="53">
        <v>18632.710875331501</v>
      </c>
      <c r="CD3999" s="53">
        <v>18632.710875331501</v>
      </c>
      <c r="CE3999" s="53">
        <v>18632.710875331501</v>
      </c>
      <c r="CF3999" s="53">
        <v>18632.710875331501</v>
      </c>
      <c r="CG3999" s="53">
        <v>18632.710875331501</v>
      </c>
      <c r="CH3999" s="53">
        <v>18632.710875331501</v>
      </c>
      <c r="CI3999" s="53">
        <v>18632.710875331501</v>
      </c>
      <c r="CJ3999" s="53">
        <v>18632.710875331501</v>
      </c>
      <c r="CK3999" s="53">
        <v>18632.710875331501</v>
      </c>
      <c r="CL3999" s="53">
        <v>18632.710875331501</v>
      </c>
      <c r="CM3999" s="53">
        <v>18632.710875331501</v>
      </c>
      <c r="CN3999" s="53">
        <v>223592.53050397799</v>
      </c>
    </row>
    <row r="4000" spans="1:92" outlineLevel="1">
      <c r="A4000" s="52" t="s">
        <v>1691</v>
      </c>
      <c r="B4000" s="53"/>
      <c r="C4000" s="53"/>
      <c r="D4000" s="53"/>
      <c r="E4000" s="53"/>
      <c r="F4000" s="53"/>
      <c r="G4000" s="53"/>
      <c r="H4000" s="53"/>
      <c r="I4000" s="53"/>
      <c r="J4000" s="53"/>
      <c r="K4000" s="53"/>
      <c r="L4000" s="53"/>
      <c r="M4000" s="53"/>
      <c r="N4000" s="53"/>
      <c r="O4000" s="53"/>
      <c r="P4000" s="53"/>
      <c r="Q4000" s="53"/>
      <c r="R4000" s="53"/>
      <c r="S4000" s="53"/>
      <c r="T4000" s="53"/>
      <c r="U4000" s="53"/>
      <c r="V4000" s="53"/>
      <c r="W4000" s="53"/>
      <c r="X4000" s="53"/>
      <c r="Y4000" s="53"/>
      <c r="Z4000" s="53"/>
      <c r="AA4000" s="53"/>
      <c r="AB4000" s="53"/>
      <c r="AC4000" s="53"/>
      <c r="AD4000" s="53"/>
      <c r="AE4000" s="53"/>
      <c r="AF4000" s="53"/>
      <c r="AG4000" s="53"/>
      <c r="AH4000" s="53"/>
      <c r="AI4000" s="53"/>
      <c r="AJ4000" s="53"/>
      <c r="AK4000" s="53"/>
      <c r="AL4000" s="53"/>
      <c r="AM4000" s="53"/>
      <c r="AN4000" s="53"/>
      <c r="AO4000" s="53"/>
      <c r="AP4000" s="53"/>
      <c r="AQ4000" s="53"/>
      <c r="AR4000" s="53"/>
      <c r="AS4000" s="53"/>
      <c r="AT4000" s="53"/>
      <c r="AU4000" s="53"/>
      <c r="AV4000" s="53"/>
      <c r="AW4000" s="53"/>
      <c r="AX4000" s="53"/>
      <c r="AY4000" s="53"/>
      <c r="AZ4000" s="53"/>
      <c r="BA4000" s="53"/>
      <c r="BB4000" s="53"/>
      <c r="BC4000" s="53"/>
      <c r="BD4000" s="53"/>
      <c r="BE4000" s="53"/>
      <c r="BF4000" s="53"/>
      <c r="BG4000" s="53"/>
      <c r="BH4000" s="53"/>
      <c r="BI4000" s="53"/>
      <c r="BJ4000" s="53"/>
      <c r="BK4000" s="53"/>
      <c r="BL4000" s="53"/>
      <c r="BM4000" s="53"/>
      <c r="BN4000" s="53"/>
      <c r="BO4000" s="53"/>
      <c r="BP4000" s="53"/>
      <c r="BQ4000" s="53"/>
      <c r="BR4000" s="53"/>
      <c r="BS4000" s="53"/>
      <c r="BT4000" s="53"/>
      <c r="BU4000" s="53"/>
      <c r="BV4000" s="53"/>
      <c r="BW4000" s="53"/>
      <c r="BX4000" s="53"/>
      <c r="BY4000" s="53"/>
      <c r="BZ4000" s="53"/>
      <c r="CA4000" s="53"/>
      <c r="CB4000" s="53"/>
      <c r="CC4000" s="53"/>
      <c r="CD4000" s="53"/>
      <c r="CE4000" s="53"/>
      <c r="CF4000" s="53"/>
      <c r="CG4000" s="53"/>
      <c r="CH4000" s="53"/>
      <c r="CI4000" s="53"/>
      <c r="CJ4000" s="53"/>
      <c r="CK4000" s="53"/>
      <c r="CL4000" s="53"/>
      <c r="CM4000" s="53"/>
      <c r="CN4000" s="53"/>
    </row>
    <row r="4001" spans="1:92" outlineLevel="1">
      <c r="A4001" s="52" t="s">
        <v>649</v>
      </c>
      <c r="B4001" s="53"/>
      <c r="C4001" s="53"/>
      <c r="D4001" s="53"/>
      <c r="E4001" s="53"/>
      <c r="F4001" s="53"/>
      <c r="G4001" s="53"/>
      <c r="H4001" s="53"/>
      <c r="I4001" s="53"/>
      <c r="J4001" s="53"/>
      <c r="K4001" s="53"/>
      <c r="L4001" s="53"/>
      <c r="M4001" s="53"/>
      <c r="N4001" s="53"/>
      <c r="O4001" s="53"/>
      <c r="P4001" s="53"/>
      <c r="Q4001" s="53"/>
      <c r="R4001" s="53"/>
      <c r="S4001" s="53"/>
      <c r="T4001" s="53"/>
      <c r="U4001" s="53"/>
      <c r="V4001" s="53"/>
      <c r="W4001" s="53"/>
      <c r="X4001" s="53"/>
      <c r="Y4001" s="53"/>
      <c r="Z4001" s="53"/>
      <c r="AA4001" s="53"/>
      <c r="AB4001" s="53">
        <v>2822982.41666666</v>
      </c>
      <c r="AC4001" s="53">
        <v>2822982.41666666</v>
      </c>
      <c r="AD4001" s="53">
        <v>2822982.41666666</v>
      </c>
      <c r="AE4001" s="53">
        <v>2822982.41666666</v>
      </c>
      <c r="AF4001" s="53">
        <v>2822982.41666666</v>
      </c>
      <c r="AG4001" s="53">
        <v>2822982.41666666</v>
      </c>
      <c r="AH4001" s="53">
        <v>2822982.41666666</v>
      </c>
      <c r="AI4001" s="53">
        <v>2822982.41666666</v>
      </c>
      <c r="AJ4001" s="53">
        <v>2822982.41666666</v>
      </c>
      <c r="AK4001" s="53">
        <v>2822982.41666666</v>
      </c>
      <c r="AL4001" s="53">
        <v>2822982.41666666</v>
      </c>
      <c r="AM4001" s="53">
        <v>2822982.41666666</v>
      </c>
      <c r="AN4001" s="53">
        <v>33875789</v>
      </c>
      <c r="AO4001" s="53">
        <v>5406504.6666666605</v>
      </c>
      <c r="AP4001" s="53">
        <v>5406504.6666666605</v>
      </c>
      <c r="AQ4001" s="53">
        <v>5406504.6666666605</v>
      </c>
      <c r="AR4001" s="53">
        <v>5406504.6666666605</v>
      </c>
      <c r="AS4001" s="53">
        <v>5406504.6666666605</v>
      </c>
      <c r="AT4001" s="53">
        <v>5406504.6666666605</v>
      </c>
      <c r="AU4001" s="53">
        <v>5406504.6666666605</v>
      </c>
      <c r="AV4001" s="53">
        <v>5406504.6666666605</v>
      </c>
      <c r="AW4001" s="53">
        <v>5406504.6666666605</v>
      </c>
      <c r="AX4001" s="53">
        <v>5406504.6666666605</v>
      </c>
      <c r="AY4001" s="53">
        <v>5406504.6666666605</v>
      </c>
      <c r="AZ4001" s="53">
        <v>5406504.6666666605</v>
      </c>
      <c r="BA4001" s="53">
        <v>64878056</v>
      </c>
      <c r="BB4001" s="53">
        <v>5339176.0833333302</v>
      </c>
      <c r="BC4001" s="53">
        <v>5339176.0833333302</v>
      </c>
      <c r="BD4001" s="53">
        <v>5339176.0833333302</v>
      </c>
      <c r="BE4001" s="53">
        <v>5339176.0833333302</v>
      </c>
      <c r="BF4001" s="53">
        <v>5339176.0833333302</v>
      </c>
      <c r="BG4001" s="53">
        <v>5339176.0833333302</v>
      </c>
      <c r="BH4001" s="53">
        <v>5339176.0833333302</v>
      </c>
      <c r="BI4001" s="53">
        <v>5339176.0833333302</v>
      </c>
      <c r="BJ4001" s="53">
        <v>5339176.0833333302</v>
      </c>
      <c r="BK4001" s="53">
        <v>5339176.0833333302</v>
      </c>
      <c r="BL4001" s="53">
        <v>5339176.0833333302</v>
      </c>
      <c r="BM4001" s="53">
        <v>5339176.0833333302</v>
      </c>
      <c r="BN4001" s="53">
        <v>64070112.999999903</v>
      </c>
      <c r="BO4001" s="53">
        <v>7932402.25</v>
      </c>
      <c r="BP4001" s="53">
        <v>7932402.25</v>
      </c>
      <c r="BQ4001" s="53">
        <v>7932402.25</v>
      </c>
      <c r="BR4001" s="53">
        <v>7932402.25</v>
      </c>
      <c r="BS4001" s="53">
        <v>7932402.25</v>
      </c>
      <c r="BT4001" s="53">
        <v>7932402.25</v>
      </c>
      <c r="BU4001" s="53">
        <v>7932402.25</v>
      </c>
      <c r="BV4001" s="53">
        <v>7932402.25</v>
      </c>
      <c r="BW4001" s="53">
        <v>7932402.25</v>
      </c>
      <c r="BX4001" s="53">
        <v>7932402.25</v>
      </c>
      <c r="BY4001" s="53">
        <v>7932402.25</v>
      </c>
      <c r="BZ4001" s="53">
        <v>7932402.25</v>
      </c>
      <c r="CA4001" s="53">
        <v>95188827</v>
      </c>
      <c r="CB4001" s="53">
        <v>36488.334177215103</v>
      </c>
      <c r="CC4001" s="53">
        <v>36488.334177215103</v>
      </c>
      <c r="CD4001" s="53">
        <v>36488.334177215103</v>
      </c>
      <c r="CE4001" s="53">
        <v>36488.334177215103</v>
      </c>
      <c r="CF4001" s="53">
        <v>36488.334177215103</v>
      </c>
      <c r="CG4001" s="53">
        <v>36488.334177215103</v>
      </c>
      <c r="CH4001" s="53">
        <v>36488.334177215103</v>
      </c>
      <c r="CI4001" s="53">
        <v>36488.334177215103</v>
      </c>
      <c r="CJ4001" s="53">
        <v>36488.334177215103</v>
      </c>
      <c r="CK4001" s="53">
        <v>36488.334177215103</v>
      </c>
      <c r="CL4001" s="53">
        <v>36488.334177215103</v>
      </c>
      <c r="CM4001" s="53">
        <v>36488.334177215103</v>
      </c>
      <c r="CN4001" s="53">
        <v>437860.010126582</v>
      </c>
    </row>
    <row r="4002" spans="1:92" outlineLevel="1">
      <c r="A4002" s="57" t="s">
        <v>1797</v>
      </c>
      <c r="B4002" s="53">
        <v>21889893814.929901</v>
      </c>
      <c r="C4002" s="53">
        <v>21973247224.439899</v>
      </c>
      <c r="D4002" s="53">
        <v>22076050597.109901</v>
      </c>
      <c r="E4002" s="53">
        <v>22396564374.549999</v>
      </c>
      <c r="F4002" s="53">
        <v>22664048803.879902</v>
      </c>
      <c r="G4002" s="53">
        <v>22848570107.4799</v>
      </c>
      <c r="H4002" s="53">
        <v>23073201470.27</v>
      </c>
      <c r="I4002" s="53">
        <v>23419026800.989899</v>
      </c>
      <c r="J4002" s="53">
        <v>23963987746.57</v>
      </c>
      <c r="K4002" s="53">
        <v>24241944676.2099</v>
      </c>
      <c r="L4002" s="53">
        <v>24437102009.879902</v>
      </c>
      <c r="M4002" s="53">
        <v>24592225251.029999</v>
      </c>
      <c r="N4002" s="53">
        <v>24592225251.029999</v>
      </c>
      <c r="O4002" s="53">
        <v>24846000978.761101</v>
      </c>
      <c r="P4002" s="53">
        <v>24872502432.4888</v>
      </c>
      <c r="Q4002" s="53">
        <v>25000182255.750099</v>
      </c>
      <c r="R4002" s="53">
        <v>25094131126.773399</v>
      </c>
      <c r="S4002" s="53">
        <v>25237279796.238998</v>
      </c>
      <c r="T4002" s="53">
        <v>25306527760.805401</v>
      </c>
      <c r="U4002" s="53">
        <v>25316830915.565498</v>
      </c>
      <c r="V4002" s="53">
        <v>25385402102.1157</v>
      </c>
      <c r="W4002" s="53">
        <v>25352914456.322899</v>
      </c>
      <c r="X4002" s="53">
        <v>25429359902.1824</v>
      </c>
      <c r="Y4002" s="53">
        <v>25282611714.363998</v>
      </c>
      <c r="Z4002" s="53">
        <v>25279505323.069801</v>
      </c>
      <c r="AA4002" s="53">
        <v>25279505323.069801</v>
      </c>
      <c r="AB4002" s="53">
        <v>25426232442.2803</v>
      </c>
      <c r="AC4002" s="53">
        <v>25396758155.078999</v>
      </c>
      <c r="AD4002" s="53">
        <v>25438918176.475101</v>
      </c>
      <c r="AE4002" s="53">
        <v>25512217676.885799</v>
      </c>
      <c r="AF4002" s="53">
        <v>25652779805.144299</v>
      </c>
      <c r="AG4002" s="53">
        <v>25755350824.1721</v>
      </c>
      <c r="AH4002" s="53">
        <v>25811709875.423801</v>
      </c>
      <c r="AI4002" s="53">
        <v>26042307362.4403</v>
      </c>
      <c r="AJ4002" s="53">
        <v>26093045750.6371</v>
      </c>
      <c r="AK4002" s="53">
        <v>26193523839.137001</v>
      </c>
      <c r="AL4002" s="53">
        <v>26052491233.990398</v>
      </c>
      <c r="AM4002" s="53">
        <v>25962247256.642502</v>
      </c>
      <c r="AN4002" s="53">
        <v>25962247256.642502</v>
      </c>
      <c r="AO4002" s="53">
        <v>26133998036.391102</v>
      </c>
      <c r="AP4002" s="53">
        <v>26196815708.060299</v>
      </c>
      <c r="AQ4002" s="53">
        <v>26342553514.874199</v>
      </c>
      <c r="AR4002" s="53">
        <v>26490867225.7201</v>
      </c>
      <c r="AS4002" s="53">
        <v>26704393651.167099</v>
      </c>
      <c r="AT4002" s="53">
        <v>27119860842.367599</v>
      </c>
      <c r="AU4002" s="53">
        <v>27260284392.988899</v>
      </c>
      <c r="AV4002" s="53">
        <v>27502029781.265099</v>
      </c>
      <c r="AW4002" s="53">
        <v>27606895536.8787</v>
      </c>
      <c r="AX4002" s="53">
        <v>27700184236.756802</v>
      </c>
      <c r="AY4002" s="53">
        <v>27531506283.2327</v>
      </c>
      <c r="AZ4002" s="53">
        <v>27634608160.590599</v>
      </c>
      <c r="BA4002" s="53">
        <v>27634608160.590599</v>
      </c>
      <c r="BB4002" s="53">
        <v>27868827391.518101</v>
      </c>
      <c r="BC4002" s="53">
        <v>27913343008.707401</v>
      </c>
      <c r="BD4002" s="53">
        <v>28040476324.594799</v>
      </c>
      <c r="BE4002" s="53">
        <v>28167828470.6735</v>
      </c>
      <c r="BF4002" s="53">
        <v>28358637224.469799</v>
      </c>
      <c r="BG4002" s="53">
        <v>28749998896.675999</v>
      </c>
      <c r="BH4002" s="53">
        <v>28893381662.615799</v>
      </c>
      <c r="BI4002" s="53">
        <v>29138081058.361401</v>
      </c>
      <c r="BJ4002" s="53">
        <v>29157957941.721901</v>
      </c>
      <c r="BK4002" s="53">
        <v>29253811387.341202</v>
      </c>
      <c r="BL4002" s="53">
        <v>29062637758.480202</v>
      </c>
      <c r="BM4002" s="53">
        <v>29194830616.050598</v>
      </c>
      <c r="BN4002" s="53">
        <v>29194830616.050598</v>
      </c>
      <c r="BO4002" s="53">
        <v>29421687944.1926</v>
      </c>
      <c r="BP4002" s="53">
        <v>29463824643.578499</v>
      </c>
      <c r="BQ4002" s="53">
        <v>29592762341.880299</v>
      </c>
      <c r="BR4002" s="53">
        <v>29717473320.649399</v>
      </c>
      <c r="BS4002" s="53">
        <v>29904977539.549999</v>
      </c>
      <c r="BT4002" s="53">
        <v>30146863434.3363</v>
      </c>
      <c r="BU4002" s="53">
        <v>30305973295.702</v>
      </c>
      <c r="BV4002" s="53">
        <v>30557149360.0271</v>
      </c>
      <c r="BW4002" s="53">
        <v>30732763518.026402</v>
      </c>
      <c r="BX4002" s="53">
        <v>30830300680.676102</v>
      </c>
      <c r="BY4002" s="53">
        <v>30623803107.798901</v>
      </c>
      <c r="BZ4002" s="53">
        <v>30703265237.5159</v>
      </c>
      <c r="CA4002" s="53">
        <v>30703265237.5159</v>
      </c>
      <c r="CB4002" s="53">
        <v>13019.146118721401</v>
      </c>
      <c r="CC4002" s="53">
        <v>13019.146118721401</v>
      </c>
      <c r="CD4002" s="53">
        <v>13019.146118721401</v>
      </c>
      <c r="CE4002" s="53">
        <v>13019.146118721401</v>
      </c>
      <c r="CF4002" s="53">
        <v>13019.146118721401</v>
      </c>
      <c r="CG4002" s="53">
        <v>13019.146118721401</v>
      </c>
      <c r="CH4002" s="53">
        <v>13019.146118721401</v>
      </c>
      <c r="CI4002" s="53">
        <v>13019.146118721401</v>
      </c>
      <c r="CJ4002" s="53">
        <v>13019.146118721401</v>
      </c>
      <c r="CK4002" s="53">
        <v>13019.146118721401</v>
      </c>
      <c r="CL4002" s="53">
        <v>13019.146118721401</v>
      </c>
      <c r="CM4002" s="53">
        <v>13019.146118721401</v>
      </c>
      <c r="CN4002" s="53">
        <v>156229.75342465701</v>
      </c>
    </row>
    <row r="4003" spans="1:92" outlineLevel="1">
      <c r="A4003" s="52" t="s">
        <v>1798</v>
      </c>
      <c r="B4003" s="53"/>
      <c r="C4003" s="53"/>
      <c r="D4003" s="53"/>
      <c r="E4003" s="53"/>
      <c r="F4003" s="53"/>
      <c r="G4003" s="53"/>
      <c r="H4003" s="53"/>
      <c r="I4003" s="53"/>
      <c r="J4003" s="53"/>
      <c r="K4003" s="53"/>
      <c r="L4003" s="53"/>
      <c r="M4003" s="53"/>
      <c r="N4003" s="53"/>
      <c r="O4003" s="53"/>
      <c r="P4003" s="53"/>
      <c r="Q4003" s="53"/>
      <c r="R4003" s="53"/>
      <c r="S4003" s="53"/>
      <c r="T4003" s="53"/>
      <c r="U4003" s="53"/>
      <c r="V4003" s="53"/>
      <c r="W4003" s="53"/>
      <c r="X4003" s="53"/>
      <c r="Y4003" s="53"/>
      <c r="Z4003" s="53"/>
      <c r="AA4003" s="53"/>
      <c r="AB4003" s="53"/>
      <c r="AC4003" s="53"/>
      <c r="AD4003" s="53"/>
      <c r="AE4003" s="53"/>
      <c r="AF4003" s="53"/>
      <c r="AG4003" s="53"/>
      <c r="AH4003" s="53"/>
      <c r="AI4003" s="53"/>
      <c r="AJ4003" s="53"/>
      <c r="AK4003" s="53"/>
      <c r="AL4003" s="53"/>
      <c r="AM4003" s="53"/>
      <c r="AN4003" s="53"/>
      <c r="AO4003" s="53"/>
      <c r="AP4003" s="53"/>
      <c r="AQ4003" s="53"/>
      <c r="AR4003" s="53"/>
      <c r="AS4003" s="53"/>
      <c r="AT4003" s="53"/>
      <c r="AU4003" s="53"/>
      <c r="AV4003" s="53"/>
      <c r="AW4003" s="53"/>
      <c r="AX4003" s="53"/>
      <c r="AY4003" s="53"/>
      <c r="AZ4003" s="53"/>
      <c r="BA4003" s="53"/>
      <c r="BB4003" s="53"/>
      <c r="BC4003" s="53"/>
      <c r="BD4003" s="53"/>
      <c r="BE4003" s="53"/>
      <c r="BF4003" s="53"/>
      <c r="BG4003" s="53"/>
      <c r="BH4003" s="53"/>
      <c r="BI4003" s="53"/>
      <c r="BJ4003" s="53"/>
      <c r="BK4003" s="53"/>
      <c r="BL4003" s="53"/>
      <c r="BM4003" s="53"/>
      <c r="BN4003" s="53"/>
      <c r="BO4003" s="53"/>
      <c r="BP4003" s="53"/>
      <c r="BQ4003" s="53"/>
      <c r="BR4003" s="53"/>
      <c r="BS4003" s="53"/>
      <c r="BT4003" s="53"/>
      <c r="BU4003" s="53"/>
      <c r="BV4003" s="53"/>
      <c r="BW4003" s="53"/>
      <c r="BX4003" s="53"/>
      <c r="BY4003" s="53"/>
      <c r="BZ4003" s="53"/>
      <c r="CA4003" s="53"/>
      <c r="CB4003" s="53">
        <v>13527.6846307385</v>
      </c>
      <c r="CC4003" s="53">
        <v>13527.6846307385</v>
      </c>
      <c r="CD4003" s="53">
        <v>13527.6846307385</v>
      </c>
      <c r="CE4003" s="53">
        <v>13527.6846307385</v>
      </c>
      <c r="CF4003" s="53">
        <v>13527.6846307385</v>
      </c>
      <c r="CG4003" s="53">
        <v>13527.6846307385</v>
      </c>
      <c r="CH4003" s="53">
        <v>13527.6846307385</v>
      </c>
      <c r="CI4003" s="53">
        <v>13527.6846307385</v>
      </c>
      <c r="CJ4003" s="53">
        <v>13527.6846307385</v>
      </c>
      <c r="CK4003" s="53">
        <v>13527.6846307385</v>
      </c>
      <c r="CL4003" s="53">
        <v>13527.6846307385</v>
      </c>
      <c r="CM4003" s="53">
        <v>13527.6846307385</v>
      </c>
      <c r="CN4003" s="53">
        <v>162332.21556886201</v>
      </c>
    </row>
    <row r="4004" spans="1:92" outlineLevel="1">
      <c r="A4004" s="138" t="s">
        <v>1799</v>
      </c>
      <c r="B4004" s="53">
        <v>1.49011611938476E-5</v>
      </c>
      <c r="C4004" s="53">
        <v>0</v>
      </c>
      <c r="D4004" s="53">
        <v>0</v>
      </c>
      <c r="E4004" s="53">
        <v>-3.7252902984619098E-6</v>
      </c>
      <c r="F4004" s="53">
        <v>0</v>
      </c>
      <c r="G4004" s="53">
        <v>1.49011611938476E-5</v>
      </c>
      <c r="H4004" s="53">
        <v>0</v>
      </c>
      <c r="I4004" s="53">
        <v>0</v>
      </c>
      <c r="J4004" s="53">
        <v>0</v>
      </c>
      <c r="K4004" s="53">
        <v>1.49011611938476E-5</v>
      </c>
      <c r="L4004" s="53">
        <v>1.11758708953857E-5</v>
      </c>
      <c r="M4004" s="53">
        <v>3.7252902984619098E-6</v>
      </c>
      <c r="N4004" s="53">
        <v>3.7252902984619098E-6</v>
      </c>
      <c r="O4004" s="53">
        <v>5.7741999626159603E-4</v>
      </c>
      <c r="P4004" s="53">
        <v>-1.0021030902862499E-3</v>
      </c>
      <c r="Q4004" s="53">
        <v>1.7508864402770901E-4</v>
      </c>
      <c r="R4004" s="53">
        <v>-3.68803739547729E-4</v>
      </c>
      <c r="S4004" s="53">
        <v>9.6857547760009698E-5</v>
      </c>
      <c r="T4004" s="53">
        <v>1.22934579849243E-4</v>
      </c>
      <c r="U4004" s="53">
        <v>1.9893050193786599E-3</v>
      </c>
      <c r="V4004" s="53">
        <v>-8.5681676864623996E-5</v>
      </c>
      <c r="W4004" s="53">
        <v>-1.15483999252319E-4</v>
      </c>
      <c r="X4004" s="53">
        <v>-1.7508864402770901E-4</v>
      </c>
      <c r="Y4004" s="53">
        <v>-2.3096799850463799E-4</v>
      </c>
      <c r="Z4004" s="53">
        <v>-1.3783574104309001E-4</v>
      </c>
      <c r="AA4004" s="53">
        <v>-1.3783574104309001E-4</v>
      </c>
      <c r="AB4004" s="53">
        <v>-2.27242708206176E-4</v>
      </c>
      <c r="AC4004" s="53">
        <v>-3.1664967536926199E-4</v>
      </c>
      <c r="AD4004" s="53">
        <v>-3.0547380447387598E-4</v>
      </c>
      <c r="AE4004" s="53">
        <v>2.86847352981567E-4</v>
      </c>
      <c r="AF4004" s="53">
        <v>2.9429793357849099E-4</v>
      </c>
      <c r="AG4004" s="53">
        <v>5.5506825447082498E-4</v>
      </c>
      <c r="AH4004" s="53">
        <v>9.6857547760009701E-4</v>
      </c>
      <c r="AI4004" s="53">
        <v>1.34110450744628E-3</v>
      </c>
      <c r="AJ4004" s="53">
        <v>1.8030405044555599E-3</v>
      </c>
      <c r="AK4004" s="53">
        <v>-3.3527612686157199E-5</v>
      </c>
      <c r="AL4004" s="53">
        <v>-3.3527612686157199E-5</v>
      </c>
      <c r="AM4004" s="53">
        <v>-3.3527612686157199E-5</v>
      </c>
      <c r="AN4004" s="53">
        <v>-3.3527612686157199E-5</v>
      </c>
      <c r="AO4004" s="53">
        <v>-3.72529029846191E-5</v>
      </c>
      <c r="AP4004" s="53">
        <v>-4.4703483581542901E-5</v>
      </c>
      <c r="AQ4004" s="53">
        <v>-3.72529029846191E-5</v>
      </c>
      <c r="AR4004" s="53">
        <v>-4.0978193283081E-5</v>
      </c>
      <c r="AS4004" s="53">
        <v>-4.0978193283081E-5</v>
      </c>
      <c r="AT4004" s="53">
        <v>-1.45286321640014E-4</v>
      </c>
      <c r="AU4004" s="53">
        <v>7.8231096267700195E-4</v>
      </c>
      <c r="AV4004" s="53">
        <v>7.7858567237854004E-4</v>
      </c>
      <c r="AW4004" s="53">
        <v>-2.1979212760925201E-4</v>
      </c>
      <c r="AX4004" s="53">
        <v>3.7252902984619103E-4</v>
      </c>
      <c r="AY4004" s="53">
        <v>3.68803739547729E-4</v>
      </c>
      <c r="AZ4004" s="53">
        <v>-4.4703483581542901E-5</v>
      </c>
      <c r="BA4004" s="53">
        <v>-4.4703483581542901E-5</v>
      </c>
      <c r="BB4004" s="53">
        <v>-4.0978193283081E-5</v>
      </c>
      <c r="BC4004" s="53">
        <v>-4.8428773880004801E-5</v>
      </c>
      <c r="BD4004" s="53">
        <v>-4.8428773880004801E-5</v>
      </c>
      <c r="BE4004" s="53">
        <v>-5.2154064178466797E-5</v>
      </c>
      <c r="BF4004" s="53">
        <v>-5.9604644775390598E-5</v>
      </c>
      <c r="BG4004" s="53">
        <v>1.22934579849243E-4</v>
      </c>
      <c r="BH4004" s="53">
        <v>-3.72529029846191E-5</v>
      </c>
      <c r="BI4004" s="53">
        <v>-4.4703483581542901E-5</v>
      </c>
      <c r="BJ4004" s="53">
        <v>1.26659870147705E-4</v>
      </c>
      <c r="BK4004" s="53">
        <v>-3.72529029846191E-5</v>
      </c>
      <c r="BL4004" s="53">
        <v>-3.3527612686157199E-5</v>
      </c>
      <c r="BM4004" s="53">
        <v>-3.7252902984619103E-4</v>
      </c>
      <c r="BN4004" s="53">
        <v>-3.7252902984619103E-4</v>
      </c>
      <c r="BO4004" s="53">
        <v>-7.8231096267700195E-5</v>
      </c>
      <c r="BP4004" s="53">
        <v>-7.45058059692382E-5</v>
      </c>
      <c r="BQ4004" s="53">
        <v>-8.1956386566162096E-5</v>
      </c>
      <c r="BR4004" s="53">
        <v>-7.8231096267700195E-5</v>
      </c>
      <c r="BS4004" s="53">
        <v>-7.8231096267700195E-5</v>
      </c>
      <c r="BT4004" s="53">
        <v>1.3411045074462801E-4</v>
      </c>
      <c r="BU4004" s="53">
        <v>-4.8428773880004801E-5</v>
      </c>
      <c r="BV4004" s="53">
        <v>-4.8428773880004801E-5</v>
      </c>
      <c r="BW4004" s="53">
        <v>1.22934579849243E-4</v>
      </c>
      <c r="BX4004" s="53">
        <v>-4.8428773880004801E-5</v>
      </c>
      <c r="BY4004" s="53">
        <v>-4.8428773880004801E-5</v>
      </c>
      <c r="BZ4004" s="53">
        <v>-8.9406967163085897E-5</v>
      </c>
      <c r="CA4004" s="53">
        <v>-8.9406967163085897E-5</v>
      </c>
      <c r="CB4004" s="53">
        <v>20148.9797979797</v>
      </c>
      <c r="CC4004" s="53">
        <v>20148.9797979797</v>
      </c>
      <c r="CD4004" s="53">
        <v>20148.9797979797</v>
      </c>
      <c r="CE4004" s="53">
        <v>20148.9797979797</v>
      </c>
      <c r="CF4004" s="53">
        <v>20148.9797979797</v>
      </c>
      <c r="CG4004" s="53">
        <v>20148.9797979797</v>
      </c>
      <c r="CH4004" s="53">
        <v>20148.9797979797</v>
      </c>
      <c r="CI4004" s="53">
        <v>20148.9797979797</v>
      </c>
      <c r="CJ4004" s="53">
        <v>20148.9797979797</v>
      </c>
      <c r="CK4004" s="53">
        <v>20148.9797979797</v>
      </c>
      <c r="CL4004" s="53">
        <v>20148.9797979797</v>
      </c>
      <c r="CM4004" s="53">
        <v>20148.9797979797</v>
      </c>
      <c r="CN4004" s="53">
        <v>241787.75757575699</v>
      </c>
    </row>
    <row r="4005" spans="1:92" outlineLevel="1">
      <c r="A4005" s="52" t="s">
        <v>723</v>
      </c>
      <c r="B4005" s="53">
        <v>49399.365517241298</v>
      </c>
      <c r="C4005" s="53">
        <v>49399.370629370598</v>
      </c>
      <c r="D4005" s="53">
        <v>49399.3617021276</v>
      </c>
      <c r="E4005" s="53">
        <v>49399.366906474803</v>
      </c>
      <c r="F4005" s="53">
        <v>49399.372262773701</v>
      </c>
      <c r="G4005" s="53">
        <v>49399.362962962899</v>
      </c>
      <c r="H4005" s="53">
        <v>49399.368421052597</v>
      </c>
      <c r="I4005" s="53">
        <v>49399.358778625901</v>
      </c>
      <c r="J4005" s="53">
        <v>49399.364341085202</v>
      </c>
      <c r="K4005" s="53">
        <v>49399.370078740103</v>
      </c>
      <c r="L4005" s="53">
        <v>49399.360000000001</v>
      </c>
      <c r="M4005" s="53">
        <v>49399.365853658499</v>
      </c>
      <c r="N4005" s="53">
        <v>592792.38745411299</v>
      </c>
      <c r="O4005" s="53">
        <v>49399.371900826402</v>
      </c>
      <c r="P4005" s="53">
        <v>49399.371900826402</v>
      </c>
      <c r="Q4005" s="53">
        <v>49399.371900826402</v>
      </c>
      <c r="R4005" s="53">
        <v>49399.371900826402</v>
      </c>
      <c r="S4005" s="53">
        <v>49399.371900826402</v>
      </c>
      <c r="T4005" s="53">
        <v>49399.371900826402</v>
      </c>
      <c r="U4005" s="53">
        <v>49399.371900826402</v>
      </c>
      <c r="V4005" s="53">
        <v>49399.371900826402</v>
      </c>
      <c r="W4005" s="53">
        <v>49399.371900826402</v>
      </c>
      <c r="X4005" s="53">
        <v>49399.371900826402</v>
      </c>
      <c r="Y4005" s="53">
        <v>49399.371900826402</v>
      </c>
      <c r="Z4005" s="53">
        <v>49399.371900826402</v>
      </c>
      <c r="AA4005" s="53">
        <v>592792.46280991705</v>
      </c>
      <c r="AB4005" s="53">
        <v>49399.371900826402</v>
      </c>
      <c r="AC4005" s="53">
        <v>49399.371900826402</v>
      </c>
      <c r="AD4005" s="53">
        <v>49399.371900826402</v>
      </c>
      <c r="AE4005" s="53">
        <v>49399.371900826503</v>
      </c>
      <c r="AF4005" s="53">
        <v>49399.371900826503</v>
      </c>
      <c r="AG4005" s="53">
        <v>49399.371900826503</v>
      </c>
      <c r="AH4005" s="53">
        <v>49399.371900826503</v>
      </c>
      <c r="AI4005" s="53">
        <v>49399.371900826503</v>
      </c>
      <c r="AJ4005" s="53">
        <v>49399.371900826503</v>
      </c>
      <c r="AK4005" s="53">
        <v>49399.371900826503</v>
      </c>
      <c r="AL4005" s="53">
        <v>49399.371900826503</v>
      </c>
      <c r="AM4005" s="53">
        <v>49399.371900826503</v>
      </c>
      <c r="AN4005" s="53">
        <v>592792.46280991798</v>
      </c>
      <c r="AO4005" s="53">
        <v>49399.371900826503</v>
      </c>
      <c r="AP4005" s="53">
        <v>49399.371900826503</v>
      </c>
      <c r="AQ4005" s="53">
        <v>49399.371900826503</v>
      </c>
      <c r="AR4005" s="53">
        <v>49399.371900826503</v>
      </c>
      <c r="AS4005" s="53">
        <v>49399.371900826503</v>
      </c>
      <c r="AT4005" s="53">
        <v>49399.371900826503</v>
      </c>
      <c r="AU4005" s="53">
        <v>49399.371900826503</v>
      </c>
      <c r="AV4005" s="53">
        <v>49399.371900826503</v>
      </c>
      <c r="AW4005" s="53">
        <v>49399.371900826503</v>
      </c>
      <c r="AX4005" s="53">
        <v>49399.371900826503</v>
      </c>
      <c r="AY4005" s="53">
        <v>49399.371900826503</v>
      </c>
      <c r="AZ4005" s="53">
        <v>49399.371900826503</v>
      </c>
      <c r="BA4005" s="53">
        <v>592792.46280991798</v>
      </c>
      <c r="BB4005" s="53">
        <v>49399.371900826503</v>
      </c>
      <c r="BC4005" s="53">
        <v>49399.371900826503</v>
      </c>
      <c r="BD4005" s="53">
        <v>49399.371900826503</v>
      </c>
      <c r="BE4005" s="53">
        <v>49399.371900826503</v>
      </c>
      <c r="BF4005" s="53">
        <v>49399.371900826503</v>
      </c>
      <c r="BG4005" s="53">
        <v>49399.371900826503</v>
      </c>
      <c r="BH4005" s="53">
        <v>49399.371900826503</v>
      </c>
      <c r="BI4005" s="53">
        <v>49399.371900826503</v>
      </c>
      <c r="BJ4005" s="53">
        <v>49399.371900826503</v>
      </c>
      <c r="BK4005" s="53">
        <v>49399.371900826503</v>
      </c>
      <c r="BL4005" s="53">
        <v>49399.371900826503</v>
      </c>
      <c r="BM4005" s="53">
        <v>49399.371900826402</v>
      </c>
      <c r="BN4005" s="53">
        <v>592792.46280991798</v>
      </c>
      <c r="BO4005" s="53">
        <v>49399.371900826503</v>
      </c>
      <c r="BP4005" s="53">
        <v>49399.371900826402</v>
      </c>
      <c r="BQ4005" s="53">
        <v>49399.371900826402</v>
      </c>
      <c r="BR4005" s="53">
        <v>49399.371900826402</v>
      </c>
      <c r="BS4005" s="53">
        <v>49399.371900826402</v>
      </c>
      <c r="BT4005" s="53">
        <v>49399.371900826402</v>
      </c>
      <c r="BU4005" s="53">
        <v>49399.371900826402</v>
      </c>
      <c r="BV4005" s="53">
        <v>49399.371900826402</v>
      </c>
      <c r="BW4005" s="53">
        <v>49399.371900826402</v>
      </c>
      <c r="BX4005" s="53">
        <v>49399.371900826402</v>
      </c>
      <c r="BY4005" s="53">
        <v>49399.371900826503</v>
      </c>
      <c r="BZ4005" s="53">
        <v>49399.371900826402</v>
      </c>
      <c r="CA4005" s="53">
        <v>592792.46280991798</v>
      </c>
      <c r="CB4005" s="53">
        <v>24699.685950413201</v>
      </c>
      <c r="CC4005" s="53"/>
      <c r="CD4005" s="53"/>
      <c r="CE4005" s="53"/>
      <c r="CF4005" s="53"/>
      <c r="CG4005" s="53"/>
      <c r="CH4005" s="53"/>
      <c r="CI4005" s="53"/>
      <c r="CJ4005" s="53"/>
      <c r="CK4005" s="53"/>
      <c r="CL4005" s="53"/>
      <c r="CM4005" s="53"/>
      <c r="CN4005" s="53">
        <v>24699.685950413201</v>
      </c>
    </row>
    <row r="4006" spans="1:92" outlineLevel="1">
      <c r="A4006" s="52" t="s">
        <v>724</v>
      </c>
      <c r="B4006" s="53">
        <v>13370.8229954614</v>
      </c>
      <c r="C4006" s="53">
        <v>13370.8224582701</v>
      </c>
      <c r="D4006" s="53">
        <v>13370.8219178082</v>
      </c>
      <c r="E4006" s="53">
        <v>13370.8244274809</v>
      </c>
      <c r="F4006" s="53">
        <v>13370.8238897396</v>
      </c>
      <c r="G4006" s="53">
        <v>13370.823348694301</v>
      </c>
      <c r="H4006" s="53">
        <v>13370.822804314301</v>
      </c>
      <c r="I4006" s="53">
        <v>13370.822256568699</v>
      </c>
      <c r="J4006" s="53">
        <v>13370.8217054263</v>
      </c>
      <c r="K4006" s="53">
        <v>13370.8242612752</v>
      </c>
      <c r="L4006" s="53">
        <v>13370.823712948501</v>
      </c>
      <c r="M4006" s="53">
        <v>13370.823161189301</v>
      </c>
      <c r="N4006" s="53">
        <v>160449.87693917699</v>
      </c>
      <c r="O4006" s="53">
        <v>13370.822605965401</v>
      </c>
      <c r="P4006" s="53">
        <v>13370.822605965401</v>
      </c>
      <c r="Q4006" s="53">
        <v>13370.822605965401</v>
      </c>
      <c r="R4006" s="53">
        <v>13370.822605965401</v>
      </c>
      <c r="S4006" s="53">
        <v>13370.822605965401</v>
      </c>
      <c r="T4006" s="53">
        <v>13370.822605965401</v>
      </c>
      <c r="U4006" s="53">
        <v>13370.822605965401</v>
      </c>
      <c r="V4006" s="53">
        <v>13370.822605965401</v>
      </c>
      <c r="W4006" s="53">
        <v>13370.822605965401</v>
      </c>
      <c r="X4006" s="53">
        <v>13370.822605965401</v>
      </c>
      <c r="Y4006" s="53">
        <v>13370.822605965401</v>
      </c>
      <c r="Z4006" s="53">
        <v>13370.822605965401</v>
      </c>
      <c r="AA4006" s="53">
        <v>160449.871271585</v>
      </c>
      <c r="AB4006" s="53">
        <v>13370.822605965401</v>
      </c>
      <c r="AC4006" s="53">
        <v>13370.822605965401</v>
      </c>
      <c r="AD4006" s="53">
        <v>13370.822605965401</v>
      </c>
      <c r="AE4006" s="53">
        <v>13370.822605965401</v>
      </c>
      <c r="AF4006" s="53">
        <v>13370.822605965401</v>
      </c>
      <c r="AG4006" s="53">
        <v>13370.822605965401</v>
      </c>
      <c r="AH4006" s="53">
        <v>13370.822605965401</v>
      </c>
      <c r="AI4006" s="53">
        <v>13370.822605965401</v>
      </c>
      <c r="AJ4006" s="53">
        <v>13370.822605965401</v>
      </c>
      <c r="AK4006" s="53">
        <v>13370.822605965401</v>
      </c>
      <c r="AL4006" s="53">
        <v>13370.822605965401</v>
      </c>
      <c r="AM4006" s="53">
        <v>13370.822605965401</v>
      </c>
      <c r="AN4006" s="53">
        <v>160449.871271585</v>
      </c>
      <c r="AO4006" s="53">
        <v>13370.822605965401</v>
      </c>
      <c r="AP4006" s="53">
        <v>13370.822605965401</v>
      </c>
      <c r="AQ4006" s="53">
        <v>13370.822605965401</v>
      </c>
      <c r="AR4006" s="53">
        <v>13370.822605965401</v>
      </c>
      <c r="AS4006" s="53">
        <v>13370.822605965401</v>
      </c>
      <c r="AT4006" s="53">
        <v>13370.822605965401</v>
      </c>
      <c r="AU4006" s="53">
        <v>13370.822605965401</v>
      </c>
      <c r="AV4006" s="53">
        <v>13370.822605965401</v>
      </c>
      <c r="AW4006" s="53">
        <v>13370.822605965401</v>
      </c>
      <c r="AX4006" s="53">
        <v>13370.822605965401</v>
      </c>
      <c r="AY4006" s="53">
        <v>13370.822605965401</v>
      </c>
      <c r="AZ4006" s="53">
        <v>13370.822605965401</v>
      </c>
      <c r="BA4006" s="53">
        <v>160449.871271585</v>
      </c>
      <c r="BB4006" s="53">
        <v>13370.822605965401</v>
      </c>
      <c r="BC4006" s="53">
        <v>13370.822605965401</v>
      </c>
      <c r="BD4006" s="53">
        <v>13370.822605965401</v>
      </c>
      <c r="BE4006" s="53">
        <v>13370.822605965401</v>
      </c>
      <c r="BF4006" s="53">
        <v>13370.822605965401</v>
      </c>
      <c r="BG4006" s="53">
        <v>13370.822605965401</v>
      </c>
      <c r="BH4006" s="53">
        <v>13370.822605965401</v>
      </c>
      <c r="BI4006" s="53">
        <v>13370.822605965401</v>
      </c>
      <c r="BJ4006" s="53">
        <v>13370.822605965401</v>
      </c>
      <c r="BK4006" s="53">
        <v>13370.822605965401</v>
      </c>
      <c r="BL4006" s="53">
        <v>13370.822605965401</v>
      </c>
      <c r="BM4006" s="53">
        <v>13370.822605965401</v>
      </c>
      <c r="BN4006" s="53">
        <v>160449.871271585</v>
      </c>
      <c r="BO4006" s="53">
        <v>13370.822605965401</v>
      </c>
      <c r="BP4006" s="53">
        <v>13370.822605965401</v>
      </c>
      <c r="BQ4006" s="53">
        <v>13370.822605965401</v>
      </c>
      <c r="BR4006" s="53">
        <v>13370.822605965401</v>
      </c>
      <c r="BS4006" s="53">
        <v>13370.822605965401</v>
      </c>
      <c r="BT4006" s="53">
        <v>13370.822605965401</v>
      </c>
      <c r="BU4006" s="53">
        <v>13370.822605965401</v>
      </c>
      <c r="BV4006" s="53">
        <v>13370.822605965401</v>
      </c>
      <c r="BW4006" s="53">
        <v>13370.822605965401</v>
      </c>
      <c r="BX4006" s="53">
        <v>13370.822605965401</v>
      </c>
      <c r="BY4006" s="53">
        <v>13370.822605965401</v>
      </c>
      <c r="BZ4006" s="53">
        <v>13370.822605965401</v>
      </c>
      <c r="CA4006" s="53">
        <v>160449.871271585</v>
      </c>
      <c r="CB4006" s="53">
        <v>13370.822605965401</v>
      </c>
      <c r="CC4006" s="53">
        <v>13370.822605965401</v>
      </c>
      <c r="CD4006" s="53">
        <v>13370.822605965401</v>
      </c>
      <c r="CE4006" s="53">
        <v>13370.822605965401</v>
      </c>
      <c r="CF4006" s="53">
        <v>13370.822605965401</v>
      </c>
      <c r="CG4006" s="53">
        <v>13370.822605965401</v>
      </c>
      <c r="CH4006" s="53">
        <v>13370.822605965401</v>
      </c>
      <c r="CI4006" s="53">
        <v>13370.822605965401</v>
      </c>
      <c r="CJ4006" s="53">
        <v>13370.822605965401</v>
      </c>
      <c r="CK4006" s="53">
        <v>13370.822605965401</v>
      </c>
      <c r="CL4006" s="53">
        <v>13370.822605965401</v>
      </c>
      <c r="CM4006" s="53">
        <v>13370.822605965401</v>
      </c>
      <c r="CN4006" s="53">
        <v>160449.871271585</v>
      </c>
    </row>
    <row r="4007" spans="1:92" outlineLevel="1">
      <c r="A4007" s="52" t="s">
        <v>725</v>
      </c>
      <c r="B4007" s="53">
        <v>44991.8674033149</v>
      </c>
      <c r="C4007" s="53">
        <v>44991.865921787699</v>
      </c>
      <c r="D4007" s="53">
        <v>44991.864406779598</v>
      </c>
      <c r="E4007" s="53">
        <v>44991.862857142798</v>
      </c>
      <c r="F4007" s="53">
        <v>44991.872832369903</v>
      </c>
      <c r="G4007" s="53">
        <v>44991.871345029198</v>
      </c>
      <c r="H4007" s="53">
        <v>44991.869822485198</v>
      </c>
      <c r="I4007" s="53">
        <v>44991.868263472999</v>
      </c>
      <c r="J4007" s="53">
        <v>44991.866666666603</v>
      </c>
      <c r="K4007" s="53">
        <v>44991.865030674802</v>
      </c>
      <c r="L4007" s="53">
        <v>44991.863354037203</v>
      </c>
      <c r="M4007" s="53">
        <v>44991.861635220099</v>
      </c>
      <c r="N4007" s="53">
        <v>539902.39953898103</v>
      </c>
      <c r="O4007" s="53">
        <v>44991.872611464903</v>
      </c>
      <c r="P4007" s="53">
        <v>44991.872611464903</v>
      </c>
      <c r="Q4007" s="53">
        <v>44991.872611464903</v>
      </c>
      <c r="R4007" s="53">
        <v>44991.872611464903</v>
      </c>
      <c r="S4007" s="53">
        <v>44991.872611464903</v>
      </c>
      <c r="T4007" s="53">
        <v>44991.872611464903</v>
      </c>
      <c r="U4007" s="53">
        <v>44991.872611464903</v>
      </c>
      <c r="V4007" s="53">
        <v>44991.872611464903</v>
      </c>
      <c r="W4007" s="53">
        <v>44991.872611464903</v>
      </c>
      <c r="X4007" s="53">
        <v>44991.872611464903</v>
      </c>
      <c r="Y4007" s="53">
        <v>44991.872611464903</v>
      </c>
      <c r="Z4007" s="53">
        <v>44991.872611464903</v>
      </c>
      <c r="AA4007" s="53">
        <v>539902.47133757896</v>
      </c>
      <c r="AB4007" s="53">
        <v>44991.872611464903</v>
      </c>
      <c r="AC4007" s="53">
        <v>44991.872611464903</v>
      </c>
      <c r="AD4007" s="53">
        <v>44991.872611464903</v>
      </c>
      <c r="AE4007" s="53">
        <v>44991.872611464903</v>
      </c>
      <c r="AF4007" s="53">
        <v>44991.872611464903</v>
      </c>
      <c r="AG4007" s="53">
        <v>44991.872611464903</v>
      </c>
      <c r="AH4007" s="53">
        <v>44991.872611464903</v>
      </c>
      <c r="AI4007" s="53">
        <v>44991.872611464903</v>
      </c>
      <c r="AJ4007" s="53">
        <v>44991.872611464903</v>
      </c>
      <c r="AK4007" s="53">
        <v>44991.872611464903</v>
      </c>
      <c r="AL4007" s="53">
        <v>44991.872611464903</v>
      </c>
      <c r="AM4007" s="53">
        <v>44991.872611464903</v>
      </c>
      <c r="AN4007" s="53">
        <v>539902.47133757896</v>
      </c>
      <c r="AO4007" s="53">
        <v>44991.872611464903</v>
      </c>
      <c r="AP4007" s="53">
        <v>44991.872611464903</v>
      </c>
      <c r="AQ4007" s="53">
        <v>44991.872611464903</v>
      </c>
      <c r="AR4007" s="53">
        <v>44991.872611464903</v>
      </c>
      <c r="AS4007" s="53">
        <v>44991.872611464903</v>
      </c>
      <c r="AT4007" s="53">
        <v>44991.872611464903</v>
      </c>
      <c r="AU4007" s="53">
        <v>44991.872611464903</v>
      </c>
      <c r="AV4007" s="53">
        <v>44991.872611464903</v>
      </c>
      <c r="AW4007" s="53">
        <v>44991.872611464903</v>
      </c>
      <c r="AX4007" s="53">
        <v>44991.872611464903</v>
      </c>
      <c r="AY4007" s="53">
        <v>44991.872611464903</v>
      </c>
      <c r="AZ4007" s="53">
        <v>44991.872611464903</v>
      </c>
      <c r="BA4007" s="53">
        <v>539902.47133757896</v>
      </c>
      <c r="BB4007" s="53">
        <v>44991.872611464903</v>
      </c>
      <c r="BC4007" s="53">
        <v>44991.872611464903</v>
      </c>
      <c r="BD4007" s="53">
        <v>44991.872611464903</v>
      </c>
      <c r="BE4007" s="53">
        <v>44991.872611464903</v>
      </c>
      <c r="BF4007" s="53">
        <v>44991.872611464903</v>
      </c>
      <c r="BG4007" s="53">
        <v>44991.872611464903</v>
      </c>
      <c r="BH4007" s="53">
        <v>44991.872611464903</v>
      </c>
      <c r="BI4007" s="53">
        <v>44991.872611464903</v>
      </c>
      <c r="BJ4007" s="53">
        <v>44991.872611464903</v>
      </c>
      <c r="BK4007" s="53">
        <v>44991.872611464903</v>
      </c>
      <c r="BL4007" s="53">
        <v>44991.872611464903</v>
      </c>
      <c r="BM4007" s="53">
        <v>44991.872611464903</v>
      </c>
      <c r="BN4007" s="53">
        <v>539902.47133757896</v>
      </c>
      <c r="BO4007" s="53">
        <v>44991.872611464903</v>
      </c>
      <c r="BP4007" s="53">
        <v>44991.872611464903</v>
      </c>
      <c r="BQ4007" s="53">
        <v>44991.872611464903</v>
      </c>
      <c r="BR4007" s="53">
        <v>44991.872611464903</v>
      </c>
      <c r="BS4007" s="53">
        <v>44991.872611464903</v>
      </c>
      <c r="BT4007" s="53">
        <v>44991.872611464903</v>
      </c>
      <c r="BU4007" s="53">
        <v>44991.872611464903</v>
      </c>
      <c r="BV4007" s="53">
        <v>44991.872611464903</v>
      </c>
      <c r="BW4007" s="53">
        <v>44991.872611464903</v>
      </c>
      <c r="BX4007" s="53">
        <v>44991.872611464903</v>
      </c>
      <c r="BY4007" s="53">
        <v>44991.872611464903</v>
      </c>
      <c r="BZ4007" s="53">
        <v>44991.872611464903</v>
      </c>
      <c r="CA4007" s="53">
        <v>539902.47133757896</v>
      </c>
      <c r="CB4007" s="53">
        <v>44991.872611464903</v>
      </c>
      <c r="CC4007" s="53">
        <v>44991.872611464903</v>
      </c>
      <c r="CD4007" s="53">
        <v>44991.872611464903</v>
      </c>
      <c r="CE4007" s="53">
        <v>44991.872611464903</v>
      </c>
      <c r="CF4007" s="53">
        <v>44991.872611464903</v>
      </c>
      <c r="CG4007" s="53">
        <v>44991.872611464903</v>
      </c>
      <c r="CH4007" s="53">
        <v>44991.872611464903</v>
      </c>
      <c r="CI4007" s="53">
        <v>44991.872611464903</v>
      </c>
      <c r="CJ4007" s="53">
        <v>44991.872611464903</v>
      </c>
      <c r="CK4007" s="53">
        <v>44991.872611464903</v>
      </c>
      <c r="CL4007" s="53">
        <v>44991.872611464903</v>
      </c>
      <c r="CM4007" s="53">
        <v>44991.872611464903</v>
      </c>
      <c r="CN4007" s="53">
        <v>539902.47133757896</v>
      </c>
    </row>
    <row r="4008" spans="1:92" outlineLevel="1">
      <c r="A4008" s="52" t="s">
        <v>726</v>
      </c>
      <c r="B4008" s="53">
        <v>52157.2429906541</v>
      </c>
      <c r="C4008" s="53">
        <v>52157.245283018798</v>
      </c>
      <c r="D4008" s="53">
        <v>52157.247619047601</v>
      </c>
      <c r="E4008" s="53">
        <v>52157.240384615303</v>
      </c>
      <c r="F4008" s="53">
        <v>52157.2427184466</v>
      </c>
      <c r="G4008" s="53">
        <v>52157.245098039202</v>
      </c>
      <c r="H4008" s="53">
        <v>52157.247524752398</v>
      </c>
      <c r="I4008" s="53">
        <v>52157.24</v>
      </c>
      <c r="J4008" s="53">
        <v>52157.242424242402</v>
      </c>
      <c r="K4008" s="53">
        <v>52157.244897959099</v>
      </c>
      <c r="L4008" s="53">
        <v>52157.247422680397</v>
      </c>
      <c r="M4008" s="53">
        <v>52157.239583333299</v>
      </c>
      <c r="N4008" s="53">
        <v>625886.92594678898</v>
      </c>
      <c r="O4008" s="53">
        <v>52157.242105263103</v>
      </c>
      <c r="P4008" s="53">
        <v>52157.242105263103</v>
      </c>
      <c r="Q4008" s="53">
        <v>52157.242105263103</v>
      </c>
      <c r="R4008" s="53">
        <v>52157.242105263103</v>
      </c>
      <c r="S4008" s="53">
        <v>52157.242105263103</v>
      </c>
      <c r="T4008" s="53">
        <v>52157.242105263103</v>
      </c>
      <c r="U4008" s="53">
        <v>52157.242105263103</v>
      </c>
      <c r="V4008" s="53">
        <v>52157.242105263103</v>
      </c>
      <c r="W4008" s="53">
        <v>52157.242105263103</v>
      </c>
      <c r="X4008" s="53">
        <v>52157.242105263103</v>
      </c>
      <c r="Y4008" s="53">
        <v>52157.242105263103</v>
      </c>
      <c r="Z4008" s="53">
        <v>52157.242105263103</v>
      </c>
      <c r="AA4008" s="53">
        <v>625886.90526315698</v>
      </c>
      <c r="AB4008" s="53">
        <v>52157.242105263103</v>
      </c>
      <c r="AC4008" s="53">
        <v>52157.242105263103</v>
      </c>
      <c r="AD4008" s="53">
        <v>52157.242105263103</v>
      </c>
      <c r="AE4008" s="53">
        <v>52157.242105263103</v>
      </c>
      <c r="AF4008" s="53">
        <v>52157.242105263103</v>
      </c>
      <c r="AG4008" s="53">
        <v>52157.242105263103</v>
      </c>
      <c r="AH4008" s="53">
        <v>52157.242105263103</v>
      </c>
      <c r="AI4008" s="53">
        <v>52157.242105263103</v>
      </c>
      <c r="AJ4008" s="53">
        <v>52157.242105263103</v>
      </c>
      <c r="AK4008" s="53">
        <v>52157.242105263103</v>
      </c>
      <c r="AL4008" s="53">
        <v>52157.242105263103</v>
      </c>
      <c r="AM4008" s="53">
        <v>52157.242105263103</v>
      </c>
      <c r="AN4008" s="53">
        <v>625886.90526315698</v>
      </c>
      <c r="AO4008" s="53">
        <v>52157.242105263103</v>
      </c>
      <c r="AP4008" s="53">
        <v>52157.242105263103</v>
      </c>
      <c r="AQ4008" s="53">
        <v>52157.242105263103</v>
      </c>
      <c r="AR4008" s="53">
        <v>52157.242105263002</v>
      </c>
      <c r="AS4008" s="53">
        <v>52157.242105263002</v>
      </c>
      <c r="AT4008" s="53">
        <v>52157.242105263002</v>
      </c>
      <c r="AU4008" s="53">
        <v>52157.242105263103</v>
      </c>
      <c r="AV4008" s="53">
        <v>52157.242105263002</v>
      </c>
      <c r="AW4008" s="53">
        <v>52157.242105263002</v>
      </c>
      <c r="AX4008" s="53">
        <v>52157.242105263002</v>
      </c>
      <c r="AY4008" s="53">
        <v>52157.242105263103</v>
      </c>
      <c r="AZ4008" s="53">
        <v>52157.242105263002</v>
      </c>
      <c r="BA4008" s="53">
        <v>625886.90526315698</v>
      </c>
      <c r="BB4008" s="53">
        <v>52157.242105263002</v>
      </c>
      <c r="BC4008" s="53">
        <v>52157.242105263002</v>
      </c>
      <c r="BD4008" s="53">
        <v>52157.242105263002</v>
      </c>
      <c r="BE4008" s="53">
        <v>52157.242105263002</v>
      </c>
      <c r="BF4008" s="53">
        <v>52157.242105263002</v>
      </c>
      <c r="BG4008" s="53">
        <v>52157.242105263002</v>
      </c>
      <c r="BH4008" s="53">
        <v>52157.242105263002</v>
      </c>
      <c r="BI4008" s="53">
        <v>52157.242105263002</v>
      </c>
      <c r="BJ4008" s="53">
        <v>52157.242105263002</v>
      </c>
      <c r="BK4008" s="53">
        <v>52157.242105263002</v>
      </c>
      <c r="BL4008" s="53">
        <v>52157.242105263002</v>
      </c>
      <c r="BM4008" s="53">
        <v>52157.242105263002</v>
      </c>
      <c r="BN4008" s="53">
        <v>625886.90526315698</v>
      </c>
      <c r="BO4008" s="53">
        <v>52157.242105263002</v>
      </c>
      <c r="BP4008" s="53">
        <v>52157.242105263002</v>
      </c>
      <c r="BQ4008" s="53">
        <v>52157.242105263103</v>
      </c>
      <c r="BR4008" s="53">
        <v>52157.242105263002</v>
      </c>
      <c r="BS4008" s="53">
        <v>52157.242105263002</v>
      </c>
      <c r="BT4008" s="53">
        <v>52157.242105263002</v>
      </c>
      <c r="BU4008" s="53">
        <v>52157.242105263103</v>
      </c>
      <c r="BV4008" s="53">
        <v>52157.242105263002</v>
      </c>
      <c r="BW4008" s="53">
        <v>52157.242105263002</v>
      </c>
      <c r="BX4008" s="53">
        <v>52157.242105263002</v>
      </c>
      <c r="BY4008" s="53">
        <v>52157.242105263002</v>
      </c>
      <c r="BZ4008" s="53">
        <v>52157.242105263002</v>
      </c>
      <c r="CA4008" s="53">
        <v>625886.90526315698</v>
      </c>
      <c r="CB4008" s="53">
        <v>52157.242105263002</v>
      </c>
      <c r="CC4008" s="53">
        <v>52157.242105263002</v>
      </c>
      <c r="CD4008" s="53">
        <v>52157.242105263002</v>
      </c>
      <c r="CE4008" s="53">
        <v>52157.242105263002</v>
      </c>
      <c r="CF4008" s="53">
        <v>52157.242105263002</v>
      </c>
      <c r="CG4008" s="53">
        <v>52157.242105263002</v>
      </c>
      <c r="CH4008" s="53">
        <v>52157.242105263002</v>
      </c>
      <c r="CI4008" s="53">
        <v>52157.242105263002</v>
      </c>
      <c r="CJ4008" s="53">
        <v>52157.242105263002</v>
      </c>
      <c r="CK4008" s="53">
        <v>52157.242105263002</v>
      </c>
      <c r="CL4008" s="53">
        <v>52157.242105263002</v>
      </c>
      <c r="CM4008" s="53">
        <v>52157.242105263002</v>
      </c>
      <c r="CN4008" s="53">
        <v>625886.90526315698</v>
      </c>
    </row>
    <row r="4009" spans="1:92" outlineLevel="1">
      <c r="A4009" s="52" t="s">
        <v>727</v>
      </c>
      <c r="B4009" s="53">
        <v>24170.613496932499</v>
      </c>
      <c r="C4009" s="53">
        <v>24170.574324324301</v>
      </c>
      <c r="D4009" s="53">
        <v>24170.639097744301</v>
      </c>
      <c r="E4009" s="53">
        <v>24170.593220338898</v>
      </c>
      <c r="F4009" s="53">
        <v>24170.679611650401</v>
      </c>
      <c r="G4009" s="53">
        <v>24170.624999999902</v>
      </c>
      <c r="H4009" s="53">
        <v>24170.547945205399</v>
      </c>
      <c r="I4009" s="53">
        <v>24170.689655172398</v>
      </c>
      <c r="J4009" s="53">
        <v>24170.5813953488</v>
      </c>
      <c r="K4009" s="53">
        <v>24170.357142857101</v>
      </c>
      <c r="L4009" s="53">
        <v>20948</v>
      </c>
      <c r="M4009" s="53"/>
      <c r="N4009" s="53">
        <v>262653.90088957403</v>
      </c>
      <c r="O4009" s="53"/>
      <c r="P4009" s="53"/>
      <c r="Q4009" s="53"/>
      <c r="R4009" s="53"/>
      <c r="S4009" s="53"/>
      <c r="T4009" s="53"/>
      <c r="U4009" s="53"/>
      <c r="V4009" s="53"/>
      <c r="W4009" s="53"/>
      <c r="X4009" s="53"/>
      <c r="Y4009" s="53"/>
      <c r="Z4009" s="53"/>
      <c r="AA4009" s="53"/>
      <c r="AB4009" s="53"/>
      <c r="AC4009" s="53"/>
      <c r="AD4009" s="53"/>
      <c r="AE4009" s="53"/>
      <c r="AF4009" s="53"/>
      <c r="AG4009" s="53"/>
      <c r="AH4009" s="53"/>
      <c r="AI4009" s="53"/>
      <c r="AJ4009" s="53"/>
      <c r="AK4009" s="53"/>
      <c r="AL4009" s="53"/>
      <c r="AM4009" s="53"/>
      <c r="AN4009" s="53"/>
      <c r="AO4009" s="53"/>
      <c r="AP4009" s="53"/>
      <c r="AQ4009" s="53"/>
      <c r="AR4009" s="53"/>
      <c r="AS4009" s="53"/>
      <c r="AT4009" s="53"/>
      <c r="AU4009" s="53"/>
      <c r="AV4009" s="53"/>
      <c r="AW4009" s="53"/>
      <c r="AX4009" s="53"/>
      <c r="AY4009" s="53"/>
      <c r="AZ4009" s="53"/>
      <c r="BA4009" s="53"/>
      <c r="BB4009" s="53"/>
      <c r="BC4009" s="53"/>
      <c r="BD4009" s="53"/>
      <c r="BE4009" s="53"/>
      <c r="BF4009" s="53"/>
      <c r="BG4009" s="53"/>
      <c r="BH4009" s="53"/>
      <c r="BI4009" s="53"/>
      <c r="BJ4009" s="53"/>
      <c r="BK4009" s="53"/>
      <c r="BL4009" s="53"/>
      <c r="BM4009" s="53"/>
      <c r="BN4009" s="53"/>
      <c r="BO4009" s="53"/>
      <c r="BP4009" s="53"/>
      <c r="BQ4009" s="53"/>
      <c r="BR4009" s="53"/>
      <c r="BS4009" s="53"/>
      <c r="BT4009" s="53"/>
      <c r="BU4009" s="53"/>
      <c r="BV4009" s="53"/>
      <c r="BW4009" s="53"/>
      <c r="BX4009" s="53"/>
      <c r="BY4009" s="53"/>
      <c r="BZ4009" s="53"/>
      <c r="CA4009" s="53"/>
      <c r="CB4009" s="53"/>
      <c r="CC4009" s="53"/>
      <c r="CD4009" s="53"/>
      <c r="CE4009" s="53"/>
      <c r="CF4009" s="53"/>
      <c r="CG4009" s="53"/>
      <c r="CH4009" s="53"/>
      <c r="CI4009" s="53"/>
      <c r="CJ4009" s="53"/>
      <c r="CK4009" s="53"/>
      <c r="CL4009" s="53"/>
      <c r="CM4009" s="53"/>
      <c r="CN4009" s="53"/>
    </row>
    <row r="4010" spans="1:92" outlineLevel="1">
      <c r="A4010" s="52" t="s">
        <v>728</v>
      </c>
      <c r="B4010" s="53">
        <v>38996.052863436104</v>
      </c>
      <c r="C4010" s="53">
        <v>38996.053333333301</v>
      </c>
      <c r="D4010" s="53">
        <v>38996.053811659098</v>
      </c>
      <c r="E4010" s="53">
        <v>38996.054298642499</v>
      </c>
      <c r="F4010" s="53">
        <v>38996.054794520503</v>
      </c>
      <c r="G4010" s="53">
        <v>38996.055299539097</v>
      </c>
      <c r="H4010" s="53">
        <v>38996.055813953397</v>
      </c>
      <c r="I4010" s="53">
        <v>38996.056338028102</v>
      </c>
      <c r="J4010" s="53">
        <v>38996.056872037901</v>
      </c>
      <c r="K4010" s="53">
        <v>38996.057416267897</v>
      </c>
      <c r="L4010" s="53">
        <v>38996.048309178703</v>
      </c>
      <c r="M4010" s="53">
        <v>38996.048780487799</v>
      </c>
      <c r="N4010" s="53">
        <v>467952.64793108398</v>
      </c>
      <c r="O4010" s="53">
        <v>38996.049261083703</v>
      </c>
      <c r="P4010" s="53">
        <v>38996.049261083703</v>
      </c>
      <c r="Q4010" s="53">
        <v>38996.049261083703</v>
      </c>
      <c r="R4010" s="53">
        <v>38996.049261083703</v>
      </c>
      <c r="S4010" s="53">
        <v>38996.049261083703</v>
      </c>
      <c r="T4010" s="53">
        <v>38996.049261083703</v>
      </c>
      <c r="U4010" s="53">
        <v>38996.049261083703</v>
      </c>
      <c r="V4010" s="53">
        <v>38996.049261083703</v>
      </c>
      <c r="W4010" s="53">
        <v>38996.049261083703</v>
      </c>
      <c r="X4010" s="53">
        <v>38996.049261083703</v>
      </c>
      <c r="Y4010" s="53">
        <v>38996.049261083703</v>
      </c>
      <c r="Z4010" s="53">
        <v>38996.049261083703</v>
      </c>
      <c r="AA4010" s="53">
        <v>467952.591133004</v>
      </c>
      <c r="AB4010" s="53">
        <v>38996.049261083703</v>
      </c>
      <c r="AC4010" s="53">
        <v>38996.049261083703</v>
      </c>
      <c r="AD4010" s="53">
        <v>38996.049261083703</v>
      </c>
      <c r="AE4010" s="53">
        <v>38996.049261083703</v>
      </c>
      <c r="AF4010" s="53">
        <v>38996.049261083703</v>
      </c>
      <c r="AG4010" s="53">
        <v>38996.049261083703</v>
      </c>
      <c r="AH4010" s="53">
        <v>38996.049261083703</v>
      </c>
      <c r="AI4010" s="53">
        <v>38996.049261083703</v>
      </c>
      <c r="AJ4010" s="53">
        <v>38996.049261083703</v>
      </c>
      <c r="AK4010" s="53">
        <v>38996.049261083703</v>
      </c>
      <c r="AL4010" s="53">
        <v>38996.049261083703</v>
      </c>
      <c r="AM4010" s="53">
        <v>38996.049261083703</v>
      </c>
      <c r="AN4010" s="53">
        <v>467952.591133004</v>
      </c>
      <c r="AO4010" s="53">
        <v>38996.049261083703</v>
      </c>
      <c r="AP4010" s="53">
        <v>38996.049261083703</v>
      </c>
      <c r="AQ4010" s="53">
        <v>38996.049261083703</v>
      </c>
      <c r="AR4010" s="53">
        <v>38996.049261083703</v>
      </c>
      <c r="AS4010" s="53">
        <v>38996.049261083703</v>
      </c>
      <c r="AT4010" s="53">
        <v>38996.049261083703</v>
      </c>
      <c r="AU4010" s="53">
        <v>38996.049261083703</v>
      </c>
      <c r="AV4010" s="53">
        <v>38996.049261083703</v>
      </c>
      <c r="AW4010" s="53">
        <v>38996.049261083703</v>
      </c>
      <c r="AX4010" s="53">
        <v>38996.049261083703</v>
      </c>
      <c r="AY4010" s="53">
        <v>38996.049261083703</v>
      </c>
      <c r="AZ4010" s="53">
        <v>38996.049261083703</v>
      </c>
      <c r="BA4010" s="53">
        <v>467952.591133004</v>
      </c>
      <c r="BB4010" s="53">
        <v>38996.049261083703</v>
      </c>
      <c r="BC4010" s="53">
        <v>38996.049261083703</v>
      </c>
      <c r="BD4010" s="53">
        <v>38996.049261083703</v>
      </c>
      <c r="BE4010" s="53">
        <v>38996.049261083703</v>
      </c>
      <c r="BF4010" s="53">
        <v>38996.049261083703</v>
      </c>
      <c r="BG4010" s="53">
        <v>38996.049261083703</v>
      </c>
      <c r="BH4010" s="53">
        <v>38996.049261083703</v>
      </c>
      <c r="BI4010" s="53">
        <v>38996.049261083703</v>
      </c>
      <c r="BJ4010" s="53">
        <v>38996.049261083703</v>
      </c>
      <c r="BK4010" s="53">
        <v>38996.049261083703</v>
      </c>
      <c r="BL4010" s="53">
        <v>38996.049261083703</v>
      </c>
      <c r="BM4010" s="53">
        <v>38996.049261083703</v>
      </c>
      <c r="BN4010" s="53">
        <v>467952.591133004</v>
      </c>
      <c r="BO4010" s="53">
        <v>38996.049261083703</v>
      </c>
      <c r="BP4010" s="53">
        <v>38996.049261083703</v>
      </c>
      <c r="BQ4010" s="53">
        <v>38996.049261083703</v>
      </c>
      <c r="BR4010" s="53">
        <v>38996.049261083703</v>
      </c>
      <c r="BS4010" s="53">
        <v>38996.049261083703</v>
      </c>
      <c r="BT4010" s="53">
        <v>38996.049261083703</v>
      </c>
      <c r="BU4010" s="53">
        <v>38996.049261083703</v>
      </c>
      <c r="BV4010" s="53">
        <v>38996.049261083703</v>
      </c>
      <c r="BW4010" s="53">
        <v>38996.049261083703</v>
      </c>
      <c r="BX4010" s="53">
        <v>38996.049261083703</v>
      </c>
      <c r="BY4010" s="53">
        <v>38996.049261083703</v>
      </c>
      <c r="BZ4010" s="53">
        <v>38996.049261083703</v>
      </c>
      <c r="CA4010" s="53">
        <v>467952.591133004</v>
      </c>
      <c r="CB4010" s="53">
        <v>38996.049261083703</v>
      </c>
      <c r="CC4010" s="53">
        <v>38996.049261083703</v>
      </c>
      <c r="CD4010" s="53">
        <v>38996.049261083703</v>
      </c>
      <c r="CE4010" s="53">
        <v>38996.049261083703</v>
      </c>
      <c r="CF4010" s="53">
        <v>38996.049261083703</v>
      </c>
      <c r="CG4010" s="53">
        <v>38996.049261083703</v>
      </c>
      <c r="CH4010" s="53">
        <v>38996.049261083703</v>
      </c>
      <c r="CI4010" s="53">
        <v>38996.049261083703</v>
      </c>
      <c r="CJ4010" s="53">
        <v>38996.049261083703</v>
      </c>
      <c r="CK4010" s="53">
        <v>38996.049261083703</v>
      </c>
      <c r="CL4010" s="53">
        <v>38996.049261083703</v>
      </c>
      <c r="CM4010" s="53">
        <v>38996.049261083703</v>
      </c>
      <c r="CN4010" s="53">
        <v>467952.591133004</v>
      </c>
    </row>
    <row r="4011" spans="1:92" outlineLevel="1">
      <c r="A4011" s="52" t="s">
        <v>729</v>
      </c>
      <c r="B4011" s="53"/>
      <c r="C4011" s="53"/>
      <c r="D4011" s="53"/>
      <c r="E4011" s="53"/>
      <c r="F4011" s="53"/>
      <c r="G4011" s="53"/>
      <c r="H4011" s="53"/>
      <c r="I4011" s="53"/>
      <c r="J4011" s="53"/>
      <c r="K4011" s="53"/>
      <c r="L4011" s="53"/>
      <c r="M4011" s="53">
        <v>45435.791728014898</v>
      </c>
      <c r="N4011" s="53">
        <v>45435.791728014898</v>
      </c>
      <c r="O4011" s="53">
        <v>48595.514644351402</v>
      </c>
      <c r="P4011" s="53">
        <v>48595.514644351402</v>
      </c>
      <c r="Q4011" s="53">
        <v>48595.514644351402</v>
      </c>
      <c r="R4011" s="53">
        <v>48595.514644351402</v>
      </c>
      <c r="S4011" s="53">
        <v>48595.514644351402</v>
      </c>
      <c r="T4011" s="53">
        <v>48595.514644351402</v>
      </c>
      <c r="U4011" s="53">
        <v>48595.514644351402</v>
      </c>
      <c r="V4011" s="53">
        <v>48595.514644351402</v>
      </c>
      <c r="W4011" s="53">
        <v>48595.514644351402</v>
      </c>
      <c r="X4011" s="53">
        <v>48595.514644351402</v>
      </c>
      <c r="Y4011" s="53">
        <v>48595.514644351402</v>
      </c>
      <c r="Z4011" s="53">
        <v>48595.514644351402</v>
      </c>
      <c r="AA4011" s="53">
        <v>583146.17573221703</v>
      </c>
      <c r="AB4011" s="53">
        <v>48595.514644351497</v>
      </c>
      <c r="AC4011" s="53">
        <v>48595.514644351497</v>
      </c>
      <c r="AD4011" s="53">
        <v>48595.514644351497</v>
      </c>
      <c r="AE4011" s="53">
        <v>48595.514644351497</v>
      </c>
      <c r="AF4011" s="53">
        <v>48595.514644351497</v>
      </c>
      <c r="AG4011" s="53">
        <v>48595.514644351497</v>
      </c>
      <c r="AH4011" s="53">
        <v>48595.514644351497</v>
      </c>
      <c r="AI4011" s="53">
        <v>48595.514644351497</v>
      </c>
      <c r="AJ4011" s="53">
        <v>48595.514644351497</v>
      </c>
      <c r="AK4011" s="53">
        <v>48595.514644351497</v>
      </c>
      <c r="AL4011" s="53">
        <v>48595.514644351497</v>
      </c>
      <c r="AM4011" s="53">
        <v>48595.514644351497</v>
      </c>
      <c r="AN4011" s="53">
        <v>583146.17573221796</v>
      </c>
      <c r="AO4011" s="53">
        <v>48595.514644351497</v>
      </c>
      <c r="AP4011" s="53">
        <v>48595.514644351497</v>
      </c>
      <c r="AQ4011" s="53">
        <v>48595.514644351497</v>
      </c>
      <c r="AR4011" s="53">
        <v>48595.514644351497</v>
      </c>
      <c r="AS4011" s="53">
        <v>48595.514644351497</v>
      </c>
      <c r="AT4011" s="53">
        <v>48595.514644351497</v>
      </c>
      <c r="AU4011" s="53">
        <v>48595.514644351497</v>
      </c>
      <c r="AV4011" s="53">
        <v>48595.514644351497</v>
      </c>
      <c r="AW4011" s="53">
        <v>48595.514644351497</v>
      </c>
      <c r="AX4011" s="53">
        <v>48595.514644351497</v>
      </c>
      <c r="AY4011" s="53">
        <v>48595.514644351497</v>
      </c>
      <c r="AZ4011" s="53">
        <v>48595.514644351497</v>
      </c>
      <c r="BA4011" s="53">
        <v>583146.17573221796</v>
      </c>
      <c r="BB4011" s="53">
        <v>48595.514644351497</v>
      </c>
      <c r="BC4011" s="53">
        <v>48595.514644351497</v>
      </c>
      <c r="BD4011" s="53">
        <v>48595.514644351497</v>
      </c>
      <c r="BE4011" s="53">
        <v>48595.514644351497</v>
      </c>
      <c r="BF4011" s="53">
        <v>48595.514644351497</v>
      </c>
      <c r="BG4011" s="53">
        <v>48595.514644351497</v>
      </c>
      <c r="BH4011" s="53">
        <v>48595.514644351497</v>
      </c>
      <c r="BI4011" s="53">
        <v>48595.514644351497</v>
      </c>
      <c r="BJ4011" s="53">
        <v>48595.514644351497</v>
      </c>
      <c r="BK4011" s="53">
        <v>48595.514644351497</v>
      </c>
      <c r="BL4011" s="53">
        <v>48595.514644351497</v>
      </c>
      <c r="BM4011" s="53">
        <v>48595.514644351497</v>
      </c>
      <c r="BN4011" s="53">
        <v>583146.17573221796</v>
      </c>
      <c r="BO4011" s="53">
        <v>48595.514644351497</v>
      </c>
      <c r="BP4011" s="53">
        <v>48595.514644351497</v>
      </c>
      <c r="BQ4011" s="53">
        <v>48595.514644351497</v>
      </c>
      <c r="BR4011" s="53">
        <v>48595.514644351497</v>
      </c>
      <c r="BS4011" s="53">
        <v>48595.514644351497</v>
      </c>
      <c r="BT4011" s="53">
        <v>48595.514644351497</v>
      </c>
      <c r="BU4011" s="53">
        <v>48595.514644351497</v>
      </c>
      <c r="BV4011" s="53">
        <v>48595.514644351497</v>
      </c>
      <c r="BW4011" s="53">
        <v>48595.514644351497</v>
      </c>
      <c r="BX4011" s="53">
        <v>48595.514644351497</v>
      </c>
      <c r="BY4011" s="53">
        <v>48595.514644351497</v>
      </c>
      <c r="BZ4011" s="53">
        <v>48595.514644351497</v>
      </c>
      <c r="CA4011" s="53">
        <v>583146.17573221796</v>
      </c>
      <c r="CB4011" s="53">
        <v>48595.514644351497</v>
      </c>
      <c r="CC4011" s="53">
        <v>48595.514644351497</v>
      </c>
      <c r="CD4011" s="53">
        <v>48595.514644351497</v>
      </c>
      <c r="CE4011" s="53">
        <v>48595.514644351497</v>
      </c>
      <c r="CF4011" s="53">
        <v>48595.514644351497</v>
      </c>
      <c r="CG4011" s="53">
        <v>48595.514644351497</v>
      </c>
      <c r="CH4011" s="53">
        <v>48595.514644351497</v>
      </c>
      <c r="CI4011" s="53">
        <v>48595.514644351497</v>
      </c>
      <c r="CJ4011" s="53">
        <v>48595.514644351497</v>
      </c>
      <c r="CK4011" s="53">
        <v>48595.514644351497</v>
      </c>
      <c r="CL4011" s="53">
        <v>48595.514644351497</v>
      </c>
      <c r="CM4011" s="53">
        <v>48595.514644351497</v>
      </c>
      <c r="CN4011" s="53">
        <v>583146.17573221796</v>
      </c>
    </row>
    <row r="4012" spans="1:92" outlineLevel="1">
      <c r="A4012" s="52" t="s">
        <v>730</v>
      </c>
      <c r="B4012" s="53"/>
      <c r="C4012" s="53"/>
      <c r="D4012" s="53"/>
      <c r="E4012" s="53"/>
      <c r="F4012" s="53"/>
      <c r="G4012" s="53"/>
      <c r="H4012" s="53"/>
      <c r="I4012" s="53"/>
      <c r="J4012" s="53"/>
      <c r="K4012" s="53"/>
      <c r="L4012" s="53"/>
      <c r="M4012" s="53">
        <v>15574.9630888998</v>
      </c>
      <c r="N4012" s="53">
        <v>15574.9630888998</v>
      </c>
      <c r="O4012" s="53">
        <v>16652.086230876201</v>
      </c>
      <c r="P4012" s="53">
        <v>16652.086230876201</v>
      </c>
      <c r="Q4012" s="53">
        <v>16652.086230876201</v>
      </c>
      <c r="R4012" s="53">
        <v>16652.086230876201</v>
      </c>
      <c r="S4012" s="53">
        <v>16652.086230876201</v>
      </c>
      <c r="T4012" s="53">
        <v>16652.086230876201</v>
      </c>
      <c r="U4012" s="53">
        <v>16652.086230876201</v>
      </c>
      <c r="V4012" s="53">
        <v>16652.086230876201</v>
      </c>
      <c r="W4012" s="53">
        <v>16652.086230876201</v>
      </c>
      <c r="X4012" s="53">
        <v>16652.086230876201</v>
      </c>
      <c r="Y4012" s="53">
        <v>16652.086230876201</v>
      </c>
      <c r="Z4012" s="53">
        <v>16652.086230876201</v>
      </c>
      <c r="AA4012" s="53">
        <v>199825.034770514</v>
      </c>
      <c r="AB4012" s="53">
        <v>16652.086230876201</v>
      </c>
      <c r="AC4012" s="53">
        <v>16652.086230876201</v>
      </c>
      <c r="AD4012" s="53">
        <v>16652.086230876201</v>
      </c>
      <c r="AE4012" s="53">
        <v>16652.086230876201</v>
      </c>
      <c r="AF4012" s="53">
        <v>16652.086230876201</v>
      </c>
      <c r="AG4012" s="53">
        <v>16652.086230876201</v>
      </c>
      <c r="AH4012" s="53">
        <v>16652.086230876201</v>
      </c>
      <c r="AI4012" s="53">
        <v>16652.086230876201</v>
      </c>
      <c r="AJ4012" s="53">
        <v>16652.086230876201</v>
      </c>
      <c r="AK4012" s="53">
        <v>16652.086230876201</v>
      </c>
      <c r="AL4012" s="53">
        <v>16652.086230876201</v>
      </c>
      <c r="AM4012" s="53">
        <v>16652.086230876201</v>
      </c>
      <c r="AN4012" s="53">
        <v>199825.034770514</v>
      </c>
      <c r="AO4012" s="53">
        <v>16652.086230876201</v>
      </c>
      <c r="AP4012" s="53">
        <v>16652.086230876201</v>
      </c>
      <c r="AQ4012" s="53">
        <v>16652.086230876201</v>
      </c>
      <c r="AR4012" s="53">
        <v>16652.086230876201</v>
      </c>
      <c r="AS4012" s="53">
        <v>16652.086230876201</v>
      </c>
      <c r="AT4012" s="53">
        <v>16652.086230876201</v>
      </c>
      <c r="AU4012" s="53">
        <v>16652.086230876201</v>
      </c>
      <c r="AV4012" s="53">
        <v>16652.086230876201</v>
      </c>
      <c r="AW4012" s="53">
        <v>16652.086230876201</v>
      </c>
      <c r="AX4012" s="53">
        <v>16652.086230876201</v>
      </c>
      <c r="AY4012" s="53">
        <v>16652.086230876201</v>
      </c>
      <c r="AZ4012" s="53">
        <v>16652.086230876201</v>
      </c>
      <c r="BA4012" s="53">
        <v>199825.034770514</v>
      </c>
      <c r="BB4012" s="53">
        <v>16652.086230876201</v>
      </c>
      <c r="BC4012" s="53">
        <v>16652.086230876201</v>
      </c>
      <c r="BD4012" s="53">
        <v>16652.086230876201</v>
      </c>
      <c r="BE4012" s="53">
        <v>16652.086230876201</v>
      </c>
      <c r="BF4012" s="53">
        <v>16652.086230876201</v>
      </c>
      <c r="BG4012" s="53">
        <v>16652.086230876201</v>
      </c>
      <c r="BH4012" s="53">
        <v>16652.086230876201</v>
      </c>
      <c r="BI4012" s="53">
        <v>16652.086230876201</v>
      </c>
      <c r="BJ4012" s="53">
        <v>16652.086230876201</v>
      </c>
      <c r="BK4012" s="53">
        <v>16652.086230876201</v>
      </c>
      <c r="BL4012" s="53">
        <v>16652.086230876201</v>
      </c>
      <c r="BM4012" s="53">
        <v>16652.086230876201</v>
      </c>
      <c r="BN4012" s="53">
        <v>199825.034770514</v>
      </c>
      <c r="BO4012" s="53">
        <v>16652.086230876201</v>
      </c>
      <c r="BP4012" s="53">
        <v>16652.086230876201</v>
      </c>
      <c r="BQ4012" s="53">
        <v>16652.086230876201</v>
      </c>
      <c r="BR4012" s="53">
        <v>16652.086230876201</v>
      </c>
      <c r="BS4012" s="53">
        <v>16652.086230876201</v>
      </c>
      <c r="BT4012" s="53">
        <v>16652.086230876201</v>
      </c>
      <c r="BU4012" s="53">
        <v>16652.086230876201</v>
      </c>
      <c r="BV4012" s="53">
        <v>16652.086230876201</v>
      </c>
      <c r="BW4012" s="53">
        <v>16652.086230876201</v>
      </c>
      <c r="BX4012" s="53">
        <v>16652.086230876201</v>
      </c>
      <c r="BY4012" s="53">
        <v>16652.086230876201</v>
      </c>
      <c r="BZ4012" s="53">
        <v>16652.086230876201</v>
      </c>
      <c r="CA4012" s="53">
        <v>199825.034770514</v>
      </c>
      <c r="CB4012" s="53">
        <v>16652.086230876201</v>
      </c>
      <c r="CC4012" s="53">
        <v>16652.086230876201</v>
      </c>
      <c r="CD4012" s="53">
        <v>16652.086230876201</v>
      </c>
      <c r="CE4012" s="53">
        <v>16652.086230876201</v>
      </c>
      <c r="CF4012" s="53">
        <v>16652.086230876201</v>
      </c>
      <c r="CG4012" s="53">
        <v>16652.086230876201</v>
      </c>
      <c r="CH4012" s="53">
        <v>16652.086230876201</v>
      </c>
      <c r="CI4012" s="53">
        <v>16652.086230876201</v>
      </c>
      <c r="CJ4012" s="53">
        <v>16652.086230876201</v>
      </c>
      <c r="CK4012" s="53">
        <v>16652.086230876201</v>
      </c>
      <c r="CL4012" s="53">
        <v>16652.086230876201</v>
      </c>
      <c r="CM4012" s="53">
        <v>16652.086230876201</v>
      </c>
      <c r="CN4012" s="53">
        <v>199825.034770514</v>
      </c>
    </row>
    <row r="4013" spans="1:92" outlineLevel="1">
      <c r="A4013" s="52" t="s">
        <v>1591</v>
      </c>
      <c r="B4013" s="53"/>
      <c r="C4013" s="53"/>
      <c r="D4013" s="53"/>
      <c r="E4013" s="53"/>
      <c r="F4013" s="53"/>
      <c r="G4013" s="53"/>
      <c r="H4013" s="53"/>
      <c r="I4013" s="53"/>
      <c r="J4013" s="53"/>
      <c r="K4013" s="53"/>
      <c r="L4013" s="53"/>
      <c r="M4013" s="53"/>
      <c r="N4013" s="53"/>
      <c r="O4013" s="53"/>
      <c r="P4013" s="53"/>
      <c r="Q4013" s="53"/>
      <c r="R4013" s="53"/>
      <c r="S4013" s="53"/>
      <c r="T4013" s="53"/>
      <c r="U4013" s="53"/>
      <c r="V4013" s="53"/>
      <c r="W4013" s="53"/>
      <c r="X4013" s="53"/>
      <c r="Y4013" s="53"/>
      <c r="Z4013" s="53"/>
      <c r="AA4013" s="53"/>
      <c r="AB4013" s="53"/>
      <c r="AC4013" s="53"/>
      <c r="AD4013" s="53"/>
      <c r="AE4013" s="53"/>
      <c r="AF4013" s="53"/>
      <c r="AG4013" s="53"/>
      <c r="AH4013" s="53"/>
      <c r="AI4013" s="53"/>
      <c r="AJ4013" s="53"/>
      <c r="AK4013" s="53"/>
      <c r="AL4013" s="53"/>
      <c r="AM4013" s="53"/>
      <c r="AN4013" s="53"/>
      <c r="AO4013" s="53"/>
      <c r="AP4013" s="53"/>
      <c r="AQ4013" s="53"/>
      <c r="AR4013" s="53"/>
      <c r="AS4013" s="53"/>
      <c r="AT4013" s="53"/>
      <c r="AU4013" s="53"/>
      <c r="AV4013" s="53"/>
      <c r="AW4013" s="53"/>
      <c r="AX4013" s="53"/>
      <c r="AY4013" s="53"/>
      <c r="AZ4013" s="53"/>
      <c r="BA4013" s="53"/>
      <c r="BB4013" s="53"/>
      <c r="BC4013" s="53"/>
      <c r="BD4013" s="53"/>
      <c r="BE4013" s="53"/>
      <c r="BF4013" s="53"/>
      <c r="BG4013" s="53"/>
      <c r="BH4013" s="53"/>
      <c r="BI4013" s="53"/>
      <c r="BJ4013" s="53"/>
      <c r="BK4013" s="53"/>
      <c r="BL4013" s="53"/>
      <c r="BM4013" s="53"/>
      <c r="BN4013" s="53"/>
      <c r="BO4013" s="53"/>
      <c r="BP4013" s="53"/>
      <c r="BQ4013" s="53"/>
      <c r="BR4013" s="53"/>
      <c r="BS4013" s="53"/>
      <c r="BT4013" s="53"/>
      <c r="BU4013" s="53"/>
      <c r="BV4013" s="53"/>
      <c r="BW4013" s="53"/>
      <c r="BX4013" s="53"/>
      <c r="BY4013" s="53"/>
      <c r="BZ4013" s="53"/>
      <c r="CA4013" s="53"/>
      <c r="CB4013" s="53"/>
      <c r="CC4013" s="53"/>
      <c r="CD4013" s="53"/>
      <c r="CE4013" s="53"/>
      <c r="CF4013" s="53"/>
      <c r="CG4013" s="53"/>
      <c r="CH4013" s="53"/>
      <c r="CI4013" s="53"/>
      <c r="CJ4013" s="53"/>
      <c r="CK4013" s="53"/>
      <c r="CL4013" s="53"/>
      <c r="CM4013" s="53"/>
      <c r="CN4013" s="53"/>
    </row>
    <row r="4014" spans="1:92" outlineLevel="1">
      <c r="A4014" s="52" t="s">
        <v>711</v>
      </c>
      <c r="B4014" s="53">
        <v>1213.9294117647</v>
      </c>
      <c r="C4014" s="53">
        <v>1213.92857142857</v>
      </c>
      <c r="D4014" s="53">
        <v>1213.9277108433701</v>
      </c>
      <c r="E4014" s="53">
        <v>1213.92682926829</v>
      </c>
      <c r="F4014" s="53">
        <v>1213.92592592592</v>
      </c>
      <c r="G4014" s="53">
        <v>1213.925</v>
      </c>
      <c r="H4014" s="53">
        <v>1213.9240506329099</v>
      </c>
      <c r="I4014" s="53">
        <v>1213.9230769230701</v>
      </c>
      <c r="J4014" s="53">
        <v>1213.9350649350599</v>
      </c>
      <c r="K4014" s="53">
        <v>1213.9342105263099</v>
      </c>
      <c r="L4014" s="53">
        <v>1213.93333333333</v>
      </c>
      <c r="M4014" s="53">
        <v>1213.93243243243</v>
      </c>
      <c r="N4014" s="53">
        <v>14567.145618013999</v>
      </c>
      <c r="O4014" s="53">
        <v>1213.9315068493099</v>
      </c>
      <c r="P4014" s="53">
        <v>1213.9315068493099</v>
      </c>
      <c r="Q4014" s="53">
        <v>1213.9315068493099</v>
      </c>
      <c r="R4014" s="53">
        <v>1213.9315068493099</v>
      </c>
      <c r="S4014" s="53">
        <v>1213.9315068493099</v>
      </c>
      <c r="T4014" s="53">
        <v>1213.9315068493099</v>
      </c>
      <c r="U4014" s="53">
        <v>1213.9315068493099</v>
      </c>
      <c r="V4014" s="53">
        <v>1213.9315068493099</v>
      </c>
      <c r="W4014" s="53">
        <v>1213.9315068493099</v>
      </c>
      <c r="X4014" s="53">
        <v>1213.9315068493099</v>
      </c>
      <c r="Y4014" s="53">
        <v>1213.9315068493099</v>
      </c>
      <c r="Z4014" s="53">
        <v>1213.9315068493099</v>
      </c>
      <c r="AA4014" s="53">
        <v>14567.1780821917</v>
      </c>
      <c r="AB4014" s="53">
        <v>1213.9315068493099</v>
      </c>
      <c r="AC4014" s="53">
        <v>1213.9315068493099</v>
      </c>
      <c r="AD4014" s="53">
        <v>1213.9315068493099</v>
      </c>
      <c r="AE4014" s="53">
        <v>1213.9315068493099</v>
      </c>
      <c r="AF4014" s="53">
        <v>1213.9315068493099</v>
      </c>
      <c r="AG4014" s="53">
        <v>1213.9315068493099</v>
      </c>
      <c r="AH4014" s="53">
        <v>1213.9315068493099</v>
      </c>
      <c r="AI4014" s="53">
        <v>1213.9315068493099</v>
      </c>
      <c r="AJ4014" s="53">
        <v>1213.9315068493099</v>
      </c>
      <c r="AK4014" s="53">
        <v>1213.9315068493099</v>
      </c>
      <c r="AL4014" s="53">
        <v>1213.9315068493099</v>
      </c>
      <c r="AM4014" s="53">
        <v>1213.9315068493099</v>
      </c>
      <c r="AN4014" s="53">
        <v>14567.1780821917</v>
      </c>
      <c r="AO4014" s="53">
        <v>1213.9315068493099</v>
      </c>
      <c r="AP4014" s="53">
        <v>1213.9315068493099</v>
      </c>
      <c r="AQ4014" s="53">
        <v>1213.9315068493099</v>
      </c>
      <c r="AR4014" s="53">
        <v>1213.9315068493099</v>
      </c>
      <c r="AS4014" s="53">
        <v>1213.9315068493099</v>
      </c>
      <c r="AT4014" s="53">
        <v>1213.9315068493099</v>
      </c>
      <c r="AU4014" s="53">
        <v>1213.9315068493099</v>
      </c>
      <c r="AV4014" s="53">
        <v>1213.9315068493099</v>
      </c>
      <c r="AW4014" s="53">
        <v>1213.9315068493099</v>
      </c>
      <c r="AX4014" s="53">
        <v>1213.9315068493099</v>
      </c>
      <c r="AY4014" s="53">
        <v>1213.9315068493099</v>
      </c>
      <c r="AZ4014" s="53">
        <v>1213.9315068493099</v>
      </c>
      <c r="BA4014" s="53">
        <v>14567.1780821917</v>
      </c>
      <c r="BB4014" s="53">
        <v>1213.9315068493099</v>
      </c>
      <c r="BC4014" s="53">
        <v>1213.9315068493099</v>
      </c>
      <c r="BD4014" s="53">
        <v>1213.9315068493099</v>
      </c>
      <c r="BE4014" s="53">
        <v>1213.9315068493099</v>
      </c>
      <c r="BF4014" s="53">
        <v>1213.9315068493099</v>
      </c>
      <c r="BG4014" s="53">
        <v>1213.9315068493099</v>
      </c>
      <c r="BH4014" s="53">
        <v>1213.9315068493099</v>
      </c>
      <c r="BI4014" s="53">
        <v>1213.9315068493099</v>
      </c>
      <c r="BJ4014" s="53">
        <v>1213.9315068493099</v>
      </c>
      <c r="BK4014" s="53">
        <v>1213.9315068493099</v>
      </c>
      <c r="BL4014" s="53">
        <v>1213.9315068493099</v>
      </c>
      <c r="BM4014" s="53">
        <v>1213.9315068493099</v>
      </c>
      <c r="BN4014" s="53">
        <v>14567.1780821917</v>
      </c>
      <c r="BO4014" s="53">
        <v>1213.9315068493099</v>
      </c>
      <c r="BP4014" s="53">
        <v>1213.9315068493099</v>
      </c>
      <c r="BQ4014" s="53">
        <v>1213.9315068493099</v>
      </c>
      <c r="BR4014" s="53">
        <v>1213.9315068493099</v>
      </c>
      <c r="BS4014" s="53">
        <v>1213.9315068493099</v>
      </c>
      <c r="BT4014" s="53">
        <v>1213.9315068493099</v>
      </c>
      <c r="BU4014" s="53">
        <v>1213.9315068493099</v>
      </c>
      <c r="BV4014" s="53">
        <v>1213.9315068493099</v>
      </c>
      <c r="BW4014" s="53">
        <v>1213.9315068493099</v>
      </c>
      <c r="BX4014" s="53">
        <v>1213.9315068493099</v>
      </c>
      <c r="BY4014" s="53">
        <v>1213.9315068493099</v>
      </c>
      <c r="BZ4014" s="53">
        <v>1213.9315068493099</v>
      </c>
      <c r="CA4014" s="53">
        <v>14567.1780821917</v>
      </c>
      <c r="CB4014" s="53">
        <v>1213.9315068493099</v>
      </c>
      <c r="CC4014" s="53">
        <v>1213.9315068493099</v>
      </c>
      <c r="CD4014" s="53">
        <v>1213.9315068493099</v>
      </c>
      <c r="CE4014" s="53">
        <v>1213.9315068493099</v>
      </c>
      <c r="CF4014" s="53">
        <v>1213.9315068493099</v>
      </c>
      <c r="CG4014" s="53">
        <v>1213.9315068493099</v>
      </c>
      <c r="CH4014" s="53">
        <v>1213.9315068493099</v>
      </c>
      <c r="CI4014" s="53">
        <v>1213.9315068493099</v>
      </c>
      <c r="CJ4014" s="53">
        <v>1213.9315068493099</v>
      </c>
      <c r="CK4014" s="53">
        <v>1213.9315068493099</v>
      </c>
      <c r="CL4014" s="53">
        <v>1213.9315068493099</v>
      </c>
      <c r="CM4014" s="53">
        <v>1213.9315068493099</v>
      </c>
      <c r="CN4014" s="53">
        <v>14567.1780821917</v>
      </c>
    </row>
    <row r="4015" spans="1:92" outlineLevel="1">
      <c r="A4015" s="52" t="s">
        <v>712</v>
      </c>
      <c r="B4015" s="53">
        <v>1583.1575342465701</v>
      </c>
      <c r="C4015" s="53">
        <v>1583.15862068965</v>
      </c>
      <c r="D4015" s="53">
        <v>1583.1597222222199</v>
      </c>
      <c r="E4015" s="53">
        <v>1583.1608391608299</v>
      </c>
      <c r="F4015" s="53">
        <v>1583.1549295774601</v>
      </c>
      <c r="G4015" s="53">
        <v>1583.15602836879</v>
      </c>
      <c r="H4015" s="53">
        <v>1583.1571428571399</v>
      </c>
      <c r="I4015" s="53">
        <v>1583.15827338129</v>
      </c>
      <c r="J4015" s="53">
        <v>1583.15942028985</v>
      </c>
      <c r="K4015" s="53">
        <v>1583.1605839416</v>
      </c>
      <c r="L4015" s="53">
        <v>1583.1544117646999</v>
      </c>
      <c r="M4015" s="53">
        <v>1583.1555555555501</v>
      </c>
      <c r="N4015" s="53">
        <v>18997.8930620557</v>
      </c>
      <c r="O4015" s="53">
        <v>1583.15671641791</v>
      </c>
      <c r="P4015" s="53">
        <v>1583.15671641791</v>
      </c>
      <c r="Q4015" s="53">
        <v>1583.15671641791</v>
      </c>
      <c r="R4015" s="53">
        <v>1583.15671641791</v>
      </c>
      <c r="S4015" s="53">
        <v>1583.15671641791</v>
      </c>
      <c r="T4015" s="53">
        <v>1583.15671641791</v>
      </c>
      <c r="U4015" s="53">
        <v>1583.15671641791</v>
      </c>
      <c r="V4015" s="53">
        <v>1583.15671641791</v>
      </c>
      <c r="W4015" s="53">
        <v>1583.15671641791</v>
      </c>
      <c r="X4015" s="53">
        <v>1583.15671641791</v>
      </c>
      <c r="Y4015" s="53">
        <v>1583.15671641791</v>
      </c>
      <c r="Z4015" s="53">
        <v>1583.15671641791</v>
      </c>
      <c r="AA4015" s="53">
        <v>18997.880597014901</v>
      </c>
      <c r="AB4015" s="53">
        <v>1583.15671641791</v>
      </c>
      <c r="AC4015" s="53">
        <v>1583.15671641791</v>
      </c>
      <c r="AD4015" s="53">
        <v>1583.15671641791</v>
      </c>
      <c r="AE4015" s="53">
        <v>1583.15671641791</v>
      </c>
      <c r="AF4015" s="53">
        <v>1583.15671641791</v>
      </c>
      <c r="AG4015" s="53">
        <v>1583.15671641791</v>
      </c>
      <c r="AH4015" s="53">
        <v>1583.15671641791</v>
      </c>
      <c r="AI4015" s="53">
        <v>1583.15671641791</v>
      </c>
      <c r="AJ4015" s="53">
        <v>1583.15671641791</v>
      </c>
      <c r="AK4015" s="53">
        <v>1583.15671641791</v>
      </c>
      <c r="AL4015" s="53">
        <v>1583.15671641791</v>
      </c>
      <c r="AM4015" s="53">
        <v>1583.15671641791</v>
      </c>
      <c r="AN4015" s="53">
        <v>18997.880597014901</v>
      </c>
      <c r="AO4015" s="53">
        <v>1583.15671641791</v>
      </c>
      <c r="AP4015" s="53">
        <v>1583.15671641791</v>
      </c>
      <c r="AQ4015" s="53">
        <v>1583.15671641791</v>
      </c>
      <c r="AR4015" s="53">
        <v>1583.15671641791</v>
      </c>
      <c r="AS4015" s="53">
        <v>1583.15671641791</v>
      </c>
      <c r="AT4015" s="53">
        <v>1583.15671641791</v>
      </c>
      <c r="AU4015" s="53">
        <v>1583.15671641791</v>
      </c>
      <c r="AV4015" s="53">
        <v>1583.15671641791</v>
      </c>
      <c r="AW4015" s="53">
        <v>1583.15671641791</v>
      </c>
      <c r="AX4015" s="53">
        <v>1583.15671641791</v>
      </c>
      <c r="AY4015" s="53">
        <v>1583.15671641791</v>
      </c>
      <c r="AZ4015" s="53">
        <v>1583.15671641791</v>
      </c>
      <c r="BA4015" s="53">
        <v>18997.880597014901</v>
      </c>
      <c r="BB4015" s="53">
        <v>1583.15671641791</v>
      </c>
      <c r="BC4015" s="53">
        <v>1583.15671641791</v>
      </c>
      <c r="BD4015" s="53">
        <v>1583.15671641791</v>
      </c>
      <c r="BE4015" s="53">
        <v>1583.15671641791</v>
      </c>
      <c r="BF4015" s="53">
        <v>1583.15671641791</v>
      </c>
      <c r="BG4015" s="53">
        <v>1583.15671641791</v>
      </c>
      <c r="BH4015" s="53">
        <v>1583.15671641791</v>
      </c>
      <c r="BI4015" s="53">
        <v>1583.15671641791</v>
      </c>
      <c r="BJ4015" s="53">
        <v>1583.15671641791</v>
      </c>
      <c r="BK4015" s="53">
        <v>1583.15671641791</v>
      </c>
      <c r="BL4015" s="53">
        <v>1583.15671641791</v>
      </c>
      <c r="BM4015" s="53">
        <v>1583.15671641791</v>
      </c>
      <c r="BN4015" s="53">
        <v>18997.880597014901</v>
      </c>
      <c r="BO4015" s="53">
        <v>1583.15671641791</v>
      </c>
      <c r="BP4015" s="53">
        <v>1583.15671641791</v>
      </c>
      <c r="BQ4015" s="53">
        <v>1583.15671641791</v>
      </c>
      <c r="BR4015" s="53">
        <v>1583.15671641791</v>
      </c>
      <c r="BS4015" s="53">
        <v>1583.15671641791</v>
      </c>
      <c r="BT4015" s="53">
        <v>1583.15671641791</v>
      </c>
      <c r="BU4015" s="53">
        <v>1583.15671641791</v>
      </c>
      <c r="BV4015" s="53">
        <v>1583.15671641791</v>
      </c>
      <c r="BW4015" s="53">
        <v>1583.15671641791</v>
      </c>
      <c r="BX4015" s="53">
        <v>1583.15671641791</v>
      </c>
      <c r="BY4015" s="53">
        <v>1583.15671641791</v>
      </c>
      <c r="BZ4015" s="53">
        <v>1583.15671641791</v>
      </c>
      <c r="CA4015" s="53">
        <v>18997.880597014901</v>
      </c>
      <c r="CB4015" s="53">
        <v>1583.15671641791</v>
      </c>
      <c r="CC4015" s="53">
        <v>1583.15671641791</v>
      </c>
      <c r="CD4015" s="53">
        <v>1583.15671641791</v>
      </c>
      <c r="CE4015" s="53">
        <v>1583.15671641791</v>
      </c>
      <c r="CF4015" s="53">
        <v>1583.15671641791</v>
      </c>
      <c r="CG4015" s="53">
        <v>1583.15671641791</v>
      </c>
      <c r="CH4015" s="53">
        <v>1583.15671641791</v>
      </c>
      <c r="CI4015" s="53">
        <v>1583.15671641791</v>
      </c>
      <c r="CJ4015" s="53">
        <v>1583.15671641791</v>
      </c>
      <c r="CK4015" s="53">
        <v>1583.15671641791</v>
      </c>
      <c r="CL4015" s="53">
        <v>1583.15671641791</v>
      </c>
      <c r="CM4015" s="53">
        <v>1583.15671641791</v>
      </c>
      <c r="CN4015" s="53">
        <v>18997.880597014901</v>
      </c>
    </row>
    <row r="4016" spans="1:92" outlineLevel="1">
      <c r="A4016" s="52" t="s">
        <v>713</v>
      </c>
      <c r="B4016" s="53">
        <v>1833.391521197</v>
      </c>
      <c r="C4016" s="53">
        <v>1833.39348370927</v>
      </c>
      <c r="D4016" s="53">
        <v>1833.39042821158</v>
      </c>
      <c r="E4016" s="53">
        <v>1833.39240506329</v>
      </c>
      <c r="F4016" s="53">
        <v>1833.38931297709</v>
      </c>
      <c r="G4016" s="53">
        <v>1833.3913043478201</v>
      </c>
      <c r="H4016" s="53">
        <v>1833.3933161953701</v>
      </c>
      <c r="I4016" s="53">
        <v>1833.3901808785499</v>
      </c>
      <c r="J4016" s="53">
        <v>1833.3922077922</v>
      </c>
      <c r="K4016" s="53">
        <v>1833.38903394255</v>
      </c>
      <c r="L4016" s="53">
        <v>1833.39107611548</v>
      </c>
      <c r="M4016" s="53">
        <v>1833.3931398416801</v>
      </c>
      <c r="N4016" s="53">
        <v>22000.6974102719</v>
      </c>
      <c r="O4016" s="53">
        <v>1833.3899204244001</v>
      </c>
      <c r="P4016" s="53">
        <v>1833.3899204244001</v>
      </c>
      <c r="Q4016" s="53">
        <v>1833.3899204244001</v>
      </c>
      <c r="R4016" s="53">
        <v>1833.3899204244001</v>
      </c>
      <c r="S4016" s="53">
        <v>1833.3899204244001</v>
      </c>
      <c r="T4016" s="53">
        <v>1833.3899204244001</v>
      </c>
      <c r="U4016" s="53">
        <v>1833.3899204244001</v>
      </c>
      <c r="V4016" s="53">
        <v>1833.3899204244001</v>
      </c>
      <c r="W4016" s="53">
        <v>1833.3899204244001</v>
      </c>
      <c r="X4016" s="53">
        <v>1833.3899204244001</v>
      </c>
      <c r="Y4016" s="53">
        <v>1833.3899204244001</v>
      </c>
      <c r="Z4016" s="53">
        <v>1833.3899204244001</v>
      </c>
      <c r="AA4016" s="53">
        <v>22000.679045092798</v>
      </c>
      <c r="AB4016" s="53">
        <v>1833.3899204244001</v>
      </c>
      <c r="AC4016" s="53">
        <v>1833.3899204244001</v>
      </c>
      <c r="AD4016" s="53">
        <v>1833.3899204244001</v>
      </c>
      <c r="AE4016" s="53">
        <v>1833.3899204244001</v>
      </c>
      <c r="AF4016" s="53">
        <v>1833.3899204244001</v>
      </c>
      <c r="AG4016" s="53">
        <v>1833.3899204244001</v>
      </c>
      <c r="AH4016" s="53">
        <v>1833.3899204244001</v>
      </c>
      <c r="AI4016" s="53">
        <v>1833.3899204244001</v>
      </c>
      <c r="AJ4016" s="53">
        <v>1833.3899204244001</v>
      </c>
      <c r="AK4016" s="53">
        <v>1833.3899204244001</v>
      </c>
      <c r="AL4016" s="53">
        <v>1833.3899204244001</v>
      </c>
      <c r="AM4016" s="53">
        <v>1833.3899204244001</v>
      </c>
      <c r="AN4016" s="53">
        <v>22000.679045092798</v>
      </c>
      <c r="AO4016" s="53">
        <v>1833.3899204244001</v>
      </c>
      <c r="AP4016" s="53">
        <v>1833.3899204244001</v>
      </c>
      <c r="AQ4016" s="53">
        <v>1833.3899204244001</v>
      </c>
      <c r="AR4016" s="53">
        <v>1833.3899204244001</v>
      </c>
      <c r="AS4016" s="53">
        <v>1833.3899204244001</v>
      </c>
      <c r="AT4016" s="53">
        <v>1833.3899204244001</v>
      </c>
      <c r="AU4016" s="53">
        <v>1833.3899204244001</v>
      </c>
      <c r="AV4016" s="53">
        <v>1833.3899204244001</v>
      </c>
      <c r="AW4016" s="53">
        <v>1833.3899204244001</v>
      </c>
      <c r="AX4016" s="53">
        <v>1833.3899204244001</v>
      </c>
      <c r="AY4016" s="53">
        <v>1833.3899204244001</v>
      </c>
      <c r="AZ4016" s="53">
        <v>1833.3899204244001</v>
      </c>
      <c r="BA4016" s="53">
        <v>22000.679045092798</v>
      </c>
      <c r="BB4016" s="53">
        <v>1833.3899204244001</v>
      </c>
      <c r="BC4016" s="53">
        <v>1833.3899204244001</v>
      </c>
      <c r="BD4016" s="53">
        <v>1833.3899204244001</v>
      </c>
      <c r="BE4016" s="53">
        <v>1833.3899204244001</v>
      </c>
      <c r="BF4016" s="53">
        <v>1833.3899204244001</v>
      </c>
      <c r="BG4016" s="53">
        <v>1833.3899204244001</v>
      </c>
      <c r="BH4016" s="53">
        <v>1833.3899204244001</v>
      </c>
      <c r="BI4016" s="53">
        <v>1833.3899204244001</v>
      </c>
      <c r="BJ4016" s="53">
        <v>1833.3899204244001</v>
      </c>
      <c r="BK4016" s="53">
        <v>1833.3899204244001</v>
      </c>
      <c r="BL4016" s="53">
        <v>1833.3899204244001</v>
      </c>
      <c r="BM4016" s="53">
        <v>1833.3899204244001</v>
      </c>
      <c r="BN4016" s="53">
        <v>22000.679045092798</v>
      </c>
      <c r="BO4016" s="53">
        <v>1833.3899204244001</v>
      </c>
      <c r="BP4016" s="53">
        <v>1833.3899204244001</v>
      </c>
      <c r="BQ4016" s="53">
        <v>1833.3899204244001</v>
      </c>
      <c r="BR4016" s="53">
        <v>1833.3899204244001</v>
      </c>
      <c r="BS4016" s="53">
        <v>1833.3899204244001</v>
      </c>
      <c r="BT4016" s="53">
        <v>1833.3899204244001</v>
      </c>
      <c r="BU4016" s="53">
        <v>1833.3899204244001</v>
      </c>
      <c r="BV4016" s="53">
        <v>1833.3899204244001</v>
      </c>
      <c r="BW4016" s="53">
        <v>1833.3899204244001</v>
      </c>
      <c r="BX4016" s="53">
        <v>1833.3899204244001</v>
      </c>
      <c r="BY4016" s="53">
        <v>1833.3899204244001</v>
      </c>
      <c r="BZ4016" s="53">
        <v>1833.3899204244001</v>
      </c>
      <c r="CA4016" s="53">
        <v>22000.679045092798</v>
      </c>
      <c r="CB4016" s="53">
        <v>1833.3899204244001</v>
      </c>
      <c r="CC4016" s="53">
        <v>1833.3899204244001</v>
      </c>
      <c r="CD4016" s="53">
        <v>1833.3899204244001</v>
      </c>
      <c r="CE4016" s="53">
        <v>1833.3899204244001</v>
      </c>
      <c r="CF4016" s="53">
        <v>1833.3899204244001</v>
      </c>
      <c r="CG4016" s="53">
        <v>1833.3899204244001</v>
      </c>
      <c r="CH4016" s="53">
        <v>1833.3899204244001</v>
      </c>
      <c r="CI4016" s="53">
        <v>1833.3899204244001</v>
      </c>
      <c r="CJ4016" s="53">
        <v>1833.3899204244001</v>
      </c>
      <c r="CK4016" s="53">
        <v>1833.3899204244001</v>
      </c>
      <c r="CL4016" s="53">
        <v>1833.3899204244001</v>
      </c>
      <c r="CM4016" s="53">
        <v>1833.3899204244001</v>
      </c>
      <c r="CN4016" s="53">
        <v>22000.679045092798</v>
      </c>
    </row>
    <row r="4017" spans="1:92" outlineLevel="1">
      <c r="A4017" s="52" t="s">
        <v>715</v>
      </c>
      <c r="B4017" s="53">
        <v>5079.8666666666604</v>
      </c>
      <c r="C4017" s="53">
        <v>5079.8461538461497</v>
      </c>
      <c r="D4017" s="53">
        <v>5079.8181818181802</v>
      </c>
      <c r="E4017" s="53">
        <v>5079.7777777777701</v>
      </c>
      <c r="F4017" s="53">
        <v>5080</v>
      </c>
      <c r="G4017" s="53">
        <v>5080</v>
      </c>
      <c r="H4017" s="53">
        <v>5080</v>
      </c>
      <c r="I4017" s="53">
        <v>2540</v>
      </c>
      <c r="J4017" s="53"/>
      <c r="K4017" s="53"/>
      <c r="L4017" s="53"/>
      <c r="M4017" s="53"/>
      <c r="N4017" s="53">
        <v>38099.308780108702</v>
      </c>
      <c r="O4017" s="53"/>
      <c r="P4017" s="53"/>
      <c r="Q4017" s="53"/>
      <c r="R4017" s="53"/>
      <c r="S4017" s="53"/>
      <c r="T4017" s="53"/>
      <c r="U4017" s="53"/>
      <c r="V4017" s="53"/>
      <c r="W4017" s="53"/>
      <c r="X4017" s="53"/>
      <c r="Y4017" s="53"/>
      <c r="Z4017" s="53"/>
      <c r="AA4017" s="53"/>
      <c r="AB4017" s="53"/>
      <c r="AC4017" s="53"/>
      <c r="AD4017" s="53"/>
      <c r="AE4017" s="53"/>
      <c r="AF4017" s="53"/>
      <c r="AG4017" s="53"/>
      <c r="AH4017" s="53"/>
      <c r="AI4017" s="53"/>
      <c r="AJ4017" s="53"/>
      <c r="AK4017" s="53"/>
      <c r="AL4017" s="53"/>
      <c r="AM4017" s="53"/>
      <c r="AN4017" s="53"/>
      <c r="AO4017" s="53"/>
      <c r="AP4017" s="53"/>
      <c r="AQ4017" s="53"/>
      <c r="AR4017" s="53"/>
      <c r="AS4017" s="53"/>
      <c r="AT4017" s="53"/>
      <c r="AU4017" s="53"/>
      <c r="AV4017" s="53"/>
      <c r="AW4017" s="53"/>
      <c r="AX4017" s="53"/>
      <c r="AY4017" s="53"/>
      <c r="AZ4017" s="53"/>
      <c r="BA4017" s="53"/>
      <c r="BB4017" s="53"/>
      <c r="BC4017" s="53"/>
      <c r="BD4017" s="53"/>
      <c r="BE4017" s="53"/>
      <c r="BF4017" s="53"/>
      <c r="BG4017" s="53"/>
      <c r="BH4017" s="53"/>
      <c r="BI4017" s="53"/>
      <c r="BJ4017" s="53"/>
      <c r="BK4017" s="53"/>
      <c r="BL4017" s="53"/>
      <c r="BM4017" s="53"/>
      <c r="BN4017" s="53"/>
      <c r="BO4017" s="53"/>
      <c r="BP4017" s="53"/>
      <c r="BQ4017" s="53"/>
      <c r="BR4017" s="53"/>
      <c r="BS4017" s="53"/>
      <c r="BT4017" s="53"/>
      <c r="BU4017" s="53"/>
      <c r="BV4017" s="53"/>
      <c r="BW4017" s="53"/>
      <c r="BX4017" s="53"/>
      <c r="BY4017" s="53"/>
      <c r="BZ4017" s="53"/>
      <c r="CA4017" s="53"/>
      <c r="CB4017" s="53"/>
      <c r="CC4017" s="53"/>
      <c r="CD4017" s="53"/>
      <c r="CE4017" s="53"/>
      <c r="CF4017" s="53"/>
      <c r="CG4017" s="53"/>
      <c r="CH4017" s="53"/>
      <c r="CI4017" s="53"/>
      <c r="CJ4017" s="53"/>
      <c r="CK4017" s="53"/>
      <c r="CL4017" s="53"/>
      <c r="CM4017" s="53"/>
      <c r="CN4017" s="53"/>
    </row>
    <row r="4018" spans="1:92" outlineLevel="1">
      <c r="A4018" s="52" t="s">
        <v>716</v>
      </c>
      <c r="B4018" s="53">
        <v>11723.4510739856</v>
      </c>
      <c r="C4018" s="53">
        <v>11723.45323741</v>
      </c>
      <c r="D4018" s="53">
        <v>11723.450602409601</v>
      </c>
      <c r="E4018" s="53">
        <v>11723.452784503599</v>
      </c>
      <c r="F4018" s="53">
        <v>11723.4501216545</v>
      </c>
      <c r="G4018" s="53">
        <v>11723.4523227383</v>
      </c>
      <c r="H4018" s="53">
        <v>11723.449631449599</v>
      </c>
      <c r="I4018" s="53">
        <v>11723.4518518518</v>
      </c>
      <c r="J4018" s="53">
        <v>11723.4491315136</v>
      </c>
      <c r="K4018" s="53">
        <v>11723.451371571</v>
      </c>
      <c r="L4018" s="53">
        <v>11723.4486215538</v>
      </c>
      <c r="M4018" s="53">
        <v>11723.450881612</v>
      </c>
      <c r="N4018" s="53">
        <v>140681.41163225399</v>
      </c>
      <c r="O4018" s="53">
        <v>11723.4531645569</v>
      </c>
      <c r="P4018" s="53">
        <v>11723.4531645569</v>
      </c>
      <c r="Q4018" s="53">
        <v>11723.4531645569</v>
      </c>
      <c r="R4018" s="53">
        <v>11723.4531645569</v>
      </c>
      <c r="S4018" s="53">
        <v>11723.4531645569</v>
      </c>
      <c r="T4018" s="53">
        <v>11723.4531645569</v>
      </c>
      <c r="U4018" s="53">
        <v>11723.4531645569</v>
      </c>
      <c r="V4018" s="53">
        <v>11723.4531645569</v>
      </c>
      <c r="W4018" s="53">
        <v>11723.4531645569</v>
      </c>
      <c r="X4018" s="53">
        <v>11723.4531645569</v>
      </c>
      <c r="Y4018" s="53">
        <v>11723.4531645569</v>
      </c>
      <c r="Z4018" s="53">
        <v>11723.4531645569</v>
      </c>
      <c r="AA4018" s="53">
        <v>140681.43797468301</v>
      </c>
      <c r="AB4018" s="53">
        <v>11723.4531645569</v>
      </c>
      <c r="AC4018" s="53">
        <v>11723.4531645569</v>
      </c>
      <c r="AD4018" s="53">
        <v>11723.4531645569</v>
      </c>
      <c r="AE4018" s="53">
        <v>11723.4531645569</v>
      </c>
      <c r="AF4018" s="53">
        <v>11723.4531645569</v>
      </c>
      <c r="AG4018" s="53">
        <v>11723.4531645569</v>
      </c>
      <c r="AH4018" s="53">
        <v>11723.4531645569</v>
      </c>
      <c r="AI4018" s="53">
        <v>11723.4531645569</v>
      </c>
      <c r="AJ4018" s="53">
        <v>11723.4531645569</v>
      </c>
      <c r="AK4018" s="53">
        <v>11723.4531645569</v>
      </c>
      <c r="AL4018" s="53">
        <v>11723.4531645569</v>
      </c>
      <c r="AM4018" s="53">
        <v>11723.4531645569</v>
      </c>
      <c r="AN4018" s="53">
        <v>140681.43797468301</v>
      </c>
      <c r="AO4018" s="53">
        <v>11723.4531645569</v>
      </c>
      <c r="AP4018" s="53">
        <v>11723.4531645569</v>
      </c>
      <c r="AQ4018" s="53">
        <v>11723.4531645569</v>
      </c>
      <c r="AR4018" s="53">
        <v>11723.4531645569</v>
      </c>
      <c r="AS4018" s="53">
        <v>11723.4531645569</v>
      </c>
      <c r="AT4018" s="53">
        <v>11723.4531645569</v>
      </c>
      <c r="AU4018" s="53">
        <v>11723.4531645569</v>
      </c>
      <c r="AV4018" s="53">
        <v>11723.4531645569</v>
      </c>
      <c r="AW4018" s="53">
        <v>11723.4531645569</v>
      </c>
      <c r="AX4018" s="53">
        <v>11723.4531645569</v>
      </c>
      <c r="AY4018" s="53">
        <v>11723.4531645569</v>
      </c>
      <c r="AZ4018" s="53">
        <v>11723.4531645569</v>
      </c>
      <c r="BA4018" s="53">
        <v>140681.43797468301</v>
      </c>
      <c r="BB4018" s="53">
        <v>11723.4531645569</v>
      </c>
      <c r="BC4018" s="53">
        <v>11723.4531645569</v>
      </c>
      <c r="BD4018" s="53">
        <v>11723.4531645569</v>
      </c>
      <c r="BE4018" s="53">
        <v>11723.4531645569</v>
      </c>
      <c r="BF4018" s="53">
        <v>11723.4531645569</v>
      </c>
      <c r="BG4018" s="53">
        <v>11723.4531645569</v>
      </c>
      <c r="BH4018" s="53">
        <v>11723.4531645569</v>
      </c>
      <c r="BI4018" s="53">
        <v>11723.4531645569</v>
      </c>
      <c r="BJ4018" s="53">
        <v>11723.4531645569</v>
      </c>
      <c r="BK4018" s="53">
        <v>11723.4531645569</v>
      </c>
      <c r="BL4018" s="53">
        <v>11723.4531645569</v>
      </c>
      <c r="BM4018" s="53">
        <v>11723.4531645569</v>
      </c>
      <c r="BN4018" s="53">
        <v>140681.43797468301</v>
      </c>
      <c r="BO4018" s="53">
        <v>11723.4531645569</v>
      </c>
      <c r="BP4018" s="53">
        <v>11723.4531645569</v>
      </c>
      <c r="BQ4018" s="53">
        <v>11723.4531645569</v>
      </c>
      <c r="BR4018" s="53">
        <v>11723.4531645569</v>
      </c>
      <c r="BS4018" s="53">
        <v>11723.4531645569</v>
      </c>
      <c r="BT4018" s="53">
        <v>11723.4531645569</v>
      </c>
      <c r="BU4018" s="53">
        <v>11723.4531645569</v>
      </c>
      <c r="BV4018" s="53">
        <v>11723.4531645569</v>
      </c>
      <c r="BW4018" s="53">
        <v>11723.4531645569</v>
      </c>
      <c r="BX4018" s="53">
        <v>11723.4531645569</v>
      </c>
      <c r="BY4018" s="53">
        <v>11723.4531645569</v>
      </c>
      <c r="BZ4018" s="53">
        <v>11723.4531645569</v>
      </c>
      <c r="CA4018" s="53">
        <v>140681.43797468301</v>
      </c>
      <c r="CB4018" s="53">
        <v>11723.4531645569</v>
      </c>
      <c r="CC4018" s="53">
        <v>11723.4531645569</v>
      </c>
      <c r="CD4018" s="53">
        <v>11723.4531645569</v>
      </c>
      <c r="CE4018" s="53">
        <v>11723.4531645569</v>
      </c>
      <c r="CF4018" s="53">
        <v>11723.4531645569</v>
      </c>
      <c r="CG4018" s="53">
        <v>11723.4531645569</v>
      </c>
      <c r="CH4018" s="53">
        <v>11723.4531645569</v>
      </c>
      <c r="CI4018" s="53">
        <v>11723.4531645569</v>
      </c>
      <c r="CJ4018" s="53">
        <v>11723.4531645569</v>
      </c>
      <c r="CK4018" s="53">
        <v>11723.4531645569</v>
      </c>
      <c r="CL4018" s="53">
        <v>11723.4531645569</v>
      </c>
      <c r="CM4018" s="53">
        <v>11723.4531645569</v>
      </c>
      <c r="CN4018" s="53">
        <v>140681.43797468301</v>
      </c>
    </row>
    <row r="4019" spans="1:92" outlineLevel="1">
      <c r="A4019" s="52" t="s">
        <v>717</v>
      </c>
      <c r="B4019" s="53">
        <v>4051.8268398268301</v>
      </c>
      <c r="C4019" s="53">
        <v>4051.8260869565202</v>
      </c>
      <c r="D4019" s="53">
        <v>4051.82532751091</v>
      </c>
      <c r="E4019" s="53">
        <v>4051.8289473684199</v>
      </c>
      <c r="F4019" s="53">
        <v>4051.8281938325899</v>
      </c>
      <c r="G4019" s="53">
        <v>4051.8274336283098</v>
      </c>
      <c r="H4019" s="53">
        <v>4051.82666666666</v>
      </c>
      <c r="I4019" s="53">
        <v>4051.8258928571399</v>
      </c>
      <c r="J4019" s="53">
        <v>4051.82511210762</v>
      </c>
      <c r="K4019" s="53">
        <v>4051.82882882882</v>
      </c>
      <c r="L4019" s="53">
        <v>4051.8280542986399</v>
      </c>
      <c r="M4019" s="53">
        <v>4051.8272727272702</v>
      </c>
      <c r="N4019" s="53">
        <v>48621.924656609801</v>
      </c>
      <c r="O4019" s="53">
        <v>4051.8264840182601</v>
      </c>
      <c r="P4019" s="53">
        <v>4051.8264840182601</v>
      </c>
      <c r="Q4019" s="53">
        <v>4051.8264840182601</v>
      </c>
      <c r="R4019" s="53">
        <v>4051.8264840182601</v>
      </c>
      <c r="S4019" s="53">
        <v>4051.8264840182601</v>
      </c>
      <c r="T4019" s="53">
        <v>4051.8264840182601</v>
      </c>
      <c r="U4019" s="53">
        <v>4051.8264840182601</v>
      </c>
      <c r="V4019" s="53">
        <v>4051.8264840182601</v>
      </c>
      <c r="W4019" s="53">
        <v>4051.8264840182601</v>
      </c>
      <c r="X4019" s="53">
        <v>4051.8264840182601</v>
      </c>
      <c r="Y4019" s="53">
        <v>4051.8264840182601</v>
      </c>
      <c r="Z4019" s="53">
        <v>4051.8264840182601</v>
      </c>
      <c r="AA4019" s="53">
        <v>48621.917808219099</v>
      </c>
      <c r="AB4019" s="53">
        <v>4051.8264840182601</v>
      </c>
      <c r="AC4019" s="53">
        <v>4051.8264840182601</v>
      </c>
      <c r="AD4019" s="53">
        <v>4051.8264840182601</v>
      </c>
      <c r="AE4019" s="53">
        <v>4051.8264840182601</v>
      </c>
      <c r="AF4019" s="53">
        <v>4051.8264840182601</v>
      </c>
      <c r="AG4019" s="53">
        <v>4051.8264840182601</v>
      </c>
      <c r="AH4019" s="53">
        <v>4051.8264840182601</v>
      </c>
      <c r="AI4019" s="53">
        <v>4051.8264840182601</v>
      </c>
      <c r="AJ4019" s="53">
        <v>4051.8264840182601</v>
      </c>
      <c r="AK4019" s="53">
        <v>4051.8264840182601</v>
      </c>
      <c r="AL4019" s="53">
        <v>4051.8264840182601</v>
      </c>
      <c r="AM4019" s="53">
        <v>4051.8264840182501</v>
      </c>
      <c r="AN4019" s="53">
        <v>48621.917808219099</v>
      </c>
      <c r="AO4019" s="53">
        <v>4051.8264840182501</v>
      </c>
      <c r="AP4019" s="53">
        <v>4051.8264840182501</v>
      </c>
      <c r="AQ4019" s="53">
        <v>4051.8264840182501</v>
      </c>
      <c r="AR4019" s="53">
        <v>4051.8264840182501</v>
      </c>
      <c r="AS4019" s="53">
        <v>4051.8264840182501</v>
      </c>
      <c r="AT4019" s="53">
        <v>4051.8264840182501</v>
      </c>
      <c r="AU4019" s="53">
        <v>4051.8264840182501</v>
      </c>
      <c r="AV4019" s="53">
        <v>4051.8264840182501</v>
      </c>
      <c r="AW4019" s="53">
        <v>4051.8264840182501</v>
      </c>
      <c r="AX4019" s="53">
        <v>4051.8264840182501</v>
      </c>
      <c r="AY4019" s="53">
        <v>4051.8264840182501</v>
      </c>
      <c r="AZ4019" s="53">
        <v>4051.8264840182501</v>
      </c>
      <c r="BA4019" s="53">
        <v>48621.917808218997</v>
      </c>
      <c r="BB4019" s="53">
        <v>4051.8264840182501</v>
      </c>
      <c r="BC4019" s="53">
        <v>4051.8264840182501</v>
      </c>
      <c r="BD4019" s="53">
        <v>4051.8264840182501</v>
      </c>
      <c r="BE4019" s="53">
        <v>4051.8264840182501</v>
      </c>
      <c r="BF4019" s="53">
        <v>4051.8264840182501</v>
      </c>
      <c r="BG4019" s="53">
        <v>4051.8264840182501</v>
      </c>
      <c r="BH4019" s="53">
        <v>4051.8264840182501</v>
      </c>
      <c r="BI4019" s="53">
        <v>4051.8264840182501</v>
      </c>
      <c r="BJ4019" s="53">
        <v>4051.8264840182501</v>
      </c>
      <c r="BK4019" s="53">
        <v>4051.8264840182501</v>
      </c>
      <c r="BL4019" s="53">
        <v>4051.8264840182501</v>
      </c>
      <c r="BM4019" s="53">
        <v>4051.8264840182501</v>
      </c>
      <c r="BN4019" s="53">
        <v>48621.917808218997</v>
      </c>
      <c r="BO4019" s="53">
        <v>4051.8264840182501</v>
      </c>
      <c r="BP4019" s="53">
        <v>4051.8264840182501</v>
      </c>
      <c r="BQ4019" s="53">
        <v>4051.8264840182501</v>
      </c>
      <c r="BR4019" s="53">
        <v>4051.8264840182501</v>
      </c>
      <c r="BS4019" s="53">
        <v>4051.8264840182501</v>
      </c>
      <c r="BT4019" s="53">
        <v>4051.8264840182501</v>
      </c>
      <c r="BU4019" s="53">
        <v>4051.8264840182501</v>
      </c>
      <c r="BV4019" s="53">
        <v>4051.8264840182501</v>
      </c>
      <c r="BW4019" s="53">
        <v>4051.8264840182501</v>
      </c>
      <c r="BX4019" s="53">
        <v>4051.8264840182501</v>
      </c>
      <c r="BY4019" s="53">
        <v>4051.8264840182401</v>
      </c>
      <c r="BZ4019" s="53">
        <v>4051.8264840182401</v>
      </c>
      <c r="CA4019" s="53">
        <v>48621.917808218997</v>
      </c>
      <c r="CB4019" s="53">
        <v>4051.8264840182501</v>
      </c>
      <c r="CC4019" s="53">
        <v>4051.8264840182401</v>
      </c>
      <c r="CD4019" s="53">
        <v>4051.8264840182401</v>
      </c>
      <c r="CE4019" s="53">
        <v>4051.8264840182401</v>
      </c>
      <c r="CF4019" s="53">
        <v>4051.8264840182401</v>
      </c>
      <c r="CG4019" s="53">
        <v>4051.8264840182501</v>
      </c>
      <c r="CH4019" s="53">
        <v>4051.8264840182501</v>
      </c>
      <c r="CI4019" s="53">
        <v>4051.8264840182401</v>
      </c>
      <c r="CJ4019" s="53">
        <v>4051.8264840182401</v>
      </c>
      <c r="CK4019" s="53">
        <v>4051.8264840182501</v>
      </c>
      <c r="CL4019" s="53">
        <v>4051.8264840182401</v>
      </c>
      <c r="CM4019" s="53">
        <v>4051.8264840182401</v>
      </c>
      <c r="CN4019" s="53">
        <v>48621.917808218997</v>
      </c>
    </row>
    <row r="4020" spans="1:92" outlineLevel="1">
      <c r="A4020" s="52" t="s">
        <v>718</v>
      </c>
      <c r="B4020" s="53">
        <v>3523.4095238095201</v>
      </c>
      <c r="C4020" s="53">
        <v>3523.4110898661502</v>
      </c>
      <c r="D4020" s="53">
        <v>3523.4088291746598</v>
      </c>
      <c r="E4020" s="53">
        <v>3523.4104046242701</v>
      </c>
      <c r="F4020" s="53">
        <v>3523.4081237911</v>
      </c>
      <c r="G4020" s="53">
        <v>3523.40970873786</v>
      </c>
      <c r="H4020" s="53">
        <v>3523.4113060428799</v>
      </c>
      <c r="I4020" s="53">
        <v>3523.4090019569398</v>
      </c>
      <c r="J4020" s="53">
        <v>3523.4106090373198</v>
      </c>
      <c r="K4020" s="53">
        <v>3523.4082840236601</v>
      </c>
      <c r="L4020" s="53">
        <v>3523.4099009900901</v>
      </c>
      <c r="M4020" s="53">
        <v>3523.40755467196</v>
      </c>
      <c r="N4020" s="53">
        <v>42280.914336726397</v>
      </c>
      <c r="O4020" s="53">
        <v>3523.4091816367199</v>
      </c>
      <c r="P4020" s="53">
        <v>3523.4091816367199</v>
      </c>
      <c r="Q4020" s="53">
        <v>3523.4091816367199</v>
      </c>
      <c r="R4020" s="53">
        <v>3523.4091816367199</v>
      </c>
      <c r="S4020" s="53">
        <v>3523.4091816367199</v>
      </c>
      <c r="T4020" s="53">
        <v>3523.4091816367199</v>
      </c>
      <c r="U4020" s="53">
        <v>3523.4091816367199</v>
      </c>
      <c r="V4020" s="53">
        <v>3523.4091816367199</v>
      </c>
      <c r="W4020" s="53">
        <v>3523.4091816367199</v>
      </c>
      <c r="X4020" s="53">
        <v>3523.4091816367199</v>
      </c>
      <c r="Y4020" s="53">
        <v>3523.4091816367199</v>
      </c>
      <c r="Z4020" s="53">
        <v>3523.4091816367199</v>
      </c>
      <c r="AA4020" s="53">
        <v>42280.910179640698</v>
      </c>
      <c r="AB4020" s="53">
        <v>3523.4091816367199</v>
      </c>
      <c r="AC4020" s="53">
        <v>3523.4091816367199</v>
      </c>
      <c r="AD4020" s="53">
        <v>3523.4091816367199</v>
      </c>
      <c r="AE4020" s="53">
        <v>3523.4091816367199</v>
      </c>
      <c r="AF4020" s="53">
        <v>3523.4091816367199</v>
      </c>
      <c r="AG4020" s="53">
        <v>3523.40918163673</v>
      </c>
      <c r="AH4020" s="53">
        <v>3523.40918163673</v>
      </c>
      <c r="AI4020" s="53">
        <v>3523.40918163673</v>
      </c>
      <c r="AJ4020" s="53">
        <v>3523.40918163673</v>
      </c>
      <c r="AK4020" s="53">
        <v>3523.40918163673</v>
      </c>
      <c r="AL4020" s="53">
        <v>3523.40918163673</v>
      </c>
      <c r="AM4020" s="53">
        <v>3523.40918163673</v>
      </c>
      <c r="AN4020" s="53">
        <v>42280.910179640698</v>
      </c>
      <c r="AO4020" s="53">
        <v>3523.40918163673</v>
      </c>
      <c r="AP4020" s="53">
        <v>3523.40918163673</v>
      </c>
      <c r="AQ4020" s="53">
        <v>3523.40918163673</v>
      </c>
      <c r="AR4020" s="53">
        <v>3523.40918163673</v>
      </c>
      <c r="AS4020" s="53">
        <v>3523.40918163673</v>
      </c>
      <c r="AT4020" s="53">
        <v>3523.40918163673</v>
      </c>
      <c r="AU4020" s="53">
        <v>3523.40918163673</v>
      </c>
      <c r="AV4020" s="53">
        <v>3523.40918163673</v>
      </c>
      <c r="AW4020" s="53">
        <v>3523.40918163673</v>
      </c>
      <c r="AX4020" s="53">
        <v>3523.40918163673</v>
      </c>
      <c r="AY4020" s="53">
        <v>3523.40918163673</v>
      </c>
      <c r="AZ4020" s="53">
        <v>3523.40918163673</v>
      </c>
      <c r="BA4020" s="53">
        <v>42280.910179640799</v>
      </c>
      <c r="BB4020" s="53">
        <v>3523.40918163673</v>
      </c>
      <c r="BC4020" s="53">
        <v>3523.40918163673</v>
      </c>
      <c r="BD4020" s="53">
        <v>3523.40918163673</v>
      </c>
      <c r="BE4020" s="53">
        <v>3523.40918163673</v>
      </c>
      <c r="BF4020" s="53">
        <v>3523.40918163673</v>
      </c>
      <c r="BG4020" s="53">
        <v>3523.40918163673</v>
      </c>
      <c r="BH4020" s="53">
        <v>3523.40918163673</v>
      </c>
      <c r="BI4020" s="53">
        <v>3523.40918163673</v>
      </c>
      <c r="BJ4020" s="53">
        <v>3523.40918163673</v>
      </c>
      <c r="BK4020" s="53">
        <v>3523.40918163673</v>
      </c>
      <c r="BL4020" s="53">
        <v>3523.40918163673</v>
      </c>
      <c r="BM4020" s="53">
        <v>3523.40918163673</v>
      </c>
      <c r="BN4020" s="53">
        <v>42280.910179640799</v>
      </c>
      <c r="BO4020" s="53">
        <v>3523.40918163673</v>
      </c>
      <c r="BP4020" s="53">
        <v>3523.40918163673</v>
      </c>
      <c r="BQ4020" s="53">
        <v>3523.40918163673</v>
      </c>
      <c r="BR4020" s="53">
        <v>3523.40918163673</v>
      </c>
      <c r="BS4020" s="53">
        <v>3523.40918163673</v>
      </c>
      <c r="BT4020" s="53">
        <v>3523.40918163673</v>
      </c>
      <c r="BU4020" s="53">
        <v>3523.40918163673</v>
      </c>
      <c r="BV4020" s="53">
        <v>3523.40918163673</v>
      </c>
      <c r="BW4020" s="53">
        <v>3523.40918163673</v>
      </c>
      <c r="BX4020" s="53">
        <v>3523.40918163673</v>
      </c>
      <c r="BY4020" s="53">
        <v>3523.40918163673</v>
      </c>
      <c r="BZ4020" s="53">
        <v>3523.40918163673</v>
      </c>
      <c r="CA4020" s="53">
        <v>42280.910179640799</v>
      </c>
      <c r="CB4020" s="53">
        <v>3523.40918163673</v>
      </c>
      <c r="CC4020" s="53">
        <v>3523.40918163673</v>
      </c>
      <c r="CD4020" s="53">
        <v>3523.40918163673</v>
      </c>
      <c r="CE4020" s="53">
        <v>3523.40918163673</v>
      </c>
      <c r="CF4020" s="53">
        <v>3523.40918163673</v>
      </c>
      <c r="CG4020" s="53">
        <v>3523.40918163673</v>
      </c>
      <c r="CH4020" s="53">
        <v>3523.40918163673</v>
      </c>
      <c r="CI4020" s="53">
        <v>3523.40918163673</v>
      </c>
      <c r="CJ4020" s="53">
        <v>3523.40918163673</v>
      </c>
      <c r="CK4020" s="53">
        <v>3523.40918163673</v>
      </c>
      <c r="CL4020" s="53">
        <v>3523.40918163673</v>
      </c>
      <c r="CM4020" s="53">
        <v>3523.40918163673</v>
      </c>
      <c r="CN4020" s="53">
        <v>42280.910179640799</v>
      </c>
    </row>
    <row r="4021" spans="1:92" outlineLevel="1">
      <c r="A4021" s="52" t="s">
        <v>721</v>
      </c>
      <c r="B4021" s="53">
        <v>9347.6245954692495</v>
      </c>
      <c r="C4021" s="53">
        <v>9347.6233766233709</v>
      </c>
      <c r="D4021" s="53">
        <v>9347.6254071661206</v>
      </c>
      <c r="E4021" s="53">
        <v>9347.6241830065301</v>
      </c>
      <c r="F4021" s="53">
        <v>9347.6262295081906</v>
      </c>
      <c r="G4021" s="53">
        <v>9347.6249999999909</v>
      </c>
      <c r="H4021" s="53">
        <v>9347.6237623762299</v>
      </c>
      <c r="I4021" s="53">
        <v>9347.6258278145597</v>
      </c>
      <c r="J4021" s="53">
        <v>9347.6245847175996</v>
      </c>
      <c r="K4021" s="53">
        <v>9347.6233333333294</v>
      </c>
      <c r="L4021" s="53">
        <v>9347.6254180602009</v>
      </c>
      <c r="M4021" s="53">
        <v>9347.6241610738198</v>
      </c>
      <c r="N4021" s="53">
        <v>112171.49587914901</v>
      </c>
      <c r="O4021" s="53">
        <v>9347.6262626262596</v>
      </c>
      <c r="P4021" s="53">
        <v>9347.6262626262596</v>
      </c>
      <c r="Q4021" s="53">
        <v>9347.6262626262596</v>
      </c>
      <c r="R4021" s="53">
        <v>9347.6262626262596</v>
      </c>
      <c r="S4021" s="53">
        <v>9347.6262626262596</v>
      </c>
      <c r="T4021" s="53">
        <v>9347.6262626262596</v>
      </c>
      <c r="U4021" s="53">
        <v>9347.6262626262596</v>
      </c>
      <c r="V4021" s="53">
        <v>9347.6262626262596</v>
      </c>
      <c r="W4021" s="53">
        <v>9347.6262626262596</v>
      </c>
      <c r="X4021" s="53">
        <v>9347.6262626262505</v>
      </c>
      <c r="Y4021" s="53">
        <v>9347.6262626262505</v>
      </c>
      <c r="Z4021" s="53">
        <v>9347.6262626262505</v>
      </c>
      <c r="AA4021" s="53">
        <v>112171.51515151501</v>
      </c>
      <c r="AB4021" s="53">
        <v>9347.6262626262505</v>
      </c>
      <c r="AC4021" s="53">
        <v>9347.6262626262505</v>
      </c>
      <c r="AD4021" s="53">
        <v>9347.6262626262505</v>
      </c>
      <c r="AE4021" s="53">
        <v>9347.6262626262505</v>
      </c>
      <c r="AF4021" s="53">
        <v>9347.6262626262505</v>
      </c>
      <c r="AG4021" s="53">
        <v>9347.6262626262505</v>
      </c>
      <c r="AH4021" s="53">
        <v>9347.6262626262505</v>
      </c>
      <c r="AI4021" s="53">
        <v>9347.6262626262505</v>
      </c>
      <c r="AJ4021" s="53">
        <v>9347.6262626262505</v>
      </c>
      <c r="AK4021" s="53">
        <v>9347.6262626262505</v>
      </c>
      <c r="AL4021" s="53">
        <v>9347.6262626262505</v>
      </c>
      <c r="AM4021" s="53">
        <v>9347.6262626262505</v>
      </c>
      <c r="AN4021" s="53">
        <v>112171.51515151501</v>
      </c>
      <c r="AO4021" s="53">
        <v>9347.6262626262505</v>
      </c>
      <c r="AP4021" s="53">
        <v>9347.6262626262505</v>
      </c>
      <c r="AQ4021" s="53">
        <v>9347.6262626262505</v>
      </c>
      <c r="AR4021" s="53">
        <v>9347.6262626262505</v>
      </c>
      <c r="AS4021" s="53">
        <v>9347.6262626262505</v>
      </c>
      <c r="AT4021" s="53">
        <v>9347.6262626262505</v>
      </c>
      <c r="AU4021" s="53">
        <v>9347.6262626262505</v>
      </c>
      <c r="AV4021" s="53">
        <v>9347.6262626262505</v>
      </c>
      <c r="AW4021" s="53">
        <v>9347.6262626262505</v>
      </c>
      <c r="AX4021" s="53">
        <v>9347.6262626262505</v>
      </c>
      <c r="AY4021" s="53">
        <v>9347.6262626262505</v>
      </c>
      <c r="AZ4021" s="53">
        <v>9347.6262626262396</v>
      </c>
      <c r="BA4021" s="53">
        <v>112171.51515151501</v>
      </c>
      <c r="BB4021" s="53">
        <v>9347.6262626262396</v>
      </c>
      <c r="BC4021" s="53">
        <v>9347.6262626262396</v>
      </c>
      <c r="BD4021" s="53">
        <v>9347.6262626262396</v>
      </c>
      <c r="BE4021" s="53">
        <v>9347.6262626262396</v>
      </c>
      <c r="BF4021" s="53">
        <v>9347.6262626262396</v>
      </c>
      <c r="BG4021" s="53">
        <v>9347.6262626262396</v>
      </c>
      <c r="BH4021" s="53">
        <v>9347.6262626262396</v>
      </c>
      <c r="BI4021" s="53">
        <v>9347.6262626262396</v>
      </c>
      <c r="BJ4021" s="53">
        <v>9347.6262626262396</v>
      </c>
      <c r="BK4021" s="53">
        <v>9347.6262626262396</v>
      </c>
      <c r="BL4021" s="53">
        <v>9347.6262626262396</v>
      </c>
      <c r="BM4021" s="53">
        <v>9347.6262626262396</v>
      </c>
      <c r="BN4021" s="53">
        <v>112171.515151514</v>
      </c>
      <c r="BO4021" s="53">
        <v>9347.6262626262396</v>
      </c>
      <c r="BP4021" s="53">
        <v>9347.6262626262396</v>
      </c>
      <c r="BQ4021" s="53">
        <v>9347.6262626262396</v>
      </c>
      <c r="BR4021" s="53">
        <v>9347.6262626262396</v>
      </c>
      <c r="BS4021" s="53">
        <v>9347.6262626262396</v>
      </c>
      <c r="BT4021" s="53">
        <v>9347.6262626262396</v>
      </c>
      <c r="BU4021" s="53">
        <v>9347.6262626262396</v>
      </c>
      <c r="BV4021" s="53">
        <v>9347.6262626262396</v>
      </c>
      <c r="BW4021" s="53">
        <v>9347.6262626262396</v>
      </c>
      <c r="BX4021" s="53">
        <v>9347.6262626262396</v>
      </c>
      <c r="BY4021" s="53">
        <v>9347.6262626262305</v>
      </c>
      <c r="BZ4021" s="53">
        <v>9347.6262626262305</v>
      </c>
      <c r="CA4021" s="53">
        <v>112171.515151514</v>
      </c>
      <c r="CB4021" s="53">
        <v>9347.6262626262305</v>
      </c>
      <c r="CC4021" s="53">
        <v>9347.6262626262305</v>
      </c>
      <c r="CD4021" s="53">
        <v>9347.6262626262305</v>
      </c>
      <c r="CE4021" s="53">
        <v>9347.6262626262305</v>
      </c>
      <c r="CF4021" s="53">
        <v>9347.6262626262305</v>
      </c>
      <c r="CG4021" s="53">
        <v>9347.6262626262305</v>
      </c>
      <c r="CH4021" s="53">
        <v>9347.6262626262305</v>
      </c>
      <c r="CI4021" s="53">
        <v>9347.6262626262305</v>
      </c>
      <c r="CJ4021" s="53">
        <v>9347.6262626262305</v>
      </c>
      <c r="CK4021" s="53">
        <v>9347.6262626262305</v>
      </c>
      <c r="CL4021" s="53">
        <v>9347.6262626262305</v>
      </c>
      <c r="CM4021" s="53">
        <v>9347.6262626262305</v>
      </c>
      <c r="CN4021" s="53">
        <v>112171.515151514</v>
      </c>
    </row>
    <row r="4022" spans="1:92" outlineLevel="1">
      <c r="A4022" s="52" t="s">
        <v>723</v>
      </c>
      <c r="B4022" s="53">
        <v>3240.4</v>
      </c>
      <c r="C4022" s="53">
        <v>3240.4055944055899</v>
      </c>
      <c r="D4022" s="53">
        <v>3240.39716312056</v>
      </c>
      <c r="E4022" s="53">
        <v>3240.4028776978398</v>
      </c>
      <c r="F4022" s="53">
        <v>3240.39416058394</v>
      </c>
      <c r="G4022" s="53">
        <v>3240.4</v>
      </c>
      <c r="H4022" s="53">
        <v>3240.4060150375899</v>
      </c>
      <c r="I4022" s="53">
        <v>3240.3969465648802</v>
      </c>
      <c r="J4022" s="53">
        <v>3240.4031007751901</v>
      </c>
      <c r="K4022" s="53">
        <v>3240.3937007874001</v>
      </c>
      <c r="L4022" s="53">
        <v>3240.4</v>
      </c>
      <c r="M4022" s="53">
        <v>3240.4065040650398</v>
      </c>
      <c r="N4022" s="53">
        <v>38884.806063037999</v>
      </c>
      <c r="O4022" s="53">
        <v>3240.39669421487</v>
      </c>
      <c r="P4022" s="53">
        <v>3240.39669421487</v>
      </c>
      <c r="Q4022" s="53">
        <v>3240.39669421487</v>
      </c>
      <c r="R4022" s="53">
        <v>3240.39669421487</v>
      </c>
      <c r="S4022" s="53">
        <v>3240.39669421487</v>
      </c>
      <c r="T4022" s="53">
        <v>3240.39669421487</v>
      </c>
      <c r="U4022" s="53">
        <v>3240.39669421487</v>
      </c>
      <c r="V4022" s="53">
        <v>3240.39669421487</v>
      </c>
      <c r="W4022" s="53">
        <v>3240.39669421487</v>
      </c>
      <c r="X4022" s="53">
        <v>3240.39669421487</v>
      </c>
      <c r="Y4022" s="53">
        <v>3240.39669421487</v>
      </c>
      <c r="Z4022" s="53">
        <v>3240.39669421487</v>
      </c>
      <c r="AA4022" s="53">
        <v>38884.760330578501</v>
      </c>
      <c r="AB4022" s="53">
        <v>3240.39669421487</v>
      </c>
      <c r="AC4022" s="53">
        <v>3240.39669421487</v>
      </c>
      <c r="AD4022" s="53">
        <v>3240.39669421488</v>
      </c>
      <c r="AE4022" s="53">
        <v>3240.39669421488</v>
      </c>
      <c r="AF4022" s="53">
        <v>3240.39669421487</v>
      </c>
      <c r="AG4022" s="53">
        <v>3240.39669421488</v>
      </c>
      <c r="AH4022" s="53">
        <v>3240.39669421488</v>
      </c>
      <c r="AI4022" s="53">
        <v>3240.39669421488</v>
      </c>
      <c r="AJ4022" s="53">
        <v>3240.39669421487</v>
      </c>
      <c r="AK4022" s="53">
        <v>3240.39669421487</v>
      </c>
      <c r="AL4022" s="53">
        <v>3240.39669421487</v>
      </c>
      <c r="AM4022" s="53">
        <v>3240.39669421487</v>
      </c>
      <c r="AN4022" s="53">
        <v>38884.760330578501</v>
      </c>
      <c r="AO4022" s="53">
        <v>3240.39669421487</v>
      </c>
      <c r="AP4022" s="53">
        <v>3240.39669421487</v>
      </c>
      <c r="AQ4022" s="53">
        <v>3240.39669421487</v>
      </c>
      <c r="AR4022" s="53">
        <v>3240.39669421487</v>
      </c>
      <c r="AS4022" s="53">
        <v>3240.39669421487</v>
      </c>
      <c r="AT4022" s="53">
        <v>3240.39669421487</v>
      </c>
      <c r="AU4022" s="53">
        <v>3240.39669421487</v>
      </c>
      <c r="AV4022" s="53">
        <v>3240.39669421487</v>
      </c>
      <c r="AW4022" s="53">
        <v>3240.39669421487</v>
      </c>
      <c r="AX4022" s="53">
        <v>3240.39669421487</v>
      </c>
      <c r="AY4022" s="53">
        <v>3240.39669421487</v>
      </c>
      <c r="AZ4022" s="53">
        <v>3240.39669421487</v>
      </c>
      <c r="BA4022" s="53">
        <v>38884.760330578501</v>
      </c>
      <c r="BB4022" s="53">
        <v>3240.39669421487</v>
      </c>
      <c r="BC4022" s="53">
        <v>3240.39669421487</v>
      </c>
      <c r="BD4022" s="53">
        <v>3240.39669421487</v>
      </c>
      <c r="BE4022" s="53">
        <v>3240.39669421487</v>
      </c>
      <c r="BF4022" s="53">
        <v>3240.39669421487</v>
      </c>
      <c r="BG4022" s="53">
        <v>3240.39669421487</v>
      </c>
      <c r="BH4022" s="53">
        <v>3240.39669421487</v>
      </c>
      <c r="BI4022" s="53">
        <v>3240.39669421487</v>
      </c>
      <c r="BJ4022" s="53">
        <v>3240.39669421487</v>
      </c>
      <c r="BK4022" s="53">
        <v>3240.39669421487</v>
      </c>
      <c r="BL4022" s="53">
        <v>3240.39669421487</v>
      </c>
      <c r="BM4022" s="53">
        <v>3240.39669421487</v>
      </c>
      <c r="BN4022" s="53">
        <v>38884.760330578501</v>
      </c>
      <c r="BO4022" s="53">
        <v>3240.39669421487</v>
      </c>
      <c r="BP4022" s="53">
        <v>3240.39669421487</v>
      </c>
      <c r="BQ4022" s="53">
        <v>3240.39669421487</v>
      </c>
      <c r="BR4022" s="53">
        <v>3240.39669421487</v>
      </c>
      <c r="BS4022" s="53">
        <v>3240.39669421487</v>
      </c>
      <c r="BT4022" s="53">
        <v>3240.39669421487</v>
      </c>
      <c r="BU4022" s="53">
        <v>3240.39669421487</v>
      </c>
      <c r="BV4022" s="53">
        <v>3240.39669421487</v>
      </c>
      <c r="BW4022" s="53">
        <v>3240.39669421487</v>
      </c>
      <c r="BX4022" s="53">
        <v>3240.39669421487</v>
      </c>
      <c r="BY4022" s="53">
        <v>3240.39669421487</v>
      </c>
      <c r="BZ4022" s="53">
        <v>3240.39669421487</v>
      </c>
      <c r="CA4022" s="53">
        <v>38884.760330578501</v>
      </c>
      <c r="CB4022" s="53">
        <v>1620.19834710743</v>
      </c>
      <c r="CC4022" s="53"/>
      <c r="CD4022" s="53"/>
      <c r="CE4022" s="53"/>
      <c r="CF4022" s="53"/>
      <c r="CG4022" s="53"/>
      <c r="CH4022" s="53"/>
      <c r="CI4022" s="53"/>
      <c r="CJ4022" s="53"/>
      <c r="CK4022" s="53"/>
      <c r="CL4022" s="53"/>
      <c r="CM4022" s="53"/>
      <c r="CN4022" s="53">
        <v>1620.19834710743</v>
      </c>
    </row>
    <row r="4023" spans="1:92" outlineLevel="1">
      <c r="A4023" s="52" t="s">
        <v>724</v>
      </c>
      <c r="B4023" s="53">
        <v>1540.8623298033201</v>
      </c>
      <c r="C4023" s="53">
        <v>1540.8619119878599</v>
      </c>
      <c r="D4023" s="53">
        <v>1540.8614916286101</v>
      </c>
      <c r="E4023" s="53">
        <v>1540.8610687022899</v>
      </c>
      <c r="F4023" s="53">
        <v>1540.8637059724299</v>
      </c>
      <c r="G4023" s="53">
        <v>1540.8632872503799</v>
      </c>
      <c r="H4023" s="53">
        <v>1540.8628659476101</v>
      </c>
      <c r="I4023" s="53">
        <v>1540.86244204018</v>
      </c>
      <c r="J4023" s="53">
        <v>1540.86201550387</v>
      </c>
      <c r="K4023" s="53">
        <v>1540.8615863141499</v>
      </c>
      <c r="L4023" s="53">
        <v>1540.8611544461701</v>
      </c>
      <c r="M4023" s="53">
        <v>1540.8638497652501</v>
      </c>
      <c r="N4023" s="53">
        <v>18490.3477093621</v>
      </c>
      <c r="O4023" s="53">
        <v>1540.86342229199</v>
      </c>
      <c r="P4023" s="53">
        <v>1540.86342229199</v>
      </c>
      <c r="Q4023" s="53">
        <v>1540.86342229199</v>
      </c>
      <c r="R4023" s="53">
        <v>1540.86342229199</v>
      </c>
      <c r="S4023" s="53">
        <v>1540.86342229199</v>
      </c>
      <c r="T4023" s="53">
        <v>1540.86342229199</v>
      </c>
      <c r="U4023" s="53">
        <v>1540.86342229199</v>
      </c>
      <c r="V4023" s="53">
        <v>1540.86342229199</v>
      </c>
      <c r="W4023" s="53">
        <v>1540.86342229199</v>
      </c>
      <c r="X4023" s="53">
        <v>1540.86342229199</v>
      </c>
      <c r="Y4023" s="53">
        <v>1540.86342229199</v>
      </c>
      <c r="Z4023" s="53">
        <v>1540.86342229199</v>
      </c>
      <c r="AA4023" s="53">
        <v>18490.361067503902</v>
      </c>
      <c r="AB4023" s="53">
        <v>1540.86342229199</v>
      </c>
      <c r="AC4023" s="53">
        <v>1540.86342229199</v>
      </c>
      <c r="AD4023" s="53">
        <v>1540.86342229199</v>
      </c>
      <c r="AE4023" s="53">
        <v>1540.86342229199</v>
      </c>
      <c r="AF4023" s="53">
        <v>1540.86342229199</v>
      </c>
      <c r="AG4023" s="53">
        <v>1540.86342229199</v>
      </c>
      <c r="AH4023" s="53">
        <v>1540.86342229199</v>
      </c>
      <c r="AI4023" s="53">
        <v>1540.86342229199</v>
      </c>
      <c r="AJ4023" s="53">
        <v>1540.86342229199</v>
      </c>
      <c r="AK4023" s="53">
        <v>1540.86342229199</v>
      </c>
      <c r="AL4023" s="53">
        <v>1540.86342229199</v>
      </c>
      <c r="AM4023" s="53">
        <v>1540.86342229199</v>
      </c>
      <c r="AN4023" s="53">
        <v>18490.361067503902</v>
      </c>
      <c r="AO4023" s="53">
        <v>1540.86342229199</v>
      </c>
      <c r="AP4023" s="53">
        <v>1540.86342229199</v>
      </c>
      <c r="AQ4023" s="53">
        <v>1540.86342229199</v>
      </c>
      <c r="AR4023" s="53">
        <v>1540.86342229199</v>
      </c>
      <c r="AS4023" s="53">
        <v>1540.86342229199</v>
      </c>
      <c r="AT4023" s="53">
        <v>1540.86342229199</v>
      </c>
      <c r="AU4023" s="53">
        <v>1540.86342229199</v>
      </c>
      <c r="AV4023" s="53">
        <v>1540.86342229199</v>
      </c>
      <c r="AW4023" s="53">
        <v>1540.86342229199</v>
      </c>
      <c r="AX4023" s="53">
        <v>1540.86342229199</v>
      </c>
      <c r="AY4023" s="53">
        <v>1540.86342229199</v>
      </c>
      <c r="AZ4023" s="53">
        <v>1540.86342229199</v>
      </c>
      <c r="BA4023" s="53">
        <v>18490.361067503902</v>
      </c>
      <c r="BB4023" s="53">
        <v>1540.86342229199</v>
      </c>
      <c r="BC4023" s="53">
        <v>1540.86342229199</v>
      </c>
      <c r="BD4023" s="53">
        <v>1540.86342229199</v>
      </c>
      <c r="BE4023" s="53">
        <v>1540.86342229199</v>
      </c>
      <c r="BF4023" s="53">
        <v>1540.86342229199</v>
      </c>
      <c r="BG4023" s="53">
        <v>1540.86342229199</v>
      </c>
      <c r="BH4023" s="53">
        <v>1540.86342229199</v>
      </c>
      <c r="BI4023" s="53">
        <v>1540.86342229199</v>
      </c>
      <c r="BJ4023" s="53">
        <v>1540.86342229199</v>
      </c>
      <c r="BK4023" s="53">
        <v>1540.86342229199</v>
      </c>
      <c r="BL4023" s="53">
        <v>1540.86342229199</v>
      </c>
      <c r="BM4023" s="53">
        <v>1540.86342229199</v>
      </c>
      <c r="BN4023" s="53">
        <v>18490.361067503902</v>
      </c>
      <c r="BO4023" s="53">
        <v>1540.86342229199</v>
      </c>
      <c r="BP4023" s="53">
        <v>1540.86342229199</v>
      </c>
      <c r="BQ4023" s="53">
        <v>1540.86342229199</v>
      </c>
      <c r="BR4023" s="53">
        <v>1540.86342229199</v>
      </c>
      <c r="BS4023" s="53">
        <v>1540.86342229199</v>
      </c>
      <c r="BT4023" s="53">
        <v>1540.86342229199</v>
      </c>
      <c r="BU4023" s="53">
        <v>1540.86342229199</v>
      </c>
      <c r="BV4023" s="53">
        <v>1540.86342229199</v>
      </c>
      <c r="BW4023" s="53">
        <v>1540.86342229199</v>
      </c>
      <c r="BX4023" s="53">
        <v>1540.86342229199</v>
      </c>
      <c r="BY4023" s="53">
        <v>1540.86342229199</v>
      </c>
      <c r="BZ4023" s="53">
        <v>1540.86342229199</v>
      </c>
      <c r="CA4023" s="53">
        <v>18490.361067503902</v>
      </c>
      <c r="CB4023" s="53">
        <v>1540.86342229199</v>
      </c>
      <c r="CC4023" s="53">
        <v>1540.86342229199</v>
      </c>
      <c r="CD4023" s="53">
        <v>1540.86342229199</v>
      </c>
      <c r="CE4023" s="53">
        <v>1540.86342229199</v>
      </c>
      <c r="CF4023" s="53">
        <v>1540.86342229199</v>
      </c>
      <c r="CG4023" s="53">
        <v>1540.86342229199</v>
      </c>
      <c r="CH4023" s="53">
        <v>1540.86342229199</v>
      </c>
      <c r="CI4023" s="53">
        <v>1540.86342229199</v>
      </c>
      <c r="CJ4023" s="53">
        <v>1540.86342229199</v>
      </c>
      <c r="CK4023" s="53">
        <v>1540.86342229199</v>
      </c>
      <c r="CL4023" s="53">
        <v>1540.86342229199</v>
      </c>
      <c r="CM4023" s="53">
        <v>1540.86342229199</v>
      </c>
      <c r="CN4023" s="53">
        <v>18490.361067503902</v>
      </c>
    </row>
    <row r="4024" spans="1:92" outlineLevel="1">
      <c r="A4024" s="52" t="s">
        <v>725</v>
      </c>
      <c r="B4024" s="53">
        <v>9185.2928176795504</v>
      </c>
      <c r="C4024" s="53">
        <v>9185.2960893854706</v>
      </c>
      <c r="D4024" s="53">
        <v>9185.2881355932204</v>
      </c>
      <c r="E4024" s="53">
        <v>9185.2914285714196</v>
      </c>
      <c r="F4024" s="53">
        <v>9185.2947976878604</v>
      </c>
      <c r="G4024" s="53">
        <v>9185.2982456140307</v>
      </c>
      <c r="H4024" s="53">
        <v>9185.2899408283993</v>
      </c>
      <c r="I4024" s="53">
        <v>9185.2934131736492</v>
      </c>
      <c r="J4024" s="53">
        <v>9185.2969696969703</v>
      </c>
      <c r="K4024" s="53">
        <v>9185.2883435582808</v>
      </c>
      <c r="L4024" s="53">
        <v>9185.29192546583</v>
      </c>
      <c r="M4024" s="53">
        <v>9185.2955974842698</v>
      </c>
      <c r="N4024" s="53">
        <v>110223.517704738</v>
      </c>
      <c r="O4024" s="53">
        <v>9185.2866242038199</v>
      </c>
      <c r="P4024" s="53">
        <v>9185.2866242038199</v>
      </c>
      <c r="Q4024" s="53">
        <v>9185.2866242038199</v>
      </c>
      <c r="R4024" s="53">
        <v>9185.2866242038108</v>
      </c>
      <c r="S4024" s="53">
        <v>9185.2866242038108</v>
      </c>
      <c r="T4024" s="53">
        <v>9185.2866242038108</v>
      </c>
      <c r="U4024" s="53">
        <v>9185.2866242038108</v>
      </c>
      <c r="V4024" s="53">
        <v>9185.2866242038108</v>
      </c>
      <c r="W4024" s="53">
        <v>9185.2866242038108</v>
      </c>
      <c r="X4024" s="53">
        <v>9185.2866242038108</v>
      </c>
      <c r="Y4024" s="53">
        <v>9185.2866242038108</v>
      </c>
      <c r="Z4024" s="53">
        <v>9185.2866242038108</v>
      </c>
      <c r="AA4024" s="53">
        <v>110223.439490445</v>
      </c>
      <c r="AB4024" s="53">
        <v>9185.2866242038108</v>
      </c>
      <c r="AC4024" s="53">
        <v>9185.2866242038108</v>
      </c>
      <c r="AD4024" s="53">
        <v>9185.2866242038108</v>
      </c>
      <c r="AE4024" s="53">
        <v>9185.2866242038108</v>
      </c>
      <c r="AF4024" s="53">
        <v>9185.2866242038108</v>
      </c>
      <c r="AG4024" s="53">
        <v>9185.2866242038108</v>
      </c>
      <c r="AH4024" s="53">
        <v>9185.2866242038108</v>
      </c>
      <c r="AI4024" s="53">
        <v>9185.2866242038108</v>
      </c>
      <c r="AJ4024" s="53">
        <v>9185.2866242038108</v>
      </c>
      <c r="AK4024" s="53">
        <v>9185.2866242037999</v>
      </c>
      <c r="AL4024" s="53">
        <v>9185.2866242037999</v>
      </c>
      <c r="AM4024" s="53">
        <v>9185.2866242037999</v>
      </c>
      <c r="AN4024" s="53">
        <v>110223.439490445</v>
      </c>
      <c r="AO4024" s="53">
        <v>9185.2866242037999</v>
      </c>
      <c r="AP4024" s="53">
        <v>9185.2866242037999</v>
      </c>
      <c r="AQ4024" s="53">
        <v>9185.2866242038108</v>
      </c>
      <c r="AR4024" s="53">
        <v>9185.2866242037999</v>
      </c>
      <c r="AS4024" s="53">
        <v>9185.2866242038108</v>
      </c>
      <c r="AT4024" s="53">
        <v>9185.2866242038108</v>
      </c>
      <c r="AU4024" s="53">
        <v>9185.2866242038108</v>
      </c>
      <c r="AV4024" s="53">
        <v>9185.2866242038108</v>
      </c>
      <c r="AW4024" s="53">
        <v>9185.2866242038108</v>
      </c>
      <c r="AX4024" s="53">
        <v>9185.2866242038108</v>
      </c>
      <c r="AY4024" s="53">
        <v>9185.2866242038108</v>
      </c>
      <c r="AZ4024" s="53">
        <v>9185.2866242038108</v>
      </c>
      <c r="BA4024" s="53">
        <v>110223.439490445</v>
      </c>
      <c r="BB4024" s="53">
        <v>9185.2866242038108</v>
      </c>
      <c r="BC4024" s="53">
        <v>9185.2866242038108</v>
      </c>
      <c r="BD4024" s="53">
        <v>9185.2866242038108</v>
      </c>
      <c r="BE4024" s="53">
        <v>9185.2866242038108</v>
      </c>
      <c r="BF4024" s="53">
        <v>9185.2866242038108</v>
      </c>
      <c r="BG4024" s="53">
        <v>9185.2866242038108</v>
      </c>
      <c r="BH4024" s="53">
        <v>9185.2866242038108</v>
      </c>
      <c r="BI4024" s="53">
        <v>9185.2866242038108</v>
      </c>
      <c r="BJ4024" s="53">
        <v>9185.2866242038108</v>
      </c>
      <c r="BK4024" s="53">
        <v>9185.2866242038108</v>
      </c>
      <c r="BL4024" s="53">
        <v>9185.2866242038108</v>
      </c>
      <c r="BM4024" s="53">
        <v>9185.2866242038108</v>
      </c>
      <c r="BN4024" s="53">
        <v>110223.439490445</v>
      </c>
      <c r="BO4024" s="53">
        <v>9185.2866242038108</v>
      </c>
      <c r="BP4024" s="53">
        <v>9185.2866242038108</v>
      </c>
      <c r="BQ4024" s="53">
        <v>9185.2866242038108</v>
      </c>
      <c r="BR4024" s="53">
        <v>9185.2866242038108</v>
      </c>
      <c r="BS4024" s="53">
        <v>9185.2866242038108</v>
      </c>
      <c r="BT4024" s="53">
        <v>9185.2866242038108</v>
      </c>
      <c r="BU4024" s="53">
        <v>9185.2866242038108</v>
      </c>
      <c r="BV4024" s="53">
        <v>9185.2866242038108</v>
      </c>
      <c r="BW4024" s="53">
        <v>9185.2866242038108</v>
      </c>
      <c r="BX4024" s="53">
        <v>9185.2866242038108</v>
      </c>
      <c r="BY4024" s="53">
        <v>9185.2866242038108</v>
      </c>
      <c r="BZ4024" s="53">
        <v>9185.2866242038108</v>
      </c>
      <c r="CA4024" s="53">
        <v>110223.439490445</v>
      </c>
      <c r="CB4024" s="53">
        <v>9185.2866242038108</v>
      </c>
      <c r="CC4024" s="53">
        <v>9185.2866242038108</v>
      </c>
      <c r="CD4024" s="53">
        <v>9185.2866242038108</v>
      </c>
      <c r="CE4024" s="53">
        <v>9185.2866242038108</v>
      </c>
      <c r="CF4024" s="53">
        <v>9185.2866242038108</v>
      </c>
      <c r="CG4024" s="53">
        <v>9185.2866242038108</v>
      </c>
      <c r="CH4024" s="53">
        <v>9185.2866242038108</v>
      </c>
      <c r="CI4024" s="53">
        <v>9185.2866242038108</v>
      </c>
      <c r="CJ4024" s="53">
        <v>9185.2866242038108</v>
      </c>
      <c r="CK4024" s="53">
        <v>9185.2866242038108</v>
      </c>
      <c r="CL4024" s="53">
        <v>9185.2866242038108</v>
      </c>
      <c r="CM4024" s="53">
        <v>9185.2866242038108</v>
      </c>
      <c r="CN4024" s="53">
        <v>110223.439490445</v>
      </c>
    </row>
    <row r="4025" spans="1:92" outlineLevel="1">
      <c r="A4025" s="52" t="s">
        <v>726</v>
      </c>
      <c r="B4025" s="53">
        <v>3087.3831775700901</v>
      </c>
      <c r="C4025" s="53">
        <v>3087.3867924528299</v>
      </c>
      <c r="D4025" s="53">
        <v>3087.38095238095</v>
      </c>
      <c r="E4025" s="53">
        <v>3087.3846153846098</v>
      </c>
      <c r="F4025" s="53">
        <v>3087.3786407766902</v>
      </c>
      <c r="G4025" s="53">
        <v>3087.3823529411702</v>
      </c>
      <c r="H4025" s="53">
        <v>3087.3861386138601</v>
      </c>
      <c r="I4025" s="53">
        <v>3087.38</v>
      </c>
      <c r="J4025" s="53">
        <v>3087.3838383838302</v>
      </c>
      <c r="K4025" s="53">
        <v>3087.38775510204</v>
      </c>
      <c r="L4025" s="53">
        <v>3087.3814432989602</v>
      </c>
      <c r="M4025" s="53">
        <v>3087.3854166666601</v>
      </c>
      <c r="N4025" s="53">
        <v>37048.601123571701</v>
      </c>
      <c r="O4025" s="53">
        <v>3087.3789473684201</v>
      </c>
      <c r="P4025" s="53">
        <v>3087.3789473684201</v>
      </c>
      <c r="Q4025" s="53">
        <v>3087.3789473684201</v>
      </c>
      <c r="R4025" s="53">
        <v>3087.3789473684201</v>
      </c>
      <c r="S4025" s="53">
        <v>3087.3789473684201</v>
      </c>
      <c r="T4025" s="53">
        <v>3087.3789473684201</v>
      </c>
      <c r="U4025" s="53">
        <v>3087.3789473684201</v>
      </c>
      <c r="V4025" s="53">
        <v>3087.3789473684201</v>
      </c>
      <c r="W4025" s="53">
        <v>3087.3789473684201</v>
      </c>
      <c r="X4025" s="53">
        <v>3087.3789473684201</v>
      </c>
      <c r="Y4025" s="53">
        <v>3087.3789473684201</v>
      </c>
      <c r="Z4025" s="53">
        <v>3087.3789473684201</v>
      </c>
      <c r="AA4025" s="53">
        <v>37048.547368421001</v>
      </c>
      <c r="AB4025" s="53">
        <v>3087.3789473684201</v>
      </c>
      <c r="AC4025" s="53">
        <v>3087.3789473684201</v>
      </c>
      <c r="AD4025" s="53">
        <v>3087.3789473684201</v>
      </c>
      <c r="AE4025" s="53">
        <v>3087.3789473684201</v>
      </c>
      <c r="AF4025" s="53">
        <v>3087.3789473684201</v>
      </c>
      <c r="AG4025" s="53">
        <v>3087.3789473684201</v>
      </c>
      <c r="AH4025" s="53">
        <v>3087.3789473684201</v>
      </c>
      <c r="AI4025" s="53">
        <v>3087.3789473684201</v>
      </c>
      <c r="AJ4025" s="53">
        <v>3087.3789473684201</v>
      </c>
      <c r="AK4025" s="53">
        <v>3087.3789473684201</v>
      </c>
      <c r="AL4025" s="53">
        <v>3087.3789473684201</v>
      </c>
      <c r="AM4025" s="53">
        <v>3087.3789473684201</v>
      </c>
      <c r="AN4025" s="53">
        <v>37048.547368421001</v>
      </c>
      <c r="AO4025" s="53">
        <v>3087.3789473684201</v>
      </c>
      <c r="AP4025" s="53">
        <v>3087.3789473684201</v>
      </c>
      <c r="AQ4025" s="53">
        <v>3087.3789473684201</v>
      </c>
      <c r="AR4025" s="53">
        <v>3087.3789473684201</v>
      </c>
      <c r="AS4025" s="53">
        <v>3087.3789473684201</v>
      </c>
      <c r="AT4025" s="53">
        <v>3087.3789473684201</v>
      </c>
      <c r="AU4025" s="53">
        <v>3087.3789473684201</v>
      </c>
      <c r="AV4025" s="53">
        <v>3087.3789473684201</v>
      </c>
      <c r="AW4025" s="53">
        <v>3087.3789473684201</v>
      </c>
      <c r="AX4025" s="53">
        <v>3087.3789473684201</v>
      </c>
      <c r="AY4025" s="53">
        <v>3087.3789473684201</v>
      </c>
      <c r="AZ4025" s="53">
        <v>3087.3789473684201</v>
      </c>
      <c r="BA4025" s="53">
        <v>37048.547368421001</v>
      </c>
      <c r="BB4025" s="53">
        <v>3087.3789473684201</v>
      </c>
      <c r="BC4025" s="53">
        <v>3087.3789473684201</v>
      </c>
      <c r="BD4025" s="53">
        <v>3087.3789473684201</v>
      </c>
      <c r="BE4025" s="53">
        <v>3087.3789473684201</v>
      </c>
      <c r="BF4025" s="53">
        <v>3087.3789473684201</v>
      </c>
      <c r="BG4025" s="53">
        <v>3087.3789473684201</v>
      </c>
      <c r="BH4025" s="53">
        <v>3087.3789473684201</v>
      </c>
      <c r="BI4025" s="53">
        <v>3087.3789473684201</v>
      </c>
      <c r="BJ4025" s="53">
        <v>3087.3789473684201</v>
      </c>
      <c r="BK4025" s="53">
        <v>3087.3789473684201</v>
      </c>
      <c r="BL4025" s="53">
        <v>3087.3789473684201</v>
      </c>
      <c r="BM4025" s="53">
        <v>3087.3789473684201</v>
      </c>
      <c r="BN4025" s="53">
        <v>37048.547368421001</v>
      </c>
      <c r="BO4025" s="53">
        <v>3087.3789473684201</v>
      </c>
      <c r="BP4025" s="53">
        <v>3087.3789473684201</v>
      </c>
      <c r="BQ4025" s="53">
        <v>3087.3789473684201</v>
      </c>
      <c r="BR4025" s="53">
        <v>3087.3789473684201</v>
      </c>
      <c r="BS4025" s="53">
        <v>3087.3789473684201</v>
      </c>
      <c r="BT4025" s="53">
        <v>3087.3789473684201</v>
      </c>
      <c r="BU4025" s="53">
        <v>3087.3789473684201</v>
      </c>
      <c r="BV4025" s="53">
        <v>3087.3789473684201</v>
      </c>
      <c r="BW4025" s="53">
        <v>3087.3789473684201</v>
      </c>
      <c r="BX4025" s="53">
        <v>3087.3789473684201</v>
      </c>
      <c r="BY4025" s="53">
        <v>3087.3789473684201</v>
      </c>
      <c r="BZ4025" s="53">
        <v>3087.3789473684201</v>
      </c>
      <c r="CA4025" s="53">
        <v>37048.547368421001</v>
      </c>
      <c r="CB4025" s="53">
        <v>3087.3789473684201</v>
      </c>
      <c r="CC4025" s="53">
        <v>3087.3789473684201</v>
      </c>
      <c r="CD4025" s="53">
        <v>3087.3789473684201</v>
      </c>
      <c r="CE4025" s="53">
        <v>3087.3789473684201</v>
      </c>
      <c r="CF4025" s="53">
        <v>3087.3789473684201</v>
      </c>
      <c r="CG4025" s="53">
        <v>3087.3789473684201</v>
      </c>
      <c r="CH4025" s="53">
        <v>3087.3789473684201</v>
      </c>
      <c r="CI4025" s="53">
        <v>3087.3789473684201</v>
      </c>
      <c r="CJ4025" s="53">
        <v>3087.3789473684201</v>
      </c>
      <c r="CK4025" s="53">
        <v>3087.3789473684201</v>
      </c>
      <c r="CL4025" s="53">
        <v>3087.3789473684201</v>
      </c>
      <c r="CM4025" s="53">
        <v>3087.3789473684201</v>
      </c>
      <c r="CN4025" s="53">
        <v>37048.547368421001</v>
      </c>
    </row>
    <row r="4026" spans="1:92" outlineLevel="1">
      <c r="A4026" s="52" t="s">
        <v>728</v>
      </c>
      <c r="B4026" s="53">
        <v>5700.3259911894202</v>
      </c>
      <c r="C4026" s="53">
        <v>5700.3288888888801</v>
      </c>
      <c r="D4026" s="53">
        <v>5700.3228699551501</v>
      </c>
      <c r="E4026" s="53">
        <v>5700.3257918551999</v>
      </c>
      <c r="F4026" s="53">
        <v>5700.3287671232802</v>
      </c>
      <c r="G4026" s="53">
        <v>5700.3225806451601</v>
      </c>
      <c r="H4026" s="53">
        <v>5700.3255813953401</v>
      </c>
      <c r="I4026" s="53">
        <v>5700.32863849765</v>
      </c>
      <c r="J4026" s="53">
        <v>5700.3222748815097</v>
      </c>
      <c r="K4026" s="53">
        <v>5700.32535885167</v>
      </c>
      <c r="L4026" s="53">
        <v>5700.3285024154502</v>
      </c>
      <c r="M4026" s="53">
        <v>5700.3219512195101</v>
      </c>
      <c r="N4026" s="53">
        <v>68403.907196918197</v>
      </c>
      <c r="O4026" s="53">
        <v>5700.3251231527001</v>
      </c>
      <c r="P4026" s="53">
        <v>5700.3251231527001</v>
      </c>
      <c r="Q4026" s="53">
        <v>5700.3251231527001</v>
      </c>
      <c r="R4026" s="53">
        <v>5700.3251231527001</v>
      </c>
      <c r="S4026" s="53">
        <v>5700.3251231527101</v>
      </c>
      <c r="T4026" s="53">
        <v>5700.3251231527001</v>
      </c>
      <c r="U4026" s="53">
        <v>5700.3251231527001</v>
      </c>
      <c r="V4026" s="53">
        <v>5700.3251231527001</v>
      </c>
      <c r="W4026" s="53">
        <v>5700.3251231527001</v>
      </c>
      <c r="X4026" s="53">
        <v>5700.3251231527001</v>
      </c>
      <c r="Y4026" s="53">
        <v>5700.3251231527001</v>
      </c>
      <c r="Z4026" s="53">
        <v>5700.3251231527001</v>
      </c>
      <c r="AA4026" s="53">
        <v>68403.901477832507</v>
      </c>
      <c r="AB4026" s="53">
        <v>5700.3251231527001</v>
      </c>
      <c r="AC4026" s="53">
        <v>5700.3251231527001</v>
      </c>
      <c r="AD4026" s="53">
        <v>5700.3251231527001</v>
      </c>
      <c r="AE4026" s="53">
        <v>5700.3251231527001</v>
      </c>
      <c r="AF4026" s="53">
        <v>5700.3251231527001</v>
      </c>
      <c r="AG4026" s="53">
        <v>5700.3251231527001</v>
      </c>
      <c r="AH4026" s="53">
        <v>5700.3251231527101</v>
      </c>
      <c r="AI4026" s="53">
        <v>5700.3251231527001</v>
      </c>
      <c r="AJ4026" s="53">
        <v>5700.3251231527001</v>
      </c>
      <c r="AK4026" s="53">
        <v>5700.3251231527001</v>
      </c>
      <c r="AL4026" s="53">
        <v>5700.3251231527101</v>
      </c>
      <c r="AM4026" s="53">
        <v>5700.3251231527101</v>
      </c>
      <c r="AN4026" s="53">
        <v>68403.901477832507</v>
      </c>
      <c r="AO4026" s="53">
        <v>5700.3251231527001</v>
      </c>
      <c r="AP4026" s="53">
        <v>5700.3251231527001</v>
      </c>
      <c r="AQ4026" s="53">
        <v>5700.3251231527001</v>
      </c>
      <c r="AR4026" s="53">
        <v>5700.3251231527001</v>
      </c>
      <c r="AS4026" s="53">
        <v>5700.3251231527001</v>
      </c>
      <c r="AT4026" s="53">
        <v>5700.3251231527001</v>
      </c>
      <c r="AU4026" s="53">
        <v>5700.3251231527001</v>
      </c>
      <c r="AV4026" s="53">
        <v>5700.3251231527001</v>
      </c>
      <c r="AW4026" s="53">
        <v>5700.3251231527101</v>
      </c>
      <c r="AX4026" s="53">
        <v>5700.3251231527001</v>
      </c>
      <c r="AY4026" s="53">
        <v>5700.3251231527101</v>
      </c>
      <c r="AZ4026" s="53">
        <v>5700.3251231527001</v>
      </c>
      <c r="BA4026" s="53">
        <v>68403.901477832507</v>
      </c>
      <c r="BB4026" s="53">
        <v>5700.3251231527001</v>
      </c>
      <c r="BC4026" s="53">
        <v>5700.3251231527001</v>
      </c>
      <c r="BD4026" s="53">
        <v>5700.3251231527001</v>
      </c>
      <c r="BE4026" s="53">
        <v>5700.3251231527101</v>
      </c>
      <c r="BF4026" s="53">
        <v>5700.3251231527101</v>
      </c>
      <c r="BG4026" s="53">
        <v>5700.3251231527101</v>
      </c>
      <c r="BH4026" s="53">
        <v>5700.3251231527001</v>
      </c>
      <c r="BI4026" s="53">
        <v>5700.3251231527101</v>
      </c>
      <c r="BJ4026" s="53">
        <v>5700.3251231527101</v>
      </c>
      <c r="BK4026" s="53">
        <v>5700.3251231527101</v>
      </c>
      <c r="BL4026" s="53">
        <v>5700.3251231527101</v>
      </c>
      <c r="BM4026" s="53">
        <v>5700.3251231527101</v>
      </c>
      <c r="BN4026" s="53">
        <v>68403.901477832507</v>
      </c>
      <c r="BO4026" s="53">
        <v>5700.3251231527001</v>
      </c>
      <c r="BP4026" s="53">
        <v>5700.3251231527101</v>
      </c>
      <c r="BQ4026" s="53">
        <v>5700.3251231527001</v>
      </c>
      <c r="BR4026" s="53">
        <v>5700.3251231527101</v>
      </c>
      <c r="BS4026" s="53">
        <v>5700.3251231527101</v>
      </c>
      <c r="BT4026" s="53">
        <v>5700.3251231527101</v>
      </c>
      <c r="BU4026" s="53">
        <v>5700.3251231527101</v>
      </c>
      <c r="BV4026" s="53">
        <v>5700.3251231527101</v>
      </c>
      <c r="BW4026" s="53">
        <v>5700.3251231527101</v>
      </c>
      <c r="BX4026" s="53">
        <v>5700.3251231527101</v>
      </c>
      <c r="BY4026" s="53">
        <v>5700.3251231527101</v>
      </c>
      <c r="BZ4026" s="53">
        <v>5700.3251231527101</v>
      </c>
      <c r="CA4026" s="53">
        <v>68403.901477832507</v>
      </c>
      <c r="CB4026" s="53">
        <v>5700.3251231527101</v>
      </c>
      <c r="CC4026" s="53">
        <v>5700.3251231527101</v>
      </c>
      <c r="CD4026" s="53">
        <v>5700.3251231527101</v>
      </c>
      <c r="CE4026" s="53">
        <v>5700.3251231527101</v>
      </c>
      <c r="CF4026" s="53">
        <v>5700.3251231527101</v>
      </c>
      <c r="CG4026" s="53">
        <v>5700.3251231527101</v>
      </c>
      <c r="CH4026" s="53">
        <v>5700.3251231527101</v>
      </c>
      <c r="CI4026" s="53">
        <v>5700.3251231527101</v>
      </c>
      <c r="CJ4026" s="53">
        <v>5700.3251231527101</v>
      </c>
      <c r="CK4026" s="53">
        <v>5700.3251231527101</v>
      </c>
      <c r="CL4026" s="53">
        <v>5700.3251231527101</v>
      </c>
      <c r="CM4026" s="53">
        <v>5700.3251231527101</v>
      </c>
      <c r="CN4026" s="53">
        <v>68403.901477832507</v>
      </c>
    </row>
    <row r="4027" spans="1:92" outlineLevel="1">
      <c r="A4027" s="52" t="s">
        <v>729</v>
      </c>
      <c r="B4027" s="53"/>
      <c r="C4027" s="53"/>
      <c r="D4027" s="53"/>
      <c r="E4027" s="53"/>
      <c r="F4027" s="53"/>
      <c r="G4027" s="53"/>
      <c r="H4027" s="53"/>
      <c r="I4027" s="53"/>
      <c r="J4027" s="53"/>
      <c r="K4027" s="53"/>
      <c r="L4027" s="53"/>
      <c r="M4027" s="53">
        <v>7619.7296212019801</v>
      </c>
      <c r="N4027" s="53">
        <v>7619.7296212019801</v>
      </c>
      <c r="O4027" s="53">
        <v>8149.6234309623396</v>
      </c>
      <c r="P4027" s="53">
        <v>8149.6234309623396</v>
      </c>
      <c r="Q4027" s="53">
        <v>8149.6234309623396</v>
      </c>
      <c r="R4027" s="53">
        <v>8149.6234309623396</v>
      </c>
      <c r="S4027" s="53">
        <v>8149.6234309623396</v>
      </c>
      <c r="T4027" s="53">
        <v>8149.6234309623396</v>
      </c>
      <c r="U4027" s="53">
        <v>8149.6234309623396</v>
      </c>
      <c r="V4027" s="53">
        <v>8149.6234309623396</v>
      </c>
      <c r="W4027" s="53">
        <v>8149.6234309623396</v>
      </c>
      <c r="X4027" s="53">
        <v>8149.6234309623396</v>
      </c>
      <c r="Y4027" s="53">
        <v>8149.6234309623396</v>
      </c>
      <c r="Z4027" s="53">
        <v>8149.6234309623396</v>
      </c>
      <c r="AA4027" s="53">
        <v>97795.481171548003</v>
      </c>
      <c r="AB4027" s="53">
        <v>8149.6234309623396</v>
      </c>
      <c r="AC4027" s="53">
        <v>8149.6234309623396</v>
      </c>
      <c r="AD4027" s="53">
        <v>8149.6234309623396</v>
      </c>
      <c r="AE4027" s="53">
        <v>8149.6234309623296</v>
      </c>
      <c r="AF4027" s="53">
        <v>8149.6234309623296</v>
      </c>
      <c r="AG4027" s="53">
        <v>8149.6234309623296</v>
      </c>
      <c r="AH4027" s="53">
        <v>8149.6234309623296</v>
      </c>
      <c r="AI4027" s="53">
        <v>8149.6234309623296</v>
      </c>
      <c r="AJ4027" s="53">
        <v>8149.6234309623296</v>
      </c>
      <c r="AK4027" s="53">
        <v>8149.6234309623296</v>
      </c>
      <c r="AL4027" s="53">
        <v>8149.6234309623296</v>
      </c>
      <c r="AM4027" s="53">
        <v>8149.6234309623296</v>
      </c>
      <c r="AN4027" s="53">
        <v>97795.481171548003</v>
      </c>
      <c r="AO4027" s="53">
        <v>8149.6234309623296</v>
      </c>
      <c r="AP4027" s="53">
        <v>8149.6234309623296</v>
      </c>
      <c r="AQ4027" s="53">
        <v>8149.6234309623296</v>
      </c>
      <c r="AR4027" s="53">
        <v>8149.6234309623296</v>
      </c>
      <c r="AS4027" s="53">
        <v>8149.6234309623296</v>
      </c>
      <c r="AT4027" s="53">
        <v>8149.6234309623296</v>
      </c>
      <c r="AU4027" s="53">
        <v>8149.6234309623296</v>
      </c>
      <c r="AV4027" s="53">
        <v>8149.6234309623296</v>
      </c>
      <c r="AW4027" s="53">
        <v>8149.6234309623296</v>
      </c>
      <c r="AX4027" s="53">
        <v>8149.6234309623196</v>
      </c>
      <c r="AY4027" s="53">
        <v>8149.6234309623196</v>
      </c>
      <c r="AZ4027" s="53">
        <v>8149.6234309623196</v>
      </c>
      <c r="BA4027" s="53">
        <v>97795.481171547901</v>
      </c>
      <c r="BB4027" s="53">
        <v>8149.6234309623196</v>
      </c>
      <c r="BC4027" s="53">
        <v>8149.6234309623196</v>
      </c>
      <c r="BD4027" s="53">
        <v>8149.6234309623196</v>
      </c>
      <c r="BE4027" s="53">
        <v>8149.6234309623196</v>
      </c>
      <c r="BF4027" s="53">
        <v>8149.6234309623196</v>
      </c>
      <c r="BG4027" s="53">
        <v>8149.6234309623196</v>
      </c>
      <c r="BH4027" s="53">
        <v>8149.6234309623196</v>
      </c>
      <c r="BI4027" s="53">
        <v>8149.6234309623196</v>
      </c>
      <c r="BJ4027" s="53">
        <v>8149.6234309623196</v>
      </c>
      <c r="BK4027" s="53">
        <v>8149.6234309623196</v>
      </c>
      <c r="BL4027" s="53">
        <v>8149.6234309623196</v>
      </c>
      <c r="BM4027" s="53">
        <v>8149.6234309623196</v>
      </c>
      <c r="BN4027" s="53">
        <v>97795.481171547799</v>
      </c>
      <c r="BO4027" s="53">
        <v>8149.6234309623196</v>
      </c>
      <c r="BP4027" s="53">
        <v>8149.6234309623196</v>
      </c>
      <c r="BQ4027" s="53">
        <v>8149.6234309623196</v>
      </c>
      <c r="BR4027" s="53">
        <v>8149.6234309623196</v>
      </c>
      <c r="BS4027" s="53">
        <v>8149.6234309623196</v>
      </c>
      <c r="BT4027" s="53">
        <v>8149.6234309623196</v>
      </c>
      <c r="BU4027" s="53">
        <v>8149.6234309623196</v>
      </c>
      <c r="BV4027" s="53">
        <v>8149.6234309623196</v>
      </c>
      <c r="BW4027" s="53">
        <v>8149.6234309623196</v>
      </c>
      <c r="BX4027" s="53">
        <v>8149.6234309623196</v>
      </c>
      <c r="BY4027" s="53">
        <v>8149.6234309623196</v>
      </c>
      <c r="BZ4027" s="53">
        <v>8149.6234309623196</v>
      </c>
      <c r="CA4027" s="53">
        <v>97795.481171547799</v>
      </c>
      <c r="CB4027" s="53">
        <v>8149.6234309623196</v>
      </c>
      <c r="CC4027" s="53">
        <v>8149.6234309623196</v>
      </c>
      <c r="CD4027" s="53">
        <v>8149.6234309623196</v>
      </c>
      <c r="CE4027" s="53">
        <v>8149.6234309623196</v>
      </c>
      <c r="CF4027" s="53">
        <v>8149.6234309623196</v>
      </c>
      <c r="CG4027" s="53">
        <v>8149.6234309623196</v>
      </c>
      <c r="CH4027" s="53">
        <v>8149.6234309623196</v>
      </c>
      <c r="CI4027" s="53">
        <v>8149.6234309623196</v>
      </c>
      <c r="CJ4027" s="53">
        <v>8149.6234309623196</v>
      </c>
      <c r="CK4027" s="53">
        <v>8149.6234309623196</v>
      </c>
      <c r="CL4027" s="53">
        <v>8149.6234309623196</v>
      </c>
      <c r="CM4027" s="53">
        <v>8149.6234309623196</v>
      </c>
      <c r="CN4027" s="53">
        <v>97795.481171547799</v>
      </c>
    </row>
    <row r="4028" spans="1:92" outlineLevel="1">
      <c r="A4028" s="52" t="s">
        <v>730</v>
      </c>
      <c r="B4028" s="53"/>
      <c r="C4028" s="53"/>
      <c r="D4028" s="53"/>
      <c r="E4028" s="53"/>
      <c r="F4028" s="53"/>
      <c r="G4028" s="53"/>
      <c r="H4028" s="53"/>
      <c r="I4028" s="53"/>
      <c r="J4028" s="53"/>
      <c r="K4028" s="53"/>
      <c r="L4028" s="53"/>
      <c r="M4028" s="53">
        <v>7395.6422531430298</v>
      </c>
      <c r="N4028" s="53">
        <v>7395.6422531430298</v>
      </c>
      <c r="O4028" s="53">
        <v>7907.1043115438097</v>
      </c>
      <c r="P4028" s="53">
        <v>7907.1043115438097</v>
      </c>
      <c r="Q4028" s="53">
        <v>7907.1043115438097</v>
      </c>
      <c r="R4028" s="53">
        <v>7907.1043115438097</v>
      </c>
      <c r="S4028" s="53">
        <v>7907.1043115438097</v>
      </c>
      <c r="T4028" s="53">
        <v>7907.1043115438097</v>
      </c>
      <c r="U4028" s="53">
        <v>7907.1043115438097</v>
      </c>
      <c r="V4028" s="53">
        <v>7907.1043115438097</v>
      </c>
      <c r="W4028" s="53">
        <v>7907.1043115438097</v>
      </c>
      <c r="X4028" s="53">
        <v>7907.1043115438097</v>
      </c>
      <c r="Y4028" s="53">
        <v>7907.1043115438097</v>
      </c>
      <c r="Z4028" s="53">
        <v>7907.1043115438097</v>
      </c>
      <c r="AA4028" s="53">
        <v>94885.251738525694</v>
      </c>
      <c r="AB4028" s="53">
        <v>7907.1043115438097</v>
      </c>
      <c r="AC4028" s="53">
        <v>7907.1043115438097</v>
      </c>
      <c r="AD4028" s="53">
        <v>7907.1043115438097</v>
      </c>
      <c r="AE4028" s="53">
        <v>7907.1043115438097</v>
      </c>
      <c r="AF4028" s="53">
        <v>7907.1043115438097</v>
      </c>
      <c r="AG4028" s="53">
        <v>7907.1043115438097</v>
      </c>
      <c r="AH4028" s="53">
        <v>7907.1043115438097</v>
      </c>
      <c r="AI4028" s="53">
        <v>7907.1043115438097</v>
      </c>
      <c r="AJ4028" s="53">
        <v>7907.1043115438097</v>
      </c>
      <c r="AK4028" s="53">
        <v>7907.1043115438197</v>
      </c>
      <c r="AL4028" s="53">
        <v>7907.1043115438197</v>
      </c>
      <c r="AM4028" s="53">
        <v>7907.1043115438197</v>
      </c>
      <c r="AN4028" s="53">
        <v>94885.251738525796</v>
      </c>
      <c r="AO4028" s="53">
        <v>7907.1043115438197</v>
      </c>
      <c r="AP4028" s="53">
        <v>7907.1043115438197</v>
      </c>
      <c r="AQ4028" s="53">
        <v>7907.1043115438197</v>
      </c>
      <c r="AR4028" s="53">
        <v>7907.1043115438197</v>
      </c>
      <c r="AS4028" s="53">
        <v>7907.1043115438197</v>
      </c>
      <c r="AT4028" s="53">
        <v>7907.1043115438197</v>
      </c>
      <c r="AU4028" s="53">
        <v>7907.1043115438197</v>
      </c>
      <c r="AV4028" s="53">
        <v>7907.1043115438197</v>
      </c>
      <c r="AW4028" s="53">
        <v>7907.1043115438197</v>
      </c>
      <c r="AX4028" s="53">
        <v>7907.1043115438197</v>
      </c>
      <c r="AY4028" s="53">
        <v>7907.1043115438197</v>
      </c>
      <c r="AZ4028" s="53">
        <v>7907.1043115438197</v>
      </c>
      <c r="BA4028" s="53">
        <v>94885.251738525898</v>
      </c>
      <c r="BB4028" s="53">
        <v>7907.1043115438197</v>
      </c>
      <c r="BC4028" s="53">
        <v>7907.1043115438197</v>
      </c>
      <c r="BD4028" s="53">
        <v>7907.1043115438197</v>
      </c>
      <c r="BE4028" s="53">
        <v>7907.1043115438197</v>
      </c>
      <c r="BF4028" s="53">
        <v>7907.1043115438297</v>
      </c>
      <c r="BG4028" s="53">
        <v>7907.1043115438297</v>
      </c>
      <c r="BH4028" s="53">
        <v>7907.1043115438297</v>
      </c>
      <c r="BI4028" s="53">
        <v>7907.1043115438297</v>
      </c>
      <c r="BJ4028" s="53">
        <v>7907.1043115438297</v>
      </c>
      <c r="BK4028" s="53">
        <v>7907.1043115438297</v>
      </c>
      <c r="BL4028" s="53">
        <v>7907.1043115438297</v>
      </c>
      <c r="BM4028" s="53">
        <v>7907.1043115438297</v>
      </c>
      <c r="BN4028" s="53">
        <v>94885.251738525898</v>
      </c>
      <c r="BO4028" s="53">
        <v>7907.1043115438297</v>
      </c>
      <c r="BP4028" s="53">
        <v>7907.1043115438297</v>
      </c>
      <c r="BQ4028" s="53">
        <v>7907.1043115438297</v>
      </c>
      <c r="BR4028" s="53">
        <v>7907.1043115438297</v>
      </c>
      <c r="BS4028" s="53">
        <v>7907.1043115438297</v>
      </c>
      <c r="BT4028" s="53">
        <v>7907.1043115438297</v>
      </c>
      <c r="BU4028" s="53">
        <v>7907.1043115438297</v>
      </c>
      <c r="BV4028" s="53">
        <v>7907.1043115438297</v>
      </c>
      <c r="BW4028" s="53">
        <v>7907.1043115438297</v>
      </c>
      <c r="BX4028" s="53">
        <v>7907.1043115438297</v>
      </c>
      <c r="BY4028" s="53">
        <v>7907.1043115438297</v>
      </c>
      <c r="BZ4028" s="53">
        <v>7907.1043115438397</v>
      </c>
      <c r="CA4028" s="53">
        <v>94885.251738526</v>
      </c>
      <c r="CB4028" s="53">
        <v>7907.1043115438397</v>
      </c>
      <c r="CC4028" s="53">
        <v>7907.1043115438397</v>
      </c>
      <c r="CD4028" s="53">
        <v>7907.1043115438397</v>
      </c>
      <c r="CE4028" s="53">
        <v>7907.1043115438397</v>
      </c>
      <c r="CF4028" s="53">
        <v>7907.1043115438397</v>
      </c>
      <c r="CG4028" s="53">
        <v>7907.1043115438397</v>
      </c>
      <c r="CH4028" s="53">
        <v>7907.1043115438397</v>
      </c>
      <c r="CI4028" s="53">
        <v>7907.1043115438397</v>
      </c>
      <c r="CJ4028" s="53">
        <v>7907.1043115438397</v>
      </c>
      <c r="CK4028" s="53">
        <v>7907.1043115438397</v>
      </c>
      <c r="CL4028" s="53">
        <v>7907.1043115438397</v>
      </c>
      <c r="CM4028" s="53">
        <v>7907.1043115438397</v>
      </c>
      <c r="CN4028" s="53">
        <v>94885.251738526102</v>
      </c>
    </row>
    <row r="4029" spans="1:92" outlineLevel="1">
      <c r="A4029" s="52" t="s">
        <v>1376</v>
      </c>
      <c r="B4029" s="53"/>
      <c r="C4029" s="53"/>
      <c r="D4029" s="53"/>
      <c r="E4029" s="53"/>
      <c r="F4029" s="53"/>
      <c r="G4029" s="53"/>
      <c r="H4029" s="53"/>
      <c r="I4029" s="53"/>
      <c r="J4029" s="53"/>
      <c r="K4029" s="53"/>
      <c r="L4029" s="53"/>
      <c r="M4029" s="53"/>
      <c r="N4029" s="53"/>
      <c r="O4029" s="53"/>
      <c r="P4029" s="53"/>
      <c r="Q4029" s="53"/>
      <c r="R4029" s="53"/>
      <c r="S4029" s="53"/>
      <c r="T4029" s="53"/>
      <c r="U4029" s="53"/>
      <c r="V4029" s="53"/>
      <c r="W4029" s="53"/>
      <c r="X4029" s="53"/>
      <c r="Y4029" s="53"/>
      <c r="Z4029" s="53"/>
      <c r="AA4029" s="53"/>
      <c r="AB4029" s="53"/>
      <c r="AC4029" s="53"/>
      <c r="AD4029" s="53"/>
      <c r="AE4029" s="53"/>
      <c r="AF4029" s="53"/>
      <c r="AG4029" s="53"/>
      <c r="AH4029" s="53"/>
      <c r="AI4029" s="53"/>
      <c r="AJ4029" s="53"/>
      <c r="AK4029" s="53"/>
      <c r="AL4029" s="53"/>
      <c r="AM4029" s="53"/>
      <c r="AN4029" s="53"/>
      <c r="AO4029" s="53"/>
      <c r="AP4029" s="53"/>
      <c r="AQ4029" s="53"/>
      <c r="AR4029" s="53"/>
      <c r="AS4029" s="53"/>
      <c r="AT4029" s="53"/>
      <c r="AU4029" s="53"/>
      <c r="AV4029" s="53"/>
      <c r="AW4029" s="53"/>
      <c r="AX4029" s="53"/>
      <c r="AY4029" s="53"/>
      <c r="AZ4029" s="53"/>
      <c r="BA4029" s="53"/>
      <c r="BB4029" s="53"/>
      <c r="BC4029" s="53"/>
      <c r="BD4029" s="53"/>
      <c r="BE4029" s="53"/>
      <c r="BF4029" s="53"/>
      <c r="BG4029" s="53"/>
      <c r="BH4029" s="53"/>
      <c r="BI4029" s="53"/>
      <c r="BJ4029" s="53"/>
      <c r="BK4029" s="53"/>
      <c r="BL4029" s="53"/>
      <c r="BM4029" s="53"/>
      <c r="BN4029" s="53"/>
      <c r="BO4029" s="53"/>
      <c r="BP4029" s="53"/>
      <c r="BQ4029" s="53"/>
      <c r="BR4029" s="53"/>
      <c r="BS4029" s="53"/>
      <c r="BT4029" s="53"/>
      <c r="BU4029" s="53"/>
      <c r="BV4029" s="53"/>
      <c r="BW4029" s="53"/>
      <c r="BX4029" s="53"/>
      <c r="BY4029" s="53"/>
      <c r="BZ4029" s="53"/>
      <c r="CA4029" s="53"/>
      <c r="CB4029" s="53"/>
      <c r="CC4029" s="53"/>
      <c r="CD4029" s="53"/>
      <c r="CE4029" s="53"/>
      <c r="CF4029" s="53"/>
      <c r="CG4029" s="53"/>
      <c r="CH4029" s="53"/>
      <c r="CI4029" s="53"/>
      <c r="CJ4029" s="53"/>
      <c r="CK4029" s="53"/>
      <c r="CL4029" s="53"/>
      <c r="CM4029" s="53"/>
      <c r="CN4029" s="53"/>
    </row>
    <row r="4030" spans="1:92" outlineLevel="1">
      <c r="A4030" s="52" t="s">
        <v>1587</v>
      </c>
      <c r="B4030" s="53"/>
      <c r="C4030" s="53"/>
      <c r="D4030" s="53"/>
      <c r="E4030" s="53"/>
      <c r="F4030" s="53"/>
      <c r="G4030" s="53"/>
      <c r="H4030" s="53"/>
      <c r="I4030" s="53"/>
      <c r="J4030" s="53"/>
      <c r="K4030" s="53"/>
      <c r="L4030" s="53"/>
      <c r="M4030" s="53"/>
      <c r="N4030" s="53"/>
      <c r="O4030" s="53"/>
      <c r="P4030" s="53"/>
      <c r="Q4030" s="53"/>
      <c r="R4030" s="53"/>
      <c r="S4030" s="53"/>
      <c r="T4030" s="53"/>
      <c r="U4030" s="53"/>
      <c r="V4030" s="53"/>
      <c r="W4030" s="53"/>
      <c r="X4030" s="53"/>
      <c r="Y4030" s="53"/>
      <c r="Z4030" s="53"/>
      <c r="AA4030" s="53"/>
      <c r="AB4030" s="53"/>
      <c r="AC4030" s="53"/>
      <c r="AD4030" s="53"/>
      <c r="AE4030" s="53"/>
      <c r="AF4030" s="53"/>
      <c r="AG4030" s="53"/>
      <c r="AH4030" s="53"/>
      <c r="AI4030" s="53"/>
      <c r="AJ4030" s="53"/>
      <c r="AK4030" s="53"/>
      <c r="AL4030" s="53"/>
      <c r="AM4030" s="53"/>
      <c r="AN4030" s="53"/>
      <c r="AO4030" s="53"/>
      <c r="AP4030" s="53"/>
      <c r="AQ4030" s="53"/>
      <c r="AR4030" s="53"/>
      <c r="AS4030" s="53"/>
      <c r="AT4030" s="53"/>
      <c r="AU4030" s="53"/>
      <c r="AV4030" s="53"/>
      <c r="AW4030" s="53"/>
      <c r="AX4030" s="53"/>
      <c r="AY4030" s="53"/>
      <c r="AZ4030" s="53"/>
      <c r="BA4030" s="53"/>
      <c r="BB4030" s="53"/>
      <c r="BC4030" s="53"/>
      <c r="BD4030" s="53"/>
      <c r="BE4030" s="53"/>
      <c r="BF4030" s="53"/>
      <c r="BG4030" s="53"/>
      <c r="BH4030" s="53"/>
      <c r="BI4030" s="53"/>
      <c r="BJ4030" s="53"/>
      <c r="BK4030" s="53"/>
      <c r="BL4030" s="53"/>
      <c r="BM4030" s="53"/>
      <c r="BN4030" s="53"/>
      <c r="BO4030" s="53"/>
      <c r="BP4030" s="53"/>
      <c r="BQ4030" s="53"/>
      <c r="BR4030" s="53"/>
      <c r="BS4030" s="53"/>
      <c r="BT4030" s="53"/>
      <c r="BU4030" s="53"/>
      <c r="BV4030" s="53"/>
      <c r="BW4030" s="53"/>
      <c r="BX4030" s="53"/>
      <c r="BY4030" s="53"/>
      <c r="BZ4030" s="53"/>
      <c r="CA4030" s="53"/>
      <c r="CB4030" s="53"/>
      <c r="CC4030" s="53"/>
      <c r="CD4030" s="53"/>
      <c r="CE4030" s="53"/>
      <c r="CF4030" s="53"/>
      <c r="CG4030" s="53"/>
      <c r="CH4030" s="53"/>
      <c r="CI4030" s="53"/>
      <c r="CJ4030" s="53"/>
      <c r="CK4030" s="53"/>
      <c r="CL4030" s="53"/>
      <c r="CM4030" s="53"/>
      <c r="CN4030" s="53"/>
    </row>
    <row r="4031" spans="1:92" outlineLevel="1">
      <c r="A4031" s="52" t="s">
        <v>1378</v>
      </c>
      <c r="B4031" s="53">
        <v>989891.75220184994</v>
      </c>
      <c r="C4031" s="53">
        <v>997074.24023416603</v>
      </c>
      <c r="D4031" s="53">
        <v>443157.04299916601</v>
      </c>
      <c r="E4031" s="53">
        <v>404495.52358749998</v>
      </c>
      <c r="F4031" s="53">
        <v>951831.47189166595</v>
      </c>
      <c r="G4031" s="53">
        <v>2926956.79898916</v>
      </c>
      <c r="H4031" s="53">
        <v>2948194.3111549998</v>
      </c>
      <c r="I4031" s="53">
        <v>2969585.92270916</v>
      </c>
      <c r="J4031" s="53">
        <v>925200.74379416602</v>
      </c>
      <c r="K4031" s="53">
        <v>485225.84079416603</v>
      </c>
      <c r="L4031" s="53">
        <v>488746.55977916601</v>
      </c>
      <c r="M4031" s="53">
        <v>1095321.6265533301</v>
      </c>
      <c r="N4031" s="53">
        <v>15625681.8346885</v>
      </c>
      <c r="O4031" s="53">
        <v>1092858.8531758301</v>
      </c>
      <c r="P4031" s="53">
        <v>1100788.4548713299</v>
      </c>
      <c r="Q4031" s="53">
        <v>547623.79243513895</v>
      </c>
      <c r="R4031" s="53">
        <v>509720.25940241601</v>
      </c>
      <c r="S4031" s="53">
        <v>1057819.7046512601</v>
      </c>
      <c r="T4031" s="53">
        <v>3033714.0681249201</v>
      </c>
      <c r="U4031" s="53">
        <v>3055726.1917842301</v>
      </c>
      <c r="V4031" s="53">
        <v>3077898.0317441202</v>
      </c>
      <c r="W4031" s="53">
        <v>1034298.74687944</v>
      </c>
      <c r="X4031" s="53">
        <v>595115.44620368199</v>
      </c>
      <c r="Y4031" s="53">
        <v>599433.504695429</v>
      </c>
      <c r="Z4031" s="53">
        <v>1206811.69429991</v>
      </c>
      <c r="AA4031" s="53">
        <v>16911808.748267699</v>
      </c>
      <c r="AB4031" s="53">
        <v>1204871.59881847</v>
      </c>
      <c r="AC4031" s="53">
        <v>1213613.9463275601</v>
      </c>
      <c r="AD4031" s="53">
        <v>661267.92685312801</v>
      </c>
      <c r="AE4031" s="53">
        <v>624188.976719053</v>
      </c>
      <c r="AF4031" s="53">
        <v>1173118.9879026299</v>
      </c>
      <c r="AG4031" s="53">
        <v>3149849.94375902</v>
      </c>
      <c r="AH4031" s="53">
        <v>3172704.7299759402</v>
      </c>
      <c r="AI4031" s="53">
        <v>3195725.3467125199</v>
      </c>
      <c r="AJ4031" s="53">
        <v>1152980.9972073799</v>
      </c>
      <c r="AK4031" s="53">
        <v>714658.83515962097</v>
      </c>
      <c r="AL4031" s="53">
        <v>719844.28055773396</v>
      </c>
      <c r="AM4031" s="53">
        <v>1328096.15068341</v>
      </c>
      <c r="AN4031" s="53">
        <v>18310921.7206765</v>
      </c>
      <c r="AO4031" s="53">
        <v>1326741.9250034101</v>
      </c>
      <c r="AP4031" s="53">
        <v>1336368.5432875799</v>
      </c>
      <c r="AQ4031" s="53">
        <v>784913.21070958895</v>
      </c>
      <c r="AR4031" s="53">
        <v>748731.41014762898</v>
      </c>
      <c r="AS4031" s="53">
        <v>-3.8700397606031598</v>
      </c>
      <c r="AT4031" s="53">
        <v>-3.8981201240994601</v>
      </c>
      <c r="AU4031" s="53">
        <v>-3.9264042340332401</v>
      </c>
      <c r="AV4031" s="53">
        <v>-3.95489356875468</v>
      </c>
      <c r="AW4031" s="53">
        <v>-3.98358961734063</v>
      </c>
      <c r="AX4031" s="53">
        <v>-4.0124938796724496</v>
      </c>
      <c r="AY4031" s="53">
        <v>-4.0416078665143704</v>
      </c>
      <c r="AZ4031" s="53">
        <v>-4.0709330995924899</v>
      </c>
      <c r="BA4031" s="53">
        <v>4196723.3310660599</v>
      </c>
      <c r="BB4031" s="53">
        <v>-4.1004711116742802</v>
      </c>
      <c r="BC4031" s="53">
        <v>-4.1302234466487304</v>
      </c>
      <c r="BD4031" s="53">
        <v>-4.1601916596070403</v>
      </c>
      <c r="BE4031" s="53">
        <v>-4.1903773169238701</v>
      </c>
      <c r="BF4031" s="53">
        <v>-4.2207819963392499</v>
      </c>
      <c r="BG4031" s="53">
        <v>-4.2514072870410198</v>
      </c>
      <c r="BH4031" s="53">
        <v>-4.2822547897479</v>
      </c>
      <c r="BI4031" s="53">
        <v>-4.3133261167931796</v>
      </c>
      <c r="BJ4031" s="53">
        <v>-4.3446228922089398</v>
      </c>
      <c r="BK4031" s="53">
        <v>-4.3761467518109898</v>
      </c>
      <c r="BL4031" s="53">
        <v>-4.4078993432843303</v>
      </c>
      <c r="BM4031" s="53">
        <v>-4.4398823262693101</v>
      </c>
      <c r="BN4031" s="53">
        <v>-51.217585038348901</v>
      </c>
      <c r="BO4031" s="53">
        <v>-4.4720973724483297</v>
      </c>
      <c r="BP4031" s="53">
        <v>-4.5045461656332497</v>
      </c>
      <c r="BQ4031" s="53">
        <v>-4.5372304018533898</v>
      </c>
      <c r="BR4031" s="53">
        <v>-4.5701517894441599</v>
      </c>
      <c r="BS4031" s="53">
        <v>-4.6033120491363997</v>
      </c>
      <c r="BT4031" s="53">
        <v>-4.6367129141462602</v>
      </c>
      <c r="BU4031" s="53">
        <v>-4.6703561302658096</v>
      </c>
      <c r="BV4031" s="53">
        <v>-4.7042434559543196</v>
      </c>
      <c r="BW4031" s="53">
        <v>-4.7383766624301398</v>
      </c>
      <c r="BX4031" s="53">
        <v>-4.7727575337632802</v>
      </c>
      <c r="BY4031" s="53">
        <v>-4.8073878669686696</v>
      </c>
      <c r="BZ4031" s="53">
        <v>-4.8422694721000799</v>
      </c>
      <c r="CA4031" s="53">
        <v>-55.859441814144098</v>
      </c>
      <c r="CB4031" s="53">
        <v>-4.8774041723446997</v>
      </c>
      <c r="CC4031" s="53">
        <v>-4.9127938041185102</v>
      </c>
      <c r="CD4031" s="53">
        <v>-4.9484402171622097</v>
      </c>
      <c r="CE4031" s="53">
        <v>-4.9843452746378496</v>
      </c>
      <c r="CF4031" s="53"/>
      <c r="CG4031" s="53"/>
      <c r="CH4031" s="53"/>
      <c r="CI4031" s="53"/>
      <c r="CJ4031" s="53"/>
      <c r="CK4031" s="53"/>
      <c r="CL4031" s="53"/>
      <c r="CM4031" s="53"/>
      <c r="CN4031" s="53">
        <v>-19.722983468263202</v>
      </c>
    </row>
    <row r="4032" spans="1:92" outlineLevel="1">
      <c r="A4032" s="52" t="s">
        <v>1379</v>
      </c>
      <c r="B4032" s="53">
        <v>268770.68299323902</v>
      </c>
      <c r="C4032" s="53">
        <v>270407.941000366</v>
      </c>
      <c r="D4032" s="53">
        <v>272055.17539675499</v>
      </c>
      <c r="E4032" s="53">
        <v>273712.446788273</v>
      </c>
      <c r="F4032" s="53">
        <v>275379.81682521797</v>
      </c>
      <c r="G4032" s="53">
        <v>277057.33676980803</v>
      </c>
      <c r="H4032" s="53">
        <v>278745.08165422297</v>
      </c>
      <c r="I4032" s="53">
        <v>280443.104749449</v>
      </c>
      <c r="J4032" s="53">
        <v>282151.45980231097</v>
      </c>
      <c r="K4032" s="53">
        <v>283870.23812566901</v>
      </c>
      <c r="L4032" s="53">
        <v>285599.48398984101</v>
      </c>
      <c r="M4032" s="53">
        <v>287339.25422940898</v>
      </c>
      <c r="N4032" s="53">
        <v>3335532.0223245602</v>
      </c>
      <c r="O4032" s="53">
        <v>289089.632509007</v>
      </c>
      <c r="P4032" s="53">
        <v>290850.67018704099</v>
      </c>
      <c r="Q4032" s="53">
        <v>292622.43551959703</v>
      </c>
      <c r="R4032" s="53">
        <v>294404.99385597103</v>
      </c>
      <c r="S4032" s="53">
        <v>296198.41094354301</v>
      </c>
      <c r="T4032" s="53">
        <v>298002.75293020799</v>
      </c>
      <c r="U4032" s="53">
        <v>299818.08636680798</v>
      </c>
      <c r="V4032" s="53">
        <v>301644.47820959199</v>
      </c>
      <c r="W4032" s="53">
        <v>303481.99582268501</v>
      </c>
      <c r="X4032" s="53">
        <v>305330.70698057202</v>
      </c>
      <c r="Y4032" s="53">
        <v>307190.67987059499</v>
      </c>
      <c r="Z4032" s="53">
        <v>309061.98309547303</v>
      </c>
      <c r="AA4032" s="53">
        <v>3587696.8262910899</v>
      </c>
      <c r="AB4032" s="53">
        <v>310944.68567583</v>
      </c>
      <c r="AC4032" s="53">
        <v>312838.85705273802</v>
      </c>
      <c r="AD4032" s="53">
        <v>314744.56709028501</v>
      </c>
      <c r="AE4032" s="53">
        <v>316661.88607814303</v>
      </c>
      <c r="AF4032" s="53">
        <v>318590.884734169</v>
      </c>
      <c r="AG4032" s="53">
        <v>320531.634207008</v>
      </c>
      <c r="AH4032" s="53">
        <v>322484.206078719</v>
      </c>
      <c r="AI4032" s="53">
        <v>324448.67236741498</v>
      </c>
      <c r="AJ4032" s="53">
        <v>326425.10552991898</v>
      </c>
      <c r="AK4032" s="53">
        <v>328413.57846443902</v>
      </c>
      <c r="AL4032" s="53">
        <v>330414.16451325198</v>
      </c>
      <c r="AM4032" s="53">
        <v>332426.93746541103</v>
      </c>
      <c r="AN4032" s="53">
        <v>3858925.17925733</v>
      </c>
      <c r="AO4032" s="53">
        <v>334451.97155947197</v>
      </c>
      <c r="AP4032" s="53">
        <v>336489.341486221</v>
      </c>
      <c r="AQ4032" s="53">
        <v>338539.12239144102</v>
      </c>
      <c r="AR4032" s="53">
        <v>340601.38987867598</v>
      </c>
      <c r="AS4032" s="53">
        <v>342676.22001202003</v>
      </c>
      <c r="AT4032" s="53">
        <v>344763.68931892602</v>
      </c>
      <c r="AU4032" s="53">
        <v>346863.874793027</v>
      </c>
      <c r="AV4032" s="53">
        <v>348976.85389697499</v>
      </c>
      <c r="AW4032" s="53">
        <v>351102.704565297</v>
      </c>
      <c r="AX4032" s="53">
        <v>353241.50520727399</v>
      </c>
      <c r="AY4032" s="53">
        <v>355393.33470982802</v>
      </c>
      <c r="AZ4032" s="53">
        <v>357558.27244043502</v>
      </c>
      <c r="BA4032" s="53">
        <v>4150658.2802595901</v>
      </c>
      <c r="BB4032" s="53">
        <v>359736.39825005201</v>
      </c>
      <c r="BC4032" s="53">
        <v>361927.79247605801</v>
      </c>
      <c r="BD4032" s="53">
        <v>364132.53594522498</v>
      </c>
      <c r="BE4032" s="53">
        <v>366350.70997669001</v>
      </c>
      <c r="BF4032" s="53">
        <v>368582.39638496499</v>
      </c>
      <c r="BG4032" s="53">
        <v>370827.67748294398</v>
      </c>
      <c r="BH4032" s="53">
        <v>373086.63608494401</v>
      </c>
      <c r="BI4032" s="53">
        <v>375359.35550976102</v>
      </c>
      <c r="BJ4032" s="53">
        <v>377645.91958374099</v>
      </c>
      <c r="BK4032" s="53">
        <v>379946.41264387203</v>
      </c>
      <c r="BL4032" s="53">
        <v>382260.91954089398</v>
      </c>
      <c r="BM4032" s="53">
        <v>384589.52564243</v>
      </c>
      <c r="BN4032" s="53">
        <v>4464446.2795215696</v>
      </c>
      <c r="BO4032" s="53">
        <v>386932.316836135</v>
      </c>
      <c r="BP4032" s="53">
        <v>389289.379532861</v>
      </c>
      <c r="BQ4032" s="53">
        <v>391660.80066984898</v>
      </c>
      <c r="BR4032" s="53">
        <v>394046.66771392903</v>
      </c>
      <c r="BS4032" s="53">
        <v>396447.06866475299</v>
      </c>
      <c r="BT4032" s="53">
        <v>398862.09205803502</v>
      </c>
      <c r="BU4032" s="53">
        <v>401291.82696882199</v>
      </c>
      <c r="BV4032" s="53">
        <v>403736.363014773</v>
      </c>
      <c r="BW4032" s="53">
        <v>406195.79035947099</v>
      </c>
      <c r="BX4032" s="53">
        <v>408670.19971574302</v>
      </c>
      <c r="BY4032" s="53">
        <v>411159.68234901101</v>
      </c>
      <c r="BZ4032" s="53">
        <v>413664.33008065203</v>
      </c>
      <c r="CA4032" s="53">
        <v>4801956.5179640297</v>
      </c>
      <c r="CB4032" s="53">
        <v>416184.23529139103</v>
      </c>
      <c r="CC4032" s="53">
        <v>418719.49092470802</v>
      </c>
      <c r="CD4032" s="53">
        <v>421270.19049025001</v>
      </c>
      <c r="CE4032" s="53"/>
      <c r="CF4032" s="53"/>
      <c r="CG4032" s="53"/>
      <c r="CH4032" s="53"/>
      <c r="CI4032" s="53"/>
      <c r="CJ4032" s="53"/>
      <c r="CK4032" s="53"/>
      <c r="CL4032" s="53"/>
      <c r="CM4032" s="53"/>
      <c r="CN4032" s="53">
        <v>1256173.9167063499</v>
      </c>
    </row>
    <row r="4033" spans="1:92" outlineLevel="1">
      <c r="A4033" s="52" t="s">
        <v>1782</v>
      </c>
      <c r="B4033" s="53"/>
      <c r="C4033" s="53"/>
      <c r="D4033" s="53"/>
      <c r="E4033" s="53"/>
      <c r="F4033" s="53"/>
      <c r="G4033" s="53"/>
      <c r="H4033" s="53"/>
      <c r="I4033" s="53"/>
      <c r="J4033" s="53"/>
      <c r="K4033" s="53"/>
      <c r="L4033" s="53"/>
      <c r="M4033" s="53"/>
      <c r="N4033" s="53"/>
      <c r="O4033" s="53"/>
      <c r="P4033" s="53"/>
      <c r="Q4033" s="53"/>
      <c r="R4033" s="53"/>
      <c r="S4033" s="53"/>
      <c r="T4033" s="53"/>
      <c r="U4033" s="53"/>
      <c r="V4033" s="53"/>
      <c r="W4033" s="53"/>
      <c r="X4033" s="53"/>
      <c r="Y4033" s="53"/>
      <c r="Z4033" s="53"/>
      <c r="AA4033" s="53"/>
      <c r="AB4033" s="53"/>
      <c r="AC4033" s="53"/>
      <c r="AD4033" s="53"/>
      <c r="AE4033" s="53"/>
      <c r="AF4033" s="53"/>
      <c r="AG4033" s="53"/>
      <c r="AH4033" s="53"/>
      <c r="AI4033" s="53"/>
      <c r="AJ4033" s="53"/>
      <c r="AK4033" s="53"/>
      <c r="AL4033" s="53"/>
      <c r="AM4033" s="53"/>
      <c r="AN4033" s="53"/>
      <c r="AO4033" s="53"/>
      <c r="AP4033" s="53"/>
      <c r="AQ4033" s="53"/>
      <c r="AR4033" s="53"/>
      <c r="AS4033" s="53"/>
      <c r="AT4033" s="53"/>
      <c r="AU4033" s="53"/>
      <c r="AV4033" s="53"/>
      <c r="AW4033" s="53"/>
      <c r="AX4033" s="53"/>
      <c r="AY4033" s="53"/>
      <c r="AZ4033" s="53"/>
      <c r="BA4033" s="53"/>
      <c r="BB4033" s="53"/>
      <c r="BC4033" s="53"/>
      <c r="BD4033" s="53"/>
      <c r="BE4033" s="53"/>
      <c r="BF4033" s="53"/>
      <c r="BG4033" s="53"/>
      <c r="BH4033" s="53"/>
      <c r="BI4033" s="53"/>
      <c r="BJ4033" s="53"/>
      <c r="BK4033" s="53"/>
      <c r="BL4033" s="53"/>
      <c r="BM4033" s="53"/>
      <c r="BN4033" s="53"/>
      <c r="BO4033" s="53"/>
      <c r="BP4033" s="53"/>
      <c r="BQ4033" s="53"/>
      <c r="BR4033" s="53"/>
      <c r="BS4033" s="53"/>
      <c r="BT4033" s="53"/>
      <c r="BU4033" s="53"/>
      <c r="BV4033" s="53"/>
      <c r="BW4033" s="53"/>
      <c r="BX4033" s="53"/>
      <c r="BY4033" s="53"/>
      <c r="BZ4033" s="53"/>
      <c r="CA4033" s="53"/>
      <c r="CB4033" s="53"/>
      <c r="CC4033" s="53"/>
      <c r="CD4033" s="53"/>
      <c r="CE4033" s="53"/>
      <c r="CF4033" s="53"/>
      <c r="CG4033" s="53"/>
      <c r="CH4033" s="53"/>
      <c r="CI4033" s="53"/>
      <c r="CJ4033" s="53"/>
      <c r="CK4033" s="53"/>
      <c r="CL4033" s="53"/>
      <c r="CM4033" s="53"/>
      <c r="CN4033" s="53"/>
    </row>
    <row r="4034" spans="1:92" outlineLevel="1">
      <c r="A4034" s="52" t="s">
        <v>1783</v>
      </c>
      <c r="B4034" s="53"/>
      <c r="C4034" s="53"/>
      <c r="D4034" s="53"/>
      <c r="E4034" s="53"/>
      <c r="F4034" s="53"/>
      <c r="G4034" s="53"/>
      <c r="H4034" s="53"/>
      <c r="I4034" s="53"/>
      <c r="J4034" s="53"/>
      <c r="K4034" s="53"/>
      <c r="L4034" s="53"/>
      <c r="M4034" s="53"/>
      <c r="N4034" s="53"/>
      <c r="O4034" s="53"/>
      <c r="P4034" s="53"/>
      <c r="Q4034" s="53"/>
      <c r="R4034" s="53"/>
      <c r="S4034" s="53"/>
      <c r="T4034" s="53"/>
      <c r="U4034" s="53"/>
      <c r="V4034" s="53"/>
      <c r="W4034" s="53"/>
      <c r="X4034" s="53"/>
      <c r="Y4034" s="53"/>
      <c r="Z4034" s="53"/>
      <c r="AA4034" s="53"/>
      <c r="AB4034" s="53"/>
      <c r="AC4034" s="53"/>
      <c r="AD4034" s="53"/>
      <c r="AE4034" s="53"/>
      <c r="AF4034" s="53"/>
      <c r="AG4034" s="53"/>
      <c r="AH4034" s="53"/>
      <c r="AI4034" s="53"/>
      <c r="AJ4034" s="53"/>
      <c r="AK4034" s="53"/>
      <c r="AL4034" s="53"/>
      <c r="AM4034" s="53"/>
      <c r="AN4034" s="53"/>
      <c r="AO4034" s="53"/>
      <c r="AP4034" s="53"/>
      <c r="AQ4034" s="53"/>
      <c r="AR4034" s="53"/>
      <c r="AS4034" s="53"/>
      <c r="AT4034" s="53"/>
      <c r="AU4034" s="53"/>
      <c r="AV4034" s="53"/>
      <c r="AW4034" s="53"/>
      <c r="AX4034" s="53"/>
      <c r="AY4034" s="53"/>
      <c r="AZ4034" s="53"/>
      <c r="BA4034" s="53"/>
      <c r="BB4034" s="53"/>
      <c r="BC4034" s="53"/>
      <c r="BD4034" s="53"/>
      <c r="BE4034" s="53"/>
      <c r="BF4034" s="53"/>
      <c r="BG4034" s="53"/>
      <c r="BH4034" s="53"/>
      <c r="BI4034" s="53"/>
      <c r="BJ4034" s="53"/>
      <c r="BK4034" s="53"/>
      <c r="BL4034" s="53"/>
      <c r="BM4034" s="53"/>
      <c r="BN4034" s="53"/>
      <c r="BO4034" s="53"/>
      <c r="BP4034" s="53"/>
      <c r="BQ4034" s="53"/>
      <c r="BR4034" s="53"/>
      <c r="BS4034" s="53"/>
      <c r="BT4034" s="53"/>
      <c r="BU4034" s="53"/>
      <c r="BV4034" s="53"/>
      <c r="BW4034" s="53"/>
      <c r="BX4034" s="53"/>
      <c r="BY4034" s="53"/>
      <c r="BZ4034" s="53"/>
      <c r="CA4034" s="53"/>
      <c r="CB4034" s="53"/>
      <c r="CC4034" s="53"/>
      <c r="CD4034" s="53"/>
      <c r="CE4034" s="53"/>
      <c r="CF4034" s="53"/>
      <c r="CG4034" s="53"/>
      <c r="CH4034" s="53"/>
      <c r="CI4034" s="53"/>
      <c r="CJ4034" s="53"/>
      <c r="CK4034" s="53"/>
      <c r="CL4034" s="53"/>
      <c r="CM4034" s="53"/>
      <c r="CN4034" s="53"/>
    </row>
    <row r="4035" spans="1:92" outlineLevel="1">
      <c r="A4035" s="52" t="s">
        <v>649</v>
      </c>
      <c r="B4035" s="53"/>
      <c r="C4035" s="53"/>
      <c r="D4035" s="53"/>
      <c r="E4035" s="53"/>
      <c r="F4035" s="53"/>
      <c r="G4035" s="53"/>
      <c r="H4035" s="53"/>
      <c r="I4035" s="53"/>
      <c r="J4035" s="53"/>
      <c r="K4035" s="53"/>
      <c r="L4035" s="53"/>
      <c r="M4035" s="53"/>
      <c r="N4035" s="53"/>
      <c r="O4035" s="53"/>
      <c r="P4035" s="53"/>
      <c r="Q4035" s="53"/>
      <c r="R4035" s="53"/>
      <c r="S4035" s="53"/>
      <c r="T4035" s="53"/>
      <c r="U4035" s="53"/>
      <c r="V4035" s="53"/>
      <c r="W4035" s="53"/>
      <c r="X4035" s="53"/>
      <c r="Y4035" s="53"/>
      <c r="Z4035" s="53"/>
      <c r="AA4035" s="53"/>
      <c r="AB4035" s="53"/>
      <c r="AC4035" s="53"/>
      <c r="AD4035" s="53"/>
      <c r="AE4035" s="53"/>
      <c r="AF4035" s="53"/>
      <c r="AG4035" s="53"/>
      <c r="AH4035" s="53"/>
      <c r="AI4035" s="53">
        <v>-175000000</v>
      </c>
      <c r="AJ4035" s="53"/>
      <c r="AK4035" s="53"/>
      <c r="AL4035" s="53"/>
      <c r="AM4035" s="53"/>
      <c r="AN4035" s="53">
        <v>-175000000</v>
      </c>
      <c r="AO4035" s="53"/>
      <c r="AP4035" s="53"/>
      <c r="AQ4035" s="53"/>
      <c r="AR4035" s="53"/>
      <c r="AS4035" s="53"/>
      <c r="AT4035" s="53"/>
      <c r="AU4035" s="53"/>
      <c r="AV4035" s="53">
        <v>-225000000</v>
      </c>
      <c r="AW4035" s="53"/>
      <c r="AX4035" s="53"/>
      <c r="AY4035" s="53"/>
      <c r="AZ4035" s="53"/>
      <c r="BA4035" s="53">
        <v>-225000000</v>
      </c>
      <c r="BB4035" s="53"/>
      <c r="BC4035" s="53"/>
      <c r="BD4035" s="53"/>
      <c r="BE4035" s="53"/>
      <c r="BF4035" s="53"/>
      <c r="BG4035" s="53">
        <v>-150000000</v>
      </c>
      <c r="BH4035" s="53"/>
      <c r="BI4035" s="53"/>
      <c r="BJ4035" s="53"/>
      <c r="BK4035" s="53"/>
      <c r="BL4035" s="53"/>
      <c r="BM4035" s="53"/>
      <c r="BN4035" s="53">
        <v>-150000000</v>
      </c>
      <c r="BO4035" s="53"/>
      <c r="BP4035" s="53"/>
      <c r="BQ4035" s="53"/>
      <c r="BR4035" s="53"/>
      <c r="BS4035" s="53"/>
      <c r="BT4035" s="53">
        <v>-400000000</v>
      </c>
      <c r="BU4035" s="53"/>
      <c r="BV4035" s="53"/>
      <c r="BW4035" s="53"/>
      <c r="BX4035" s="53"/>
      <c r="BY4035" s="53"/>
      <c r="BZ4035" s="53"/>
      <c r="CA4035" s="53">
        <v>-400000000</v>
      </c>
      <c r="CB4035" s="53"/>
      <c r="CC4035" s="53"/>
      <c r="CD4035" s="53"/>
      <c r="CE4035" s="53"/>
      <c r="CF4035" s="53"/>
      <c r="CG4035" s="53">
        <v>-625000000</v>
      </c>
      <c r="CH4035" s="53"/>
      <c r="CI4035" s="53"/>
      <c r="CJ4035" s="53"/>
      <c r="CK4035" s="53"/>
      <c r="CL4035" s="53"/>
      <c r="CM4035" s="53"/>
      <c r="CN4035" s="53">
        <v>-625000000</v>
      </c>
    </row>
    <row r="4036" spans="1:92" outlineLevel="1">
      <c r="A4036" s="52" t="s">
        <v>739</v>
      </c>
      <c r="B4036" s="53"/>
      <c r="C4036" s="53"/>
      <c r="D4036" s="53"/>
      <c r="E4036" s="53"/>
      <c r="F4036" s="53"/>
      <c r="G4036" s="53"/>
      <c r="H4036" s="53"/>
      <c r="I4036" s="53"/>
      <c r="J4036" s="53"/>
      <c r="K4036" s="53"/>
      <c r="L4036" s="53"/>
      <c r="M4036" s="53"/>
      <c r="N4036" s="53"/>
      <c r="O4036" s="53"/>
      <c r="P4036" s="53"/>
      <c r="Q4036" s="53"/>
      <c r="R4036" s="53"/>
      <c r="S4036" s="53"/>
      <c r="T4036" s="53"/>
      <c r="U4036" s="53"/>
      <c r="V4036" s="53"/>
      <c r="W4036" s="53"/>
      <c r="X4036" s="53"/>
      <c r="Y4036" s="53"/>
      <c r="Z4036" s="53"/>
      <c r="AA4036" s="53"/>
      <c r="AB4036" s="53"/>
      <c r="AC4036" s="53"/>
      <c r="AD4036" s="53"/>
      <c r="AE4036" s="53"/>
      <c r="AF4036" s="53"/>
      <c r="AG4036" s="53"/>
      <c r="AH4036" s="53"/>
      <c r="AI4036" s="53"/>
      <c r="AJ4036" s="53"/>
      <c r="AK4036" s="53"/>
      <c r="AL4036" s="53"/>
      <c r="AM4036" s="53"/>
      <c r="AN4036" s="53"/>
      <c r="AO4036" s="53"/>
      <c r="AP4036" s="53"/>
      <c r="AQ4036" s="53"/>
      <c r="AR4036" s="53"/>
      <c r="AS4036" s="53"/>
      <c r="AT4036" s="53"/>
      <c r="AU4036" s="53"/>
      <c r="AV4036" s="53"/>
      <c r="AW4036" s="53"/>
      <c r="AX4036" s="53"/>
      <c r="AY4036" s="53"/>
      <c r="AZ4036" s="53"/>
      <c r="BA4036" s="53"/>
      <c r="BB4036" s="53"/>
      <c r="BC4036" s="53"/>
      <c r="BD4036" s="53"/>
      <c r="BE4036" s="53"/>
      <c r="BF4036" s="53"/>
      <c r="BG4036" s="53"/>
      <c r="BH4036" s="53"/>
      <c r="BI4036" s="53"/>
      <c r="BJ4036" s="53"/>
      <c r="BK4036" s="53"/>
      <c r="BL4036" s="53"/>
      <c r="BM4036" s="53"/>
      <c r="BN4036" s="53"/>
      <c r="BO4036" s="53"/>
      <c r="BP4036" s="53"/>
      <c r="BQ4036" s="53"/>
      <c r="BR4036" s="53"/>
      <c r="BS4036" s="53"/>
      <c r="BT4036" s="53"/>
      <c r="BU4036" s="53"/>
      <c r="BV4036" s="53"/>
      <c r="BW4036" s="53"/>
      <c r="BX4036" s="53"/>
      <c r="BY4036" s="53"/>
      <c r="BZ4036" s="53"/>
      <c r="CA4036" s="53"/>
      <c r="CB4036" s="53"/>
      <c r="CC4036" s="53"/>
      <c r="CD4036" s="53"/>
      <c r="CE4036" s="53"/>
      <c r="CF4036" s="53"/>
      <c r="CG4036" s="53"/>
      <c r="CH4036" s="53"/>
      <c r="CI4036" s="53"/>
      <c r="CJ4036" s="53"/>
      <c r="CK4036" s="53"/>
      <c r="CL4036" s="53"/>
      <c r="CM4036" s="53"/>
      <c r="CN4036" s="53"/>
    </row>
    <row r="4037" spans="1:92" outlineLevel="1">
      <c r="A4037" s="52" t="s">
        <v>1661</v>
      </c>
      <c r="B4037" s="53"/>
      <c r="C4037" s="53"/>
      <c r="D4037" s="53"/>
      <c r="E4037" s="53"/>
      <c r="F4037" s="53"/>
      <c r="G4037" s="53"/>
      <c r="H4037" s="53"/>
      <c r="I4037" s="53"/>
      <c r="J4037" s="53"/>
      <c r="K4037" s="53"/>
      <c r="L4037" s="53"/>
      <c r="M4037" s="53"/>
      <c r="N4037" s="53"/>
      <c r="O4037" s="53"/>
      <c r="P4037" s="53"/>
      <c r="Q4037" s="53"/>
      <c r="R4037" s="53"/>
      <c r="S4037" s="53"/>
      <c r="T4037" s="53"/>
      <c r="U4037" s="53"/>
      <c r="V4037" s="53"/>
      <c r="W4037" s="53"/>
      <c r="X4037" s="53"/>
      <c r="Y4037" s="53"/>
      <c r="Z4037" s="53"/>
      <c r="AA4037" s="53"/>
      <c r="AB4037" s="53"/>
      <c r="AC4037" s="53"/>
      <c r="AD4037" s="53"/>
      <c r="AE4037" s="53"/>
      <c r="AF4037" s="53"/>
      <c r="AG4037" s="53"/>
      <c r="AH4037" s="53"/>
      <c r="AI4037" s="53"/>
      <c r="AJ4037" s="53"/>
      <c r="AK4037" s="53"/>
      <c r="AL4037" s="53"/>
      <c r="AM4037" s="53"/>
      <c r="AN4037" s="53"/>
      <c r="AO4037" s="53"/>
      <c r="AP4037" s="53"/>
      <c r="AQ4037" s="53"/>
      <c r="AR4037" s="53"/>
      <c r="AS4037" s="53"/>
      <c r="AT4037" s="53"/>
      <c r="AU4037" s="53"/>
      <c r="AV4037" s="53"/>
      <c r="AW4037" s="53"/>
      <c r="AX4037" s="53"/>
      <c r="AY4037" s="53"/>
      <c r="AZ4037" s="53"/>
      <c r="BA4037" s="53"/>
      <c r="BB4037" s="53"/>
      <c r="BC4037" s="53"/>
      <c r="BD4037" s="53"/>
      <c r="BE4037" s="53"/>
      <c r="BF4037" s="53"/>
      <c r="BG4037" s="53"/>
      <c r="BH4037" s="53"/>
      <c r="BI4037" s="53"/>
      <c r="BJ4037" s="53"/>
      <c r="BK4037" s="53"/>
      <c r="BL4037" s="53"/>
      <c r="BM4037" s="53"/>
      <c r="BN4037" s="53"/>
      <c r="BO4037" s="53"/>
      <c r="BP4037" s="53"/>
      <c r="BQ4037" s="53"/>
      <c r="BR4037" s="53"/>
      <c r="BS4037" s="53"/>
      <c r="BT4037" s="53"/>
      <c r="BU4037" s="53"/>
      <c r="BV4037" s="53"/>
      <c r="BW4037" s="53"/>
      <c r="BX4037" s="53"/>
      <c r="BY4037" s="53"/>
      <c r="BZ4037" s="53"/>
      <c r="CA4037" s="53"/>
      <c r="CB4037" s="53"/>
      <c r="CC4037" s="53"/>
      <c r="CD4037" s="53"/>
      <c r="CE4037" s="53"/>
      <c r="CF4037" s="53"/>
      <c r="CG4037" s="53"/>
      <c r="CH4037" s="53"/>
      <c r="CI4037" s="53"/>
      <c r="CJ4037" s="53"/>
      <c r="CK4037" s="53"/>
      <c r="CL4037" s="53"/>
      <c r="CM4037" s="53"/>
      <c r="CN4037" s="53"/>
    </row>
    <row r="4038" spans="1:92" outlineLevel="1">
      <c r="A4038" s="52" t="s">
        <v>649</v>
      </c>
      <c r="B4038" s="53"/>
      <c r="C4038" s="53"/>
      <c r="D4038" s="53"/>
      <c r="E4038" s="53"/>
      <c r="F4038" s="53"/>
      <c r="G4038" s="53"/>
      <c r="H4038" s="53"/>
      <c r="I4038" s="53"/>
      <c r="J4038" s="53"/>
      <c r="K4038" s="53"/>
      <c r="L4038" s="53"/>
      <c r="M4038" s="53"/>
      <c r="N4038" s="53"/>
      <c r="O4038" s="53"/>
      <c r="P4038" s="53"/>
      <c r="Q4038" s="53"/>
      <c r="R4038" s="53"/>
      <c r="S4038" s="53"/>
      <c r="T4038" s="53"/>
      <c r="U4038" s="53"/>
      <c r="V4038" s="53"/>
      <c r="W4038" s="53"/>
      <c r="X4038" s="53"/>
      <c r="Y4038" s="53"/>
      <c r="Z4038" s="53"/>
      <c r="AA4038" s="53"/>
      <c r="AB4038" s="53"/>
      <c r="AC4038" s="53"/>
      <c r="AD4038" s="53"/>
      <c r="AE4038" s="53"/>
      <c r="AF4038" s="53"/>
      <c r="AG4038" s="53"/>
      <c r="AH4038" s="53"/>
      <c r="AI4038" s="53">
        <v>500000000</v>
      </c>
      <c r="AJ4038" s="53"/>
      <c r="AK4038" s="53"/>
      <c r="AL4038" s="53"/>
      <c r="AM4038" s="53"/>
      <c r="AN4038" s="53">
        <v>500000000</v>
      </c>
      <c r="AO4038" s="53"/>
      <c r="AP4038" s="53"/>
      <c r="AQ4038" s="53"/>
      <c r="AR4038" s="53"/>
      <c r="AS4038" s="53"/>
      <c r="AT4038" s="53"/>
      <c r="AU4038" s="53"/>
      <c r="AV4038" s="53">
        <v>750000000</v>
      </c>
      <c r="AW4038" s="53"/>
      <c r="AX4038" s="53"/>
      <c r="AY4038" s="53"/>
      <c r="AZ4038" s="53"/>
      <c r="BA4038" s="53">
        <v>750000000</v>
      </c>
      <c r="BB4038" s="53"/>
      <c r="BC4038" s="53"/>
      <c r="BD4038" s="53"/>
      <c r="BE4038" s="53"/>
      <c r="BF4038" s="53"/>
      <c r="BG4038" s="53">
        <v>750000000</v>
      </c>
      <c r="BH4038" s="53"/>
      <c r="BI4038" s="53"/>
      <c r="BJ4038" s="53"/>
      <c r="BK4038" s="53"/>
      <c r="BL4038" s="53"/>
      <c r="BM4038" s="53"/>
      <c r="BN4038" s="53">
        <v>750000000</v>
      </c>
      <c r="BO4038" s="53"/>
      <c r="BP4038" s="53"/>
      <c r="BQ4038" s="53"/>
      <c r="BR4038" s="53"/>
      <c r="BS4038" s="53"/>
      <c r="BT4038" s="53">
        <v>650000000</v>
      </c>
      <c r="BU4038" s="53"/>
      <c r="BV4038" s="53"/>
      <c r="BW4038" s="53"/>
      <c r="BX4038" s="53"/>
      <c r="BY4038" s="53"/>
      <c r="BZ4038" s="53"/>
      <c r="CA4038" s="53">
        <v>650000000</v>
      </c>
      <c r="CB4038" s="53"/>
      <c r="CC4038" s="53"/>
      <c r="CD4038" s="53"/>
      <c r="CE4038" s="53"/>
      <c r="CF4038" s="53"/>
      <c r="CG4038" s="53">
        <v>550000000</v>
      </c>
      <c r="CH4038" s="53"/>
      <c r="CI4038" s="53"/>
      <c r="CJ4038" s="53"/>
      <c r="CK4038" s="53"/>
      <c r="CL4038" s="53"/>
      <c r="CM4038" s="53"/>
      <c r="CN4038" s="53">
        <v>550000000</v>
      </c>
    </row>
    <row r="4039" spans="1:92" outlineLevel="1">
      <c r="A4039" s="52" t="s">
        <v>1220</v>
      </c>
      <c r="B4039" s="53"/>
      <c r="C4039" s="53"/>
      <c r="D4039" s="53"/>
      <c r="E4039" s="53"/>
      <c r="F4039" s="53"/>
      <c r="G4039" s="53"/>
      <c r="H4039" s="53"/>
      <c r="I4039" s="53"/>
      <c r="J4039" s="53"/>
      <c r="K4039" s="53"/>
      <c r="L4039" s="53"/>
      <c r="M4039" s="53"/>
      <c r="N4039" s="53"/>
      <c r="O4039" s="53"/>
      <c r="P4039" s="53"/>
      <c r="Q4039" s="53"/>
      <c r="R4039" s="53"/>
      <c r="S4039" s="53"/>
      <c r="T4039" s="53"/>
      <c r="U4039" s="53"/>
      <c r="V4039" s="53"/>
      <c r="W4039" s="53"/>
      <c r="X4039" s="53"/>
      <c r="Y4039" s="53"/>
      <c r="Z4039" s="53"/>
      <c r="AA4039" s="53"/>
      <c r="AB4039" s="53"/>
      <c r="AC4039" s="53"/>
      <c r="AD4039" s="53"/>
      <c r="AE4039" s="53"/>
      <c r="AF4039" s="53"/>
      <c r="AG4039" s="53"/>
      <c r="AH4039" s="53"/>
      <c r="AI4039" s="53"/>
      <c r="AJ4039" s="53"/>
      <c r="AK4039" s="53"/>
      <c r="AL4039" s="53"/>
      <c r="AM4039" s="53"/>
      <c r="AN4039" s="53"/>
      <c r="AO4039" s="53"/>
      <c r="AP4039" s="53"/>
      <c r="AQ4039" s="53"/>
      <c r="AR4039" s="53"/>
      <c r="AS4039" s="53"/>
      <c r="AT4039" s="53"/>
      <c r="AU4039" s="53"/>
      <c r="AV4039" s="53"/>
      <c r="AW4039" s="53"/>
      <c r="AX4039" s="53"/>
      <c r="AY4039" s="53"/>
      <c r="AZ4039" s="53"/>
      <c r="BA4039" s="53"/>
      <c r="BB4039" s="53"/>
      <c r="BC4039" s="53"/>
      <c r="BD4039" s="53"/>
      <c r="BE4039" s="53"/>
      <c r="BF4039" s="53"/>
      <c r="BG4039" s="53"/>
      <c r="BH4039" s="53"/>
      <c r="BI4039" s="53"/>
      <c r="BJ4039" s="53"/>
      <c r="BK4039" s="53"/>
      <c r="BL4039" s="53"/>
      <c r="BM4039" s="53"/>
      <c r="BN4039" s="53"/>
      <c r="BO4039" s="53"/>
      <c r="BP4039" s="53"/>
      <c r="BQ4039" s="53"/>
      <c r="BR4039" s="53"/>
      <c r="BS4039" s="53"/>
      <c r="BT4039" s="53"/>
      <c r="BU4039" s="53"/>
      <c r="BV4039" s="53"/>
      <c r="BW4039" s="53"/>
      <c r="BX4039" s="53"/>
      <c r="BY4039" s="53"/>
      <c r="BZ4039" s="53"/>
      <c r="CA4039" s="53"/>
      <c r="CB4039" s="53"/>
      <c r="CC4039" s="53"/>
      <c r="CD4039" s="53"/>
      <c r="CE4039" s="53"/>
      <c r="CF4039" s="53"/>
      <c r="CG4039" s="53"/>
      <c r="CH4039" s="53"/>
      <c r="CI4039" s="53"/>
      <c r="CJ4039" s="53"/>
      <c r="CK4039" s="53"/>
      <c r="CL4039" s="53"/>
      <c r="CM4039" s="53"/>
      <c r="CN4039" s="53"/>
    </row>
    <row r="4040" spans="1:92" outlineLevel="1">
      <c r="A4040" s="52" t="s">
        <v>649</v>
      </c>
      <c r="B4040" s="53"/>
      <c r="C4040" s="53"/>
      <c r="D4040" s="53"/>
      <c r="E4040" s="53"/>
      <c r="F4040" s="53"/>
      <c r="G4040" s="53"/>
      <c r="H4040" s="53"/>
      <c r="I4040" s="53"/>
      <c r="J4040" s="53"/>
      <c r="K4040" s="53"/>
      <c r="L4040" s="53"/>
      <c r="M4040" s="53"/>
      <c r="N4040" s="53"/>
      <c r="O4040" s="53"/>
      <c r="P4040" s="53"/>
      <c r="Q4040" s="53"/>
      <c r="R4040" s="53"/>
      <c r="S4040" s="53"/>
      <c r="T4040" s="53"/>
      <c r="U4040" s="53"/>
      <c r="V4040" s="53"/>
      <c r="W4040" s="53"/>
      <c r="X4040" s="53"/>
      <c r="Y4040" s="53"/>
      <c r="Z4040" s="53"/>
      <c r="AA4040" s="53"/>
      <c r="AB4040" s="53">
        <v>304556027.38622499</v>
      </c>
      <c r="AC4040" s="53">
        <v>383814791.81118</v>
      </c>
      <c r="AD4040" s="53">
        <v>482012235.31571698</v>
      </c>
      <c r="AE4040" s="53">
        <v>511853281.70360398</v>
      </c>
      <c r="AF4040" s="53">
        <v>544572821.73588598</v>
      </c>
      <c r="AG4040" s="53">
        <v>467508148.01000798</v>
      </c>
      <c r="AH4040" s="53">
        <v>395122965.41999602</v>
      </c>
      <c r="AI4040" s="53"/>
      <c r="AJ4040" s="53"/>
      <c r="AK4040" s="53"/>
      <c r="AL4040" s="53"/>
      <c r="AM4040" s="53">
        <v>13612943.674768001</v>
      </c>
      <c r="AN4040" s="53">
        <v>3103053215.0573802</v>
      </c>
      <c r="AO4040" s="53">
        <v>89475267.406134203</v>
      </c>
      <c r="AP4040" s="53">
        <v>142922113.60730499</v>
      </c>
      <c r="AQ4040" s="53">
        <v>267981013.463312</v>
      </c>
      <c r="AR4040" s="53">
        <v>323348629.43915099</v>
      </c>
      <c r="AS4040" s="53">
        <v>358809472.12626702</v>
      </c>
      <c r="AT4040" s="53">
        <v>411701224.52686501</v>
      </c>
      <c r="AU4040" s="53">
        <v>336414515.55364197</v>
      </c>
      <c r="AV4040" s="53"/>
      <c r="AW4040" s="53"/>
      <c r="AX4040" s="53"/>
      <c r="AY4040" s="53"/>
      <c r="AZ4040" s="53">
        <v>16689878.0384119</v>
      </c>
      <c r="BA4040" s="53">
        <v>1947342114.1610899</v>
      </c>
      <c r="BB4040" s="53">
        <v>92266499.848539695</v>
      </c>
      <c r="BC4040" s="53">
        <v>156684443.66942599</v>
      </c>
      <c r="BD4040" s="53">
        <v>280788046.03249598</v>
      </c>
      <c r="BE4040" s="53">
        <v>342550787.548796</v>
      </c>
      <c r="BF4040" s="53">
        <v>401726932.05381799</v>
      </c>
      <c r="BG4040" s="53"/>
      <c r="BH4040" s="53"/>
      <c r="BI4040" s="53"/>
      <c r="BJ4040" s="53"/>
      <c r="BK4040" s="53"/>
      <c r="BL4040" s="53"/>
      <c r="BM4040" s="53">
        <v>42220293.413724199</v>
      </c>
      <c r="BN4040" s="53">
        <v>1316237002.5668001</v>
      </c>
      <c r="BO4040" s="53">
        <v>82079765.053911597</v>
      </c>
      <c r="BP4040" s="53">
        <v>106345298.749956</v>
      </c>
      <c r="BQ4040" s="53">
        <v>185866760.062031</v>
      </c>
      <c r="BR4040" s="53">
        <v>213151752.10922799</v>
      </c>
      <c r="BS4040" s="53">
        <v>226421813.02158701</v>
      </c>
      <c r="BT4040" s="53">
        <v>10920060.200931</v>
      </c>
      <c r="BU4040" s="53"/>
      <c r="BV4040" s="53"/>
      <c r="BW4040" s="53"/>
      <c r="BX4040" s="53"/>
      <c r="BY4040" s="53"/>
      <c r="BZ4040" s="53">
        <v>6148015.4214001903</v>
      </c>
      <c r="CA4040" s="53">
        <v>830933464.61904705</v>
      </c>
      <c r="CB4040" s="53">
        <v>10014252.445839399</v>
      </c>
      <c r="CC4040" s="53">
        <v>5695985.3494004598</v>
      </c>
      <c r="CD4040" s="53">
        <v>56073374.921472199</v>
      </c>
      <c r="CE4040" s="53">
        <v>55467475.822112098</v>
      </c>
      <c r="CF4040" s="53">
        <v>38737969.727702603</v>
      </c>
      <c r="CG4040" s="53">
        <v>129564121.638422</v>
      </c>
      <c r="CH4040" s="53">
        <v>25424080.3079019</v>
      </c>
      <c r="CI4040" s="53"/>
      <c r="CJ4040" s="53"/>
      <c r="CK4040" s="53"/>
      <c r="CL4040" s="53"/>
      <c r="CM4040" s="53"/>
      <c r="CN4040" s="53">
        <v>320977260.21285099</v>
      </c>
    </row>
    <row r="4041" spans="1:92" outlineLevel="1">
      <c r="A4041" s="52" t="s">
        <v>741</v>
      </c>
      <c r="B4041" s="53"/>
      <c r="C4041" s="53"/>
      <c r="D4041" s="53"/>
      <c r="E4041" s="53"/>
      <c r="F4041" s="53"/>
      <c r="G4041" s="53"/>
      <c r="H4041" s="53"/>
      <c r="I4041" s="53"/>
      <c r="J4041" s="53"/>
      <c r="K4041" s="53"/>
      <c r="L4041" s="53"/>
      <c r="M4041" s="53"/>
      <c r="N4041" s="53"/>
      <c r="O4041" s="53"/>
      <c r="P4041" s="53"/>
      <c r="Q4041" s="53"/>
      <c r="R4041" s="53"/>
      <c r="S4041" s="53"/>
      <c r="T4041" s="53"/>
      <c r="U4041" s="53"/>
      <c r="V4041" s="53"/>
      <c r="W4041" s="53"/>
      <c r="X4041" s="53"/>
      <c r="Y4041" s="53"/>
      <c r="Z4041" s="53"/>
      <c r="AA4041" s="53"/>
      <c r="AB4041" s="53"/>
      <c r="AC4041" s="53"/>
      <c r="AD4041" s="53"/>
      <c r="AE4041" s="53"/>
      <c r="AF4041" s="53"/>
      <c r="AG4041" s="53"/>
      <c r="AH4041" s="53"/>
      <c r="AI4041" s="53"/>
      <c r="AJ4041" s="53"/>
      <c r="AK4041" s="53"/>
      <c r="AL4041" s="53"/>
      <c r="AM4041" s="53"/>
      <c r="AN4041" s="53"/>
      <c r="AO4041" s="53"/>
      <c r="AP4041" s="53"/>
      <c r="AQ4041" s="53"/>
      <c r="AR4041" s="53"/>
      <c r="AS4041" s="53"/>
      <c r="AT4041" s="53"/>
      <c r="AU4041" s="53"/>
      <c r="AV4041" s="53"/>
      <c r="AW4041" s="53"/>
      <c r="AX4041" s="53"/>
      <c r="AY4041" s="53"/>
      <c r="AZ4041" s="53"/>
      <c r="BA4041" s="53"/>
      <c r="BB4041" s="53"/>
      <c r="BC4041" s="53"/>
      <c r="BD4041" s="53"/>
      <c r="BE4041" s="53"/>
      <c r="BF4041" s="53"/>
      <c r="BG4041" s="53"/>
      <c r="BH4041" s="53"/>
      <c r="BI4041" s="53"/>
      <c r="BJ4041" s="53"/>
      <c r="BK4041" s="53"/>
      <c r="BL4041" s="53"/>
      <c r="BM4041" s="53"/>
      <c r="BN4041" s="53"/>
      <c r="BO4041" s="53"/>
      <c r="BP4041" s="53"/>
      <c r="BQ4041" s="53"/>
      <c r="BR4041" s="53"/>
      <c r="BS4041" s="53"/>
      <c r="BT4041" s="53"/>
      <c r="BU4041" s="53"/>
      <c r="BV4041" s="53"/>
      <c r="BW4041" s="53"/>
      <c r="BX4041" s="53"/>
      <c r="BY4041" s="53"/>
      <c r="BZ4041" s="53"/>
      <c r="CA4041" s="53"/>
      <c r="CB4041" s="53"/>
      <c r="CC4041" s="53"/>
      <c r="CD4041" s="53"/>
      <c r="CE4041" s="53"/>
      <c r="CF4041" s="53"/>
      <c r="CG4041" s="53"/>
      <c r="CH4041" s="53"/>
      <c r="CI4041" s="53"/>
      <c r="CJ4041" s="53"/>
      <c r="CK4041" s="53"/>
      <c r="CL4041" s="53"/>
      <c r="CM4041" s="53"/>
      <c r="CN4041" s="53"/>
    </row>
    <row r="4042" spans="1:92" outlineLevel="1">
      <c r="A4042" s="52" t="s">
        <v>1800</v>
      </c>
      <c r="B4042" s="53"/>
      <c r="C4042" s="53"/>
      <c r="D4042" s="53"/>
      <c r="E4042" s="53"/>
      <c r="F4042" s="53"/>
      <c r="G4042" s="53"/>
      <c r="H4042" s="53"/>
      <c r="I4042" s="53"/>
      <c r="J4042" s="53"/>
      <c r="K4042" s="53"/>
      <c r="L4042" s="53"/>
      <c r="M4042" s="53"/>
      <c r="N4042" s="53"/>
      <c r="O4042" s="53"/>
      <c r="P4042" s="53"/>
      <c r="Q4042" s="53"/>
      <c r="R4042" s="53"/>
      <c r="S4042" s="53"/>
      <c r="T4042" s="53"/>
      <c r="U4042" s="53"/>
      <c r="V4042" s="53"/>
      <c r="W4042" s="53"/>
      <c r="X4042" s="53"/>
      <c r="Y4042" s="53"/>
      <c r="Z4042" s="53"/>
      <c r="AA4042" s="53"/>
      <c r="AB4042" s="53"/>
      <c r="AC4042" s="53"/>
      <c r="AD4042" s="53"/>
      <c r="AE4042" s="53"/>
      <c r="AF4042" s="53"/>
      <c r="AG4042" s="53"/>
      <c r="AH4042" s="53"/>
      <c r="AI4042" s="53"/>
      <c r="AJ4042" s="53"/>
      <c r="AK4042" s="53"/>
      <c r="AL4042" s="53"/>
      <c r="AM4042" s="53"/>
      <c r="AN4042" s="53"/>
      <c r="AO4042" s="53"/>
      <c r="AP4042" s="53"/>
      <c r="AQ4042" s="53"/>
      <c r="AR4042" s="53"/>
      <c r="AS4042" s="53"/>
      <c r="AT4042" s="53"/>
      <c r="AU4042" s="53"/>
      <c r="AV4042" s="53"/>
      <c r="AW4042" s="53"/>
      <c r="AX4042" s="53"/>
      <c r="AY4042" s="53"/>
      <c r="AZ4042" s="53"/>
      <c r="BA4042" s="53"/>
      <c r="BB4042" s="53"/>
      <c r="BC4042" s="53"/>
      <c r="BD4042" s="53"/>
      <c r="BE4042" s="53"/>
      <c r="BF4042" s="53"/>
      <c r="BG4042" s="53"/>
      <c r="BH4042" s="53"/>
      <c r="BI4042" s="53"/>
      <c r="BJ4042" s="53"/>
      <c r="BK4042" s="53"/>
      <c r="BL4042" s="53"/>
      <c r="BM4042" s="53"/>
      <c r="BN4042" s="53"/>
      <c r="BO4042" s="53"/>
      <c r="BP4042" s="53"/>
      <c r="BQ4042" s="53"/>
      <c r="BR4042" s="53"/>
      <c r="BS4042" s="53"/>
      <c r="BT4042" s="53"/>
      <c r="BU4042" s="53"/>
      <c r="BV4042" s="53"/>
      <c r="BW4042" s="53"/>
      <c r="BX4042" s="53"/>
      <c r="BY4042" s="53"/>
      <c r="BZ4042" s="53"/>
      <c r="CA4042" s="53"/>
      <c r="CB4042" s="53"/>
      <c r="CC4042" s="53"/>
      <c r="CD4042" s="53"/>
      <c r="CE4042" s="53"/>
      <c r="CF4042" s="53"/>
      <c r="CG4042" s="53"/>
      <c r="CH4042" s="53"/>
      <c r="CI4042" s="53"/>
      <c r="CJ4042" s="53"/>
      <c r="CK4042" s="53"/>
      <c r="CL4042" s="53"/>
      <c r="CM4042" s="53"/>
      <c r="CN4042" s="53"/>
    </row>
    <row r="4043" spans="1:92" outlineLevel="1">
      <c r="A4043" s="52" t="s">
        <v>649</v>
      </c>
      <c r="B4043" s="53"/>
      <c r="C4043" s="53"/>
      <c r="D4043" s="53"/>
      <c r="E4043" s="53"/>
      <c r="F4043" s="53"/>
      <c r="G4043" s="53"/>
      <c r="H4043" s="53"/>
      <c r="I4043" s="53"/>
      <c r="J4043" s="53"/>
      <c r="K4043" s="53">
        <v>5333333.3333333302</v>
      </c>
      <c r="L4043" s="53">
        <v>5333333.3333333302</v>
      </c>
      <c r="M4043" s="53">
        <v>5333333.3333333302</v>
      </c>
      <c r="N4043" s="53">
        <v>15999999.999999899</v>
      </c>
      <c r="O4043" s="53"/>
      <c r="P4043" s="53"/>
      <c r="Q4043" s="53"/>
      <c r="R4043" s="53"/>
      <c r="S4043" s="53"/>
      <c r="T4043" s="53"/>
      <c r="U4043" s="53"/>
      <c r="V4043" s="53"/>
      <c r="W4043" s="53"/>
      <c r="X4043" s="53"/>
      <c r="Y4043" s="53"/>
      <c r="Z4043" s="53"/>
      <c r="AA4043" s="53"/>
      <c r="AB4043" s="53"/>
      <c r="AC4043" s="53"/>
      <c r="AD4043" s="53"/>
      <c r="AE4043" s="53"/>
      <c r="AF4043" s="53"/>
      <c r="AG4043" s="53"/>
      <c r="AH4043" s="53"/>
      <c r="AI4043" s="53"/>
      <c r="AJ4043" s="53"/>
      <c r="AK4043" s="53"/>
      <c r="AL4043" s="53"/>
      <c r="AM4043" s="53"/>
      <c r="AN4043" s="53"/>
      <c r="AO4043" s="53"/>
      <c r="AP4043" s="53"/>
      <c r="AQ4043" s="53"/>
      <c r="AR4043" s="53"/>
      <c r="AS4043" s="53"/>
      <c r="AT4043" s="53"/>
      <c r="AU4043" s="53"/>
      <c r="AV4043" s="53"/>
      <c r="AW4043" s="53"/>
      <c r="AX4043" s="53"/>
      <c r="AY4043" s="53"/>
      <c r="AZ4043" s="53"/>
      <c r="BA4043" s="53"/>
      <c r="BB4043" s="53"/>
      <c r="BC4043" s="53"/>
      <c r="BD4043" s="53"/>
      <c r="BE4043" s="53"/>
      <c r="BF4043" s="53"/>
      <c r="BG4043" s="53"/>
      <c r="BH4043" s="53"/>
      <c r="BI4043" s="53"/>
      <c r="BJ4043" s="53"/>
      <c r="BK4043" s="53"/>
      <c r="BL4043" s="53"/>
      <c r="BM4043" s="53"/>
      <c r="BN4043" s="53"/>
      <c r="BO4043" s="53"/>
      <c r="BP4043" s="53"/>
      <c r="BQ4043" s="53"/>
      <c r="BR4043" s="53"/>
      <c r="BS4043" s="53"/>
      <c r="BT4043" s="53"/>
      <c r="BU4043" s="53"/>
      <c r="BV4043" s="53"/>
      <c r="BW4043" s="53"/>
      <c r="BX4043" s="53"/>
      <c r="BY4043" s="53"/>
      <c r="BZ4043" s="53"/>
      <c r="CA4043" s="53"/>
      <c r="CB4043" s="53"/>
      <c r="CC4043" s="53"/>
      <c r="CD4043" s="53"/>
      <c r="CE4043" s="53"/>
      <c r="CF4043" s="53"/>
      <c r="CG4043" s="53"/>
      <c r="CH4043" s="53"/>
      <c r="CI4043" s="53"/>
      <c r="CJ4043" s="53"/>
      <c r="CK4043" s="53"/>
      <c r="CL4043" s="53"/>
      <c r="CM4043" s="53"/>
      <c r="CN4043" s="53"/>
    </row>
    <row r="4044" spans="1:92" outlineLevel="1">
      <c r="A4044" s="52" t="s">
        <v>1801</v>
      </c>
      <c r="B4044" s="53"/>
      <c r="C4044" s="53"/>
      <c r="D4044" s="53"/>
      <c r="E4044" s="53"/>
      <c r="F4044" s="53"/>
      <c r="G4044" s="53"/>
      <c r="H4044" s="53"/>
      <c r="I4044" s="53"/>
      <c r="J4044" s="53"/>
      <c r="K4044" s="53"/>
      <c r="L4044" s="53"/>
      <c r="M4044" s="53"/>
      <c r="N4044" s="53"/>
      <c r="O4044" s="53"/>
      <c r="P4044" s="53"/>
      <c r="Q4044" s="53"/>
      <c r="R4044" s="53"/>
      <c r="S4044" s="53"/>
      <c r="T4044" s="53"/>
      <c r="U4044" s="53"/>
      <c r="V4044" s="53"/>
      <c r="W4044" s="53"/>
      <c r="X4044" s="53"/>
      <c r="Y4044" s="53"/>
      <c r="Z4044" s="53"/>
      <c r="AA4044" s="53"/>
      <c r="AB4044" s="53"/>
      <c r="AC4044" s="53"/>
      <c r="AD4044" s="53"/>
      <c r="AE4044" s="53"/>
      <c r="AF4044" s="53"/>
      <c r="AG4044" s="53"/>
      <c r="AH4044" s="53"/>
      <c r="AI4044" s="53"/>
      <c r="AJ4044" s="53"/>
      <c r="AK4044" s="53"/>
      <c r="AL4044" s="53"/>
      <c r="AM4044" s="53"/>
      <c r="AN4044" s="53"/>
      <c r="AO4044" s="53"/>
      <c r="AP4044" s="53"/>
      <c r="AQ4044" s="53"/>
      <c r="AR4044" s="53"/>
      <c r="AS4044" s="53"/>
      <c r="AT4044" s="53"/>
      <c r="AU4044" s="53"/>
      <c r="AV4044" s="53"/>
      <c r="AW4044" s="53"/>
      <c r="AX4044" s="53"/>
      <c r="AY4044" s="53"/>
      <c r="AZ4044" s="53"/>
      <c r="BA4044" s="53"/>
      <c r="BB4044" s="53"/>
      <c r="BC4044" s="53"/>
      <c r="BD4044" s="53"/>
      <c r="BE4044" s="53"/>
      <c r="BF4044" s="53"/>
      <c r="BG4044" s="53"/>
      <c r="BH4044" s="53"/>
      <c r="BI4044" s="53"/>
      <c r="BJ4044" s="53"/>
      <c r="BK4044" s="53"/>
      <c r="BL4044" s="53"/>
      <c r="BM4044" s="53"/>
      <c r="BN4044" s="53"/>
      <c r="BO4044" s="53"/>
      <c r="BP4044" s="53"/>
      <c r="BQ4044" s="53"/>
      <c r="BR4044" s="53"/>
      <c r="BS4044" s="53"/>
      <c r="BT4044" s="53"/>
      <c r="BU4044" s="53"/>
      <c r="BV4044" s="53"/>
      <c r="BW4044" s="53"/>
      <c r="BX4044" s="53"/>
      <c r="BY4044" s="53"/>
      <c r="BZ4044" s="53"/>
      <c r="CA4044" s="53"/>
      <c r="CB4044" s="53"/>
      <c r="CC4044" s="53"/>
      <c r="CD4044" s="53"/>
      <c r="CE4044" s="53"/>
      <c r="CF4044" s="53"/>
      <c r="CG4044" s="53"/>
      <c r="CH4044" s="53"/>
      <c r="CI4044" s="53"/>
      <c r="CJ4044" s="53"/>
      <c r="CK4044" s="53"/>
      <c r="CL4044" s="53"/>
      <c r="CM4044" s="53"/>
      <c r="CN4044" s="53"/>
    </row>
    <row r="4045" spans="1:92" outlineLevel="1">
      <c r="A4045" s="52" t="s">
        <v>649</v>
      </c>
      <c r="B4045" s="53"/>
      <c r="C4045" s="53"/>
      <c r="D4045" s="53"/>
      <c r="E4045" s="53"/>
      <c r="F4045" s="53"/>
      <c r="G4045" s="53">
        <v>1560000</v>
      </c>
      <c r="H4045" s="53">
        <v>1560000</v>
      </c>
      <c r="I4045" s="53">
        <v>1560000</v>
      </c>
      <c r="J4045" s="53">
        <v>1560000</v>
      </c>
      <c r="K4045" s="53">
        <v>1560000</v>
      </c>
      <c r="L4045" s="53">
        <v>1560000</v>
      </c>
      <c r="M4045" s="53">
        <v>1560000</v>
      </c>
      <c r="N4045" s="53">
        <v>10920000</v>
      </c>
      <c r="O4045" s="53"/>
      <c r="P4045" s="53"/>
      <c r="Q4045" s="53"/>
      <c r="R4045" s="53"/>
      <c r="S4045" s="53"/>
      <c r="T4045" s="53"/>
      <c r="U4045" s="53"/>
      <c r="V4045" s="53"/>
      <c r="W4045" s="53"/>
      <c r="X4045" s="53"/>
      <c r="Y4045" s="53"/>
      <c r="Z4045" s="53">
        <v>-7020000</v>
      </c>
      <c r="AA4045" s="53">
        <v>-7020000</v>
      </c>
      <c r="AB4045" s="53"/>
      <c r="AC4045" s="53"/>
      <c r="AD4045" s="53"/>
      <c r="AE4045" s="53"/>
      <c r="AF4045" s="53"/>
      <c r="AG4045" s="53"/>
      <c r="AH4045" s="53"/>
      <c r="AI4045" s="53"/>
      <c r="AJ4045" s="53"/>
      <c r="AK4045" s="53"/>
      <c r="AL4045" s="53"/>
      <c r="AM4045" s="53">
        <v>-7020000</v>
      </c>
      <c r="AN4045" s="53">
        <v>-7020000</v>
      </c>
      <c r="AO4045" s="53"/>
      <c r="AP4045" s="53"/>
      <c r="AQ4045" s="53"/>
      <c r="AR4045" s="53"/>
      <c r="AS4045" s="53"/>
      <c r="AT4045" s="53"/>
      <c r="AU4045" s="53"/>
      <c r="AV4045" s="53"/>
      <c r="AW4045" s="53"/>
      <c r="AX4045" s="53"/>
      <c r="AY4045" s="53"/>
      <c r="AZ4045" s="53"/>
      <c r="BA4045" s="53"/>
      <c r="BB4045" s="53"/>
      <c r="BC4045" s="53"/>
      <c r="BD4045" s="53"/>
      <c r="BE4045" s="53"/>
      <c r="BF4045" s="53"/>
      <c r="BG4045" s="53"/>
      <c r="BH4045" s="53"/>
      <c r="BI4045" s="53"/>
      <c r="BJ4045" s="53"/>
      <c r="BK4045" s="53"/>
      <c r="BL4045" s="53"/>
      <c r="BM4045" s="53"/>
      <c r="BN4045" s="53"/>
      <c r="BO4045" s="53"/>
      <c r="BP4045" s="53"/>
      <c r="BQ4045" s="53"/>
      <c r="BR4045" s="53"/>
      <c r="BS4045" s="53"/>
      <c r="BT4045" s="53"/>
      <c r="BU4045" s="53"/>
      <c r="BV4045" s="53"/>
      <c r="BW4045" s="53"/>
      <c r="BX4045" s="53"/>
      <c r="BY4045" s="53"/>
      <c r="BZ4045" s="53"/>
      <c r="CA4045" s="53"/>
      <c r="CB4045" s="53"/>
      <c r="CC4045" s="53"/>
      <c r="CD4045" s="53"/>
      <c r="CE4045" s="53"/>
      <c r="CF4045" s="53"/>
      <c r="CG4045" s="53"/>
      <c r="CH4045" s="53"/>
      <c r="CI4045" s="53"/>
      <c r="CJ4045" s="53"/>
      <c r="CK4045" s="53"/>
      <c r="CL4045" s="53"/>
      <c r="CM4045" s="53"/>
      <c r="CN4045" s="53"/>
    </row>
    <row r="4046" spans="1:92" outlineLevel="1">
      <c r="A4046" s="52" t="s">
        <v>1802</v>
      </c>
      <c r="B4046" s="53"/>
      <c r="C4046" s="53"/>
      <c r="D4046" s="53"/>
      <c r="E4046" s="53"/>
      <c r="F4046" s="53"/>
      <c r="G4046" s="53"/>
      <c r="H4046" s="53"/>
      <c r="I4046" s="53"/>
      <c r="J4046" s="53"/>
      <c r="K4046" s="53"/>
      <c r="L4046" s="53"/>
      <c r="M4046" s="53"/>
      <c r="N4046" s="53"/>
      <c r="O4046" s="53"/>
      <c r="P4046" s="53"/>
      <c r="Q4046" s="53"/>
      <c r="R4046" s="53"/>
      <c r="S4046" s="53"/>
      <c r="T4046" s="53"/>
      <c r="U4046" s="53"/>
      <c r="V4046" s="53"/>
      <c r="W4046" s="53"/>
      <c r="X4046" s="53"/>
      <c r="Y4046" s="53"/>
      <c r="Z4046" s="53"/>
      <c r="AA4046" s="53"/>
      <c r="AB4046" s="53"/>
      <c r="AC4046" s="53"/>
      <c r="AD4046" s="53"/>
      <c r="AE4046" s="53"/>
      <c r="AF4046" s="53"/>
      <c r="AG4046" s="53"/>
      <c r="AH4046" s="53"/>
      <c r="AI4046" s="53"/>
      <c r="AJ4046" s="53"/>
      <c r="AK4046" s="53"/>
      <c r="AL4046" s="53"/>
      <c r="AM4046" s="53"/>
      <c r="AN4046" s="53"/>
      <c r="AO4046" s="53"/>
      <c r="AP4046" s="53"/>
      <c r="AQ4046" s="53"/>
      <c r="AR4046" s="53"/>
      <c r="AS4046" s="53"/>
      <c r="AT4046" s="53"/>
      <c r="AU4046" s="53"/>
      <c r="AV4046" s="53"/>
      <c r="AW4046" s="53"/>
      <c r="AX4046" s="53"/>
      <c r="AY4046" s="53"/>
      <c r="AZ4046" s="53"/>
      <c r="BA4046" s="53"/>
      <c r="BB4046" s="53"/>
      <c r="BC4046" s="53"/>
      <c r="BD4046" s="53"/>
      <c r="BE4046" s="53"/>
      <c r="BF4046" s="53"/>
      <c r="BG4046" s="53"/>
      <c r="BH4046" s="53"/>
      <c r="BI4046" s="53"/>
      <c r="BJ4046" s="53"/>
      <c r="BK4046" s="53"/>
      <c r="BL4046" s="53"/>
      <c r="BM4046" s="53"/>
      <c r="BN4046" s="53"/>
      <c r="BO4046" s="53"/>
      <c r="BP4046" s="53"/>
      <c r="BQ4046" s="53"/>
      <c r="BR4046" s="53"/>
      <c r="BS4046" s="53"/>
      <c r="BT4046" s="53"/>
      <c r="BU4046" s="53"/>
      <c r="BV4046" s="53"/>
      <c r="BW4046" s="53"/>
      <c r="BX4046" s="53"/>
      <c r="BY4046" s="53"/>
      <c r="BZ4046" s="53"/>
      <c r="CA4046" s="53"/>
      <c r="CB4046" s="53"/>
      <c r="CC4046" s="53"/>
      <c r="CD4046" s="53"/>
      <c r="CE4046" s="53"/>
      <c r="CF4046" s="53"/>
      <c r="CG4046" s="53"/>
      <c r="CH4046" s="53"/>
      <c r="CI4046" s="53"/>
      <c r="CJ4046" s="53"/>
      <c r="CK4046" s="53"/>
      <c r="CL4046" s="53"/>
      <c r="CM4046" s="53"/>
      <c r="CN4046" s="53"/>
    </row>
    <row r="4047" spans="1:92" outlineLevel="1">
      <c r="A4047" s="52" t="s">
        <v>649</v>
      </c>
      <c r="B4047" s="53"/>
      <c r="C4047" s="53"/>
      <c r="D4047" s="53"/>
      <c r="E4047" s="53"/>
      <c r="F4047" s="53"/>
      <c r="G4047" s="53"/>
      <c r="H4047" s="53"/>
      <c r="I4047" s="53"/>
      <c r="J4047" s="53">
        <v>6703500</v>
      </c>
      <c r="K4047" s="53"/>
      <c r="L4047" s="53"/>
      <c r="M4047" s="53">
        <v>6703500</v>
      </c>
      <c r="N4047" s="53">
        <v>13407000</v>
      </c>
      <c r="O4047" s="53"/>
      <c r="P4047" s="53"/>
      <c r="Q4047" s="53">
        <v>5586250</v>
      </c>
      <c r="R4047" s="53"/>
      <c r="S4047" s="53"/>
      <c r="T4047" s="53">
        <v>5586250</v>
      </c>
      <c r="U4047" s="53"/>
      <c r="V4047" s="53"/>
      <c r="W4047" s="53">
        <v>5586250</v>
      </c>
      <c r="X4047" s="53"/>
      <c r="Y4047" s="53"/>
      <c r="Z4047" s="53">
        <v>5586250</v>
      </c>
      <c r="AA4047" s="53">
        <v>22345000</v>
      </c>
      <c r="AB4047" s="53"/>
      <c r="AC4047" s="53"/>
      <c r="AD4047" s="53">
        <v>5586250</v>
      </c>
      <c r="AE4047" s="53"/>
      <c r="AF4047" s="53"/>
      <c r="AG4047" s="53">
        <v>5586250</v>
      </c>
      <c r="AH4047" s="53"/>
      <c r="AI4047" s="53"/>
      <c r="AJ4047" s="53">
        <v>5586250</v>
      </c>
      <c r="AK4047" s="53"/>
      <c r="AL4047" s="53"/>
      <c r="AM4047" s="53">
        <v>5586250</v>
      </c>
      <c r="AN4047" s="53">
        <v>22345000</v>
      </c>
      <c r="AO4047" s="53"/>
      <c r="AP4047" s="53"/>
      <c r="AQ4047" s="53"/>
      <c r="AR4047" s="53"/>
      <c r="AS4047" s="53"/>
      <c r="AT4047" s="53"/>
      <c r="AU4047" s="53"/>
      <c r="AV4047" s="53"/>
      <c r="AW4047" s="53"/>
      <c r="AX4047" s="53"/>
      <c r="AY4047" s="53"/>
      <c r="AZ4047" s="53"/>
      <c r="BA4047" s="53"/>
      <c r="BB4047" s="53"/>
      <c r="BC4047" s="53"/>
      <c r="BD4047" s="53"/>
      <c r="BE4047" s="53"/>
      <c r="BF4047" s="53"/>
      <c r="BG4047" s="53"/>
      <c r="BH4047" s="53"/>
      <c r="BI4047" s="53"/>
      <c r="BJ4047" s="53"/>
      <c r="BK4047" s="53"/>
      <c r="BL4047" s="53"/>
      <c r="BM4047" s="53"/>
      <c r="BN4047" s="53"/>
      <c r="BO4047" s="53"/>
      <c r="BP4047" s="53"/>
      <c r="BQ4047" s="53"/>
      <c r="BR4047" s="53"/>
      <c r="BS4047" s="53"/>
      <c r="BT4047" s="53"/>
      <c r="BU4047" s="53"/>
      <c r="BV4047" s="53"/>
      <c r="BW4047" s="53"/>
      <c r="BX4047" s="53"/>
      <c r="BY4047" s="53"/>
      <c r="BZ4047" s="53"/>
      <c r="CA4047" s="53"/>
      <c r="CB4047" s="53"/>
      <c r="CC4047" s="53"/>
      <c r="CD4047" s="53"/>
      <c r="CE4047" s="53"/>
      <c r="CF4047" s="53"/>
      <c r="CG4047" s="53"/>
      <c r="CH4047" s="53"/>
      <c r="CI4047" s="53"/>
      <c r="CJ4047" s="53"/>
      <c r="CK4047" s="53"/>
      <c r="CL4047" s="53"/>
      <c r="CM4047" s="53"/>
      <c r="CN4047" s="53"/>
    </row>
    <row r="4048" spans="1:92" outlineLevel="1">
      <c r="A4048" s="52" t="s">
        <v>700</v>
      </c>
      <c r="B4048" s="53"/>
      <c r="C4048" s="53"/>
      <c r="D4048" s="53"/>
      <c r="E4048" s="53"/>
      <c r="F4048" s="53"/>
      <c r="G4048" s="53"/>
      <c r="H4048" s="53"/>
      <c r="I4048" s="53"/>
      <c r="J4048" s="53"/>
      <c r="K4048" s="53"/>
      <c r="L4048" s="53"/>
      <c r="M4048" s="53"/>
      <c r="N4048" s="53"/>
      <c r="O4048" s="53"/>
      <c r="P4048" s="53"/>
      <c r="Q4048" s="53"/>
      <c r="R4048" s="53"/>
      <c r="S4048" s="53"/>
      <c r="T4048" s="53"/>
      <c r="U4048" s="53"/>
      <c r="V4048" s="53"/>
      <c r="W4048" s="53"/>
      <c r="X4048" s="53"/>
      <c r="Y4048" s="53"/>
      <c r="Z4048" s="53"/>
      <c r="AA4048" s="53"/>
      <c r="AB4048" s="53"/>
      <c r="AC4048" s="53"/>
      <c r="AD4048" s="53"/>
      <c r="AE4048" s="53"/>
      <c r="AF4048" s="53"/>
      <c r="AG4048" s="53"/>
      <c r="AH4048" s="53"/>
      <c r="AI4048" s="53"/>
      <c r="AJ4048" s="53"/>
      <c r="AK4048" s="53"/>
      <c r="AL4048" s="53"/>
      <c r="AM4048" s="53"/>
      <c r="AN4048" s="53"/>
      <c r="AO4048" s="53"/>
      <c r="AP4048" s="53"/>
      <c r="AQ4048" s="53"/>
      <c r="AR4048" s="53"/>
      <c r="AS4048" s="53"/>
      <c r="AT4048" s="53"/>
      <c r="AU4048" s="53"/>
      <c r="AV4048" s="53"/>
      <c r="AW4048" s="53"/>
      <c r="AX4048" s="53"/>
      <c r="AY4048" s="53"/>
      <c r="AZ4048" s="53"/>
      <c r="BA4048" s="53"/>
      <c r="BB4048" s="53"/>
      <c r="BC4048" s="53"/>
      <c r="BD4048" s="53"/>
      <c r="BE4048" s="53"/>
      <c r="BF4048" s="53"/>
      <c r="BG4048" s="53"/>
      <c r="BH4048" s="53"/>
      <c r="BI4048" s="53"/>
      <c r="BJ4048" s="53"/>
      <c r="BK4048" s="53"/>
      <c r="BL4048" s="53"/>
      <c r="BM4048" s="53"/>
      <c r="BN4048" s="53"/>
      <c r="BO4048" s="53"/>
      <c r="BP4048" s="53"/>
      <c r="BQ4048" s="53"/>
      <c r="BR4048" s="53"/>
      <c r="BS4048" s="53"/>
      <c r="BT4048" s="53"/>
      <c r="BU4048" s="53"/>
      <c r="BV4048" s="53"/>
      <c r="BW4048" s="53"/>
      <c r="BX4048" s="53"/>
      <c r="BY4048" s="53"/>
      <c r="BZ4048" s="53"/>
      <c r="CA4048" s="53"/>
      <c r="CB4048" s="53"/>
      <c r="CC4048" s="53"/>
      <c r="CD4048" s="53"/>
      <c r="CE4048" s="53"/>
      <c r="CF4048" s="53"/>
      <c r="CG4048" s="53"/>
      <c r="CH4048" s="53"/>
      <c r="CI4048" s="53"/>
      <c r="CJ4048" s="53"/>
      <c r="CK4048" s="53"/>
      <c r="CL4048" s="53"/>
      <c r="CM4048" s="53"/>
      <c r="CN4048" s="53"/>
    </row>
    <row r="4049" spans="1:92" outlineLevel="1">
      <c r="A4049" s="52" t="s">
        <v>701</v>
      </c>
      <c r="B4049" s="53"/>
      <c r="C4049" s="53"/>
      <c r="D4049" s="53"/>
      <c r="E4049" s="53"/>
      <c r="F4049" s="53"/>
      <c r="G4049" s="53"/>
      <c r="H4049" s="53"/>
      <c r="I4049" s="53"/>
      <c r="J4049" s="53"/>
      <c r="K4049" s="53"/>
      <c r="L4049" s="53"/>
      <c r="M4049" s="53"/>
      <c r="N4049" s="53"/>
      <c r="O4049" s="53"/>
      <c r="P4049" s="53"/>
      <c r="Q4049" s="53"/>
      <c r="R4049" s="53"/>
      <c r="S4049" s="53"/>
      <c r="T4049" s="53"/>
      <c r="U4049" s="53"/>
      <c r="V4049" s="53"/>
      <c r="W4049" s="53"/>
      <c r="X4049" s="53"/>
      <c r="Y4049" s="53"/>
      <c r="Z4049" s="53"/>
      <c r="AA4049" s="53"/>
      <c r="AB4049" s="53"/>
      <c r="AC4049" s="53"/>
      <c r="AD4049" s="53"/>
      <c r="AE4049" s="53"/>
      <c r="AF4049" s="53"/>
      <c r="AG4049" s="53"/>
      <c r="AH4049" s="53"/>
      <c r="AI4049" s="53"/>
      <c r="AJ4049" s="53"/>
      <c r="AK4049" s="53"/>
      <c r="AL4049" s="53"/>
      <c r="AM4049" s="53"/>
      <c r="AN4049" s="53"/>
      <c r="AO4049" s="53"/>
      <c r="AP4049" s="53"/>
      <c r="AQ4049" s="53"/>
      <c r="AR4049" s="53"/>
      <c r="AS4049" s="53"/>
      <c r="AT4049" s="53"/>
      <c r="AU4049" s="53"/>
      <c r="AV4049" s="53"/>
      <c r="AW4049" s="53"/>
      <c r="AX4049" s="53"/>
      <c r="AY4049" s="53"/>
      <c r="AZ4049" s="53"/>
      <c r="BA4049" s="53"/>
      <c r="BB4049" s="53"/>
      <c r="BC4049" s="53"/>
      <c r="BD4049" s="53"/>
      <c r="BE4049" s="53"/>
      <c r="BF4049" s="53"/>
      <c r="BG4049" s="53"/>
      <c r="BH4049" s="53"/>
      <c r="BI4049" s="53"/>
      <c r="BJ4049" s="53"/>
      <c r="BK4049" s="53"/>
      <c r="BL4049" s="53"/>
      <c r="BM4049" s="53"/>
      <c r="BN4049" s="53"/>
      <c r="BO4049" s="53"/>
      <c r="BP4049" s="53"/>
      <c r="BQ4049" s="53"/>
      <c r="BR4049" s="53"/>
      <c r="BS4049" s="53"/>
      <c r="BT4049" s="53"/>
      <c r="BU4049" s="53"/>
      <c r="BV4049" s="53"/>
      <c r="BW4049" s="53"/>
      <c r="BX4049" s="53"/>
      <c r="BY4049" s="53"/>
      <c r="BZ4049" s="53"/>
      <c r="CA4049" s="53"/>
      <c r="CB4049" s="53"/>
      <c r="CC4049" s="53"/>
      <c r="CD4049" s="53"/>
      <c r="CE4049" s="53"/>
      <c r="CF4049" s="53"/>
      <c r="CG4049" s="53"/>
      <c r="CH4049" s="53"/>
      <c r="CI4049" s="53"/>
      <c r="CJ4049" s="53"/>
      <c r="CK4049" s="53"/>
      <c r="CL4049" s="53"/>
      <c r="CM4049" s="53"/>
      <c r="CN4049" s="53"/>
    </row>
    <row r="4050" spans="1:92" outlineLevel="1">
      <c r="A4050" s="52" t="s">
        <v>649</v>
      </c>
      <c r="B4050" s="53"/>
      <c r="C4050" s="53">
        <v>22399468.359999999</v>
      </c>
      <c r="D4050" s="53">
        <v>-25805122.469999999</v>
      </c>
      <c r="E4050" s="53">
        <v>16514863.5</v>
      </c>
      <c r="F4050" s="53">
        <v>29240425.75</v>
      </c>
      <c r="G4050" s="53">
        <v>-149363.959999999</v>
      </c>
      <c r="H4050" s="53">
        <v>34088791.269999899</v>
      </c>
      <c r="I4050" s="53">
        <v>34173395.709999897</v>
      </c>
      <c r="J4050" s="53">
        <v>6900931.1600000001</v>
      </c>
      <c r="K4050" s="53">
        <v>24572081.350000001</v>
      </c>
      <c r="L4050" s="53">
        <v>-4414317.59</v>
      </c>
      <c r="M4050" s="53">
        <v>12464172.789999999</v>
      </c>
      <c r="N4050" s="53">
        <v>149985325.87</v>
      </c>
      <c r="O4050" s="53"/>
      <c r="P4050" s="53">
        <v>21958655.370000001</v>
      </c>
      <c r="Q4050" s="53">
        <v>-58428964.340000004</v>
      </c>
      <c r="R4050" s="53">
        <v>16629079.619999999</v>
      </c>
      <c r="S4050" s="53">
        <v>27734115.68</v>
      </c>
      <c r="T4050" s="53">
        <v>-46665917.719999902</v>
      </c>
      <c r="U4050" s="53">
        <v>34929734.140000001</v>
      </c>
      <c r="V4050" s="53">
        <v>32795033.77</v>
      </c>
      <c r="W4050" s="53">
        <v>-75498434.959999993</v>
      </c>
      <c r="X4050" s="53">
        <v>23730511.620000001</v>
      </c>
      <c r="Y4050" s="53">
        <v>-55077465.5</v>
      </c>
      <c r="Z4050" s="53">
        <v>7634970.5399999898</v>
      </c>
      <c r="AA4050" s="53">
        <v>-70258681.780000001</v>
      </c>
      <c r="AB4050" s="53">
        <v>219611.48909155201</v>
      </c>
      <c r="AC4050" s="53">
        <v>2004656.51055056</v>
      </c>
      <c r="AD4050" s="53">
        <v>122374.768753368</v>
      </c>
      <c r="AE4050" s="53">
        <v>10240954.9813611</v>
      </c>
      <c r="AF4050" s="53">
        <v>17808718.257700901</v>
      </c>
      <c r="AG4050" s="53">
        <v>3436599.3830321198</v>
      </c>
      <c r="AH4050" s="53">
        <v>27260473.875532102</v>
      </c>
      <c r="AI4050" s="53">
        <v>27264843.869934302</v>
      </c>
      <c r="AJ4050" s="53">
        <v>21793320.0886559</v>
      </c>
      <c r="AK4050" s="53">
        <v>13473447.8066028</v>
      </c>
      <c r="AL4050" s="53">
        <v>7547161.6463087499</v>
      </c>
      <c r="AM4050" s="53">
        <v>6137040.4945898596</v>
      </c>
      <c r="AN4050" s="53">
        <v>137309203.172113</v>
      </c>
      <c r="AO4050" s="53">
        <v>5617483.3331069397</v>
      </c>
      <c r="AP4050" s="53">
        <v>6929593.2060441403</v>
      </c>
      <c r="AQ4050" s="53">
        <v>6621176.1435884601</v>
      </c>
      <c r="AR4050" s="53">
        <v>11933542.0860532</v>
      </c>
      <c r="AS4050" s="53">
        <v>22452830.800489001</v>
      </c>
      <c r="AT4050" s="53">
        <v>27565228.429983001</v>
      </c>
      <c r="AU4050" s="53">
        <v>31996513.8491433</v>
      </c>
      <c r="AV4050" s="53">
        <v>31464971.251944501</v>
      </c>
      <c r="AW4050" s="53">
        <v>26931441.092352901</v>
      </c>
      <c r="AX4050" s="53">
        <v>17196538.026169501</v>
      </c>
      <c r="AY4050" s="53">
        <v>7329737.2140864497</v>
      </c>
      <c r="AZ4050" s="53">
        <v>11025882.613074999</v>
      </c>
      <c r="BA4050" s="53">
        <v>207064938.04603601</v>
      </c>
      <c r="BB4050" s="53">
        <v>4482867.1569738695</v>
      </c>
      <c r="BC4050" s="53">
        <v>3496793.5879782201</v>
      </c>
      <c r="BD4050" s="53">
        <v>2276760.6833858499</v>
      </c>
      <c r="BE4050" s="53">
        <v>6926893.2755888496</v>
      </c>
      <c r="BF4050" s="53">
        <v>16462364.8380032</v>
      </c>
      <c r="BG4050" s="53">
        <v>21007717.003624599</v>
      </c>
      <c r="BH4050" s="53">
        <v>25812675.011709001</v>
      </c>
      <c r="BI4050" s="53">
        <v>25988842.323737498</v>
      </c>
      <c r="BJ4050" s="53">
        <v>21398143.294612098</v>
      </c>
      <c r="BK4050" s="53">
        <v>11262234.5020543</v>
      </c>
      <c r="BL4050" s="53">
        <v>3013460.56383768</v>
      </c>
      <c r="BM4050" s="53">
        <v>5799977.38265255</v>
      </c>
      <c r="BN4050" s="53">
        <v>147928729.62415701</v>
      </c>
      <c r="BO4050" s="53">
        <v>5676808.3477889299</v>
      </c>
      <c r="BP4050" s="53">
        <v>2597844.8906770898</v>
      </c>
      <c r="BQ4050" s="53">
        <v>1684797.2244130899</v>
      </c>
      <c r="BR4050" s="53">
        <v>6293326.2251962498</v>
      </c>
      <c r="BS4050" s="53">
        <v>16886881.620280098</v>
      </c>
      <c r="BT4050" s="53">
        <v>21575406.8954341</v>
      </c>
      <c r="BU4050" s="53">
        <v>26736736.2420744</v>
      </c>
      <c r="BV4050" s="53">
        <v>26921600.487460401</v>
      </c>
      <c r="BW4050" s="53">
        <v>22261898.515235301</v>
      </c>
      <c r="BX4050" s="53">
        <v>12198384.916909499</v>
      </c>
      <c r="BY4050" s="53">
        <v>3476692.4252675399</v>
      </c>
      <c r="BZ4050" s="53">
        <v>6188546.7700672299</v>
      </c>
      <c r="CA4050" s="53">
        <v>152498924.56080401</v>
      </c>
      <c r="CB4050" s="53">
        <v>9966657.5352246799</v>
      </c>
      <c r="CC4050" s="53">
        <v>4649169.1058668504</v>
      </c>
      <c r="CD4050" s="53">
        <v>4180311.4957047999</v>
      </c>
      <c r="CE4050" s="53">
        <v>8515473.5558954906</v>
      </c>
      <c r="CF4050" s="53">
        <v>19756860.9266943</v>
      </c>
      <c r="CG4050" s="53">
        <v>24261694.077486001</v>
      </c>
      <c r="CH4050" s="53">
        <v>29436058.5516885</v>
      </c>
      <c r="CI4050" s="53">
        <v>29677056.700727601</v>
      </c>
      <c r="CJ4050" s="53">
        <v>24727090.512954202</v>
      </c>
      <c r="CK4050" s="53">
        <v>14592147.8233594</v>
      </c>
      <c r="CL4050" s="53">
        <v>4828308.1482623396</v>
      </c>
      <c r="CM4050" s="53">
        <v>6254011.0540844398</v>
      </c>
      <c r="CN4050" s="53">
        <v>180844839.487948</v>
      </c>
    </row>
    <row r="4051" spans="1:92" outlineLevel="1">
      <c r="A4051" s="52" t="s">
        <v>702</v>
      </c>
      <c r="B4051" s="53"/>
      <c r="C4051" s="53"/>
      <c r="D4051" s="53"/>
      <c r="E4051" s="53"/>
      <c r="F4051" s="53"/>
      <c r="G4051" s="53"/>
      <c r="H4051" s="53"/>
      <c r="I4051" s="53"/>
      <c r="J4051" s="53"/>
      <c r="K4051" s="53"/>
      <c r="L4051" s="53"/>
      <c r="M4051" s="53"/>
      <c r="N4051" s="53"/>
      <c r="O4051" s="53"/>
      <c r="P4051" s="53"/>
      <c r="Q4051" s="53"/>
      <c r="R4051" s="53"/>
      <c r="S4051" s="53"/>
      <c r="T4051" s="53"/>
      <c r="U4051" s="53"/>
      <c r="V4051" s="53"/>
      <c r="W4051" s="53"/>
      <c r="X4051" s="53"/>
      <c r="Y4051" s="53"/>
      <c r="Z4051" s="53"/>
      <c r="AA4051" s="53"/>
      <c r="AB4051" s="53"/>
      <c r="AC4051" s="53"/>
      <c r="AD4051" s="53"/>
      <c r="AE4051" s="53"/>
      <c r="AF4051" s="53"/>
      <c r="AG4051" s="53"/>
      <c r="AH4051" s="53"/>
      <c r="AI4051" s="53"/>
      <c r="AJ4051" s="53"/>
      <c r="AK4051" s="53"/>
      <c r="AL4051" s="53"/>
      <c r="AM4051" s="53"/>
      <c r="AN4051" s="53"/>
      <c r="AO4051" s="53"/>
      <c r="AP4051" s="53"/>
      <c r="AQ4051" s="53"/>
      <c r="AR4051" s="53"/>
      <c r="AS4051" s="53"/>
      <c r="AT4051" s="53"/>
      <c r="AU4051" s="53"/>
      <c r="AV4051" s="53"/>
      <c r="AW4051" s="53"/>
      <c r="AX4051" s="53"/>
      <c r="AY4051" s="53"/>
      <c r="AZ4051" s="53"/>
      <c r="BA4051" s="53"/>
      <c r="BB4051" s="53"/>
      <c r="BC4051" s="53"/>
      <c r="BD4051" s="53"/>
      <c r="BE4051" s="53"/>
      <c r="BF4051" s="53"/>
      <c r="BG4051" s="53"/>
      <c r="BH4051" s="53"/>
      <c r="BI4051" s="53"/>
      <c r="BJ4051" s="53"/>
      <c r="BK4051" s="53"/>
      <c r="BL4051" s="53"/>
      <c r="BM4051" s="53"/>
      <c r="BN4051" s="53"/>
      <c r="BO4051" s="53"/>
      <c r="BP4051" s="53"/>
      <c r="BQ4051" s="53"/>
      <c r="BR4051" s="53"/>
      <c r="BS4051" s="53"/>
      <c r="BT4051" s="53"/>
      <c r="BU4051" s="53"/>
      <c r="BV4051" s="53"/>
      <c r="BW4051" s="53"/>
      <c r="BX4051" s="53"/>
      <c r="BY4051" s="53"/>
      <c r="BZ4051" s="53"/>
      <c r="CA4051" s="53"/>
      <c r="CB4051" s="53"/>
      <c r="CC4051" s="53"/>
      <c r="CD4051" s="53"/>
      <c r="CE4051" s="53"/>
      <c r="CF4051" s="53"/>
      <c r="CG4051" s="53"/>
      <c r="CH4051" s="53"/>
      <c r="CI4051" s="53"/>
      <c r="CJ4051" s="53"/>
      <c r="CK4051" s="53"/>
      <c r="CL4051" s="53"/>
      <c r="CM4051" s="53"/>
      <c r="CN4051" s="53"/>
    </row>
    <row r="4052" spans="1:92" outlineLevel="1">
      <c r="A4052" s="52" t="s">
        <v>649</v>
      </c>
      <c r="B4052" s="53"/>
      <c r="C4052" s="53">
        <v>-8822997.1999999993</v>
      </c>
      <c r="D4052" s="53">
        <v>33877767.869999997</v>
      </c>
      <c r="E4052" s="53">
        <v>-4411498.5999999996</v>
      </c>
      <c r="F4052" s="53">
        <v>-4411498.5999999996</v>
      </c>
      <c r="G4052" s="53">
        <v>137205.789999995</v>
      </c>
      <c r="H4052" s="53">
        <v>-4411498.5999999996</v>
      </c>
      <c r="I4052" s="53">
        <v>-4411498.5999999996</v>
      </c>
      <c r="J4052" s="53">
        <v>-3362368.81</v>
      </c>
      <c r="K4052" s="53">
        <v>-4614243.5999999996</v>
      </c>
      <c r="L4052" s="53">
        <v>11900184.7099999</v>
      </c>
      <c r="M4052" s="53">
        <v>-9527321.7899999991</v>
      </c>
      <c r="N4052" s="53">
        <v>1942232.56999997</v>
      </c>
      <c r="O4052" s="53"/>
      <c r="P4052" s="53">
        <v>-9292266.5</v>
      </c>
      <c r="Q4052" s="53">
        <v>64851720.209999897</v>
      </c>
      <c r="R4052" s="53">
        <v>-4646133.25</v>
      </c>
      <c r="S4052" s="53">
        <v>-4646133.25</v>
      </c>
      <c r="T4052" s="53">
        <v>53836156.269999899</v>
      </c>
      <c r="U4052" s="53">
        <v>-4646133.25</v>
      </c>
      <c r="V4052" s="53">
        <v>-4646133.25</v>
      </c>
      <c r="W4052" s="53">
        <v>64986837.439999998</v>
      </c>
      <c r="X4052" s="53">
        <v>-4646133.25</v>
      </c>
      <c r="Y4052" s="53">
        <v>47291014.219999902</v>
      </c>
      <c r="Z4052" s="53">
        <v>7567374.2599999802</v>
      </c>
      <c r="AA4052" s="53">
        <v>206010169.64999899</v>
      </c>
      <c r="AB4052" s="53">
        <v>11902117.5941166</v>
      </c>
      <c r="AC4052" s="53">
        <v>4395980.4400809202</v>
      </c>
      <c r="AD4052" s="53">
        <v>10281775.1815216</v>
      </c>
      <c r="AE4052" s="53">
        <v>-1283785.1568436399</v>
      </c>
      <c r="AF4052" s="53">
        <v>-1713968.21797351</v>
      </c>
      <c r="AG4052" s="53">
        <v>18083824.170836799</v>
      </c>
      <c r="AH4052" s="53">
        <v>-2144606.9987974199</v>
      </c>
      <c r="AI4052" s="53">
        <v>-2274436.28393326</v>
      </c>
      <c r="AJ4052" s="53">
        <v>-6309396.0175166298</v>
      </c>
      <c r="AK4052" s="53">
        <v>135009.26236235999</v>
      </c>
      <c r="AL4052" s="53">
        <v>1885186.7586596</v>
      </c>
      <c r="AM4052" s="53">
        <v>12689778.0766291</v>
      </c>
      <c r="AN4052" s="53">
        <v>45647478.809142597</v>
      </c>
      <c r="AO4052" s="53">
        <v>7218731.6560317604</v>
      </c>
      <c r="AP4052" s="53">
        <v>6076205.9289189503</v>
      </c>
      <c r="AQ4052" s="53">
        <v>5033233.3454117002</v>
      </c>
      <c r="AR4052" s="53">
        <v>2453549.81654354</v>
      </c>
      <c r="AS4052" s="53">
        <v>648137.41459963098</v>
      </c>
      <c r="AT4052" s="53">
        <v>-506523.21126952802</v>
      </c>
      <c r="AU4052" s="53">
        <v>-317917.25104538898</v>
      </c>
      <c r="AV4052" s="53">
        <v>-104014.913652683</v>
      </c>
      <c r="AW4052" s="53">
        <v>192213.69829495999</v>
      </c>
      <c r="AX4052" s="53">
        <v>1558686.7673575799</v>
      </c>
      <c r="AY4052" s="53">
        <v>3989624.2935184301</v>
      </c>
      <c r="AZ4052" s="53">
        <v>3560179.7927134698</v>
      </c>
      <c r="BA4052" s="53">
        <v>29802107.337422401</v>
      </c>
      <c r="BB4052" s="53">
        <v>10879547.414821601</v>
      </c>
      <c r="BC4052" s="53">
        <v>10533718.462548099</v>
      </c>
      <c r="BD4052" s="53">
        <v>9875136.4593703598</v>
      </c>
      <c r="BE4052" s="53">
        <v>7836380.1952155698</v>
      </c>
      <c r="BF4052" s="53">
        <v>7737432.0266792597</v>
      </c>
      <c r="BG4052" s="53">
        <v>6828265.5695787901</v>
      </c>
      <c r="BH4052" s="53">
        <v>6716255.4473133199</v>
      </c>
      <c r="BI4052" s="53">
        <v>6738196.6947743203</v>
      </c>
      <c r="BJ4052" s="53">
        <v>6636307.6597905001</v>
      </c>
      <c r="BK4052" s="53">
        <v>7971113.5292767901</v>
      </c>
      <c r="BL4052" s="53">
        <v>8541650.2152754292</v>
      </c>
      <c r="BM4052" s="53">
        <v>8719441.4346413407</v>
      </c>
      <c r="BN4052" s="53">
        <v>99013445.109285504</v>
      </c>
      <c r="BO4052" s="53">
        <v>12080785.344217001</v>
      </c>
      <c r="BP4052" s="53">
        <v>11651799.7143913</v>
      </c>
      <c r="BQ4052" s="53">
        <v>11491187.4793467</v>
      </c>
      <c r="BR4052" s="53">
        <v>9548359.72060013</v>
      </c>
      <c r="BS4052" s="53">
        <v>8747783.3340059109</v>
      </c>
      <c r="BT4052" s="53">
        <v>8218058.8797219498</v>
      </c>
      <c r="BU4052" s="53">
        <v>8278619.6004258096</v>
      </c>
      <c r="BV4052" s="53">
        <v>8308020.1416396499</v>
      </c>
      <c r="BW4052" s="53">
        <v>8116964.5513831098</v>
      </c>
      <c r="BX4052" s="53">
        <v>8840986.2021257896</v>
      </c>
      <c r="BY4052" s="53">
        <v>9664607.1328946594</v>
      </c>
      <c r="BZ4052" s="53">
        <v>9885787.6704442799</v>
      </c>
      <c r="CA4052" s="53">
        <v>114832959.77119599</v>
      </c>
      <c r="CB4052" s="53">
        <v>10635897.274225701</v>
      </c>
      <c r="CC4052" s="53">
        <v>10846350.2420482</v>
      </c>
      <c r="CD4052" s="53">
        <v>10275474.654750301</v>
      </c>
      <c r="CE4052" s="53">
        <v>8764534.2034978997</v>
      </c>
      <c r="CF4052" s="53">
        <v>7751278.7869478604</v>
      </c>
      <c r="CG4052" s="53">
        <v>7236684.0452761399</v>
      </c>
      <c r="CH4052" s="53">
        <v>7225027.4822321301</v>
      </c>
      <c r="CI4052" s="53">
        <v>7223498.5982780801</v>
      </c>
      <c r="CJ4052" s="53">
        <v>7150318.9687357303</v>
      </c>
      <c r="CK4052" s="53">
        <v>7862363.9665323095</v>
      </c>
      <c r="CL4052" s="53">
        <v>9385504.8733291402</v>
      </c>
      <c r="CM4052" s="53">
        <v>8988787.2571279295</v>
      </c>
      <c r="CN4052" s="53">
        <v>103345720.352981</v>
      </c>
    </row>
    <row r="4053" spans="1:92" outlineLevel="1">
      <c r="A4053" s="52" t="s">
        <v>1365</v>
      </c>
      <c r="B4053" s="53"/>
      <c r="C4053" s="53"/>
      <c r="D4053" s="53"/>
      <c r="E4053" s="53"/>
      <c r="F4053" s="53"/>
      <c r="G4053" s="53"/>
      <c r="H4053" s="53"/>
      <c r="I4053" s="53"/>
      <c r="J4053" s="53"/>
      <c r="K4053" s="53"/>
      <c r="L4053" s="53"/>
      <c r="M4053" s="53"/>
      <c r="N4053" s="53"/>
      <c r="O4053" s="53"/>
      <c r="P4053" s="53"/>
      <c r="Q4053" s="53"/>
      <c r="R4053" s="53"/>
      <c r="S4053" s="53"/>
      <c r="T4053" s="53"/>
      <c r="U4053" s="53"/>
      <c r="V4053" s="53"/>
      <c r="W4053" s="53"/>
      <c r="X4053" s="53"/>
      <c r="Y4053" s="53"/>
      <c r="Z4053" s="53"/>
      <c r="AA4053" s="53"/>
      <c r="AB4053" s="53"/>
      <c r="AC4053" s="53"/>
      <c r="AD4053" s="53"/>
      <c r="AE4053" s="53"/>
      <c r="AF4053" s="53"/>
      <c r="AG4053" s="53"/>
      <c r="AH4053" s="53"/>
      <c r="AI4053" s="53"/>
      <c r="AJ4053" s="53"/>
      <c r="AK4053" s="53"/>
      <c r="AL4053" s="53"/>
      <c r="AM4053" s="53"/>
      <c r="AN4053" s="53"/>
      <c r="AO4053" s="53"/>
      <c r="AP4053" s="53"/>
      <c r="AQ4053" s="53"/>
      <c r="AR4053" s="53"/>
      <c r="AS4053" s="53"/>
      <c r="AT4053" s="53"/>
      <c r="AU4053" s="53"/>
      <c r="AV4053" s="53"/>
      <c r="AW4053" s="53"/>
      <c r="AX4053" s="53"/>
      <c r="AY4053" s="53"/>
      <c r="AZ4053" s="53"/>
      <c r="BA4053" s="53"/>
      <c r="BB4053" s="53"/>
      <c r="BC4053" s="53"/>
      <c r="BD4053" s="53"/>
      <c r="BE4053" s="53"/>
      <c r="BF4053" s="53"/>
      <c r="BG4053" s="53"/>
      <c r="BH4053" s="53"/>
      <c r="BI4053" s="53"/>
      <c r="BJ4053" s="53"/>
      <c r="BK4053" s="53"/>
      <c r="BL4053" s="53"/>
      <c r="BM4053" s="53"/>
      <c r="BN4053" s="53"/>
      <c r="BO4053" s="53"/>
      <c r="BP4053" s="53"/>
      <c r="BQ4053" s="53"/>
      <c r="BR4053" s="53"/>
      <c r="BS4053" s="53"/>
      <c r="BT4053" s="53"/>
      <c r="BU4053" s="53"/>
      <c r="BV4053" s="53"/>
      <c r="BW4053" s="53"/>
      <c r="BX4053" s="53"/>
      <c r="BY4053" s="53"/>
      <c r="BZ4053" s="53"/>
      <c r="CA4053" s="53"/>
      <c r="CB4053" s="53"/>
      <c r="CC4053" s="53"/>
      <c r="CD4053" s="53"/>
      <c r="CE4053" s="53"/>
      <c r="CF4053" s="53"/>
      <c r="CG4053" s="53"/>
      <c r="CH4053" s="53"/>
      <c r="CI4053" s="53"/>
      <c r="CJ4053" s="53"/>
      <c r="CK4053" s="53"/>
      <c r="CL4053" s="53"/>
      <c r="CM4053" s="53"/>
      <c r="CN4053" s="53"/>
    </row>
    <row r="4054" spans="1:92" outlineLevel="1">
      <c r="A4054" s="52" t="s">
        <v>1803</v>
      </c>
      <c r="B4054" s="53"/>
      <c r="C4054" s="53"/>
      <c r="D4054" s="53"/>
      <c r="E4054" s="53"/>
      <c r="F4054" s="53"/>
      <c r="G4054" s="53"/>
      <c r="H4054" s="53"/>
      <c r="I4054" s="53"/>
      <c r="J4054" s="53"/>
      <c r="K4054" s="53"/>
      <c r="L4054" s="53"/>
      <c r="M4054" s="53"/>
      <c r="N4054" s="53"/>
      <c r="O4054" s="53"/>
      <c r="P4054" s="53"/>
      <c r="Q4054" s="53"/>
      <c r="R4054" s="53"/>
      <c r="S4054" s="53"/>
      <c r="T4054" s="53"/>
      <c r="U4054" s="53"/>
      <c r="V4054" s="53"/>
      <c r="W4054" s="53"/>
      <c r="X4054" s="53"/>
      <c r="Y4054" s="53"/>
      <c r="Z4054" s="53"/>
      <c r="AA4054" s="53"/>
      <c r="AB4054" s="53"/>
      <c r="AC4054" s="53"/>
      <c r="AD4054" s="53"/>
      <c r="AE4054" s="53"/>
      <c r="AF4054" s="53"/>
      <c r="AG4054" s="53"/>
      <c r="AH4054" s="53"/>
      <c r="AI4054" s="53"/>
      <c r="AJ4054" s="53"/>
      <c r="AK4054" s="53"/>
      <c r="AL4054" s="53"/>
      <c r="AM4054" s="53"/>
      <c r="AN4054" s="53"/>
      <c r="AO4054" s="53"/>
      <c r="AP4054" s="53"/>
      <c r="AQ4054" s="53"/>
      <c r="AR4054" s="53"/>
      <c r="AS4054" s="53"/>
      <c r="AT4054" s="53"/>
      <c r="AU4054" s="53"/>
      <c r="AV4054" s="53"/>
      <c r="AW4054" s="53"/>
      <c r="AX4054" s="53"/>
      <c r="AY4054" s="53"/>
      <c r="AZ4054" s="53"/>
      <c r="BA4054" s="53"/>
      <c r="BB4054" s="53"/>
      <c r="BC4054" s="53"/>
      <c r="BD4054" s="53"/>
      <c r="BE4054" s="53"/>
      <c r="BF4054" s="53"/>
      <c r="BG4054" s="53"/>
      <c r="BH4054" s="53"/>
      <c r="BI4054" s="53"/>
      <c r="BJ4054" s="53"/>
      <c r="BK4054" s="53"/>
      <c r="BL4054" s="53"/>
      <c r="BM4054" s="53"/>
      <c r="BN4054" s="53"/>
      <c r="BO4054" s="53"/>
      <c r="BP4054" s="53"/>
      <c r="BQ4054" s="53"/>
      <c r="BR4054" s="53"/>
      <c r="BS4054" s="53"/>
      <c r="BT4054" s="53"/>
      <c r="BU4054" s="53"/>
      <c r="BV4054" s="53"/>
      <c r="BW4054" s="53"/>
      <c r="BX4054" s="53"/>
      <c r="BY4054" s="53"/>
      <c r="BZ4054" s="53"/>
      <c r="CA4054" s="53"/>
      <c r="CB4054" s="53"/>
      <c r="CC4054" s="53"/>
      <c r="CD4054" s="53"/>
      <c r="CE4054" s="53"/>
      <c r="CF4054" s="53"/>
      <c r="CG4054" s="53"/>
      <c r="CH4054" s="53"/>
      <c r="CI4054" s="53"/>
      <c r="CJ4054" s="53"/>
      <c r="CK4054" s="53"/>
      <c r="CL4054" s="53"/>
      <c r="CM4054" s="53"/>
      <c r="CN4054" s="53"/>
    </row>
    <row r="4055" spans="1:92" outlineLevel="1">
      <c r="A4055" s="52" t="s">
        <v>649</v>
      </c>
      <c r="B4055" s="53">
        <v>7025429.5833333302</v>
      </c>
      <c r="C4055" s="53">
        <v>7025429.5833333302</v>
      </c>
      <c r="D4055" s="53">
        <v>7025429.5833333302</v>
      </c>
      <c r="E4055" s="53">
        <v>7025429.5833333302</v>
      </c>
      <c r="F4055" s="53">
        <v>7025429.5833333302</v>
      </c>
      <c r="G4055" s="53">
        <v>7025429.5833333302</v>
      </c>
      <c r="H4055" s="53">
        <v>7025429.5833333302</v>
      </c>
      <c r="I4055" s="53">
        <v>7025429.5833333302</v>
      </c>
      <c r="J4055" s="53">
        <v>7025429.5833333302</v>
      </c>
      <c r="K4055" s="53">
        <v>7025429.5833333302</v>
      </c>
      <c r="L4055" s="53">
        <v>7025429.5833333302</v>
      </c>
      <c r="M4055" s="53">
        <v>7025429.5833333302</v>
      </c>
      <c r="N4055" s="53">
        <v>84305154.999999896</v>
      </c>
      <c r="O4055" s="53"/>
      <c r="P4055" s="53"/>
      <c r="Q4055" s="53"/>
      <c r="R4055" s="53"/>
      <c r="S4055" s="53"/>
      <c r="T4055" s="53"/>
      <c r="U4055" s="53"/>
      <c r="V4055" s="53"/>
      <c r="W4055" s="53"/>
      <c r="X4055" s="53"/>
      <c r="Y4055" s="53"/>
      <c r="Z4055" s="53">
        <v>114486250</v>
      </c>
      <c r="AA4055" s="53">
        <v>114486250</v>
      </c>
      <c r="AB4055" s="53"/>
      <c r="AC4055" s="53"/>
      <c r="AD4055" s="53"/>
      <c r="AE4055" s="53"/>
      <c r="AF4055" s="53"/>
      <c r="AG4055" s="53"/>
      <c r="AH4055" s="53"/>
      <c r="AI4055" s="53"/>
      <c r="AJ4055" s="53"/>
      <c r="AK4055" s="53"/>
      <c r="AL4055" s="53"/>
      <c r="AM4055" s="53">
        <v>100389000</v>
      </c>
      <c r="AN4055" s="53">
        <v>100389000</v>
      </c>
      <c r="AO4055" s="53"/>
      <c r="AP4055" s="53"/>
      <c r="AQ4055" s="53"/>
      <c r="AR4055" s="53"/>
      <c r="AS4055" s="53"/>
      <c r="AT4055" s="53"/>
      <c r="AU4055" s="53"/>
      <c r="AV4055" s="53"/>
      <c r="AW4055" s="53"/>
      <c r="AX4055" s="53"/>
      <c r="AY4055" s="53"/>
      <c r="AZ4055" s="53">
        <v>127917500</v>
      </c>
      <c r="BA4055" s="53">
        <v>127917500</v>
      </c>
      <c r="BB4055" s="53">
        <v>12161833.3333333</v>
      </c>
      <c r="BC4055" s="53">
        <v>12161833.3333333</v>
      </c>
      <c r="BD4055" s="53">
        <v>12161833.3333333</v>
      </c>
      <c r="BE4055" s="53">
        <v>12161833.3333333</v>
      </c>
      <c r="BF4055" s="53">
        <v>12161833.3333333</v>
      </c>
      <c r="BG4055" s="53">
        <v>12161833.3333333</v>
      </c>
      <c r="BH4055" s="53">
        <v>12161833.3333333</v>
      </c>
      <c r="BI4055" s="53">
        <v>12161833.3333333</v>
      </c>
      <c r="BJ4055" s="53">
        <v>12161833.3333333</v>
      </c>
      <c r="BK4055" s="53">
        <v>12161833.3333333</v>
      </c>
      <c r="BL4055" s="53">
        <v>12161833.3333333</v>
      </c>
      <c r="BM4055" s="53">
        <v>12161833.3333333</v>
      </c>
      <c r="BN4055" s="53">
        <v>145941999.99999899</v>
      </c>
      <c r="BO4055" s="53">
        <v>10647770.8333333</v>
      </c>
      <c r="BP4055" s="53">
        <v>10647770.8333333</v>
      </c>
      <c r="BQ4055" s="53">
        <v>10647770.8333333</v>
      </c>
      <c r="BR4055" s="53">
        <v>10647770.8333333</v>
      </c>
      <c r="BS4055" s="53">
        <v>10647770.8333333</v>
      </c>
      <c r="BT4055" s="53">
        <v>10647770.8333333</v>
      </c>
      <c r="BU4055" s="53">
        <v>10647770.8333333</v>
      </c>
      <c r="BV4055" s="53">
        <v>10647770.8333333</v>
      </c>
      <c r="BW4055" s="53">
        <v>10647770.8333333</v>
      </c>
      <c r="BX4055" s="53">
        <v>10647770.8333333</v>
      </c>
      <c r="BY4055" s="53">
        <v>10647770.8333333</v>
      </c>
      <c r="BZ4055" s="53">
        <v>10647770.8333333</v>
      </c>
      <c r="CA4055" s="53">
        <v>127773249.999999</v>
      </c>
      <c r="CB4055" s="53">
        <v>3372083.3333333302</v>
      </c>
      <c r="CC4055" s="53">
        <v>3372083.3333333302</v>
      </c>
      <c r="CD4055" s="53">
        <v>3372083.3333333302</v>
      </c>
      <c r="CE4055" s="53">
        <v>3372083.3333333302</v>
      </c>
      <c r="CF4055" s="53">
        <v>3372083.3333333302</v>
      </c>
      <c r="CG4055" s="53">
        <v>3372083.3333333302</v>
      </c>
      <c r="CH4055" s="53">
        <v>3372083.3333333302</v>
      </c>
      <c r="CI4055" s="53">
        <v>3372083.3333333302</v>
      </c>
      <c r="CJ4055" s="53">
        <v>3372083.3333333302</v>
      </c>
      <c r="CK4055" s="53">
        <v>3372083.3333333302</v>
      </c>
      <c r="CL4055" s="53">
        <v>3372083.3333333302</v>
      </c>
      <c r="CM4055" s="53">
        <v>3372083.3333333302</v>
      </c>
      <c r="CN4055" s="53">
        <v>40465000</v>
      </c>
    </row>
    <row r="4056" spans="1:92" outlineLevel="1">
      <c r="A4056" s="52" t="s">
        <v>1804</v>
      </c>
      <c r="B4056" s="53"/>
      <c r="C4056" s="53"/>
      <c r="D4056" s="53"/>
      <c r="E4056" s="53"/>
      <c r="F4056" s="53"/>
      <c r="G4056" s="53"/>
      <c r="H4056" s="53"/>
      <c r="I4056" s="53"/>
      <c r="J4056" s="53"/>
      <c r="K4056" s="53"/>
      <c r="L4056" s="53"/>
      <c r="M4056" s="53"/>
      <c r="N4056" s="53"/>
      <c r="O4056" s="53"/>
      <c r="P4056" s="53"/>
      <c r="Q4056" s="53"/>
      <c r="R4056" s="53"/>
      <c r="S4056" s="53"/>
      <c r="T4056" s="53"/>
      <c r="U4056" s="53"/>
      <c r="V4056" s="53"/>
      <c r="W4056" s="53"/>
      <c r="X4056" s="53"/>
      <c r="Y4056" s="53"/>
      <c r="Z4056" s="53"/>
      <c r="AA4056" s="53"/>
      <c r="AB4056" s="53"/>
      <c r="AC4056" s="53"/>
      <c r="AD4056" s="53"/>
      <c r="AE4056" s="53"/>
      <c r="AF4056" s="53"/>
      <c r="AG4056" s="53"/>
      <c r="AH4056" s="53"/>
      <c r="AI4056" s="53"/>
      <c r="AJ4056" s="53"/>
      <c r="AK4056" s="53"/>
      <c r="AL4056" s="53"/>
      <c r="AM4056" s="53"/>
      <c r="AN4056" s="53"/>
      <c r="AO4056" s="53"/>
      <c r="AP4056" s="53"/>
      <c r="AQ4056" s="53"/>
      <c r="AR4056" s="53"/>
      <c r="AS4056" s="53"/>
      <c r="AT4056" s="53"/>
      <c r="AU4056" s="53"/>
      <c r="AV4056" s="53"/>
      <c r="AW4056" s="53"/>
      <c r="AX4056" s="53"/>
      <c r="AY4056" s="53"/>
      <c r="AZ4056" s="53"/>
      <c r="BA4056" s="53"/>
      <c r="BB4056" s="53"/>
      <c r="BC4056" s="53"/>
      <c r="BD4056" s="53"/>
      <c r="BE4056" s="53"/>
      <c r="BF4056" s="53"/>
      <c r="BG4056" s="53"/>
      <c r="BH4056" s="53"/>
      <c r="BI4056" s="53"/>
      <c r="BJ4056" s="53"/>
      <c r="BK4056" s="53"/>
      <c r="BL4056" s="53"/>
      <c r="BM4056" s="53"/>
      <c r="BN4056" s="53"/>
      <c r="BO4056" s="53"/>
      <c r="BP4056" s="53"/>
      <c r="BQ4056" s="53"/>
      <c r="BR4056" s="53"/>
      <c r="BS4056" s="53"/>
      <c r="BT4056" s="53"/>
      <c r="BU4056" s="53"/>
      <c r="BV4056" s="53"/>
      <c r="BW4056" s="53"/>
      <c r="BX4056" s="53"/>
      <c r="BY4056" s="53"/>
      <c r="BZ4056" s="53"/>
      <c r="CA4056" s="53"/>
      <c r="CB4056" s="53"/>
      <c r="CC4056" s="53"/>
      <c r="CD4056" s="53"/>
      <c r="CE4056" s="53"/>
      <c r="CF4056" s="53"/>
      <c r="CG4056" s="53"/>
      <c r="CH4056" s="53"/>
      <c r="CI4056" s="53"/>
      <c r="CJ4056" s="53"/>
      <c r="CK4056" s="53"/>
      <c r="CL4056" s="53"/>
      <c r="CM4056" s="53"/>
      <c r="CN4056" s="53"/>
    </row>
    <row r="4057" spans="1:92" outlineLevel="1">
      <c r="A4057" s="52" t="s">
        <v>649</v>
      </c>
      <c r="B4057" s="53"/>
      <c r="C4057" s="53"/>
      <c r="D4057" s="53">
        <v>-4992968</v>
      </c>
      <c r="E4057" s="53"/>
      <c r="F4057" s="53"/>
      <c r="G4057" s="53">
        <v>-5057453</v>
      </c>
      <c r="H4057" s="53">
        <v>-1652533.8888888899</v>
      </c>
      <c r="I4057" s="53"/>
      <c r="J4057" s="53">
        <v>-3843972.1111110998</v>
      </c>
      <c r="K4057" s="53"/>
      <c r="L4057" s="53"/>
      <c r="M4057" s="53">
        <v>-5447792</v>
      </c>
      <c r="N4057" s="53">
        <v>-20994719</v>
      </c>
      <c r="O4057" s="53"/>
      <c r="P4057" s="53"/>
      <c r="Q4057" s="53">
        <v>-5350000</v>
      </c>
      <c r="R4057" s="53"/>
      <c r="S4057" s="53"/>
      <c r="T4057" s="53">
        <v>-5350000</v>
      </c>
      <c r="U4057" s="53"/>
      <c r="V4057" s="53"/>
      <c r="W4057" s="53">
        <v>-5350000</v>
      </c>
      <c r="X4057" s="53"/>
      <c r="Y4057" s="53"/>
      <c r="Z4057" s="53">
        <v>1542930</v>
      </c>
      <c r="AA4057" s="53">
        <v>-14507070</v>
      </c>
      <c r="AB4057" s="53">
        <v>-1204025.58333333</v>
      </c>
      <c r="AC4057" s="53">
        <v>-1204025.58333333</v>
      </c>
      <c r="AD4057" s="53">
        <v>-1204025.58333333</v>
      </c>
      <c r="AE4057" s="53">
        <v>-1204025.58333333</v>
      </c>
      <c r="AF4057" s="53">
        <v>-1204025.58333333</v>
      </c>
      <c r="AG4057" s="53">
        <v>-1204025.58333333</v>
      </c>
      <c r="AH4057" s="53">
        <v>-1204025.58333333</v>
      </c>
      <c r="AI4057" s="53">
        <v>-1204025.58333333</v>
      </c>
      <c r="AJ4057" s="53">
        <v>-1204025.58333333</v>
      </c>
      <c r="AK4057" s="53">
        <v>-1204025.58333333</v>
      </c>
      <c r="AL4057" s="53">
        <v>-1204025.58333333</v>
      </c>
      <c r="AM4057" s="53">
        <v>-1204025.58333333</v>
      </c>
      <c r="AN4057" s="53">
        <v>-14448307</v>
      </c>
      <c r="AO4057" s="53">
        <v>-1903376.24999999</v>
      </c>
      <c r="AP4057" s="53">
        <v>-1903376.24999999</v>
      </c>
      <c r="AQ4057" s="53">
        <v>-1903376.24999999</v>
      </c>
      <c r="AR4057" s="53">
        <v>-1903376.24999999</v>
      </c>
      <c r="AS4057" s="53">
        <v>-1903376.24999999</v>
      </c>
      <c r="AT4057" s="53">
        <v>-1903376.24999999</v>
      </c>
      <c r="AU4057" s="53">
        <v>-1903376.24999999</v>
      </c>
      <c r="AV4057" s="53">
        <v>-1903376.24999999</v>
      </c>
      <c r="AW4057" s="53">
        <v>-1903376.24999999</v>
      </c>
      <c r="AX4057" s="53">
        <v>-1903376.24999999</v>
      </c>
      <c r="AY4057" s="53">
        <v>-1903376.24999999</v>
      </c>
      <c r="AZ4057" s="53">
        <v>-1903376.24999999</v>
      </c>
      <c r="BA4057" s="53">
        <v>-22840515</v>
      </c>
      <c r="BB4057" s="53">
        <v>-1903376.24999999</v>
      </c>
      <c r="BC4057" s="53">
        <v>-1903376.24999999</v>
      </c>
      <c r="BD4057" s="53">
        <v>-1903376.24999999</v>
      </c>
      <c r="BE4057" s="53">
        <v>-1903376.24999999</v>
      </c>
      <c r="BF4057" s="53">
        <v>-1903376.24999999</v>
      </c>
      <c r="BG4057" s="53">
        <v>-1903376.24999999</v>
      </c>
      <c r="BH4057" s="53">
        <v>-1903376.24999999</v>
      </c>
      <c r="BI4057" s="53">
        <v>-1903376.24999999</v>
      </c>
      <c r="BJ4057" s="53">
        <v>-1903376.24999999</v>
      </c>
      <c r="BK4057" s="53">
        <v>-1903376.24999999</v>
      </c>
      <c r="BL4057" s="53">
        <v>-1903376.24999999</v>
      </c>
      <c r="BM4057" s="53">
        <v>-1903376.24999999</v>
      </c>
      <c r="BN4057" s="53">
        <v>-22840515</v>
      </c>
      <c r="BO4057" s="53">
        <v>-1903376.24999999</v>
      </c>
      <c r="BP4057" s="53">
        <v>-1903376.24999999</v>
      </c>
      <c r="BQ4057" s="53">
        <v>-1903376.24999999</v>
      </c>
      <c r="BR4057" s="53">
        <v>-1903376.24999999</v>
      </c>
      <c r="BS4057" s="53">
        <v>-1903376.24999999</v>
      </c>
      <c r="BT4057" s="53">
        <v>-1903376.24999999</v>
      </c>
      <c r="BU4057" s="53">
        <v>-1903376.24999999</v>
      </c>
      <c r="BV4057" s="53">
        <v>-1903376.24999999</v>
      </c>
      <c r="BW4057" s="53">
        <v>-1903376.24999999</v>
      </c>
      <c r="BX4057" s="53">
        <v>-1903376.24999999</v>
      </c>
      <c r="BY4057" s="53">
        <v>-1903376.24999999</v>
      </c>
      <c r="BZ4057" s="53">
        <v>-1903376.24999999</v>
      </c>
      <c r="CA4057" s="53">
        <v>-22840515</v>
      </c>
      <c r="CB4057" s="53">
        <v>-1903376.24999999</v>
      </c>
      <c r="CC4057" s="53">
        <v>-1903376.24999999</v>
      </c>
      <c r="CD4057" s="53">
        <v>-1903376.24999999</v>
      </c>
      <c r="CE4057" s="53">
        <v>-1903376.24999999</v>
      </c>
      <c r="CF4057" s="53">
        <v>-1903376.24999999</v>
      </c>
      <c r="CG4057" s="53">
        <v>-1903376.24999999</v>
      </c>
      <c r="CH4057" s="53">
        <v>-1903376.24999999</v>
      </c>
      <c r="CI4057" s="53">
        <v>-1903376.24999999</v>
      </c>
      <c r="CJ4057" s="53">
        <v>-1903376.24999999</v>
      </c>
      <c r="CK4057" s="53">
        <v>-1903376.24999999</v>
      </c>
      <c r="CL4057" s="53">
        <v>-1903376.24999999</v>
      </c>
      <c r="CM4057" s="53">
        <v>-1903376.24999999</v>
      </c>
      <c r="CN4057" s="53">
        <v>-22840515</v>
      </c>
    </row>
    <row r="4058" spans="1:92" outlineLevel="1">
      <c r="A4058" s="52" t="s">
        <v>1805</v>
      </c>
      <c r="B4058" s="53"/>
      <c r="C4058" s="53"/>
      <c r="D4058" s="53"/>
      <c r="E4058" s="53"/>
      <c r="F4058" s="53"/>
      <c r="G4058" s="53"/>
      <c r="H4058" s="53"/>
      <c r="I4058" s="53"/>
      <c r="J4058" s="53"/>
      <c r="K4058" s="53"/>
      <c r="L4058" s="53"/>
      <c r="M4058" s="53"/>
      <c r="N4058" s="53"/>
      <c r="O4058" s="53"/>
      <c r="P4058" s="53"/>
      <c r="Q4058" s="53"/>
      <c r="R4058" s="53"/>
      <c r="S4058" s="53"/>
      <c r="T4058" s="53"/>
      <c r="U4058" s="53"/>
      <c r="V4058" s="53"/>
      <c r="W4058" s="53"/>
      <c r="X4058" s="53"/>
      <c r="Y4058" s="53"/>
      <c r="Z4058" s="53"/>
      <c r="AA4058" s="53"/>
      <c r="AB4058" s="53"/>
      <c r="AC4058" s="53"/>
      <c r="AD4058" s="53"/>
      <c r="AE4058" s="53"/>
      <c r="AF4058" s="53"/>
      <c r="AG4058" s="53"/>
      <c r="AH4058" s="53"/>
      <c r="AI4058" s="53"/>
      <c r="AJ4058" s="53"/>
      <c r="AK4058" s="53"/>
      <c r="AL4058" s="53"/>
      <c r="AM4058" s="53"/>
      <c r="AN4058" s="53"/>
      <c r="AO4058" s="53"/>
      <c r="AP4058" s="53"/>
      <c r="AQ4058" s="53"/>
      <c r="AR4058" s="53"/>
      <c r="AS4058" s="53"/>
      <c r="AT4058" s="53"/>
      <c r="AU4058" s="53"/>
      <c r="AV4058" s="53"/>
      <c r="AW4058" s="53"/>
      <c r="AX4058" s="53"/>
      <c r="AY4058" s="53"/>
      <c r="AZ4058" s="53"/>
      <c r="BA4058" s="53"/>
      <c r="BB4058" s="53"/>
      <c r="BC4058" s="53"/>
      <c r="BD4058" s="53"/>
      <c r="BE4058" s="53"/>
      <c r="BF4058" s="53"/>
      <c r="BG4058" s="53"/>
      <c r="BH4058" s="53"/>
      <c r="BI4058" s="53"/>
      <c r="BJ4058" s="53"/>
      <c r="BK4058" s="53"/>
      <c r="BL4058" s="53"/>
      <c r="BM4058" s="53"/>
      <c r="BN4058" s="53"/>
      <c r="BO4058" s="53"/>
      <c r="BP4058" s="53"/>
      <c r="BQ4058" s="53"/>
      <c r="BR4058" s="53"/>
      <c r="BS4058" s="53"/>
      <c r="BT4058" s="53"/>
      <c r="BU4058" s="53"/>
      <c r="BV4058" s="53"/>
      <c r="BW4058" s="53"/>
      <c r="BX4058" s="53"/>
      <c r="BY4058" s="53"/>
      <c r="BZ4058" s="53"/>
      <c r="CA4058" s="53"/>
      <c r="CB4058" s="53"/>
      <c r="CC4058" s="53"/>
      <c r="CD4058" s="53"/>
      <c r="CE4058" s="53"/>
      <c r="CF4058" s="53"/>
      <c r="CG4058" s="53"/>
      <c r="CH4058" s="53"/>
      <c r="CI4058" s="53"/>
      <c r="CJ4058" s="53"/>
      <c r="CK4058" s="53"/>
      <c r="CL4058" s="53"/>
      <c r="CM4058" s="53"/>
      <c r="CN4058" s="53"/>
    </row>
    <row r="4059" spans="1:92" outlineLevel="1">
      <c r="A4059" s="52" t="s">
        <v>649</v>
      </c>
      <c r="B4059" s="53"/>
      <c r="C4059" s="53"/>
      <c r="D4059" s="53">
        <v>-8268052.5</v>
      </c>
      <c r="E4059" s="53"/>
      <c r="F4059" s="53"/>
      <c r="G4059" s="53">
        <v>-8405933.5</v>
      </c>
      <c r="H4059" s="53">
        <v>-2756017.5</v>
      </c>
      <c r="I4059" s="53"/>
      <c r="J4059" s="53">
        <v>-6142479.5</v>
      </c>
      <c r="K4059" s="53"/>
      <c r="L4059" s="53"/>
      <c r="M4059" s="53">
        <v>-9321000</v>
      </c>
      <c r="N4059" s="53">
        <v>-34893483</v>
      </c>
      <c r="O4059" s="53"/>
      <c r="P4059" s="53"/>
      <c r="Q4059" s="53">
        <v>-8940634.9700000007</v>
      </c>
      <c r="R4059" s="53"/>
      <c r="S4059" s="53"/>
      <c r="T4059" s="53">
        <v>-8940635.0299999993</v>
      </c>
      <c r="U4059" s="53"/>
      <c r="V4059" s="53"/>
      <c r="W4059" s="53">
        <v>-8940635</v>
      </c>
      <c r="X4059" s="53"/>
      <c r="Y4059" s="53"/>
      <c r="Z4059" s="53">
        <v>-8940635</v>
      </c>
      <c r="AA4059" s="53">
        <v>-35762540</v>
      </c>
      <c r="AB4059" s="53">
        <v>-2808902.41666666</v>
      </c>
      <c r="AC4059" s="53">
        <v>-2808902.41666666</v>
      </c>
      <c r="AD4059" s="53">
        <v>-2808902.41666666</v>
      </c>
      <c r="AE4059" s="53">
        <v>-2808902.41666666</v>
      </c>
      <c r="AF4059" s="53">
        <v>-2808902.41666666</v>
      </c>
      <c r="AG4059" s="53">
        <v>-2808902.41666666</v>
      </c>
      <c r="AH4059" s="53">
        <v>-2808902.41666666</v>
      </c>
      <c r="AI4059" s="53">
        <v>-2808902.41666666</v>
      </c>
      <c r="AJ4059" s="53">
        <v>-2808902.41666666</v>
      </c>
      <c r="AK4059" s="53">
        <v>-2808902.41666666</v>
      </c>
      <c r="AL4059" s="53">
        <v>-2808902.41666666</v>
      </c>
      <c r="AM4059" s="53">
        <v>-2808902.41666666</v>
      </c>
      <c r="AN4059" s="53">
        <v>-33706829</v>
      </c>
      <c r="AO4059" s="53"/>
      <c r="AP4059" s="53"/>
      <c r="AQ4059" s="53"/>
      <c r="AR4059" s="53"/>
      <c r="AS4059" s="53"/>
      <c r="AT4059" s="53"/>
      <c r="AU4059" s="53"/>
      <c r="AV4059" s="53"/>
      <c r="AW4059" s="53"/>
      <c r="AX4059" s="53"/>
      <c r="AY4059" s="53"/>
      <c r="AZ4059" s="53"/>
      <c r="BA4059" s="53"/>
      <c r="BB4059" s="53"/>
      <c r="BC4059" s="53"/>
      <c r="BD4059" s="53"/>
      <c r="BE4059" s="53"/>
      <c r="BF4059" s="53"/>
      <c r="BG4059" s="53"/>
      <c r="BH4059" s="53"/>
      <c r="BI4059" s="53"/>
      <c r="BJ4059" s="53"/>
      <c r="BK4059" s="53"/>
      <c r="BL4059" s="53"/>
      <c r="BM4059" s="53"/>
      <c r="BN4059" s="53"/>
      <c r="BO4059" s="53"/>
      <c r="BP4059" s="53"/>
      <c r="BQ4059" s="53"/>
      <c r="BR4059" s="53"/>
      <c r="BS4059" s="53"/>
      <c r="BT4059" s="53"/>
      <c r="BU4059" s="53"/>
      <c r="BV4059" s="53"/>
      <c r="BW4059" s="53"/>
      <c r="BX4059" s="53"/>
      <c r="BY4059" s="53"/>
      <c r="BZ4059" s="53"/>
      <c r="CA4059" s="53"/>
      <c r="CB4059" s="53"/>
      <c r="CC4059" s="53"/>
      <c r="CD4059" s="53"/>
      <c r="CE4059" s="53"/>
      <c r="CF4059" s="53"/>
      <c r="CG4059" s="53"/>
      <c r="CH4059" s="53"/>
      <c r="CI4059" s="53"/>
      <c r="CJ4059" s="53"/>
      <c r="CK4059" s="53"/>
      <c r="CL4059" s="53"/>
      <c r="CM4059" s="53"/>
      <c r="CN4059" s="53"/>
    </row>
    <row r="4060" spans="1:92" outlineLevel="1">
      <c r="A4060" s="52" t="s">
        <v>1806</v>
      </c>
      <c r="B4060" s="53"/>
      <c r="C4060" s="53"/>
      <c r="D4060" s="53"/>
      <c r="E4060" s="53"/>
      <c r="F4060" s="53"/>
      <c r="G4060" s="53"/>
      <c r="H4060" s="53"/>
      <c r="I4060" s="53"/>
      <c r="J4060" s="53"/>
      <c r="K4060" s="53"/>
      <c r="L4060" s="53"/>
      <c r="M4060" s="53"/>
      <c r="N4060" s="53"/>
      <c r="O4060" s="53"/>
      <c r="P4060" s="53"/>
      <c r="Q4060" s="53"/>
      <c r="R4060" s="53"/>
      <c r="S4060" s="53"/>
      <c r="T4060" s="53"/>
      <c r="U4060" s="53"/>
      <c r="V4060" s="53"/>
      <c r="W4060" s="53"/>
      <c r="X4060" s="53"/>
      <c r="Y4060" s="53"/>
      <c r="Z4060" s="53"/>
      <c r="AA4060" s="53"/>
      <c r="AB4060" s="53"/>
      <c r="AC4060" s="53"/>
      <c r="AD4060" s="53"/>
      <c r="AE4060" s="53"/>
      <c r="AF4060" s="53"/>
      <c r="AG4060" s="53"/>
      <c r="AH4060" s="53"/>
      <c r="AI4060" s="53"/>
      <c r="AJ4060" s="53"/>
      <c r="AK4060" s="53"/>
      <c r="AL4060" s="53"/>
      <c r="AM4060" s="53"/>
      <c r="AN4060" s="53"/>
      <c r="AO4060" s="53"/>
      <c r="AP4060" s="53"/>
      <c r="AQ4060" s="53"/>
      <c r="AR4060" s="53"/>
      <c r="AS4060" s="53"/>
      <c r="AT4060" s="53"/>
      <c r="AU4060" s="53"/>
      <c r="AV4060" s="53"/>
      <c r="AW4060" s="53"/>
      <c r="AX4060" s="53"/>
      <c r="AY4060" s="53"/>
      <c r="AZ4060" s="53"/>
      <c r="BA4060" s="53"/>
      <c r="BB4060" s="53"/>
      <c r="BC4060" s="53"/>
      <c r="BD4060" s="53"/>
      <c r="BE4060" s="53"/>
      <c r="BF4060" s="53"/>
      <c r="BG4060" s="53"/>
      <c r="BH4060" s="53"/>
      <c r="BI4060" s="53"/>
      <c r="BJ4060" s="53"/>
      <c r="BK4060" s="53"/>
      <c r="BL4060" s="53"/>
      <c r="BM4060" s="53"/>
      <c r="BN4060" s="53"/>
      <c r="BO4060" s="53"/>
      <c r="BP4060" s="53"/>
      <c r="BQ4060" s="53"/>
      <c r="BR4060" s="53"/>
      <c r="BS4060" s="53"/>
      <c r="BT4060" s="53"/>
      <c r="BU4060" s="53"/>
      <c r="BV4060" s="53"/>
      <c r="BW4060" s="53"/>
      <c r="BX4060" s="53"/>
      <c r="BY4060" s="53"/>
      <c r="BZ4060" s="53"/>
      <c r="CA4060" s="53"/>
      <c r="CB4060" s="53"/>
      <c r="CC4060" s="53"/>
      <c r="CD4060" s="53"/>
      <c r="CE4060" s="53"/>
      <c r="CF4060" s="53"/>
      <c r="CG4060" s="53"/>
      <c r="CH4060" s="53"/>
      <c r="CI4060" s="53"/>
      <c r="CJ4060" s="53"/>
      <c r="CK4060" s="53"/>
      <c r="CL4060" s="53"/>
      <c r="CM4060" s="53"/>
      <c r="CN4060" s="53"/>
    </row>
    <row r="4061" spans="1:92" outlineLevel="1">
      <c r="A4061" s="52" t="s">
        <v>649</v>
      </c>
      <c r="B4061" s="53"/>
      <c r="C4061" s="53"/>
      <c r="D4061" s="53"/>
      <c r="E4061" s="53"/>
      <c r="F4061" s="53"/>
      <c r="G4061" s="53"/>
      <c r="H4061" s="53">
        <v>-64141.999999999898</v>
      </c>
      <c r="I4061" s="53"/>
      <c r="J4061" s="53">
        <v>64141.999999999898</v>
      </c>
      <c r="K4061" s="53"/>
      <c r="L4061" s="53"/>
      <c r="M4061" s="53"/>
      <c r="N4061" s="53"/>
      <c r="O4061" s="53"/>
      <c r="P4061" s="53"/>
      <c r="Q4061" s="53"/>
      <c r="R4061" s="53"/>
      <c r="S4061" s="53"/>
      <c r="T4061" s="53"/>
      <c r="U4061" s="53"/>
      <c r="V4061" s="53"/>
      <c r="W4061" s="53"/>
      <c r="X4061" s="53"/>
      <c r="Y4061" s="53"/>
      <c r="Z4061" s="53"/>
      <c r="AA4061" s="53"/>
      <c r="AB4061" s="53">
        <v>-91599.499999999898</v>
      </c>
      <c r="AC4061" s="53">
        <v>-91599.499999999898</v>
      </c>
      <c r="AD4061" s="53">
        <v>-91599.499999999898</v>
      </c>
      <c r="AE4061" s="53">
        <v>-91599.499999999898</v>
      </c>
      <c r="AF4061" s="53">
        <v>-91599.499999999898</v>
      </c>
      <c r="AG4061" s="53">
        <v>-91599.499999999898</v>
      </c>
      <c r="AH4061" s="53">
        <v>-91599.499999999898</v>
      </c>
      <c r="AI4061" s="53">
        <v>-91599.499999999898</v>
      </c>
      <c r="AJ4061" s="53">
        <v>-91599.499999999898</v>
      </c>
      <c r="AK4061" s="53">
        <v>-91599.499999999898</v>
      </c>
      <c r="AL4061" s="53">
        <v>-91599.499999999898</v>
      </c>
      <c r="AM4061" s="53">
        <v>-91599.499999999898</v>
      </c>
      <c r="AN4061" s="53">
        <v>-1099194</v>
      </c>
      <c r="AO4061" s="53">
        <v>-90631.833333333299</v>
      </c>
      <c r="AP4061" s="53">
        <v>-90631.833333333299</v>
      </c>
      <c r="AQ4061" s="53">
        <v>-90631.833333333299</v>
      </c>
      <c r="AR4061" s="53">
        <v>-90631.833333333299</v>
      </c>
      <c r="AS4061" s="53">
        <v>-90631.833333333299</v>
      </c>
      <c r="AT4061" s="53">
        <v>-90631.833333333299</v>
      </c>
      <c r="AU4061" s="53">
        <v>-90631.833333333299</v>
      </c>
      <c r="AV4061" s="53">
        <v>-90631.833333333299</v>
      </c>
      <c r="AW4061" s="53">
        <v>-90631.833333333299</v>
      </c>
      <c r="AX4061" s="53">
        <v>-90631.833333333299</v>
      </c>
      <c r="AY4061" s="53">
        <v>-90631.833333333299</v>
      </c>
      <c r="AZ4061" s="53">
        <v>-90631.833333333299</v>
      </c>
      <c r="BA4061" s="53">
        <v>-1087582</v>
      </c>
      <c r="BB4061" s="53">
        <v>-90631.833333333299</v>
      </c>
      <c r="BC4061" s="53">
        <v>-90631.833333333299</v>
      </c>
      <c r="BD4061" s="53">
        <v>-90631.833333333299</v>
      </c>
      <c r="BE4061" s="53">
        <v>-90631.833333333299</v>
      </c>
      <c r="BF4061" s="53">
        <v>-90631.833333333299</v>
      </c>
      <c r="BG4061" s="53">
        <v>-90631.833333333299</v>
      </c>
      <c r="BH4061" s="53">
        <v>-90631.833333333299</v>
      </c>
      <c r="BI4061" s="53">
        <v>-90631.833333333299</v>
      </c>
      <c r="BJ4061" s="53">
        <v>-90631.833333333299</v>
      </c>
      <c r="BK4061" s="53">
        <v>-90631.833333333299</v>
      </c>
      <c r="BL4061" s="53">
        <v>-90631.833333333299</v>
      </c>
      <c r="BM4061" s="53">
        <v>-90631.833333333299</v>
      </c>
      <c r="BN4061" s="53">
        <v>-1087582</v>
      </c>
      <c r="BO4061" s="53">
        <v>-90631.833333333299</v>
      </c>
      <c r="BP4061" s="53">
        <v>-90631.833333333299</v>
      </c>
      <c r="BQ4061" s="53">
        <v>-90631.833333333299</v>
      </c>
      <c r="BR4061" s="53">
        <v>-90631.833333333299</v>
      </c>
      <c r="BS4061" s="53">
        <v>-90631.833333333299</v>
      </c>
      <c r="BT4061" s="53">
        <v>-90631.833333333299</v>
      </c>
      <c r="BU4061" s="53">
        <v>-90631.833333333299</v>
      </c>
      <c r="BV4061" s="53">
        <v>-90631.833333333299</v>
      </c>
      <c r="BW4061" s="53">
        <v>-90631.833333333299</v>
      </c>
      <c r="BX4061" s="53">
        <v>-90631.833333333299</v>
      </c>
      <c r="BY4061" s="53">
        <v>-90631.833333333299</v>
      </c>
      <c r="BZ4061" s="53">
        <v>-90631.833333333299</v>
      </c>
      <c r="CA4061" s="53">
        <v>-1087582</v>
      </c>
      <c r="CB4061" s="53">
        <v>-90631.833333333299</v>
      </c>
      <c r="CC4061" s="53">
        <v>-90631.833333333299</v>
      </c>
      <c r="CD4061" s="53">
        <v>-90631.833333333299</v>
      </c>
      <c r="CE4061" s="53">
        <v>-90631.833333333299</v>
      </c>
      <c r="CF4061" s="53">
        <v>-90631.833333333299</v>
      </c>
      <c r="CG4061" s="53">
        <v>-90631.833333333299</v>
      </c>
      <c r="CH4061" s="53">
        <v>-90631.833333333299</v>
      </c>
      <c r="CI4061" s="53">
        <v>-90631.833333333299</v>
      </c>
      <c r="CJ4061" s="53">
        <v>-90631.833333333299</v>
      </c>
      <c r="CK4061" s="53">
        <v>-90631.833333333299</v>
      </c>
      <c r="CL4061" s="53">
        <v>-90631.833333333299</v>
      </c>
      <c r="CM4061" s="53">
        <v>-90631.833333333299</v>
      </c>
      <c r="CN4061" s="53">
        <v>-1087582</v>
      </c>
    </row>
    <row r="4062" spans="1:92" outlineLevel="1">
      <c r="A4062" s="52" t="s">
        <v>1807</v>
      </c>
      <c r="B4062" s="53"/>
      <c r="C4062" s="53"/>
      <c r="D4062" s="53"/>
      <c r="E4062" s="53"/>
      <c r="F4062" s="53"/>
      <c r="G4062" s="53"/>
      <c r="H4062" s="53"/>
      <c r="I4062" s="53"/>
      <c r="J4062" s="53"/>
      <c r="K4062" s="53"/>
      <c r="L4062" s="53"/>
      <c r="M4062" s="53"/>
      <c r="N4062" s="53"/>
      <c r="O4062" s="53"/>
      <c r="P4062" s="53"/>
      <c r="Q4062" s="53"/>
      <c r="R4062" s="53"/>
      <c r="S4062" s="53"/>
      <c r="T4062" s="53"/>
      <c r="U4062" s="53"/>
      <c r="V4062" s="53"/>
      <c r="W4062" s="53"/>
      <c r="X4062" s="53"/>
      <c r="Y4062" s="53"/>
      <c r="Z4062" s="53"/>
      <c r="AA4062" s="53"/>
      <c r="AB4062" s="53"/>
      <c r="AC4062" s="53"/>
      <c r="AD4062" s="53"/>
      <c r="AE4062" s="53"/>
      <c r="AF4062" s="53"/>
      <c r="AG4062" s="53"/>
      <c r="AH4062" s="53"/>
      <c r="AI4062" s="53"/>
      <c r="AJ4062" s="53"/>
      <c r="AK4062" s="53"/>
      <c r="AL4062" s="53"/>
      <c r="AM4062" s="53"/>
      <c r="AN4062" s="53"/>
      <c r="AO4062" s="53"/>
      <c r="AP4062" s="53"/>
      <c r="AQ4062" s="53"/>
      <c r="AR4062" s="53"/>
      <c r="AS4062" s="53"/>
      <c r="AT4062" s="53"/>
      <c r="AU4062" s="53"/>
      <c r="AV4062" s="53"/>
      <c r="AW4062" s="53"/>
      <c r="AX4062" s="53"/>
      <c r="AY4062" s="53"/>
      <c r="AZ4062" s="53"/>
      <c r="BA4062" s="53"/>
      <c r="BB4062" s="53"/>
      <c r="BC4062" s="53"/>
      <c r="BD4062" s="53"/>
      <c r="BE4062" s="53"/>
      <c r="BF4062" s="53"/>
      <c r="BG4062" s="53"/>
      <c r="BH4062" s="53"/>
      <c r="BI4062" s="53"/>
      <c r="BJ4062" s="53"/>
      <c r="BK4062" s="53"/>
      <c r="BL4062" s="53"/>
      <c r="BM4062" s="53"/>
      <c r="BN4062" s="53"/>
      <c r="BO4062" s="53"/>
      <c r="BP4062" s="53"/>
      <c r="BQ4062" s="53"/>
      <c r="BR4062" s="53"/>
      <c r="BS4062" s="53"/>
      <c r="BT4062" s="53"/>
      <c r="BU4062" s="53"/>
      <c r="BV4062" s="53"/>
      <c r="BW4062" s="53"/>
      <c r="BX4062" s="53"/>
      <c r="BY4062" s="53"/>
      <c r="BZ4062" s="53"/>
      <c r="CA4062" s="53"/>
      <c r="CB4062" s="53"/>
      <c r="CC4062" s="53"/>
      <c r="CD4062" s="53"/>
      <c r="CE4062" s="53"/>
      <c r="CF4062" s="53"/>
      <c r="CG4062" s="53"/>
      <c r="CH4062" s="53"/>
      <c r="CI4062" s="53"/>
      <c r="CJ4062" s="53"/>
      <c r="CK4062" s="53"/>
      <c r="CL4062" s="53"/>
      <c r="CM4062" s="53"/>
      <c r="CN4062" s="53"/>
    </row>
    <row r="4063" spans="1:92" outlineLevel="1">
      <c r="A4063" s="52" t="s">
        <v>649</v>
      </c>
      <c r="B4063" s="53"/>
      <c r="C4063" s="53"/>
      <c r="D4063" s="53"/>
      <c r="E4063" s="53"/>
      <c r="F4063" s="53"/>
      <c r="G4063" s="53"/>
      <c r="H4063" s="53">
        <v>-106782.428571428</v>
      </c>
      <c r="I4063" s="53"/>
      <c r="J4063" s="53">
        <v>106782.428571428</v>
      </c>
      <c r="K4063" s="53"/>
      <c r="L4063" s="53"/>
      <c r="M4063" s="53"/>
      <c r="N4063" s="53"/>
      <c r="O4063" s="53"/>
      <c r="P4063" s="53"/>
      <c r="Q4063" s="53"/>
      <c r="R4063" s="53"/>
      <c r="S4063" s="53"/>
      <c r="T4063" s="53"/>
      <c r="U4063" s="53"/>
      <c r="V4063" s="53"/>
      <c r="W4063" s="53"/>
      <c r="X4063" s="53"/>
      <c r="Y4063" s="53"/>
      <c r="Z4063" s="53"/>
      <c r="AA4063" s="53"/>
      <c r="AB4063" s="53">
        <v>-171309.24999999901</v>
      </c>
      <c r="AC4063" s="53">
        <v>-171309.24999999901</v>
      </c>
      <c r="AD4063" s="53">
        <v>-171309.24999999901</v>
      </c>
      <c r="AE4063" s="53">
        <v>-171309.24999999901</v>
      </c>
      <c r="AF4063" s="53">
        <v>-171309.24999999901</v>
      </c>
      <c r="AG4063" s="53">
        <v>-171309.24999999901</v>
      </c>
      <c r="AH4063" s="53">
        <v>-171309.24999999901</v>
      </c>
      <c r="AI4063" s="53">
        <v>-171309.24999999901</v>
      </c>
      <c r="AJ4063" s="53">
        <v>-171309.24999999901</v>
      </c>
      <c r="AK4063" s="53">
        <v>-171309.24999999901</v>
      </c>
      <c r="AL4063" s="53">
        <v>-171309.24999999901</v>
      </c>
      <c r="AM4063" s="53">
        <v>-171309.24999999901</v>
      </c>
      <c r="AN4063" s="53">
        <v>-2055710.99999999</v>
      </c>
      <c r="AO4063" s="53">
        <v>-106782.416666666</v>
      </c>
      <c r="AP4063" s="53">
        <v>-106782.416666666</v>
      </c>
      <c r="AQ4063" s="53">
        <v>-106782.416666666</v>
      </c>
      <c r="AR4063" s="53">
        <v>-106782.416666666</v>
      </c>
      <c r="AS4063" s="53">
        <v>-106782.416666666</v>
      </c>
      <c r="AT4063" s="53">
        <v>-106782.416666666</v>
      </c>
      <c r="AU4063" s="53">
        <v>-106782.416666666</v>
      </c>
      <c r="AV4063" s="53">
        <v>-106782.416666666</v>
      </c>
      <c r="AW4063" s="53">
        <v>-106782.416666666</v>
      </c>
      <c r="AX4063" s="53">
        <v>-106782.416666666</v>
      </c>
      <c r="AY4063" s="53">
        <v>-106782.416666666</v>
      </c>
      <c r="AZ4063" s="53">
        <v>-106782.416666666</v>
      </c>
      <c r="BA4063" s="53">
        <v>-1281389</v>
      </c>
      <c r="BB4063" s="53">
        <v>-106782.416666666</v>
      </c>
      <c r="BC4063" s="53">
        <v>-106782.416666666</v>
      </c>
      <c r="BD4063" s="53">
        <v>-106782.416666666</v>
      </c>
      <c r="BE4063" s="53">
        <v>-106782.416666666</v>
      </c>
      <c r="BF4063" s="53">
        <v>-106782.416666666</v>
      </c>
      <c r="BG4063" s="53">
        <v>-106782.416666666</v>
      </c>
      <c r="BH4063" s="53">
        <v>-106782.416666666</v>
      </c>
      <c r="BI4063" s="53">
        <v>-106782.416666666</v>
      </c>
      <c r="BJ4063" s="53">
        <v>-106782.416666666</v>
      </c>
      <c r="BK4063" s="53">
        <v>-106782.416666666</v>
      </c>
      <c r="BL4063" s="53">
        <v>-106782.416666666</v>
      </c>
      <c r="BM4063" s="53">
        <v>-106782.416666666</v>
      </c>
      <c r="BN4063" s="53">
        <v>-1281389</v>
      </c>
      <c r="BO4063" s="53">
        <v>-44492.666666666599</v>
      </c>
      <c r="BP4063" s="53">
        <v>-44492.666666666599</v>
      </c>
      <c r="BQ4063" s="53">
        <v>-44492.666666666599</v>
      </c>
      <c r="BR4063" s="53">
        <v>-44492.666666666599</v>
      </c>
      <c r="BS4063" s="53">
        <v>-44492.666666666599</v>
      </c>
      <c r="BT4063" s="53">
        <v>-44492.666666666599</v>
      </c>
      <c r="BU4063" s="53">
        <v>-44492.666666666599</v>
      </c>
      <c r="BV4063" s="53">
        <v>-44492.666666666599</v>
      </c>
      <c r="BW4063" s="53">
        <v>-44492.666666666599</v>
      </c>
      <c r="BX4063" s="53">
        <v>-44492.666666666599</v>
      </c>
      <c r="BY4063" s="53">
        <v>-44492.666666666599</v>
      </c>
      <c r="BZ4063" s="53">
        <v>-44492.666666666599</v>
      </c>
      <c r="CA4063" s="53">
        <v>-533911.99999999895</v>
      </c>
      <c r="CB4063" s="53">
        <v>-44492.666666666497</v>
      </c>
      <c r="CC4063" s="53">
        <v>-44492.666666666497</v>
      </c>
      <c r="CD4063" s="53">
        <v>-44492.666666666497</v>
      </c>
      <c r="CE4063" s="53">
        <v>-44492.666666666497</v>
      </c>
      <c r="CF4063" s="53">
        <v>-44492.666666666497</v>
      </c>
      <c r="CG4063" s="53">
        <v>-44492.666666666497</v>
      </c>
      <c r="CH4063" s="53">
        <v>-44492.666666666497</v>
      </c>
      <c r="CI4063" s="53">
        <v>-44492.666666666497</v>
      </c>
      <c r="CJ4063" s="53">
        <v>-44492.666666666497</v>
      </c>
      <c r="CK4063" s="53">
        <v>-44492.666666666497</v>
      </c>
      <c r="CL4063" s="53">
        <v>-44492.666666666497</v>
      </c>
      <c r="CM4063" s="53">
        <v>-44492.666666666497</v>
      </c>
      <c r="CN4063" s="53">
        <v>-533911.99999999895</v>
      </c>
    </row>
    <row r="4064" spans="1:92" outlineLevel="1">
      <c r="A4064" s="52" t="s">
        <v>703</v>
      </c>
      <c r="B4064" s="53"/>
      <c r="C4064" s="53"/>
      <c r="D4064" s="53"/>
      <c r="E4064" s="53"/>
      <c r="F4064" s="53"/>
      <c r="G4064" s="53"/>
      <c r="H4064" s="53"/>
      <c r="I4064" s="53"/>
      <c r="J4064" s="53"/>
      <c r="K4064" s="53"/>
      <c r="L4064" s="53"/>
      <c r="M4064" s="53"/>
      <c r="N4064" s="53"/>
      <c r="O4064" s="53"/>
      <c r="P4064" s="53"/>
      <c r="Q4064" s="53"/>
      <c r="R4064" s="53"/>
      <c r="S4064" s="53"/>
      <c r="T4064" s="53"/>
      <c r="U4064" s="53"/>
      <c r="V4064" s="53"/>
      <c r="W4064" s="53"/>
      <c r="X4064" s="53"/>
      <c r="Y4064" s="53"/>
      <c r="Z4064" s="53"/>
      <c r="AA4064" s="53"/>
      <c r="AB4064" s="53"/>
      <c r="AC4064" s="53"/>
      <c r="AD4064" s="53"/>
      <c r="AE4064" s="53"/>
      <c r="AF4064" s="53"/>
      <c r="AG4064" s="53"/>
      <c r="AH4064" s="53"/>
      <c r="AI4064" s="53"/>
      <c r="AJ4064" s="53"/>
      <c r="AK4064" s="53"/>
      <c r="AL4064" s="53"/>
      <c r="AM4064" s="53"/>
      <c r="AN4064" s="53"/>
      <c r="AO4064" s="53"/>
      <c r="AP4064" s="53"/>
      <c r="AQ4064" s="53"/>
      <c r="AR4064" s="53"/>
      <c r="AS4064" s="53"/>
      <c r="AT4064" s="53"/>
      <c r="AU4064" s="53"/>
      <c r="AV4064" s="53"/>
      <c r="AW4064" s="53"/>
      <c r="AX4064" s="53"/>
      <c r="AY4064" s="53"/>
      <c r="AZ4064" s="53"/>
      <c r="BA4064" s="53"/>
      <c r="BB4064" s="53"/>
      <c r="BC4064" s="53"/>
      <c r="BD4064" s="53"/>
      <c r="BE4064" s="53"/>
      <c r="BF4064" s="53"/>
      <c r="BG4064" s="53"/>
      <c r="BH4064" s="53"/>
      <c r="BI4064" s="53"/>
      <c r="BJ4064" s="53"/>
      <c r="BK4064" s="53"/>
      <c r="BL4064" s="53"/>
      <c r="BM4064" s="53"/>
      <c r="BN4064" s="53"/>
      <c r="BO4064" s="53"/>
      <c r="BP4064" s="53"/>
      <c r="BQ4064" s="53"/>
      <c r="BR4064" s="53"/>
      <c r="BS4064" s="53"/>
      <c r="BT4064" s="53"/>
      <c r="BU4064" s="53"/>
      <c r="BV4064" s="53"/>
      <c r="BW4064" s="53"/>
      <c r="BX4064" s="53"/>
      <c r="BY4064" s="53"/>
      <c r="BZ4064" s="53"/>
      <c r="CA4064" s="53"/>
      <c r="CB4064" s="53"/>
      <c r="CC4064" s="53"/>
      <c r="CD4064" s="53"/>
      <c r="CE4064" s="53"/>
      <c r="CF4064" s="53"/>
      <c r="CG4064" s="53"/>
      <c r="CH4064" s="53"/>
      <c r="CI4064" s="53"/>
      <c r="CJ4064" s="53"/>
      <c r="CK4064" s="53"/>
      <c r="CL4064" s="53"/>
      <c r="CM4064" s="53"/>
      <c r="CN4064" s="53"/>
    </row>
    <row r="4065" spans="1:92" outlineLevel="1">
      <c r="A4065" s="52" t="s">
        <v>704</v>
      </c>
      <c r="B4065" s="53"/>
      <c r="C4065" s="53"/>
      <c r="D4065" s="53"/>
      <c r="E4065" s="53"/>
      <c r="F4065" s="53"/>
      <c r="G4065" s="53"/>
      <c r="H4065" s="53"/>
      <c r="I4065" s="53"/>
      <c r="J4065" s="53"/>
      <c r="K4065" s="53"/>
      <c r="L4065" s="53"/>
      <c r="M4065" s="53"/>
      <c r="N4065" s="53"/>
      <c r="O4065" s="53"/>
      <c r="P4065" s="53"/>
      <c r="Q4065" s="53"/>
      <c r="R4065" s="53"/>
      <c r="S4065" s="53"/>
      <c r="T4065" s="53"/>
      <c r="U4065" s="53"/>
      <c r="V4065" s="53"/>
      <c r="W4065" s="53"/>
      <c r="X4065" s="53"/>
      <c r="Y4065" s="53"/>
      <c r="Z4065" s="53"/>
      <c r="AA4065" s="53"/>
      <c r="AB4065" s="53"/>
      <c r="AC4065" s="53"/>
      <c r="AD4065" s="53"/>
      <c r="AE4065" s="53"/>
      <c r="AF4065" s="53"/>
      <c r="AG4065" s="53"/>
      <c r="AH4065" s="53"/>
      <c r="AI4065" s="53"/>
      <c r="AJ4065" s="53"/>
      <c r="AK4065" s="53"/>
      <c r="AL4065" s="53"/>
      <c r="AM4065" s="53"/>
      <c r="AN4065" s="53"/>
      <c r="AO4065" s="53"/>
      <c r="AP4065" s="53"/>
      <c r="AQ4065" s="53"/>
      <c r="AR4065" s="53"/>
      <c r="AS4065" s="53"/>
      <c r="AT4065" s="53"/>
      <c r="AU4065" s="53"/>
      <c r="AV4065" s="53"/>
      <c r="AW4065" s="53"/>
      <c r="AX4065" s="53"/>
      <c r="AY4065" s="53"/>
      <c r="AZ4065" s="53"/>
      <c r="BA4065" s="53"/>
      <c r="BB4065" s="53"/>
      <c r="BC4065" s="53"/>
      <c r="BD4065" s="53"/>
      <c r="BE4065" s="53"/>
      <c r="BF4065" s="53"/>
      <c r="BG4065" s="53"/>
      <c r="BH4065" s="53"/>
      <c r="BI4065" s="53"/>
      <c r="BJ4065" s="53"/>
      <c r="BK4065" s="53"/>
      <c r="BL4065" s="53"/>
      <c r="BM4065" s="53"/>
      <c r="BN4065" s="53"/>
      <c r="BO4065" s="53"/>
      <c r="BP4065" s="53"/>
      <c r="BQ4065" s="53"/>
      <c r="BR4065" s="53"/>
      <c r="BS4065" s="53"/>
      <c r="BT4065" s="53"/>
      <c r="BU4065" s="53"/>
      <c r="BV4065" s="53"/>
      <c r="BW4065" s="53"/>
      <c r="BX4065" s="53"/>
      <c r="BY4065" s="53"/>
      <c r="BZ4065" s="53"/>
      <c r="CA4065" s="53"/>
      <c r="CB4065" s="53"/>
      <c r="CC4065" s="53"/>
      <c r="CD4065" s="53"/>
      <c r="CE4065" s="53"/>
      <c r="CF4065" s="53"/>
      <c r="CG4065" s="53"/>
      <c r="CH4065" s="53"/>
      <c r="CI4065" s="53"/>
      <c r="CJ4065" s="53"/>
      <c r="CK4065" s="53"/>
      <c r="CL4065" s="53"/>
      <c r="CM4065" s="53"/>
      <c r="CN4065" s="53"/>
    </row>
    <row r="4066" spans="1:92" outlineLevel="1">
      <c r="A4066" s="52" t="s">
        <v>705</v>
      </c>
      <c r="B4066" s="53"/>
      <c r="C4066" s="53"/>
      <c r="D4066" s="53"/>
      <c r="E4066" s="53"/>
      <c r="F4066" s="53"/>
      <c r="G4066" s="53"/>
      <c r="H4066" s="53"/>
      <c r="I4066" s="53"/>
      <c r="J4066" s="53"/>
      <c r="K4066" s="53"/>
      <c r="L4066" s="53"/>
      <c r="M4066" s="53"/>
      <c r="N4066" s="53"/>
      <c r="O4066" s="53"/>
      <c r="P4066" s="53"/>
      <c r="Q4066" s="53"/>
      <c r="R4066" s="53"/>
      <c r="S4066" s="53"/>
      <c r="T4066" s="53"/>
      <c r="U4066" s="53"/>
      <c r="V4066" s="53"/>
      <c r="W4066" s="53"/>
      <c r="X4066" s="53"/>
      <c r="Y4066" s="53"/>
      <c r="Z4066" s="53"/>
      <c r="AA4066" s="53"/>
      <c r="AB4066" s="53">
        <v>-1163705.0355251399</v>
      </c>
      <c r="AC4066" s="53">
        <v>-668983.56321349903</v>
      </c>
      <c r="AD4066" s="53">
        <v>-1190653.9879998199</v>
      </c>
      <c r="AE4066" s="53">
        <v>1613689.2304100001</v>
      </c>
      <c r="AF4066" s="53">
        <v>3711078.90135326</v>
      </c>
      <c r="AG4066" s="53">
        <v>-272123.608633072</v>
      </c>
      <c r="AH4066" s="53">
        <v>6330613.0861893203</v>
      </c>
      <c r="AI4066" s="53">
        <v>6331824.22094425</v>
      </c>
      <c r="AJ4066" s="53">
        <v>4815402.9159792298</v>
      </c>
      <c r="AK4066" s="53">
        <v>2509567.8163928301</v>
      </c>
      <c r="AL4066" s="53">
        <v>867110.07481472194</v>
      </c>
      <c r="AM4066" s="53">
        <v>476297.96423503401</v>
      </c>
      <c r="AN4066" s="53">
        <v>23360118.014947101</v>
      </c>
      <c r="AO4066" s="53">
        <v>550482.52366279601</v>
      </c>
      <c r="AP4066" s="53">
        <v>914131.01452470501</v>
      </c>
      <c r="AQ4066" s="53">
        <v>828653.87451431295</v>
      </c>
      <c r="AR4066" s="53">
        <v>2300964.9192891298</v>
      </c>
      <c r="AS4066" s="53">
        <v>5216363.6559682302</v>
      </c>
      <c r="AT4066" s="53">
        <v>6633253.9034974501</v>
      </c>
      <c r="AU4066" s="53">
        <v>7861375.33485959</v>
      </c>
      <c r="AV4066" s="53">
        <v>7714059.4223076198</v>
      </c>
      <c r="AW4066" s="53">
        <v>6457601.0762378899</v>
      </c>
      <c r="AX4066" s="53">
        <v>3759593.1717779101</v>
      </c>
      <c r="AY4066" s="53">
        <v>1025030.0845288699</v>
      </c>
      <c r="AZ4066" s="53">
        <v>2049409.00589129</v>
      </c>
      <c r="BA4066" s="53">
        <v>45310917.987059802</v>
      </c>
      <c r="BB4066" s="53">
        <v>576099.15165564802</v>
      </c>
      <c r="BC4066" s="53">
        <v>302810.93651449902</v>
      </c>
      <c r="BD4066" s="53">
        <v>-35318.6162825793</v>
      </c>
      <c r="BE4066" s="53">
        <v>1253455.8486766701</v>
      </c>
      <c r="BF4066" s="53">
        <v>3896191.7314319899</v>
      </c>
      <c r="BG4066" s="53">
        <v>5155926.5216016797</v>
      </c>
      <c r="BH4066" s="53">
        <v>6487610.5248500695</v>
      </c>
      <c r="BI4066" s="53">
        <v>6536434.92475719</v>
      </c>
      <c r="BJ4066" s="53">
        <v>5264132.3467682898</v>
      </c>
      <c r="BK4066" s="53">
        <v>2454986.5488812602</v>
      </c>
      <c r="BL4066" s="53">
        <v>168856.20571213</v>
      </c>
      <c r="BM4066" s="53">
        <v>941133.47976009303</v>
      </c>
      <c r="BN4066" s="53">
        <v>33002319.6043269</v>
      </c>
      <c r="BO4066" s="53">
        <v>1466930.16926627</v>
      </c>
      <c r="BP4066" s="53">
        <v>613601.92466485105</v>
      </c>
      <c r="BQ4066" s="53">
        <v>360552.68483356101</v>
      </c>
      <c r="BR4066" s="53">
        <v>1637796.8019566301</v>
      </c>
      <c r="BS4066" s="53">
        <v>4573778.3929347899</v>
      </c>
      <c r="BT4066" s="53">
        <v>5873193.3092032196</v>
      </c>
      <c r="BU4066" s="53">
        <v>7303644.8791967602</v>
      </c>
      <c r="BV4066" s="53">
        <v>7354879.6158872303</v>
      </c>
      <c r="BW4066" s="53">
        <v>6063453.0173869496</v>
      </c>
      <c r="BX4066" s="53">
        <v>3274371.3952759998</v>
      </c>
      <c r="BY4066" s="53">
        <v>857172.669953214</v>
      </c>
      <c r="BZ4066" s="53">
        <v>1608757.3964031099</v>
      </c>
      <c r="CA4066" s="53">
        <v>40988132.256962597</v>
      </c>
      <c r="CB4066" s="53">
        <v>2722409.65123385</v>
      </c>
      <c r="CC4066" s="53">
        <v>1248678.91999333</v>
      </c>
      <c r="CD4066" s="53">
        <v>1118736.0197216601</v>
      </c>
      <c r="CE4066" s="53">
        <v>2320217.0643701302</v>
      </c>
      <c r="CF4066" s="53">
        <v>5435743.9245058596</v>
      </c>
      <c r="CG4066" s="53">
        <v>6684248.9549595797</v>
      </c>
      <c r="CH4066" s="53">
        <v>8118313.1831336301</v>
      </c>
      <c r="CI4066" s="53">
        <v>8185105.3131268397</v>
      </c>
      <c r="CJ4066" s="53">
        <v>6813232.5979465004</v>
      </c>
      <c r="CK4066" s="53">
        <v>4004354.5534631899</v>
      </c>
      <c r="CL4066" s="53">
        <v>1298326.9287197101</v>
      </c>
      <c r="CM4066" s="53">
        <v>1693457.48966815</v>
      </c>
      <c r="CN4066" s="53">
        <v>49642824.600842401</v>
      </c>
    </row>
    <row r="4067" spans="1:92" outlineLevel="1">
      <c r="A4067" s="52" t="s">
        <v>706</v>
      </c>
      <c r="B4067" s="53"/>
      <c r="C4067" s="53"/>
      <c r="D4067" s="53"/>
      <c r="E4067" s="53"/>
      <c r="F4067" s="53"/>
      <c r="G4067" s="53"/>
      <c r="H4067" s="53"/>
      <c r="I4067" s="53"/>
      <c r="J4067" s="53"/>
      <c r="K4067" s="53"/>
      <c r="L4067" s="53"/>
      <c r="M4067" s="53"/>
      <c r="N4067" s="53"/>
      <c r="O4067" s="53"/>
      <c r="P4067" s="53"/>
      <c r="Q4067" s="53"/>
      <c r="R4067" s="53"/>
      <c r="S4067" s="53"/>
      <c r="T4067" s="53"/>
      <c r="U4067" s="53"/>
      <c r="V4067" s="53"/>
      <c r="W4067" s="53"/>
      <c r="X4067" s="53"/>
      <c r="Y4067" s="53"/>
      <c r="Z4067" s="53"/>
      <c r="AA4067" s="53"/>
      <c r="AB4067" s="53"/>
      <c r="AC4067" s="53"/>
      <c r="AD4067" s="53"/>
      <c r="AE4067" s="53"/>
      <c r="AF4067" s="53"/>
      <c r="AG4067" s="53"/>
      <c r="AH4067" s="53"/>
      <c r="AI4067" s="53"/>
      <c r="AJ4067" s="53"/>
      <c r="AK4067" s="53"/>
      <c r="AL4067" s="53"/>
      <c r="AM4067" s="53"/>
      <c r="AN4067" s="53"/>
      <c r="AO4067" s="53"/>
      <c r="AP4067" s="53"/>
      <c r="AQ4067" s="53"/>
      <c r="AR4067" s="53"/>
      <c r="AS4067" s="53"/>
      <c r="AT4067" s="53"/>
      <c r="AU4067" s="53"/>
      <c r="AV4067" s="53"/>
      <c r="AW4067" s="53"/>
      <c r="AX4067" s="53"/>
      <c r="AY4067" s="53"/>
      <c r="AZ4067" s="53"/>
      <c r="BA4067" s="53"/>
      <c r="BB4067" s="53"/>
      <c r="BC4067" s="53"/>
      <c r="BD4067" s="53"/>
      <c r="BE4067" s="53"/>
      <c r="BF4067" s="53"/>
      <c r="BG4067" s="53"/>
      <c r="BH4067" s="53"/>
      <c r="BI4067" s="53"/>
      <c r="BJ4067" s="53"/>
      <c r="BK4067" s="53"/>
      <c r="BL4067" s="53"/>
      <c r="BM4067" s="53"/>
      <c r="BN4067" s="53"/>
      <c r="BO4067" s="53"/>
      <c r="BP4067" s="53"/>
      <c r="BQ4067" s="53"/>
      <c r="BR4067" s="53"/>
      <c r="BS4067" s="53"/>
      <c r="BT4067" s="53"/>
      <c r="BU4067" s="53"/>
      <c r="BV4067" s="53"/>
      <c r="BW4067" s="53"/>
      <c r="BX4067" s="53"/>
      <c r="BY4067" s="53"/>
      <c r="BZ4067" s="53"/>
      <c r="CA4067" s="53"/>
      <c r="CB4067" s="53"/>
      <c r="CC4067" s="53"/>
      <c r="CD4067" s="53"/>
      <c r="CE4067" s="53"/>
      <c r="CF4067" s="53"/>
      <c r="CG4067" s="53"/>
      <c r="CH4067" s="53"/>
      <c r="CI4067" s="53"/>
      <c r="CJ4067" s="53"/>
      <c r="CK4067" s="53"/>
      <c r="CL4067" s="53"/>
      <c r="CM4067" s="53"/>
      <c r="CN4067" s="53"/>
    </row>
    <row r="4068" spans="1:92" outlineLevel="1">
      <c r="A4068" s="52" t="s">
        <v>705</v>
      </c>
      <c r="B4068" s="53"/>
      <c r="C4068" s="53"/>
      <c r="D4068" s="53"/>
      <c r="E4068" s="53"/>
      <c r="F4068" s="53"/>
      <c r="G4068" s="53"/>
      <c r="H4068" s="53"/>
      <c r="I4068" s="53"/>
      <c r="J4068" s="53"/>
      <c r="K4068" s="53"/>
      <c r="L4068" s="53"/>
      <c r="M4068" s="53"/>
      <c r="N4068" s="53"/>
      <c r="O4068" s="53"/>
      <c r="P4068" s="53"/>
      <c r="Q4068" s="53"/>
      <c r="R4068" s="53"/>
      <c r="S4068" s="53"/>
      <c r="T4068" s="53"/>
      <c r="U4068" s="53"/>
      <c r="V4068" s="53"/>
      <c r="W4068" s="53"/>
      <c r="X4068" s="53"/>
      <c r="Y4068" s="53"/>
      <c r="Z4068" s="53"/>
      <c r="AA4068" s="53"/>
      <c r="AB4068" s="53">
        <v>5718167.8262857897</v>
      </c>
      <c r="AC4068" s="53">
        <v>3637857.7054897998</v>
      </c>
      <c r="AD4068" s="53">
        <v>3948612.6164098</v>
      </c>
      <c r="AE4068" s="53">
        <v>2063722.61941849</v>
      </c>
      <c r="AF4068" s="53">
        <v>1944498.2890474</v>
      </c>
      <c r="AG4068" s="53">
        <v>7445606.1649477901</v>
      </c>
      <c r="AH4068" s="53">
        <v>1825147.6569218501</v>
      </c>
      <c r="AI4068" s="53">
        <v>1789165.7436818799</v>
      </c>
      <c r="AJ4068" s="53">
        <v>2353683.9830562398</v>
      </c>
      <c r="AK4068" s="53">
        <v>2456938.50783537</v>
      </c>
      <c r="AL4068" s="53">
        <v>2941996.5189028899</v>
      </c>
      <c r="AM4068" s="53">
        <v>5559956.7842427697</v>
      </c>
      <c r="AN4068" s="53">
        <v>41685354.416240104</v>
      </c>
      <c r="AO4068" s="53">
        <v>3599189.0404723901</v>
      </c>
      <c r="AP4068" s="53">
        <v>3282540.4388538199</v>
      </c>
      <c r="AQ4068" s="53">
        <v>2993482.7815451901</v>
      </c>
      <c r="AR4068" s="53">
        <v>2278528.9186691502</v>
      </c>
      <c r="AS4068" s="53">
        <v>1778162.6697051099</v>
      </c>
      <c r="AT4068" s="53">
        <v>1458150.90642567</v>
      </c>
      <c r="AU4068" s="53">
        <v>1510422.6515117299</v>
      </c>
      <c r="AV4068" s="53">
        <v>1569705.23431142</v>
      </c>
      <c r="AW4068" s="53">
        <v>1651804.3709056301</v>
      </c>
      <c r="AX4068" s="53">
        <v>2030519.5072041601</v>
      </c>
      <c r="AY4068" s="53">
        <v>2704248.7283623698</v>
      </c>
      <c r="AZ4068" s="53">
        <v>2585229.0884315502</v>
      </c>
      <c r="BA4068" s="53">
        <v>27441984.336398199</v>
      </c>
      <c r="BB4068" s="53">
        <v>4273703.3121828698</v>
      </c>
      <c r="BC4068" s="53">
        <v>4177857.5456167702</v>
      </c>
      <c r="BD4068" s="53">
        <v>3995332.9289638102</v>
      </c>
      <c r="BE4068" s="53">
        <v>3430295.9194978899</v>
      </c>
      <c r="BF4068" s="53">
        <v>3402872.64275565</v>
      </c>
      <c r="BG4068" s="53">
        <v>3150899.0718787299</v>
      </c>
      <c r="BH4068" s="53">
        <v>3119855.7021402498</v>
      </c>
      <c r="BI4068" s="53">
        <v>3125936.6727139698</v>
      </c>
      <c r="BJ4068" s="53">
        <v>3097698.34102281</v>
      </c>
      <c r="BK4068" s="53">
        <v>3467636.97958036</v>
      </c>
      <c r="BL4068" s="53">
        <v>3625760.0218072399</v>
      </c>
      <c r="BM4068" s="53">
        <v>3675034.4842165401</v>
      </c>
      <c r="BN4068" s="53">
        <v>42542883.622376896</v>
      </c>
      <c r="BO4068" s="53">
        <v>4029427.6755829598</v>
      </c>
      <c r="BP4068" s="53">
        <v>3910535.2107786601</v>
      </c>
      <c r="BQ4068" s="53">
        <v>3866021.8677327801</v>
      </c>
      <c r="BR4068" s="53">
        <v>3327571.24172591</v>
      </c>
      <c r="BS4068" s="53">
        <v>3105693.1804375099</v>
      </c>
      <c r="BT4068" s="53">
        <v>2958881.1623693998</v>
      </c>
      <c r="BU4068" s="53">
        <v>2975665.43870456</v>
      </c>
      <c r="BV4068" s="53">
        <v>2983813.7368489802</v>
      </c>
      <c r="BW4068" s="53">
        <v>2930863.08195299</v>
      </c>
      <c r="BX4068" s="53">
        <v>3131524.1592563302</v>
      </c>
      <c r="BY4068" s="53">
        <v>3359788.9674815098</v>
      </c>
      <c r="BZ4068" s="53">
        <v>3421088.6881427802</v>
      </c>
      <c r="CA4068" s="53">
        <v>40000874.4110144</v>
      </c>
      <c r="CB4068" s="53">
        <v>3562423.1820731498</v>
      </c>
      <c r="CC4068" s="53">
        <v>3620749.77935324</v>
      </c>
      <c r="CD4068" s="53">
        <v>3462532.8113442701</v>
      </c>
      <c r="CE4068" s="53">
        <v>3043778.8440029402</v>
      </c>
      <c r="CF4068" s="53">
        <v>2762957.2369973902</v>
      </c>
      <c r="CG4068" s="53">
        <v>2620338.3869498</v>
      </c>
      <c r="CH4068" s="53">
        <v>2617107.7950252802</v>
      </c>
      <c r="CI4068" s="53">
        <v>2616684.06805389</v>
      </c>
      <c r="CJ4068" s="53">
        <v>2596402.4876818601</v>
      </c>
      <c r="CK4068" s="53">
        <v>2793744.2608177201</v>
      </c>
      <c r="CL4068" s="53">
        <v>3215879.5587457898</v>
      </c>
      <c r="CM4068" s="53">
        <v>3105930.1060319301</v>
      </c>
      <c r="CN4068" s="53">
        <v>36018528.517077297</v>
      </c>
    </row>
    <row r="4069" spans="1:92" outlineLevel="1">
      <c r="A4069" s="52" t="s">
        <v>678</v>
      </c>
      <c r="B4069" s="53"/>
      <c r="C4069" s="53"/>
      <c r="D4069" s="53"/>
      <c r="E4069" s="53"/>
      <c r="F4069" s="53"/>
      <c r="G4069" s="53"/>
      <c r="H4069" s="53"/>
      <c r="I4069" s="53"/>
      <c r="J4069" s="53"/>
      <c r="K4069" s="53"/>
      <c r="L4069" s="53"/>
      <c r="M4069" s="53"/>
      <c r="N4069" s="53"/>
      <c r="O4069" s="53"/>
      <c r="P4069" s="53"/>
      <c r="Q4069" s="53"/>
      <c r="R4069" s="53"/>
      <c r="S4069" s="53"/>
      <c r="T4069" s="53"/>
      <c r="U4069" s="53"/>
      <c r="V4069" s="53"/>
      <c r="W4069" s="53"/>
      <c r="X4069" s="53"/>
      <c r="Y4069" s="53"/>
      <c r="Z4069" s="53"/>
      <c r="AA4069" s="53"/>
      <c r="AB4069" s="53"/>
      <c r="AC4069" s="53"/>
      <c r="AD4069" s="53"/>
      <c r="AE4069" s="53"/>
      <c r="AF4069" s="53"/>
      <c r="AG4069" s="53"/>
      <c r="AH4069" s="53"/>
      <c r="AI4069" s="53"/>
      <c r="AJ4069" s="53"/>
      <c r="AK4069" s="53"/>
      <c r="AL4069" s="53"/>
      <c r="AM4069" s="53"/>
      <c r="AN4069" s="53"/>
      <c r="AO4069" s="53"/>
      <c r="AP4069" s="53"/>
      <c r="AQ4069" s="53"/>
      <c r="AR4069" s="53"/>
      <c r="AS4069" s="53"/>
      <c r="AT4069" s="53"/>
      <c r="AU4069" s="53"/>
      <c r="AV4069" s="53"/>
      <c r="AW4069" s="53"/>
      <c r="AX4069" s="53"/>
      <c r="AY4069" s="53"/>
      <c r="AZ4069" s="53"/>
      <c r="BA4069" s="53"/>
      <c r="BB4069" s="53"/>
      <c r="BC4069" s="53"/>
      <c r="BD4069" s="53"/>
      <c r="BE4069" s="53"/>
      <c r="BF4069" s="53"/>
      <c r="BG4069" s="53"/>
      <c r="BH4069" s="53"/>
      <c r="BI4069" s="53"/>
      <c r="BJ4069" s="53"/>
      <c r="BK4069" s="53"/>
      <c r="BL4069" s="53"/>
      <c r="BM4069" s="53"/>
      <c r="BN4069" s="53"/>
      <c r="BO4069" s="53"/>
      <c r="BP4069" s="53"/>
      <c r="BQ4069" s="53"/>
      <c r="BR4069" s="53"/>
      <c r="BS4069" s="53"/>
      <c r="BT4069" s="53"/>
      <c r="BU4069" s="53"/>
      <c r="BV4069" s="53"/>
      <c r="BW4069" s="53"/>
      <c r="BX4069" s="53"/>
      <c r="BY4069" s="53"/>
      <c r="BZ4069" s="53"/>
      <c r="CA4069" s="53"/>
      <c r="CB4069" s="53"/>
      <c r="CC4069" s="53"/>
      <c r="CD4069" s="53"/>
      <c r="CE4069" s="53"/>
      <c r="CF4069" s="53"/>
      <c r="CG4069" s="53"/>
      <c r="CH4069" s="53"/>
      <c r="CI4069" s="53"/>
      <c r="CJ4069" s="53"/>
      <c r="CK4069" s="53"/>
      <c r="CL4069" s="53"/>
      <c r="CM4069" s="53"/>
      <c r="CN4069" s="53"/>
    </row>
    <row r="4070" spans="1:92" outlineLevel="1">
      <c r="A4070" s="52" t="s">
        <v>707</v>
      </c>
      <c r="B4070" s="53"/>
      <c r="C4070" s="53"/>
      <c r="D4070" s="53"/>
      <c r="E4070" s="53"/>
      <c r="F4070" s="53"/>
      <c r="G4070" s="53"/>
      <c r="H4070" s="53"/>
      <c r="I4070" s="53"/>
      <c r="J4070" s="53"/>
      <c r="K4070" s="53"/>
      <c r="L4070" s="53"/>
      <c r="M4070" s="53"/>
      <c r="N4070" s="53"/>
      <c r="O4070" s="53"/>
      <c r="P4070" s="53"/>
      <c r="Q4070" s="53"/>
      <c r="R4070" s="53"/>
      <c r="S4070" s="53"/>
      <c r="T4070" s="53"/>
      <c r="U4070" s="53"/>
      <c r="V4070" s="53"/>
      <c r="W4070" s="53"/>
      <c r="X4070" s="53"/>
      <c r="Y4070" s="53"/>
      <c r="Z4070" s="53"/>
      <c r="AA4070" s="53"/>
      <c r="AB4070" s="53"/>
      <c r="AC4070" s="53"/>
      <c r="AD4070" s="53"/>
      <c r="AE4070" s="53"/>
      <c r="AF4070" s="53"/>
      <c r="AG4070" s="53"/>
      <c r="AH4070" s="53"/>
      <c r="AI4070" s="53"/>
      <c r="AJ4070" s="53"/>
      <c r="AK4070" s="53"/>
      <c r="AL4070" s="53"/>
      <c r="AM4070" s="53"/>
      <c r="AN4070" s="53"/>
      <c r="AO4070" s="53"/>
      <c r="AP4070" s="53"/>
      <c r="AQ4070" s="53"/>
      <c r="AR4070" s="53"/>
      <c r="AS4070" s="53"/>
      <c r="AT4070" s="53"/>
      <c r="AU4070" s="53"/>
      <c r="AV4070" s="53"/>
      <c r="AW4070" s="53"/>
      <c r="AX4070" s="53"/>
      <c r="AY4070" s="53"/>
      <c r="AZ4070" s="53"/>
      <c r="BA4070" s="53"/>
      <c r="BB4070" s="53"/>
      <c r="BC4070" s="53"/>
      <c r="BD4070" s="53"/>
      <c r="BE4070" s="53"/>
      <c r="BF4070" s="53"/>
      <c r="BG4070" s="53"/>
      <c r="BH4070" s="53"/>
      <c r="BI4070" s="53"/>
      <c r="BJ4070" s="53"/>
      <c r="BK4070" s="53"/>
      <c r="BL4070" s="53"/>
      <c r="BM4070" s="53"/>
      <c r="BN4070" s="53"/>
      <c r="BO4070" s="53"/>
      <c r="BP4070" s="53"/>
      <c r="BQ4070" s="53"/>
      <c r="BR4070" s="53"/>
      <c r="BS4070" s="53"/>
      <c r="BT4070" s="53"/>
      <c r="BU4070" s="53"/>
      <c r="BV4070" s="53"/>
      <c r="BW4070" s="53"/>
      <c r="BX4070" s="53"/>
      <c r="BY4070" s="53"/>
      <c r="BZ4070" s="53"/>
      <c r="CA4070" s="53"/>
      <c r="CB4070" s="53"/>
      <c r="CC4070" s="53"/>
      <c r="CD4070" s="53"/>
      <c r="CE4070" s="53"/>
      <c r="CF4070" s="53"/>
      <c r="CG4070" s="53"/>
      <c r="CH4070" s="53"/>
      <c r="CI4070" s="53"/>
      <c r="CJ4070" s="53"/>
      <c r="CK4070" s="53"/>
      <c r="CL4070" s="53"/>
      <c r="CM4070" s="53"/>
      <c r="CN4070" s="53"/>
    </row>
    <row r="4071" spans="1:92" outlineLevel="1">
      <c r="A4071" s="52" t="s">
        <v>680</v>
      </c>
      <c r="B4071" s="53"/>
      <c r="C4071" s="53"/>
      <c r="D4071" s="53"/>
      <c r="E4071" s="53"/>
      <c r="F4071" s="53"/>
      <c r="G4071" s="53"/>
      <c r="H4071" s="53"/>
      <c r="I4071" s="53"/>
      <c r="J4071" s="53"/>
      <c r="K4071" s="53"/>
      <c r="L4071" s="53"/>
      <c r="M4071" s="53"/>
      <c r="N4071" s="53"/>
      <c r="O4071" s="53"/>
      <c r="P4071" s="53"/>
      <c r="Q4071" s="53"/>
      <c r="R4071" s="53"/>
      <c r="S4071" s="53"/>
      <c r="T4071" s="53"/>
      <c r="U4071" s="53"/>
      <c r="V4071" s="53"/>
      <c r="W4071" s="53"/>
      <c r="X4071" s="53"/>
      <c r="Y4071" s="53"/>
      <c r="Z4071" s="53"/>
      <c r="AA4071" s="53"/>
      <c r="AB4071" s="53"/>
      <c r="AC4071" s="53"/>
      <c r="AD4071" s="53"/>
      <c r="AE4071" s="53"/>
      <c r="AF4071" s="53"/>
      <c r="AG4071" s="53"/>
      <c r="AH4071" s="53"/>
      <c r="AI4071" s="53"/>
      <c r="AJ4071" s="53"/>
      <c r="AK4071" s="53"/>
      <c r="AL4071" s="53"/>
      <c r="AM4071" s="53"/>
      <c r="AN4071" s="53"/>
      <c r="AO4071" s="53"/>
      <c r="AP4071" s="53"/>
      <c r="AQ4071" s="53"/>
      <c r="AR4071" s="53"/>
      <c r="AS4071" s="53"/>
      <c r="AT4071" s="53"/>
      <c r="AU4071" s="53"/>
      <c r="AV4071" s="53"/>
      <c r="AW4071" s="53"/>
      <c r="AX4071" s="53"/>
      <c r="AY4071" s="53"/>
      <c r="AZ4071" s="53"/>
      <c r="BA4071" s="53"/>
      <c r="BB4071" s="53"/>
      <c r="BC4071" s="53"/>
      <c r="BD4071" s="53"/>
      <c r="BE4071" s="53"/>
      <c r="BF4071" s="53"/>
      <c r="BG4071" s="53"/>
      <c r="BH4071" s="53"/>
      <c r="BI4071" s="53"/>
      <c r="BJ4071" s="53"/>
      <c r="BK4071" s="53"/>
      <c r="BL4071" s="53"/>
      <c r="BM4071" s="53"/>
      <c r="BN4071" s="53"/>
      <c r="BO4071" s="53"/>
      <c r="BP4071" s="53"/>
      <c r="BQ4071" s="53"/>
      <c r="BR4071" s="53"/>
      <c r="BS4071" s="53"/>
      <c r="BT4071" s="53"/>
      <c r="BU4071" s="53"/>
      <c r="BV4071" s="53"/>
      <c r="BW4071" s="53"/>
      <c r="BX4071" s="53"/>
      <c r="BY4071" s="53"/>
      <c r="BZ4071" s="53"/>
      <c r="CA4071" s="53"/>
      <c r="CB4071" s="53"/>
      <c r="CC4071" s="53"/>
      <c r="CD4071" s="53"/>
      <c r="CE4071" s="53">
        <v>2139049.0324459602</v>
      </c>
      <c r="CF4071" s="53"/>
      <c r="CG4071" s="53">
        <v>2139049.0324459602</v>
      </c>
      <c r="CH4071" s="53"/>
      <c r="CI4071" s="53"/>
      <c r="CJ4071" s="53">
        <v>-389417.81489192997</v>
      </c>
      <c r="CK4071" s="53"/>
      <c r="CL4071" s="53"/>
      <c r="CM4071" s="53">
        <v>6207896.75</v>
      </c>
      <c r="CN4071" s="53">
        <v>10096577</v>
      </c>
    </row>
    <row r="4072" spans="1:92" outlineLevel="1">
      <c r="A4072" s="52" t="s">
        <v>682</v>
      </c>
      <c r="B4072" s="53"/>
      <c r="C4072" s="53"/>
      <c r="D4072" s="53"/>
      <c r="E4072" s="53"/>
      <c r="F4072" s="53"/>
      <c r="G4072" s="53"/>
      <c r="H4072" s="53"/>
      <c r="I4072" s="53"/>
      <c r="J4072" s="53"/>
      <c r="K4072" s="53"/>
      <c r="L4072" s="53"/>
      <c r="M4072" s="53"/>
      <c r="N4072" s="53"/>
      <c r="O4072" s="53"/>
      <c r="P4072" s="53"/>
      <c r="Q4072" s="53"/>
      <c r="R4072" s="53"/>
      <c r="S4072" s="53"/>
      <c r="T4072" s="53"/>
      <c r="U4072" s="53"/>
      <c r="V4072" s="53"/>
      <c r="W4072" s="53"/>
      <c r="X4072" s="53"/>
      <c r="Y4072" s="53"/>
      <c r="Z4072" s="53"/>
      <c r="AA4072" s="53"/>
      <c r="AB4072" s="53"/>
      <c r="AC4072" s="53"/>
      <c r="AD4072" s="53"/>
      <c r="AE4072" s="53"/>
      <c r="AF4072" s="53"/>
      <c r="AG4072" s="53"/>
      <c r="AH4072" s="53"/>
      <c r="AI4072" s="53"/>
      <c r="AJ4072" s="53"/>
      <c r="AK4072" s="53"/>
      <c r="AL4072" s="53"/>
      <c r="AM4072" s="53"/>
      <c r="AN4072" s="53"/>
      <c r="AO4072" s="53"/>
      <c r="AP4072" s="53"/>
      <c r="AQ4072" s="53"/>
      <c r="AR4072" s="53"/>
      <c r="AS4072" s="53"/>
      <c r="AT4072" s="53"/>
      <c r="AU4072" s="53"/>
      <c r="AV4072" s="53"/>
      <c r="AW4072" s="53"/>
      <c r="AX4072" s="53"/>
      <c r="AY4072" s="53"/>
      <c r="AZ4072" s="53"/>
      <c r="BA4072" s="53"/>
      <c r="BB4072" s="53"/>
      <c r="BC4072" s="53"/>
      <c r="BD4072" s="53"/>
      <c r="BE4072" s="53">
        <v>653618.28589936602</v>
      </c>
      <c r="BF4072" s="53"/>
      <c r="BG4072" s="53">
        <v>653618.28589936602</v>
      </c>
      <c r="BH4072" s="53"/>
      <c r="BI4072" s="53"/>
      <c r="BJ4072" s="53">
        <v>44054.928201267503</v>
      </c>
      <c r="BK4072" s="53"/>
      <c r="BL4072" s="53"/>
      <c r="BM4072" s="53">
        <v>3530499.1369385002</v>
      </c>
      <c r="BN4072" s="53">
        <v>4881790.6369385002</v>
      </c>
      <c r="BO4072" s="53"/>
      <c r="BP4072" s="53"/>
      <c r="BQ4072" s="53">
        <v>569975.36306149303</v>
      </c>
      <c r="BR4072" s="53">
        <v>268227.196505973</v>
      </c>
      <c r="BS4072" s="53"/>
      <c r="BT4072" s="53">
        <v>268227.196505973</v>
      </c>
      <c r="BU4072" s="53"/>
      <c r="BV4072" s="53"/>
      <c r="BW4072" s="53">
        <v>552541.10698805295</v>
      </c>
      <c r="BX4072" s="53"/>
      <c r="BY4072" s="53"/>
      <c r="BZ4072" s="53">
        <v>942761.86000176403</v>
      </c>
      <c r="CA4072" s="53">
        <v>2601732.7230632501</v>
      </c>
      <c r="CB4072" s="53"/>
      <c r="CC4072" s="53"/>
      <c r="CD4072" s="53">
        <v>585831.63999823504</v>
      </c>
      <c r="CE4072" s="53"/>
      <c r="CF4072" s="53"/>
      <c r="CG4072" s="53"/>
      <c r="CH4072" s="53"/>
      <c r="CI4072" s="53"/>
      <c r="CJ4072" s="53">
        <v>659574.44485419604</v>
      </c>
      <c r="CK4072" s="53"/>
      <c r="CL4072" s="53"/>
      <c r="CM4072" s="53">
        <v>1678522.3330246501</v>
      </c>
      <c r="CN4072" s="53">
        <v>2923928.4178770799</v>
      </c>
    </row>
    <row r="4073" spans="1:92" outlineLevel="1">
      <c r="A4073" s="52" t="s">
        <v>1615</v>
      </c>
      <c r="B4073" s="53"/>
      <c r="C4073" s="53"/>
      <c r="D4073" s="53"/>
      <c r="E4073" s="53"/>
      <c r="F4073" s="53"/>
      <c r="G4073" s="53"/>
      <c r="H4073" s="53"/>
      <c r="I4073" s="53"/>
      <c r="J4073" s="53"/>
      <c r="K4073" s="53"/>
      <c r="L4073" s="53"/>
      <c r="M4073" s="53"/>
      <c r="N4073" s="53"/>
      <c r="O4073" s="53"/>
      <c r="P4073" s="53"/>
      <c r="Q4073" s="53"/>
      <c r="R4073" s="53"/>
      <c r="S4073" s="53"/>
      <c r="T4073" s="53"/>
      <c r="U4073" s="53"/>
      <c r="V4073" s="53"/>
      <c r="W4073" s="53"/>
      <c r="X4073" s="53"/>
      <c r="Y4073" s="53"/>
      <c r="Z4073" s="53"/>
      <c r="AA4073" s="53"/>
      <c r="AB4073" s="53"/>
      <c r="AC4073" s="53"/>
      <c r="AD4073" s="53"/>
      <c r="AE4073" s="53"/>
      <c r="AF4073" s="53"/>
      <c r="AG4073" s="53"/>
      <c r="AH4073" s="53"/>
      <c r="AI4073" s="53"/>
      <c r="AJ4073" s="53"/>
      <c r="AK4073" s="53"/>
      <c r="AL4073" s="53"/>
      <c r="AM4073" s="53"/>
      <c r="AN4073" s="53"/>
      <c r="AO4073" s="53"/>
      <c r="AP4073" s="53"/>
      <c r="AQ4073" s="53"/>
      <c r="AR4073" s="53"/>
      <c r="AS4073" s="53"/>
      <c r="AT4073" s="53"/>
      <c r="AU4073" s="53"/>
      <c r="AV4073" s="53"/>
      <c r="AW4073" s="53"/>
      <c r="AX4073" s="53"/>
      <c r="AY4073" s="53"/>
      <c r="AZ4073" s="53"/>
      <c r="BA4073" s="53"/>
      <c r="BB4073" s="53"/>
      <c r="BC4073" s="53"/>
      <c r="BD4073" s="53"/>
      <c r="BE4073" s="53"/>
      <c r="BF4073" s="53"/>
      <c r="BG4073" s="53"/>
      <c r="BH4073" s="53"/>
      <c r="BI4073" s="53"/>
      <c r="BJ4073" s="53"/>
      <c r="BK4073" s="53"/>
      <c r="BL4073" s="53"/>
      <c r="BM4073" s="53"/>
      <c r="BN4073" s="53"/>
      <c r="BO4073" s="53"/>
      <c r="BP4073" s="53"/>
      <c r="BQ4073" s="53"/>
      <c r="BR4073" s="53"/>
      <c r="BS4073" s="53"/>
      <c r="BT4073" s="53"/>
      <c r="BU4073" s="53"/>
      <c r="BV4073" s="53"/>
      <c r="BW4073" s="53"/>
      <c r="BX4073" s="53"/>
      <c r="BY4073" s="53"/>
      <c r="BZ4073" s="53"/>
      <c r="CA4073" s="53"/>
      <c r="CB4073" s="53"/>
      <c r="CC4073" s="53"/>
      <c r="CD4073" s="53"/>
      <c r="CE4073" s="53"/>
      <c r="CF4073" s="53"/>
      <c r="CG4073" s="53"/>
      <c r="CH4073" s="53"/>
      <c r="CI4073" s="53"/>
      <c r="CJ4073" s="53"/>
      <c r="CK4073" s="53"/>
      <c r="CL4073" s="53"/>
      <c r="CM4073" s="53"/>
      <c r="CN4073" s="53"/>
    </row>
    <row r="4074" spans="1:92" outlineLevel="1">
      <c r="A4074" s="52" t="s">
        <v>1622</v>
      </c>
      <c r="B4074" s="53"/>
      <c r="C4074" s="53"/>
      <c r="D4074" s="53"/>
      <c r="E4074" s="53"/>
      <c r="F4074" s="53"/>
      <c r="G4074" s="53"/>
      <c r="H4074" s="53"/>
      <c r="I4074" s="53"/>
      <c r="J4074" s="53"/>
      <c r="K4074" s="53"/>
      <c r="L4074" s="53"/>
      <c r="M4074" s="53"/>
      <c r="N4074" s="53"/>
      <c r="O4074" s="53"/>
      <c r="P4074" s="53"/>
      <c r="Q4074" s="53"/>
      <c r="R4074" s="53"/>
      <c r="S4074" s="53"/>
      <c r="T4074" s="53"/>
      <c r="U4074" s="53"/>
      <c r="V4074" s="53"/>
      <c r="W4074" s="53"/>
      <c r="X4074" s="53"/>
      <c r="Y4074" s="53"/>
      <c r="Z4074" s="53"/>
      <c r="AA4074" s="53"/>
      <c r="AB4074" s="53"/>
      <c r="AC4074" s="53"/>
      <c r="AD4074" s="53"/>
      <c r="AE4074" s="53"/>
      <c r="AF4074" s="53"/>
      <c r="AG4074" s="53"/>
      <c r="AH4074" s="53"/>
      <c r="AI4074" s="53"/>
      <c r="AJ4074" s="53"/>
      <c r="AK4074" s="53"/>
      <c r="AL4074" s="53"/>
      <c r="AM4074" s="53"/>
      <c r="AN4074" s="53"/>
      <c r="AO4074" s="53"/>
      <c r="AP4074" s="53"/>
      <c r="AQ4074" s="53"/>
      <c r="AR4074" s="53"/>
      <c r="AS4074" s="53"/>
      <c r="AT4074" s="53"/>
      <c r="AU4074" s="53"/>
      <c r="AV4074" s="53"/>
      <c r="AW4074" s="53"/>
      <c r="AX4074" s="53"/>
      <c r="AY4074" s="53"/>
      <c r="AZ4074" s="53"/>
      <c r="BA4074" s="53"/>
      <c r="BB4074" s="53"/>
      <c r="BC4074" s="53"/>
      <c r="BD4074" s="53"/>
      <c r="BE4074" s="53"/>
      <c r="BF4074" s="53"/>
      <c r="BG4074" s="53"/>
      <c r="BH4074" s="53"/>
      <c r="BI4074" s="53"/>
      <c r="BJ4074" s="53"/>
      <c r="BK4074" s="53"/>
      <c r="BL4074" s="53"/>
      <c r="BM4074" s="53"/>
      <c r="BN4074" s="53"/>
      <c r="BO4074" s="53"/>
      <c r="BP4074" s="53"/>
      <c r="BQ4074" s="53"/>
      <c r="BR4074" s="53"/>
      <c r="BS4074" s="53"/>
      <c r="BT4074" s="53"/>
      <c r="BU4074" s="53"/>
      <c r="BV4074" s="53"/>
      <c r="BW4074" s="53"/>
      <c r="BX4074" s="53"/>
      <c r="BY4074" s="53"/>
      <c r="BZ4074" s="53"/>
      <c r="CA4074" s="53"/>
      <c r="CB4074" s="53"/>
      <c r="CC4074" s="53"/>
      <c r="CD4074" s="53"/>
      <c r="CE4074" s="53"/>
      <c r="CF4074" s="53"/>
      <c r="CG4074" s="53"/>
      <c r="CH4074" s="53"/>
      <c r="CI4074" s="53"/>
      <c r="CJ4074" s="53"/>
      <c r="CK4074" s="53"/>
      <c r="CL4074" s="53"/>
      <c r="CM4074" s="53"/>
      <c r="CN4074" s="53"/>
    </row>
    <row r="4075" spans="1:92" outlineLevel="1">
      <c r="A4075" s="52" t="s">
        <v>649</v>
      </c>
      <c r="B4075" s="53">
        <v>851168.25</v>
      </c>
      <c r="C4075" s="53">
        <v>851168.25</v>
      </c>
      <c r="D4075" s="53">
        <v>851168.25</v>
      </c>
      <c r="E4075" s="53">
        <v>851168.25</v>
      </c>
      <c r="F4075" s="53">
        <v>851168.25</v>
      </c>
      <c r="G4075" s="53">
        <v>851168.25</v>
      </c>
      <c r="H4075" s="53">
        <v>851168.25</v>
      </c>
      <c r="I4075" s="53">
        <v>851168.25</v>
      </c>
      <c r="J4075" s="53">
        <v>851168.25</v>
      </c>
      <c r="K4075" s="53">
        <v>851168.25</v>
      </c>
      <c r="L4075" s="53">
        <v>851168.25</v>
      </c>
      <c r="M4075" s="53">
        <v>851168.25</v>
      </c>
      <c r="N4075" s="53">
        <v>10214019</v>
      </c>
      <c r="O4075" s="53">
        <v>827938.24999999895</v>
      </c>
      <c r="P4075" s="53">
        <v>827938.24999999895</v>
      </c>
      <c r="Q4075" s="53">
        <v>827938.24999999895</v>
      </c>
      <c r="R4075" s="53">
        <v>827938.24999999895</v>
      </c>
      <c r="S4075" s="53">
        <v>827938.24999999895</v>
      </c>
      <c r="T4075" s="53">
        <v>827938.24999999895</v>
      </c>
      <c r="U4075" s="53">
        <v>827938.24999999895</v>
      </c>
      <c r="V4075" s="53">
        <v>827938.24999999895</v>
      </c>
      <c r="W4075" s="53">
        <v>827938.24999999895</v>
      </c>
      <c r="X4075" s="53">
        <v>827938.24999999895</v>
      </c>
      <c r="Y4075" s="53">
        <v>827938.24999999895</v>
      </c>
      <c r="Z4075" s="53">
        <v>827938.24999999895</v>
      </c>
      <c r="AA4075" s="53">
        <v>9935258.9999999907</v>
      </c>
      <c r="AB4075" s="53">
        <v>1992746.08333332</v>
      </c>
      <c r="AC4075" s="53">
        <v>1992746.08333332</v>
      </c>
      <c r="AD4075" s="53">
        <v>1992746.08333332</v>
      </c>
      <c r="AE4075" s="53">
        <v>1992746.08333332</v>
      </c>
      <c r="AF4075" s="53">
        <v>1992746.08333332</v>
      </c>
      <c r="AG4075" s="53">
        <v>1992746.08333332</v>
      </c>
      <c r="AH4075" s="53">
        <v>1992746.08333332</v>
      </c>
      <c r="AI4075" s="53">
        <v>1992746.08333332</v>
      </c>
      <c r="AJ4075" s="53">
        <v>1992746.08333332</v>
      </c>
      <c r="AK4075" s="53">
        <v>1992746.08333332</v>
      </c>
      <c r="AL4075" s="53">
        <v>1992746.08333332</v>
      </c>
      <c r="AM4075" s="53">
        <v>1992746.08333332</v>
      </c>
      <c r="AN4075" s="53">
        <v>23912952.999999799</v>
      </c>
      <c r="AO4075" s="53">
        <v>1907733.58333333</v>
      </c>
      <c r="AP4075" s="53">
        <v>1907733.58333333</v>
      </c>
      <c r="AQ4075" s="53">
        <v>1907733.58333333</v>
      </c>
      <c r="AR4075" s="53">
        <v>1907733.58333333</v>
      </c>
      <c r="AS4075" s="53">
        <v>1907733.58333333</v>
      </c>
      <c r="AT4075" s="53">
        <v>1907733.58333333</v>
      </c>
      <c r="AU4075" s="53">
        <v>1907733.58333333</v>
      </c>
      <c r="AV4075" s="53">
        <v>1907733.58333333</v>
      </c>
      <c r="AW4075" s="53">
        <v>1907733.58333333</v>
      </c>
      <c r="AX4075" s="53">
        <v>1907733.58333333</v>
      </c>
      <c r="AY4075" s="53">
        <v>1907733.58333333</v>
      </c>
      <c r="AZ4075" s="53">
        <v>1907733.58333333</v>
      </c>
      <c r="BA4075" s="53">
        <v>22892803</v>
      </c>
      <c r="BB4075" s="53">
        <v>1907733.58333333</v>
      </c>
      <c r="BC4075" s="53">
        <v>1907733.58333333</v>
      </c>
      <c r="BD4075" s="53">
        <v>1907733.58333333</v>
      </c>
      <c r="BE4075" s="53">
        <v>1907733.58333333</v>
      </c>
      <c r="BF4075" s="53">
        <v>1907733.58333333</v>
      </c>
      <c r="BG4075" s="53">
        <v>1907733.58333333</v>
      </c>
      <c r="BH4075" s="53">
        <v>1907733.58333333</v>
      </c>
      <c r="BI4075" s="53">
        <v>1907733.58333333</v>
      </c>
      <c r="BJ4075" s="53">
        <v>1907733.58333333</v>
      </c>
      <c r="BK4075" s="53">
        <v>1907733.58333333</v>
      </c>
      <c r="BL4075" s="53">
        <v>1907733.58333333</v>
      </c>
      <c r="BM4075" s="53">
        <v>1907733.58333333</v>
      </c>
      <c r="BN4075" s="53">
        <v>22892803</v>
      </c>
      <c r="BO4075" s="53">
        <v>1907733.58333333</v>
      </c>
      <c r="BP4075" s="53">
        <v>1907733.58333333</v>
      </c>
      <c r="BQ4075" s="53">
        <v>1907733.58333333</v>
      </c>
      <c r="BR4075" s="53">
        <v>1907733.58333333</v>
      </c>
      <c r="BS4075" s="53">
        <v>1907733.58333333</v>
      </c>
      <c r="BT4075" s="53">
        <v>1907733.58333333</v>
      </c>
      <c r="BU4075" s="53">
        <v>1907733.58333333</v>
      </c>
      <c r="BV4075" s="53">
        <v>1907733.58333333</v>
      </c>
      <c r="BW4075" s="53">
        <v>1907733.58333333</v>
      </c>
      <c r="BX4075" s="53">
        <v>1907733.58333333</v>
      </c>
      <c r="BY4075" s="53">
        <v>1907733.58333333</v>
      </c>
      <c r="BZ4075" s="53">
        <v>1907733.58333333</v>
      </c>
      <c r="CA4075" s="53">
        <v>22892803</v>
      </c>
      <c r="CB4075" s="53">
        <v>1907733.58333333</v>
      </c>
      <c r="CC4075" s="53">
        <v>1907733.58333333</v>
      </c>
      <c r="CD4075" s="53">
        <v>1907733.58333333</v>
      </c>
      <c r="CE4075" s="53">
        <v>1907733.58333333</v>
      </c>
      <c r="CF4075" s="53">
        <v>1907733.58333333</v>
      </c>
      <c r="CG4075" s="53">
        <v>1907733.58333333</v>
      </c>
      <c r="CH4075" s="53">
        <v>1907733.58333333</v>
      </c>
      <c r="CI4075" s="53">
        <v>1907733.58333333</v>
      </c>
      <c r="CJ4075" s="53">
        <v>1907733.58333333</v>
      </c>
      <c r="CK4075" s="53">
        <v>1907733.58333333</v>
      </c>
      <c r="CL4075" s="53">
        <v>1907733.58333333</v>
      </c>
      <c r="CM4075" s="53">
        <v>1907733.58333333</v>
      </c>
      <c r="CN4075" s="53">
        <v>22892803</v>
      </c>
    </row>
    <row r="4076" spans="1:92" outlineLevel="1">
      <c r="A4076" s="52" t="s">
        <v>1623</v>
      </c>
      <c r="B4076" s="53"/>
      <c r="C4076" s="53"/>
      <c r="D4076" s="53"/>
      <c r="E4076" s="53"/>
      <c r="F4076" s="53"/>
      <c r="G4076" s="53"/>
      <c r="H4076" s="53"/>
      <c r="I4076" s="53"/>
      <c r="J4076" s="53"/>
      <c r="K4076" s="53"/>
      <c r="L4076" s="53"/>
      <c r="M4076" s="53"/>
      <c r="N4076" s="53"/>
      <c r="O4076" s="53"/>
      <c r="P4076" s="53"/>
      <c r="Q4076" s="53"/>
      <c r="R4076" s="53"/>
      <c r="S4076" s="53"/>
      <c r="T4076" s="53"/>
      <c r="U4076" s="53"/>
      <c r="V4076" s="53"/>
      <c r="W4076" s="53"/>
      <c r="X4076" s="53"/>
      <c r="Y4076" s="53"/>
      <c r="Z4076" s="53"/>
      <c r="AA4076" s="53"/>
      <c r="AB4076" s="53"/>
      <c r="AC4076" s="53"/>
      <c r="AD4076" s="53"/>
      <c r="AE4076" s="53"/>
      <c r="AF4076" s="53"/>
      <c r="AG4076" s="53"/>
      <c r="AH4076" s="53"/>
      <c r="AI4076" s="53"/>
      <c r="AJ4076" s="53"/>
      <c r="AK4076" s="53"/>
      <c r="AL4076" s="53"/>
      <c r="AM4076" s="53"/>
      <c r="AN4076" s="53"/>
      <c r="AO4076" s="53"/>
      <c r="AP4076" s="53"/>
      <c r="AQ4076" s="53"/>
      <c r="AR4076" s="53"/>
      <c r="AS4076" s="53"/>
      <c r="AT4076" s="53"/>
      <c r="AU4076" s="53"/>
      <c r="AV4076" s="53"/>
      <c r="AW4076" s="53"/>
      <c r="AX4076" s="53"/>
      <c r="AY4076" s="53"/>
      <c r="AZ4076" s="53"/>
      <c r="BA4076" s="53"/>
      <c r="BB4076" s="53"/>
      <c r="BC4076" s="53"/>
      <c r="BD4076" s="53"/>
      <c r="BE4076" s="53"/>
      <c r="BF4076" s="53"/>
      <c r="BG4076" s="53"/>
      <c r="BH4076" s="53"/>
      <c r="BI4076" s="53"/>
      <c r="BJ4076" s="53"/>
      <c r="BK4076" s="53"/>
      <c r="BL4076" s="53"/>
      <c r="BM4076" s="53"/>
      <c r="BN4076" s="53"/>
      <c r="BO4076" s="53"/>
      <c r="BP4076" s="53"/>
      <c r="BQ4076" s="53"/>
      <c r="BR4076" s="53"/>
      <c r="BS4076" s="53"/>
      <c r="BT4076" s="53"/>
      <c r="BU4076" s="53"/>
      <c r="BV4076" s="53"/>
      <c r="BW4076" s="53"/>
      <c r="BX4076" s="53"/>
      <c r="BY4076" s="53"/>
      <c r="BZ4076" s="53"/>
      <c r="CA4076" s="53"/>
      <c r="CB4076" s="53"/>
      <c r="CC4076" s="53"/>
      <c r="CD4076" s="53"/>
      <c r="CE4076" s="53"/>
      <c r="CF4076" s="53"/>
      <c r="CG4076" s="53"/>
      <c r="CH4076" s="53"/>
      <c r="CI4076" s="53"/>
      <c r="CJ4076" s="53"/>
      <c r="CK4076" s="53"/>
      <c r="CL4076" s="53"/>
      <c r="CM4076" s="53"/>
      <c r="CN4076" s="53"/>
    </row>
    <row r="4077" spans="1:92" outlineLevel="1">
      <c r="A4077" s="52" t="s">
        <v>649</v>
      </c>
      <c r="B4077" s="53">
        <v>442455.25</v>
      </c>
      <c r="C4077" s="53">
        <v>442455.25</v>
      </c>
      <c r="D4077" s="53">
        <v>442455.25</v>
      </c>
      <c r="E4077" s="53">
        <v>442455.25</v>
      </c>
      <c r="F4077" s="53">
        <v>442455.25</v>
      </c>
      <c r="G4077" s="53">
        <v>442455.25</v>
      </c>
      <c r="H4077" s="53">
        <v>442455.25</v>
      </c>
      <c r="I4077" s="53">
        <v>442455.25</v>
      </c>
      <c r="J4077" s="53">
        <v>442455.25</v>
      </c>
      <c r="K4077" s="53">
        <v>442455.25</v>
      </c>
      <c r="L4077" s="53">
        <v>442455.25</v>
      </c>
      <c r="M4077" s="53">
        <v>442455.25</v>
      </c>
      <c r="N4077" s="53">
        <v>5309463</v>
      </c>
      <c r="O4077" s="53">
        <v>410871.49999999901</v>
      </c>
      <c r="P4077" s="53">
        <v>410871.49999999901</v>
      </c>
      <c r="Q4077" s="53">
        <v>410871.49999999901</v>
      </c>
      <c r="R4077" s="53">
        <v>410871.49999999901</v>
      </c>
      <c r="S4077" s="53">
        <v>410871.49999999901</v>
      </c>
      <c r="T4077" s="53">
        <v>410871.49999999901</v>
      </c>
      <c r="U4077" s="53">
        <v>410871.49999999901</v>
      </c>
      <c r="V4077" s="53">
        <v>410871.49999999901</v>
      </c>
      <c r="W4077" s="53">
        <v>410871.49999999901</v>
      </c>
      <c r="X4077" s="53">
        <v>410871.49999999901</v>
      </c>
      <c r="Y4077" s="53">
        <v>410871.49999999901</v>
      </c>
      <c r="Z4077" s="53">
        <v>410871.49999999901</v>
      </c>
      <c r="AA4077" s="53">
        <v>4930458</v>
      </c>
      <c r="AB4077" s="53"/>
      <c r="AC4077" s="53"/>
      <c r="AD4077" s="53"/>
      <c r="AE4077" s="53"/>
      <c r="AF4077" s="53"/>
      <c r="AG4077" s="53"/>
      <c r="AH4077" s="53"/>
      <c r="AI4077" s="53"/>
      <c r="AJ4077" s="53"/>
      <c r="AK4077" s="53"/>
      <c r="AL4077" s="53"/>
      <c r="AM4077" s="53"/>
      <c r="AN4077" s="53"/>
      <c r="AO4077" s="53"/>
      <c r="AP4077" s="53"/>
      <c r="AQ4077" s="53"/>
      <c r="AR4077" s="53"/>
      <c r="AS4077" s="53"/>
      <c r="AT4077" s="53"/>
      <c r="AU4077" s="53"/>
      <c r="AV4077" s="53"/>
      <c r="AW4077" s="53"/>
      <c r="AX4077" s="53"/>
      <c r="AY4077" s="53"/>
      <c r="AZ4077" s="53"/>
      <c r="BA4077" s="53"/>
      <c r="BB4077" s="53"/>
      <c r="BC4077" s="53"/>
      <c r="BD4077" s="53"/>
      <c r="BE4077" s="53"/>
      <c r="BF4077" s="53"/>
      <c r="BG4077" s="53"/>
      <c r="BH4077" s="53"/>
      <c r="BI4077" s="53"/>
      <c r="BJ4077" s="53"/>
      <c r="BK4077" s="53"/>
      <c r="BL4077" s="53"/>
      <c r="BM4077" s="53"/>
      <c r="BN4077" s="53"/>
      <c r="BO4077" s="53"/>
      <c r="BP4077" s="53"/>
      <c r="BQ4077" s="53"/>
      <c r="BR4077" s="53"/>
      <c r="BS4077" s="53"/>
      <c r="BT4077" s="53"/>
      <c r="BU4077" s="53"/>
      <c r="BV4077" s="53"/>
      <c r="BW4077" s="53"/>
      <c r="BX4077" s="53"/>
      <c r="BY4077" s="53"/>
      <c r="BZ4077" s="53"/>
      <c r="CA4077" s="53"/>
      <c r="CB4077" s="53"/>
      <c r="CC4077" s="53"/>
      <c r="CD4077" s="53"/>
      <c r="CE4077" s="53"/>
      <c r="CF4077" s="53"/>
      <c r="CG4077" s="53"/>
      <c r="CH4077" s="53"/>
      <c r="CI4077" s="53"/>
      <c r="CJ4077" s="53"/>
      <c r="CK4077" s="53"/>
      <c r="CL4077" s="53"/>
      <c r="CM4077" s="53"/>
      <c r="CN4077" s="53"/>
    </row>
    <row r="4078" spans="1:92">
      <c r="A4078" s="52" t="s">
        <v>1624</v>
      </c>
      <c r="B4078" s="53"/>
      <c r="C4078" s="53"/>
      <c r="D4078" s="53"/>
      <c r="E4078" s="53"/>
      <c r="F4078" s="53"/>
      <c r="G4078" s="53"/>
      <c r="H4078" s="53"/>
      <c r="I4078" s="53"/>
      <c r="J4078" s="53"/>
      <c r="K4078" s="53"/>
      <c r="L4078" s="53"/>
      <c r="M4078" s="53"/>
      <c r="N4078" s="53"/>
      <c r="O4078" s="53"/>
      <c r="P4078" s="53"/>
      <c r="Q4078" s="53"/>
      <c r="R4078" s="53"/>
      <c r="S4078" s="53"/>
      <c r="T4078" s="53"/>
      <c r="U4078" s="53"/>
      <c r="V4078" s="53"/>
      <c r="W4078" s="53"/>
      <c r="X4078" s="53"/>
      <c r="Y4078" s="53"/>
      <c r="Z4078" s="53"/>
      <c r="AA4078" s="53"/>
      <c r="AB4078" s="53"/>
      <c r="AC4078" s="53"/>
      <c r="AD4078" s="53"/>
      <c r="AE4078" s="53"/>
      <c r="AF4078" s="53"/>
      <c r="AG4078" s="53"/>
      <c r="AH4078" s="53"/>
      <c r="AI4078" s="53"/>
      <c r="AJ4078" s="53"/>
      <c r="AK4078" s="53"/>
      <c r="AL4078" s="53"/>
      <c r="AM4078" s="53"/>
      <c r="AN4078" s="53"/>
      <c r="AO4078" s="53"/>
      <c r="AP4078" s="53"/>
      <c r="AQ4078" s="53"/>
      <c r="AR4078" s="53"/>
      <c r="AS4078" s="53"/>
      <c r="AT4078" s="53"/>
      <c r="AU4078" s="53"/>
      <c r="AV4078" s="53"/>
      <c r="AW4078" s="53"/>
      <c r="AX4078" s="53"/>
      <c r="AY4078" s="53"/>
      <c r="AZ4078" s="53"/>
      <c r="BA4078" s="53"/>
      <c r="BB4078" s="53"/>
      <c r="BC4078" s="53"/>
      <c r="BD4078" s="53"/>
      <c r="BE4078" s="53"/>
      <c r="BF4078" s="53"/>
      <c r="BG4078" s="53"/>
      <c r="BH4078" s="53"/>
      <c r="BI4078" s="53"/>
      <c r="BJ4078" s="53"/>
      <c r="BK4078" s="53"/>
      <c r="BL4078" s="53"/>
      <c r="BM4078" s="53"/>
      <c r="BN4078" s="53"/>
      <c r="BO4078" s="53"/>
      <c r="BP4078" s="53"/>
      <c r="BQ4078" s="53"/>
      <c r="BR4078" s="53"/>
      <c r="BS4078" s="53"/>
      <c r="BT4078" s="53"/>
      <c r="BU4078" s="53"/>
      <c r="BV4078" s="53"/>
      <c r="BW4078" s="53"/>
      <c r="BX4078" s="53"/>
      <c r="BY4078" s="53"/>
      <c r="BZ4078" s="53"/>
      <c r="CA4078" s="53"/>
      <c r="CB4078" s="53"/>
      <c r="CC4078" s="53"/>
      <c r="CD4078" s="53"/>
      <c r="CE4078" s="53"/>
      <c r="CF4078" s="53"/>
      <c r="CG4078" s="53"/>
      <c r="CH4078" s="53"/>
      <c r="CI4078" s="53"/>
      <c r="CJ4078" s="53"/>
      <c r="CK4078" s="53"/>
      <c r="CL4078" s="53"/>
      <c r="CM4078" s="53"/>
      <c r="CN4078" s="53"/>
    </row>
    <row r="4079" spans="1:92">
      <c r="A4079" s="52" t="s">
        <v>649</v>
      </c>
      <c r="B4079" s="53">
        <v>487209.83333333302</v>
      </c>
      <c r="C4079" s="53">
        <v>487209.83333333302</v>
      </c>
      <c r="D4079" s="53">
        <v>487209.83333333302</v>
      </c>
      <c r="E4079" s="53">
        <v>487209.83333333302</v>
      </c>
      <c r="F4079" s="53">
        <v>487209.83333333302</v>
      </c>
      <c r="G4079" s="53">
        <v>487209.83333333302</v>
      </c>
      <c r="H4079" s="53">
        <v>487209.83333333302</v>
      </c>
      <c r="I4079" s="53">
        <v>487209.83333333302</v>
      </c>
      <c r="J4079" s="53">
        <v>487209.83333333302</v>
      </c>
      <c r="K4079" s="53">
        <v>487209.83333333302</v>
      </c>
      <c r="L4079" s="53">
        <v>487209.83333333302</v>
      </c>
      <c r="M4079" s="53">
        <v>487209.83333333302</v>
      </c>
      <c r="N4079" s="53">
        <v>5846518</v>
      </c>
      <c r="O4079" s="53">
        <v>487497.33333333302</v>
      </c>
      <c r="P4079" s="53">
        <v>487497.33333333302</v>
      </c>
      <c r="Q4079" s="53">
        <v>487497.33333333302</v>
      </c>
      <c r="R4079" s="53">
        <v>487497.33333333302</v>
      </c>
      <c r="S4079" s="53">
        <v>487497.33333333302</v>
      </c>
      <c r="T4079" s="53">
        <v>487497.33333333302</v>
      </c>
      <c r="U4079" s="53">
        <v>487497.33333333302</v>
      </c>
      <c r="V4079" s="53">
        <v>487497.33333333302</v>
      </c>
      <c r="W4079" s="53">
        <v>487497.33333333302</v>
      </c>
      <c r="X4079" s="53">
        <v>487497.33333333302</v>
      </c>
      <c r="Y4079" s="53">
        <v>487497.33333333302</v>
      </c>
      <c r="Z4079" s="53">
        <v>487497.33333333302</v>
      </c>
      <c r="AA4079" s="53">
        <v>5849968</v>
      </c>
      <c r="AB4079" s="53"/>
      <c r="AC4079" s="53"/>
      <c r="AD4079" s="53"/>
      <c r="AE4079" s="53"/>
      <c r="AF4079" s="53"/>
      <c r="AG4079" s="53"/>
      <c r="AH4079" s="53"/>
      <c r="AI4079" s="53"/>
      <c r="AJ4079" s="53"/>
      <c r="AK4079" s="53"/>
      <c r="AL4079" s="53"/>
      <c r="AM4079" s="53"/>
      <c r="AN4079" s="53"/>
      <c r="AO4079" s="53"/>
      <c r="AP4079" s="53"/>
      <c r="AQ4079" s="53"/>
      <c r="AR4079" s="53"/>
      <c r="AS4079" s="53"/>
      <c r="AT4079" s="53"/>
      <c r="AU4079" s="53"/>
      <c r="AV4079" s="53"/>
      <c r="AW4079" s="53"/>
      <c r="AX4079" s="53"/>
      <c r="AY4079" s="53"/>
      <c r="AZ4079" s="53"/>
      <c r="BA4079" s="53"/>
      <c r="BB4079" s="53"/>
      <c r="BC4079" s="53"/>
      <c r="BD4079" s="53"/>
      <c r="BE4079" s="53"/>
      <c r="BF4079" s="53"/>
      <c r="BG4079" s="53"/>
      <c r="BH4079" s="53"/>
      <c r="BI4079" s="53"/>
      <c r="BJ4079" s="53"/>
      <c r="BK4079" s="53"/>
      <c r="BL4079" s="53"/>
      <c r="BM4079" s="53"/>
      <c r="BN4079" s="53"/>
      <c r="BO4079" s="53"/>
      <c r="BP4079" s="53"/>
      <c r="BQ4079" s="53"/>
      <c r="BR4079" s="53"/>
      <c r="BS4079" s="53"/>
      <c r="BT4079" s="53"/>
      <c r="BU4079" s="53"/>
      <c r="BV4079" s="53"/>
      <c r="BW4079" s="53"/>
      <c r="BX4079" s="53"/>
      <c r="BY4079" s="53"/>
      <c r="BZ4079" s="53"/>
      <c r="CA4079" s="53"/>
      <c r="CB4079" s="53"/>
      <c r="CC4079" s="53"/>
      <c r="CD4079" s="53"/>
      <c r="CE4079" s="53"/>
      <c r="CF4079" s="53"/>
      <c r="CG4079" s="53"/>
      <c r="CH4079" s="53"/>
      <c r="CI4079" s="53"/>
      <c r="CJ4079" s="53"/>
      <c r="CK4079" s="53"/>
      <c r="CL4079" s="53"/>
      <c r="CM4079" s="53"/>
      <c r="CN4079" s="53"/>
    </row>
    <row r="4080" spans="1:92">
      <c r="A4080" s="52" t="s">
        <v>1625</v>
      </c>
      <c r="B4080" s="53"/>
      <c r="C4080" s="53"/>
      <c r="D4080" s="53"/>
      <c r="E4080" s="53"/>
      <c r="F4080" s="53"/>
      <c r="G4080" s="53"/>
      <c r="H4080" s="53"/>
      <c r="I4080" s="53"/>
      <c r="J4080" s="53"/>
      <c r="K4080" s="53"/>
      <c r="L4080" s="53"/>
      <c r="M4080" s="53"/>
      <c r="N4080" s="53"/>
      <c r="O4080" s="53"/>
      <c r="P4080" s="53"/>
      <c r="Q4080" s="53"/>
      <c r="R4080" s="53"/>
      <c r="S4080" s="53"/>
      <c r="T4080" s="53"/>
      <c r="U4080" s="53"/>
      <c r="V4080" s="53"/>
      <c r="W4080" s="53"/>
      <c r="X4080" s="53"/>
      <c r="Y4080" s="53"/>
      <c r="Z4080" s="53"/>
      <c r="AA4080" s="53"/>
      <c r="AB4080" s="53"/>
      <c r="AC4080" s="53"/>
      <c r="AD4080" s="53"/>
      <c r="AE4080" s="53"/>
      <c r="AF4080" s="53"/>
      <c r="AG4080" s="53"/>
      <c r="AH4080" s="53"/>
      <c r="AI4080" s="53"/>
      <c r="AJ4080" s="53"/>
      <c r="AK4080" s="53"/>
      <c r="AL4080" s="53"/>
      <c r="AM4080" s="53"/>
      <c r="AN4080" s="53"/>
      <c r="AO4080" s="53"/>
      <c r="AP4080" s="53"/>
      <c r="AQ4080" s="53"/>
      <c r="AR4080" s="53"/>
      <c r="AS4080" s="53"/>
      <c r="AT4080" s="53"/>
      <c r="AU4080" s="53"/>
      <c r="AV4080" s="53"/>
      <c r="AW4080" s="53"/>
      <c r="AX4080" s="53"/>
      <c r="AY4080" s="53"/>
      <c r="AZ4080" s="53"/>
      <c r="BA4080" s="53"/>
      <c r="BB4080" s="53"/>
      <c r="BC4080" s="53"/>
      <c r="BD4080" s="53"/>
      <c r="BE4080" s="53"/>
      <c r="BF4080" s="53"/>
      <c r="BG4080" s="53"/>
      <c r="BH4080" s="53"/>
      <c r="BI4080" s="53"/>
      <c r="BJ4080" s="53"/>
      <c r="BK4080" s="53"/>
      <c r="BL4080" s="53"/>
      <c r="BM4080" s="53"/>
      <c r="BN4080" s="53"/>
      <c r="BO4080" s="53"/>
      <c r="BP4080" s="53"/>
      <c r="BQ4080" s="53"/>
      <c r="BR4080" s="53"/>
      <c r="BS4080" s="53"/>
      <c r="BT4080" s="53"/>
      <c r="BU4080" s="53"/>
      <c r="BV4080" s="53"/>
      <c r="BW4080" s="53"/>
      <c r="BX4080" s="53"/>
      <c r="BY4080" s="53"/>
      <c r="BZ4080" s="53"/>
      <c r="CA4080" s="53"/>
      <c r="CB4080" s="53"/>
      <c r="CC4080" s="53"/>
      <c r="CD4080" s="53"/>
      <c r="CE4080" s="53"/>
      <c r="CF4080" s="53"/>
      <c r="CG4080" s="53"/>
      <c r="CH4080" s="53"/>
      <c r="CI4080" s="53"/>
      <c r="CJ4080" s="53"/>
      <c r="CK4080" s="53"/>
      <c r="CL4080" s="53"/>
      <c r="CM4080" s="53"/>
      <c r="CN4080" s="53"/>
    </row>
    <row r="4081" spans="1:92">
      <c r="A4081" s="52" t="s">
        <v>649</v>
      </c>
      <c r="B4081" s="53">
        <v>110651.8725</v>
      </c>
      <c r="C4081" s="53">
        <v>110651.8725</v>
      </c>
      <c r="D4081" s="53">
        <v>110651.8725</v>
      </c>
      <c r="E4081" s="53">
        <v>110651.8725</v>
      </c>
      <c r="F4081" s="53">
        <v>110651.8725</v>
      </c>
      <c r="G4081" s="53">
        <v>110651.8725</v>
      </c>
      <c r="H4081" s="53">
        <v>110651.8725</v>
      </c>
      <c r="I4081" s="53">
        <v>110651.8725</v>
      </c>
      <c r="J4081" s="53">
        <v>110651.8725</v>
      </c>
      <c r="K4081" s="53">
        <v>110651.8725</v>
      </c>
      <c r="L4081" s="53">
        <v>110651.8725</v>
      </c>
      <c r="M4081" s="53">
        <v>110651.8725</v>
      </c>
      <c r="N4081" s="53">
        <v>1327822.47</v>
      </c>
      <c r="O4081" s="53">
        <v>107631.972499999</v>
      </c>
      <c r="P4081" s="53">
        <v>107631.972499999</v>
      </c>
      <c r="Q4081" s="53">
        <v>107631.972499999</v>
      </c>
      <c r="R4081" s="53">
        <v>107631.972499999</v>
      </c>
      <c r="S4081" s="53">
        <v>107631.972499999</v>
      </c>
      <c r="T4081" s="53">
        <v>107631.972499999</v>
      </c>
      <c r="U4081" s="53">
        <v>107631.972499999</v>
      </c>
      <c r="V4081" s="53">
        <v>107631.972499999</v>
      </c>
      <c r="W4081" s="53">
        <v>107631.972499999</v>
      </c>
      <c r="X4081" s="53">
        <v>107631.972499999</v>
      </c>
      <c r="Y4081" s="53">
        <v>107631.972499999</v>
      </c>
      <c r="Z4081" s="53">
        <v>107631.972499999</v>
      </c>
      <c r="AA4081" s="53">
        <v>1291583.67</v>
      </c>
      <c r="AB4081" s="53">
        <v>259056.99083333201</v>
      </c>
      <c r="AC4081" s="53">
        <v>259056.99083333201</v>
      </c>
      <c r="AD4081" s="53">
        <v>259056.99083333201</v>
      </c>
      <c r="AE4081" s="53">
        <v>259056.99083333201</v>
      </c>
      <c r="AF4081" s="53">
        <v>259056.99083333201</v>
      </c>
      <c r="AG4081" s="53">
        <v>259056.99083333201</v>
      </c>
      <c r="AH4081" s="53">
        <v>259056.99083333201</v>
      </c>
      <c r="AI4081" s="53">
        <v>259056.99083333201</v>
      </c>
      <c r="AJ4081" s="53">
        <v>259056.99083333201</v>
      </c>
      <c r="AK4081" s="53">
        <v>259056.99083333201</v>
      </c>
      <c r="AL4081" s="53">
        <v>259056.99083333201</v>
      </c>
      <c r="AM4081" s="53">
        <v>259056.99083333201</v>
      </c>
      <c r="AN4081" s="53">
        <v>3108683.8899999801</v>
      </c>
      <c r="AO4081" s="53">
        <v>248005.36583333299</v>
      </c>
      <c r="AP4081" s="53">
        <v>248005.36583333299</v>
      </c>
      <c r="AQ4081" s="53">
        <v>248005.36583333299</v>
      </c>
      <c r="AR4081" s="53">
        <v>248005.36583333299</v>
      </c>
      <c r="AS4081" s="53">
        <v>248005.36583333299</v>
      </c>
      <c r="AT4081" s="53">
        <v>248005.36583333299</v>
      </c>
      <c r="AU4081" s="53">
        <v>248005.36583333299</v>
      </c>
      <c r="AV4081" s="53">
        <v>248005.36583333299</v>
      </c>
      <c r="AW4081" s="53">
        <v>248005.36583333299</v>
      </c>
      <c r="AX4081" s="53">
        <v>248005.36583333299</v>
      </c>
      <c r="AY4081" s="53">
        <v>248005.36583333299</v>
      </c>
      <c r="AZ4081" s="53">
        <v>248005.36583333299</v>
      </c>
      <c r="BA4081" s="53">
        <v>2976064.3899999899</v>
      </c>
      <c r="BB4081" s="53">
        <v>248005.36583333299</v>
      </c>
      <c r="BC4081" s="53">
        <v>248005.36583333299</v>
      </c>
      <c r="BD4081" s="53">
        <v>248005.36583333299</v>
      </c>
      <c r="BE4081" s="53">
        <v>248005.36583333299</v>
      </c>
      <c r="BF4081" s="53">
        <v>248005.36583333299</v>
      </c>
      <c r="BG4081" s="53">
        <v>248005.36583333299</v>
      </c>
      <c r="BH4081" s="53">
        <v>248005.36583333299</v>
      </c>
      <c r="BI4081" s="53">
        <v>248005.36583333299</v>
      </c>
      <c r="BJ4081" s="53">
        <v>248005.36583333299</v>
      </c>
      <c r="BK4081" s="53">
        <v>248005.36583333299</v>
      </c>
      <c r="BL4081" s="53">
        <v>248005.36583333299</v>
      </c>
      <c r="BM4081" s="53">
        <v>248005.36583333299</v>
      </c>
      <c r="BN4081" s="53">
        <v>2976064.3899999899</v>
      </c>
      <c r="BO4081" s="53">
        <v>248005.36583333299</v>
      </c>
      <c r="BP4081" s="53">
        <v>248005.36583333299</v>
      </c>
      <c r="BQ4081" s="53">
        <v>248005.36583333299</v>
      </c>
      <c r="BR4081" s="53">
        <v>248005.36583333299</v>
      </c>
      <c r="BS4081" s="53">
        <v>248005.36583333299</v>
      </c>
      <c r="BT4081" s="53">
        <v>248005.36583333299</v>
      </c>
      <c r="BU4081" s="53">
        <v>248005.36583333299</v>
      </c>
      <c r="BV4081" s="53">
        <v>248005.36583333299</v>
      </c>
      <c r="BW4081" s="53">
        <v>248005.36583333299</v>
      </c>
      <c r="BX4081" s="53">
        <v>248005.36583333299</v>
      </c>
      <c r="BY4081" s="53">
        <v>248005.36583333299</v>
      </c>
      <c r="BZ4081" s="53">
        <v>248005.36583333299</v>
      </c>
      <c r="CA4081" s="53">
        <v>2976064.3899999899</v>
      </c>
      <c r="CB4081" s="53">
        <v>248005.36583333299</v>
      </c>
      <c r="CC4081" s="53">
        <v>248005.36583333299</v>
      </c>
      <c r="CD4081" s="53">
        <v>248005.36583333299</v>
      </c>
      <c r="CE4081" s="53">
        <v>248005.36583333299</v>
      </c>
      <c r="CF4081" s="53">
        <v>248005.36583333299</v>
      </c>
      <c r="CG4081" s="53">
        <v>248005.36583333299</v>
      </c>
      <c r="CH4081" s="53">
        <v>248005.36583333299</v>
      </c>
      <c r="CI4081" s="53">
        <v>248005.36583333299</v>
      </c>
      <c r="CJ4081" s="53">
        <v>248005.36583333299</v>
      </c>
      <c r="CK4081" s="53">
        <v>248005.36583333299</v>
      </c>
      <c r="CL4081" s="53">
        <v>248005.36583333299</v>
      </c>
      <c r="CM4081" s="53">
        <v>248005.36583333299</v>
      </c>
      <c r="CN4081" s="53">
        <v>2976064.3899999899</v>
      </c>
    </row>
    <row r="4082" spans="1:92">
      <c r="A4082" s="52" t="s">
        <v>1626</v>
      </c>
      <c r="B4082" s="53"/>
      <c r="C4082" s="53"/>
      <c r="D4082" s="53"/>
      <c r="E4082" s="53"/>
      <c r="F4082" s="53"/>
      <c r="G4082" s="53"/>
      <c r="H4082" s="53"/>
      <c r="I4082" s="53"/>
      <c r="J4082" s="53"/>
      <c r="K4082" s="53"/>
      <c r="L4082" s="53"/>
      <c r="M4082" s="53"/>
      <c r="N4082" s="53"/>
      <c r="O4082" s="53"/>
      <c r="P4082" s="53"/>
      <c r="Q4082" s="53"/>
      <c r="R4082" s="53"/>
      <c r="S4082" s="53"/>
      <c r="T4082" s="53"/>
      <c r="U4082" s="53"/>
      <c r="V4082" s="53"/>
      <c r="W4082" s="53"/>
      <c r="X4082" s="53"/>
      <c r="Y4082" s="53"/>
      <c r="Z4082" s="53"/>
      <c r="AA4082" s="53"/>
      <c r="AB4082" s="53"/>
      <c r="AC4082" s="53"/>
      <c r="AD4082" s="53"/>
      <c r="AE4082" s="53"/>
      <c r="AF4082" s="53"/>
      <c r="AG4082" s="53"/>
      <c r="AH4082" s="53"/>
      <c r="AI4082" s="53"/>
      <c r="AJ4082" s="53"/>
      <c r="AK4082" s="53"/>
      <c r="AL4082" s="53"/>
      <c r="AM4082" s="53"/>
      <c r="AN4082" s="53"/>
      <c r="AO4082" s="53"/>
      <c r="AP4082" s="53"/>
      <c r="AQ4082" s="53"/>
      <c r="AR4082" s="53"/>
      <c r="AS4082" s="53"/>
      <c r="AT4082" s="53"/>
      <c r="AU4082" s="53"/>
      <c r="AV4082" s="53"/>
      <c r="AW4082" s="53"/>
      <c r="AX4082" s="53"/>
      <c r="AY4082" s="53"/>
      <c r="AZ4082" s="53"/>
      <c r="BA4082" s="53"/>
      <c r="BB4082" s="53"/>
      <c r="BC4082" s="53"/>
      <c r="BD4082" s="53"/>
      <c r="BE4082" s="53"/>
      <c r="BF4082" s="53"/>
      <c r="BG4082" s="53"/>
      <c r="BH4082" s="53"/>
      <c r="BI4082" s="53"/>
      <c r="BJ4082" s="53"/>
      <c r="BK4082" s="53"/>
      <c r="BL4082" s="53"/>
      <c r="BM4082" s="53"/>
      <c r="BN4082" s="53"/>
      <c r="BO4082" s="53"/>
      <c r="BP4082" s="53"/>
      <c r="BQ4082" s="53"/>
      <c r="BR4082" s="53"/>
      <c r="BS4082" s="53"/>
      <c r="BT4082" s="53"/>
      <c r="BU4082" s="53"/>
      <c r="BV4082" s="53"/>
      <c r="BW4082" s="53"/>
      <c r="BX4082" s="53"/>
      <c r="BY4082" s="53"/>
      <c r="BZ4082" s="53"/>
      <c r="CA4082" s="53"/>
      <c r="CB4082" s="53"/>
      <c r="CC4082" s="53"/>
      <c r="CD4082" s="53"/>
      <c r="CE4082" s="53"/>
      <c r="CF4082" s="53"/>
      <c r="CG4082" s="53"/>
      <c r="CH4082" s="53"/>
      <c r="CI4082" s="53"/>
      <c r="CJ4082" s="53"/>
      <c r="CK4082" s="53"/>
      <c r="CL4082" s="53"/>
      <c r="CM4082" s="53"/>
      <c r="CN4082" s="53"/>
    </row>
    <row r="4083" spans="1:92">
      <c r="A4083" s="52" t="s">
        <v>649</v>
      </c>
      <c r="B4083" s="53">
        <v>57519.182500000003</v>
      </c>
      <c r="C4083" s="53">
        <v>57519.182500000003</v>
      </c>
      <c r="D4083" s="53">
        <v>57519.182500000003</v>
      </c>
      <c r="E4083" s="53">
        <v>57519.182500000003</v>
      </c>
      <c r="F4083" s="53">
        <v>57519.182500000003</v>
      </c>
      <c r="G4083" s="53">
        <v>57519.182500000003</v>
      </c>
      <c r="H4083" s="53">
        <v>57519.182500000003</v>
      </c>
      <c r="I4083" s="53">
        <v>57519.182500000003</v>
      </c>
      <c r="J4083" s="53">
        <v>57519.182500000003</v>
      </c>
      <c r="K4083" s="53">
        <v>57519.182500000003</v>
      </c>
      <c r="L4083" s="53">
        <v>57519.182500000003</v>
      </c>
      <c r="M4083" s="53">
        <v>57519.182500000003</v>
      </c>
      <c r="N4083" s="53">
        <v>690230.18999999901</v>
      </c>
      <c r="O4083" s="53">
        <v>53413.294999999998</v>
      </c>
      <c r="P4083" s="53">
        <v>53413.294999999998</v>
      </c>
      <c r="Q4083" s="53">
        <v>53413.294999999998</v>
      </c>
      <c r="R4083" s="53">
        <v>53413.294999999998</v>
      </c>
      <c r="S4083" s="53">
        <v>53413.294999999998</v>
      </c>
      <c r="T4083" s="53">
        <v>53413.294999999998</v>
      </c>
      <c r="U4083" s="53">
        <v>53413.294999999998</v>
      </c>
      <c r="V4083" s="53">
        <v>53413.294999999998</v>
      </c>
      <c r="W4083" s="53">
        <v>53413.294999999998</v>
      </c>
      <c r="X4083" s="53">
        <v>53413.294999999998</v>
      </c>
      <c r="Y4083" s="53">
        <v>53413.294999999998</v>
      </c>
      <c r="Z4083" s="53">
        <v>53413.294999999998</v>
      </c>
      <c r="AA4083" s="53">
        <v>640959.53999999899</v>
      </c>
      <c r="AB4083" s="53"/>
      <c r="AC4083" s="53"/>
      <c r="AD4083" s="53"/>
      <c r="AE4083" s="53"/>
      <c r="AF4083" s="53"/>
      <c r="AG4083" s="53"/>
      <c r="AH4083" s="53"/>
      <c r="AI4083" s="53"/>
      <c r="AJ4083" s="53"/>
      <c r="AK4083" s="53"/>
      <c r="AL4083" s="53"/>
      <c r="AM4083" s="53"/>
      <c r="AN4083" s="53"/>
      <c r="AO4083" s="53"/>
      <c r="AP4083" s="53"/>
      <c r="AQ4083" s="53"/>
      <c r="AR4083" s="53"/>
      <c r="AS4083" s="53"/>
      <c r="AT4083" s="53"/>
      <c r="AU4083" s="53"/>
      <c r="AV4083" s="53"/>
      <c r="AW4083" s="53"/>
      <c r="AX4083" s="53"/>
      <c r="AY4083" s="53"/>
      <c r="AZ4083" s="53"/>
      <c r="BA4083" s="53"/>
      <c r="BB4083" s="53"/>
      <c r="BC4083" s="53"/>
      <c r="BD4083" s="53"/>
      <c r="BE4083" s="53"/>
      <c r="BF4083" s="53"/>
      <c r="BG4083" s="53"/>
      <c r="BH4083" s="53"/>
      <c r="BI4083" s="53"/>
      <c r="BJ4083" s="53"/>
      <c r="BK4083" s="53"/>
      <c r="BL4083" s="53"/>
      <c r="BM4083" s="53"/>
      <c r="BN4083" s="53"/>
      <c r="BO4083" s="53"/>
      <c r="BP4083" s="53"/>
      <c r="BQ4083" s="53"/>
      <c r="BR4083" s="53"/>
      <c r="BS4083" s="53"/>
      <c r="BT4083" s="53"/>
      <c r="BU4083" s="53"/>
      <c r="BV4083" s="53"/>
      <c r="BW4083" s="53"/>
      <c r="BX4083" s="53"/>
      <c r="BY4083" s="53"/>
      <c r="BZ4083" s="53"/>
      <c r="CA4083" s="53"/>
      <c r="CB4083" s="53"/>
      <c r="CC4083" s="53"/>
      <c r="CD4083" s="53"/>
      <c r="CE4083" s="53"/>
      <c r="CF4083" s="53"/>
      <c r="CG4083" s="53"/>
      <c r="CH4083" s="53"/>
      <c r="CI4083" s="53"/>
      <c r="CJ4083" s="53"/>
      <c r="CK4083" s="53"/>
      <c r="CL4083" s="53"/>
      <c r="CM4083" s="53"/>
      <c r="CN4083" s="53"/>
    </row>
    <row r="4084" spans="1:92">
      <c r="A4084" s="52" t="s">
        <v>1627</v>
      </c>
      <c r="B4084" s="53"/>
      <c r="C4084" s="53"/>
      <c r="D4084" s="53"/>
      <c r="E4084" s="53"/>
      <c r="F4084" s="53"/>
      <c r="G4084" s="53"/>
      <c r="H4084" s="53"/>
      <c r="I4084" s="53"/>
      <c r="J4084" s="53"/>
      <c r="K4084" s="53"/>
      <c r="L4084" s="53"/>
      <c r="M4084" s="53"/>
      <c r="N4084" s="53"/>
      <c r="O4084" s="53"/>
      <c r="P4084" s="53"/>
      <c r="Q4084" s="53"/>
      <c r="R4084" s="53"/>
      <c r="S4084" s="53"/>
      <c r="T4084" s="53"/>
      <c r="U4084" s="53"/>
      <c r="V4084" s="53"/>
      <c r="W4084" s="53"/>
      <c r="X4084" s="53"/>
      <c r="Y4084" s="53"/>
      <c r="Z4084" s="53"/>
      <c r="AA4084" s="53"/>
      <c r="AB4084" s="53"/>
      <c r="AC4084" s="53"/>
      <c r="AD4084" s="53"/>
      <c r="AE4084" s="53"/>
      <c r="AF4084" s="53"/>
      <c r="AG4084" s="53"/>
      <c r="AH4084" s="53"/>
      <c r="AI4084" s="53"/>
      <c r="AJ4084" s="53"/>
      <c r="AK4084" s="53"/>
      <c r="AL4084" s="53"/>
      <c r="AM4084" s="53"/>
      <c r="AN4084" s="53"/>
      <c r="AO4084" s="53"/>
      <c r="AP4084" s="53"/>
      <c r="AQ4084" s="53"/>
      <c r="AR4084" s="53"/>
      <c r="AS4084" s="53"/>
      <c r="AT4084" s="53"/>
      <c r="AU4084" s="53"/>
      <c r="AV4084" s="53"/>
      <c r="AW4084" s="53"/>
      <c r="AX4084" s="53"/>
      <c r="AY4084" s="53"/>
      <c r="AZ4084" s="53"/>
      <c r="BA4084" s="53"/>
      <c r="BB4084" s="53"/>
      <c r="BC4084" s="53"/>
      <c r="BD4084" s="53"/>
      <c r="BE4084" s="53"/>
      <c r="BF4084" s="53"/>
      <c r="BG4084" s="53"/>
      <c r="BH4084" s="53"/>
      <c r="BI4084" s="53"/>
      <c r="BJ4084" s="53"/>
      <c r="BK4084" s="53"/>
      <c r="BL4084" s="53"/>
      <c r="BM4084" s="53"/>
      <c r="BN4084" s="53"/>
      <c r="BO4084" s="53"/>
      <c r="BP4084" s="53"/>
      <c r="BQ4084" s="53"/>
      <c r="BR4084" s="53"/>
      <c r="BS4084" s="53"/>
      <c r="BT4084" s="53"/>
      <c r="BU4084" s="53"/>
      <c r="BV4084" s="53"/>
      <c r="BW4084" s="53"/>
      <c r="BX4084" s="53"/>
      <c r="BY4084" s="53"/>
      <c r="BZ4084" s="53"/>
      <c r="CA4084" s="53"/>
      <c r="CB4084" s="53"/>
      <c r="CC4084" s="53"/>
      <c r="CD4084" s="53"/>
      <c r="CE4084" s="53"/>
      <c r="CF4084" s="53"/>
      <c r="CG4084" s="53"/>
      <c r="CH4084" s="53"/>
      <c r="CI4084" s="53"/>
      <c r="CJ4084" s="53"/>
      <c r="CK4084" s="53"/>
      <c r="CL4084" s="53"/>
      <c r="CM4084" s="53"/>
      <c r="CN4084" s="53"/>
    </row>
    <row r="4085" spans="1:92">
      <c r="A4085" s="52" t="s">
        <v>649</v>
      </c>
      <c r="B4085" s="53">
        <v>63337.278333333299</v>
      </c>
      <c r="C4085" s="53">
        <v>63337.278333333299</v>
      </c>
      <c r="D4085" s="53">
        <v>63337.278333333299</v>
      </c>
      <c r="E4085" s="53">
        <v>63337.278333333299</v>
      </c>
      <c r="F4085" s="53">
        <v>63337.278333333299</v>
      </c>
      <c r="G4085" s="53">
        <v>63337.278333333299</v>
      </c>
      <c r="H4085" s="53">
        <v>63337.278333333299</v>
      </c>
      <c r="I4085" s="53">
        <v>63337.278333333299</v>
      </c>
      <c r="J4085" s="53">
        <v>63337.278333333299</v>
      </c>
      <c r="K4085" s="53">
        <v>63337.278333333299</v>
      </c>
      <c r="L4085" s="53">
        <v>63337.278333333299</v>
      </c>
      <c r="M4085" s="53">
        <v>63337.278333333299</v>
      </c>
      <c r="N4085" s="53">
        <v>760047.34</v>
      </c>
      <c r="O4085" s="53">
        <v>63374.653333333299</v>
      </c>
      <c r="P4085" s="53">
        <v>63374.653333333299</v>
      </c>
      <c r="Q4085" s="53">
        <v>63374.653333333299</v>
      </c>
      <c r="R4085" s="53">
        <v>63374.653333333299</v>
      </c>
      <c r="S4085" s="53">
        <v>63374.653333333299</v>
      </c>
      <c r="T4085" s="53">
        <v>63374.653333333299</v>
      </c>
      <c r="U4085" s="53">
        <v>63374.653333333299</v>
      </c>
      <c r="V4085" s="53">
        <v>63374.653333333299</v>
      </c>
      <c r="W4085" s="53">
        <v>63374.653333333299</v>
      </c>
      <c r="X4085" s="53">
        <v>63374.653333333299</v>
      </c>
      <c r="Y4085" s="53">
        <v>63374.653333333299</v>
      </c>
      <c r="Z4085" s="53">
        <v>63374.653333333299</v>
      </c>
      <c r="AA4085" s="53">
        <v>760495.84</v>
      </c>
      <c r="AB4085" s="53"/>
      <c r="AC4085" s="53"/>
      <c r="AD4085" s="53"/>
      <c r="AE4085" s="53"/>
      <c r="AF4085" s="53"/>
      <c r="AG4085" s="53"/>
      <c r="AH4085" s="53"/>
      <c r="AI4085" s="53"/>
      <c r="AJ4085" s="53"/>
      <c r="AK4085" s="53"/>
      <c r="AL4085" s="53"/>
      <c r="AM4085" s="53"/>
      <c r="AN4085" s="53"/>
      <c r="AO4085" s="53"/>
      <c r="AP4085" s="53"/>
      <c r="AQ4085" s="53"/>
      <c r="AR4085" s="53"/>
      <c r="AS4085" s="53"/>
      <c r="AT4085" s="53"/>
      <c r="AU4085" s="53"/>
      <c r="AV4085" s="53"/>
      <c r="AW4085" s="53"/>
      <c r="AX4085" s="53"/>
      <c r="AY4085" s="53"/>
      <c r="AZ4085" s="53"/>
      <c r="BA4085" s="53"/>
      <c r="BB4085" s="53"/>
      <c r="BC4085" s="53"/>
      <c r="BD4085" s="53"/>
      <c r="BE4085" s="53"/>
      <c r="BF4085" s="53"/>
      <c r="BG4085" s="53"/>
      <c r="BH4085" s="53"/>
      <c r="BI4085" s="53"/>
      <c r="BJ4085" s="53"/>
      <c r="BK4085" s="53"/>
      <c r="BL4085" s="53"/>
      <c r="BM4085" s="53"/>
      <c r="BN4085" s="53"/>
      <c r="BO4085" s="53"/>
      <c r="BP4085" s="53"/>
      <c r="BQ4085" s="53"/>
      <c r="BR4085" s="53"/>
      <c r="BS4085" s="53"/>
      <c r="BT4085" s="53"/>
      <c r="BU4085" s="53"/>
      <c r="BV4085" s="53"/>
      <c r="BW4085" s="53"/>
      <c r="BX4085" s="53"/>
      <c r="BY4085" s="53"/>
      <c r="BZ4085" s="53"/>
      <c r="CA4085" s="53"/>
      <c r="CB4085" s="53"/>
      <c r="CC4085" s="53"/>
      <c r="CD4085" s="53"/>
      <c r="CE4085" s="53"/>
      <c r="CF4085" s="53"/>
      <c r="CG4085" s="53"/>
      <c r="CH4085" s="53"/>
      <c r="CI4085" s="53"/>
      <c r="CJ4085" s="53"/>
      <c r="CK4085" s="53"/>
      <c r="CL4085" s="53"/>
      <c r="CM4085" s="53"/>
      <c r="CN4085" s="53"/>
    </row>
    <row r="4086" spans="1:92">
      <c r="A4086" s="52" t="s">
        <v>650</v>
      </c>
      <c r="B4086" s="53"/>
      <c r="C4086" s="53"/>
      <c r="D4086" s="53"/>
      <c r="E4086" s="53"/>
      <c r="F4086" s="53"/>
      <c r="G4086" s="53"/>
      <c r="H4086" s="53"/>
      <c r="I4086" s="53"/>
      <c r="J4086" s="53"/>
      <c r="K4086" s="53"/>
      <c r="L4086" s="53"/>
      <c r="M4086" s="53"/>
      <c r="N4086" s="53"/>
      <c r="O4086" s="53"/>
      <c r="P4086" s="53"/>
      <c r="Q4086" s="53"/>
      <c r="R4086" s="53"/>
      <c r="S4086" s="53"/>
      <c r="T4086" s="53"/>
      <c r="U4086" s="53"/>
      <c r="V4086" s="53"/>
      <c r="W4086" s="53"/>
      <c r="X4086" s="53"/>
      <c r="Y4086" s="53"/>
      <c r="Z4086" s="53"/>
      <c r="AA4086" s="53"/>
      <c r="AB4086" s="53"/>
      <c r="AC4086" s="53"/>
      <c r="AD4086" s="53"/>
      <c r="AE4086" s="53"/>
      <c r="AF4086" s="53"/>
      <c r="AG4086" s="53"/>
      <c r="AH4086" s="53"/>
      <c r="AI4086" s="53"/>
      <c r="AJ4086" s="53"/>
      <c r="AK4086" s="53"/>
      <c r="AL4086" s="53"/>
      <c r="AM4086" s="53"/>
      <c r="AN4086" s="53"/>
      <c r="AO4086" s="53"/>
      <c r="AP4086" s="53"/>
      <c r="AQ4086" s="53"/>
      <c r="AR4086" s="53"/>
      <c r="AS4086" s="53"/>
      <c r="AT4086" s="53"/>
      <c r="AU4086" s="53"/>
      <c r="AV4086" s="53"/>
      <c r="AW4086" s="53"/>
      <c r="AX4086" s="53"/>
      <c r="AY4086" s="53"/>
      <c r="AZ4086" s="53"/>
      <c r="BA4086" s="53"/>
      <c r="BB4086" s="53"/>
      <c r="BC4086" s="53"/>
      <c r="BD4086" s="53"/>
      <c r="BE4086" s="53"/>
      <c r="BF4086" s="53"/>
      <c r="BG4086" s="53"/>
      <c r="BH4086" s="53"/>
      <c r="BI4086" s="53"/>
      <c r="BJ4086" s="53"/>
      <c r="BK4086" s="53"/>
      <c r="BL4086" s="53"/>
      <c r="BM4086" s="53"/>
      <c r="BN4086" s="53"/>
      <c r="BO4086" s="53"/>
      <c r="BP4086" s="53"/>
      <c r="BQ4086" s="53"/>
      <c r="BR4086" s="53"/>
      <c r="BS4086" s="53"/>
      <c r="BT4086" s="53"/>
      <c r="BU4086" s="53"/>
      <c r="BV4086" s="53"/>
      <c r="BW4086" s="53"/>
      <c r="BX4086" s="53"/>
      <c r="BY4086" s="53"/>
      <c r="BZ4086" s="53"/>
      <c r="CA4086" s="53"/>
      <c r="CB4086" s="53"/>
      <c r="CC4086" s="53"/>
      <c r="CD4086" s="53"/>
      <c r="CE4086" s="53"/>
      <c r="CF4086" s="53"/>
      <c r="CG4086" s="53"/>
      <c r="CH4086" s="53"/>
      <c r="CI4086" s="53"/>
      <c r="CJ4086" s="53"/>
      <c r="CK4086" s="53"/>
      <c r="CL4086" s="53"/>
      <c r="CM4086" s="53"/>
      <c r="CN4086" s="53"/>
    </row>
    <row r="4087" spans="1:92">
      <c r="A4087" s="52" t="s">
        <v>1808</v>
      </c>
      <c r="B4087" s="53"/>
      <c r="C4087" s="53"/>
      <c r="D4087" s="53"/>
      <c r="E4087" s="53"/>
      <c r="F4087" s="53"/>
      <c r="G4087" s="53"/>
      <c r="H4087" s="53"/>
      <c r="I4087" s="53"/>
      <c r="J4087" s="53"/>
      <c r="K4087" s="53"/>
      <c r="L4087" s="53"/>
      <c r="M4087" s="53"/>
      <c r="N4087" s="53"/>
      <c r="O4087" s="53"/>
      <c r="P4087" s="53"/>
      <c r="Q4087" s="53"/>
      <c r="R4087" s="53"/>
      <c r="S4087" s="53"/>
      <c r="T4087" s="53"/>
      <c r="U4087" s="53"/>
      <c r="V4087" s="53"/>
      <c r="W4087" s="53"/>
      <c r="X4087" s="53"/>
      <c r="Y4087" s="53"/>
      <c r="Z4087" s="53"/>
      <c r="AA4087" s="53"/>
      <c r="AB4087" s="53"/>
      <c r="AC4087" s="53"/>
      <c r="AD4087" s="53"/>
      <c r="AE4087" s="53"/>
      <c r="AF4087" s="53"/>
      <c r="AG4087" s="53"/>
      <c r="AH4087" s="53"/>
      <c r="AI4087" s="53"/>
      <c r="AJ4087" s="53"/>
      <c r="AK4087" s="53"/>
      <c r="AL4087" s="53"/>
      <c r="AM4087" s="53"/>
      <c r="AN4087" s="53"/>
      <c r="AO4087" s="53"/>
      <c r="AP4087" s="53"/>
      <c r="AQ4087" s="53"/>
      <c r="AR4087" s="53"/>
      <c r="AS4087" s="53"/>
      <c r="AT4087" s="53"/>
      <c r="AU4087" s="53"/>
      <c r="AV4087" s="53"/>
      <c r="AW4087" s="53"/>
      <c r="AX4087" s="53"/>
      <c r="AY4087" s="53"/>
      <c r="AZ4087" s="53"/>
      <c r="BA4087" s="53"/>
      <c r="BB4087" s="53"/>
      <c r="BC4087" s="53"/>
      <c r="BD4087" s="53"/>
      <c r="BE4087" s="53"/>
      <c r="BF4087" s="53"/>
      <c r="BG4087" s="53"/>
      <c r="BH4087" s="53"/>
      <c r="BI4087" s="53"/>
      <c r="BJ4087" s="53"/>
      <c r="BK4087" s="53"/>
      <c r="BL4087" s="53"/>
      <c r="BM4087" s="53"/>
      <c r="BN4087" s="53"/>
      <c r="BO4087" s="53"/>
      <c r="BP4087" s="53"/>
      <c r="BQ4087" s="53"/>
      <c r="BR4087" s="53"/>
      <c r="BS4087" s="53"/>
      <c r="BT4087" s="53"/>
      <c r="BU4087" s="53"/>
      <c r="BV4087" s="53"/>
      <c r="BW4087" s="53"/>
      <c r="BX4087" s="53"/>
      <c r="BY4087" s="53"/>
      <c r="BZ4087" s="53"/>
      <c r="CA4087" s="53"/>
      <c r="CB4087" s="53"/>
      <c r="CC4087" s="53"/>
      <c r="CD4087" s="53"/>
      <c r="CE4087" s="53"/>
      <c r="CF4087" s="53"/>
      <c r="CG4087" s="53"/>
      <c r="CH4087" s="53"/>
      <c r="CI4087" s="53"/>
      <c r="CJ4087" s="53"/>
      <c r="CK4087" s="53"/>
      <c r="CL4087" s="53"/>
      <c r="CM4087" s="53"/>
      <c r="CN4087" s="53"/>
    </row>
    <row r="4088" spans="1:92">
      <c r="A4088" s="52" t="s">
        <v>649</v>
      </c>
      <c r="B4088" s="53"/>
      <c r="C4088" s="53"/>
      <c r="D4088" s="53"/>
      <c r="E4088" s="53"/>
      <c r="F4088" s="53"/>
      <c r="G4088" s="53"/>
      <c r="H4088" s="53"/>
      <c r="I4088" s="53"/>
      <c r="J4088" s="53"/>
      <c r="K4088" s="53"/>
      <c r="L4088" s="53"/>
      <c r="M4088" s="53"/>
      <c r="N4088" s="53"/>
      <c r="O4088" s="53"/>
      <c r="P4088" s="53"/>
      <c r="Q4088" s="53"/>
      <c r="R4088" s="53"/>
      <c r="S4088" s="53"/>
      <c r="T4088" s="53"/>
      <c r="U4088" s="53"/>
      <c r="V4088" s="53"/>
      <c r="W4088" s="53"/>
      <c r="X4088" s="53"/>
      <c r="Y4088" s="53"/>
      <c r="Z4088" s="53"/>
      <c r="AA4088" s="53"/>
      <c r="AB4088" s="53"/>
      <c r="AC4088" s="53"/>
      <c r="AD4088" s="53"/>
      <c r="AE4088" s="53"/>
      <c r="AF4088" s="53"/>
      <c r="AG4088" s="53">
        <v>32000000</v>
      </c>
      <c r="AH4088" s="53"/>
      <c r="AI4088" s="53"/>
      <c r="AJ4088" s="53"/>
      <c r="AK4088" s="53"/>
      <c r="AL4088" s="53"/>
      <c r="AM4088" s="53"/>
      <c r="AN4088" s="53">
        <v>32000000</v>
      </c>
      <c r="AO4088" s="53"/>
      <c r="AP4088" s="53"/>
      <c r="AQ4088" s="53"/>
      <c r="AR4088" s="53"/>
      <c r="AS4088" s="53"/>
      <c r="AT4088" s="53"/>
      <c r="AU4088" s="53"/>
      <c r="AV4088" s="53"/>
      <c r="AW4088" s="53"/>
      <c r="AX4088" s="53"/>
      <c r="AY4088" s="53"/>
      <c r="AZ4088" s="53"/>
      <c r="BA4088" s="53"/>
      <c r="BB4088" s="53"/>
      <c r="BC4088" s="53"/>
      <c r="BD4088" s="53"/>
      <c r="BE4088" s="53"/>
      <c r="BF4088" s="53"/>
      <c r="BG4088" s="53"/>
      <c r="BH4088" s="53"/>
      <c r="BI4088" s="53"/>
      <c r="BJ4088" s="53"/>
      <c r="BK4088" s="53"/>
      <c r="BL4088" s="53"/>
      <c r="BM4088" s="53"/>
      <c r="BN4088" s="53"/>
      <c r="BO4088" s="53"/>
      <c r="BP4088" s="53"/>
      <c r="BQ4088" s="53"/>
      <c r="BR4088" s="53"/>
      <c r="BS4088" s="53"/>
      <c r="BT4088" s="53"/>
      <c r="BU4088" s="53"/>
      <c r="BV4088" s="53"/>
      <c r="BW4088" s="53"/>
      <c r="BX4088" s="53"/>
      <c r="BY4088" s="53"/>
      <c r="BZ4088" s="53"/>
      <c r="CA4088" s="53"/>
      <c r="CB4088" s="53"/>
      <c r="CC4088" s="53"/>
      <c r="CD4088" s="53"/>
      <c r="CE4088" s="53"/>
      <c r="CF4088" s="53"/>
      <c r="CG4088" s="53"/>
      <c r="CH4088" s="53"/>
      <c r="CI4088" s="53"/>
      <c r="CJ4088" s="53"/>
      <c r="CK4088" s="53"/>
      <c r="CL4088" s="53"/>
      <c r="CM4088" s="53"/>
      <c r="CN4088" s="53"/>
    </row>
    <row r="4089" spans="1:92">
      <c r="A4089" s="52" t="s">
        <v>1809</v>
      </c>
      <c r="B4089" s="53"/>
      <c r="C4089" s="53"/>
      <c r="D4089" s="53"/>
      <c r="E4089" s="53"/>
      <c r="F4089" s="53"/>
      <c r="G4089" s="53"/>
      <c r="H4089" s="53"/>
      <c r="I4089" s="53"/>
      <c r="J4089" s="53"/>
      <c r="K4089" s="53"/>
      <c r="L4089" s="53"/>
      <c r="M4089" s="53"/>
      <c r="N4089" s="53"/>
      <c r="O4089" s="53"/>
      <c r="P4089" s="53"/>
      <c r="Q4089" s="53"/>
      <c r="R4089" s="53"/>
      <c r="S4089" s="53"/>
      <c r="T4089" s="53"/>
      <c r="U4089" s="53"/>
      <c r="V4089" s="53"/>
      <c r="W4089" s="53"/>
      <c r="X4089" s="53"/>
      <c r="Y4089" s="53"/>
      <c r="Z4089" s="53"/>
      <c r="AA4089" s="53"/>
      <c r="AB4089" s="53"/>
      <c r="AC4089" s="53"/>
      <c r="AD4089" s="53"/>
      <c r="AE4089" s="53"/>
      <c r="AF4089" s="53"/>
      <c r="AG4089" s="53"/>
      <c r="AH4089" s="53"/>
      <c r="AI4089" s="53"/>
      <c r="AJ4089" s="53"/>
      <c r="AK4089" s="53"/>
      <c r="AL4089" s="53"/>
      <c r="AM4089" s="53"/>
      <c r="AN4089" s="53"/>
      <c r="AO4089" s="53"/>
      <c r="AP4089" s="53"/>
      <c r="AQ4089" s="53"/>
      <c r="AR4089" s="53"/>
      <c r="AS4089" s="53"/>
      <c r="AT4089" s="53"/>
      <c r="AU4089" s="53"/>
      <c r="AV4089" s="53"/>
      <c r="AW4089" s="53"/>
      <c r="AX4089" s="53"/>
      <c r="AY4089" s="53"/>
      <c r="AZ4089" s="53"/>
      <c r="BA4089" s="53"/>
      <c r="BB4089" s="53"/>
      <c r="BC4089" s="53"/>
      <c r="BD4089" s="53"/>
      <c r="BE4089" s="53"/>
      <c r="BF4089" s="53"/>
      <c r="BG4089" s="53"/>
      <c r="BH4089" s="53"/>
      <c r="BI4089" s="53"/>
      <c r="BJ4089" s="53"/>
      <c r="BK4089" s="53"/>
      <c r="BL4089" s="53"/>
      <c r="BM4089" s="53"/>
      <c r="BN4089" s="53"/>
      <c r="BO4089" s="53"/>
      <c r="BP4089" s="53"/>
      <c r="BQ4089" s="53"/>
      <c r="BR4089" s="53"/>
      <c r="BS4089" s="53"/>
      <c r="BT4089" s="53"/>
      <c r="BU4089" s="53"/>
      <c r="BV4089" s="53"/>
      <c r="BW4089" s="53"/>
      <c r="BX4089" s="53"/>
      <c r="BY4089" s="53"/>
      <c r="BZ4089" s="53"/>
      <c r="CA4089" s="53"/>
      <c r="CB4089" s="53"/>
      <c r="CC4089" s="53"/>
      <c r="CD4089" s="53"/>
      <c r="CE4089" s="53"/>
      <c r="CF4089" s="53"/>
      <c r="CG4089" s="53"/>
      <c r="CH4089" s="53"/>
      <c r="CI4089" s="53"/>
      <c r="CJ4089" s="53"/>
      <c r="CK4089" s="53"/>
      <c r="CL4089" s="53"/>
      <c r="CM4089" s="53"/>
      <c r="CN4089" s="53"/>
    </row>
    <row r="4090" spans="1:92">
      <c r="A4090" s="52" t="s">
        <v>649</v>
      </c>
      <c r="B4090" s="53"/>
      <c r="C4090" s="53"/>
      <c r="D4090" s="53"/>
      <c r="E4090" s="53"/>
      <c r="F4090" s="53"/>
      <c r="G4090" s="53"/>
      <c r="H4090" s="53"/>
      <c r="I4090" s="53"/>
      <c r="J4090" s="53"/>
      <c r="K4090" s="53"/>
      <c r="L4090" s="53"/>
      <c r="M4090" s="53"/>
      <c r="N4090" s="53"/>
      <c r="O4090" s="53"/>
      <c r="P4090" s="53"/>
      <c r="Q4090" s="53"/>
      <c r="R4090" s="53"/>
      <c r="S4090" s="53"/>
      <c r="T4090" s="53"/>
      <c r="U4090" s="53"/>
      <c r="V4090" s="53"/>
      <c r="W4090" s="53"/>
      <c r="X4090" s="53"/>
      <c r="Y4090" s="53"/>
      <c r="Z4090" s="53"/>
      <c r="AA4090" s="53"/>
      <c r="AB4090" s="53"/>
      <c r="AC4090" s="53"/>
      <c r="AD4090" s="53"/>
      <c r="AE4090" s="53"/>
      <c r="AF4090" s="53"/>
      <c r="AG4090" s="53">
        <v>102000000</v>
      </c>
      <c r="AH4090" s="53"/>
      <c r="AI4090" s="53"/>
      <c r="AJ4090" s="53"/>
      <c r="AK4090" s="53"/>
      <c r="AL4090" s="53"/>
      <c r="AM4090" s="53"/>
      <c r="AN4090" s="53">
        <v>102000000</v>
      </c>
      <c r="AO4090" s="53"/>
      <c r="AP4090" s="53"/>
      <c r="AQ4090" s="53"/>
      <c r="AR4090" s="53"/>
      <c r="AS4090" s="53"/>
      <c r="AT4090" s="53"/>
      <c r="AU4090" s="53"/>
      <c r="AV4090" s="53"/>
      <c r="AW4090" s="53"/>
      <c r="AX4090" s="53"/>
      <c r="AY4090" s="53"/>
      <c r="AZ4090" s="53"/>
      <c r="BA4090" s="53"/>
      <c r="BB4090" s="53"/>
      <c r="BC4090" s="53"/>
      <c r="BD4090" s="53"/>
      <c r="BE4090" s="53"/>
      <c r="BF4090" s="53"/>
      <c r="BG4090" s="53"/>
      <c r="BH4090" s="53"/>
      <c r="BI4090" s="53"/>
      <c r="BJ4090" s="53"/>
      <c r="BK4090" s="53"/>
      <c r="BL4090" s="53"/>
      <c r="BM4090" s="53"/>
      <c r="BN4090" s="53"/>
      <c r="BO4090" s="53"/>
      <c r="BP4090" s="53"/>
      <c r="BQ4090" s="53"/>
      <c r="BR4090" s="53"/>
      <c r="BS4090" s="53"/>
      <c r="BT4090" s="53"/>
      <c r="BU4090" s="53"/>
      <c r="BV4090" s="53"/>
      <c r="BW4090" s="53"/>
      <c r="BX4090" s="53"/>
      <c r="BY4090" s="53"/>
      <c r="BZ4090" s="53"/>
      <c r="CA4090" s="53"/>
      <c r="CB4090" s="53"/>
      <c r="CC4090" s="53"/>
      <c r="CD4090" s="53"/>
      <c r="CE4090" s="53"/>
      <c r="CF4090" s="53"/>
      <c r="CG4090" s="53"/>
      <c r="CH4090" s="53"/>
      <c r="CI4090" s="53"/>
      <c r="CJ4090" s="53"/>
      <c r="CK4090" s="53"/>
      <c r="CL4090" s="53"/>
      <c r="CM4090" s="53"/>
      <c r="CN4090" s="53"/>
    </row>
    <row r="4091" spans="1:92">
      <c r="A4091" s="52" t="s">
        <v>1810</v>
      </c>
      <c r="B4091" s="53"/>
      <c r="C4091" s="53"/>
      <c r="D4091" s="53"/>
      <c r="E4091" s="53"/>
      <c r="F4091" s="53"/>
      <c r="G4091" s="53"/>
      <c r="H4091" s="53"/>
      <c r="I4091" s="53"/>
      <c r="J4091" s="53"/>
      <c r="K4091" s="53"/>
      <c r="L4091" s="53"/>
      <c r="M4091" s="53"/>
      <c r="N4091" s="53"/>
      <c r="O4091" s="53"/>
      <c r="P4091" s="53"/>
      <c r="Q4091" s="53"/>
      <c r="R4091" s="53"/>
      <c r="S4091" s="53"/>
      <c r="T4091" s="53"/>
      <c r="U4091" s="53"/>
      <c r="V4091" s="53"/>
      <c r="W4091" s="53"/>
      <c r="X4091" s="53"/>
      <c r="Y4091" s="53"/>
      <c r="Z4091" s="53"/>
      <c r="AA4091" s="53"/>
      <c r="AB4091" s="53"/>
      <c r="AC4091" s="53"/>
      <c r="AD4091" s="53"/>
      <c r="AE4091" s="53"/>
      <c r="AF4091" s="53"/>
      <c r="AG4091" s="53"/>
      <c r="AH4091" s="53"/>
      <c r="AI4091" s="53"/>
      <c r="AJ4091" s="53"/>
      <c r="AK4091" s="53"/>
      <c r="AL4091" s="53"/>
      <c r="AM4091" s="53"/>
      <c r="AN4091" s="53"/>
      <c r="AO4091" s="53"/>
      <c r="AP4091" s="53"/>
      <c r="AQ4091" s="53"/>
      <c r="AR4091" s="53"/>
      <c r="AS4091" s="53"/>
      <c r="AT4091" s="53"/>
      <c r="AU4091" s="53"/>
      <c r="AV4091" s="53"/>
      <c r="AW4091" s="53"/>
      <c r="AX4091" s="53"/>
      <c r="AY4091" s="53"/>
      <c r="AZ4091" s="53"/>
      <c r="BA4091" s="53"/>
      <c r="BB4091" s="53"/>
      <c r="BC4091" s="53"/>
      <c r="BD4091" s="53"/>
      <c r="BE4091" s="53"/>
      <c r="BF4091" s="53"/>
      <c r="BG4091" s="53"/>
      <c r="BH4091" s="53"/>
      <c r="BI4091" s="53"/>
      <c r="BJ4091" s="53"/>
      <c r="BK4091" s="53"/>
      <c r="BL4091" s="53"/>
      <c r="BM4091" s="53"/>
      <c r="BN4091" s="53"/>
      <c r="BO4091" s="53"/>
      <c r="BP4091" s="53"/>
      <c r="BQ4091" s="53"/>
      <c r="BR4091" s="53"/>
      <c r="BS4091" s="53"/>
      <c r="BT4091" s="53"/>
      <c r="BU4091" s="53"/>
      <c r="BV4091" s="53"/>
      <c r="BW4091" s="53"/>
      <c r="BX4091" s="53"/>
      <c r="BY4091" s="53"/>
      <c r="BZ4091" s="53"/>
      <c r="CA4091" s="53"/>
      <c r="CB4091" s="53"/>
      <c r="CC4091" s="53"/>
      <c r="CD4091" s="53"/>
      <c r="CE4091" s="53"/>
      <c r="CF4091" s="53"/>
      <c r="CG4091" s="53"/>
      <c r="CH4091" s="53"/>
      <c r="CI4091" s="53"/>
      <c r="CJ4091" s="53"/>
      <c r="CK4091" s="53"/>
      <c r="CL4091" s="53"/>
      <c r="CM4091" s="53"/>
      <c r="CN4091" s="53"/>
    </row>
    <row r="4092" spans="1:92">
      <c r="A4092" s="52" t="s">
        <v>1249</v>
      </c>
      <c r="B4092" s="53">
        <v>1416666.66666667</v>
      </c>
      <c r="C4092" s="53">
        <v>1416666.66666667</v>
      </c>
      <c r="D4092" s="53">
        <v>1416666.66666667</v>
      </c>
      <c r="E4092" s="53">
        <v>1416666.66666667</v>
      </c>
      <c r="F4092" s="53">
        <v>1416666.66666667</v>
      </c>
      <c r="G4092" s="53">
        <v>1416666.66666667</v>
      </c>
      <c r="H4092" s="53">
        <v>1416666.66666667</v>
      </c>
      <c r="I4092" s="53">
        <v>1416666.66666667</v>
      </c>
      <c r="J4092" s="53">
        <v>1416666.66666667</v>
      </c>
      <c r="K4092" s="53">
        <v>1416666.66666667</v>
      </c>
      <c r="L4092" s="53">
        <v>1416666.66666667</v>
      </c>
      <c r="M4092" s="53">
        <v>1416666.66666667</v>
      </c>
      <c r="N4092" s="53">
        <v>17000000</v>
      </c>
      <c r="O4092" s="53">
        <v>416666.66666666698</v>
      </c>
      <c r="P4092" s="53">
        <v>416666.66666666698</v>
      </c>
      <c r="Q4092" s="53">
        <v>416666.66666666698</v>
      </c>
      <c r="R4092" s="53">
        <v>416666.66666666698</v>
      </c>
      <c r="S4092" s="53">
        <v>416666.66666666698</v>
      </c>
      <c r="T4092" s="53">
        <v>416666.66666666698</v>
      </c>
      <c r="U4092" s="53">
        <v>416666.66666666698</v>
      </c>
      <c r="V4092" s="53">
        <v>416666.66666666698</v>
      </c>
      <c r="W4092" s="53">
        <v>416666.66666666698</v>
      </c>
      <c r="X4092" s="53">
        <v>416666.66666666698</v>
      </c>
      <c r="Y4092" s="53">
        <v>416666.66666666698</v>
      </c>
      <c r="Z4092" s="53">
        <v>416666.66666666698</v>
      </c>
      <c r="AA4092" s="53">
        <v>5000000</v>
      </c>
      <c r="AB4092" s="53">
        <v>166666.66666666701</v>
      </c>
      <c r="AC4092" s="53">
        <v>166666.66666666701</v>
      </c>
      <c r="AD4092" s="53">
        <v>166666.66666666701</v>
      </c>
      <c r="AE4092" s="53">
        <v>166666.66666666701</v>
      </c>
      <c r="AF4092" s="53">
        <v>166666.66666666701</v>
      </c>
      <c r="AG4092" s="53">
        <v>166666.66666666701</v>
      </c>
      <c r="AH4092" s="53">
        <v>166666.66666666701</v>
      </c>
      <c r="AI4092" s="53">
        <v>166666.66666666701</v>
      </c>
      <c r="AJ4092" s="53">
        <v>166666.66666666701</v>
      </c>
      <c r="AK4092" s="53">
        <v>166666.66666666701</v>
      </c>
      <c r="AL4092" s="53">
        <v>166666.66666666701</v>
      </c>
      <c r="AM4092" s="53">
        <v>166666.66666666701</v>
      </c>
      <c r="AN4092" s="53">
        <v>2000000</v>
      </c>
      <c r="AO4092" s="53">
        <v>166666.66666666701</v>
      </c>
      <c r="AP4092" s="53">
        <v>166666.66666666701</v>
      </c>
      <c r="AQ4092" s="53">
        <v>166666.66666666701</v>
      </c>
      <c r="AR4092" s="53">
        <v>166666.66666666701</v>
      </c>
      <c r="AS4092" s="53">
        <v>166666.66666666701</v>
      </c>
      <c r="AT4092" s="53">
        <v>166666.66666666701</v>
      </c>
      <c r="AU4092" s="53">
        <v>166666.66666666701</v>
      </c>
      <c r="AV4092" s="53">
        <v>166666.66666666701</v>
      </c>
      <c r="AW4092" s="53">
        <v>166666.66666666701</v>
      </c>
      <c r="AX4092" s="53">
        <v>166666.66666666701</v>
      </c>
      <c r="AY4092" s="53">
        <v>166666.66666666701</v>
      </c>
      <c r="AZ4092" s="53">
        <v>166666.66666666701</v>
      </c>
      <c r="BA4092" s="53">
        <v>2000000</v>
      </c>
      <c r="BB4092" s="53"/>
      <c r="BC4092" s="53"/>
      <c r="BD4092" s="53"/>
      <c r="BE4092" s="53"/>
      <c r="BF4092" s="53"/>
      <c r="BG4092" s="53"/>
      <c r="BH4092" s="53"/>
      <c r="BI4092" s="53"/>
      <c r="BJ4092" s="53"/>
      <c r="BK4092" s="53"/>
      <c r="BL4092" s="53"/>
      <c r="BM4092" s="53"/>
      <c r="BN4092" s="53"/>
      <c r="BO4092" s="53"/>
      <c r="BP4092" s="53"/>
      <c r="BQ4092" s="53"/>
      <c r="BR4092" s="53"/>
      <c r="BS4092" s="53"/>
      <c r="BT4092" s="53"/>
      <c r="BU4092" s="53"/>
      <c r="BV4092" s="53"/>
      <c r="BW4092" s="53"/>
      <c r="BX4092" s="53"/>
      <c r="BY4092" s="53"/>
      <c r="BZ4092" s="53"/>
      <c r="CA4092" s="53"/>
      <c r="CB4092" s="53"/>
      <c r="CC4092" s="53"/>
      <c r="CD4092" s="53"/>
      <c r="CE4092" s="53"/>
      <c r="CF4092" s="53"/>
      <c r="CG4092" s="53"/>
      <c r="CH4092" s="53"/>
      <c r="CI4092" s="53"/>
      <c r="CJ4092" s="53"/>
      <c r="CK4092" s="53"/>
      <c r="CL4092" s="53"/>
      <c r="CM4092" s="53"/>
      <c r="CN4092" s="53"/>
    </row>
    <row r="4093" spans="1:92">
      <c r="A4093" s="52" t="s">
        <v>1811</v>
      </c>
      <c r="B4093" s="53"/>
      <c r="C4093" s="53"/>
      <c r="D4093" s="53"/>
      <c r="E4093" s="53"/>
      <c r="F4093" s="53"/>
      <c r="G4093" s="53"/>
      <c r="H4093" s="53"/>
      <c r="I4093" s="53"/>
      <c r="J4093" s="53"/>
      <c r="K4093" s="53"/>
      <c r="L4093" s="53"/>
      <c r="M4093" s="53"/>
      <c r="N4093" s="53"/>
      <c r="O4093" s="53"/>
      <c r="P4093" s="53"/>
      <c r="Q4093" s="53"/>
      <c r="R4093" s="53"/>
      <c r="S4093" s="53"/>
      <c r="T4093" s="53"/>
      <c r="U4093" s="53"/>
      <c r="V4093" s="53"/>
      <c r="W4093" s="53"/>
      <c r="X4093" s="53"/>
      <c r="Y4093" s="53"/>
      <c r="Z4093" s="53"/>
      <c r="AA4093" s="53"/>
      <c r="AB4093" s="53"/>
      <c r="AC4093" s="53"/>
      <c r="AD4093" s="53"/>
      <c r="AE4093" s="53"/>
      <c r="AF4093" s="53"/>
      <c r="AG4093" s="53"/>
      <c r="AH4093" s="53"/>
      <c r="AI4093" s="53"/>
      <c r="AJ4093" s="53"/>
      <c r="AK4093" s="53"/>
      <c r="AL4093" s="53"/>
      <c r="AM4093" s="53"/>
      <c r="AN4093" s="53"/>
      <c r="AO4093" s="53"/>
      <c r="AP4093" s="53"/>
      <c r="AQ4093" s="53"/>
      <c r="AR4093" s="53"/>
      <c r="AS4093" s="53"/>
      <c r="AT4093" s="53"/>
      <c r="AU4093" s="53"/>
      <c r="AV4093" s="53"/>
      <c r="AW4093" s="53"/>
      <c r="AX4093" s="53"/>
      <c r="AY4093" s="53"/>
      <c r="AZ4093" s="53"/>
      <c r="BA4093" s="53"/>
      <c r="BB4093" s="53"/>
      <c r="BC4093" s="53"/>
      <c r="BD4093" s="53"/>
      <c r="BE4093" s="53"/>
      <c r="BF4093" s="53"/>
      <c r="BG4093" s="53"/>
      <c r="BH4093" s="53"/>
      <c r="BI4093" s="53"/>
      <c r="BJ4093" s="53"/>
      <c r="BK4093" s="53"/>
      <c r="BL4093" s="53"/>
      <c r="BM4093" s="53"/>
      <c r="BN4093" s="53"/>
      <c r="BO4093" s="53"/>
      <c r="BP4093" s="53"/>
      <c r="BQ4093" s="53"/>
      <c r="BR4093" s="53"/>
      <c r="BS4093" s="53"/>
      <c r="BT4093" s="53"/>
      <c r="BU4093" s="53"/>
      <c r="BV4093" s="53"/>
      <c r="BW4093" s="53"/>
      <c r="BX4093" s="53"/>
      <c r="BY4093" s="53"/>
      <c r="BZ4093" s="53"/>
      <c r="CA4093" s="53"/>
      <c r="CB4093" s="53"/>
      <c r="CC4093" s="53"/>
      <c r="CD4093" s="53"/>
      <c r="CE4093" s="53"/>
      <c r="CF4093" s="53"/>
      <c r="CG4093" s="53"/>
      <c r="CH4093" s="53"/>
      <c r="CI4093" s="53"/>
      <c r="CJ4093" s="53"/>
      <c r="CK4093" s="53"/>
      <c r="CL4093" s="53"/>
      <c r="CM4093" s="53"/>
      <c r="CN4093" s="53"/>
    </row>
    <row r="4094" spans="1:92">
      <c r="A4094" s="52" t="s">
        <v>1249</v>
      </c>
      <c r="B4094" s="53"/>
      <c r="C4094" s="53"/>
      <c r="D4094" s="53"/>
      <c r="E4094" s="53"/>
      <c r="F4094" s="53"/>
      <c r="G4094" s="53"/>
      <c r="H4094" s="53"/>
      <c r="I4094" s="53">
        <v>-3292293.8600001899</v>
      </c>
      <c r="J4094" s="53">
        <v>64506.7299999936</v>
      </c>
      <c r="K4094" s="53">
        <v>72075.580000004295</v>
      </c>
      <c r="L4094" s="53">
        <v>35054.809999986901</v>
      </c>
      <c r="M4094" s="53">
        <v>56286.8900000176</v>
      </c>
      <c r="N4094" s="53">
        <v>-3064369.8500001798</v>
      </c>
      <c r="O4094" s="53">
        <v>935.9</v>
      </c>
      <c r="P4094" s="53">
        <v>338.5</v>
      </c>
      <c r="Q4094" s="53">
        <v>-461.3</v>
      </c>
      <c r="R4094" s="53">
        <v>-235.3</v>
      </c>
      <c r="S4094" s="53">
        <v>-940.69999999999902</v>
      </c>
      <c r="T4094" s="53">
        <v>-364.4</v>
      </c>
      <c r="U4094" s="53">
        <v>-167.5</v>
      </c>
      <c r="V4094" s="53">
        <v>4292.0999999999904</v>
      </c>
      <c r="W4094" s="53">
        <v>4002.9</v>
      </c>
      <c r="X4094" s="53">
        <v>7323</v>
      </c>
      <c r="Y4094" s="53">
        <v>-24.9</v>
      </c>
      <c r="Z4094" s="53">
        <v>-201</v>
      </c>
      <c r="AA4094" s="53">
        <v>14497.3</v>
      </c>
      <c r="AB4094" s="53">
        <v>16854.599999999999</v>
      </c>
      <c r="AC4094" s="53">
        <v>8567.7999999999993</v>
      </c>
      <c r="AD4094" s="53">
        <v>1641.6</v>
      </c>
      <c r="AE4094" s="53">
        <v>4957</v>
      </c>
      <c r="AF4094" s="53">
        <v>16777.400000000001</v>
      </c>
      <c r="AG4094" s="53">
        <v>-395.1</v>
      </c>
      <c r="AH4094" s="53">
        <v>-113.6</v>
      </c>
      <c r="AI4094" s="53">
        <v>455.2</v>
      </c>
      <c r="AJ4094" s="53">
        <v>2129</v>
      </c>
      <c r="AK4094" s="53">
        <v>1834.8999999999901</v>
      </c>
      <c r="AL4094" s="53">
        <v>8.6969565163599292</v>
      </c>
      <c r="AM4094" s="53">
        <v>6925.2</v>
      </c>
      <c r="AN4094" s="53">
        <v>59642.696956516302</v>
      </c>
      <c r="AO4094" s="53">
        <v>18131.599999999999</v>
      </c>
      <c r="AP4094" s="53">
        <v>10911.0999999999</v>
      </c>
      <c r="AQ4094" s="53">
        <v>11965.5</v>
      </c>
      <c r="AR4094" s="53">
        <v>4449.3999999999996</v>
      </c>
      <c r="AS4094" s="53">
        <v>1635.1</v>
      </c>
      <c r="AT4094" s="53">
        <v>-264.2</v>
      </c>
      <c r="AU4094" s="53">
        <v>-50</v>
      </c>
      <c r="AV4094" s="53">
        <v>4264.2</v>
      </c>
      <c r="AW4094" s="53">
        <v>-45.699999999999903</v>
      </c>
      <c r="AX4094" s="53">
        <v>1866.7</v>
      </c>
      <c r="AY4094" s="53">
        <v>11673.5</v>
      </c>
      <c r="AZ4094" s="53">
        <v>11142.699999999901</v>
      </c>
      <c r="BA4094" s="53">
        <v>75679.899999999994</v>
      </c>
      <c r="BB4094" s="53">
        <v>17373.2</v>
      </c>
      <c r="BC4094" s="53">
        <v>13932.5</v>
      </c>
      <c r="BD4094" s="53">
        <v>10334.530000000001</v>
      </c>
      <c r="BE4094" s="53">
        <v>4297.7370000000001</v>
      </c>
      <c r="BF4094" s="53">
        <v>905.01599999999996</v>
      </c>
      <c r="BG4094" s="53">
        <v>7370.0289999999904</v>
      </c>
      <c r="BH4094" s="53">
        <v>1794.13399999999</v>
      </c>
      <c r="BI4094" s="53">
        <v>17.321999999999999</v>
      </c>
      <c r="BJ4094" s="53">
        <v>16957.66</v>
      </c>
      <c r="BK4094" s="53">
        <v>3998.3220000000001</v>
      </c>
      <c r="BL4094" s="53">
        <v>94.367000000000004</v>
      </c>
      <c r="BM4094" s="53">
        <v>5897.32</v>
      </c>
      <c r="BN4094" s="53">
        <v>82972.137000000002</v>
      </c>
      <c r="BO4094" s="53">
        <v>14921.76</v>
      </c>
      <c r="BP4094" s="53">
        <v>20720.150000000001</v>
      </c>
      <c r="BQ4094" s="53">
        <v>16971.37</v>
      </c>
      <c r="BR4094" s="53">
        <v>10984.83</v>
      </c>
      <c r="BS4094" s="53">
        <v>-382.63</v>
      </c>
      <c r="BT4094" s="53">
        <v>-302.159999999999</v>
      </c>
      <c r="BU4094" s="53">
        <v>15694.48</v>
      </c>
      <c r="BV4094" s="53">
        <v>15975.03</v>
      </c>
      <c r="BW4094" s="53">
        <v>34576.699999999997</v>
      </c>
      <c r="BX4094" s="53">
        <v>29463.8</v>
      </c>
      <c r="BY4094" s="53">
        <v>32070.3</v>
      </c>
      <c r="BZ4094" s="53">
        <v>18558.099999999999</v>
      </c>
      <c r="CA4094" s="53">
        <v>209251.73</v>
      </c>
      <c r="CB4094" s="53"/>
      <c r="CC4094" s="53"/>
      <c r="CD4094" s="53"/>
      <c r="CE4094" s="53"/>
      <c r="CF4094" s="53"/>
      <c r="CG4094" s="53"/>
      <c r="CH4094" s="53"/>
      <c r="CI4094" s="53"/>
      <c r="CJ4094" s="53"/>
      <c r="CK4094" s="53"/>
      <c r="CL4094" s="53"/>
      <c r="CM4094" s="53"/>
      <c r="CN4094" s="53"/>
    </row>
    <row r="4095" spans="1:92">
      <c r="A4095" s="52" t="s">
        <v>1812</v>
      </c>
      <c r="B4095" s="53"/>
      <c r="C4095" s="53"/>
      <c r="D4095" s="53"/>
      <c r="E4095" s="53"/>
      <c r="F4095" s="53"/>
      <c r="G4095" s="53"/>
      <c r="H4095" s="53"/>
      <c r="I4095" s="53"/>
      <c r="J4095" s="53"/>
      <c r="K4095" s="53"/>
      <c r="L4095" s="53"/>
      <c r="M4095" s="53"/>
      <c r="N4095" s="53"/>
      <c r="O4095" s="53"/>
      <c r="P4095" s="53"/>
      <c r="Q4095" s="53"/>
      <c r="R4095" s="53"/>
      <c r="S4095" s="53"/>
      <c r="T4095" s="53"/>
      <c r="U4095" s="53"/>
      <c r="V4095" s="53"/>
      <c r="W4095" s="53"/>
      <c r="X4095" s="53"/>
      <c r="Y4095" s="53"/>
      <c r="Z4095" s="53"/>
      <c r="AA4095" s="53"/>
      <c r="AB4095" s="53"/>
      <c r="AC4095" s="53"/>
      <c r="AD4095" s="53"/>
      <c r="AE4095" s="53"/>
      <c r="AF4095" s="53"/>
      <c r="AG4095" s="53"/>
      <c r="AH4095" s="53"/>
      <c r="AI4095" s="53"/>
      <c r="AJ4095" s="53"/>
      <c r="AK4095" s="53"/>
      <c r="AL4095" s="53"/>
      <c r="AM4095" s="53"/>
      <c r="AN4095" s="53"/>
      <c r="AO4095" s="53"/>
      <c r="AP4095" s="53"/>
      <c r="AQ4095" s="53"/>
      <c r="AR4095" s="53"/>
      <c r="AS4095" s="53"/>
      <c r="AT4095" s="53"/>
      <c r="AU4095" s="53"/>
      <c r="AV4095" s="53"/>
      <c r="AW4095" s="53"/>
      <c r="AX4095" s="53"/>
      <c r="AY4095" s="53"/>
      <c r="AZ4095" s="53"/>
      <c r="BA4095" s="53"/>
      <c r="BB4095" s="53"/>
      <c r="BC4095" s="53"/>
      <c r="BD4095" s="53"/>
      <c r="BE4095" s="53"/>
      <c r="BF4095" s="53"/>
      <c r="BG4095" s="53"/>
      <c r="BH4095" s="53"/>
      <c r="BI4095" s="53"/>
      <c r="BJ4095" s="53"/>
      <c r="BK4095" s="53"/>
      <c r="BL4095" s="53"/>
      <c r="BM4095" s="53"/>
      <c r="BN4095" s="53"/>
      <c r="BO4095" s="53"/>
      <c r="BP4095" s="53"/>
      <c r="BQ4095" s="53"/>
      <c r="BR4095" s="53"/>
      <c r="BS4095" s="53"/>
      <c r="BT4095" s="53"/>
      <c r="BU4095" s="53"/>
      <c r="BV4095" s="53"/>
      <c r="BW4095" s="53"/>
      <c r="BX4095" s="53"/>
      <c r="BY4095" s="53"/>
      <c r="BZ4095" s="53"/>
      <c r="CA4095" s="53"/>
      <c r="CB4095" s="53"/>
      <c r="CC4095" s="53"/>
      <c r="CD4095" s="53"/>
      <c r="CE4095" s="53"/>
      <c r="CF4095" s="53"/>
      <c r="CG4095" s="53"/>
      <c r="CH4095" s="53"/>
      <c r="CI4095" s="53"/>
      <c r="CJ4095" s="53"/>
      <c r="CK4095" s="53"/>
      <c r="CL4095" s="53"/>
      <c r="CM4095" s="53"/>
      <c r="CN4095" s="53"/>
    </row>
    <row r="4096" spans="1:92">
      <c r="A4096" s="52" t="s">
        <v>1249</v>
      </c>
      <c r="B4096" s="53"/>
      <c r="C4096" s="53"/>
      <c r="D4096" s="53"/>
      <c r="E4096" s="53"/>
      <c r="F4096" s="53"/>
      <c r="G4096" s="53"/>
      <c r="H4096" s="53"/>
      <c r="I4096" s="53">
        <v>3384961.4</v>
      </c>
      <c r="J4096" s="53">
        <v>357278.11359999998</v>
      </c>
      <c r="K4096" s="53">
        <v>425703.76699999999</v>
      </c>
      <c r="L4096" s="53">
        <v>525899.02419999999</v>
      </c>
      <c r="M4096" s="53">
        <v>1233781.4479999901</v>
      </c>
      <c r="N4096" s="53">
        <v>5927623.7527999999</v>
      </c>
      <c r="O4096" s="53">
        <v>1623443.3599999901</v>
      </c>
      <c r="P4096" s="53">
        <v>1164022.973</v>
      </c>
      <c r="Q4096" s="53">
        <v>1093056.8189999999</v>
      </c>
      <c r="R4096" s="53">
        <v>367397.45749999897</v>
      </c>
      <c r="S4096" s="53">
        <v>515224.16499999998</v>
      </c>
      <c r="T4096" s="53">
        <v>413311.64250000002</v>
      </c>
      <c r="U4096" s="53">
        <v>250851.39290000001</v>
      </c>
      <c r="V4096" s="53">
        <v>150736.2372</v>
      </c>
      <c r="W4096" s="53">
        <v>74264.559779999996</v>
      </c>
      <c r="X4096" s="53">
        <v>30609.52304</v>
      </c>
      <c r="Y4096" s="53">
        <v>20020.637770000001</v>
      </c>
      <c r="Z4096" s="53">
        <v>-34320.786509999998</v>
      </c>
      <c r="AA4096" s="53">
        <v>5668617.9811799899</v>
      </c>
      <c r="AB4096" s="53">
        <v>720000.74046040897</v>
      </c>
      <c r="AC4096" s="53">
        <v>720000.74046040897</v>
      </c>
      <c r="AD4096" s="53">
        <v>720000.74046040897</v>
      </c>
      <c r="AE4096" s="53">
        <v>720000.74046040897</v>
      </c>
      <c r="AF4096" s="53">
        <v>720000.74046040897</v>
      </c>
      <c r="AG4096" s="53">
        <v>720000.74046040897</v>
      </c>
      <c r="AH4096" s="53">
        <v>720000.74046040897</v>
      </c>
      <c r="AI4096" s="53">
        <v>720000.74046040897</v>
      </c>
      <c r="AJ4096" s="53">
        <v>720000.74046040897</v>
      </c>
      <c r="AK4096" s="53">
        <v>720000.74046040897</v>
      </c>
      <c r="AL4096" s="53">
        <v>720000.74046040897</v>
      </c>
      <c r="AM4096" s="53">
        <v>720000.74046040897</v>
      </c>
      <c r="AN4096" s="53">
        <v>8640008.8855249099</v>
      </c>
      <c r="AO4096" s="53">
        <v>-48084.727500000197</v>
      </c>
      <c r="AP4096" s="53">
        <v>-48084.727500000197</v>
      </c>
      <c r="AQ4096" s="53">
        <v>-48084.727500000197</v>
      </c>
      <c r="AR4096" s="53">
        <v>-48084.727500000197</v>
      </c>
      <c r="AS4096" s="53">
        <v>-48084.727500000197</v>
      </c>
      <c r="AT4096" s="53">
        <v>-48084.727500000197</v>
      </c>
      <c r="AU4096" s="53">
        <v>-48084.727500000197</v>
      </c>
      <c r="AV4096" s="53">
        <v>-48084.727500000197</v>
      </c>
      <c r="AW4096" s="53">
        <v>-48084.727500000197</v>
      </c>
      <c r="AX4096" s="53">
        <v>-48084.727500000197</v>
      </c>
      <c r="AY4096" s="53">
        <v>-48084.727500000197</v>
      </c>
      <c r="AZ4096" s="53">
        <v>-48084.727500000197</v>
      </c>
      <c r="BA4096" s="53">
        <v>-577016.73000000196</v>
      </c>
      <c r="BB4096" s="53">
        <v>-58162.364999999802</v>
      </c>
      <c r="BC4096" s="53">
        <v>-58162.364999999802</v>
      </c>
      <c r="BD4096" s="53">
        <v>-58162.364999999802</v>
      </c>
      <c r="BE4096" s="53">
        <v>-58162.364999999802</v>
      </c>
      <c r="BF4096" s="53">
        <v>-58162.364999999802</v>
      </c>
      <c r="BG4096" s="53">
        <v>-58162.364999999802</v>
      </c>
      <c r="BH4096" s="53">
        <v>-58162.364999999802</v>
      </c>
      <c r="BI4096" s="53">
        <v>-58162.364999999802</v>
      </c>
      <c r="BJ4096" s="53">
        <v>-58162.364999999802</v>
      </c>
      <c r="BK4096" s="53">
        <v>-58162.364999999802</v>
      </c>
      <c r="BL4096" s="53">
        <v>-58162.364999999802</v>
      </c>
      <c r="BM4096" s="53">
        <v>-58162.364999999802</v>
      </c>
      <c r="BN4096" s="53">
        <v>-697948.37999999698</v>
      </c>
      <c r="BO4096" s="53"/>
      <c r="BP4096" s="53"/>
      <c r="BQ4096" s="53"/>
      <c r="BR4096" s="53"/>
      <c r="BS4096" s="53"/>
      <c r="BT4096" s="53"/>
      <c r="BU4096" s="53"/>
      <c r="BV4096" s="53"/>
      <c r="BW4096" s="53"/>
      <c r="BX4096" s="53"/>
      <c r="BY4096" s="53"/>
      <c r="BZ4096" s="53"/>
      <c r="CA4096" s="53"/>
      <c r="CB4096" s="53"/>
      <c r="CC4096" s="53"/>
      <c r="CD4096" s="53"/>
      <c r="CE4096" s="53"/>
      <c r="CF4096" s="53"/>
      <c r="CG4096" s="53"/>
      <c r="CH4096" s="53"/>
      <c r="CI4096" s="53"/>
      <c r="CJ4096" s="53"/>
      <c r="CK4096" s="53"/>
      <c r="CL4096" s="53"/>
      <c r="CM4096" s="53"/>
      <c r="CN4096" s="53"/>
    </row>
    <row r="4097" spans="1:92">
      <c r="A4097" s="52" t="s">
        <v>1813</v>
      </c>
      <c r="B4097" s="53"/>
      <c r="C4097" s="53"/>
      <c r="D4097" s="53"/>
      <c r="E4097" s="53"/>
      <c r="F4097" s="53"/>
      <c r="G4097" s="53"/>
      <c r="H4097" s="53"/>
      <c r="I4097" s="53"/>
      <c r="J4097" s="53"/>
      <c r="K4097" s="53"/>
      <c r="L4097" s="53"/>
      <c r="M4097" s="53"/>
      <c r="N4097" s="53"/>
      <c r="O4097" s="53"/>
      <c r="P4097" s="53"/>
      <c r="Q4097" s="53"/>
      <c r="R4097" s="53"/>
      <c r="S4097" s="53"/>
      <c r="T4097" s="53"/>
      <c r="U4097" s="53"/>
      <c r="V4097" s="53"/>
      <c r="W4097" s="53"/>
      <c r="X4097" s="53"/>
      <c r="Y4097" s="53"/>
      <c r="Z4097" s="53"/>
      <c r="AA4097" s="53"/>
      <c r="AB4097" s="53"/>
      <c r="AC4097" s="53"/>
      <c r="AD4097" s="53"/>
      <c r="AE4097" s="53"/>
      <c r="AF4097" s="53"/>
      <c r="AG4097" s="53"/>
      <c r="AH4097" s="53"/>
      <c r="AI4097" s="53"/>
      <c r="AJ4097" s="53"/>
      <c r="AK4097" s="53"/>
      <c r="AL4097" s="53"/>
      <c r="AM4097" s="53"/>
      <c r="AN4097" s="53"/>
      <c r="AO4097" s="53"/>
      <c r="AP4097" s="53"/>
      <c r="AQ4097" s="53"/>
      <c r="AR4097" s="53"/>
      <c r="AS4097" s="53"/>
      <c r="AT4097" s="53"/>
      <c r="AU4097" s="53"/>
      <c r="AV4097" s="53"/>
      <c r="AW4097" s="53"/>
      <c r="AX4097" s="53"/>
      <c r="AY4097" s="53"/>
      <c r="AZ4097" s="53"/>
      <c r="BA4097" s="53"/>
      <c r="BB4097" s="53"/>
      <c r="BC4097" s="53"/>
      <c r="BD4097" s="53"/>
      <c r="BE4097" s="53"/>
      <c r="BF4097" s="53"/>
      <c r="BG4097" s="53"/>
      <c r="BH4097" s="53"/>
      <c r="BI4097" s="53"/>
      <c r="BJ4097" s="53"/>
      <c r="BK4097" s="53"/>
      <c r="BL4097" s="53"/>
      <c r="BM4097" s="53"/>
      <c r="BN4097" s="53"/>
      <c r="BO4097" s="53"/>
      <c r="BP4097" s="53"/>
      <c r="BQ4097" s="53"/>
      <c r="BR4097" s="53"/>
      <c r="BS4097" s="53"/>
      <c r="BT4097" s="53"/>
      <c r="BU4097" s="53"/>
      <c r="BV4097" s="53"/>
      <c r="BW4097" s="53"/>
      <c r="BX4097" s="53"/>
      <c r="BY4097" s="53"/>
      <c r="BZ4097" s="53"/>
      <c r="CA4097" s="53"/>
      <c r="CB4097" s="53"/>
      <c r="CC4097" s="53"/>
      <c r="CD4097" s="53"/>
      <c r="CE4097" s="53"/>
      <c r="CF4097" s="53"/>
      <c r="CG4097" s="53"/>
      <c r="CH4097" s="53"/>
      <c r="CI4097" s="53"/>
      <c r="CJ4097" s="53"/>
      <c r="CK4097" s="53"/>
      <c r="CL4097" s="53"/>
      <c r="CM4097" s="53"/>
      <c r="CN4097" s="53"/>
    </row>
    <row r="4098" spans="1:92">
      <c r="A4098" s="52" t="s">
        <v>1249</v>
      </c>
      <c r="B4098" s="53"/>
      <c r="C4098" s="53"/>
      <c r="D4098" s="53"/>
      <c r="E4098" s="53"/>
      <c r="F4098" s="53"/>
      <c r="G4098" s="53"/>
      <c r="H4098" s="53"/>
      <c r="I4098" s="53">
        <v>-14013658.699999999</v>
      </c>
      <c r="J4098" s="53">
        <v>6846268.4510000004</v>
      </c>
      <c r="K4098" s="53">
        <v>5575220.4210000001</v>
      </c>
      <c r="L4098" s="53">
        <v>8109709.5109999999</v>
      </c>
      <c r="M4098" s="53">
        <v>1005903.821</v>
      </c>
      <c r="N4098" s="53">
        <v>7523443.5039999997</v>
      </c>
      <c r="O4098" s="53">
        <v>651484.12589999998</v>
      </c>
      <c r="P4098" s="53">
        <v>109785.1428</v>
      </c>
      <c r="Q4098" s="53">
        <v>17561.673050000001</v>
      </c>
      <c r="R4098" s="53">
        <v>-180297.79130000001</v>
      </c>
      <c r="S4098" s="53">
        <v>-12482.580529999999</v>
      </c>
      <c r="T4098" s="53">
        <v>-14672.664790000001</v>
      </c>
      <c r="U4098" s="53">
        <v>-91093.381890000004</v>
      </c>
      <c r="V4098" s="53">
        <v>-49257.504560000001</v>
      </c>
      <c r="W4098" s="53">
        <v>-44280.939740000002</v>
      </c>
      <c r="X4098" s="53">
        <v>-43659.970829999998</v>
      </c>
      <c r="Y4098" s="53">
        <v>-9046.51040499999</v>
      </c>
      <c r="Z4098" s="53">
        <v>-92460.511379999996</v>
      </c>
      <c r="AA4098" s="53">
        <v>241579.08632500001</v>
      </c>
      <c r="AB4098" s="53">
        <v>-228698.20629999999</v>
      </c>
      <c r="AC4098" s="53">
        <v>-117870.7846</v>
      </c>
      <c r="AD4098" s="53">
        <v>-62151.5</v>
      </c>
      <c r="AE4098" s="53">
        <v>-36723.769999999997</v>
      </c>
      <c r="AF4098" s="53">
        <v>-66655.3</v>
      </c>
      <c r="AG4098" s="53">
        <v>1206775</v>
      </c>
      <c r="AH4098" s="53">
        <v>1170593.8</v>
      </c>
      <c r="AI4098" s="53">
        <v>1213492.29999999</v>
      </c>
      <c r="AJ4098" s="53">
        <v>1231131.8999999999</v>
      </c>
      <c r="AK4098" s="53">
        <v>1234847.6000000001</v>
      </c>
      <c r="AL4098" s="53">
        <v>1244708.5999999901</v>
      </c>
      <c r="AM4098" s="53">
        <v>4505441.3999999901</v>
      </c>
      <c r="AN4098" s="53">
        <v>11294891.0390999</v>
      </c>
      <c r="AO4098" s="53"/>
      <c r="AP4098" s="53"/>
      <c r="AQ4098" s="53"/>
      <c r="AR4098" s="53"/>
      <c r="AS4098" s="53"/>
      <c r="AT4098" s="53"/>
      <c r="AU4098" s="53"/>
      <c r="AV4098" s="53"/>
      <c r="AW4098" s="53"/>
      <c r="AX4098" s="53"/>
      <c r="AY4098" s="53"/>
      <c r="AZ4098" s="53"/>
      <c r="BA4098" s="53"/>
      <c r="BB4098" s="53"/>
      <c r="BC4098" s="53"/>
      <c r="BD4098" s="53"/>
      <c r="BE4098" s="53"/>
      <c r="BF4098" s="53"/>
      <c r="BG4098" s="53"/>
      <c r="BH4098" s="53"/>
      <c r="BI4098" s="53"/>
      <c r="BJ4098" s="53"/>
      <c r="BK4098" s="53"/>
      <c r="BL4098" s="53"/>
      <c r="BM4098" s="53"/>
      <c r="BN4098" s="53"/>
      <c r="BO4098" s="53"/>
      <c r="BP4098" s="53"/>
      <c r="BQ4098" s="53"/>
      <c r="BR4098" s="53"/>
      <c r="BS4098" s="53"/>
      <c r="BT4098" s="53"/>
      <c r="BU4098" s="53"/>
      <c r="BV4098" s="53"/>
      <c r="BW4098" s="53"/>
      <c r="BX4098" s="53"/>
      <c r="BY4098" s="53"/>
      <c r="BZ4098" s="53"/>
      <c r="CA4098" s="53"/>
      <c r="CB4098" s="53"/>
      <c r="CC4098" s="53"/>
      <c r="CD4098" s="53"/>
      <c r="CE4098" s="53"/>
      <c r="CF4098" s="53"/>
      <c r="CG4098" s="53"/>
      <c r="CH4098" s="53"/>
      <c r="CI4098" s="53"/>
      <c r="CJ4098" s="53"/>
      <c r="CK4098" s="53"/>
      <c r="CL4098" s="53"/>
      <c r="CM4098" s="53"/>
      <c r="CN4098" s="53"/>
    </row>
    <row r="4099" spans="1:92">
      <c r="A4099" s="52" t="s">
        <v>1814</v>
      </c>
      <c r="B4099" s="53"/>
      <c r="C4099" s="53"/>
      <c r="D4099" s="53"/>
      <c r="E4099" s="53"/>
      <c r="F4099" s="53"/>
      <c r="G4099" s="53"/>
      <c r="H4099" s="53"/>
      <c r="I4099" s="53"/>
      <c r="J4099" s="53"/>
      <c r="K4099" s="53"/>
      <c r="L4099" s="53"/>
      <c r="M4099" s="53"/>
      <c r="N4099" s="53"/>
      <c r="O4099" s="53"/>
      <c r="P4099" s="53"/>
      <c r="Q4099" s="53"/>
      <c r="R4099" s="53"/>
      <c r="S4099" s="53"/>
      <c r="T4099" s="53"/>
      <c r="U4099" s="53"/>
      <c r="V4099" s="53"/>
      <c r="W4099" s="53"/>
      <c r="X4099" s="53"/>
      <c r="Y4099" s="53"/>
      <c r="Z4099" s="53"/>
      <c r="AA4099" s="53"/>
      <c r="AB4099" s="53"/>
      <c r="AC4099" s="53"/>
      <c r="AD4099" s="53"/>
      <c r="AE4099" s="53"/>
      <c r="AF4099" s="53"/>
      <c r="AG4099" s="53"/>
      <c r="AH4099" s="53"/>
      <c r="AI4099" s="53"/>
      <c r="AJ4099" s="53"/>
      <c r="AK4099" s="53"/>
      <c r="AL4099" s="53"/>
      <c r="AM4099" s="53"/>
      <c r="AN4099" s="53"/>
      <c r="AO4099" s="53"/>
      <c r="AP4099" s="53"/>
      <c r="AQ4099" s="53"/>
      <c r="AR4099" s="53"/>
      <c r="AS4099" s="53"/>
      <c r="AT4099" s="53"/>
      <c r="AU4099" s="53"/>
      <c r="AV4099" s="53"/>
      <c r="AW4099" s="53"/>
      <c r="AX4099" s="53"/>
      <c r="AY4099" s="53"/>
      <c r="AZ4099" s="53"/>
      <c r="BA4099" s="53"/>
      <c r="BB4099" s="53"/>
      <c r="BC4099" s="53"/>
      <c r="BD4099" s="53"/>
      <c r="BE4099" s="53"/>
      <c r="BF4099" s="53"/>
      <c r="BG4099" s="53"/>
      <c r="BH4099" s="53"/>
      <c r="BI4099" s="53"/>
      <c r="BJ4099" s="53"/>
      <c r="BK4099" s="53"/>
      <c r="BL4099" s="53"/>
      <c r="BM4099" s="53"/>
      <c r="BN4099" s="53"/>
      <c r="BO4099" s="53"/>
      <c r="BP4099" s="53"/>
      <c r="BQ4099" s="53"/>
      <c r="BR4099" s="53"/>
      <c r="BS4099" s="53"/>
      <c r="BT4099" s="53"/>
      <c r="BU4099" s="53"/>
      <c r="BV4099" s="53"/>
      <c r="BW4099" s="53"/>
      <c r="BX4099" s="53"/>
      <c r="BY4099" s="53"/>
      <c r="BZ4099" s="53"/>
      <c r="CA4099" s="53"/>
      <c r="CB4099" s="53"/>
      <c r="CC4099" s="53"/>
      <c r="CD4099" s="53"/>
      <c r="CE4099" s="53"/>
      <c r="CF4099" s="53"/>
      <c r="CG4099" s="53"/>
      <c r="CH4099" s="53"/>
      <c r="CI4099" s="53"/>
      <c r="CJ4099" s="53"/>
      <c r="CK4099" s="53"/>
      <c r="CL4099" s="53"/>
      <c r="CM4099" s="53"/>
      <c r="CN4099" s="53"/>
    </row>
    <row r="4100" spans="1:92">
      <c r="A4100" s="52" t="s">
        <v>649</v>
      </c>
      <c r="B4100" s="53"/>
      <c r="C4100" s="53"/>
      <c r="D4100" s="53"/>
      <c r="E4100" s="53"/>
      <c r="F4100" s="53"/>
      <c r="G4100" s="53"/>
      <c r="H4100" s="53"/>
      <c r="I4100" s="53"/>
      <c r="J4100" s="53"/>
      <c r="K4100" s="53">
        <v>99808.2</v>
      </c>
      <c r="L4100" s="53">
        <v>99808.2</v>
      </c>
      <c r="M4100" s="53">
        <v>99808.2</v>
      </c>
      <c r="N4100" s="53">
        <v>299424.59999999998</v>
      </c>
      <c r="O4100" s="53"/>
      <c r="P4100" s="53"/>
      <c r="Q4100" s="53"/>
      <c r="R4100" s="53"/>
      <c r="S4100" s="53"/>
      <c r="T4100" s="53"/>
      <c r="U4100" s="53"/>
      <c r="V4100" s="53"/>
      <c r="W4100" s="53"/>
      <c r="X4100" s="53"/>
      <c r="Y4100" s="53"/>
      <c r="Z4100" s="53"/>
      <c r="AA4100" s="53"/>
      <c r="AB4100" s="53"/>
      <c r="AC4100" s="53"/>
      <c r="AD4100" s="53"/>
      <c r="AE4100" s="53"/>
      <c r="AF4100" s="53"/>
      <c r="AG4100" s="53"/>
      <c r="AH4100" s="53"/>
      <c r="AI4100" s="53"/>
      <c r="AJ4100" s="53"/>
      <c r="AK4100" s="53"/>
      <c r="AL4100" s="53"/>
      <c r="AM4100" s="53"/>
      <c r="AN4100" s="53"/>
      <c r="AO4100" s="53"/>
      <c r="AP4100" s="53"/>
      <c r="AQ4100" s="53"/>
      <c r="AR4100" s="53"/>
      <c r="AS4100" s="53"/>
      <c r="AT4100" s="53"/>
      <c r="AU4100" s="53"/>
      <c r="AV4100" s="53"/>
      <c r="AW4100" s="53"/>
      <c r="AX4100" s="53"/>
      <c r="AY4100" s="53"/>
      <c r="AZ4100" s="53"/>
      <c r="BA4100" s="53"/>
      <c r="BB4100" s="53"/>
      <c r="BC4100" s="53"/>
      <c r="BD4100" s="53"/>
      <c r="BE4100" s="53"/>
      <c r="BF4100" s="53"/>
      <c r="BG4100" s="53"/>
      <c r="BH4100" s="53"/>
      <c r="BI4100" s="53"/>
      <c r="BJ4100" s="53"/>
      <c r="BK4100" s="53"/>
      <c r="BL4100" s="53"/>
      <c r="BM4100" s="53"/>
      <c r="BN4100" s="53"/>
      <c r="BO4100" s="53"/>
      <c r="BP4100" s="53"/>
      <c r="BQ4100" s="53"/>
      <c r="BR4100" s="53"/>
      <c r="BS4100" s="53"/>
      <c r="BT4100" s="53"/>
      <c r="BU4100" s="53"/>
      <c r="BV4100" s="53"/>
      <c r="BW4100" s="53"/>
      <c r="BX4100" s="53"/>
      <c r="BY4100" s="53"/>
      <c r="BZ4100" s="53"/>
      <c r="CA4100" s="53"/>
      <c r="CB4100" s="53"/>
      <c r="CC4100" s="53"/>
      <c r="CD4100" s="53"/>
      <c r="CE4100" s="53"/>
      <c r="CF4100" s="53"/>
      <c r="CG4100" s="53"/>
      <c r="CH4100" s="53"/>
      <c r="CI4100" s="53"/>
      <c r="CJ4100" s="53"/>
      <c r="CK4100" s="53"/>
      <c r="CL4100" s="53"/>
      <c r="CM4100" s="53"/>
      <c r="CN4100" s="53"/>
    </row>
    <row r="4101" spans="1:92">
      <c r="A4101" s="52" t="s">
        <v>1815</v>
      </c>
      <c r="B4101" s="53"/>
      <c r="C4101" s="53"/>
      <c r="D4101" s="53"/>
      <c r="E4101" s="53"/>
      <c r="F4101" s="53"/>
      <c r="G4101" s="53"/>
      <c r="H4101" s="53"/>
      <c r="I4101" s="53"/>
      <c r="J4101" s="53"/>
      <c r="K4101" s="53"/>
      <c r="L4101" s="53"/>
      <c r="M4101" s="53"/>
      <c r="N4101" s="53"/>
      <c r="O4101" s="53"/>
      <c r="P4101" s="53"/>
      <c r="Q4101" s="53"/>
      <c r="R4101" s="53"/>
      <c r="S4101" s="53"/>
      <c r="T4101" s="53"/>
      <c r="U4101" s="53"/>
      <c r="V4101" s="53"/>
      <c r="W4101" s="53"/>
      <c r="X4101" s="53"/>
      <c r="Y4101" s="53"/>
      <c r="Z4101" s="53"/>
      <c r="AA4101" s="53"/>
      <c r="AB4101" s="53"/>
      <c r="AC4101" s="53"/>
      <c r="AD4101" s="53"/>
      <c r="AE4101" s="53"/>
      <c r="AF4101" s="53"/>
      <c r="AG4101" s="53"/>
      <c r="AH4101" s="53"/>
      <c r="AI4101" s="53"/>
      <c r="AJ4101" s="53"/>
      <c r="AK4101" s="53"/>
      <c r="AL4101" s="53"/>
      <c r="AM4101" s="53"/>
      <c r="AN4101" s="53"/>
      <c r="AO4101" s="53"/>
      <c r="AP4101" s="53"/>
      <c r="AQ4101" s="53"/>
      <c r="AR4101" s="53"/>
      <c r="AS4101" s="53"/>
      <c r="AT4101" s="53"/>
      <c r="AU4101" s="53"/>
      <c r="AV4101" s="53"/>
      <c r="AW4101" s="53"/>
      <c r="AX4101" s="53"/>
      <c r="AY4101" s="53"/>
      <c r="AZ4101" s="53"/>
      <c r="BA4101" s="53"/>
      <c r="BB4101" s="53"/>
      <c r="BC4101" s="53"/>
      <c r="BD4101" s="53"/>
      <c r="BE4101" s="53"/>
      <c r="BF4101" s="53"/>
      <c r="BG4101" s="53"/>
      <c r="BH4101" s="53"/>
      <c r="BI4101" s="53"/>
      <c r="BJ4101" s="53"/>
      <c r="BK4101" s="53"/>
      <c r="BL4101" s="53"/>
      <c r="BM4101" s="53"/>
      <c r="BN4101" s="53"/>
      <c r="BO4101" s="53"/>
      <c r="BP4101" s="53"/>
      <c r="BQ4101" s="53"/>
      <c r="BR4101" s="53"/>
      <c r="BS4101" s="53"/>
      <c r="BT4101" s="53"/>
      <c r="BU4101" s="53"/>
      <c r="BV4101" s="53"/>
      <c r="BW4101" s="53"/>
      <c r="BX4101" s="53"/>
      <c r="BY4101" s="53"/>
      <c r="BZ4101" s="53"/>
      <c r="CA4101" s="53"/>
      <c r="CB4101" s="53"/>
      <c r="CC4101" s="53"/>
      <c r="CD4101" s="53"/>
      <c r="CE4101" s="53"/>
      <c r="CF4101" s="53"/>
      <c r="CG4101" s="53"/>
      <c r="CH4101" s="53"/>
      <c r="CI4101" s="53"/>
      <c r="CJ4101" s="53"/>
      <c r="CK4101" s="53"/>
      <c r="CL4101" s="53"/>
      <c r="CM4101" s="53"/>
      <c r="CN4101" s="53"/>
    </row>
    <row r="4102" spans="1:92">
      <c r="A4102" s="52" t="s">
        <v>649</v>
      </c>
      <c r="B4102" s="53"/>
      <c r="C4102" s="53"/>
      <c r="D4102" s="53"/>
      <c r="E4102" s="53"/>
      <c r="F4102" s="53"/>
      <c r="G4102" s="53"/>
      <c r="H4102" s="53"/>
      <c r="I4102" s="53"/>
      <c r="J4102" s="53"/>
      <c r="K4102" s="53">
        <v>54760.38</v>
      </c>
      <c r="L4102" s="53">
        <v>55172.92</v>
      </c>
      <c r="M4102" s="53">
        <v>55585.46</v>
      </c>
      <c r="N4102" s="53">
        <v>165518.75999999899</v>
      </c>
      <c r="O4102" s="53">
        <v>53905.799270000003</v>
      </c>
      <c r="P4102" s="53">
        <v>53905.799270000003</v>
      </c>
      <c r="Q4102" s="53">
        <v>53905.799270000003</v>
      </c>
      <c r="R4102" s="53">
        <v>53905.799270000003</v>
      </c>
      <c r="S4102" s="53">
        <v>53905.799270000003</v>
      </c>
      <c r="T4102" s="53">
        <v>53905.799270000003</v>
      </c>
      <c r="U4102" s="53">
        <v>53905.799270000003</v>
      </c>
      <c r="V4102" s="53">
        <v>53905.799270000003</v>
      </c>
      <c r="W4102" s="53">
        <v>53905.799270000003</v>
      </c>
      <c r="X4102" s="53">
        <v>53905.799270000003</v>
      </c>
      <c r="Y4102" s="53">
        <v>53905.799270000003</v>
      </c>
      <c r="Z4102" s="53">
        <v>53905.799270000003</v>
      </c>
      <c r="AA4102" s="53">
        <v>646869.59123999998</v>
      </c>
      <c r="AB4102" s="53">
        <v>53905.799270000003</v>
      </c>
      <c r="AC4102" s="53">
        <v>53905.799270000003</v>
      </c>
      <c r="AD4102" s="53">
        <v>53905.799270000003</v>
      </c>
      <c r="AE4102" s="53">
        <v>53905.799270000003</v>
      </c>
      <c r="AF4102" s="53">
        <v>53905.799270000003</v>
      </c>
      <c r="AG4102" s="53">
        <v>53905.799270000003</v>
      </c>
      <c r="AH4102" s="53">
        <v>53905.799270000003</v>
      </c>
      <c r="AI4102" s="53">
        <v>53905.799270000003</v>
      </c>
      <c r="AJ4102" s="53">
        <v>53905.799270000003</v>
      </c>
      <c r="AK4102" s="53">
        <v>53905.799270000003</v>
      </c>
      <c r="AL4102" s="53">
        <v>53905.799270000003</v>
      </c>
      <c r="AM4102" s="53">
        <v>53905.799270000003</v>
      </c>
      <c r="AN4102" s="53">
        <v>646869.59123999998</v>
      </c>
      <c r="AO4102" s="53">
        <v>53905.799270000003</v>
      </c>
      <c r="AP4102" s="53">
        <v>53905.799270000003</v>
      </c>
      <c r="AQ4102" s="53">
        <v>53905.799270000003</v>
      </c>
      <c r="AR4102" s="53">
        <v>53905.799270000003</v>
      </c>
      <c r="AS4102" s="53">
        <v>53905.799270000003</v>
      </c>
      <c r="AT4102" s="53">
        <v>53905.799270000003</v>
      </c>
      <c r="AU4102" s="53">
        <v>53905.799270000003</v>
      </c>
      <c r="AV4102" s="53">
        <v>53905.799270000003</v>
      </c>
      <c r="AW4102" s="53">
        <v>53905.799270000003</v>
      </c>
      <c r="AX4102" s="53">
        <v>53905.799270000003</v>
      </c>
      <c r="AY4102" s="53">
        <v>53905.799270000003</v>
      </c>
      <c r="AZ4102" s="53">
        <v>53905.799270000003</v>
      </c>
      <c r="BA4102" s="53">
        <v>646869.59123999998</v>
      </c>
      <c r="BB4102" s="53">
        <v>53905.799270000003</v>
      </c>
      <c r="BC4102" s="53">
        <v>53905.799270000003</v>
      </c>
      <c r="BD4102" s="53">
        <v>53905.799270000003</v>
      </c>
      <c r="BE4102" s="53">
        <v>53905.799270000003</v>
      </c>
      <c r="BF4102" s="53">
        <v>53905.799270000003</v>
      </c>
      <c r="BG4102" s="53"/>
      <c r="BH4102" s="53"/>
      <c r="BI4102" s="53"/>
      <c r="BJ4102" s="53"/>
      <c r="BK4102" s="53"/>
      <c r="BL4102" s="53"/>
      <c r="BM4102" s="53"/>
      <c r="BN4102" s="53">
        <v>269528.99634999997</v>
      </c>
      <c r="BO4102" s="53"/>
      <c r="BP4102" s="53"/>
      <c r="BQ4102" s="53"/>
      <c r="BR4102" s="53"/>
      <c r="BS4102" s="53"/>
      <c r="BT4102" s="53"/>
      <c r="BU4102" s="53"/>
      <c r="BV4102" s="53"/>
      <c r="BW4102" s="53"/>
      <c r="BX4102" s="53"/>
      <c r="BY4102" s="53"/>
      <c r="BZ4102" s="53"/>
      <c r="CA4102" s="53"/>
      <c r="CB4102" s="53"/>
      <c r="CC4102" s="53"/>
      <c r="CD4102" s="53"/>
      <c r="CE4102" s="53"/>
      <c r="CF4102" s="53"/>
      <c r="CG4102" s="53"/>
      <c r="CH4102" s="53"/>
      <c r="CI4102" s="53"/>
      <c r="CJ4102" s="53"/>
      <c r="CK4102" s="53"/>
      <c r="CL4102" s="53"/>
      <c r="CM4102" s="53"/>
      <c r="CN4102" s="53"/>
    </row>
    <row r="4103" spans="1:92">
      <c r="A4103" s="52" t="s">
        <v>1816</v>
      </c>
      <c r="B4103" s="53"/>
      <c r="C4103" s="53"/>
      <c r="D4103" s="53"/>
      <c r="E4103" s="53"/>
      <c r="F4103" s="53"/>
      <c r="G4103" s="53"/>
      <c r="H4103" s="53"/>
      <c r="I4103" s="53"/>
      <c r="J4103" s="53"/>
      <c r="K4103" s="53"/>
      <c r="L4103" s="53"/>
      <c r="M4103" s="53"/>
      <c r="N4103" s="53"/>
      <c r="O4103" s="53"/>
      <c r="P4103" s="53"/>
      <c r="Q4103" s="53"/>
      <c r="R4103" s="53"/>
      <c r="S4103" s="53"/>
      <c r="T4103" s="53"/>
      <c r="U4103" s="53"/>
      <c r="V4103" s="53"/>
      <c r="W4103" s="53"/>
      <c r="X4103" s="53"/>
      <c r="Y4103" s="53"/>
      <c r="Z4103" s="53"/>
      <c r="AA4103" s="53"/>
      <c r="AB4103" s="53"/>
      <c r="AC4103" s="53"/>
      <c r="AD4103" s="53"/>
      <c r="AE4103" s="53"/>
      <c r="AF4103" s="53"/>
      <c r="AG4103" s="53"/>
      <c r="AH4103" s="53"/>
      <c r="AI4103" s="53"/>
      <c r="AJ4103" s="53"/>
      <c r="AK4103" s="53"/>
      <c r="AL4103" s="53"/>
      <c r="AM4103" s="53"/>
      <c r="AN4103" s="53"/>
      <c r="AO4103" s="53"/>
      <c r="AP4103" s="53"/>
      <c r="AQ4103" s="53"/>
      <c r="AR4103" s="53"/>
      <c r="AS4103" s="53"/>
      <c r="AT4103" s="53"/>
      <c r="AU4103" s="53"/>
      <c r="AV4103" s="53"/>
      <c r="AW4103" s="53"/>
      <c r="AX4103" s="53"/>
      <c r="AY4103" s="53"/>
      <c r="AZ4103" s="53"/>
      <c r="BA4103" s="53"/>
      <c r="BB4103" s="53"/>
      <c r="BC4103" s="53"/>
      <c r="BD4103" s="53"/>
      <c r="BE4103" s="53"/>
      <c r="BF4103" s="53"/>
      <c r="BG4103" s="53"/>
      <c r="BH4103" s="53"/>
      <c r="BI4103" s="53"/>
      <c r="BJ4103" s="53"/>
      <c r="BK4103" s="53"/>
      <c r="BL4103" s="53"/>
      <c r="BM4103" s="53"/>
      <c r="BN4103" s="53"/>
      <c r="BO4103" s="53"/>
      <c r="BP4103" s="53"/>
      <c r="BQ4103" s="53"/>
      <c r="BR4103" s="53"/>
      <c r="BS4103" s="53"/>
      <c r="BT4103" s="53"/>
      <c r="BU4103" s="53"/>
      <c r="BV4103" s="53"/>
      <c r="BW4103" s="53"/>
      <c r="BX4103" s="53"/>
      <c r="BY4103" s="53"/>
      <c r="BZ4103" s="53"/>
      <c r="CA4103" s="53"/>
      <c r="CB4103" s="53"/>
      <c r="CC4103" s="53"/>
      <c r="CD4103" s="53"/>
      <c r="CE4103" s="53"/>
      <c r="CF4103" s="53"/>
      <c r="CG4103" s="53"/>
      <c r="CH4103" s="53"/>
      <c r="CI4103" s="53"/>
      <c r="CJ4103" s="53"/>
      <c r="CK4103" s="53"/>
      <c r="CL4103" s="53"/>
      <c r="CM4103" s="53"/>
      <c r="CN4103" s="53"/>
    </row>
    <row r="4104" spans="1:92">
      <c r="A4104" s="52" t="s">
        <v>649</v>
      </c>
      <c r="B4104" s="53"/>
      <c r="C4104" s="53"/>
      <c r="D4104" s="53"/>
      <c r="E4104" s="53"/>
      <c r="F4104" s="53"/>
      <c r="G4104" s="53"/>
      <c r="H4104" s="53"/>
      <c r="I4104" s="53"/>
      <c r="J4104" s="53"/>
      <c r="K4104" s="53"/>
      <c r="L4104" s="53"/>
      <c r="M4104" s="53"/>
      <c r="N4104" s="53"/>
      <c r="O4104" s="53"/>
      <c r="P4104" s="53"/>
      <c r="Q4104" s="53"/>
      <c r="R4104" s="53"/>
      <c r="S4104" s="53"/>
      <c r="T4104" s="53"/>
      <c r="U4104" s="53"/>
      <c r="V4104" s="53"/>
      <c r="W4104" s="53"/>
      <c r="X4104" s="53"/>
      <c r="Y4104" s="53"/>
      <c r="Z4104" s="53"/>
      <c r="AA4104" s="53"/>
      <c r="AB4104" s="53"/>
      <c r="AC4104" s="53"/>
      <c r="AD4104" s="53">
        <v>9259099.3000000007</v>
      </c>
      <c r="AE4104" s="53">
        <v>12892250</v>
      </c>
      <c r="AF4104" s="53">
        <v>6848650.7000000002</v>
      </c>
      <c r="AG4104" s="53"/>
      <c r="AH4104" s="53"/>
      <c r="AI4104" s="53"/>
      <c r="AJ4104" s="53"/>
      <c r="AK4104" s="53"/>
      <c r="AL4104" s="53"/>
      <c r="AM4104" s="53"/>
      <c r="AN4104" s="53">
        <v>29000000</v>
      </c>
      <c r="AO4104" s="53"/>
      <c r="AP4104" s="53"/>
      <c r="AQ4104" s="53"/>
      <c r="AR4104" s="53"/>
      <c r="AS4104" s="53"/>
      <c r="AT4104" s="53"/>
      <c r="AU4104" s="53"/>
      <c r="AV4104" s="53"/>
      <c r="AW4104" s="53"/>
      <c r="AX4104" s="53"/>
      <c r="AY4104" s="53"/>
      <c r="AZ4104" s="53"/>
      <c r="BA4104" s="53"/>
      <c r="BB4104" s="53"/>
      <c r="BC4104" s="53"/>
      <c r="BD4104" s="53"/>
      <c r="BE4104" s="53"/>
      <c r="BF4104" s="53"/>
      <c r="BG4104" s="53"/>
      <c r="BH4104" s="53"/>
      <c r="BI4104" s="53"/>
      <c r="BJ4104" s="53"/>
      <c r="BK4104" s="53"/>
      <c r="BL4104" s="53"/>
      <c r="BM4104" s="53"/>
      <c r="BN4104" s="53"/>
      <c r="BO4104" s="53"/>
      <c r="BP4104" s="53"/>
      <c r="BQ4104" s="53"/>
      <c r="BR4104" s="53"/>
      <c r="BS4104" s="53"/>
      <c r="BT4104" s="53"/>
      <c r="BU4104" s="53"/>
      <c r="BV4104" s="53"/>
      <c r="BW4104" s="53"/>
      <c r="BX4104" s="53"/>
      <c r="BY4104" s="53"/>
      <c r="BZ4104" s="53"/>
      <c r="CA4104" s="53"/>
      <c r="CB4104" s="53"/>
      <c r="CC4104" s="53"/>
      <c r="CD4104" s="53"/>
      <c r="CE4104" s="53"/>
      <c r="CF4104" s="53"/>
      <c r="CG4104" s="53"/>
      <c r="CH4104" s="53"/>
      <c r="CI4104" s="53"/>
      <c r="CJ4104" s="53"/>
      <c r="CK4104" s="53"/>
      <c r="CL4104" s="53"/>
      <c r="CM4104" s="53"/>
      <c r="CN4104" s="53"/>
    </row>
    <row r="4105" spans="1:92">
      <c r="A4105" s="52" t="s">
        <v>1817</v>
      </c>
      <c r="B4105" s="53"/>
      <c r="C4105" s="53"/>
      <c r="D4105" s="53"/>
      <c r="E4105" s="53"/>
      <c r="F4105" s="53"/>
      <c r="G4105" s="53"/>
      <c r="H4105" s="53"/>
      <c r="I4105" s="53"/>
      <c r="J4105" s="53"/>
      <c r="K4105" s="53"/>
      <c r="L4105" s="53"/>
      <c r="M4105" s="53"/>
      <c r="N4105" s="53"/>
      <c r="O4105" s="53"/>
      <c r="P4105" s="53"/>
      <c r="Q4105" s="53"/>
      <c r="R4105" s="53"/>
      <c r="S4105" s="53"/>
      <c r="T4105" s="53"/>
      <c r="U4105" s="53"/>
      <c r="V4105" s="53"/>
      <c r="W4105" s="53"/>
      <c r="X4105" s="53"/>
      <c r="Y4105" s="53"/>
      <c r="Z4105" s="53"/>
      <c r="AA4105" s="53"/>
      <c r="AB4105" s="53"/>
      <c r="AC4105" s="53"/>
      <c r="AD4105" s="53"/>
      <c r="AE4105" s="53"/>
      <c r="AF4105" s="53"/>
      <c r="AG4105" s="53"/>
      <c r="AH4105" s="53"/>
      <c r="AI4105" s="53"/>
      <c r="AJ4105" s="53"/>
      <c r="AK4105" s="53"/>
      <c r="AL4105" s="53"/>
      <c r="AM4105" s="53"/>
      <c r="AN4105" s="53"/>
      <c r="AO4105" s="53"/>
      <c r="AP4105" s="53"/>
      <c r="AQ4105" s="53"/>
      <c r="AR4105" s="53"/>
      <c r="AS4105" s="53"/>
      <c r="AT4105" s="53"/>
      <c r="AU4105" s="53"/>
      <c r="AV4105" s="53"/>
      <c r="AW4105" s="53"/>
      <c r="AX4105" s="53"/>
      <c r="AY4105" s="53"/>
      <c r="AZ4105" s="53"/>
      <c r="BA4105" s="53"/>
      <c r="BB4105" s="53"/>
      <c r="BC4105" s="53"/>
      <c r="BD4105" s="53"/>
      <c r="BE4105" s="53"/>
      <c r="BF4105" s="53"/>
      <c r="BG4105" s="53"/>
      <c r="BH4105" s="53"/>
      <c r="BI4105" s="53"/>
      <c r="BJ4105" s="53"/>
      <c r="BK4105" s="53"/>
      <c r="BL4105" s="53"/>
      <c r="BM4105" s="53"/>
      <c r="BN4105" s="53"/>
      <c r="BO4105" s="53"/>
      <c r="BP4105" s="53"/>
      <c r="BQ4105" s="53"/>
      <c r="BR4105" s="53"/>
      <c r="BS4105" s="53"/>
      <c r="BT4105" s="53"/>
      <c r="BU4105" s="53"/>
      <c r="BV4105" s="53"/>
      <c r="BW4105" s="53"/>
      <c r="BX4105" s="53"/>
      <c r="BY4105" s="53"/>
      <c r="BZ4105" s="53"/>
      <c r="CA4105" s="53"/>
      <c r="CB4105" s="53"/>
      <c r="CC4105" s="53"/>
      <c r="CD4105" s="53"/>
      <c r="CE4105" s="53"/>
      <c r="CF4105" s="53"/>
      <c r="CG4105" s="53"/>
      <c r="CH4105" s="53"/>
      <c r="CI4105" s="53"/>
      <c r="CJ4105" s="53"/>
      <c r="CK4105" s="53"/>
      <c r="CL4105" s="53"/>
      <c r="CM4105" s="53"/>
      <c r="CN4105" s="53"/>
    </row>
    <row r="4106" spans="1:92">
      <c r="A4106" s="52" t="s">
        <v>649</v>
      </c>
      <c r="B4106" s="53"/>
      <c r="C4106" s="53"/>
      <c r="D4106" s="53"/>
      <c r="E4106" s="53"/>
      <c r="F4106" s="53"/>
      <c r="G4106" s="53"/>
      <c r="H4106" s="53"/>
      <c r="I4106" s="53"/>
      <c r="J4106" s="53"/>
      <c r="K4106" s="53"/>
      <c r="L4106" s="53"/>
      <c r="M4106" s="53"/>
      <c r="N4106" s="53"/>
      <c r="O4106" s="53"/>
      <c r="P4106" s="53"/>
      <c r="Q4106" s="53"/>
      <c r="R4106" s="53"/>
      <c r="S4106" s="53"/>
      <c r="T4106" s="53"/>
      <c r="U4106" s="53"/>
      <c r="V4106" s="53"/>
      <c r="W4106" s="53"/>
      <c r="X4106" s="53"/>
      <c r="Y4106" s="53"/>
      <c r="Z4106" s="53"/>
      <c r="AA4106" s="53"/>
      <c r="AB4106" s="53">
        <v>29000000</v>
      </c>
      <c r="AC4106" s="53"/>
      <c r="AD4106" s="53"/>
      <c r="AE4106" s="53"/>
      <c r="AF4106" s="53"/>
      <c r="AG4106" s="53"/>
      <c r="AH4106" s="53"/>
      <c r="AI4106" s="53"/>
      <c r="AJ4106" s="53"/>
      <c r="AK4106" s="53"/>
      <c r="AL4106" s="53"/>
      <c r="AM4106" s="53"/>
      <c r="AN4106" s="53">
        <v>29000000</v>
      </c>
      <c r="AO4106" s="53"/>
      <c r="AP4106" s="53"/>
      <c r="AQ4106" s="53"/>
      <c r="AR4106" s="53"/>
      <c r="AS4106" s="53"/>
      <c r="AT4106" s="53"/>
      <c r="AU4106" s="53"/>
      <c r="AV4106" s="53"/>
      <c r="AW4106" s="53"/>
      <c r="AX4106" s="53"/>
      <c r="AY4106" s="53"/>
      <c r="AZ4106" s="53"/>
      <c r="BA4106" s="53"/>
      <c r="BB4106" s="53"/>
      <c r="BC4106" s="53"/>
      <c r="BD4106" s="53"/>
      <c r="BE4106" s="53"/>
      <c r="BF4106" s="53"/>
      <c r="BG4106" s="53"/>
      <c r="BH4106" s="53"/>
      <c r="BI4106" s="53"/>
      <c r="BJ4106" s="53"/>
      <c r="BK4106" s="53"/>
      <c r="BL4106" s="53"/>
      <c r="BM4106" s="53"/>
      <c r="BN4106" s="53"/>
      <c r="BO4106" s="53"/>
      <c r="BP4106" s="53"/>
      <c r="BQ4106" s="53"/>
      <c r="BR4106" s="53"/>
      <c r="BS4106" s="53"/>
      <c r="BT4106" s="53"/>
      <c r="BU4106" s="53"/>
      <c r="BV4106" s="53"/>
      <c r="BW4106" s="53"/>
      <c r="BX4106" s="53"/>
      <c r="BY4106" s="53"/>
      <c r="BZ4106" s="53"/>
      <c r="CA4106" s="53"/>
      <c r="CB4106" s="53"/>
      <c r="CC4106" s="53"/>
      <c r="CD4106" s="53"/>
      <c r="CE4106" s="53"/>
      <c r="CF4106" s="53"/>
      <c r="CG4106" s="53"/>
      <c r="CH4106" s="53"/>
      <c r="CI4106" s="53"/>
      <c r="CJ4106" s="53"/>
      <c r="CK4106" s="53"/>
      <c r="CL4106" s="53"/>
      <c r="CM4106" s="53"/>
      <c r="CN4106" s="53"/>
    </row>
    <row r="4107" spans="1:92">
      <c r="A4107" s="52" t="s">
        <v>1414</v>
      </c>
      <c r="B4107" s="53"/>
      <c r="C4107" s="53"/>
      <c r="D4107" s="53"/>
      <c r="E4107" s="53"/>
      <c r="F4107" s="53"/>
      <c r="G4107" s="53"/>
      <c r="H4107" s="53"/>
      <c r="I4107" s="53"/>
      <c r="J4107" s="53"/>
      <c r="K4107" s="53"/>
      <c r="L4107" s="53"/>
      <c r="M4107" s="53"/>
      <c r="N4107" s="53"/>
      <c r="O4107" s="53"/>
      <c r="P4107" s="53"/>
      <c r="Q4107" s="53"/>
      <c r="R4107" s="53"/>
      <c r="S4107" s="53"/>
      <c r="T4107" s="53"/>
      <c r="U4107" s="53"/>
      <c r="V4107" s="53"/>
      <c r="W4107" s="53"/>
      <c r="X4107" s="53"/>
      <c r="Y4107" s="53"/>
      <c r="Z4107" s="53"/>
      <c r="AA4107" s="53"/>
      <c r="AB4107" s="53"/>
      <c r="AC4107" s="53"/>
      <c r="AD4107" s="53"/>
      <c r="AE4107" s="53"/>
      <c r="AF4107" s="53"/>
      <c r="AG4107" s="53"/>
      <c r="AH4107" s="53"/>
      <c r="AI4107" s="53"/>
      <c r="AJ4107" s="53"/>
      <c r="AK4107" s="53"/>
      <c r="AL4107" s="53"/>
      <c r="AM4107" s="53"/>
      <c r="AN4107" s="53"/>
      <c r="AO4107" s="53"/>
      <c r="AP4107" s="53"/>
      <c r="AQ4107" s="53"/>
      <c r="AR4107" s="53"/>
      <c r="AS4107" s="53"/>
      <c r="AT4107" s="53"/>
      <c r="AU4107" s="53"/>
      <c r="AV4107" s="53"/>
      <c r="AW4107" s="53"/>
      <c r="AX4107" s="53"/>
      <c r="AY4107" s="53"/>
      <c r="AZ4107" s="53"/>
      <c r="BA4107" s="53"/>
      <c r="BB4107" s="53"/>
      <c r="BC4107" s="53"/>
      <c r="BD4107" s="53"/>
      <c r="BE4107" s="53"/>
      <c r="BF4107" s="53"/>
      <c r="BG4107" s="53"/>
      <c r="BH4107" s="53"/>
      <c r="BI4107" s="53"/>
      <c r="BJ4107" s="53"/>
      <c r="BK4107" s="53"/>
      <c r="BL4107" s="53"/>
      <c r="BM4107" s="53"/>
      <c r="BN4107" s="53"/>
      <c r="BO4107" s="53"/>
      <c r="BP4107" s="53"/>
      <c r="BQ4107" s="53"/>
      <c r="BR4107" s="53"/>
      <c r="BS4107" s="53"/>
      <c r="BT4107" s="53"/>
      <c r="BU4107" s="53"/>
      <c r="BV4107" s="53"/>
      <c r="BW4107" s="53"/>
      <c r="BX4107" s="53"/>
      <c r="BY4107" s="53"/>
      <c r="BZ4107" s="53"/>
      <c r="CA4107" s="53"/>
      <c r="CB4107" s="53"/>
      <c r="CC4107" s="53"/>
      <c r="CD4107" s="53"/>
      <c r="CE4107" s="53"/>
      <c r="CF4107" s="53"/>
      <c r="CG4107" s="53"/>
      <c r="CH4107" s="53"/>
      <c r="CI4107" s="53"/>
      <c r="CJ4107" s="53"/>
      <c r="CK4107" s="53"/>
      <c r="CL4107" s="53"/>
      <c r="CM4107" s="53"/>
      <c r="CN4107" s="53"/>
    </row>
    <row r="4108" spans="1:92">
      <c r="A4108" s="52" t="s">
        <v>1704</v>
      </c>
      <c r="B4108" s="53"/>
      <c r="C4108" s="53"/>
      <c r="D4108" s="53"/>
      <c r="E4108" s="53"/>
      <c r="F4108" s="53"/>
      <c r="G4108" s="53"/>
      <c r="H4108" s="53"/>
      <c r="I4108" s="53"/>
      <c r="J4108" s="53"/>
      <c r="K4108" s="53"/>
      <c r="L4108" s="53"/>
      <c r="M4108" s="53"/>
      <c r="N4108" s="53"/>
      <c r="O4108" s="53"/>
      <c r="P4108" s="53"/>
      <c r="Q4108" s="53"/>
      <c r="R4108" s="53"/>
      <c r="S4108" s="53"/>
      <c r="T4108" s="53"/>
      <c r="U4108" s="53"/>
      <c r="V4108" s="53"/>
      <c r="W4108" s="53"/>
      <c r="X4108" s="53"/>
      <c r="Y4108" s="53"/>
      <c r="Z4108" s="53"/>
      <c r="AA4108" s="53"/>
      <c r="AB4108" s="53"/>
      <c r="AC4108" s="53"/>
      <c r="AD4108" s="53"/>
      <c r="AE4108" s="53"/>
      <c r="AF4108" s="53"/>
      <c r="AG4108" s="53"/>
      <c r="AH4108" s="53"/>
      <c r="AI4108" s="53"/>
      <c r="AJ4108" s="53"/>
      <c r="AK4108" s="53"/>
      <c r="AL4108" s="53"/>
      <c r="AM4108" s="53"/>
      <c r="AN4108" s="53"/>
      <c r="AO4108" s="53"/>
      <c r="AP4108" s="53"/>
      <c r="AQ4108" s="53"/>
      <c r="AR4108" s="53"/>
      <c r="AS4108" s="53"/>
      <c r="AT4108" s="53"/>
      <c r="AU4108" s="53"/>
      <c r="AV4108" s="53"/>
      <c r="AW4108" s="53"/>
      <c r="AX4108" s="53"/>
      <c r="AY4108" s="53"/>
      <c r="AZ4108" s="53"/>
      <c r="BA4108" s="53"/>
      <c r="BB4108" s="53"/>
      <c r="BC4108" s="53"/>
      <c r="BD4108" s="53"/>
      <c r="BE4108" s="53"/>
      <c r="BF4108" s="53"/>
      <c r="BG4108" s="53"/>
      <c r="BH4108" s="53"/>
      <c r="BI4108" s="53"/>
      <c r="BJ4108" s="53"/>
      <c r="BK4108" s="53"/>
      <c r="BL4108" s="53"/>
      <c r="BM4108" s="53"/>
      <c r="BN4108" s="53"/>
      <c r="BO4108" s="53"/>
      <c r="BP4108" s="53"/>
      <c r="BQ4108" s="53"/>
      <c r="BR4108" s="53"/>
      <c r="BS4108" s="53"/>
      <c r="BT4108" s="53"/>
      <c r="BU4108" s="53"/>
      <c r="BV4108" s="53"/>
      <c r="BW4108" s="53"/>
      <c r="BX4108" s="53"/>
      <c r="BY4108" s="53"/>
      <c r="BZ4108" s="53"/>
      <c r="CA4108" s="53"/>
      <c r="CB4108" s="53"/>
      <c r="CC4108" s="53"/>
      <c r="CD4108" s="53"/>
      <c r="CE4108" s="53"/>
      <c r="CF4108" s="53"/>
      <c r="CG4108" s="53"/>
      <c r="CH4108" s="53"/>
      <c r="CI4108" s="53"/>
      <c r="CJ4108" s="53"/>
      <c r="CK4108" s="53"/>
      <c r="CL4108" s="53"/>
      <c r="CM4108" s="53"/>
      <c r="CN4108" s="53"/>
    </row>
    <row r="4109" spans="1:92">
      <c r="A4109" s="52" t="s">
        <v>649</v>
      </c>
      <c r="B4109" s="53">
        <v>1217388.54</v>
      </c>
      <c r="C4109" s="53">
        <v>1217388.54</v>
      </c>
      <c r="D4109" s="53">
        <v>1217388.54</v>
      </c>
      <c r="E4109" s="53">
        <v>1217388.54</v>
      </c>
      <c r="F4109" s="53">
        <v>1217388.54</v>
      </c>
      <c r="G4109" s="53">
        <v>1217388.54</v>
      </c>
      <c r="H4109" s="53">
        <v>1217388.54</v>
      </c>
      <c r="I4109" s="53">
        <v>1217388.54</v>
      </c>
      <c r="J4109" s="53">
        <v>1217388.54</v>
      </c>
      <c r="K4109" s="53">
        <v>1217388.54</v>
      </c>
      <c r="L4109" s="53">
        <v>1217388.54</v>
      </c>
      <c r="M4109" s="53">
        <v>1217388.54</v>
      </c>
      <c r="N4109" s="53">
        <v>14608662.48</v>
      </c>
      <c r="O4109" s="53">
        <v>14782215</v>
      </c>
      <c r="P4109" s="53"/>
      <c r="Q4109" s="53"/>
      <c r="R4109" s="53"/>
      <c r="S4109" s="53"/>
      <c r="T4109" s="53"/>
      <c r="U4109" s="53"/>
      <c r="V4109" s="53"/>
      <c r="W4109" s="53"/>
      <c r="X4109" s="53"/>
      <c r="Y4109" s="53"/>
      <c r="Z4109" s="53"/>
      <c r="AA4109" s="53">
        <v>14782215</v>
      </c>
      <c r="AB4109" s="53">
        <v>1047364</v>
      </c>
      <c r="AC4109" s="53">
        <v>1047364</v>
      </c>
      <c r="AD4109" s="53">
        <v>1047364</v>
      </c>
      <c r="AE4109" s="53">
        <v>1047364</v>
      </c>
      <c r="AF4109" s="53">
        <v>1047364</v>
      </c>
      <c r="AG4109" s="53">
        <v>1047364</v>
      </c>
      <c r="AH4109" s="53">
        <v>1047364</v>
      </c>
      <c r="AI4109" s="53">
        <v>1047364</v>
      </c>
      <c r="AJ4109" s="53">
        <v>1047364</v>
      </c>
      <c r="AK4109" s="53">
        <v>1047364</v>
      </c>
      <c r="AL4109" s="53">
        <v>1047364</v>
      </c>
      <c r="AM4109" s="53">
        <v>1047364</v>
      </c>
      <c r="AN4109" s="53">
        <v>12568367.999999899</v>
      </c>
      <c r="AO4109" s="53">
        <v>1027145</v>
      </c>
      <c r="AP4109" s="53">
        <v>1027145</v>
      </c>
      <c r="AQ4109" s="53">
        <v>1027145</v>
      </c>
      <c r="AR4109" s="53">
        <v>1027145</v>
      </c>
      <c r="AS4109" s="53">
        <v>1027145</v>
      </c>
      <c r="AT4109" s="53">
        <v>1027145</v>
      </c>
      <c r="AU4109" s="53">
        <v>1027145</v>
      </c>
      <c r="AV4109" s="53">
        <v>1027145</v>
      </c>
      <c r="AW4109" s="53">
        <v>1027145</v>
      </c>
      <c r="AX4109" s="53">
        <v>1027145</v>
      </c>
      <c r="AY4109" s="53">
        <v>1027145</v>
      </c>
      <c r="AZ4109" s="53">
        <v>1027145</v>
      </c>
      <c r="BA4109" s="53">
        <v>12325740</v>
      </c>
      <c r="BB4109" s="53">
        <v>954754</v>
      </c>
      <c r="BC4109" s="53">
        <v>954754</v>
      </c>
      <c r="BD4109" s="53">
        <v>954754</v>
      </c>
      <c r="BE4109" s="53">
        <v>954754</v>
      </c>
      <c r="BF4109" s="53">
        <v>954754</v>
      </c>
      <c r="BG4109" s="53">
        <v>954754</v>
      </c>
      <c r="BH4109" s="53">
        <v>954754</v>
      </c>
      <c r="BI4109" s="53">
        <v>954754</v>
      </c>
      <c r="BJ4109" s="53">
        <v>954754</v>
      </c>
      <c r="BK4109" s="53">
        <v>954754</v>
      </c>
      <c r="BL4109" s="53">
        <v>954754</v>
      </c>
      <c r="BM4109" s="53">
        <v>954754</v>
      </c>
      <c r="BN4109" s="53">
        <v>11457048</v>
      </c>
      <c r="BO4109" s="53">
        <v>902242</v>
      </c>
      <c r="BP4109" s="53">
        <v>902242</v>
      </c>
      <c r="BQ4109" s="53">
        <v>902242</v>
      </c>
      <c r="BR4109" s="53">
        <v>902242</v>
      </c>
      <c r="BS4109" s="53">
        <v>902242</v>
      </c>
      <c r="BT4109" s="53">
        <v>902242</v>
      </c>
      <c r="BU4109" s="53">
        <v>902242</v>
      </c>
      <c r="BV4109" s="53">
        <v>902242</v>
      </c>
      <c r="BW4109" s="53">
        <v>902242</v>
      </c>
      <c r="BX4109" s="53">
        <v>902242</v>
      </c>
      <c r="BY4109" s="53">
        <v>902242</v>
      </c>
      <c r="BZ4109" s="53">
        <v>902242</v>
      </c>
      <c r="CA4109" s="53">
        <v>10826904</v>
      </c>
      <c r="CB4109" s="53">
        <v>853487</v>
      </c>
      <c r="CC4109" s="53">
        <v>853487</v>
      </c>
      <c r="CD4109" s="53">
        <v>853487</v>
      </c>
      <c r="CE4109" s="53">
        <v>853487</v>
      </c>
      <c r="CF4109" s="53">
        <v>853487</v>
      </c>
      <c r="CG4109" s="53">
        <v>853487</v>
      </c>
      <c r="CH4109" s="53">
        <v>853487</v>
      </c>
      <c r="CI4109" s="53">
        <v>853487</v>
      </c>
      <c r="CJ4109" s="53">
        <v>853487</v>
      </c>
      <c r="CK4109" s="53">
        <v>853487</v>
      </c>
      <c r="CL4109" s="53">
        <v>853487</v>
      </c>
      <c r="CM4109" s="53">
        <v>853487</v>
      </c>
      <c r="CN4109" s="53">
        <v>10241843.999999899</v>
      </c>
    </row>
    <row r="4110" spans="1:92">
      <c r="A4110" s="52" t="s">
        <v>1705</v>
      </c>
      <c r="B4110" s="53"/>
      <c r="C4110" s="53"/>
      <c r="D4110" s="53"/>
      <c r="E4110" s="53"/>
      <c r="F4110" s="53"/>
      <c r="G4110" s="53"/>
      <c r="H4110" s="53"/>
      <c r="I4110" s="53"/>
      <c r="J4110" s="53"/>
      <c r="K4110" s="53"/>
      <c r="L4110" s="53"/>
      <c r="M4110" s="53"/>
      <c r="N4110" s="53"/>
      <c r="O4110" s="53"/>
      <c r="P4110" s="53"/>
      <c r="Q4110" s="53"/>
      <c r="R4110" s="53"/>
      <c r="S4110" s="53"/>
      <c r="T4110" s="53"/>
      <c r="U4110" s="53"/>
      <c r="V4110" s="53"/>
      <c r="W4110" s="53"/>
      <c r="X4110" s="53"/>
      <c r="Y4110" s="53"/>
      <c r="Z4110" s="53"/>
      <c r="AA4110" s="53"/>
      <c r="AB4110" s="53"/>
      <c r="AC4110" s="53"/>
      <c r="AD4110" s="53"/>
      <c r="AE4110" s="53"/>
      <c r="AF4110" s="53"/>
      <c r="AG4110" s="53"/>
      <c r="AH4110" s="53"/>
      <c r="AI4110" s="53"/>
      <c r="AJ4110" s="53"/>
      <c r="AK4110" s="53"/>
      <c r="AL4110" s="53"/>
      <c r="AM4110" s="53"/>
      <c r="AN4110" s="53"/>
      <c r="AO4110" s="53"/>
      <c r="AP4110" s="53"/>
      <c r="AQ4110" s="53"/>
      <c r="AR4110" s="53"/>
      <c r="AS4110" s="53"/>
      <c r="AT4110" s="53"/>
      <c r="AU4110" s="53"/>
      <c r="AV4110" s="53"/>
      <c r="AW4110" s="53"/>
      <c r="AX4110" s="53"/>
      <c r="AY4110" s="53"/>
      <c r="AZ4110" s="53"/>
      <c r="BA4110" s="53"/>
      <c r="BB4110" s="53"/>
      <c r="BC4110" s="53"/>
      <c r="BD4110" s="53"/>
      <c r="BE4110" s="53"/>
      <c r="BF4110" s="53"/>
      <c r="BG4110" s="53"/>
      <c r="BH4110" s="53"/>
      <c r="BI4110" s="53"/>
      <c r="BJ4110" s="53"/>
      <c r="BK4110" s="53"/>
      <c r="BL4110" s="53"/>
      <c r="BM4110" s="53"/>
      <c r="BN4110" s="53"/>
      <c r="BO4110" s="53"/>
      <c r="BP4110" s="53"/>
      <c r="BQ4110" s="53"/>
      <c r="BR4110" s="53"/>
      <c r="BS4110" s="53"/>
      <c r="BT4110" s="53"/>
      <c r="BU4110" s="53"/>
      <c r="BV4110" s="53"/>
      <c r="BW4110" s="53"/>
      <c r="BX4110" s="53"/>
      <c r="BY4110" s="53"/>
      <c r="BZ4110" s="53"/>
      <c r="CA4110" s="53"/>
      <c r="CB4110" s="53"/>
      <c r="CC4110" s="53"/>
      <c r="CD4110" s="53"/>
      <c r="CE4110" s="53"/>
      <c r="CF4110" s="53"/>
      <c r="CG4110" s="53"/>
      <c r="CH4110" s="53"/>
      <c r="CI4110" s="53"/>
      <c r="CJ4110" s="53"/>
      <c r="CK4110" s="53"/>
      <c r="CL4110" s="53"/>
      <c r="CM4110" s="53"/>
      <c r="CN4110" s="53"/>
    </row>
    <row r="4111" spans="1:92">
      <c r="A4111" s="52" t="s">
        <v>649</v>
      </c>
      <c r="B4111" s="53">
        <v>199626.36</v>
      </c>
      <c r="C4111" s="53">
        <v>199626.36</v>
      </c>
      <c r="D4111" s="53">
        <v>199626.36</v>
      </c>
      <c r="E4111" s="53">
        <v>199626.36</v>
      </c>
      <c r="F4111" s="53">
        <v>199626.36</v>
      </c>
      <c r="G4111" s="53">
        <v>199626.36</v>
      </c>
      <c r="H4111" s="53">
        <v>199626.36</v>
      </c>
      <c r="I4111" s="53">
        <v>199626.36</v>
      </c>
      <c r="J4111" s="53">
        <v>199626.36</v>
      </c>
      <c r="K4111" s="53">
        <v>199626.36</v>
      </c>
      <c r="L4111" s="53">
        <v>199626.36</v>
      </c>
      <c r="M4111" s="53">
        <v>199626.36</v>
      </c>
      <c r="N4111" s="53">
        <v>2395516.3199999998</v>
      </c>
      <c r="O4111" s="53">
        <v>2906719</v>
      </c>
      <c r="P4111" s="53"/>
      <c r="Q4111" s="53"/>
      <c r="R4111" s="53"/>
      <c r="S4111" s="53"/>
      <c r="T4111" s="53"/>
      <c r="U4111" s="53"/>
      <c r="V4111" s="53"/>
      <c r="W4111" s="53"/>
      <c r="X4111" s="53"/>
      <c r="Y4111" s="53"/>
      <c r="Z4111" s="53"/>
      <c r="AA4111" s="53">
        <v>2906719</v>
      </c>
      <c r="AB4111" s="53">
        <v>206582</v>
      </c>
      <c r="AC4111" s="53">
        <v>206582</v>
      </c>
      <c r="AD4111" s="53">
        <v>206582</v>
      </c>
      <c r="AE4111" s="53">
        <v>206582</v>
      </c>
      <c r="AF4111" s="53">
        <v>206582</v>
      </c>
      <c r="AG4111" s="53">
        <v>206582</v>
      </c>
      <c r="AH4111" s="53">
        <v>206582</v>
      </c>
      <c r="AI4111" s="53">
        <v>206582</v>
      </c>
      <c r="AJ4111" s="53">
        <v>206582</v>
      </c>
      <c r="AK4111" s="53">
        <v>206582</v>
      </c>
      <c r="AL4111" s="53">
        <v>206582</v>
      </c>
      <c r="AM4111" s="53">
        <v>206582</v>
      </c>
      <c r="AN4111" s="53">
        <v>2478983.9999999902</v>
      </c>
      <c r="AO4111" s="53">
        <v>224016</v>
      </c>
      <c r="AP4111" s="53">
        <v>224016</v>
      </c>
      <c r="AQ4111" s="53">
        <v>224016</v>
      </c>
      <c r="AR4111" s="53">
        <v>224016</v>
      </c>
      <c r="AS4111" s="53">
        <v>224016</v>
      </c>
      <c r="AT4111" s="53">
        <v>224016</v>
      </c>
      <c r="AU4111" s="53">
        <v>224016</v>
      </c>
      <c r="AV4111" s="53">
        <v>224016</v>
      </c>
      <c r="AW4111" s="53">
        <v>224016</v>
      </c>
      <c r="AX4111" s="53">
        <v>224016</v>
      </c>
      <c r="AY4111" s="53">
        <v>224016</v>
      </c>
      <c r="AZ4111" s="53">
        <v>224016</v>
      </c>
      <c r="BA4111" s="53">
        <v>2688192</v>
      </c>
      <c r="BB4111" s="53">
        <v>231064</v>
      </c>
      <c r="BC4111" s="53">
        <v>231064</v>
      </c>
      <c r="BD4111" s="53">
        <v>231064</v>
      </c>
      <c r="BE4111" s="53">
        <v>231064</v>
      </c>
      <c r="BF4111" s="53">
        <v>231064</v>
      </c>
      <c r="BG4111" s="53">
        <v>231064</v>
      </c>
      <c r="BH4111" s="53">
        <v>231064</v>
      </c>
      <c r="BI4111" s="53">
        <v>231064</v>
      </c>
      <c r="BJ4111" s="53">
        <v>231064</v>
      </c>
      <c r="BK4111" s="53">
        <v>231064</v>
      </c>
      <c r="BL4111" s="53">
        <v>231064</v>
      </c>
      <c r="BM4111" s="53">
        <v>231064</v>
      </c>
      <c r="BN4111" s="53">
        <v>2772767.9999999902</v>
      </c>
      <c r="BO4111" s="53">
        <v>243008</v>
      </c>
      <c r="BP4111" s="53">
        <v>243008</v>
      </c>
      <c r="BQ4111" s="53">
        <v>243008</v>
      </c>
      <c r="BR4111" s="53">
        <v>243008</v>
      </c>
      <c r="BS4111" s="53">
        <v>243008</v>
      </c>
      <c r="BT4111" s="53">
        <v>243008</v>
      </c>
      <c r="BU4111" s="53">
        <v>243008</v>
      </c>
      <c r="BV4111" s="53">
        <v>243008</v>
      </c>
      <c r="BW4111" s="53">
        <v>243008</v>
      </c>
      <c r="BX4111" s="53">
        <v>243008</v>
      </c>
      <c r="BY4111" s="53">
        <v>243008</v>
      </c>
      <c r="BZ4111" s="53">
        <v>243008</v>
      </c>
      <c r="CA4111" s="53">
        <v>2916095.9999999902</v>
      </c>
      <c r="CB4111" s="53">
        <v>256214</v>
      </c>
      <c r="CC4111" s="53">
        <v>256214</v>
      </c>
      <c r="CD4111" s="53">
        <v>256214</v>
      </c>
      <c r="CE4111" s="53">
        <v>256214</v>
      </c>
      <c r="CF4111" s="53">
        <v>256214</v>
      </c>
      <c r="CG4111" s="53">
        <v>256214</v>
      </c>
      <c r="CH4111" s="53">
        <v>256214</v>
      </c>
      <c r="CI4111" s="53">
        <v>256214</v>
      </c>
      <c r="CJ4111" s="53">
        <v>256214</v>
      </c>
      <c r="CK4111" s="53">
        <v>256214</v>
      </c>
      <c r="CL4111" s="53">
        <v>256214</v>
      </c>
      <c r="CM4111" s="53">
        <v>256214</v>
      </c>
      <c r="CN4111" s="53">
        <v>3074567.9999999902</v>
      </c>
    </row>
    <row r="4112" spans="1:92">
      <c r="A4112" s="52" t="s">
        <v>670</v>
      </c>
      <c r="B4112" s="53"/>
      <c r="C4112" s="53"/>
      <c r="D4112" s="53"/>
      <c r="E4112" s="53"/>
      <c r="F4112" s="53"/>
      <c r="G4112" s="53"/>
      <c r="H4112" s="53"/>
      <c r="I4112" s="53"/>
      <c r="J4112" s="53"/>
      <c r="K4112" s="53"/>
      <c r="L4112" s="53"/>
      <c r="M4112" s="53"/>
      <c r="N4112" s="53"/>
      <c r="O4112" s="53"/>
      <c r="P4112" s="53"/>
      <c r="Q4112" s="53"/>
      <c r="R4112" s="53"/>
      <c r="S4112" s="53"/>
      <c r="T4112" s="53"/>
      <c r="U4112" s="53"/>
      <c r="V4112" s="53"/>
      <c r="W4112" s="53"/>
      <c r="X4112" s="53"/>
      <c r="Y4112" s="53"/>
      <c r="Z4112" s="53"/>
      <c r="AA4112" s="53"/>
      <c r="AB4112" s="53"/>
      <c r="AC4112" s="53"/>
      <c r="AD4112" s="53"/>
      <c r="AE4112" s="53"/>
      <c r="AF4112" s="53"/>
      <c r="AG4112" s="53"/>
      <c r="AH4112" s="53"/>
      <c r="AI4112" s="53"/>
      <c r="AJ4112" s="53"/>
      <c r="AK4112" s="53"/>
      <c r="AL4112" s="53"/>
      <c r="AM4112" s="53"/>
      <c r="AN4112" s="53"/>
      <c r="AO4112" s="53"/>
      <c r="AP4112" s="53"/>
      <c r="AQ4112" s="53"/>
      <c r="AR4112" s="53"/>
      <c r="AS4112" s="53"/>
      <c r="AT4112" s="53"/>
      <c r="AU4112" s="53"/>
      <c r="AV4112" s="53"/>
      <c r="AW4112" s="53"/>
      <c r="AX4112" s="53"/>
      <c r="AY4112" s="53"/>
      <c r="AZ4112" s="53"/>
      <c r="BA4112" s="53"/>
      <c r="BB4112" s="53"/>
      <c r="BC4112" s="53"/>
      <c r="BD4112" s="53"/>
      <c r="BE4112" s="53"/>
      <c r="BF4112" s="53"/>
      <c r="BG4112" s="53"/>
      <c r="BH4112" s="53"/>
      <c r="BI4112" s="53"/>
      <c r="BJ4112" s="53"/>
      <c r="BK4112" s="53"/>
      <c r="BL4112" s="53"/>
      <c r="BM4112" s="53"/>
      <c r="BN4112" s="53"/>
      <c r="BO4112" s="53"/>
      <c r="BP4112" s="53"/>
      <c r="BQ4112" s="53"/>
      <c r="BR4112" s="53"/>
      <c r="BS4112" s="53"/>
      <c r="BT4112" s="53"/>
      <c r="BU4112" s="53"/>
      <c r="BV4112" s="53"/>
      <c r="BW4112" s="53"/>
      <c r="BX4112" s="53"/>
      <c r="BY4112" s="53"/>
      <c r="BZ4112" s="53"/>
      <c r="CA4112" s="53"/>
      <c r="CB4112" s="53"/>
      <c r="CC4112" s="53"/>
      <c r="CD4112" s="53"/>
      <c r="CE4112" s="53"/>
      <c r="CF4112" s="53"/>
      <c r="CG4112" s="53"/>
      <c r="CH4112" s="53"/>
      <c r="CI4112" s="53"/>
      <c r="CJ4112" s="53"/>
      <c r="CK4112" s="53"/>
      <c r="CL4112" s="53"/>
      <c r="CM4112" s="53"/>
      <c r="CN4112" s="53"/>
    </row>
    <row r="4113" spans="1:92">
      <c r="A4113" s="52" t="s">
        <v>671</v>
      </c>
      <c r="B4113" s="53"/>
      <c r="C4113" s="53"/>
      <c r="D4113" s="53"/>
      <c r="E4113" s="53"/>
      <c r="F4113" s="53"/>
      <c r="G4113" s="53"/>
      <c r="H4113" s="53"/>
      <c r="I4113" s="53"/>
      <c r="J4113" s="53"/>
      <c r="K4113" s="53"/>
      <c r="L4113" s="53"/>
      <c r="M4113" s="53"/>
      <c r="N4113" s="53"/>
      <c r="O4113" s="53"/>
      <c r="P4113" s="53"/>
      <c r="Q4113" s="53"/>
      <c r="R4113" s="53"/>
      <c r="S4113" s="53"/>
      <c r="T4113" s="53"/>
      <c r="U4113" s="53"/>
      <c r="V4113" s="53"/>
      <c r="W4113" s="53"/>
      <c r="X4113" s="53"/>
      <c r="Y4113" s="53"/>
      <c r="Z4113" s="53"/>
      <c r="AA4113" s="53"/>
      <c r="AB4113" s="53"/>
      <c r="AC4113" s="53"/>
      <c r="AD4113" s="53"/>
      <c r="AE4113" s="53"/>
      <c r="AF4113" s="53"/>
      <c r="AG4113" s="53"/>
      <c r="AH4113" s="53"/>
      <c r="AI4113" s="53"/>
      <c r="AJ4113" s="53"/>
      <c r="AK4113" s="53"/>
      <c r="AL4113" s="53"/>
      <c r="AM4113" s="53"/>
      <c r="AN4113" s="53"/>
      <c r="AO4113" s="53"/>
      <c r="AP4113" s="53"/>
      <c r="AQ4113" s="53"/>
      <c r="AR4113" s="53"/>
      <c r="AS4113" s="53"/>
      <c r="AT4113" s="53"/>
      <c r="AU4113" s="53"/>
      <c r="AV4113" s="53"/>
      <c r="AW4113" s="53"/>
      <c r="AX4113" s="53"/>
      <c r="AY4113" s="53"/>
      <c r="AZ4113" s="53"/>
      <c r="BA4113" s="53"/>
      <c r="BB4113" s="53"/>
      <c r="BC4113" s="53"/>
      <c r="BD4113" s="53"/>
      <c r="BE4113" s="53"/>
      <c r="BF4113" s="53"/>
      <c r="BG4113" s="53"/>
      <c r="BH4113" s="53"/>
      <c r="BI4113" s="53"/>
      <c r="BJ4113" s="53"/>
      <c r="BK4113" s="53"/>
      <c r="BL4113" s="53"/>
      <c r="BM4113" s="53"/>
      <c r="BN4113" s="53"/>
      <c r="BO4113" s="53"/>
      <c r="BP4113" s="53"/>
      <c r="BQ4113" s="53"/>
      <c r="BR4113" s="53"/>
      <c r="BS4113" s="53"/>
      <c r="BT4113" s="53"/>
      <c r="BU4113" s="53"/>
      <c r="BV4113" s="53"/>
      <c r="BW4113" s="53"/>
      <c r="BX4113" s="53"/>
      <c r="BY4113" s="53"/>
      <c r="BZ4113" s="53"/>
      <c r="CA4113" s="53"/>
      <c r="CB4113" s="53"/>
      <c r="CC4113" s="53"/>
      <c r="CD4113" s="53"/>
      <c r="CE4113" s="53"/>
      <c r="CF4113" s="53"/>
      <c r="CG4113" s="53"/>
      <c r="CH4113" s="53"/>
      <c r="CI4113" s="53"/>
      <c r="CJ4113" s="53"/>
      <c r="CK4113" s="53"/>
      <c r="CL4113" s="53"/>
      <c r="CM4113" s="53"/>
      <c r="CN4113" s="53"/>
    </row>
    <row r="4114" spans="1:92">
      <c r="A4114" s="52" t="s">
        <v>649</v>
      </c>
      <c r="B4114" s="53">
        <v>1817804.68</v>
      </c>
      <c r="C4114" s="53">
        <v>1674745.59</v>
      </c>
      <c r="D4114" s="53">
        <v>1947559.6669999899</v>
      </c>
      <c r="E4114" s="53">
        <v>1146356.8799999999</v>
      </c>
      <c r="F4114" s="53">
        <v>1171293.47</v>
      </c>
      <c r="G4114" s="53">
        <v>908366.44</v>
      </c>
      <c r="H4114" s="53">
        <v>1238596.1100000001</v>
      </c>
      <c r="I4114" s="53">
        <v>1002541.6999999901</v>
      </c>
      <c r="J4114" s="53">
        <v>572945.91</v>
      </c>
      <c r="K4114" s="53">
        <v>820015.97999999905</v>
      </c>
      <c r="L4114" s="53">
        <v>1603166.9</v>
      </c>
      <c r="M4114" s="53">
        <v>1947808.0799999901</v>
      </c>
      <c r="N4114" s="53">
        <v>15851201.407</v>
      </c>
      <c r="O4114" s="53">
        <v>1572166.13</v>
      </c>
      <c r="P4114" s="53">
        <v>1664092.22999999</v>
      </c>
      <c r="Q4114" s="53">
        <v>1749183.29</v>
      </c>
      <c r="R4114" s="53">
        <v>1264764.7</v>
      </c>
      <c r="S4114" s="53">
        <v>-1009872.25899999</v>
      </c>
      <c r="T4114" s="53">
        <v>1447540.21</v>
      </c>
      <c r="U4114" s="53">
        <v>1590748.72999999</v>
      </c>
      <c r="V4114" s="53">
        <v>1300806.07</v>
      </c>
      <c r="W4114" s="53">
        <v>876163.5</v>
      </c>
      <c r="X4114" s="53">
        <v>2401965.06</v>
      </c>
      <c r="Y4114" s="53">
        <v>963281.46</v>
      </c>
      <c r="Z4114" s="53">
        <v>839692.28799999994</v>
      </c>
      <c r="AA4114" s="53">
        <v>14660531.409</v>
      </c>
      <c r="AB4114" s="53">
        <v>1392940.5</v>
      </c>
      <c r="AC4114" s="53">
        <v>1392940.5</v>
      </c>
      <c r="AD4114" s="53">
        <v>1392940.5</v>
      </c>
      <c r="AE4114" s="53">
        <v>1392940.5</v>
      </c>
      <c r="AF4114" s="53">
        <v>1392940.5</v>
      </c>
      <c r="AG4114" s="53">
        <v>1392940.5</v>
      </c>
      <c r="AH4114" s="53">
        <v>1392940.5</v>
      </c>
      <c r="AI4114" s="53">
        <v>1392940.5</v>
      </c>
      <c r="AJ4114" s="53">
        <v>1392940.5</v>
      </c>
      <c r="AK4114" s="53">
        <v>1392940.5</v>
      </c>
      <c r="AL4114" s="53">
        <v>1392940.5</v>
      </c>
      <c r="AM4114" s="53">
        <v>1392940.5</v>
      </c>
      <c r="AN4114" s="53">
        <v>16715286</v>
      </c>
      <c r="AO4114" s="53">
        <v>1427936.25</v>
      </c>
      <c r="AP4114" s="53">
        <v>1427936.25</v>
      </c>
      <c r="AQ4114" s="53">
        <v>1427936.25</v>
      </c>
      <c r="AR4114" s="53">
        <v>1427936.25</v>
      </c>
      <c r="AS4114" s="53">
        <v>1427936.25</v>
      </c>
      <c r="AT4114" s="53">
        <v>1427936.25</v>
      </c>
      <c r="AU4114" s="53">
        <v>1427936.25</v>
      </c>
      <c r="AV4114" s="53">
        <v>1427936.25</v>
      </c>
      <c r="AW4114" s="53">
        <v>1427936.25</v>
      </c>
      <c r="AX4114" s="53">
        <v>1427936.25</v>
      </c>
      <c r="AY4114" s="53">
        <v>1427936.25</v>
      </c>
      <c r="AZ4114" s="53">
        <v>1427936.25</v>
      </c>
      <c r="BA4114" s="53">
        <v>17135235</v>
      </c>
      <c r="BB4114" s="53">
        <v>1427936.33333333</v>
      </c>
      <c r="BC4114" s="53">
        <v>1427936.33333333</v>
      </c>
      <c r="BD4114" s="53">
        <v>1427936.33333333</v>
      </c>
      <c r="BE4114" s="53">
        <v>1427936.33333333</v>
      </c>
      <c r="BF4114" s="53">
        <v>1427936.33333333</v>
      </c>
      <c r="BG4114" s="53">
        <v>1427936.33333333</v>
      </c>
      <c r="BH4114" s="53">
        <v>1427936.33333333</v>
      </c>
      <c r="BI4114" s="53">
        <v>1427936.33333333</v>
      </c>
      <c r="BJ4114" s="53">
        <v>1427936.33333333</v>
      </c>
      <c r="BK4114" s="53">
        <v>1427936.33333333</v>
      </c>
      <c r="BL4114" s="53">
        <v>1427936.33333333</v>
      </c>
      <c r="BM4114" s="53">
        <v>1427936.33333333</v>
      </c>
      <c r="BN4114" s="53">
        <v>17135236</v>
      </c>
      <c r="BO4114" s="53">
        <v>1427936.33333333</v>
      </c>
      <c r="BP4114" s="53">
        <v>1427936.33333333</v>
      </c>
      <c r="BQ4114" s="53">
        <v>1427936.33333333</v>
      </c>
      <c r="BR4114" s="53">
        <v>1427936.33333333</v>
      </c>
      <c r="BS4114" s="53">
        <v>1427936.33333333</v>
      </c>
      <c r="BT4114" s="53">
        <v>1427936.33333333</v>
      </c>
      <c r="BU4114" s="53">
        <v>1427936.33333333</v>
      </c>
      <c r="BV4114" s="53">
        <v>1427936.33333333</v>
      </c>
      <c r="BW4114" s="53">
        <v>1427936.33333333</v>
      </c>
      <c r="BX4114" s="53">
        <v>1427936.33333333</v>
      </c>
      <c r="BY4114" s="53">
        <v>1427936.33333333</v>
      </c>
      <c r="BZ4114" s="53">
        <v>1427936.33333333</v>
      </c>
      <c r="CA4114" s="53">
        <v>17135236</v>
      </c>
      <c r="CB4114" s="53">
        <v>1427936.33333333</v>
      </c>
      <c r="CC4114" s="53">
        <v>1427936.33333333</v>
      </c>
      <c r="CD4114" s="53">
        <v>1427936.33333333</v>
      </c>
      <c r="CE4114" s="53">
        <v>1427936.33333333</v>
      </c>
      <c r="CF4114" s="53">
        <v>1427936.33333333</v>
      </c>
      <c r="CG4114" s="53">
        <v>1427936.33333333</v>
      </c>
      <c r="CH4114" s="53">
        <v>1427936.33333333</v>
      </c>
      <c r="CI4114" s="53">
        <v>1427936.33333333</v>
      </c>
      <c r="CJ4114" s="53">
        <v>1427936.33333333</v>
      </c>
      <c r="CK4114" s="53">
        <v>1427936.33333333</v>
      </c>
      <c r="CL4114" s="53">
        <v>1427936.33333333</v>
      </c>
      <c r="CM4114" s="53">
        <v>1427936.33333333</v>
      </c>
      <c r="CN4114" s="53">
        <v>17135236</v>
      </c>
    </row>
    <row r="4115" spans="1:92">
      <c r="A4115" s="52" t="s">
        <v>1706</v>
      </c>
      <c r="B4115" s="53"/>
      <c r="C4115" s="53"/>
      <c r="D4115" s="53"/>
      <c r="E4115" s="53"/>
      <c r="F4115" s="53"/>
      <c r="G4115" s="53"/>
      <c r="H4115" s="53"/>
      <c r="I4115" s="53"/>
      <c r="J4115" s="53"/>
      <c r="K4115" s="53"/>
      <c r="L4115" s="53"/>
      <c r="M4115" s="53"/>
      <c r="N4115" s="53"/>
      <c r="O4115" s="53"/>
      <c r="P4115" s="53"/>
      <c r="Q4115" s="53"/>
      <c r="R4115" s="53"/>
      <c r="S4115" s="53"/>
      <c r="T4115" s="53"/>
      <c r="U4115" s="53"/>
      <c r="V4115" s="53"/>
      <c r="W4115" s="53"/>
      <c r="X4115" s="53"/>
      <c r="Y4115" s="53"/>
      <c r="Z4115" s="53"/>
      <c r="AA4115" s="53"/>
      <c r="AB4115" s="53"/>
      <c r="AC4115" s="53"/>
      <c r="AD4115" s="53"/>
      <c r="AE4115" s="53"/>
      <c r="AF4115" s="53"/>
      <c r="AG4115" s="53"/>
      <c r="AH4115" s="53"/>
      <c r="AI4115" s="53"/>
      <c r="AJ4115" s="53"/>
      <c r="AK4115" s="53"/>
      <c r="AL4115" s="53"/>
      <c r="AM4115" s="53"/>
      <c r="AN4115" s="53"/>
      <c r="AO4115" s="53"/>
      <c r="AP4115" s="53"/>
      <c r="AQ4115" s="53"/>
      <c r="AR4115" s="53"/>
      <c r="AS4115" s="53"/>
      <c r="AT4115" s="53"/>
      <c r="AU4115" s="53"/>
      <c r="AV4115" s="53"/>
      <c r="AW4115" s="53"/>
      <c r="AX4115" s="53"/>
      <c r="AY4115" s="53"/>
      <c r="AZ4115" s="53"/>
      <c r="BA4115" s="53"/>
      <c r="BB4115" s="53"/>
      <c r="BC4115" s="53"/>
      <c r="BD4115" s="53"/>
      <c r="BE4115" s="53"/>
      <c r="BF4115" s="53"/>
      <c r="BG4115" s="53"/>
      <c r="BH4115" s="53"/>
      <c r="BI4115" s="53"/>
      <c r="BJ4115" s="53"/>
      <c r="BK4115" s="53"/>
      <c r="BL4115" s="53"/>
      <c r="BM4115" s="53"/>
      <c r="BN4115" s="53"/>
      <c r="BO4115" s="53"/>
      <c r="BP4115" s="53"/>
      <c r="BQ4115" s="53"/>
      <c r="BR4115" s="53"/>
      <c r="BS4115" s="53"/>
      <c r="BT4115" s="53"/>
      <c r="BU4115" s="53"/>
      <c r="BV4115" s="53"/>
      <c r="BW4115" s="53"/>
      <c r="BX4115" s="53"/>
      <c r="BY4115" s="53"/>
      <c r="BZ4115" s="53"/>
      <c r="CA4115" s="53"/>
      <c r="CB4115" s="53"/>
      <c r="CC4115" s="53"/>
      <c r="CD4115" s="53"/>
      <c r="CE4115" s="53"/>
      <c r="CF4115" s="53"/>
      <c r="CG4115" s="53"/>
      <c r="CH4115" s="53"/>
      <c r="CI4115" s="53"/>
      <c r="CJ4115" s="53"/>
      <c r="CK4115" s="53"/>
      <c r="CL4115" s="53"/>
      <c r="CM4115" s="53"/>
      <c r="CN4115" s="53"/>
    </row>
    <row r="4116" spans="1:92">
      <c r="A4116" s="52" t="s">
        <v>1707</v>
      </c>
      <c r="B4116" s="53"/>
      <c r="C4116" s="53"/>
      <c r="D4116" s="53"/>
      <c r="E4116" s="53"/>
      <c r="F4116" s="53"/>
      <c r="G4116" s="53"/>
      <c r="H4116" s="53"/>
      <c r="I4116" s="53"/>
      <c r="J4116" s="53"/>
      <c r="K4116" s="53"/>
      <c r="L4116" s="53"/>
      <c r="M4116" s="53"/>
      <c r="N4116" s="53"/>
      <c r="O4116" s="53"/>
      <c r="P4116" s="53"/>
      <c r="Q4116" s="53"/>
      <c r="R4116" s="53"/>
      <c r="S4116" s="53"/>
      <c r="T4116" s="53"/>
      <c r="U4116" s="53"/>
      <c r="V4116" s="53"/>
      <c r="W4116" s="53"/>
      <c r="X4116" s="53"/>
      <c r="Y4116" s="53"/>
      <c r="Z4116" s="53"/>
      <c r="AA4116" s="53"/>
      <c r="AB4116" s="53"/>
      <c r="AC4116" s="53"/>
      <c r="AD4116" s="53"/>
      <c r="AE4116" s="53"/>
      <c r="AF4116" s="53"/>
      <c r="AG4116" s="53"/>
      <c r="AH4116" s="53"/>
      <c r="AI4116" s="53"/>
      <c r="AJ4116" s="53"/>
      <c r="AK4116" s="53"/>
      <c r="AL4116" s="53"/>
      <c r="AM4116" s="53"/>
      <c r="AN4116" s="53"/>
      <c r="AO4116" s="53"/>
      <c r="AP4116" s="53"/>
      <c r="AQ4116" s="53"/>
      <c r="AR4116" s="53"/>
      <c r="AS4116" s="53"/>
      <c r="AT4116" s="53"/>
      <c r="AU4116" s="53"/>
      <c r="AV4116" s="53"/>
      <c r="AW4116" s="53"/>
      <c r="AX4116" s="53"/>
      <c r="AY4116" s="53"/>
      <c r="AZ4116" s="53"/>
      <c r="BA4116" s="53"/>
      <c r="BB4116" s="53"/>
      <c r="BC4116" s="53"/>
      <c r="BD4116" s="53"/>
      <c r="BE4116" s="53"/>
      <c r="BF4116" s="53"/>
      <c r="BG4116" s="53"/>
      <c r="BH4116" s="53"/>
      <c r="BI4116" s="53"/>
      <c r="BJ4116" s="53"/>
      <c r="BK4116" s="53"/>
      <c r="BL4116" s="53"/>
      <c r="BM4116" s="53"/>
      <c r="BN4116" s="53"/>
      <c r="BO4116" s="53"/>
      <c r="BP4116" s="53"/>
      <c r="BQ4116" s="53"/>
      <c r="BR4116" s="53"/>
      <c r="BS4116" s="53"/>
      <c r="BT4116" s="53"/>
      <c r="BU4116" s="53"/>
      <c r="BV4116" s="53"/>
      <c r="BW4116" s="53"/>
      <c r="BX4116" s="53"/>
      <c r="BY4116" s="53"/>
      <c r="BZ4116" s="53"/>
      <c r="CA4116" s="53"/>
      <c r="CB4116" s="53"/>
      <c r="CC4116" s="53"/>
      <c r="CD4116" s="53"/>
      <c r="CE4116" s="53"/>
      <c r="CF4116" s="53"/>
      <c r="CG4116" s="53"/>
      <c r="CH4116" s="53"/>
      <c r="CI4116" s="53"/>
      <c r="CJ4116" s="53"/>
      <c r="CK4116" s="53"/>
      <c r="CL4116" s="53"/>
      <c r="CM4116" s="53"/>
      <c r="CN4116" s="53"/>
    </row>
    <row r="4117" spans="1:92">
      <c r="A4117" s="52" t="s">
        <v>649</v>
      </c>
      <c r="B4117" s="53"/>
      <c r="C4117" s="53"/>
      <c r="D4117" s="53"/>
      <c r="E4117" s="53"/>
      <c r="F4117" s="53"/>
      <c r="G4117" s="53"/>
      <c r="H4117" s="53"/>
      <c r="I4117" s="53"/>
      <c r="J4117" s="53"/>
      <c r="K4117" s="53"/>
      <c r="L4117" s="53"/>
      <c r="M4117" s="53"/>
      <c r="N4117" s="53"/>
      <c r="O4117" s="53"/>
      <c r="P4117" s="53"/>
      <c r="Q4117" s="53"/>
      <c r="R4117" s="53"/>
      <c r="S4117" s="53"/>
      <c r="T4117" s="53"/>
      <c r="U4117" s="53"/>
      <c r="V4117" s="53"/>
      <c r="W4117" s="53"/>
      <c r="X4117" s="53"/>
      <c r="Y4117" s="53"/>
      <c r="Z4117" s="53"/>
      <c r="AA4117" s="53"/>
      <c r="AB4117" s="53">
        <v>-3878720</v>
      </c>
      <c r="AC4117" s="53">
        <v>-3878720</v>
      </c>
      <c r="AD4117" s="53">
        <v>-3878720</v>
      </c>
      <c r="AE4117" s="53">
        <v>-3878720</v>
      </c>
      <c r="AF4117" s="53">
        <v>-3878720</v>
      </c>
      <c r="AG4117" s="53">
        <v>-3878720</v>
      </c>
      <c r="AH4117" s="53">
        <v>-3878720</v>
      </c>
      <c r="AI4117" s="53">
        <v>-3878720</v>
      </c>
      <c r="AJ4117" s="53">
        <v>-3878720</v>
      </c>
      <c r="AK4117" s="53">
        <v>-3878720</v>
      </c>
      <c r="AL4117" s="53">
        <v>-3878720</v>
      </c>
      <c r="AM4117" s="53">
        <v>-3878729</v>
      </c>
      <c r="AN4117" s="53">
        <v>-46544649</v>
      </c>
      <c r="AO4117" s="53">
        <v>-3863867</v>
      </c>
      <c r="AP4117" s="53">
        <v>-3863867</v>
      </c>
      <c r="AQ4117" s="53">
        <v>-3863867</v>
      </c>
      <c r="AR4117" s="53">
        <v>-3863867</v>
      </c>
      <c r="AS4117" s="53">
        <v>-3863867</v>
      </c>
      <c r="AT4117" s="53">
        <v>-3863867</v>
      </c>
      <c r="AU4117" s="53">
        <v>-3863867</v>
      </c>
      <c r="AV4117" s="53">
        <v>-3863867</v>
      </c>
      <c r="AW4117" s="53">
        <v>-3863867</v>
      </c>
      <c r="AX4117" s="53">
        <v>-3863867</v>
      </c>
      <c r="AY4117" s="53">
        <v>-3863867</v>
      </c>
      <c r="AZ4117" s="53">
        <v>-3863867</v>
      </c>
      <c r="BA4117" s="53">
        <v>-46366403.999999903</v>
      </c>
      <c r="BB4117" s="53">
        <v>-3947694.5833333302</v>
      </c>
      <c r="BC4117" s="53">
        <v>-3947694.5833333302</v>
      </c>
      <c r="BD4117" s="53">
        <v>-3947694.5833333302</v>
      </c>
      <c r="BE4117" s="53">
        <v>-3947694.5833333302</v>
      </c>
      <c r="BF4117" s="53">
        <v>-3947694.5833333302</v>
      </c>
      <c r="BG4117" s="53">
        <v>-3947694.5833333302</v>
      </c>
      <c r="BH4117" s="53">
        <v>-3947694.5833333302</v>
      </c>
      <c r="BI4117" s="53">
        <v>-3947694.5833333302</v>
      </c>
      <c r="BJ4117" s="53">
        <v>-3947694.5833333302</v>
      </c>
      <c r="BK4117" s="53">
        <v>-3947694.5833333302</v>
      </c>
      <c r="BL4117" s="53">
        <v>-3947694.5833333302</v>
      </c>
      <c r="BM4117" s="53">
        <v>-3947694.5833333302</v>
      </c>
      <c r="BN4117" s="53">
        <v>-47372334.999999903</v>
      </c>
      <c r="BO4117" s="53">
        <v>-3947694.5833333302</v>
      </c>
      <c r="BP4117" s="53">
        <v>-3947694.5833333302</v>
      </c>
      <c r="BQ4117" s="53">
        <v>-3947694.5833333302</v>
      </c>
      <c r="BR4117" s="53">
        <v>-3947694.5833333302</v>
      </c>
      <c r="BS4117" s="53">
        <v>-3947694.5833333302</v>
      </c>
      <c r="BT4117" s="53">
        <v>-3947694.5833333302</v>
      </c>
      <c r="BU4117" s="53">
        <v>-3947694.5833333302</v>
      </c>
      <c r="BV4117" s="53">
        <v>-3947694.5833333302</v>
      </c>
      <c r="BW4117" s="53">
        <v>-3947694.5833333302</v>
      </c>
      <c r="BX4117" s="53">
        <v>-3947694.5833333302</v>
      </c>
      <c r="BY4117" s="53">
        <v>-3947694.5833333302</v>
      </c>
      <c r="BZ4117" s="53">
        <v>-3947694.5833333302</v>
      </c>
      <c r="CA4117" s="53">
        <v>-47372334.999999903</v>
      </c>
      <c r="CB4117" s="53">
        <v>-3947694.5833333302</v>
      </c>
      <c r="CC4117" s="53">
        <v>-3947694.5833333302</v>
      </c>
      <c r="CD4117" s="53">
        <v>-3947694.5833333302</v>
      </c>
      <c r="CE4117" s="53">
        <v>-3947694.5833333302</v>
      </c>
      <c r="CF4117" s="53">
        <v>-3947694.5833333302</v>
      </c>
      <c r="CG4117" s="53">
        <v>-3947694.5833333302</v>
      </c>
      <c r="CH4117" s="53">
        <v>-3947694.5833333302</v>
      </c>
      <c r="CI4117" s="53">
        <v>-3947694.5833333302</v>
      </c>
      <c r="CJ4117" s="53">
        <v>-3947694.5833333302</v>
      </c>
      <c r="CK4117" s="53">
        <v>-3947694.5833333302</v>
      </c>
      <c r="CL4117" s="53">
        <v>-3947694.5833333302</v>
      </c>
      <c r="CM4117" s="53">
        <v>-3947694.5833333302</v>
      </c>
      <c r="CN4117" s="53">
        <v>-47372334.999999903</v>
      </c>
    </row>
    <row r="4118" spans="1:92">
      <c r="A4118" s="57" t="s">
        <v>1818</v>
      </c>
      <c r="B4118" s="53">
        <v>19218940104.766998</v>
      </c>
      <c r="C4118" s="53">
        <v>19322074186.492001</v>
      </c>
      <c r="D4118" s="53">
        <v>19375723398.426899</v>
      </c>
      <c r="E4118" s="53">
        <v>19463348260.887001</v>
      </c>
      <c r="F4118" s="53">
        <v>19420558513.422901</v>
      </c>
      <c r="G4118" s="53">
        <v>19590480797.342899</v>
      </c>
      <c r="H4118" s="53">
        <v>19648582263.892899</v>
      </c>
      <c r="I4118" s="53">
        <v>19706404438.803001</v>
      </c>
      <c r="J4118" s="53">
        <v>19748883950.443001</v>
      </c>
      <c r="K4118" s="53">
        <v>19779635000.322899</v>
      </c>
      <c r="L4118" s="53">
        <v>19855729759.502899</v>
      </c>
      <c r="M4118" s="53">
        <v>19883934518.449902</v>
      </c>
      <c r="N4118" s="53">
        <v>19883934518.449902</v>
      </c>
      <c r="O4118" s="53">
        <v>19938126475.769901</v>
      </c>
      <c r="P4118" s="53">
        <v>19944862831.3899</v>
      </c>
      <c r="Q4118" s="53">
        <v>20127332033.474998</v>
      </c>
      <c r="R4118" s="53">
        <v>20192953938.648998</v>
      </c>
      <c r="S4118" s="53">
        <v>20413623532.581902</v>
      </c>
      <c r="T4118" s="53">
        <v>20584489768.231899</v>
      </c>
      <c r="U4118" s="53">
        <v>20718258226.651901</v>
      </c>
      <c r="V4118" s="53">
        <v>20790230628.416901</v>
      </c>
      <c r="W4118" s="53">
        <v>20947392343.031898</v>
      </c>
      <c r="X4118" s="53">
        <v>21144205914.991901</v>
      </c>
      <c r="Y4118" s="53">
        <v>21399932395.761902</v>
      </c>
      <c r="Z4118" s="53">
        <v>21714642919.485001</v>
      </c>
      <c r="AA4118" s="53">
        <v>21714642919.485001</v>
      </c>
      <c r="AB4118" s="53">
        <v>21920997272.808701</v>
      </c>
      <c r="AC4118" s="53">
        <v>22062156108.742699</v>
      </c>
      <c r="AD4118" s="53">
        <v>22215366987.989498</v>
      </c>
      <c r="AE4118" s="53">
        <v>22306425490.568699</v>
      </c>
      <c r="AF4118" s="53">
        <v>22460075467.580601</v>
      </c>
      <c r="AG4118" s="53">
        <v>22606652862.014301</v>
      </c>
      <c r="AH4118" s="53">
        <v>22677864100.594898</v>
      </c>
      <c r="AI4118" s="53">
        <v>22776505551.884399</v>
      </c>
      <c r="AJ4118" s="53">
        <v>22873002895.280701</v>
      </c>
      <c r="AK4118" s="53">
        <v>22967524445.199799</v>
      </c>
      <c r="AL4118" s="53">
        <v>22882238984.530998</v>
      </c>
      <c r="AM4118" s="53">
        <v>22917854864.0835</v>
      </c>
      <c r="AN4118" s="53">
        <v>22917854864.0835</v>
      </c>
      <c r="AO4118" s="53">
        <v>23052888274.364201</v>
      </c>
      <c r="AP4118" s="53">
        <v>23189153152.523102</v>
      </c>
      <c r="AQ4118" s="53">
        <v>23335249695.0163</v>
      </c>
      <c r="AR4118" s="53">
        <v>23459333529.192001</v>
      </c>
      <c r="AS4118" s="53">
        <v>23639439108.552799</v>
      </c>
      <c r="AT4118" s="53">
        <v>23771354848.735298</v>
      </c>
      <c r="AU4118" s="53">
        <v>23862677386.6623</v>
      </c>
      <c r="AV4118" s="53">
        <v>24241945283.4548</v>
      </c>
      <c r="AW4118" s="53">
        <v>24322652661.130199</v>
      </c>
      <c r="AX4118" s="53">
        <v>24431677434.349899</v>
      </c>
      <c r="AY4118" s="53">
        <v>24321651538.816299</v>
      </c>
      <c r="AZ4118" s="53">
        <v>24259745731.273602</v>
      </c>
      <c r="BA4118" s="53">
        <v>24259745731.273602</v>
      </c>
      <c r="BB4118" s="53">
        <v>24409227222.494598</v>
      </c>
      <c r="BC4118" s="53">
        <v>24562058807.5756</v>
      </c>
      <c r="BD4118" s="53">
        <v>24705042835.089199</v>
      </c>
      <c r="BE4118" s="53">
        <v>24839793283.785301</v>
      </c>
      <c r="BF4118" s="53">
        <v>25042673322.144901</v>
      </c>
      <c r="BG4118" s="53">
        <v>25336596741.0867</v>
      </c>
      <c r="BH4118" s="53">
        <v>25506910398.9352</v>
      </c>
      <c r="BI4118" s="53">
        <v>25704033725.069901</v>
      </c>
      <c r="BJ4118" s="53">
        <v>25817312743.8722</v>
      </c>
      <c r="BK4118" s="53">
        <v>25936065473.146599</v>
      </c>
      <c r="BL4118" s="53">
        <v>25827635072.048599</v>
      </c>
      <c r="BM4118" s="53">
        <v>25831534725.827099</v>
      </c>
      <c r="BN4118" s="53">
        <v>25831534725.827099</v>
      </c>
      <c r="BO4118" s="53">
        <v>25940517581.325199</v>
      </c>
      <c r="BP4118" s="53">
        <v>26067346623.4869</v>
      </c>
      <c r="BQ4118" s="53">
        <v>26192577002.699699</v>
      </c>
      <c r="BR4118" s="53">
        <v>26306926474.229698</v>
      </c>
      <c r="BS4118" s="53">
        <v>26483185218.724998</v>
      </c>
      <c r="BT4118" s="53">
        <v>26628188710.042099</v>
      </c>
      <c r="BU4118" s="53">
        <v>26806155893.2449</v>
      </c>
      <c r="BV4118" s="53">
        <v>27022062837.535301</v>
      </c>
      <c r="BW4118" s="53">
        <v>27143124944.687099</v>
      </c>
      <c r="BX4118" s="53">
        <v>27271424555.1847</v>
      </c>
      <c r="BY4118" s="53">
        <v>27159480257.186901</v>
      </c>
      <c r="BZ4118" s="53">
        <v>27128407091.268299</v>
      </c>
      <c r="CA4118" s="53">
        <v>27128407091.268299</v>
      </c>
      <c r="CB4118" s="53">
        <v>27248396462.799599</v>
      </c>
      <c r="CC4118" s="53">
        <v>27357383315.013699</v>
      </c>
      <c r="CD4118" s="53">
        <v>27463499921.066399</v>
      </c>
      <c r="CE4118" s="53">
        <v>27561108295.310699</v>
      </c>
      <c r="CF4118" s="53">
        <v>27719671209.390499</v>
      </c>
      <c r="CG4118" s="53">
        <v>27846430316.236198</v>
      </c>
      <c r="CH4118" s="53">
        <v>27939852535.649799</v>
      </c>
      <c r="CI4118" s="53">
        <v>28139141191.5807</v>
      </c>
      <c r="CJ4118" s="53">
        <v>28258459731.855301</v>
      </c>
      <c r="CK4118" s="53">
        <v>28395625821.762299</v>
      </c>
      <c r="CL4118" s="53">
        <v>28275280703.884701</v>
      </c>
      <c r="CM4118" s="53">
        <v>28231671248.146198</v>
      </c>
      <c r="CN4118" s="53">
        <v>28231671248.146198</v>
      </c>
    </row>
    <row r="4119" spans="1:92">
      <c r="A4119" s="52" t="s">
        <v>1819</v>
      </c>
      <c r="B4119" s="53"/>
      <c r="C4119" s="53"/>
      <c r="D4119" s="53"/>
      <c r="E4119" s="53"/>
      <c r="F4119" s="53"/>
      <c r="G4119" s="53"/>
      <c r="H4119" s="53"/>
      <c r="I4119" s="53"/>
      <c r="J4119" s="53"/>
      <c r="K4119" s="53"/>
      <c r="L4119" s="53"/>
      <c r="M4119" s="53"/>
      <c r="N4119" s="53"/>
      <c r="O4119" s="53"/>
      <c r="P4119" s="53"/>
      <c r="Q4119" s="53"/>
      <c r="R4119" s="53"/>
      <c r="S4119" s="53"/>
      <c r="T4119" s="53"/>
      <c r="U4119" s="53"/>
      <c r="V4119" s="53"/>
      <c r="W4119" s="53"/>
      <c r="X4119" s="53"/>
      <c r="Y4119" s="53"/>
      <c r="Z4119" s="53"/>
      <c r="AA4119" s="53"/>
      <c r="AB4119" s="53"/>
      <c r="AC4119" s="53"/>
      <c r="AD4119" s="53"/>
      <c r="AE4119" s="53"/>
      <c r="AF4119" s="53"/>
      <c r="AG4119" s="53"/>
      <c r="AH4119" s="53"/>
      <c r="AI4119" s="53"/>
      <c r="AJ4119" s="53"/>
      <c r="AK4119" s="53"/>
      <c r="AL4119" s="53"/>
      <c r="AM4119" s="53"/>
      <c r="AN4119" s="53"/>
      <c r="AO4119" s="53"/>
      <c r="AP4119" s="53"/>
      <c r="AQ4119" s="53"/>
      <c r="AR4119" s="53"/>
      <c r="AS4119" s="53"/>
      <c r="AT4119" s="53"/>
      <c r="AU4119" s="53"/>
      <c r="AV4119" s="53"/>
      <c r="AW4119" s="53"/>
      <c r="AX4119" s="53"/>
      <c r="AY4119" s="53"/>
      <c r="AZ4119" s="53"/>
      <c r="BA4119" s="53"/>
      <c r="BB4119" s="53"/>
      <c r="BC4119" s="53"/>
      <c r="BD4119" s="53"/>
      <c r="BE4119" s="53"/>
      <c r="BF4119" s="53"/>
      <c r="BG4119" s="53"/>
      <c r="BH4119" s="53"/>
      <c r="BI4119" s="53"/>
      <c r="BJ4119" s="53"/>
      <c r="BK4119" s="53"/>
      <c r="BL4119" s="53"/>
      <c r="BM4119" s="53"/>
      <c r="BN4119" s="53"/>
      <c r="BO4119" s="53"/>
      <c r="BP4119" s="53"/>
      <c r="BQ4119" s="53"/>
      <c r="BR4119" s="53"/>
      <c r="BS4119" s="53"/>
      <c r="BT4119" s="53"/>
      <c r="BU4119" s="53"/>
      <c r="BV4119" s="53"/>
      <c r="BW4119" s="53"/>
      <c r="BX4119" s="53"/>
      <c r="BY4119" s="53"/>
      <c r="BZ4119" s="53"/>
      <c r="CA4119" s="53"/>
      <c r="CB4119" s="53"/>
      <c r="CC4119" s="53"/>
      <c r="CD4119" s="53"/>
      <c r="CE4119" s="53"/>
      <c r="CF4119" s="53"/>
      <c r="CG4119" s="53"/>
      <c r="CH4119" s="53"/>
      <c r="CI4119" s="53"/>
      <c r="CJ4119" s="53"/>
      <c r="CK4119" s="53"/>
      <c r="CL4119" s="53"/>
      <c r="CM4119" s="53"/>
      <c r="CN4119" s="53"/>
    </row>
    <row r="4120" spans="1:92">
      <c r="A4120" s="127" t="s">
        <v>1820</v>
      </c>
      <c r="B4120" s="53">
        <v>0</v>
      </c>
      <c r="C4120" s="53">
        <v>3.7252902984619098E-6</v>
      </c>
      <c r="D4120" s="53">
        <v>7.4505805969238197E-6</v>
      </c>
      <c r="E4120" s="53">
        <v>-3.7252902984619098E-6</v>
      </c>
      <c r="F4120" s="53">
        <v>7.4505805969238197E-6</v>
      </c>
      <c r="G4120" s="53">
        <v>7.4505805969238197E-6</v>
      </c>
      <c r="H4120" s="53">
        <v>0</v>
      </c>
      <c r="I4120" s="53">
        <v>-3.7252902984619098E-6</v>
      </c>
      <c r="J4120" s="53">
        <v>-3.7252902984619098E-6</v>
      </c>
      <c r="K4120" s="53">
        <v>3.7252902984619098E-6</v>
      </c>
      <c r="L4120" s="53">
        <v>7.4505805969238197E-6</v>
      </c>
      <c r="M4120" s="53">
        <v>3.0100345611572201E-3</v>
      </c>
      <c r="N4120" s="53">
        <v>3.0100345611572201E-3</v>
      </c>
      <c r="O4120" s="53">
        <v>3.7252902984619098E-6</v>
      </c>
      <c r="P4120" s="53">
        <v>3.7252902984619098E-6</v>
      </c>
      <c r="Q4120" s="53">
        <v>0</v>
      </c>
      <c r="R4120" s="53">
        <v>0</v>
      </c>
      <c r="S4120" s="53">
        <v>1.11758708953857E-5</v>
      </c>
      <c r="T4120" s="53">
        <v>3.7252902984619098E-6</v>
      </c>
      <c r="U4120" s="53">
        <v>3.7252902984619098E-6</v>
      </c>
      <c r="V4120" s="53">
        <v>7.4505805969238197E-6</v>
      </c>
      <c r="W4120" s="53">
        <v>7.4505805969238197E-6</v>
      </c>
      <c r="X4120" s="53">
        <v>3.7252902984619098E-6</v>
      </c>
      <c r="Y4120" s="53">
        <v>3.7252902984619098E-6</v>
      </c>
      <c r="Z4120" s="53">
        <v>5.0030648708343497E-3</v>
      </c>
      <c r="AA4120" s="53">
        <v>5.0030648708343497E-3</v>
      </c>
      <c r="AB4120" s="53">
        <v>4.6715140342712402E-3</v>
      </c>
      <c r="AC4120" s="53">
        <v>5.0067901611328099E-3</v>
      </c>
      <c r="AD4120" s="53">
        <v>4.8838555812835598E-3</v>
      </c>
      <c r="AE4120" s="53">
        <v>5.0552189350128096E-3</v>
      </c>
      <c r="AF4120" s="53">
        <v>5.0067901611328099E-3</v>
      </c>
      <c r="AG4120" s="53">
        <v>5.0291419029235796E-3</v>
      </c>
      <c r="AH4120" s="53">
        <v>4.9173831939697196E-3</v>
      </c>
      <c r="AI4120" s="53">
        <v>4.6417117118835397E-3</v>
      </c>
      <c r="AJ4120" s="53">
        <v>4.6528875827789298E-3</v>
      </c>
      <c r="AK4120" s="53">
        <v>4.26918268203735E-3</v>
      </c>
      <c r="AL4120" s="53">
        <v>4.0605664253234803E-3</v>
      </c>
      <c r="AM4120" s="53">
        <v>4.6864151954650801E-3</v>
      </c>
      <c r="AN4120" s="53">
        <v>4.6864151954650801E-3</v>
      </c>
      <c r="AO4120" s="53">
        <v>3.4980475902557299E-3</v>
      </c>
      <c r="AP4120" s="53">
        <v>5.5544078350067104E-3</v>
      </c>
      <c r="AQ4120" s="53">
        <v>6.5714120864868103E-3</v>
      </c>
      <c r="AR4120" s="53">
        <v>5.0216913223266602E-3</v>
      </c>
      <c r="AS4120" s="53">
        <v>4.9658119678497297E-3</v>
      </c>
      <c r="AT4120" s="53">
        <v>4.9807131290435704E-3</v>
      </c>
      <c r="AU4120" s="53">
        <v>4.9024820327758702E-3</v>
      </c>
      <c r="AV4120" s="53">
        <v>4.7646462917327803E-3</v>
      </c>
      <c r="AW4120" s="53">
        <v>4.73111867904663E-3</v>
      </c>
      <c r="AX4120" s="53">
        <v>4.5374035835266096E-3</v>
      </c>
      <c r="AY4120" s="53">
        <v>4.3958425521850499E-3</v>
      </c>
      <c r="AZ4120" s="53">
        <v>4.6752393245697004E-3</v>
      </c>
      <c r="BA4120" s="53">
        <v>4.6752393245697004E-3</v>
      </c>
      <c r="BB4120" s="53">
        <v>4.0307641029357901E-3</v>
      </c>
      <c r="BC4120" s="53">
        <v>3.59117984771728E-3</v>
      </c>
      <c r="BD4120" s="53">
        <v>5.5544078350067104E-3</v>
      </c>
      <c r="BE4120" s="53">
        <v>4.44427132606506E-3</v>
      </c>
      <c r="BF4120" s="53">
        <v>4.5187771320343E-3</v>
      </c>
      <c r="BG4120" s="53">
        <v>5.2712857723235997E-3</v>
      </c>
      <c r="BH4120" s="53">
        <v>5.5283308029174796E-3</v>
      </c>
      <c r="BI4120" s="53">
        <v>5.7294964790344204E-3</v>
      </c>
      <c r="BJ4120" s="53">
        <v>5.9045851230621303E-3</v>
      </c>
      <c r="BK4120" s="53">
        <v>6.5304338932037301E-3</v>
      </c>
      <c r="BL4120" s="53">
        <v>4.9322843551635699E-3</v>
      </c>
      <c r="BM4120" s="53">
        <v>4.9360096454620301E-3</v>
      </c>
      <c r="BN4120" s="53">
        <v>4.9360096454620301E-3</v>
      </c>
      <c r="BO4120" s="53">
        <v>4.9248337745666504E-3</v>
      </c>
      <c r="BP4120" s="53">
        <v>4.9099326133728001E-3</v>
      </c>
      <c r="BQ4120" s="53">
        <v>4.9024820327758702E-3</v>
      </c>
      <c r="BR4120" s="53">
        <v>4.1797757148742598E-3</v>
      </c>
      <c r="BS4120" s="53">
        <v>3.9264559745788496E-3</v>
      </c>
      <c r="BT4120" s="53">
        <v>4.99933958053588E-3</v>
      </c>
      <c r="BU4120" s="53">
        <v>3.95253300666809E-3</v>
      </c>
      <c r="BV4120" s="53">
        <v>3.5725533962249699E-3</v>
      </c>
      <c r="BW4120" s="53">
        <v>3.2000243663787798E-3</v>
      </c>
      <c r="BX4120" s="53">
        <v>4.9248337745666504E-3</v>
      </c>
      <c r="BY4120" s="53">
        <v>4.9285590648651097E-3</v>
      </c>
      <c r="BZ4120" s="53">
        <v>4.94346022605896E-3</v>
      </c>
      <c r="CA4120" s="53">
        <v>4.94346022605896E-3</v>
      </c>
      <c r="CB4120" s="53">
        <v>4.9546360969543396E-3</v>
      </c>
      <c r="CC4120" s="53">
        <v>4.96208667755126E-3</v>
      </c>
      <c r="CD4120" s="53">
        <v>4.9807131290435704E-3</v>
      </c>
      <c r="CE4120" s="53">
        <v>5.0365924835205E-3</v>
      </c>
      <c r="CF4120" s="53">
        <v>6.0051679611206003E-3</v>
      </c>
      <c r="CG4120" s="53">
        <v>6.7651271820068299E-3</v>
      </c>
      <c r="CH4120" s="53">
        <v>4.9099326133728001E-3</v>
      </c>
      <c r="CI4120" s="53">
        <v>4.9099326133728001E-3</v>
      </c>
      <c r="CJ4120" s="53">
        <v>4.8726797103881801E-3</v>
      </c>
      <c r="CK4120" s="53">
        <v>4.8987567424774101E-3</v>
      </c>
      <c r="CL4120" s="53">
        <v>4.9024820327758702E-3</v>
      </c>
      <c r="CM4120" s="53">
        <v>4.8987567424774101E-3</v>
      </c>
      <c r="CN4120" s="53">
        <v>4.8987567424774101E-3</v>
      </c>
    </row>
  </sheetData>
  <pageMargins left="0.7" right="0.7" top="0.75" bottom="0.75" header="0.3" footer="0.3"/>
  <pageSetup orientation="portrait" r:id="rId1"/>
  <headerFooter>
    <oddHeader xml:space="preserve">&amp;RDEF’s Response to OPC POD 1 (1-26)
Q7
Page &amp;P of &amp;N
</oddHeader>
    <oddFooter>&amp;R20240025-OPCPOD1-00004231</oddFooter>
  </headerFooter>
  <colBreaks count="1" manualBreakCount="1">
    <brk id="92"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E28201-833E-42F0-AFBA-0E441B90F2D8}">
  <sheetPr>
    <tabColor rgb="FF0070C0"/>
  </sheetPr>
  <dimension ref="A1"/>
  <sheetViews>
    <sheetView tabSelected="1" workbookViewId="0">
      <selection activeCell="I44" sqref="I44"/>
    </sheetView>
  </sheetViews>
  <sheetFormatPr defaultRowHeight="13.2"/>
  <sheetData/>
  <pageMargins left="0.7" right="0.7" top="0.75" bottom="0.75" header="0.3" footer="0.3"/>
  <pageSetup orientation="portrait" r:id="rId1"/>
  <headerFooter>
    <oddHeader xml:space="preserve">&amp;RDEF’s Response to OPC POD 1 (1-26)
Q7
Page &amp;P of &amp;N
</oddHeader>
    <oddFooter>&amp;R20240025-OPCPOD1-00004231</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CEEE3E-D207-43D0-8ADC-4DD6BB13E4DF}">
  <dimension ref="C7:G31"/>
  <sheetViews>
    <sheetView tabSelected="1" workbookViewId="0">
      <selection activeCell="I44" sqref="I44"/>
    </sheetView>
  </sheetViews>
  <sheetFormatPr defaultRowHeight="13.2"/>
  <cols>
    <col min="3" max="3" width="23.44140625" bestFit="1" customWidth="1"/>
    <col min="4" max="4" width="24.33203125" customWidth="1"/>
    <col min="5" max="5" width="20.109375" customWidth="1"/>
    <col min="6" max="6" width="18.109375" customWidth="1"/>
  </cols>
  <sheetData>
    <row r="7" spans="3:6">
      <c r="C7" s="188" t="s">
        <v>1822</v>
      </c>
      <c r="D7" s="188"/>
    </row>
    <row r="10" spans="3:6">
      <c r="C10" s="187" t="s">
        <v>1823</v>
      </c>
      <c r="D10" s="176"/>
      <c r="E10" s="177"/>
    </row>
    <row r="11" spans="3:6">
      <c r="C11" s="187" t="s">
        <v>1824</v>
      </c>
      <c r="D11" s="187" t="s">
        <v>1825</v>
      </c>
      <c r="E11" s="177" t="s">
        <v>1826</v>
      </c>
    </row>
    <row r="12" spans="3:6">
      <c r="C12" s="175" t="s">
        <v>1827</v>
      </c>
      <c r="D12" s="175" t="s">
        <v>1828</v>
      </c>
      <c r="E12" s="178">
        <v>107890461</v>
      </c>
      <c r="F12" t="s">
        <v>1829</v>
      </c>
    </row>
    <row r="13" spans="3:6">
      <c r="C13" s="175" t="s">
        <v>1830</v>
      </c>
      <c r="D13" s="175" t="s">
        <v>1831</v>
      </c>
      <c r="E13" s="178">
        <v>18918</v>
      </c>
      <c r="F13" t="s">
        <v>1832</v>
      </c>
    </row>
    <row r="14" spans="3:6">
      <c r="C14" s="179"/>
      <c r="D14" s="180" t="s">
        <v>1833</v>
      </c>
      <c r="E14" s="181">
        <v>10725</v>
      </c>
      <c r="F14" t="s">
        <v>1832</v>
      </c>
    </row>
    <row r="15" spans="3:6">
      <c r="C15" s="179"/>
      <c r="D15" s="180" t="s">
        <v>1834</v>
      </c>
      <c r="E15" s="181">
        <v>19036</v>
      </c>
      <c r="F15" t="s">
        <v>1832</v>
      </c>
    </row>
    <row r="16" spans="3:6">
      <c r="C16" s="175" t="s">
        <v>1835</v>
      </c>
      <c r="D16" s="175" t="s">
        <v>1836</v>
      </c>
      <c r="E16" s="178">
        <v>24024</v>
      </c>
      <c r="F16" t="s">
        <v>1832</v>
      </c>
    </row>
    <row r="17" spans="3:7">
      <c r="C17" s="179"/>
      <c r="D17" s="180" t="s">
        <v>1837</v>
      </c>
      <c r="E17" s="181">
        <v>-659912</v>
      </c>
      <c r="F17" t="s">
        <v>1832</v>
      </c>
    </row>
    <row r="18" spans="3:7">
      <c r="C18" s="175" t="s">
        <v>1838</v>
      </c>
      <c r="D18" s="175" t="s">
        <v>1839</v>
      </c>
      <c r="E18" s="178">
        <v>-29000000</v>
      </c>
      <c r="F18" t="s">
        <v>1832</v>
      </c>
    </row>
    <row r="19" spans="3:7">
      <c r="C19" s="175" t="s">
        <v>1840</v>
      </c>
      <c r="D19" s="175" t="s">
        <v>1841</v>
      </c>
      <c r="E19" s="178">
        <v>15270171.140000001</v>
      </c>
      <c r="F19" t="s">
        <v>1832</v>
      </c>
    </row>
    <row r="20" spans="3:7">
      <c r="C20" s="179"/>
      <c r="D20" s="180" t="s">
        <v>1842</v>
      </c>
      <c r="E20" s="181">
        <v>847560.79</v>
      </c>
      <c r="F20" t="s">
        <v>1832</v>
      </c>
    </row>
    <row r="21" spans="3:7">
      <c r="C21" s="175" t="s">
        <v>1843</v>
      </c>
      <c r="D21" s="175" t="s">
        <v>1844</v>
      </c>
      <c r="E21" s="178">
        <v>23179500</v>
      </c>
      <c r="F21" t="s">
        <v>1832</v>
      </c>
    </row>
    <row r="22" spans="3:7">
      <c r="C22" s="175" t="s">
        <v>1845</v>
      </c>
      <c r="D22" s="175" t="s">
        <v>1846</v>
      </c>
      <c r="E22" s="178">
        <v>-47710.73</v>
      </c>
      <c r="F22" t="s">
        <v>1832</v>
      </c>
    </row>
    <row r="23" spans="3:7">
      <c r="C23" s="175" t="s">
        <v>1847</v>
      </c>
      <c r="D23" s="175" t="s">
        <v>1848</v>
      </c>
      <c r="E23" s="178">
        <v>-51569000</v>
      </c>
      <c r="F23" t="s">
        <v>1849</v>
      </c>
    </row>
    <row r="24" spans="3:7">
      <c r="C24" s="175" t="s">
        <v>1850</v>
      </c>
      <c r="D24" s="175" t="s">
        <v>1851</v>
      </c>
      <c r="E24" s="178">
        <v>-618517.14</v>
      </c>
      <c r="F24" t="s">
        <v>1832</v>
      </c>
    </row>
    <row r="25" spans="3:7">
      <c r="C25" s="179"/>
      <c r="D25" s="180" t="s">
        <v>1852</v>
      </c>
      <c r="E25" s="181">
        <v>-9789.9699999999993</v>
      </c>
      <c r="F25" t="s">
        <v>1832</v>
      </c>
    </row>
    <row r="26" spans="3:7">
      <c r="C26" s="182" t="s">
        <v>1853</v>
      </c>
      <c r="D26" s="183"/>
      <c r="E26" s="184">
        <v>65355466.090000004</v>
      </c>
    </row>
    <row r="29" spans="3:7">
      <c r="F29" s="185">
        <f>SUM(E13:E21)+E22+E24+E25</f>
        <v>9034005.089999998</v>
      </c>
      <c r="G29" t="s">
        <v>1832</v>
      </c>
    </row>
    <row r="30" spans="3:7">
      <c r="F30" s="185">
        <f>+E23</f>
        <v>-51569000</v>
      </c>
      <c r="G30" t="s">
        <v>1849</v>
      </c>
    </row>
    <row r="31" spans="3:7">
      <c r="F31" s="186">
        <f>SUM(F29:F30)</f>
        <v>-42534994.910000004</v>
      </c>
    </row>
  </sheetData>
  <pageMargins left="0.7" right="0.7" top="0.75" bottom="0.75" header="0.3" footer="0.3"/>
  <pageSetup orientation="portrait" r:id="rId2"/>
  <headerFooter>
    <oddHeader xml:space="preserve">&amp;RDEF’s Response to OPC POD 1 (1-26)
Q7
Page &amp;P of &amp;N
</oddHeader>
    <oddFooter>&amp;R20240025-OPCPOD1-00004231</oddFooter>
  </headerFooter>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870B4C8-7470-43D7-A1AA-C732D0726CAF}">
  <sheetPr codeName="Sheet1"/>
  <dimension ref="A1:D1051"/>
  <sheetViews>
    <sheetView showGridLines="0" tabSelected="1" topLeftCell="A675" workbookViewId="0">
      <selection activeCell="I44" sqref="I44"/>
    </sheetView>
  </sheetViews>
  <sheetFormatPr defaultRowHeight="13.2"/>
  <cols>
    <col min="1" max="1" width="66.6640625" customWidth="1"/>
    <col min="2" max="2" width="20.44140625" customWidth="1"/>
    <col min="3" max="3" width="16.6640625" customWidth="1"/>
    <col min="4" max="4" width="22.109375" customWidth="1"/>
  </cols>
  <sheetData>
    <row r="1" spans="1:4" ht="23.4">
      <c r="B1" s="220" t="s">
        <v>1854</v>
      </c>
    </row>
    <row r="3" spans="1:4" ht="13.8">
      <c r="B3" s="221" t="s">
        <v>1855</v>
      </c>
    </row>
    <row r="4" spans="1:4" ht="13.8">
      <c r="B4" s="221" t="s">
        <v>4375</v>
      </c>
    </row>
    <row r="5" spans="1:4" ht="14.4" thickBot="1">
      <c r="A5" s="216"/>
      <c r="B5" s="222" t="s">
        <v>1857</v>
      </c>
      <c r="C5" s="216"/>
      <c r="D5" s="216"/>
    </row>
    <row r="6" spans="1:4" ht="13.8" thickTop="1"/>
    <row r="7" spans="1:4" ht="15">
      <c r="A7" t="s">
        <v>1858</v>
      </c>
      <c r="B7" s="223" t="s">
        <v>1859</v>
      </c>
      <c r="C7" s="223" t="s">
        <v>1859</v>
      </c>
      <c r="D7" s="223" t="s">
        <v>1859</v>
      </c>
    </row>
    <row r="8" spans="1:4" ht="15">
      <c r="A8" t="s">
        <v>1858</v>
      </c>
      <c r="B8" s="224" t="s">
        <v>145</v>
      </c>
      <c r="C8" s="223" t="s">
        <v>1861</v>
      </c>
      <c r="D8" s="224" t="s">
        <v>146</v>
      </c>
    </row>
    <row r="9" spans="1:4" ht="15">
      <c r="A9" t="s">
        <v>1858</v>
      </c>
      <c r="B9" s="223" t="s">
        <v>1857</v>
      </c>
      <c r="C9" s="223" t="s">
        <v>1857</v>
      </c>
      <c r="D9" s="223" t="s">
        <v>1857</v>
      </c>
    </row>
    <row r="10" spans="1:4" ht="14.4">
      <c r="A10" s="217" t="s">
        <v>1863</v>
      </c>
      <c r="B10" s="219"/>
      <c r="C10" s="219"/>
      <c r="D10" s="219"/>
    </row>
    <row r="11" spans="1:4">
      <c r="A11" s="218" t="s">
        <v>1864</v>
      </c>
      <c r="B11" s="225">
        <v>21732123117.919998</v>
      </c>
      <c r="C11" s="225">
        <v>180703048.78999999</v>
      </c>
      <c r="D11" s="225">
        <v>21912826166.709999</v>
      </c>
    </row>
    <row r="12" spans="1:4">
      <c r="A12" s="218" t="s">
        <v>1865</v>
      </c>
      <c r="B12" s="225">
        <v>17585866.48</v>
      </c>
      <c r="C12" s="225">
        <v>0</v>
      </c>
      <c r="D12" s="225">
        <v>17585866.48</v>
      </c>
    </row>
    <row r="13" spans="1:4">
      <c r="A13" s="218" t="s">
        <v>2873</v>
      </c>
      <c r="B13" s="225"/>
      <c r="C13" s="225">
        <v>0</v>
      </c>
      <c r="D13" s="225">
        <v>0</v>
      </c>
    </row>
    <row r="14" spans="1:4">
      <c r="A14" s="218" t="s">
        <v>1866</v>
      </c>
      <c r="B14" s="225">
        <v>41288107.470000006</v>
      </c>
      <c r="C14" s="225">
        <v>1963646.64</v>
      </c>
      <c r="D14" s="225">
        <v>43251754.109999999</v>
      </c>
    </row>
    <row r="15" spans="1:4">
      <c r="A15" s="218" t="s">
        <v>1867</v>
      </c>
      <c r="B15" s="225">
        <v>-2489592.16</v>
      </c>
      <c r="C15" s="225">
        <v>0</v>
      </c>
      <c r="D15" s="225">
        <v>-2489592.16</v>
      </c>
    </row>
    <row r="16" spans="1:4">
      <c r="A16" s="218" t="s">
        <v>1868</v>
      </c>
      <c r="B16" s="225">
        <v>21788507499.709999</v>
      </c>
      <c r="C16" s="225">
        <v>182666695.42999998</v>
      </c>
      <c r="D16" s="225">
        <v>21971174195.139999</v>
      </c>
    </row>
    <row r="17" spans="1:4">
      <c r="A17" s="218" t="s">
        <v>1869</v>
      </c>
      <c r="B17" s="225">
        <v>20325435.300000001</v>
      </c>
      <c r="C17" s="225">
        <v>0</v>
      </c>
      <c r="D17" s="225">
        <v>20325435.300000001</v>
      </c>
    </row>
    <row r="18" spans="1:4">
      <c r="A18" s="218" t="s">
        <v>1870</v>
      </c>
      <c r="B18" s="225">
        <v>20325435.300000001</v>
      </c>
      <c r="C18" s="225">
        <v>0</v>
      </c>
      <c r="D18" s="225">
        <v>20325435.300000001</v>
      </c>
    </row>
    <row r="19" spans="1:4">
      <c r="A19" s="218" t="s">
        <v>1871</v>
      </c>
      <c r="B19" s="225">
        <v>2531240</v>
      </c>
      <c r="C19" s="225">
        <v>0</v>
      </c>
      <c r="D19" s="225">
        <v>2531240</v>
      </c>
    </row>
    <row r="20" spans="1:4">
      <c r="A20" s="218" t="s">
        <v>1872</v>
      </c>
      <c r="B20" s="225">
        <v>2531240</v>
      </c>
      <c r="C20" s="225">
        <v>0</v>
      </c>
      <c r="D20" s="225">
        <v>2531240</v>
      </c>
    </row>
    <row r="21" spans="1:4">
      <c r="A21" s="218" t="s">
        <v>1873</v>
      </c>
      <c r="B21" s="225">
        <v>235782330.40000001</v>
      </c>
      <c r="C21" s="225">
        <v>0</v>
      </c>
      <c r="D21" s="225">
        <v>235782330.40000001</v>
      </c>
    </row>
    <row r="22" spans="1:4">
      <c r="A22" s="218" t="s">
        <v>1874</v>
      </c>
      <c r="B22" s="225">
        <v>510840364.05000007</v>
      </c>
      <c r="C22" s="225">
        <v>3158040.84</v>
      </c>
      <c r="D22" s="225">
        <v>513998404.88999999</v>
      </c>
    </row>
    <row r="23" spans="1:4">
      <c r="A23" s="218" t="s">
        <v>1875</v>
      </c>
      <c r="B23" s="225">
        <v>-170785614.91</v>
      </c>
      <c r="C23" s="225">
        <v>-1777512.64</v>
      </c>
      <c r="D23" s="225">
        <v>-172563127.54999998</v>
      </c>
    </row>
    <row r="24" spans="1:4">
      <c r="A24" s="218" t="s">
        <v>1876</v>
      </c>
      <c r="B24" s="225">
        <v>-210836203.16999999</v>
      </c>
      <c r="C24" s="225">
        <v>-4131193.13</v>
      </c>
      <c r="D24" s="225">
        <v>-214967396.29999998</v>
      </c>
    </row>
    <row r="25" spans="1:4">
      <c r="A25" s="218" t="s">
        <v>1877</v>
      </c>
      <c r="B25" s="225">
        <v>365000876.37</v>
      </c>
      <c r="C25" s="225">
        <v>-2750664.93</v>
      </c>
      <c r="D25" s="225">
        <v>362250211.44</v>
      </c>
    </row>
    <row r="26" spans="1:4">
      <c r="A26" s="218" t="s">
        <v>1878</v>
      </c>
      <c r="B26" s="225">
        <v>109149.2</v>
      </c>
      <c r="C26" s="225">
        <v>0</v>
      </c>
      <c r="D26" s="225">
        <v>109149.2</v>
      </c>
    </row>
    <row r="27" spans="1:4">
      <c r="A27" s="218" t="s">
        <v>1879</v>
      </c>
      <c r="B27" s="225">
        <v>129702876.80000001</v>
      </c>
      <c r="C27" s="225">
        <v>-67624987.120000005</v>
      </c>
      <c r="D27" s="225">
        <v>62077889.68</v>
      </c>
    </row>
    <row r="28" spans="1:4">
      <c r="A28" s="218" t="s">
        <v>1880</v>
      </c>
      <c r="B28" s="225">
        <v>129812026</v>
      </c>
      <c r="C28" s="225">
        <v>-67624987.120000005</v>
      </c>
      <c r="D28" s="225">
        <v>62187038.880000003</v>
      </c>
    </row>
    <row r="29" spans="1:4">
      <c r="A29" s="218" t="s">
        <v>1881</v>
      </c>
      <c r="B29" s="225">
        <v>3863256120.23</v>
      </c>
      <c r="C29" s="225">
        <v>5054900.82</v>
      </c>
      <c r="D29" s="225">
        <v>3868311021.0499997</v>
      </c>
    </row>
    <row r="30" spans="1:4">
      <c r="A30" s="218" t="s">
        <v>2874</v>
      </c>
      <c r="B30" s="225"/>
      <c r="C30" s="225">
        <v>0</v>
      </c>
      <c r="D30" s="225">
        <v>0</v>
      </c>
    </row>
    <row r="31" spans="1:4">
      <c r="A31" s="218" t="s">
        <v>1882</v>
      </c>
      <c r="B31" s="225">
        <v>3863256120.23</v>
      </c>
      <c r="C31" s="225">
        <v>5054900.82</v>
      </c>
      <c r="D31" s="225">
        <v>3868311021.0499997</v>
      </c>
    </row>
    <row r="32" spans="1:4">
      <c r="A32" s="218" t="s">
        <v>1883</v>
      </c>
      <c r="B32" s="225">
        <v>4380925697.9000006</v>
      </c>
      <c r="C32" s="225">
        <v>-65320751.230000004</v>
      </c>
      <c r="D32" s="225">
        <v>4315604946.6700001</v>
      </c>
    </row>
    <row r="33" spans="1:4">
      <c r="A33" s="218" t="s">
        <v>1884</v>
      </c>
      <c r="B33" s="225">
        <v>26169433197.610001</v>
      </c>
      <c r="C33" s="225">
        <v>117345944.19999999</v>
      </c>
      <c r="D33" s="225">
        <v>26286779141.810001</v>
      </c>
    </row>
    <row r="34" spans="1:4">
      <c r="A34" s="218" t="s">
        <v>1885</v>
      </c>
      <c r="B34" s="225">
        <v>2163482694.3799996</v>
      </c>
      <c r="C34" s="225">
        <v>76809140.049999997</v>
      </c>
      <c r="D34" s="225">
        <v>2240291834.4299998</v>
      </c>
    </row>
    <row r="35" spans="1:4">
      <c r="A35" s="218" t="s">
        <v>1886</v>
      </c>
      <c r="B35" s="225">
        <v>50278872.390000001</v>
      </c>
      <c r="C35" s="225">
        <v>-11608009.360000001</v>
      </c>
      <c r="D35" s="225">
        <v>38670863.030000001</v>
      </c>
    </row>
    <row r="36" spans="1:4">
      <c r="A36" s="218" t="s">
        <v>1887</v>
      </c>
      <c r="B36" s="225">
        <v>2213761566.77</v>
      </c>
      <c r="C36" s="225">
        <v>65201130.68999999</v>
      </c>
      <c r="D36" s="225">
        <v>2278962697.46</v>
      </c>
    </row>
    <row r="37" spans="1:4">
      <c r="A37" s="218" t="s">
        <v>1888</v>
      </c>
      <c r="B37" s="225">
        <v>28383194764.380001</v>
      </c>
      <c r="C37" s="225">
        <v>182547074.88999999</v>
      </c>
      <c r="D37" s="225">
        <v>28565741839.27</v>
      </c>
    </row>
    <row r="38" spans="1:4">
      <c r="A38" s="218" t="s">
        <v>1889</v>
      </c>
      <c r="B38" s="225">
        <v>-232522667.95999998</v>
      </c>
      <c r="C38" s="225">
        <v>-3836715.71</v>
      </c>
      <c r="D38" s="225">
        <v>-236359383.66999999</v>
      </c>
    </row>
    <row r="39" spans="1:4">
      <c r="A39" s="218" t="s">
        <v>1890</v>
      </c>
      <c r="B39" s="225">
        <v>-8058589.7199999997</v>
      </c>
      <c r="C39" s="225">
        <v>-73361.47</v>
      </c>
      <c r="D39" s="225">
        <v>-8131951.1900000004</v>
      </c>
    </row>
    <row r="40" spans="1:4">
      <c r="A40" s="218" t="s">
        <v>1891</v>
      </c>
      <c r="B40" s="225">
        <v>-240581257.68000001</v>
      </c>
      <c r="C40" s="225">
        <v>-3910077.18</v>
      </c>
      <c r="D40" s="225">
        <v>-244491334.86000001</v>
      </c>
    </row>
    <row r="41" spans="1:4">
      <c r="A41" s="218" t="s">
        <v>1892</v>
      </c>
      <c r="B41" s="225">
        <v>-131911419.80999999</v>
      </c>
      <c r="C41" s="225">
        <v>-8056798.6000000006</v>
      </c>
      <c r="D41" s="225">
        <v>-139968218.41</v>
      </c>
    </row>
    <row r="42" spans="1:4">
      <c r="A42" s="218" t="s">
        <v>1894</v>
      </c>
      <c r="B42" s="225">
        <v>-131911419.80999999</v>
      </c>
      <c r="C42" s="225">
        <v>-8056798.6000000006</v>
      </c>
      <c r="D42" s="225">
        <v>-139968218.41</v>
      </c>
    </row>
    <row r="43" spans="1:4">
      <c r="A43" s="218" t="s">
        <v>1895</v>
      </c>
      <c r="B43" s="225">
        <v>-6426522282.0500002</v>
      </c>
      <c r="C43" s="225">
        <v>-36489116.810000002</v>
      </c>
      <c r="D43" s="225">
        <v>-6463011398.8599997</v>
      </c>
    </row>
    <row r="44" spans="1:4">
      <c r="A44" s="218" t="s">
        <v>1896</v>
      </c>
      <c r="B44" s="225">
        <v>634094</v>
      </c>
      <c r="C44" s="225">
        <v>3883</v>
      </c>
      <c r="D44" s="225">
        <v>637977</v>
      </c>
    </row>
    <row r="45" spans="1:4">
      <c r="A45" s="218" t="s">
        <v>1897</v>
      </c>
      <c r="B45" s="225">
        <v>291145741.24000001</v>
      </c>
      <c r="C45" s="225">
        <v>-289154.74</v>
      </c>
      <c r="D45" s="225">
        <v>290856586.5</v>
      </c>
    </row>
    <row r="46" spans="1:4">
      <c r="A46" s="218" t="s">
        <v>1898</v>
      </c>
      <c r="B46" s="225">
        <v>1682762</v>
      </c>
      <c r="C46" s="225">
        <v>0</v>
      </c>
      <c r="D46" s="225">
        <v>1682762</v>
      </c>
    </row>
    <row r="47" spans="1:4">
      <c r="A47" s="218" t="s">
        <v>1899</v>
      </c>
      <c r="B47" s="225">
        <v>19747191.620000001</v>
      </c>
      <c r="C47" s="225">
        <v>-496395.38</v>
      </c>
      <c r="D47" s="225">
        <v>19250796.239999998</v>
      </c>
    </row>
    <row r="48" spans="1:4">
      <c r="A48" s="218" t="s">
        <v>1900</v>
      </c>
      <c r="B48" s="225">
        <v>23354011</v>
      </c>
      <c r="C48" s="225">
        <v>0</v>
      </c>
      <c r="D48" s="225">
        <v>23354011</v>
      </c>
    </row>
    <row r="49" spans="1:4">
      <c r="A49" s="218" t="s">
        <v>1901</v>
      </c>
      <c r="B49" s="225">
        <v>406957.10000000003</v>
      </c>
      <c r="C49" s="225">
        <v>0</v>
      </c>
      <c r="D49" s="225">
        <v>406957.10000000003</v>
      </c>
    </row>
    <row r="50" spans="1:4">
      <c r="A50" s="218" t="s">
        <v>1902</v>
      </c>
      <c r="B50" s="225">
        <v>-8315803.9200000009</v>
      </c>
      <c r="C50" s="225">
        <v>-41520.39</v>
      </c>
      <c r="D50" s="225">
        <v>-8357324.3099999996</v>
      </c>
    </row>
    <row r="51" spans="1:4">
      <c r="A51" s="218" t="s">
        <v>1903</v>
      </c>
      <c r="B51" s="225">
        <v>181119489.79000002</v>
      </c>
      <c r="C51" s="225">
        <v>1469265.97</v>
      </c>
      <c r="D51" s="225">
        <v>182588755.76000002</v>
      </c>
    </row>
    <row r="52" spans="1:4">
      <c r="A52" s="218" t="s">
        <v>2875</v>
      </c>
      <c r="B52" s="225"/>
      <c r="C52" s="225">
        <v>0</v>
      </c>
      <c r="D52" s="225">
        <v>0</v>
      </c>
    </row>
    <row r="53" spans="1:4">
      <c r="A53" s="218" t="s">
        <v>1904</v>
      </c>
      <c r="B53" s="225">
        <v>0</v>
      </c>
      <c r="C53" s="225">
        <v>0</v>
      </c>
      <c r="D53" s="225">
        <v>0</v>
      </c>
    </row>
    <row r="54" spans="1:4">
      <c r="A54" s="218" t="s">
        <v>1905</v>
      </c>
      <c r="B54" s="225">
        <v>0</v>
      </c>
      <c r="C54" s="225">
        <v>0</v>
      </c>
      <c r="D54" s="225">
        <v>0</v>
      </c>
    </row>
    <row r="55" spans="1:4">
      <c r="A55" s="218" t="s">
        <v>1906</v>
      </c>
      <c r="B55" s="225">
        <v>0</v>
      </c>
      <c r="C55" s="225">
        <v>0</v>
      </c>
      <c r="D55" s="225">
        <v>0</v>
      </c>
    </row>
    <row r="56" spans="1:4">
      <c r="A56" s="218" t="s">
        <v>1907</v>
      </c>
      <c r="B56" s="225">
        <v>0</v>
      </c>
      <c r="C56" s="225">
        <v>0</v>
      </c>
      <c r="D56" s="225">
        <v>0</v>
      </c>
    </row>
    <row r="57" spans="1:4">
      <c r="A57" s="218" t="s">
        <v>1908</v>
      </c>
      <c r="B57" s="225">
        <v>-5844581.3099999996</v>
      </c>
      <c r="C57" s="225">
        <v>-150354.71</v>
      </c>
      <c r="D57" s="225">
        <v>-5994936.0200000005</v>
      </c>
    </row>
    <row r="58" spans="1:4">
      <c r="A58" s="218" t="s">
        <v>1909</v>
      </c>
      <c r="B58" s="225">
        <v>-468382682.55999994</v>
      </c>
      <c r="C58" s="225">
        <v>-31037596.969999999</v>
      </c>
      <c r="D58" s="225">
        <v>-499420279.53000003</v>
      </c>
    </row>
    <row r="59" spans="1:4">
      <c r="A59" s="218" t="s">
        <v>1910</v>
      </c>
      <c r="B59" s="225">
        <v>-102262.90000000001</v>
      </c>
      <c r="C59" s="225">
        <v>-13492.65</v>
      </c>
      <c r="D59" s="225">
        <v>-115755.55</v>
      </c>
    </row>
    <row r="60" spans="1:4">
      <c r="A60" s="218" t="s">
        <v>1911</v>
      </c>
      <c r="B60" s="225">
        <v>-2531240</v>
      </c>
      <c r="C60" s="225">
        <v>0</v>
      </c>
      <c r="D60" s="225">
        <v>-2531240</v>
      </c>
    </row>
    <row r="61" spans="1:4">
      <c r="A61" s="218" t="s">
        <v>1912</v>
      </c>
      <c r="B61" s="225">
        <v>-6491551020.5699997</v>
      </c>
      <c r="C61" s="225">
        <v>-6309735.1399999997</v>
      </c>
      <c r="D61" s="225">
        <v>-6497860755.71</v>
      </c>
    </row>
    <row r="62" spans="1:4">
      <c r="A62" s="218" t="s">
        <v>1913</v>
      </c>
      <c r="B62" s="225">
        <v>-6864043698.0600004</v>
      </c>
      <c r="C62" s="225">
        <v>-18276610.920000002</v>
      </c>
      <c r="D62" s="225">
        <v>-6882320308.9800005</v>
      </c>
    </row>
    <row r="63" spans="1:4">
      <c r="A63" s="218" t="s">
        <v>1914</v>
      </c>
      <c r="B63" s="225">
        <v>21519151066.32</v>
      </c>
      <c r="C63" s="225">
        <v>164270463.97000003</v>
      </c>
      <c r="D63" s="225">
        <v>21683421530.290001</v>
      </c>
    </row>
    <row r="64" spans="1:4">
      <c r="A64" s="217" t="s">
        <v>1915</v>
      </c>
      <c r="B64" s="226">
        <v>21519151066.32</v>
      </c>
      <c r="C64" s="226">
        <v>164270463.97000003</v>
      </c>
      <c r="D64" s="226">
        <v>21683421530.290001</v>
      </c>
    </row>
    <row r="65" spans="1:4">
      <c r="A65" s="218" t="s">
        <v>1916</v>
      </c>
      <c r="B65" s="225">
        <v>22425578.020000003</v>
      </c>
      <c r="C65" s="225">
        <v>67889193.450000003</v>
      </c>
      <c r="D65" s="225">
        <v>90314771.469999999</v>
      </c>
    </row>
    <row r="66" spans="1:4">
      <c r="A66" s="218" t="s">
        <v>1917</v>
      </c>
      <c r="B66" s="225">
        <v>720495.75</v>
      </c>
      <c r="C66" s="225">
        <v>185.43</v>
      </c>
      <c r="D66" s="225">
        <v>720681.17999999993</v>
      </c>
    </row>
    <row r="67" spans="1:4">
      <c r="A67" s="218" t="s">
        <v>1918</v>
      </c>
      <c r="B67" s="225">
        <v>278986.53000000003</v>
      </c>
      <c r="C67" s="225">
        <v>-264206.32999999996</v>
      </c>
      <c r="D67" s="225">
        <v>14780.2</v>
      </c>
    </row>
    <row r="68" spans="1:4">
      <c r="A68" s="218" t="s">
        <v>1919</v>
      </c>
      <c r="B68" s="225">
        <v>23425060.300000001</v>
      </c>
      <c r="C68" s="225">
        <v>67625172.549999997</v>
      </c>
      <c r="D68" s="225">
        <v>91050232.849999994</v>
      </c>
    </row>
    <row r="69" spans="1:4">
      <c r="A69" s="218" t="s">
        <v>1920</v>
      </c>
      <c r="B69" s="225">
        <v>-10806081.15</v>
      </c>
      <c r="C69" s="225">
        <v>-46574.47</v>
      </c>
      <c r="D69" s="225">
        <v>-10852655.620000001</v>
      </c>
    </row>
    <row r="70" spans="1:4">
      <c r="A70" s="218" t="s">
        <v>1922</v>
      </c>
      <c r="B70" s="225">
        <v>-10806081.15</v>
      </c>
      <c r="C70" s="225">
        <v>-46574.47</v>
      </c>
      <c r="D70" s="225">
        <v>-10852655.620000001</v>
      </c>
    </row>
    <row r="71" spans="1:4">
      <c r="A71" s="218" t="s">
        <v>1923</v>
      </c>
      <c r="B71" s="225">
        <v>12618979.15</v>
      </c>
      <c r="C71" s="225">
        <v>67578598.079999998</v>
      </c>
      <c r="D71" s="225">
        <v>80197577.230000004</v>
      </c>
    </row>
    <row r="72" spans="1:4">
      <c r="A72" s="218" t="s">
        <v>1924</v>
      </c>
      <c r="B72" s="225">
        <v>6918321.9100000001</v>
      </c>
      <c r="C72" s="225">
        <v>0</v>
      </c>
      <c r="D72" s="225">
        <v>6918321.9100000001</v>
      </c>
    </row>
    <row r="73" spans="1:4">
      <c r="A73" s="218" t="s">
        <v>1925</v>
      </c>
      <c r="B73" s="225">
        <v>-132386.74</v>
      </c>
      <c r="C73" s="225">
        <v>-16695.259999999998</v>
      </c>
      <c r="D73" s="225">
        <v>-149082</v>
      </c>
    </row>
    <row r="74" spans="1:4">
      <c r="A74" s="218" t="s">
        <v>1926</v>
      </c>
      <c r="B74" s="225">
        <v>0</v>
      </c>
      <c r="C74" s="225">
        <v>0</v>
      </c>
      <c r="D74" s="225">
        <v>0</v>
      </c>
    </row>
    <row r="75" spans="1:4">
      <c r="A75" s="218" t="s">
        <v>1927</v>
      </c>
      <c r="B75" s="225">
        <v>0</v>
      </c>
      <c r="C75" s="225">
        <v>0</v>
      </c>
      <c r="D75" s="225">
        <v>0</v>
      </c>
    </row>
    <row r="76" spans="1:4">
      <c r="A76" s="218" t="s">
        <v>1928</v>
      </c>
      <c r="B76" s="225">
        <v>6785935.1699999999</v>
      </c>
      <c r="C76" s="225">
        <v>-16695.259999999998</v>
      </c>
      <c r="D76" s="225">
        <v>6769239.9100000001</v>
      </c>
    </row>
    <row r="77" spans="1:4">
      <c r="A77" s="218" t="s">
        <v>1929</v>
      </c>
      <c r="B77" s="225">
        <v>777878.94</v>
      </c>
      <c r="C77" s="225">
        <v>0</v>
      </c>
      <c r="D77" s="225">
        <v>777878.94</v>
      </c>
    </row>
    <row r="78" spans="1:4">
      <c r="A78" s="218" t="s">
        <v>1930</v>
      </c>
      <c r="B78" s="225">
        <v>777878.94000000006</v>
      </c>
      <c r="C78" s="225">
        <v>0</v>
      </c>
      <c r="D78" s="225">
        <v>777878.94000000006</v>
      </c>
    </row>
    <row r="79" spans="1:4">
      <c r="A79" s="218" t="s">
        <v>1931</v>
      </c>
      <c r="B79" s="225">
        <v>42047650.990000002</v>
      </c>
      <c r="C79" s="225">
        <v>1865195.5399999998</v>
      </c>
      <c r="D79" s="225">
        <v>43912846.530000001</v>
      </c>
    </row>
    <row r="80" spans="1:4">
      <c r="A80" s="218" t="s">
        <v>1932</v>
      </c>
      <c r="B80" s="225">
        <v>83548349.679999992</v>
      </c>
      <c r="C80" s="225">
        <v>17671857.580000002</v>
      </c>
      <c r="D80" s="225">
        <v>101220207.25999999</v>
      </c>
    </row>
    <row r="81" spans="1:4">
      <c r="A81" s="218" t="s">
        <v>1933</v>
      </c>
      <c r="B81" s="225">
        <v>20054201.949999999</v>
      </c>
      <c r="C81" s="225">
        <v>-21672.27</v>
      </c>
      <c r="D81" s="225">
        <v>20032529.68</v>
      </c>
    </row>
    <row r="82" spans="1:4">
      <c r="A82" s="218" t="s">
        <v>1934</v>
      </c>
      <c r="B82" s="225">
        <v>-3328113.5100000002</v>
      </c>
      <c r="C82" s="225">
        <v>1066300.04</v>
      </c>
      <c r="D82" s="225">
        <v>-2261813.4700000002</v>
      </c>
    </row>
    <row r="83" spans="1:4">
      <c r="A83" s="218" t="s">
        <v>1935</v>
      </c>
      <c r="B83" s="225">
        <v>0</v>
      </c>
      <c r="C83" s="225">
        <v>0</v>
      </c>
      <c r="D83" s="225">
        <v>0</v>
      </c>
    </row>
    <row r="84" spans="1:4">
      <c r="A84" s="218" t="s">
        <v>1936</v>
      </c>
      <c r="B84" s="225">
        <v>-14591908.720000001</v>
      </c>
      <c r="C84" s="225">
        <v>3549890.77</v>
      </c>
      <c r="D84" s="225">
        <v>-11042017.949999999</v>
      </c>
    </row>
    <row r="85" spans="1:4">
      <c r="A85" s="218" t="s">
        <v>1937</v>
      </c>
      <c r="B85" s="225">
        <v>227157648.02000001</v>
      </c>
      <c r="C85" s="225">
        <v>-8502778.4100000001</v>
      </c>
      <c r="D85" s="225">
        <v>218654869.60999998</v>
      </c>
    </row>
    <row r="86" spans="1:4">
      <c r="A86" s="218" t="s">
        <v>1938</v>
      </c>
      <c r="B86" s="225">
        <v>55730970.390000001</v>
      </c>
      <c r="C86" s="225">
        <v>75461.960000000006</v>
      </c>
      <c r="D86" s="225">
        <v>55806432.350000001</v>
      </c>
    </row>
    <row r="87" spans="1:4">
      <c r="A87" s="218" t="s">
        <v>1939</v>
      </c>
      <c r="B87" s="225">
        <v>410618798.79999995</v>
      </c>
      <c r="C87" s="225">
        <v>15704255.210000001</v>
      </c>
      <c r="D87" s="225">
        <v>426323054.01000005</v>
      </c>
    </row>
    <row r="88" spans="1:4">
      <c r="A88" s="218" t="s">
        <v>1940</v>
      </c>
      <c r="B88" s="225">
        <v>23278735.919999998</v>
      </c>
      <c r="C88" s="225">
        <v>464371.76</v>
      </c>
      <c r="D88" s="225">
        <v>23743107.680000003</v>
      </c>
    </row>
    <row r="89" spans="1:4">
      <c r="A89" s="218" t="s">
        <v>1941</v>
      </c>
      <c r="B89" s="225">
        <v>33804106.020000003</v>
      </c>
      <c r="C89" s="225">
        <v>92808204.799999997</v>
      </c>
      <c r="D89" s="225">
        <v>126612310.82000001</v>
      </c>
    </row>
    <row r="90" spans="1:4">
      <c r="A90" s="218" t="s">
        <v>1942</v>
      </c>
      <c r="B90" s="225">
        <v>221153448.04000002</v>
      </c>
      <c r="C90" s="225">
        <v>-100891811.23999999</v>
      </c>
      <c r="D90" s="225">
        <v>120261636.80000001</v>
      </c>
    </row>
    <row r="91" spans="1:4">
      <c r="A91" s="218" t="s">
        <v>1943</v>
      </c>
      <c r="B91" s="225">
        <v>278236289.98000002</v>
      </c>
      <c r="C91" s="225">
        <v>-7619234.6800000006</v>
      </c>
      <c r="D91" s="225">
        <v>270617055.30000001</v>
      </c>
    </row>
    <row r="92" spans="1:4">
      <c r="A92" s="218" t="s">
        <v>1944</v>
      </c>
      <c r="B92" s="225">
        <v>688855088.77999997</v>
      </c>
      <c r="C92" s="225">
        <v>8085020.5300000003</v>
      </c>
      <c r="D92" s="225">
        <v>696940109.31000006</v>
      </c>
    </row>
    <row r="93" spans="1:4">
      <c r="A93" s="218" t="s">
        <v>1945</v>
      </c>
      <c r="B93" s="225">
        <v>696418902.88999999</v>
      </c>
      <c r="C93" s="225">
        <v>8068325.2700000005</v>
      </c>
      <c r="D93" s="225">
        <v>704487228.16000009</v>
      </c>
    </row>
    <row r="94" spans="1:4">
      <c r="A94" s="218" t="s">
        <v>2876</v>
      </c>
      <c r="B94" s="225">
        <v>34297634.450000003</v>
      </c>
      <c r="C94" s="225">
        <v>-34297634.450000003</v>
      </c>
      <c r="D94" s="225">
        <v>0</v>
      </c>
    </row>
    <row r="95" spans="1:4">
      <c r="A95" s="218" t="s">
        <v>2877</v>
      </c>
      <c r="B95" s="225">
        <v>34297634.450000003</v>
      </c>
      <c r="C95" s="225">
        <v>-34297634.450000003</v>
      </c>
      <c r="D95" s="225">
        <v>0</v>
      </c>
    </row>
    <row r="96" spans="1:4">
      <c r="A96" s="217" t="s">
        <v>1946</v>
      </c>
      <c r="B96" s="226">
        <v>743335516.49000001</v>
      </c>
      <c r="C96" s="226">
        <v>41349288.899999999</v>
      </c>
      <c r="D96" s="226">
        <v>784684805.38999999</v>
      </c>
    </row>
    <row r="97" spans="1:4">
      <c r="A97" s="218" t="s">
        <v>1947</v>
      </c>
      <c r="B97" s="225">
        <v>-90933403.140000001</v>
      </c>
      <c r="C97" s="225">
        <v>87466460.530000001</v>
      </c>
      <c r="D97" s="225">
        <v>-3466942.6100000003</v>
      </c>
    </row>
    <row r="98" spans="1:4">
      <c r="A98" s="218" t="s">
        <v>1948</v>
      </c>
      <c r="B98" s="225">
        <v>110698115.64</v>
      </c>
      <c r="C98" s="225">
        <v>-72661737.319999993</v>
      </c>
      <c r="D98" s="225">
        <v>38036378.32</v>
      </c>
    </row>
    <row r="99" spans="1:4">
      <c r="A99" s="218" t="s">
        <v>1951</v>
      </c>
      <c r="B99" s="225">
        <v>8441679.25</v>
      </c>
      <c r="C99" s="225">
        <v>-398274.79</v>
      </c>
      <c r="D99" s="225">
        <v>8043404.46</v>
      </c>
    </row>
    <row r="100" spans="1:4">
      <c r="A100" s="218" t="s">
        <v>1952</v>
      </c>
      <c r="B100" s="225">
        <v>6605.7800000000007</v>
      </c>
      <c r="C100" s="225">
        <v>0</v>
      </c>
      <c r="D100" s="225">
        <v>6605.7800000000007</v>
      </c>
    </row>
    <row r="101" spans="1:4">
      <c r="A101" s="218" t="s">
        <v>1953</v>
      </c>
      <c r="B101" s="225">
        <v>8626.5500000000011</v>
      </c>
      <c r="C101" s="225">
        <v>0</v>
      </c>
      <c r="D101" s="225">
        <v>8626.5500000000011</v>
      </c>
    </row>
    <row r="102" spans="1:4">
      <c r="A102" s="218" t="s">
        <v>1954</v>
      </c>
      <c r="B102" s="225">
        <v>-1820371.0799999998</v>
      </c>
      <c r="C102" s="225">
        <v>326.78999999999996</v>
      </c>
      <c r="D102" s="225">
        <v>-1820044.29</v>
      </c>
    </row>
    <row r="103" spans="1:4">
      <c r="A103" s="218" t="s">
        <v>1955</v>
      </c>
      <c r="B103" s="225">
        <v>-58346.879999999997</v>
      </c>
      <c r="C103" s="225">
        <v>-45146.96</v>
      </c>
      <c r="D103" s="225">
        <v>-103493.84</v>
      </c>
    </row>
    <row r="104" spans="1:4">
      <c r="A104" s="218" t="s">
        <v>1956</v>
      </c>
      <c r="B104" s="225">
        <v>-17885993.900000002</v>
      </c>
      <c r="C104" s="225">
        <v>-14759903.039999999</v>
      </c>
      <c r="D104" s="225">
        <v>-32645896.940000001</v>
      </c>
    </row>
    <row r="105" spans="1:4">
      <c r="A105" s="218" t="s">
        <v>1957</v>
      </c>
      <c r="B105" s="225">
        <v>19147695.189999998</v>
      </c>
      <c r="C105" s="225">
        <v>-1085428.32</v>
      </c>
      <c r="D105" s="225">
        <v>18062266.870000001</v>
      </c>
    </row>
    <row r="106" spans="1:4">
      <c r="A106" s="218" t="s">
        <v>1958</v>
      </c>
      <c r="B106" s="225">
        <v>-2202028.2200000002</v>
      </c>
      <c r="C106" s="225">
        <v>-98040.03</v>
      </c>
      <c r="D106" s="225">
        <v>-2300068.25</v>
      </c>
    </row>
    <row r="107" spans="1:4">
      <c r="A107" s="218" t="s">
        <v>1959</v>
      </c>
      <c r="B107" s="225">
        <v>25402579.190000001</v>
      </c>
      <c r="C107" s="225">
        <v>-1581743.14</v>
      </c>
      <c r="D107" s="225">
        <v>23820836.050000001</v>
      </c>
    </row>
    <row r="108" spans="1:4">
      <c r="A108" s="218" t="s">
        <v>1960</v>
      </c>
      <c r="B108" s="225">
        <v>25402579.190000001</v>
      </c>
      <c r="C108" s="225">
        <v>-1581743.14</v>
      </c>
      <c r="D108" s="225">
        <v>23820836.050000001</v>
      </c>
    </row>
    <row r="109" spans="1:4">
      <c r="A109" s="218" t="s">
        <v>1961</v>
      </c>
      <c r="B109" s="225">
        <v>0</v>
      </c>
      <c r="C109" s="225">
        <v>0</v>
      </c>
      <c r="D109" s="225">
        <v>0</v>
      </c>
    </row>
    <row r="110" spans="1:4">
      <c r="A110" s="218" t="s">
        <v>1962</v>
      </c>
      <c r="B110" s="225">
        <v>0</v>
      </c>
      <c r="C110" s="225">
        <v>0</v>
      </c>
      <c r="D110" s="225">
        <v>0</v>
      </c>
    </row>
    <row r="111" spans="1:4">
      <c r="A111" s="218" t="s">
        <v>1963</v>
      </c>
      <c r="B111" s="225">
        <v>0</v>
      </c>
      <c r="C111" s="225">
        <v>0</v>
      </c>
      <c r="D111" s="225">
        <v>0</v>
      </c>
    </row>
    <row r="112" spans="1:4">
      <c r="A112" s="218" t="s">
        <v>1964</v>
      </c>
      <c r="B112" s="225">
        <v>2379918.6199999996</v>
      </c>
      <c r="C112" s="225">
        <v>0</v>
      </c>
      <c r="D112" s="225">
        <v>2379918.6199999996</v>
      </c>
    </row>
    <row r="113" spans="1:4">
      <c r="A113" s="218" t="s">
        <v>2878</v>
      </c>
      <c r="B113" s="225">
        <v>25130</v>
      </c>
      <c r="C113" s="225">
        <v>-25130</v>
      </c>
      <c r="D113" s="225">
        <v>0</v>
      </c>
    </row>
    <row r="114" spans="1:4">
      <c r="A114" s="218" t="s">
        <v>1965</v>
      </c>
      <c r="B114" s="225">
        <v>12136607.120000001</v>
      </c>
      <c r="C114" s="225">
        <v>-1342773.85</v>
      </c>
      <c r="D114" s="225">
        <v>10793833.27</v>
      </c>
    </row>
    <row r="115" spans="1:4">
      <c r="A115" s="218" t="s">
        <v>1966</v>
      </c>
      <c r="B115" s="225">
        <v>1399207.25</v>
      </c>
      <c r="C115" s="225">
        <v>262418.18</v>
      </c>
      <c r="D115" s="225">
        <v>1661625.43</v>
      </c>
    </row>
    <row r="116" spans="1:4">
      <c r="A116" s="218" t="s">
        <v>1967</v>
      </c>
      <c r="B116" s="225">
        <v>398714101.17000002</v>
      </c>
      <c r="C116" s="225">
        <v>-3160367.53</v>
      </c>
      <c r="D116" s="225">
        <v>395553733.63999999</v>
      </c>
    </row>
    <row r="117" spans="1:4">
      <c r="A117" s="218" t="s">
        <v>1968</v>
      </c>
      <c r="B117" s="225">
        <v>0</v>
      </c>
      <c r="C117" s="225">
        <v>0</v>
      </c>
      <c r="D117" s="225">
        <v>0</v>
      </c>
    </row>
    <row r="118" spans="1:4">
      <c r="A118" s="218" t="s">
        <v>1969</v>
      </c>
      <c r="B118" s="225">
        <v>616371.49</v>
      </c>
      <c r="C118" s="225">
        <v>2539.6400000000003</v>
      </c>
      <c r="D118" s="225">
        <v>618911.13</v>
      </c>
    </row>
    <row r="119" spans="1:4">
      <c r="A119" s="218" t="s">
        <v>1970</v>
      </c>
      <c r="B119" s="225">
        <v>13675734.75</v>
      </c>
      <c r="C119" s="225">
        <v>-5379898.5300000003</v>
      </c>
      <c r="D119" s="225">
        <v>8295836.2199999997</v>
      </c>
    </row>
    <row r="120" spans="1:4">
      <c r="A120" s="218" t="s">
        <v>1971</v>
      </c>
      <c r="B120" s="225">
        <v>1483582.2</v>
      </c>
      <c r="C120" s="225">
        <v>-773221.14</v>
      </c>
      <c r="D120" s="225">
        <v>710361.06</v>
      </c>
    </row>
    <row r="121" spans="1:4">
      <c r="A121" s="218" t="s">
        <v>1972</v>
      </c>
      <c r="B121" s="225">
        <v>35889334.600000001</v>
      </c>
      <c r="C121" s="225">
        <v>-681227.22</v>
      </c>
      <c r="D121" s="225">
        <v>35208107.379999995</v>
      </c>
    </row>
    <row r="122" spans="1:4">
      <c r="A122" s="218" t="s">
        <v>1973</v>
      </c>
      <c r="B122" s="225">
        <v>44475.96</v>
      </c>
      <c r="C122" s="225">
        <v>65557.91</v>
      </c>
      <c r="D122" s="225">
        <v>110033.87</v>
      </c>
    </row>
    <row r="123" spans="1:4">
      <c r="A123" s="218" t="s">
        <v>1974</v>
      </c>
      <c r="B123" s="225">
        <v>4716182.3400000008</v>
      </c>
      <c r="C123" s="225">
        <v>168961.91</v>
      </c>
      <c r="D123" s="225">
        <v>4885144.25</v>
      </c>
    </row>
    <row r="124" spans="1:4">
      <c r="A124" s="218" t="s">
        <v>1975</v>
      </c>
      <c r="B124" s="225">
        <v>0</v>
      </c>
      <c r="C124" s="225">
        <v>0</v>
      </c>
      <c r="D124" s="225">
        <v>0</v>
      </c>
    </row>
    <row r="125" spans="1:4">
      <c r="A125" s="218" t="s">
        <v>1976</v>
      </c>
      <c r="B125" s="225">
        <v>471080645.5</v>
      </c>
      <c r="C125" s="225">
        <v>-10863140.630000001</v>
      </c>
      <c r="D125" s="225">
        <v>460217504.86999995</v>
      </c>
    </row>
    <row r="126" spans="1:4">
      <c r="A126" s="218" t="s">
        <v>1977</v>
      </c>
      <c r="B126" s="225">
        <v>2597878.2199999997</v>
      </c>
      <c r="C126" s="225">
        <v>500184.5</v>
      </c>
      <c r="D126" s="225">
        <v>3098062.7199999997</v>
      </c>
    </row>
    <row r="127" spans="1:4">
      <c r="A127" s="218" t="s">
        <v>1978</v>
      </c>
      <c r="B127" s="225">
        <v>452424.44</v>
      </c>
      <c r="C127" s="225">
        <v>-23243.45</v>
      </c>
      <c r="D127" s="225">
        <v>429180.99</v>
      </c>
    </row>
    <row r="128" spans="1:4">
      <c r="A128" s="218" t="s">
        <v>1979</v>
      </c>
      <c r="B128" s="225">
        <v>0</v>
      </c>
      <c r="C128" s="225">
        <v>0</v>
      </c>
      <c r="D128" s="225">
        <v>0</v>
      </c>
    </row>
    <row r="129" spans="1:4">
      <c r="A129" s="218" t="s">
        <v>1980</v>
      </c>
      <c r="B129" s="225">
        <v>14226.16</v>
      </c>
      <c r="C129" s="225">
        <v>0</v>
      </c>
      <c r="D129" s="225">
        <v>14226.16</v>
      </c>
    </row>
    <row r="130" spans="1:4">
      <c r="A130" s="218" t="s">
        <v>1981</v>
      </c>
      <c r="B130" s="225">
        <v>0</v>
      </c>
      <c r="C130" s="225">
        <v>2810661</v>
      </c>
      <c r="D130" s="225">
        <v>2810661</v>
      </c>
    </row>
    <row r="131" spans="1:4">
      <c r="A131" s="218" t="s">
        <v>1982</v>
      </c>
      <c r="B131" s="225">
        <v>10585712.539999999</v>
      </c>
      <c r="C131" s="225">
        <v>11791539.18</v>
      </c>
      <c r="D131" s="225">
        <v>22377251.719999999</v>
      </c>
    </row>
    <row r="132" spans="1:4">
      <c r="A132" s="218" t="s">
        <v>2879</v>
      </c>
      <c r="B132" s="225">
        <v>102048.28</v>
      </c>
      <c r="C132" s="225">
        <v>66138.44</v>
      </c>
      <c r="D132" s="225">
        <v>168186.72</v>
      </c>
    </row>
    <row r="133" spans="1:4">
      <c r="A133" s="218" t="s">
        <v>1983</v>
      </c>
      <c r="B133" s="225">
        <v>40514960.57</v>
      </c>
      <c r="C133" s="225">
        <v>-32263164.59</v>
      </c>
      <c r="D133" s="225">
        <v>8251795.9799999995</v>
      </c>
    </row>
    <row r="134" spans="1:4">
      <c r="A134" s="218" t="s">
        <v>1984</v>
      </c>
      <c r="B134" s="225">
        <v>14760.76</v>
      </c>
      <c r="C134" s="225">
        <v>131.13999999999999</v>
      </c>
      <c r="D134" s="225">
        <v>14891.9</v>
      </c>
    </row>
    <row r="135" spans="1:4">
      <c r="A135" s="218" t="s">
        <v>1985</v>
      </c>
      <c r="B135" s="225">
        <v>19800</v>
      </c>
      <c r="C135" s="225">
        <v>0</v>
      </c>
      <c r="D135" s="225">
        <v>19800</v>
      </c>
    </row>
    <row r="136" spans="1:4">
      <c r="A136" s="218" t="s">
        <v>1986</v>
      </c>
      <c r="B136" s="225">
        <v>-5225548.55</v>
      </c>
      <c r="C136" s="225">
        <v>5225548.91</v>
      </c>
      <c r="D136" s="225">
        <v>0.36</v>
      </c>
    </row>
    <row r="137" spans="1:4">
      <c r="A137" s="218" t="s">
        <v>1987</v>
      </c>
      <c r="B137" s="225">
        <v>0</v>
      </c>
      <c r="C137" s="225">
        <v>0</v>
      </c>
      <c r="D137" s="225">
        <v>0</v>
      </c>
    </row>
    <row r="138" spans="1:4">
      <c r="A138" s="218" t="s">
        <v>1988</v>
      </c>
      <c r="B138" s="225">
        <v>49076262.420000002</v>
      </c>
      <c r="C138" s="225">
        <v>-11892204.869999999</v>
      </c>
      <c r="D138" s="225">
        <v>37184057.550000004</v>
      </c>
    </row>
    <row r="139" spans="1:4">
      <c r="A139" s="218" t="s">
        <v>1989</v>
      </c>
      <c r="B139" s="225">
        <v>10205036.939999999</v>
      </c>
      <c r="C139" s="225">
        <v>-1134415.7</v>
      </c>
      <c r="D139" s="225">
        <v>9070621.2400000002</v>
      </c>
    </row>
    <row r="140" spans="1:4">
      <c r="A140" s="218" t="s">
        <v>2880</v>
      </c>
      <c r="B140" s="225">
        <v>61010.950000000004</v>
      </c>
      <c r="C140" s="225">
        <v>-61010.950000000004</v>
      </c>
      <c r="D140" s="225">
        <v>0</v>
      </c>
    </row>
    <row r="141" spans="1:4">
      <c r="A141" s="218" t="s">
        <v>1990</v>
      </c>
      <c r="B141" s="225">
        <v>-511594763.15000004</v>
      </c>
      <c r="C141" s="225">
        <v>625215675.73000002</v>
      </c>
      <c r="D141" s="225">
        <v>113620912.58000001</v>
      </c>
    </row>
    <row r="142" spans="1:4">
      <c r="A142" s="218" t="s">
        <v>1991</v>
      </c>
      <c r="B142" s="225">
        <v>514727659.93000001</v>
      </c>
      <c r="C142" s="225">
        <v>-381682251.86000001</v>
      </c>
      <c r="D142" s="225">
        <v>133045408.07000001</v>
      </c>
    </row>
    <row r="143" spans="1:4">
      <c r="A143" s="218" t="s">
        <v>2881</v>
      </c>
      <c r="B143" s="225"/>
      <c r="C143" s="225">
        <v>6121.5</v>
      </c>
      <c r="D143" s="225">
        <v>6121.5</v>
      </c>
    </row>
    <row r="144" spans="1:4">
      <c r="A144" s="218" t="s">
        <v>1992</v>
      </c>
      <c r="B144" s="225">
        <v>424634.33</v>
      </c>
      <c r="C144" s="225">
        <v>-112621.91</v>
      </c>
      <c r="D144" s="225">
        <v>312012.42000000004</v>
      </c>
    </row>
    <row r="145" spans="1:4">
      <c r="A145" s="218" t="s">
        <v>1993</v>
      </c>
      <c r="B145" s="225">
        <v>0</v>
      </c>
      <c r="C145" s="225">
        <v>0</v>
      </c>
      <c r="D145" s="225">
        <v>0</v>
      </c>
    </row>
    <row r="146" spans="1:4">
      <c r="A146" s="218" t="s">
        <v>1994</v>
      </c>
      <c r="B146" s="225">
        <v>482030.73</v>
      </c>
      <c r="C146" s="225">
        <v>0</v>
      </c>
      <c r="D146" s="225">
        <v>482030.73</v>
      </c>
    </row>
    <row r="147" spans="1:4">
      <c r="A147" s="218" t="s">
        <v>2882</v>
      </c>
      <c r="B147" s="225">
        <v>0</v>
      </c>
      <c r="C147" s="225">
        <v>0</v>
      </c>
      <c r="D147" s="225">
        <v>0</v>
      </c>
    </row>
    <row r="148" spans="1:4">
      <c r="A148" s="218" t="s">
        <v>1995</v>
      </c>
      <c r="B148" s="225">
        <v>14305609.729999999</v>
      </c>
      <c r="C148" s="225">
        <v>242231496.81</v>
      </c>
      <c r="D148" s="225">
        <v>256537106.53999999</v>
      </c>
    </row>
    <row r="149" spans="1:4">
      <c r="A149" s="218" t="s">
        <v>1996</v>
      </c>
      <c r="B149" s="225">
        <v>215042.46</v>
      </c>
      <c r="C149" s="225">
        <v>-27177.030000000002</v>
      </c>
      <c r="D149" s="225">
        <v>187865.43</v>
      </c>
    </row>
    <row r="150" spans="1:4">
      <c r="A150" s="218" t="s">
        <v>1997</v>
      </c>
      <c r="B150" s="225">
        <v>215042.46000000002</v>
      </c>
      <c r="C150" s="225">
        <v>-27177.030000000002</v>
      </c>
      <c r="D150" s="225">
        <v>187865.43000000002</v>
      </c>
    </row>
    <row r="151" spans="1:4">
      <c r="A151" s="218" t="s">
        <v>1998</v>
      </c>
      <c r="B151" s="225">
        <v>102862160.99999999</v>
      </c>
      <c r="C151" s="225">
        <v>17691161</v>
      </c>
      <c r="D151" s="225">
        <v>120553321.99999999</v>
      </c>
    </row>
    <row r="152" spans="1:4">
      <c r="A152" s="218" t="s">
        <v>1999</v>
      </c>
      <c r="B152" s="225">
        <v>102862160.99999999</v>
      </c>
      <c r="C152" s="225">
        <v>17691161</v>
      </c>
      <c r="D152" s="225">
        <v>120553321.99999999</v>
      </c>
    </row>
    <row r="153" spans="1:4">
      <c r="A153" s="218" t="s">
        <v>2883</v>
      </c>
      <c r="B153" s="225">
        <v>412856000</v>
      </c>
      <c r="C153" s="225">
        <v>-412856000</v>
      </c>
      <c r="D153" s="225">
        <v>0</v>
      </c>
    </row>
    <row r="154" spans="1:4">
      <c r="A154" s="218" t="s">
        <v>2884</v>
      </c>
      <c r="B154" s="225">
        <v>412856000</v>
      </c>
      <c r="C154" s="225">
        <v>-412856000</v>
      </c>
      <c r="D154" s="225">
        <v>0</v>
      </c>
    </row>
    <row r="155" spans="1:4">
      <c r="A155" s="218" t="s">
        <v>2000</v>
      </c>
      <c r="B155" s="225">
        <v>1050395721.11</v>
      </c>
      <c r="C155" s="225">
        <v>-175715864.72</v>
      </c>
      <c r="D155" s="225">
        <v>874679856.38999999</v>
      </c>
    </row>
    <row r="156" spans="1:4">
      <c r="A156" s="218" t="s">
        <v>2001</v>
      </c>
      <c r="B156" s="225">
        <v>-22844812.790000003</v>
      </c>
      <c r="C156" s="225">
        <v>4000000</v>
      </c>
      <c r="D156" s="225">
        <v>-18844812.789999999</v>
      </c>
    </row>
    <row r="157" spans="1:4">
      <c r="A157" s="218" t="s">
        <v>2002</v>
      </c>
      <c r="B157" s="225">
        <v>-736991</v>
      </c>
      <c r="C157" s="225">
        <v>0</v>
      </c>
      <c r="D157" s="225">
        <v>-736991</v>
      </c>
    </row>
    <row r="158" spans="1:4">
      <c r="A158" s="218" t="s">
        <v>2003</v>
      </c>
      <c r="B158" s="225">
        <v>75</v>
      </c>
      <c r="C158" s="225">
        <v>0</v>
      </c>
      <c r="D158" s="225">
        <v>75</v>
      </c>
    </row>
    <row r="159" spans="1:4">
      <c r="A159" s="218" t="s">
        <v>2004</v>
      </c>
      <c r="B159" s="225">
        <v>-9919307.6799999997</v>
      </c>
      <c r="C159" s="225">
        <v>-743109.82</v>
      </c>
      <c r="D159" s="225">
        <v>-10662417.500000002</v>
      </c>
    </row>
    <row r="160" spans="1:4">
      <c r="A160" s="218" t="s">
        <v>2005</v>
      </c>
      <c r="B160" s="225">
        <v>-33501036.470000003</v>
      </c>
      <c r="C160" s="225">
        <v>3256890.1799999997</v>
      </c>
      <c r="D160" s="225">
        <v>-30244146.289999999</v>
      </c>
    </row>
    <row r="161" spans="1:4">
      <c r="A161" s="218" t="s">
        <v>2006</v>
      </c>
      <c r="B161" s="225">
        <v>1016894684.6400001</v>
      </c>
      <c r="C161" s="225">
        <v>-172458974.53999999</v>
      </c>
      <c r="D161" s="225">
        <v>844435710.10000002</v>
      </c>
    </row>
    <row r="162" spans="1:4">
      <c r="A162" s="218" t="s">
        <v>2007</v>
      </c>
      <c r="B162" s="225">
        <v>44924844.129999995</v>
      </c>
      <c r="C162" s="225">
        <v>1328270.06</v>
      </c>
      <c r="D162" s="225">
        <v>46253114.190000005</v>
      </c>
    </row>
    <row r="163" spans="1:4">
      <c r="A163" s="218" t="s">
        <v>2008</v>
      </c>
      <c r="B163" s="225">
        <v>24537423.48</v>
      </c>
      <c r="C163" s="225">
        <v>3298031.67</v>
      </c>
      <c r="D163" s="225">
        <v>27835455.149999999</v>
      </c>
    </row>
    <row r="164" spans="1:4">
      <c r="A164" s="218" t="s">
        <v>2009</v>
      </c>
      <c r="B164" s="225">
        <v>0</v>
      </c>
      <c r="C164" s="225">
        <v>2862497.44</v>
      </c>
      <c r="D164" s="225">
        <v>2862497.44</v>
      </c>
    </row>
    <row r="165" spans="1:4">
      <c r="A165" s="218" t="s">
        <v>2010</v>
      </c>
      <c r="B165" s="225">
        <v>69462267.609999999</v>
      </c>
      <c r="C165" s="225">
        <v>7488799.1700000009</v>
      </c>
      <c r="D165" s="225">
        <v>76951066.780000001</v>
      </c>
    </row>
    <row r="166" spans="1:4">
      <c r="A166" s="218" t="s">
        <v>2011</v>
      </c>
      <c r="B166" s="225">
        <v>95157350.879999995</v>
      </c>
      <c r="C166" s="225">
        <v>-642526.49</v>
      </c>
      <c r="D166" s="225">
        <v>94514824.390000001</v>
      </c>
    </row>
    <row r="167" spans="1:4">
      <c r="A167" s="218" t="s">
        <v>2012</v>
      </c>
      <c r="B167" s="225">
        <v>95157350.879999995</v>
      </c>
      <c r="C167" s="225">
        <v>-642526.49</v>
      </c>
      <c r="D167" s="225">
        <v>94514824.390000001</v>
      </c>
    </row>
    <row r="168" spans="1:4">
      <c r="A168" s="218" t="s">
        <v>2013</v>
      </c>
      <c r="B168" s="225">
        <v>4233126.2200000007</v>
      </c>
      <c r="C168" s="225">
        <v>245225.35</v>
      </c>
      <c r="D168" s="225">
        <v>4478351.57</v>
      </c>
    </row>
    <row r="169" spans="1:4">
      <c r="A169" s="218" t="s">
        <v>2014</v>
      </c>
      <c r="B169" s="225">
        <v>4233126.2200000007</v>
      </c>
      <c r="C169" s="225">
        <v>245225.35</v>
      </c>
      <c r="D169" s="225">
        <v>4478351.57</v>
      </c>
    </row>
    <row r="170" spans="1:4">
      <c r="A170" s="218" t="s">
        <v>2015</v>
      </c>
      <c r="B170" s="225">
        <v>168852744.71000001</v>
      </c>
      <c r="C170" s="225">
        <v>7091498.0299999993</v>
      </c>
      <c r="D170" s="225">
        <v>175944242.74000001</v>
      </c>
    </row>
    <row r="171" spans="1:4">
      <c r="A171" s="218" t="s">
        <v>2016</v>
      </c>
      <c r="B171" s="225">
        <v>466426043.20000005</v>
      </c>
      <c r="C171" s="225">
        <v>-3842298.58</v>
      </c>
      <c r="D171" s="225">
        <v>462583744.62</v>
      </c>
    </row>
    <row r="172" spans="1:4">
      <c r="A172" s="218" t="s">
        <v>2017</v>
      </c>
      <c r="B172" s="225">
        <v>5547784.6100000003</v>
      </c>
      <c r="C172" s="225">
        <v>0</v>
      </c>
      <c r="D172" s="225">
        <v>5547784.6100000003</v>
      </c>
    </row>
    <row r="173" spans="1:4">
      <c r="A173" s="218" t="s">
        <v>2018</v>
      </c>
      <c r="B173" s="225">
        <v>1646068.99</v>
      </c>
      <c r="C173" s="225">
        <v>83591.97</v>
      </c>
      <c r="D173" s="225">
        <v>1729660.96</v>
      </c>
    </row>
    <row r="174" spans="1:4">
      <c r="A174" s="218" t="s">
        <v>2019</v>
      </c>
      <c r="B174" s="225">
        <v>4630261.9399999995</v>
      </c>
      <c r="C174" s="225">
        <v>80094.680000000008</v>
      </c>
      <c r="D174" s="225">
        <v>4710356.62</v>
      </c>
    </row>
    <row r="175" spans="1:4">
      <c r="A175" s="218" t="s">
        <v>2020</v>
      </c>
      <c r="B175" s="225">
        <v>-434726.10000000003</v>
      </c>
      <c r="C175" s="225">
        <v>-59891.22</v>
      </c>
      <c r="D175" s="225">
        <v>-494617.32</v>
      </c>
    </row>
    <row r="176" spans="1:4">
      <c r="A176" s="218" t="s">
        <v>2021</v>
      </c>
      <c r="B176" s="225">
        <v>477815432.64000005</v>
      </c>
      <c r="C176" s="225">
        <v>-3738503.1499999994</v>
      </c>
      <c r="D176" s="225">
        <v>474076929.48999995</v>
      </c>
    </row>
    <row r="177" spans="1:4">
      <c r="A177" s="218" t="s">
        <v>2023</v>
      </c>
      <c r="B177" s="225">
        <v>3210153.45</v>
      </c>
      <c r="C177" s="225">
        <v>0</v>
      </c>
      <c r="D177" s="225">
        <v>3210153.45</v>
      </c>
    </row>
    <row r="178" spans="1:4">
      <c r="A178" s="218" t="s">
        <v>2024</v>
      </c>
      <c r="B178" s="225">
        <v>3210153.45</v>
      </c>
      <c r="C178" s="225">
        <v>0</v>
      </c>
      <c r="D178" s="225">
        <v>3210153.45</v>
      </c>
    </row>
    <row r="179" spans="1:4">
      <c r="A179" s="218" t="s">
        <v>2025</v>
      </c>
      <c r="B179" s="225">
        <v>22604823.239999998</v>
      </c>
      <c r="C179" s="225">
        <v>-1056607.06</v>
      </c>
      <c r="D179" s="225">
        <v>21548216.18</v>
      </c>
    </row>
    <row r="180" spans="1:4">
      <c r="A180" s="218" t="s">
        <v>2026</v>
      </c>
      <c r="B180" s="225">
        <v>-3341.48</v>
      </c>
      <c r="C180" s="225">
        <v>0</v>
      </c>
      <c r="D180" s="225">
        <v>-3341.48</v>
      </c>
    </row>
    <row r="181" spans="1:4">
      <c r="A181" s="218" t="s">
        <v>2027</v>
      </c>
      <c r="B181" s="225">
        <v>2460738.33</v>
      </c>
      <c r="C181" s="225">
        <v>0</v>
      </c>
      <c r="D181" s="225">
        <v>2460738.33</v>
      </c>
    </row>
    <row r="182" spans="1:4">
      <c r="A182" s="218" t="s">
        <v>2028</v>
      </c>
      <c r="B182" s="225">
        <v>2635.44</v>
      </c>
      <c r="C182" s="225">
        <v>0</v>
      </c>
      <c r="D182" s="225">
        <v>2635.44</v>
      </c>
    </row>
    <row r="183" spans="1:4">
      <c r="A183" s="218" t="s">
        <v>2029</v>
      </c>
      <c r="B183" s="225">
        <v>25064855.529999997</v>
      </c>
      <c r="C183" s="225">
        <v>-1056607.06</v>
      </c>
      <c r="D183" s="225">
        <v>24008248.470000003</v>
      </c>
    </row>
    <row r="184" spans="1:4">
      <c r="A184" s="218" t="s">
        <v>2030</v>
      </c>
      <c r="B184" s="225">
        <v>-212195.83</v>
      </c>
      <c r="C184" s="225">
        <v>-13531.800000000001</v>
      </c>
      <c r="D184" s="225">
        <v>-225727.63</v>
      </c>
    </row>
    <row r="185" spans="1:4">
      <c r="A185" s="218" t="s">
        <v>2031</v>
      </c>
      <c r="B185" s="225">
        <v>-212195.83</v>
      </c>
      <c r="C185" s="225">
        <v>-13531.800000000001</v>
      </c>
      <c r="D185" s="225">
        <v>-225727.63</v>
      </c>
    </row>
    <row r="186" spans="1:4">
      <c r="A186" s="218" t="s">
        <v>2032</v>
      </c>
      <c r="B186" s="225">
        <v>674730990.5</v>
      </c>
      <c r="C186" s="225">
        <v>2282856.02</v>
      </c>
      <c r="D186" s="225">
        <v>677013846.51999998</v>
      </c>
    </row>
    <row r="187" spans="1:4">
      <c r="A187" s="218" t="s">
        <v>2033</v>
      </c>
      <c r="B187" s="225">
        <v>45612167.989999995</v>
      </c>
      <c r="C187" s="225">
        <v>-14374546.620000001</v>
      </c>
      <c r="D187" s="225">
        <v>31237621.370000001</v>
      </c>
    </row>
    <row r="188" spans="1:4">
      <c r="A188" s="218" t="s">
        <v>2034</v>
      </c>
      <c r="B188" s="225">
        <v>17412148.109999999</v>
      </c>
      <c r="C188" s="225">
        <v>2191241.06</v>
      </c>
      <c r="D188" s="225">
        <v>19603389.170000002</v>
      </c>
    </row>
    <row r="189" spans="1:4">
      <c r="A189" s="218" t="s">
        <v>2035</v>
      </c>
      <c r="B189" s="225">
        <v>33822152.399999999</v>
      </c>
      <c r="C189" s="225">
        <v>4021581.7600000002</v>
      </c>
      <c r="D189" s="225">
        <v>37843734.159999996</v>
      </c>
    </row>
    <row r="190" spans="1:4">
      <c r="A190" s="218" t="s">
        <v>2036</v>
      </c>
      <c r="B190" s="225">
        <v>115149.7</v>
      </c>
      <c r="C190" s="225">
        <v>1362633.7</v>
      </c>
      <c r="D190" s="225">
        <v>1477783.4000000001</v>
      </c>
    </row>
    <row r="191" spans="1:4">
      <c r="A191" s="218" t="s">
        <v>2037</v>
      </c>
      <c r="B191" s="225">
        <v>2172027.88</v>
      </c>
      <c r="C191" s="225">
        <v>-2172027.92</v>
      </c>
      <c r="D191" s="225">
        <v>-0.04</v>
      </c>
    </row>
    <row r="192" spans="1:4">
      <c r="A192" s="218" t="s">
        <v>2038</v>
      </c>
      <c r="B192" s="225">
        <v>0</v>
      </c>
      <c r="C192" s="225">
        <v>0</v>
      </c>
      <c r="D192" s="225">
        <v>0</v>
      </c>
    </row>
    <row r="193" spans="1:4">
      <c r="A193" s="218" t="s">
        <v>2039</v>
      </c>
      <c r="B193" s="225">
        <v>533830.45000000007</v>
      </c>
      <c r="C193" s="225">
        <v>326768.57</v>
      </c>
      <c r="D193" s="225">
        <v>860599.02</v>
      </c>
    </row>
    <row r="194" spans="1:4">
      <c r="A194" s="218" t="s">
        <v>2040</v>
      </c>
      <c r="B194" s="225">
        <v>79905</v>
      </c>
      <c r="C194" s="225">
        <v>0</v>
      </c>
      <c r="D194" s="225">
        <v>79905</v>
      </c>
    </row>
    <row r="195" spans="1:4">
      <c r="A195" s="218" t="s">
        <v>2041</v>
      </c>
      <c r="B195" s="225">
        <v>0</v>
      </c>
      <c r="C195" s="225">
        <v>0</v>
      </c>
      <c r="D195" s="225">
        <v>0</v>
      </c>
    </row>
    <row r="196" spans="1:4">
      <c r="A196" s="218" t="s">
        <v>2885</v>
      </c>
      <c r="B196" s="225"/>
      <c r="C196" s="225">
        <v>-184.76</v>
      </c>
      <c r="D196" s="225">
        <v>-184.76</v>
      </c>
    </row>
    <row r="197" spans="1:4">
      <c r="A197" s="218" t="s">
        <v>2042</v>
      </c>
      <c r="B197" s="225">
        <v>99747381.530000001</v>
      </c>
      <c r="C197" s="225">
        <v>-8644534.2100000009</v>
      </c>
      <c r="D197" s="225">
        <v>91102847.319999993</v>
      </c>
    </row>
    <row r="198" spans="1:4">
      <c r="A198" s="218" t="s">
        <v>2043</v>
      </c>
      <c r="B198" s="225">
        <v>0</v>
      </c>
      <c r="C198" s="225">
        <v>0</v>
      </c>
      <c r="D198" s="225">
        <v>0</v>
      </c>
    </row>
    <row r="199" spans="1:4">
      <c r="A199" s="218" t="s">
        <v>2886</v>
      </c>
      <c r="B199" s="225"/>
      <c r="C199" s="225">
        <v>-865984.97</v>
      </c>
      <c r="D199" s="225">
        <v>-865984.97</v>
      </c>
    </row>
    <row r="200" spans="1:4">
      <c r="A200" s="218" t="s">
        <v>2044</v>
      </c>
      <c r="B200" s="225">
        <v>0</v>
      </c>
      <c r="C200" s="225">
        <v>-865984.97</v>
      </c>
      <c r="D200" s="225">
        <v>-865984.97</v>
      </c>
    </row>
    <row r="201" spans="1:4">
      <c r="A201" s="218" t="s">
        <v>2045</v>
      </c>
      <c r="B201" s="225">
        <v>77734432</v>
      </c>
      <c r="C201" s="225">
        <v>-77734432</v>
      </c>
      <c r="D201" s="225">
        <v>0</v>
      </c>
    </row>
    <row r="202" spans="1:4">
      <c r="A202" s="218" t="s">
        <v>2046</v>
      </c>
      <c r="B202" s="225">
        <v>77734432</v>
      </c>
      <c r="C202" s="225">
        <v>-77734432</v>
      </c>
      <c r="D202" s="225">
        <v>0</v>
      </c>
    </row>
    <row r="203" spans="1:4">
      <c r="A203" s="218" t="s">
        <v>2887</v>
      </c>
      <c r="B203" s="225">
        <v>34297634.450000003</v>
      </c>
      <c r="C203" s="225">
        <v>-34297634.450000003</v>
      </c>
      <c r="D203" s="225">
        <v>0</v>
      </c>
    </row>
    <row r="204" spans="1:4">
      <c r="A204" s="218" t="s">
        <v>2047</v>
      </c>
      <c r="B204" s="225">
        <v>112032066.44999999</v>
      </c>
      <c r="C204" s="225">
        <v>-112032066.44999999</v>
      </c>
      <c r="D204" s="225">
        <v>0</v>
      </c>
    </row>
    <row r="205" spans="1:4">
      <c r="A205" s="218" t="s">
        <v>2888</v>
      </c>
      <c r="B205" s="225">
        <v>-34297634.450000003</v>
      </c>
      <c r="C205" s="225">
        <v>34297634.450000003</v>
      </c>
      <c r="D205" s="225">
        <v>0</v>
      </c>
    </row>
    <row r="206" spans="1:4">
      <c r="A206" s="218" t="s">
        <v>2048</v>
      </c>
      <c r="B206" s="225">
        <v>5036813.91</v>
      </c>
      <c r="C206" s="225">
        <v>-3258895.65</v>
      </c>
      <c r="D206" s="225">
        <v>1777918.26</v>
      </c>
    </row>
    <row r="207" spans="1:4">
      <c r="A207" s="218" t="s">
        <v>2049</v>
      </c>
      <c r="B207" s="225">
        <v>5036813.91</v>
      </c>
      <c r="C207" s="225">
        <v>-3258895.65</v>
      </c>
      <c r="D207" s="225">
        <v>1777918.26</v>
      </c>
    </row>
    <row r="208" spans="1:4">
      <c r="A208" s="218" t="s">
        <v>2050</v>
      </c>
      <c r="B208" s="225">
        <v>1899546881.77</v>
      </c>
      <c r="C208" s="225">
        <v>-262261708.49000001</v>
      </c>
      <c r="D208" s="225">
        <v>1637285173.28</v>
      </c>
    </row>
    <row r="209" spans="1:4">
      <c r="A209" s="217" t="s">
        <v>2051</v>
      </c>
      <c r="B209" s="226">
        <v>1899546881.77</v>
      </c>
      <c r="C209" s="226">
        <v>-262261708.49000001</v>
      </c>
      <c r="D209" s="226">
        <v>1637285173.28</v>
      </c>
    </row>
    <row r="210" spans="1:4">
      <c r="A210" s="218" t="s">
        <v>2052</v>
      </c>
      <c r="B210" s="225">
        <v>4710161.84</v>
      </c>
      <c r="C210" s="225">
        <v>-48826.84</v>
      </c>
      <c r="D210" s="225">
        <v>4661335</v>
      </c>
    </row>
    <row r="211" spans="1:4">
      <c r="A211" s="218" t="s">
        <v>2053</v>
      </c>
      <c r="B211" s="225">
        <v>5603986.8100000005</v>
      </c>
      <c r="C211" s="225">
        <v>-16655.399999999998</v>
      </c>
      <c r="D211" s="225">
        <v>5587331.4100000001</v>
      </c>
    </row>
    <row r="212" spans="1:4">
      <c r="A212" s="218" t="s">
        <v>2054</v>
      </c>
      <c r="B212" s="225">
        <v>125610.75</v>
      </c>
      <c r="C212" s="225">
        <v>1003001.58</v>
      </c>
      <c r="D212" s="225">
        <v>1128612.3299999998</v>
      </c>
    </row>
    <row r="213" spans="1:4">
      <c r="A213" s="218" t="s">
        <v>2055</v>
      </c>
      <c r="B213" s="225">
        <v>106260.51000000001</v>
      </c>
      <c r="C213" s="225">
        <v>-16533.780000000002</v>
      </c>
      <c r="D213" s="225">
        <v>89726.73</v>
      </c>
    </row>
    <row r="214" spans="1:4">
      <c r="A214" s="218" t="s">
        <v>2056</v>
      </c>
      <c r="B214" s="225">
        <v>2496468.34</v>
      </c>
      <c r="C214" s="225">
        <v>-45008.439999999995</v>
      </c>
      <c r="D214" s="225">
        <v>2451459.9</v>
      </c>
    </row>
    <row r="215" spans="1:4">
      <c r="A215" s="218" t="s">
        <v>2057</v>
      </c>
      <c r="B215" s="225">
        <v>3951031.37</v>
      </c>
      <c r="C215" s="225">
        <v>-13372.17</v>
      </c>
      <c r="D215" s="225">
        <v>3937659.2</v>
      </c>
    </row>
    <row r="216" spans="1:4">
      <c r="A216" s="218" t="s">
        <v>2889</v>
      </c>
      <c r="B216" s="225">
        <v>22977.919999999998</v>
      </c>
      <c r="C216" s="225">
        <v>2871731.41</v>
      </c>
      <c r="D216" s="225">
        <v>2894709.33</v>
      </c>
    </row>
    <row r="217" spans="1:4">
      <c r="A217" s="218" t="s">
        <v>2058</v>
      </c>
      <c r="B217" s="225">
        <v>5840889</v>
      </c>
      <c r="C217" s="225">
        <v>-16809.940000000002</v>
      </c>
      <c r="D217" s="225">
        <v>5824079.0599999996</v>
      </c>
    </row>
    <row r="218" spans="1:4">
      <c r="A218" s="218" t="s">
        <v>2059</v>
      </c>
      <c r="B218" s="225">
        <v>3060789.15</v>
      </c>
      <c r="C218" s="225">
        <v>-39007.51</v>
      </c>
      <c r="D218" s="225">
        <v>3021781.64</v>
      </c>
    </row>
    <row r="219" spans="1:4">
      <c r="A219" s="218" t="s">
        <v>2060</v>
      </c>
      <c r="B219" s="225">
        <v>5520820.9000000004</v>
      </c>
      <c r="C219" s="225">
        <v>-20148.980000000003</v>
      </c>
      <c r="D219" s="225">
        <v>5500671.9199999999</v>
      </c>
    </row>
    <row r="220" spans="1:4">
      <c r="A220" s="218" t="s">
        <v>2061</v>
      </c>
      <c r="B220" s="225">
        <v>1851680.87</v>
      </c>
      <c r="C220" s="225">
        <v>-49422.09</v>
      </c>
      <c r="D220" s="225">
        <v>1802258.7799999998</v>
      </c>
    </row>
    <row r="221" spans="1:4">
      <c r="A221" s="218" t="s">
        <v>2062</v>
      </c>
      <c r="B221" s="225">
        <v>3755321.48</v>
      </c>
      <c r="C221" s="225">
        <v>-52157.25</v>
      </c>
      <c r="D221" s="225">
        <v>3703164.23</v>
      </c>
    </row>
    <row r="222" spans="1:4">
      <c r="A222" s="218" t="s">
        <v>2063</v>
      </c>
      <c r="B222" s="225">
        <v>0</v>
      </c>
      <c r="C222" s="225">
        <v>0</v>
      </c>
      <c r="D222" s="225">
        <v>0</v>
      </c>
    </row>
    <row r="223" spans="1:4">
      <c r="A223" s="218" t="s">
        <v>2890</v>
      </c>
      <c r="B223" s="225">
        <v>2763121.42</v>
      </c>
      <c r="C223" s="225">
        <v>-2763121.42</v>
      </c>
      <c r="D223" s="225">
        <v>0</v>
      </c>
    </row>
    <row r="224" spans="1:4">
      <c r="A224" s="218" t="s">
        <v>2891</v>
      </c>
      <c r="B224" s="225">
        <v>5342291.4000000004</v>
      </c>
      <c r="C224" s="225">
        <v>2542870.31</v>
      </c>
      <c r="D224" s="225">
        <v>7885161.71</v>
      </c>
    </row>
    <row r="225" spans="1:4">
      <c r="A225" s="218" t="s">
        <v>2892</v>
      </c>
      <c r="B225" s="225">
        <v>2770893.16</v>
      </c>
      <c r="C225" s="225">
        <v>2158143.77</v>
      </c>
      <c r="D225" s="225">
        <v>4929036.9300000006</v>
      </c>
    </row>
    <row r="226" spans="1:4">
      <c r="A226" s="218" t="s">
        <v>2064</v>
      </c>
      <c r="B226" s="225">
        <v>2669219.6</v>
      </c>
      <c r="C226" s="225">
        <v>-51795.96</v>
      </c>
      <c r="D226" s="225">
        <v>2617423.64</v>
      </c>
    </row>
    <row r="227" spans="1:4">
      <c r="A227" s="218" t="s">
        <v>2065</v>
      </c>
      <c r="B227" s="225">
        <v>767575.83000000007</v>
      </c>
      <c r="C227" s="225">
        <v>-15351.52</v>
      </c>
      <c r="D227" s="225">
        <v>752224.30999999994</v>
      </c>
    </row>
    <row r="228" spans="1:4">
      <c r="A228" s="218" t="s">
        <v>2066</v>
      </c>
      <c r="B228" s="225">
        <v>922421.63</v>
      </c>
      <c r="C228" s="225">
        <v>-8310.1</v>
      </c>
      <c r="D228" s="225">
        <v>914111.52999999991</v>
      </c>
    </row>
    <row r="229" spans="1:4">
      <c r="A229" s="218" t="s">
        <v>2067</v>
      </c>
      <c r="B229" s="225">
        <v>3083605.34</v>
      </c>
      <c r="C229" s="225">
        <v>-18635.809999999998</v>
      </c>
      <c r="D229" s="225">
        <v>3064969.53</v>
      </c>
    </row>
    <row r="230" spans="1:4">
      <c r="A230" s="218" t="s">
        <v>2068</v>
      </c>
      <c r="B230" s="225">
        <v>2551752.4900000002</v>
      </c>
      <c r="C230" s="225">
        <v>-13019.15</v>
      </c>
      <c r="D230" s="225">
        <v>2538733.34</v>
      </c>
    </row>
    <row r="231" spans="1:4">
      <c r="A231" s="218" t="s">
        <v>2069</v>
      </c>
      <c r="B231" s="225">
        <v>6367010.79</v>
      </c>
      <c r="C231" s="225">
        <v>-36494.14</v>
      </c>
      <c r="D231" s="225">
        <v>6330516.6499999994</v>
      </c>
    </row>
    <row r="232" spans="1:4">
      <c r="A232" s="218" t="s">
        <v>2070</v>
      </c>
      <c r="B232" s="225">
        <v>3077487.83</v>
      </c>
      <c r="C232" s="225">
        <v>-13529.4</v>
      </c>
      <c r="D232" s="225">
        <v>3063958.43</v>
      </c>
    </row>
    <row r="233" spans="1:4">
      <c r="A233" s="218" t="s">
        <v>2071</v>
      </c>
      <c r="B233" s="225">
        <v>67361378.429999992</v>
      </c>
      <c r="C233" s="225">
        <v>5337547.17</v>
      </c>
      <c r="D233" s="225">
        <v>72698925.599999994</v>
      </c>
    </row>
    <row r="234" spans="1:4">
      <c r="A234" s="218" t="s">
        <v>2072</v>
      </c>
      <c r="B234" s="225">
        <v>4391049.17</v>
      </c>
      <c r="C234" s="225">
        <v>-904368.15999999992</v>
      </c>
      <c r="D234" s="225">
        <v>3486681.0100000002</v>
      </c>
    </row>
    <row r="235" spans="1:4">
      <c r="A235" s="218" t="s">
        <v>2893</v>
      </c>
      <c r="B235" s="225"/>
      <c r="C235" s="225">
        <v>834801.38</v>
      </c>
      <c r="D235" s="225">
        <v>834801.38</v>
      </c>
    </row>
    <row r="236" spans="1:4">
      <c r="A236" s="218" t="s">
        <v>2073</v>
      </c>
      <c r="B236" s="225">
        <v>4391049.17</v>
      </c>
      <c r="C236" s="225">
        <v>-69566.78</v>
      </c>
      <c r="D236" s="225">
        <v>4321482.3899999997</v>
      </c>
    </row>
    <row r="237" spans="1:4">
      <c r="A237" s="218" t="s">
        <v>2074</v>
      </c>
      <c r="B237" s="225">
        <v>71752427.599999994</v>
      </c>
      <c r="C237" s="225">
        <v>5267980.3899999997</v>
      </c>
      <c r="D237" s="225">
        <v>77020407.99000001</v>
      </c>
    </row>
    <row r="238" spans="1:4">
      <c r="A238" s="218" t="s">
        <v>2075</v>
      </c>
      <c r="B238" s="225">
        <v>1313745.07</v>
      </c>
      <c r="C238" s="225">
        <v>-5429.58</v>
      </c>
      <c r="D238" s="225">
        <v>1308315.49</v>
      </c>
    </row>
    <row r="239" spans="1:4">
      <c r="A239" s="218" t="s">
        <v>2076</v>
      </c>
      <c r="B239" s="225">
        <v>1313745.07</v>
      </c>
      <c r="C239" s="225">
        <v>-5429.58</v>
      </c>
      <c r="D239" s="225">
        <v>1308315.49</v>
      </c>
    </row>
    <row r="240" spans="1:4">
      <c r="A240" s="218" t="s">
        <v>2077</v>
      </c>
      <c r="B240" s="225">
        <v>163805757.32999998</v>
      </c>
      <c r="C240" s="225">
        <v>7855123.1500000004</v>
      </c>
      <c r="D240" s="225">
        <v>171660880.47999999</v>
      </c>
    </row>
    <row r="241" spans="1:4">
      <c r="A241" s="218" t="s">
        <v>2078</v>
      </c>
      <c r="B241" s="225">
        <v>163805757.32999998</v>
      </c>
      <c r="C241" s="225">
        <v>7855123.1500000004</v>
      </c>
      <c r="D241" s="225">
        <v>171660880.47999999</v>
      </c>
    </row>
    <row r="242" spans="1:4">
      <c r="A242" s="218" t="s">
        <v>2079</v>
      </c>
      <c r="B242" s="225">
        <v>-11395745.319999998</v>
      </c>
      <c r="C242" s="225">
        <v>359864.08999999997</v>
      </c>
      <c r="D242" s="225">
        <v>-11035881.229999999</v>
      </c>
    </row>
    <row r="243" spans="1:4">
      <c r="A243" s="218" t="s">
        <v>2080</v>
      </c>
      <c r="B243" s="225">
        <v>0.15</v>
      </c>
      <c r="C243" s="225">
        <v>0</v>
      </c>
      <c r="D243" s="225">
        <v>0.15</v>
      </c>
    </row>
    <row r="244" spans="1:4">
      <c r="A244" s="218" t="s">
        <v>2081</v>
      </c>
      <c r="B244" s="225">
        <v>11423717.32</v>
      </c>
      <c r="C244" s="225">
        <v>-857282</v>
      </c>
      <c r="D244" s="225">
        <v>10566435.32</v>
      </c>
    </row>
    <row r="245" spans="1:4">
      <c r="A245" s="218" t="s">
        <v>2082</v>
      </c>
      <c r="B245" s="225">
        <v>-0.15</v>
      </c>
      <c r="C245" s="225">
        <v>0</v>
      </c>
      <c r="D245" s="225">
        <v>-0.15</v>
      </c>
    </row>
    <row r="246" spans="1:4">
      <c r="A246" s="218" t="s">
        <v>2083</v>
      </c>
      <c r="B246" s="225">
        <v>11920344.139999999</v>
      </c>
      <c r="C246" s="225">
        <v>53591.439999999995</v>
      </c>
      <c r="D246" s="225">
        <v>11973935.58</v>
      </c>
    </row>
    <row r="247" spans="1:4">
      <c r="A247" s="218" t="s">
        <v>2084</v>
      </c>
      <c r="B247" s="225">
        <v>17521839</v>
      </c>
      <c r="C247" s="225">
        <v>0</v>
      </c>
      <c r="D247" s="225">
        <v>17521839</v>
      </c>
    </row>
    <row r="248" spans="1:4">
      <c r="A248" s="218" t="s">
        <v>2085</v>
      </c>
      <c r="B248" s="225">
        <v>314567302.38</v>
      </c>
      <c r="C248" s="225">
        <v>10296639.440000001</v>
      </c>
      <c r="D248" s="225">
        <v>324863941.81999999</v>
      </c>
    </row>
    <row r="249" spans="1:4">
      <c r="A249" s="218" t="s">
        <v>2086</v>
      </c>
      <c r="B249" s="225">
        <v>40895595.039999999</v>
      </c>
      <c r="C249" s="225">
        <v>-608245.09</v>
      </c>
      <c r="D249" s="225">
        <v>40287349.950000003</v>
      </c>
    </row>
    <row r="250" spans="1:4">
      <c r="A250" s="218" t="s">
        <v>2087</v>
      </c>
      <c r="B250" s="225">
        <v>0</v>
      </c>
      <c r="C250" s="225">
        <v>0</v>
      </c>
      <c r="D250" s="225">
        <v>0</v>
      </c>
    </row>
    <row r="251" spans="1:4">
      <c r="A251" s="218" t="s">
        <v>2088</v>
      </c>
      <c r="B251" s="225">
        <v>7292915.3500000006</v>
      </c>
      <c r="C251" s="225">
        <v>0</v>
      </c>
      <c r="D251" s="225">
        <v>7292915.3500000006</v>
      </c>
    </row>
    <row r="252" spans="1:4">
      <c r="A252" s="218" t="s">
        <v>2894</v>
      </c>
      <c r="B252" s="225">
        <v>325834</v>
      </c>
      <c r="C252" s="225">
        <v>183892</v>
      </c>
      <c r="D252" s="225">
        <v>509726</v>
      </c>
    </row>
    <row r="253" spans="1:4">
      <c r="A253" s="218" t="s">
        <v>2089</v>
      </c>
      <c r="B253" s="225">
        <v>28816599.040000003</v>
      </c>
      <c r="C253" s="225">
        <v>1284110.0000000002</v>
      </c>
      <c r="D253" s="225">
        <v>30100709.039999999</v>
      </c>
    </row>
    <row r="254" spans="1:4">
      <c r="A254" s="218" t="s">
        <v>2090</v>
      </c>
      <c r="B254" s="225">
        <v>986550</v>
      </c>
      <c r="C254" s="225">
        <v>0</v>
      </c>
      <c r="D254" s="225">
        <v>986550</v>
      </c>
    </row>
    <row r="255" spans="1:4">
      <c r="A255" s="218" t="s">
        <v>2091</v>
      </c>
      <c r="B255" s="225">
        <v>9033494.0700000003</v>
      </c>
      <c r="C255" s="225">
        <v>-107737</v>
      </c>
      <c r="D255" s="225">
        <v>8925757.0700000003</v>
      </c>
    </row>
    <row r="256" spans="1:4">
      <c r="A256" s="218" t="s">
        <v>2092</v>
      </c>
      <c r="B256" s="225">
        <v>26941362</v>
      </c>
      <c r="C256" s="225">
        <v>-89506</v>
      </c>
      <c r="D256" s="225">
        <v>26851855.999999996</v>
      </c>
    </row>
    <row r="257" spans="1:4">
      <c r="A257" s="218" t="s">
        <v>2094</v>
      </c>
      <c r="B257" s="225">
        <v>-30140046.629999999</v>
      </c>
      <c r="C257" s="225">
        <v>216834.87</v>
      </c>
      <c r="D257" s="225">
        <v>-29923211.760000002</v>
      </c>
    </row>
    <row r="258" spans="1:4">
      <c r="A258" s="218" t="s">
        <v>2895</v>
      </c>
      <c r="B258" s="225">
        <v>-2602018.42</v>
      </c>
      <c r="C258" s="225">
        <v>0</v>
      </c>
      <c r="D258" s="225">
        <v>-2602018.42</v>
      </c>
    </row>
    <row r="259" spans="1:4">
      <c r="A259" s="218" t="s">
        <v>2896</v>
      </c>
      <c r="B259" s="225">
        <v>-5974546</v>
      </c>
      <c r="C259" s="225">
        <v>-543141</v>
      </c>
      <c r="D259" s="225">
        <v>-6517687</v>
      </c>
    </row>
    <row r="260" spans="1:4">
      <c r="A260" s="218" t="s">
        <v>2096</v>
      </c>
      <c r="B260" s="225">
        <v>28348.73</v>
      </c>
      <c r="C260" s="225">
        <v>299.79000000000002</v>
      </c>
      <c r="D260" s="225">
        <v>28648.519999999997</v>
      </c>
    </row>
    <row r="261" spans="1:4">
      <c r="A261" s="218" t="s">
        <v>2097</v>
      </c>
      <c r="B261" s="225">
        <v>19463496.050000001</v>
      </c>
      <c r="C261" s="225">
        <v>548252.03999999992</v>
      </c>
      <c r="D261" s="225">
        <v>20011748.09</v>
      </c>
    </row>
    <row r="262" spans="1:4">
      <c r="A262" s="218" t="s">
        <v>2098</v>
      </c>
      <c r="B262" s="225">
        <v>18955794.609999999</v>
      </c>
      <c r="C262" s="225">
        <v>-1723516.49</v>
      </c>
      <c r="D262" s="225">
        <v>17232278.120000001</v>
      </c>
    </row>
    <row r="263" spans="1:4">
      <c r="A263" s="218" t="s">
        <v>2099</v>
      </c>
      <c r="B263" s="225">
        <v>0</v>
      </c>
      <c r="C263" s="225">
        <v>0</v>
      </c>
      <c r="D263" s="225">
        <v>0</v>
      </c>
    </row>
    <row r="264" spans="1:4">
      <c r="A264" s="218" t="s">
        <v>2897</v>
      </c>
      <c r="B264" s="225">
        <v>0</v>
      </c>
      <c r="C264" s="225">
        <v>14973655.199999999</v>
      </c>
      <c r="D264" s="225">
        <v>14973655.199999999</v>
      </c>
    </row>
    <row r="265" spans="1:4">
      <c r="A265" s="218" t="s">
        <v>2100</v>
      </c>
      <c r="B265" s="225">
        <v>-755794828.79999995</v>
      </c>
      <c r="C265" s="225">
        <v>-54303064.069999993</v>
      </c>
      <c r="D265" s="225">
        <v>-810097892.87</v>
      </c>
    </row>
    <row r="266" spans="1:4">
      <c r="A266" s="218" t="s">
        <v>2101</v>
      </c>
      <c r="B266" s="225">
        <v>1376042465.3600001</v>
      </c>
      <c r="C266" s="225">
        <v>8113018.5799999991</v>
      </c>
      <c r="D266" s="225">
        <v>1384155483.9399998</v>
      </c>
    </row>
    <row r="267" spans="1:4">
      <c r="A267" s="218" t="s">
        <v>2102</v>
      </c>
      <c r="B267" s="225">
        <v>7753093.0699999994</v>
      </c>
      <c r="C267" s="225">
        <v>11228955.76</v>
      </c>
      <c r="D267" s="225">
        <v>18982048.830000002</v>
      </c>
    </row>
    <row r="268" spans="1:4">
      <c r="A268" s="218" t="s">
        <v>2103</v>
      </c>
      <c r="B268" s="225">
        <v>460648795.64999998</v>
      </c>
      <c r="C268" s="225">
        <v>0</v>
      </c>
      <c r="D268" s="225">
        <v>460648795.64999998</v>
      </c>
    </row>
    <row r="269" spans="1:4">
      <c r="A269" s="218" t="s">
        <v>2104</v>
      </c>
      <c r="B269" s="225">
        <v>336026.87000000005</v>
      </c>
      <c r="C269" s="225">
        <v>0</v>
      </c>
      <c r="D269" s="225">
        <v>336026.87000000005</v>
      </c>
    </row>
    <row r="270" spans="1:4">
      <c r="A270" s="218" t="s">
        <v>2105</v>
      </c>
      <c r="B270" s="225">
        <v>24820663.650000002</v>
      </c>
      <c r="C270" s="225">
        <v>-1686388.68</v>
      </c>
      <c r="D270" s="225">
        <v>23134274.969999999</v>
      </c>
    </row>
    <row r="271" spans="1:4">
      <c r="A271" s="218" t="s">
        <v>2106</v>
      </c>
      <c r="B271" s="225">
        <v>68789075</v>
      </c>
      <c r="C271" s="225">
        <v>-545945</v>
      </c>
      <c r="D271" s="225">
        <v>68243130</v>
      </c>
    </row>
    <row r="272" spans="1:4">
      <c r="A272" s="218" t="s">
        <v>2107</v>
      </c>
      <c r="B272" s="225">
        <v>6517693</v>
      </c>
      <c r="C272" s="225">
        <v>0</v>
      </c>
      <c r="D272" s="225">
        <v>6517693</v>
      </c>
    </row>
    <row r="273" spans="1:4">
      <c r="A273" s="218" t="s">
        <v>2110</v>
      </c>
      <c r="B273" s="225">
        <v>1210459.71</v>
      </c>
      <c r="C273" s="225">
        <v>-48418.38</v>
      </c>
      <c r="D273" s="225">
        <v>1162041.3299999998</v>
      </c>
    </row>
    <row r="274" spans="1:4">
      <c r="A274" s="218" t="s">
        <v>2898</v>
      </c>
      <c r="B274" s="225">
        <v>76856175.039999992</v>
      </c>
      <c r="C274" s="225">
        <v>-454770.27</v>
      </c>
      <c r="D274" s="225">
        <v>76401404.769999996</v>
      </c>
    </row>
    <row r="275" spans="1:4">
      <c r="A275" s="218" t="s">
        <v>2111</v>
      </c>
      <c r="B275" s="225">
        <v>3540715.3</v>
      </c>
      <c r="C275" s="225">
        <v>647645.83000000007</v>
      </c>
      <c r="D275" s="225">
        <v>4188361.1299999994</v>
      </c>
    </row>
    <row r="276" spans="1:4">
      <c r="A276" s="218" t="s">
        <v>2113</v>
      </c>
      <c r="B276" s="225">
        <v>1728781169.21</v>
      </c>
      <c r="C276" s="225">
        <v>-13061254.939999999</v>
      </c>
      <c r="D276" s="225">
        <v>1715719914.27</v>
      </c>
    </row>
    <row r="277" spans="1:4">
      <c r="A277" s="218" t="s">
        <v>2115</v>
      </c>
      <c r="B277" s="225">
        <v>1892586926.54</v>
      </c>
      <c r="C277" s="225">
        <v>-5206131.79</v>
      </c>
      <c r="D277" s="225">
        <v>1887380794.75</v>
      </c>
    </row>
    <row r="278" spans="1:4">
      <c r="A278" s="218" t="s">
        <v>2116</v>
      </c>
      <c r="B278" s="225">
        <v>3850388.7399999998</v>
      </c>
      <c r="C278" s="225">
        <v>-1972829.4000000001</v>
      </c>
      <c r="D278" s="225">
        <v>1877559.34</v>
      </c>
    </row>
    <row r="279" spans="1:4">
      <c r="A279" s="218" t="s">
        <v>2117</v>
      </c>
      <c r="B279" s="225">
        <v>3850388.7399999998</v>
      </c>
      <c r="C279" s="225">
        <v>-1972829.4000000001</v>
      </c>
      <c r="D279" s="225">
        <v>1877559.34</v>
      </c>
    </row>
    <row r="280" spans="1:4">
      <c r="A280" s="218" t="s">
        <v>2118</v>
      </c>
      <c r="B280" s="225">
        <v>-0.02</v>
      </c>
      <c r="C280" s="225">
        <v>0</v>
      </c>
      <c r="D280" s="225">
        <v>-0.02</v>
      </c>
    </row>
    <row r="281" spans="1:4">
      <c r="A281" s="218" t="s">
        <v>2119</v>
      </c>
      <c r="B281" s="225">
        <v>8044.68</v>
      </c>
      <c r="C281" s="225">
        <v>-13958.8</v>
      </c>
      <c r="D281" s="225">
        <v>-5914.12</v>
      </c>
    </row>
    <row r="282" spans="1:4">
      <c r="A282" s="218" t="s">
        <v>2120</v>
      </c>
      <c r="B282" s="225">
        <v>0</v>
      </c>
      <c r="C282" s="225">
        <v>0</v>
      </c>
      <c r="D282" s="225">
        <v>0</v>
      </c>
    </row>
    <row r="283" spans="1:4">
      <c r="A283" s="218" t="s">
        <v>2121</v>
      </c>
      <c r="B283" s="225">
        <v>3050647.58</v>
      </c>
      <c r="C283" s="225">
        <v>-3050647.58</v>
      </c>
      <c r="D283" s="225">
        <v>0</v>
      </c>
    </row>
    <row r="284" spans="1:4">
      <c r="A284" s="218" t="s">
        <v>2122</v>
      </c>
      <c r="B284" s="225">
        <v>-57722398.68</v>
      </c>
      <c r="C284" s="225">
        <v>57722398.539999999</v>
      </c>
      <c r="D284" s="225">
        <v>-0.14000000000000001</v>
      </c>
    </row>
    <row r="285" spans="1:4">
      <c r="A285" s="218" t="s">
        <v>2123</v>
      </c>
      <c r="B285" s="225">
        <v>15034939.57</v>
      </c>
      <c r="C285" s="225">
        <v>-15034939.57</v>
      </c>
      <c r="D285" s="225">
        <v>0</v>
      </c>
    </row>
    <row r="286" spans="1:4">
      <c r="A286" s="218" t="s">
        <v>2124</v>
      </c>
      <c r="B286" s="225">
        <v>11529154.620000001</v>
      </c>
      <c r="C286" s="225">
        <v>-11529154.620000001</v>
      </c>
      <c r="D286" s="225">
        <v>0</v>
      </c>
    </row>
    <row r="287" spans="1:4">
      <c r="A287" s="218" t="s">
        <v>2125</v>
      </c>
      <c r="B287" s="225">
        <v>5268696.58</v>
      </c>
      <c r="C287" s="225">
        <v>-5268696.58</v>
      </c>
      <c r="D287" s="225">
        <v>0</v>
      </c>
    </row>
    <row r="288" spans="1:4">
      <c r="A288" s="218" t="s">
        <v>2126</v>
      </c>
      <c r="B288" s="225">
        <v>9690386.3100000005</v>
      </c>
      <c r="C288" s="225">
        <v>-9690386.3100000005</v>
      </c>
      <c r="D288" s="225">
        <v>0</v>
      </c>
    </row>
    <row r="289" spans="1:4">
      <c r="A289" s="218" t="s">
        <v>2127</v>
      </c>
      <c r="B289" s="225">
        <v>-13140529.360000001</v>
      </c>
      <c r="C289" s="225">
        <v>13134615.08</v>
      </c>
      <c r="D289" s="225">
        <v>-5914.28</v>
      </c>
    </row>
    <row r="290" spans="1:4">
      <c r="A290" s="218" t="s">
        <v>2128</v>
      </c>
      <c r="B290" s="225">
        <v>1563760.05</v>
      </c>
      <c r="C290" s="225">
        <v>13359.03</v>
      </c>
      <c r="D290" s="225">
        <v>1577119.08</v>
      </c>
    </row>
    <row r="291" spans="1:4">
      <c r="A291" s="218" t="s">
        <v>2129</v>
      </c>
      <c r="B291" s="225">
        <v>5295587.42</v>
      </c>
      <c r="C291" s="225">
        <v>-211823.5</v>
      </c>
      <c r="D291" s="225">
        <v>5083763.92</v>
      </c>
    </row>
    <row r="292" spans="1:4">
      <c r="A292" s="218" t="s">
        <v>2130</v>
      </c>
      <c r="B292" s="225">
        <v>0</v>
      </c>
      <c r="C292" s="225">
        <v>0</v>
      </c>
      <c r="D292" s="225">
        <v>0</v>
      </c>
    </row>
    <row r="293" spans="1:4">
      <c r="A293" s="218" t="s">
        <v>2131</v>
      </c>
      <c r="B293" s="225">
        <v>96346403.200000003</v>
      </c>
      <c r="C293" s="225">
        <v>0</v>
      </c>
      <c r="D293" s="225">
        <v>96346403.200000003</v>
      </c>
    </row>
    <row r="294" spans="1:4">
      <c r="A294" s="218" t="s">
        <v>2132</v>
      </c>
      <c r="B294" s="225">
        <v>-2448981.7000000002</v>
      </c>
      <c r="C294" s="225">
        <v>0</v>
      </c>
      <c r="D294" s="225">
        <v>-2448981.7000000002</v>
      </c>
    </row>
    <row r="295" spans="1:4">
      <c r="A295" s="218" t="s">
        <v>2133</v>
      </c>
      <c r="B295" s="225">
        <v>0</v>
      </c>
      <c r="C295" s="225">
        <v>0</v>
      </c>
      <c r="D295" s="225">
        <v>0</v>
      </c>
    </row>
    <row r="296" spans="1:4">
      <c r="A296" s="218" t="s">
        <v>2134</v>
      </c>
      <c r="B296" s="225">
        <v>980350.36</v>
      </c>
      <c r="C296" s="225">
        <v>-68042.67</v>
      </c>
      <c r="D296" s="225">
        <v>912307.69000000006</v>
      </c>
    </row>
    <row r="297" spans="1:4">
      <c r="A297" s="218" t="s">
        <v>2135</v>
      </c>
      <c r="B297" s="225">
        <v>1382596.88</v>
      </c>
      <c r="C297" s="225">
        <v>175135.52</v>
      </c>
      <c r="D297" s="225">
        <v>1557732.4000000001</v>
      </c>
    </row>
    <row r="298" spans="1:4">
      <c r="A298" s="218" t="s">
        <v>2136</v>
      </c>
      <c r="B298" s="225">
        <v>1393986.64</v>
      </c>
      <c r="C298" s="225">
        <v>-43199.369999999995</v>
      </c>
      <c r="D298" s="225">
        <v>1350787.2699999998</v>
      </c>
    </row>
    <row r="299" spans="1:4">
      <c r="A299" s="218" t="s">
        <v>2137</v>
      </c>
      <c r="B299" s="225">
        <v>0</v>
      </c>
      <c r="C299" s="225">
        <v>0</v>
      </c>
      <c r="D299" s="225">
        <v>0</v>
      </c>
    </row>
    <row r="300" spans="1:4">
      <c r="A300" s="218" t="s">
        <v>2138</v>
      </c>
      <c r="B300" s="225">
        <v>179370356.84</v>
      </c>
      <c r="C300" s="225">
        <v>-137628050.02000001</v>
      </c>
      <c r="D300" s="225">
        <v>41742306.82</v>
      </c>
    </row>
    <row r="301" spans="1:4">
      <c r="A301" s="218" t="s">
        <v>2139</v>
      </c>
      <c r="B301" s="225">
        <v>2521429.7599999998</v>
      </c>
      <c r="C301" s="225">
        <v>-102706.68000000001</v>
      </c>
      <c r="D301" s="225">
        <v>2418723.08</v>
      </c>
    </row>
    <row r="302" spans="1:4">
      <c r="A302" s="218" t="s">
        <v>2140</v>
      </c>
      <c r="B302" s="225">
        <v>24064.5</v>
      </c>
      <c r="C302" s="225">
        <v>-24064.5</v>
      </c>
      <c r="D302" s="225">
        <v>0</v>
      </c>
    </row>
    <row r="303" spans="1:4">
      <c r="A303" s="218" t="s">
        <v>2141</v>
      </c>
      <c r="B303" s="225">
        <v>0</v>
      </c>
      <c r="C303" s="225">
        <v>0</v>
      </c>
      <c r="D303" s="225">
        <v>0</v>
      </c>
    </row>
    <row r="304" spans="1:4">
      <c r="A304" s="218" t="s">
        <v>2142</v>
      </c>
      <c r="B304" s="225">
        <v>8928751.5300000012</v>
      </c>
      <c r="C304" s="225">
        <v>-1679952</v>
      </c>
      <c r="D304" s="225">
        <v>7248799.5299999993</v>
      </c>
    </row>
    <row r="305" spans="1:4">
      <c r="A305" s="218" t="s">
        <v>2143</v>
      </c>
      <c r="B305" s="225">
        <v>-5495661.1899999995</v>
      </c>
      <c r="C305" s="225">
        <v>672480.94</v>
      </c>
      <c r="D305" s="225">
        <v>-4823180.25</v>
      </c>
    </row>
    <row r="306" spans="1:4">
      <c r="A306" s="218" t="s">
        <v>2145</v>
      </c>
      <c r="B306" s="225">
        <v>280.91999999999996</v>
      </c>
      <c r="C306" s="225">
        <v>169.35</v>
      </c>
      <c r="D306" s="225">
        <v>450.27</v>
      </c>
    </row>
    <row r="307" spans="1:4">
      <c r="A307" s="218" t="s">
        <v>2146</v>
      </c>
      <c r="B307" s="225">
        <v>289862925.21000004</v>
      </c>
      <c r="C307" s="225">
        <v>-138896693.90000001</v>
      </c>
      <c r="D307" s="225">
        <v>150966231.31</v>
      </c>
    </row>
    <row r="308" spans="1:4">
      <c r="A308" s="218" t="s">
        <v>2147</v>
      </c>
      <c r="B308" s="225">
        <v>289862925.21000004</v>
      </c>
      <c r="C308" s="225">
        <v>-138896693.90000001</v>
      </c>
      <c r="D308" s="225">
        <v>150966231.31</v>
      </c>
    </row>
    <row r="309" spans="1:4">
      <c r="A309" s="218" t="s">
        <v>2148</v>
      </c>
      <c r="B309" s="225">
        <v>-742040041.27999997</v>
      </c>
      <c r="C309" s="225">
        <v>6756171.9100000001</v>
      </c>
      <c r="D309" s="225">
        <v>-735283869.37</v>
      </c>
    </row>
    <row r="310" spans="1:4">
      <c r="A310" s="218" t="s">
        <v>2149</v>
      </c>
      <c r="B310" s="225">
        <v>-113718813.46000001</v>
      </c>
      <c r="C310" s="225">
        <v>965528.04999999993</v>
      </c>
      <c r="D310" s="225">
        <v>-112753285.41000001</v>
      </c>
    </row>
    <row r="311" spans="1:4">
      <c r="A311" s="218" t="s">
        <v>2150</v>
      </c>
      <c r="B311" s="225">
        <v>6393019.1900000004</v>
      </c>
      <c r="C311" s="225">
        <v>0</v>
      </c>
      <c r="D311" s="225">
        <v>6393019.1900000004</v>
      </c>
    </row>
    <row r="312" spans="1:4">
      <c r="A312" s="218" t="s">
        <v>2151</v>
      </c>
      <c r="B312" s="225">
        <v>72008.990000000005</v>
      </c>
      <c r="C312" s="225">
        <v>173150.61</v>
      </c>
      <c r="D312" s="225">
        <v>245159.6</v>
      </c>
    </row>
    <row r="313" spans="1:4">
      <c r="A313" s="218" t="s">
        <v>2152</v>
      </c>
      <c r="B313" s="225">
        <v>19957.14</v>
      </c>
      <c r="C313" s="225">
        <v>47988.32</v>
      </c>
      <c r="D313" s="225">
        <v>67945.460000000006</v>
      </c>
    </row>
    <row r="314" spans="1:4">
      <c r="A314" s="218" t="s">
        <v>2153</v>
      </c>
      <c r="B314" s="225">
        <v>-23442884.010000002</v>
      </c>
      <c r="C314" s="225">
        <v>831743</v>
      </c>
      <c r="D314" s="225">
        <v>-22611141.009999998</v>
      </c>
    </row>
    <row r="315" spans="1:4">
      <c r="A315" s="218" t="s">
        <v>2154</v>
      </c>
      <c r="B315" s="225">
        <v>-84655165.5</v>
      </c>
      <c r="C315" s="225">
        <v>8686134.0099999998</v>
      </c>
      <c r="D315" s="225">
        <v>-75969031.489999995</v>
      </c>
    </row>
    <row r="316" spans="1:4">
      <c r="A316" s="218" t="s">
        <v>2155</v>
      </c>
      <c r="B316" s="225">
        <v>957371918.93000007</v>
      </c>
      <c r="C316" s="225">
        <v>-17460715.899999999</v>
      </c>
      <c r="D316" s="225">
        <v>939911203.03000009</v>
      </c>
    </row>
    <row r="317" spans="1:4">
      <c r="A317" s="218" t="s">
        <v>2156</v>
      </c>
      <c r="B317" s="225">
        <v>200859.09</v>
      </c>
      <c r="C317" s="225">
        <v>-88186.89</v>
      </c>
      <c r="D317" s="225">
        <v>112672.2</v>
      </c>
    </row>
    <row r="318" spans="1:4">
      <c r="A318" s="218" t="s">
        <v>2157</v>
      </c>
      <c r="B318" s="225">
        <v>200859.09000000003</v>
      </c>
      <c r="C318" s="225">
        <v>-88186.890000000014</v>
      </c>
      <c r="D318" s="225">
        <v>112672.2</v>
      </c>
    </row>
    <row r="319" spans="1:4">
      <c r="A319" s="217" t="s">
        <v>2158</v>
      </c>
      <c r="B319" s="226">
        <v>3203798661.8200002</v>
      </c>
      <c r="C319" s="226">
        <v>-145227391.99000001</v>
      </c>
      <c r="D319" s="226">
        <v>3058571269.8299999</v>
      </c>
    </row>
    <row r="320" spans="1:4">
      <c r="A320" s="218" t="s">
        <v>2159</v>
      </c>
      <c r="B320" s="225">
        <v>0</v>
      </c>
      <c r="C320" s="225">
        <v>0</v>
      </c>
      <c r="D320" s="225">
        <v>0</v>
      </c>
    </row>
    <row r="321" spans="1:4">
      <c r="A321" s="218" t="s">
        <v>2160</v>
      </c>
      <c r="B321" s="225">
        <v>0</v>
      </c>
      <c r="C321" s="225">
        <v>0</v>
      </c>
      <c r="D321" s="225">
        <v>0</v>
      </c>
    </row>
    <row r="322" spans="1:4">
      <c r="A322" s="218" t="s">
        <v>2161</v>
      </c>
      <c r="B322" s="225">
        <v>0</v>
      </c>
      <c r="C322" s="225">
        <v>0</v>
      </c>
      <c r="D322" s="225">
        <v>0</v>
      </c>
    </row>
    <row r="323" spans="1:4">
      <c r="A323" s="218" t="s">
        <v>2162</v>
      </c>
      <c r="B323" s="225">
        <v>0</v>
      </c>
      <c r="C323" s="225">
        <v>0</v>
      </c>
      <c r="D323" s="225">
        <v>0</v>
      </c>
    </row>
    <row r="324" spans="1:4">
      <c r="A324" s="217" t="s">
        <v>2163</v>
      </c>
      <c r="B324" s="226">
        <v>0</v>
      </c>
      <c r="C324" s="226">
        <v>0</v>
      </c>
      <c r="D324" s="226">
        <v>0</v>
      </c>
    </row>
    <row r="325" spans="1:4">
      <c r="A325" s="217" t="s">
        <v>2164</v>
      </c>
      <c r="B325" s="227">
        <v>27365832126.400002</v>
      </c>
      <c r="C325" s="227">
        <v>-201869347.60999998</v>
      </c>
      <c r="D325" s="227">
        <v>27163962778.790001</v>
      </c>
    </row>
    <row r="326" spans="1:4" ht="14.4">
      <c r="A326" s="217" t="s">
        <v>2165</v>
      </c>
      <c r="B326" s="219"/>
      <c r="C326" s="219"/>
      <c r="D326" s="219"/>
    </row>
    <row r="327" spans="1:4">
      <c r="A327" s="218" t="s">
        <v>2166</v>
      </c>
      <c r="B327" s="225">
        <v>0</v>
      </c>
      <c r="C327" s="225">
        <v>0</v>
      </c>
      <c r="D327" s="225">
        <v>0</v>
      </c>
    </row>
    <row r="328" spans="1:4">
      <c r="A328" s="218" t="s">
        <v>2167</v>
      </c>
      <c r="B328" s="225">
        <v>1590610667.4099998</v>
      </c>
      <c r="C328" s="225">
        <v>0</v>
      </c>
      <c r="D328" s="225">
        <v>1590610667.4099998</v>
      </c>
    </row>
    <row r="329" spans="1:4">
      <c r="A329" s="218" t="s">
        <v>2168</v>
      </c>
      <c r="B329" s="225">
        <v>419213.02</v>
      </c>
      <c r="C329" s="225">
        <v>0</v>
      </c>
      <c r="D329" s="225">
        <v>419213.02</v>
      </c>
    </row>
    <row r="330" spans="1:4">
      <c r="A330" s="218" t="s">
        <v>2169</v>
      </c>
      <c r="B330" s="225">
        <v>326031.83999999997</v>
      </c>
      <c r="C330" s="225">
        <v>0</v>
      </c>
      <c r="D330" s="225">
        <v>326031.83999999997</v>
      </c>
    </row>
    <row r="331" spans="1:4">
      <c r="A331" s="218" t="s">
        <v>2170</v>
      </c>
      <c r="B331" s="225">
        <v>1591355912.27</v>
      </c>
      <c r="C331" s="225">
        <v>0</v>
      </c>
      <c r="D331" s="225">
        <v>1591355912.27</v>
      </c>
    </row>
    <row r="332" spans="1:4">
      <c r="A332" s="218" t="s">
        <v>2171</v>
      </c>
      <c r="B332" s="225">
        <v>7434438282.0300007</v>
      </c>
      <c r="C332" s="225">
        <v>0</v>
      </c>
      <c r="D332" s="225">
        <v>7434438282.0300007</v>
      </c>
    </row>
    <row r="333" spans="1:4">
      <c r="A333" s="218" t="s">
        <v>2172</v>
      </c>
      <c r="B333" s="225">
        <v>186790</v>
      </c>
      <c r="C333" s="225">
        <v>0</v>
      </c>
      <c r="D333" s="225">
        <v>186790</v>
      </c>
    </row>
    <row r="334" spans="1:4">
      <c r="A334" s="218" t="s">
        <v>2173</v>
      </c>
      <c r="B334" s="225">
        <v>893246321.88</v>
      </c>
      <c r="C334" s="225">
        <v>123187258.25999999</v>
      </c>
      <c r="D334" s="225">
        <v>1016433580.14</v>
      </c>
    </row>
    <row r="335" spans="1:4">
      <c r="A335" s="218" t="s">
        <v>2174</v>
      </c>
      <c r="B335" s="225">
        <v>-736991</v>
      </c>
      <c r="C335" s="225">
        <v>0</v>
      </c>
      <c r="D335" s="225">
        <v>-736991</v>
      </c>
    </row>
    <row r="336" spans="1:4">
      <c r="A336" s="218" t="s">
        <v>2176</v>
      </c>
      <c r="B336" s="225">
        <v>8327134402.9099998</v>
      </c>
      <c r="C336" s="225">
        <v>123187258.26000001</v>
      </c>
      <c r="D336" s="225">
        <v>8450321661.1700001</v>
      </c>
    </row>
    <row r="337" spans="1:4">
      <c r="A337" s="218" t="s">
        <v>2177</v>
      </c>
      <c r="B337" s="225">
        <v>81851.900000000009</v>
      </c>
      <c r="C337" s="225">
        <v>0</v>
      </c>
      <c r="D337" s="225">
        <v>81851.900000000009</v>
      </c>
    </row>
    <row r="338" spans="1:4">
      <c r="A338" s="218" t="s">
        <v>2178</v>
      </c>
      <c r="B338" s="225">
        <v>-150906940.11000001</v>
      </c>
      <c r="C338" s="225">
        <v>627840309.95000005</v>
      </c>
      <c r="D338" s="225">
        <v>476933369.83999997</v>
      </c>
    </row>
    <row r="339" spans="1:4">
      <c r="A339" s="218" t="s">
        <v>2179</v>
      </c>
      <c r="B339" s="225">
        <v>150906940.09999999</v>
      </c>
      <c r="C339" s="225">
        <v>-627840309.95000005</v>
      </c>
      <c r="D339" s="225">
        <v>-476933369.85000002</v>
      </c>
    </row>
    <row r="340" spans="1:4">
      <c r="A340" s="218" t="s">
        <v>2180</v>
      </c>
      <c r="B340" s="225">
        <v>81851.89</v>
      </c>
      <c r="C340" s="225">
        <v>0</v>
      </c>
      <c r="D340" s="225">
        <v>81851.89</v>
      </c>
    </row>
    <row r="341" spans="1:4">
      <c r="A341" s="218" t="s">
        <v>2181</v>
      </c>
      <c r="B341" s="225">
        <v>0</v>
      </c>
      <c r="C341" s="225">
        <v>0</v>
      </c>
      <c r="D341" s="225">
        <v>0</v>
      </c>
    </row>
    <row r="342" spans="1:4">
      <c r="A342" s="218" t="s">
        <v>2182</v>
      </c>
      <c r="B342" s="225">
        <v>0</v>
      </c>
      <c r="C342" s="225">
        <v>0</v>
      </c>
      <c r="D342" s="225">
        <v>0</v>
      </c>
    </row>
    <row r="343" spans="1:4">
      <c r="A343" s="218" t="s">
        <v>2183</v>
      </c>
      <c r="B343" s="225">
        <v>0</v>
      </c>
      <c r="C343" s="225">
        <v>0</v>
      </c>
      <c r="D343" s="225">
        <v>0</v>
      </c>
    </row>
    <row r="344" spans="1:4">
      <c r="A344" s="218" t="s">
        <v>2184</v>
      </c>
      <c r="B344" s="225">
        <v>641602</v>
      </c>
      <c r="C344" s="225">
        <v>0</v>
      </c>
      <c r="D344" s="225">
        <v>641602</v>
      </c>
    </row>
    <row r="345" spans="1:4">
      <c r="A345" s="218" t="s">
        <v>2185</v>
      </c>
      <c r="B345" s="225">
        <v>0</v>
      </c>
      <c r="C345" s="225">
        <v>0</v>
      </c>
      <c r="D345" s="225">
        <v>0</v>
      </c>
    </row>
    <row r="346" spans="1:4">
      <c r="A346" s="218" t="s">
        <v>2186</v>
      </c>
      <c r="B346" s="225">
        <v>0</v>
      </c>
      <c r="C346" s="225">
        <v>0</v>
      </c>
      <c r="D346" s="225">
        <v>0</v>
      </c>
    </row>
    <row r="347" spans="1:4">
      <c r="A347" s="218" t="s">
        <v>2187</v>
      </c>
      <c r="B347" s="225">
        <v>-370712.27999999997</v>
      </c>
      <c r="C347" s="225">
        <v>651376.06999999995</v>
      </c>
      <c r="D347" s="225">
        <v>280663.78999999998</v>
      </c>
    </row>
    <row r="348" spans="1:4">
      <c r="A348" s="218" t="s">
        <v>2188</v>
      </c>
      <c r="B348" s="225">
        <v>270889.72000000003</v>
      </c>
      <c r="C348" s="225">
        <v>651376.07000000007</v>
      </c>
      <c r="D348" s="225">
        <v>922265.79</v>
      </c>
    </row>
    <row r="349" spans="1:4">
      <c r="A349" s="217" t="s">
        <v>2189</v>
      </c>
      <c r="B349" s="226">
        <v>9918843056.789999</v>
      </c>
      <c r="C349" s="226">
        <v>123838634.33</v>
      </c>
      <c r="D349" s="226">
        <v>10042681691.120001</v>
      </c>
    </row>
    <row r="350" spans="1:4">
      <c r="A350" s="218" t="s">
        <v>2190</v>
      </c>
      <c r="B350" s="225">
        <v>650000000</v>
      </c>
      <c r="C350" s="225">
        <v>0</v>
      </c>
      <c r="D350" s="225">
        <v>650000000</v>
      </c>
    </row>
    <row r="351" spans="1:4">
      <c r="A351" s="218" t="s">
        <v>2191</v>
      </c>
      <c r="B351" s="225">
        <v>499999999.99999994</v>
      </c>
      <c r="C351" s="225">
        <v>0</v>
      </c>
      <c r="D351" s="225">
        <v>499999999.99999994</v>
      </c>
    </row>
    <row r="352" spans="1:4">
      <c r="A352" s="218" t="s">
        <v>2192</v>
      </c>
      <c r="B352" s="225">
        <v>600000000</v>
      </c>
      <c r="C352" s="225">
        <v>0</v>
      </c>
      <c r="D352" s="225">
        <v>600000000</v>
      </c>
    </row>
    <row r="353" spans="1:4">
      <c r="A353" s="218" t="s">
        <v>2193</v>
      </c>
      <c r="B353" s="225">
        <v>400000000</v>
      </c>
      <c r="C353" s="225">
        <v>0</v>
      </c>
      <c r="D353" s="225">
        <v>400000000</v>
      </c>
    </row>
    <row r="354" spans="1:4">
      <c r="A354" s="218" t="s">
        <v>2194</v>
      </c>
      <c r="B354" s="225">
        <v>499999999.99999994</v>
      </c>
      <c r="C354" s="225">
        <v>0</v>
      </c>
      <c r="D354" s="225">
        <v>499999999.99999994</v>
      </c>
    </row>
    <row r="355" spans="1:4">
      <c r="A355" s="218" t="s">
        <v>2195</v>
      </c>
      <c r="B355" s="225">
        <v>499999999.99999994</v>
      </c>
      <c r="C355" s="225">
        <v>0</v>
      </c>
      <c r="D355" s="225">
        <v>499999999.99999994</v>
      </c>
    </row>
    <row r="356" spans="1:4">
      <c r="A356" s="218" t="s">
        <v>2196</v>
      </c>
      <c r="B356" s="225">
        <v>600000000</v>
      </c>
      <c r="C356" s="225">
        <v>0</v>
      </c>
      <c r="D356" s="225">
        <v>600000000</v>
      </c>
    </row>
    <row r="357" spans="1:4">
      <c r="A357" s="218" t="s">
        <v>2197</v>
      </c>
      <c r="B357" s="225">
        <v>650000000</v>
      </c>
      <c r="C357" s="225">
        <v>0</v>
      </c>
      <c r="D357" s="225">
        <v>650000000</v>
      </c>
    </row>
    <row r="358" spans="1:4">
      <c r="A358" s="218" t="s">
        <v>2198</v>
      </c>
      <c r="B358" s="225">
        <v>700000000</v>
      </c>
      <c r="C358" s="225">
        <v>0</v>
      </c>
      <c r="D358" s="225">
        <v>700000000</v>
      </c>
    </row>
    <row r="359" spans="1:4">
      <c r="A359" s="218" t="s">
        <v>2899</v>
      </c>
      <c r="B359" s="225">
        <v>700000000</v>
      </c>
      <c r="C359" s="225">
        <v>0</v>
      </c>
      <c r="D359" s="225">
        <v>700000000</v>
      </c>
    </row>
    <row r="360" spans="1:4">
      <c r="A360" s="218" t="s">
        <v>2900</v>
      </c>
      <c r="B360" s="225">
        <v>600000000</v>
      </c>
      <c r="C360" s="225">
        <v>0</v>
      </c>
      <c r="D360" s="225">
        <v>600000000</v>
      </c>
    </row>
    <row r="361" spans="1:4">
      <c r="A361" s="218" t="s">
        <v>2199</v>
      </c>
      <c r="B361" s="225">
        <v>225000000</v>
      </c>
      <c r="C361" s="225">
        <v>0</v>
      </c>
      <c r="D361" s="225">
        <v>225000000</v>
      </c>
    </row>
    <row r="362" spans="1:4">
      <c r="A362" s="218" t="s">
        <v>2200</v>
      </c>
      <c r="B362" s="225">
        <v>499999999.99999994</v>
      </c>
      <c r="C362" s="225">
        <v>0</v>
      </c>
      <c r="D362" s="225">
        <v>499999999.99999994</v>
      </c>
    </row>
    <row r="363" spans="1:4">
      <c r="A363" s="218" t="s">
        <v>2201</v>
      </c>
      <c r="B363" s="225">
        <v>350000000</v>
      </c>
      <c r="C363" s="225">
        <v>0</v>
      </c>
      <c r="D363" s="225">
        <v>350000000</v>
      </c>
    </row>
    <row r="364" spans="1:4">
      <c r="A364" s="218" t="s">
        <v>2202</v>
      </c>
      <c r="B364" s="225">
        <v>1000000000</v>
      </c>
      <c r="C364" s="225">
        <v>0</v>
      </c>
      <c r="D364" s="225">
        <v>1000000000</v>
      </c>
    </row>
    <row r="365" spans="1:4">
      <c r="A365" s="218" t="s">
        <v>2203</v>
      </c>
      <c r="B365" s="225">
        <v>400000000</v>
      </c>
      <c r="C365" s="225">
        <v>0</v>
      </c>
      <c r="D365" s="225">
        <v>400000000</v>
      </c>
    </row>
    <row r="366" spans="1:4">
      <c r="A366" s="218" t="s">
        <v>2204</v>
      </c>
      <c r="B366" s="225">
        <v>8875000000</v>
      </c>
      <c r="C366" s="225">
        <v>0</v>
      </c>
      <c r="D366" s="225">
        <v>8875000000</v>
      </c>
    </row>
    <row r="367" spans="1:4">
      <c r="A367" s="218" t="s">
        <v>2205</v>
      </c>
      <c r="B367" s="225">
        <v>0</v>
      </c>
      <c r="C367" s="225">
        <v>0</v>
      </c>
      <c r="D367" s="225">
        <v>0</v>
      </c>
    </row>
    <row r="368" spans="1:4">
      <c r="A368" s="218" t="s">
        <v>2206</v>
      </c>
      <c r="B368" s="225">
        <v>0</v>
      </c>
      <c r="C368" s="225">
        <v>0</v>
      </c>
      <c r="D368" s="225">
        <v>0</v>
      </c>
    </row>
    <row r="369" spans="1:4">
      <c r="A369" s="218" t="s">
        <v>2207</v>
      </c>
      <c r="B369" s="225">
        <v>325000000</v>
      </c>
      <c r="C369" s="225">
        <v>0</v>
      </c>
      <c r="D369" s="225">
        <v>325000000</v>
      </c>
    </row>
    <row r="370" spans="1:4">
      <c r="A370" s="218" t="s">
        <v>2208</v>
      </c>
      <c r="B370" s="225">
        <v>0</v>
      </c>
      <c r="C370" s="225">
        <v>0</v>
      </c>
      <c r="D370" s="225">
        <v>0</v>
      </c>
    </row>
    <row r="371" spans="1:4">
      <c r="A371" s="218" t="s">
        <v>2901</v>
      </c>
      <c r="B371" s="225">
        <v>200000000</v>
      </c>
      <c r="C371" s="225">
        <v>-200000000</v>
      </c>
      <c r="D371" s="225">
        <v>0</v>
      </c>
    </row>
    <row r="372" spans="1:4">
      <c r="A372" s="218" t="s">
        <v>2902</v>
      </c>
      <c r="B372" s="225">
        <v>0</v>
      </c>
      <c r="C372" s="225">
        <v>200000000</v>
      </c>
      <c r="D372" s="225">
        <v>200000000</v>
      </c>
    </row>
    <row r="373" spans="1:4">
      <c r="A373" s="218" t="s">
        <v>2209</v>
      </c>
      <c r="B373" s="225">
        <v>150000000</v>
      </c>
      <c r="C373" s="225">
        <v>0</v>
      </c>
      <c r="D373" s="225">
        <v>150000000</v>
      </c>
    </row>
    <row r="374" spans="1:4">
      <c r="A374" s="218" t="s">
        <v>2210</v>
      </c>
      <c r="B374" s="225">
        <v>675000000</v>
      </c>
      <c r="C374" s="225">
        <v>0</v>
      </c>
      <c r="D374" s="225">
        <v>675000000</v>
      </c>
    </row>
    <row r="375" spans="1:4">
      <c r="A375" s="218" t="s">
        <v>2211</v>
      </c>
      <c r="B375" s="225">
        <v>-786177.97</v>
      </c>
      <c r="C375" s="225">
        <v>8149.7400000000007</v>
      </c>
      <c r="D375" s="225">
        <v>-778028.23</v>
      </c>
    </row>
    <row r="376" spans="1:4">
      <c r="A376" s="218" t="s">
        <v>2212</v>
      </c>
      <c r="B376" s="225">
        <v>-2660492</v>
      </c>
      <c r="C376" s="225">
        <v>7907.15</v>
      </c>
      <c r="D376" s="225">
        <v>-2652584.85</v>
      </c>
    </row>
    <row r="377" spans="1:4">
      <c r="A377" s="218" t="s">
        <v>2213</v>
      </c>
      <c r="B377" s="225">
        <v>-509668.86999999994</v>
      </c>
      <c r="C377" s="225">
        <v>9188.74</v>
      </c>
      <c r="D377" s="225">
        <v>-500480.13000000006</v>
      </c>
    </row>
    <row r="378" spans="1:4">
      <c r="A378" s="218" t="s">
        <v>2214</v>
      </c>
      <c r="B378" s="225">
        <v>-455320.03</v>
      </c>
      <c r="C378" s="225">
        <v>1541.0200000000002</v>
      </c>
      <c r="D378" s="225">
        <v>-453779.00999999995</v>
      </c>
    </row>
    <row r="379" spans="1:4">
      <c r="A379" s="218" t="s">
        <v>2215</v>
      </c>
      <c r="B379" s="225">
        <v>-3077515.96</v>
      </c>
      <c r="C379" s="225">
        <v>8857.01</v>
      </c>
      <c r="D379" s="225">
        <v>-3068658.95</v>
      </c>
    </row>
    <row r="380" spans="1:4">
      <c r="A380" s="218" t="s">
        <v>2216</v>
      </c>
      <c r="B380" s="225">
        <v>-447416.75</v>
      </c>
      <c r="C380" s="225">
        <v>5702</v>
      </c>
      <c r="D380" s="225">
        <v>-441714.75</v>
      </c>
    </row>
    <row r="381" spans="1:4">
      <c r="A381" s="218" t="s">
        <v>2217</v>
      </c>
      <c r="B381" s="225">
        <v>-2561249.2999999998</v>
      </c>
      <c r="C381" s="225">
        <v>9347.6299999999992</v>
      </c>
      <c r="D381" s="225">
        <v>-2551901.67</v>
      </c>
    </row>
    <row r="382" spans="1:4">
      <c r="A382" s="218" t="s">
        <v>2218</v>
      </c>
      <c r="B382" s="225">
        <v>-121463</v>
      </c>
      <c r="C382" s="225">
        <v>3241.8999999999996</v>
      </c>
      <c r="D382" s="225">
        <v>-118221.09999999999</v>
      </c>
    </row>
    <row r="383" spans="1:4">
      <c r="A383" s="218" t="s">
        <v>2219</v>
      </c>
      <c r="B383" s="225">
        <v>-222291.25</v>
      </c>
      <c r="C383" s="225">
        <v>3087.38</v>
      </c>
      <c r="D383" s="225">
        <v>-219203.87</v>
      </c>
    </row>
    <row r="384" spans="1:4">
      <c r="A384" s="218" t="s">
        <v>2903</v>
      </c>
      <c r="B384" s="225">
        <v>-4247335.18</v>
      </c>
      <c r="C384" s="225">
        <v>11815.65</v>
      </c>
      <c r="D384" s="225">
        <v>-4235519.53</v>
      </c>
    </row>
    <row r="385" spans="1:4">
      <c r="A385" s="218" t="s">
        <v>2904</v>
      </c>
      <c r="B385" s="225">
        <v>-1079374.3800000001</v>
      </c>
      <c r="C385" s="225">
        <v>9034.9500000000007</v>
      </c>
      <c r="D385" s="225">
        <v>-1070339.43</v>
      </c>
    </row>
    <row r="386" spans="1:4">
      <c r="A386" s="218" t="s">
        <v>2220</v>
      </c>
      <c r="B386" s="225">
        <v>-60699.03</v>
      </c>
      <c r="C386" s="225">
        <v>1213.8499999999999</v>
      </c>
      <c r="D386" s="225">
        <v>-59485.18</v>
      </c>
    </row>
    <row r="387" spans="1:4">
      <c r="A387" s="218" t="s">
        <v>2221</v>
      </c>
      <c r="B387" s="225">
        <v>-175732.33</v>
      </c>
      <c r="C387" s="225">
        <v>1583.11</v>
      </c>
      <c r="D387" s="225">
        <v>-174149.22</v>
      </c>
    </row>
    <row r="388" spans="1:4">
      <c r="A388" s="218" t="s">
        <v>2222</v>
      </c>
      <c r="B388" s="225">
        <v>-303410.18000000005</v>
      </c>
      <c r="C388" s="225">
        <v>1833.8400000000001</v>
      </c>
      <c r="D388" s="225">
        <v>-301576.33999999997</v>
      </c>
    </row>
    <row r="389" spans="1:4">
      <c r="A389" s="218" t="s">
        <v>2223</v>
      </c>
      <c r="B389" s="225">
        <v>-794155.22</v>
      </c>
      <c r="C389" s="225">
        <v>4051.92</v>
      </c>
      <c r="D389" s="225">
        <v>-790103.3</v>
      </c>
    </row>
    <row r="390" spans="1:4">
      <c r="A390" s="218" t="s">
        <v>2224</v>
      </c>
      <c r="B390" s="225">
        <v>-2045671.63</v>
      </c>
      <c r="C390" s="225">
        <v>11725.48</v>
      </c>
      <c r="D390" s="225">
        <v>-2033946.1500000001</v>
      </c>
    </row>
    <row r="391" spans="1:4">
      <c r="A391" s="218" t="s">
        <v>2225</v>
      </c>
      <c r="B391" s="225">
        <v>-801559.99</v>
      </c>
      <c r="C391" s="225">
        <v>3523.85</v>
      </c>
      <c r="D391" s="225">
        <v>-798036.14</v>
      </c>
    </row>
    <row r="392" spans="1:4">
      <c r="A392" s="218" t="s">
        <v>2226</v>
      </c>
      <c r="B392" s="225">
        <v>-20349533.07</v>
      </c>
      <c r="C392" s="225">
        <v>101805.22</v>
      </c>
      <c r="D392" s="225">
        <v>-20247727.850000001</v>
      </c>
    </row>
    <row r="393" spans="1:4">
      <c r="A393" s="217" t="s">
        <v>2227</v>
      </c>
      <c r="B393" s="226">
        <v>9529650466.9300003</v>
      </c>
      <c r="C393" s="226">
        <v>101805.22</v>
      </c>
      <c r="D393" s="226">
        <v>9529752272.1499996</v>
      </c>
    </row>
    <row r="394" spans="1:4">
      <c r="A394" s="218" t="s">
        <v>2228</v>
      </c>
      <c r="B394" s="225">
        <v>10880134.959999999</v>
      </c>
      <c r="C394" s="225">
        <v>-357558.26999999996</v>
      </c>
      <c r="D394" s="225">
        <v>10522576.689999999</v>
      </c>
    </row>
    <row r="395" spans="1:4">
      <c r="A395" s="218" t="s">
        <v>2229</v>
      </c>
      <c r="B395" s="225">
        <v>251518925.83999997</v>
      </c>
      <c r="C395" s="225">
        <v>-149742.99000000002</v>
      </c>
      <c r="D395" s="225">
        <v>251369182.84999999</v>
      </c>
    </row>
    <row r="396" spans="1:4">
      <c r="A396" s="218" t="s">
        <v>2230</v>
      </c>
      <c r="B396" s="225">
        <v>262399060.80000001</v>
      </c>
      <c r="C396" s="225">
        <v>-507301.25999999995</v>
      </c>
      <c r="D396" s="225">
        <v>261891759.53999999</v>
      </c>
    </row>
    <row r="397" spans="1:4">
      <c r="A397" s="218" t="s">
        <v>2231</v>
      </c>
      <c r="B397" s="225">
        <v>107813858.78</v>
      </c>
      <c r="C397" s="225">
        <v>-107813858.78</v>
      </c>
      <c r="D397" s="225">
        <v>0</v>
      </c>
    </row>
    <row r="398" spans="1:4">
      <c r="A398" s="218" t="s">
        <v>2232</v>
      </c>
      <c r="B398" s="225">
        <v>8330774.2800000003</v>
      </c>
      <c r="C398" s="225">
        <v>-4830764.05</v>
      </c>
      <c r="D398" s="225">
        <v>3500010.23</v>
      </c>
    </row>
    <row r="399" spans="1:4">
      <c r="A399" s="218" t="s">
        <v>2233</v>
      </c>
      <c r="B399" s="225">
        <v>116144633.06</v>
      </c>
      <c r="C399" s="225">
        <v>-112644622.83000001</v>
      </c>
      <c r="D399" s="225">
        <v>3500010.23</v>
      </c>
    </row>
    <row r="400" spans="1:4">
      <c r="A400" s="218" t="s">
        <v>2235</v>
      </c>
      <c r="B400" s="225">
        <v>0</v>
      </c>
      <c r="C400" s="225">
        <v>0</v>
      </c>
      <c r="D400" s="225">
        <v>0</v>
      </c>
    </row>
    <row r="401" spans="1:4">
      <c r="A401" s="218" t="s">
        <v>2236</v>
      </c>
      <c r="B401" s="225">
        <v>14607905.66</v>
      </c>
      <c r="C401" s="225">
        <v>-2273126</v>
      </c>
      <c r="D401" s="225">
        <v>12334779.66</v>
      </c>
    </row>
    <row r="402" spans="1:4">
      <c r="A402" s="218" t="s">
        <v>2237</v>
      </c>
      <c r="B402" s="225">
        <v>14607905.66</v>
      </c>
      <c r="C402" s="225">
        <v>-2273126</v>
      </c>
      <c r="D402" s="225">
        <v>12334779.66</v>
      </c>
    </row>
    <row r="403" spans="1:4">
      <c r="A403" s="218" t="s">
        <v>2238</v>
      </c>
      <c r="B403" s="225">
        <v>25105243.57</v>
      </c>
      <c r="C403" s="225">
        <v>-2423979.5299999998</v>
      </c>
      <c r="D403" s="225">
        <v>22681264.039999999</v>
      </c>
    </row>
    <row r="404" spans="1:4">
      <c r="A404" s="218" t="s">
        <v>2239</v>
      </c>
      <c r="B404" s="225">
        <v>37275396.659999996</v>
      </c>
      <c r="C404" s="225">
        <v>-1059782.53</v>
      </c>
      <c r="D404" s="225">
        <v>36215614.130000003</v>
      </c>
    </row>
    <row r="405" spans="1:4">
      <c r="A405" s="218" t="s">
        <v>2240</v>
      </c>
      <c r="B405" s="225">
        <v>4083081.0500000003</v>
      </c>
      <c r="C405" s="225">
        <v>-38763.86</v>
      </c>
      <c r="D405" s="225">
        <v>4044317.1899999995</v>
      </c>
    </row>
    <row r="406" spans="1:4">
      <c r="A406" s="218" t="s">
        <v>2241</v>
      </c>
      <c r="B406" s="225">
        <v>5800793</v>
      </c>
      <c r="C406" s="225">
        <v>1520398.9100000001</v>
      </c>
      <c r="D406" s="225">
        <v>7321191.9100000001</v>
      </c>
    </row>
    <row r="407" spans="1:4">
      <c r="A407" s="218" t="s">
        <v>2242</v>
      </c>
      <c r="B407" s="225">
        <v>26263346.640000001</v>
      </c>
      <c r="C407" s="225">
        <v>-2370635.6399999997</v>
      </c>
      <c r="D407" s="225">
        <v>23892711.000000004</v>
      </c>
    </row>
    <row r="408" spans="1:4">
      <c r="A408" s="218" t="s">
        <v>2244</v>
      </c>
      <c r="B408" s="225">
        <v>321562</v>
      </c>
      <c r="C408" s="225">
        <v>-16288.000000000002</v>
      </c>
      <c r="D408" s="225">
        <v>305274</v>
      </c>
    </row>
    <row r="409" spans="1:4">
      <c r="A409" s="218" t="s">
        <v>2245</v>
      </c>
      <c r="B409" s="225">
        <v>98849422.920000002</v>
      </c>
      <c r="C409" s="225">
        <v>-4389050.6500000004</v>
      </c>
      <c r="D409" s="225">
        <v>94460372.269999996</v>
      </c>
    </row>
    <row r="410" spans="1:4">
      <c r="A410" s="218" t="s">
        <v>119</v>
      </c>
      <c r="B410" s="225">
        <v>0</v>
      </c>
      <c r="C410" s="225">
        <v>0</v>
      </c>
      <c r="D410" s="225">
        <v>0</v>
      </c>
    </row>
    <row r="411" spans="1:4">
      <c r="A411" s="218" t="s">
        <v>104</v>
      </c>
      <c r="B411" s="225">
        <v>900864.62</v>
      </c>
      <c r="C411" s="225">
        <v>127486.20999999999</v>
      </c>
      <c r="D411" s="225">
        <v>1028350.83</v>
      </c>
    </row>
    <row r="412" spans="1:4">
      <c r="A412" s="218" t="s">
        <v>2247</v>
      </c>
      <c r="B412" s="225">
        <v>900864.62</v>
      </c>
      <c r="C412" s="225">
        <v>127486.20999999999</v>
      </c>
      <c r="D412" s="225">
        <v>1028350.83</v>
      </c>
    </row>
    <row r="413" spans="1:4">
      <c r="A413" s="218" t="s">
        <v>2905</v>
      </c>
      <c r="B413" s="225">
        <v>0</v>
      </c>
      <c r="C413" s="225">
        <v>14973655.199999999</v>
      </c>
      <c r="D413" s="225">
        <v>14973655.199999999</v>
      </c>
    </row>
    <row r="414" spans="1:4">
      <c r="A414" s="218" t="s">
        <v>2906</v>
      </c>
      <c r="B414" s="225">
        <v>0</v>
      </c>
      <c r="C414" s="225">
        <v>14973655.199999999</v>
      </c>
      <c r="D414" s="225">
        <v>14973655.199999999</v>
      </c>
    </row>
    <row r="415" spans="1:4">
      <c r="A415" s="218" t="s">
        <v>2248</v>
      </c>
      <c r="B415" s="225">
        <v>21436430.780000001</v>
      </c>
      <c r="C415" s="225">
        <v>25563.7</v>
      </c>
      <c r="D415" s="225">
        <v>21461994.48</v>
      </c>
    </row>
    <row r="416" spans="1:4">
      <c r="A416" s="218" t="s">
        <v>2249</v>
      </c>
      <c r="B416" s="225">
        <v>262320805.66</v>
      </c>
      <c r="C416" s="225">
        <v>-9793721.8099999987</v>
      </c>
      <c r="D416" s="225">
        <v>252527083.84999999</v>
      </c>
    </row>
    <row r="417" spans="1:4">
      <c r="A417" s="218" t="s">
        <v>2250</v>
      </c>
      <c r="B417" s="225">
        <v>283757236.44</v>
      </c>
      <c r="C417" s="225">
        <v>-9768158.1099999994</v>
      </c>
      <c r="D417" s="225">
        <v>273989078.33000004</v>
      </c>
    </row>
    <row r="418" spans="1:4">
      <c r="A418" s="217" t="s">
        <v>2251</v>
      </c>
      <c r="B418" s="226">
        <v>776659123.5</v>
      </c>
      <c r="C418" s="226">
        <v>-114481117.44000001</v>
      </c>
      <c r="D418" s="226">
        <v>662178006.06000006</v>
      </c>
    </row>
    <row r="419" spans="1:4">
      <c r="A419" s="218" t="s">
        <v>2252</v>
      </c>
      <c r="B419" s="225">
        <v>249967189.91</v>
      </c>
      <c r="C419" s="225">
        <v>-28031951.920000002</v>
      </c>
      <c r="D419" s="225">
        <v>221935237.99000001</v>
      </c>
    </row>
    <row r="420" spans="1:4">
      <c r="A420" s="218" t="s">
        <v>2253</v>
      </c>
      <c r="B420" s="225">
        <v>278665.32</v>
      </c>
      <c r="C420" s="225">
        <v>119741.76000000001</v>
      </c>
      <c r="D420" s="225">
        <v>398407.07999999996</v>
      </c>
    </row>
    <row r="421" spans="1:4">
      <c r="A421" s="218" t="s">
        <v>2254</v>
      </c>
      <c r="B421" s="225">
        <v>962191.09000000008</v>
      </c>
      <c r="C421" s="225">
        <v>0</v>
      </c>
      <c r="D421" s="225">
        <v>962191.09000000008</v>
      </c>
    </row>
    <row r="422" spans="1:4">
      <c r="A422" s="218" t="s">
        <v>2255</v>
      </c>
      <c r="B422" s="225">
        <v>2598.0299999999997</v>
      </c>
      <c r="C422" s="225">
        <v>0</v>
      </c>
      <c r="D422" s="225">
        <v>2598.0299999999997</v>
      </c>
    </row>
    <row r="423" spans="1:4">
      <c r="A423" s="218" t="s">
        <v>2256</v>
      </c>
      <c r="B423" s="225">
        <v>1396575.46</v>
      </c>
      <c r="C423" s="225">
        <v>2676230.71</v>
      </c>
      <c r="D423" s="225">
        <v>4072806.17</v>
      </c>
    </row>
    <row r="424" spans="1:4">
      <c r="A424" s="218" t="s">
        <v>2257</v>
      </c>
      <c r="B424" s="225">
        <v>506086.93999999994</v>
      </c>
      <c r="C424" s="225">
        <v>-95768.25</v>
      </c>
      <c r="D424" s="225">
        <v>410318.69</v>
      </c>
    </row>
    <row r="425" spans="1:4">
      <c r="A425" s="218" t="s">
        <v>2258</v>
      </c>
      <c r="B425" s="225">
        <v>8566.15</v>
      </c>
      <c r="C425" s="225">
        <v>-3119.02</v>
      </c>
      <c r="D425" s="225">
        <v>5447.13</v>
      </c>
    </row>
    <row r="426" spans="1:4">
      <c r="A426" s="218" t="s">
        <v>2259</v>
      </c>
      <c r="B426" s="225">
        <v>3378433.61</v>
      </c>
      <c r="C426" s="225">
        <v>-179840.19</v>
      </c>
      <c r="D426" s="225">
        <v>3198593.42</v>
      </c>
    </row>
    <row r="427" spans="1:4">
      <c r="A427" s="218" t="s">
        <v>2907</v>
      </c>
      <c r="B427" s="225">
        <v>0</v>
      </c>
      <c r="C427" s="225">
        <v>0</v>
      </c>
      <c r="D427" s="225">
        <v>0</v>
      </c>
    </row>
    <row r="428" spans="1:4">
      <c r="A428" s="218" t="s">
        <v>2260</v>
      </c>
      <c r="B428" s="225">
        <v>63223.759999999995</v>
      </c>
      <c r="C428" s="225">
        <v>2089.7800000000002</v>
      </c>
      <c r="D428" s="225">
        <v>65313.540000000008</v>
      </c>
    </row>
    <row r="429" spans="1:4">
      <c r="A429" s="218" t="s">
        <v>2261</v>
      </c>
      <c r="B429" s="225">
        <v>0</v>
      </c>
      <c r="C429" s="225">
        <v>0</v>
      </c>
      <c r="D429" s="225">
        <v>0</v>
      </c>
    </row>
    <row r="430" spans="1:4">
      <c r="A430" s="218" t="s">
        <v>2262</v>
      </c>
      <c r="B430" s="225">
        <v>4534820.01</v>
      </c>
      <c r="C430" s="225">
        <v>1217723.3800000001</v>
      </c>
      <c r="D430" s="225">
        <v>5752543.3900000006</v>
      </c>
    </row>
    <row r="431" spans="1:4">
      <c r="A431" s="218" t="s">
        <v>2263</v>
      </c>
      <c r="B431" s="225">
        <v>0</v>
      </c>
      <c r="C431" s="225">
        <v>0</v>
      </c>
      <c r="D431" s="225">
        <v>0</v>
      </c>
    </row>
    <row r="432" spans="1:4">
      <c r="A432" s="218" t="s">
        <v>2264</v>
      </c>
      <c r="B432" s="225">
        <v>0</v>
      </c>
      <c r="C432" s="225">
        <v>0</v>
      </c>
      <c r="D432" s="225">
        <v>0</v>
      </c>
    </row>
    <row r="433" spans="1:4">
      <c r="A433" s="218" t="s">
        <v>2265</v>
      </c>
      <c r="B433" s="225">
        <v>81124.789999999994</v>
      </c>
      <c r="C433" s="225">
        <v>-1851.04</v>
      </c>
      <c r="D433" s="225">
        <v>79273.75</v>
      </c>
    </row>
    <row r="434" spans="1:4">
      <c r="A434" s="218" t="s">
        <v>2266</v>
      </c>
      <c r="B434" s="225">
        <v>90141.31</v>
      </c>
      <c r="C434" s="225">
        <v>0</v>
      </c>
      <c r="D434" s="225">
        <v>90141.31</v>
      </c>
    </row>
    <row r="435" spans="1:4">
      <c r="A435" s="218" t="s">
        <v>2268</v>
      </c>
      <c r="B435" s="225">
        <v>4706086.1099999994</v>
      </c>
      <c r="C435" s="225">
        <v>1215872.3400000001</v>
      </c>
      <c r="D435" s="225">
        <v>5921958.4500000002</v>
      </c>
    </row>
    <row r="436" spans="1:4">
      <c r="A436" s="218" t="s">
        <v>2269</v>
      </c>
      <c r="B436" s="225">
        <v>110698115</v>
      </c>
      <c r="C436" s="225">
        <v>-72661737.319999993</v>
      </c>
      <c r="D436" s="225">
        <v>38036377.68</v>
      </c>
    </row>
    <row r="437" spans="1:4">
      <c r="A437" s="218" t="s">
        <v>2270</v>
      </c>
      <c r="B437" s="225">
        <v>110698115</v>
      </c>
      <c r="C437" s="225">
        <v>-72661737.319999993</v>
      </c>
      <c r="D437" s="225">
        <v>38036377.68</v>
      </c>
    </row>
    <row r="438" spans="1:4">
      <c r="A438" s="218" t="s">
        <v>2271</v>
      </c>
      <c r="B438" s="225">
        <v>418.46000000000004</v>
      </c>
      <c r="C438" s="225">
        <v>0</v>
      </c>
      <c r="D438" s="225">
        <v>418.46000000000004</v>
      </c>
    </row>
    <row r="439" spans="1:4">
      <c r="A439" s="218" t="s">
        <v>2272</v>
      </c>
      <c r="B439" s="225">
        <v>67059324.289999999</v>
      </c>
      <c r="C439" s="225">
        <v>9398799.0099999998</v>
      </c>
      <c r="D439" s="225">
        <v>76458123.299999997</v>
      </c>
    </row>
    <row r="440" spans="1:4">
      <c r="A440" s="218" t="s">
        <v>2273</v>
      </c>
      <c r="B440" s="225">
        <v>0.74</v>
      </c>
      <c r="C440" s="225">
        <v>-0.74</v>
      </c>
      <c r="D440" s="225">
        <v>0</v>
      </c>
    </row>
    <row r="441" spans="1:4">
      <c r="A441" s="218" t="s">
        <v>2274</v>
      </c>
      <c r="B441" s="225">
        <v>41552570.149999999</v>
      </c>
      <c r="C441" s="225">
        <v>449371.17</v>
      </c>
      <c r="D441" s="225">
        <v>42001941.32</v>
      </c>
    </row>
    <row r="442" spans="1:4">
      <c r="A442" s="218" t="s">
        <v>2275</v>
      </c>
      <c r="B442" s="225">
        <v>201995.62000000002</v>
      </c>
      <c r="C442" s="225">
        <v>0</v>
      </c>
      <c r="D442" s="225">
        <v>201995.62000000002</v>
      </c>
    </row>
    <row r="443" spans="1:4">
      <c r="A443" s="218" t="s">
        <v>2276</v>
      </c>
      <c r="B443" s="225">
        <v>19800</v>
      </c>
      <c r="C443" s="225">
        <v>0</v>
      </c>
      <c r="D443" s="225">
        <v>19800</v>
      </c>
    </row>
    <row r="444" spans="1:4">
      <c r="A444" s="218" t="s">
        <v>2277</v>
      </c>
      <c r="B444" s="225">
        <v>0</v>
      </c>
      <c r="C444" s="225">
        <v>2862497.44</v>
      </c>
      <c r="D444" s="225">
        <v>2862497.44</v>
      </c>
    </row>
    <row r="445" spans="1:4">
      <c r="A445" s="218" t="s">
        <v>2278</v>
      </c>
      <c r="B445" s="225">
        <v>392086.54</v>
      </c>
      <c r="C445" s="225">
        <v>-12870.539999999999</v>
      </c>
      <c r="D445" s="225">
        <v>379216</v>
      </c>
    </row>
    <row r="446" spans="1:4">
      <c r="A446" s="218" t="s">
        <v>2279</v>
      </c>
      <c r="B446" s="225">
        <v>4.6900000000000004</v>
      </c>
      <c r="C446" s="225">
        <v>0</v>
      </c>
      <c r="D446" s="225">
        <v>4.6900000000000004</v>
      </c>
    </row>
    <row r="447" spans="1:4">
      <c r="A447" s="218" t="s">
        <v>2280</v>
      </c>
      <c r="B447" s="225">
        <v>87630407.469999999</v>
      </c>
      <c r="C447" s="225">
        <v>-4349290.83</v>
      </c>
      <c r="D447" s="225">
        <v>83281116.640000001</v>
      </c>
    </row>
    <row r="448" spans="1:4">
      <c r="A448" s="218" t="s">
        <v>2281</v>
      </c>
      <c r="B448" s="225">
        <v>47422.43</v>
      </c>
      <c r="C448" s="225">
        <v>0</v>
      </c>
      <c r="D448" s="225">
        <v>47422.43</v>
      </c>
    </row>
    <row r="449" spans="1:4">
      <c r="A449" s="218" t="s">
        <v>2282</v>
      </c>
      <c r="B449" s="225">
        <v>250708834.08000001</v>
      </c>
      <c r="C449" s="225">
        <v>6146485.4199999999</v>
      </c>
      <c r="D449" s="225">
        <v>256855319.49999997</v>
      </c>
    </row>
    <row r="450" spans="1:4">
      <c r="A450" s="218" t="s">
        <v>2283</v>
      </c>
      <c r="B450" s="225">
        <v>819580595.85000002</v>
      </c>
      <c r="C450" s="225">
        <v>-82463491.180000007</v>
      </c>
      <c r="D450" s="225">
        <v>737117104.67000008</v>
      </c>
    </row>
    <row r="451" spans="1:4">
      <c r="A451" s="218" t="s">
        <v>2284</v>
      </c>
      <c r="B451" s="225">
        <v>-0.09</v>
      </c>
      <c r="C451" s="225">
        <v>152188000</v>
      </c>
      <c r="D451" s="225">
        <v>152187999.91</v>
      </c>
    </row>
    <row r="452" spans="1:4">
      <c r="A452" s="218" t="s">
        <v>2285</v>
      </c>
      <c r="B452" s="225">
        <v>-8.9999999999999983E-2</v>
      </c>
      <c r="C452" s="225">
        <v>152188000</v>
      </c>
      <c r="D452" s="225">
        <v>152187999.91</v>
      </c>
    </row>
    <row r="453" spans="1:4">
      <c r="A453" s="218" t="s">
        <v>2286</v>
      </c>
      <c r="B453" s="225">
        <v>-94838.14</v>
      </c>
      <c r="C453" s="225">
        <v>36291.899999999994</v>
      </c>
      <c r="D453" s="225">
        <v>-58546.239999999998</v>
      </c>
    </row>
    <row r="454" spans="1:4">
      <c r="A454" s="218" t="s">
        <v>2287</v>
      </c>
      <c r="B454" s="225">
        <v>-0.01</v>
      </c>
      <c r="C454" s="225">
        <v>71362.22</v>
      </c>
      <c r="D454" s="225">
        <v>71362.209999999992</v>
      </c>
    </row>
    <row r="455" spans="1:4">
      <c r="A455" s="218" t="s">
        <v>2288</v>
      </c>
      <c r="B455" s="225">
        <v>20702.45</v>
      </c>
      <c r="C455" s="225">
        <v>1755.6899999999998</v>
      </c>
      <c r="D455" s="225">
        <v>22458.140000000003</v>
      </c>
    </row>
    <row r="456" spans="1:4">
      <c r="A456" s="218" t="s">
        <v>2289</v>
      </c>
      <c r="B456" s="225">
        <v>514727659.93000001</v>
      </c>
      <c r="C456" s="225">
        <v>-381682251.86000001</v>
      </c>
      <c r="D456" s="225">
        <v>133045408.07000001</v>
      </c>
    </row>
    <row r="457" spans="1:4">
      <c r="A457" s="218" t="s">
        <v>2290</v>
      </c>
      <c r="B457" s="225">
        <v>514653524.22999996</v>
      </c>
      <c r="C457" s="225">
        <v>-381572842.05000001</v>
      </c>
      <c r="D457" s="225">
        <v>133080682.17999999</v>
      </c>
    </row>
    <row r="458" spans="1:4">
      <c r="A458" s="218" t="s">
        <v>2291</v>
      </c>
      <c r="B458" s="225">
        <v>0</v>
      </c>
      <c r="C458" s="225">
        <v>0</v>
      </c>
      <c r="D458" s="225">
        <v>0</v>
      </c>
    </row>
    <row r="459" spans="1:4">
      <c r="A459" s="218" t="s">
        <v>2292</v>
      </c>
      <c r="B459" s="225">
        <v>1666455.49</v>
      </c>
      <c r="C459" s="225">
        <v>0</v>
      </c>
      <c r="D459" s="225">
        <v>1666455.49</v>
      </c>
    </row>
    <row r="460" spans="1:4">
      <c r="A460" s="218" t="s">
        <v>2293</v>
      </c>
      <c r="B460" s="225">
        <v>163121673.41</v>
      </c>
      <c r="C460" s="225">
        <v>-2919815.9099999997</v>
      </c>
      <c r="D460" s="225">
        <v>160201857.5</v>
      </c>
    </row>
    <row r="461" spans="1:4">
      <c r="A461" s="218" t="s">
        <v>2294</v>
      </c>
      <c r="B461" s="225">
        <v>164788128.90000001</v>
      </c>
      <c r="C461" s="225">
        <v>-2919815.9099999997</v>
      </c>
      <c r="D461" s="225">
        <v>161868312.99000001</v>
      </c>
    </row>
    <row r="462" spans="1:4">
      <c r="A462" s="218" t="s">
        <v>2295</v>
      </c>
      <c r="B462" s="225">
        <v>-42363948.649999999</v>
      </c>
      <c r="C462" s="225">
        <v>45192820.029999994</v>
      </c>
      <c r="D462" s="225">
        <v>2828871.38</v>
      </c>
    </row>
    <row r="463" spans="1:4">
      <c r="A463" s="218" t="s">
        <v>2296</v>
      </c>
      <c r="B463" s="225">
        <v>254627.99999999997</v>
      </c>
      <c r="C463" s="225">
        <v>-254627.99999999997</v>
      </c>
      <c r="D463" s="225">
        <v>0</v>
      </c>
    </row>
    <row r="464" spans="1:4">
      <c r="A464" s="218" t="s">
        <v>2297</v>
      </c>
      <c r="B464" s="225">
        <v>13108655.260000002</v>
      </c>
      <c r="C464" s="225">
        <v>402676.76</v>
      </c>
      <c r="D464" s="225">
        <v>13511332.02</v>
      </c>
    </row>
    <row r="465" spans="1:4">
      <c r="A465" s="218" t="s">
        <v>2298</v>
      </c>
      <c r="B465" s="225">
        <v>26952332.619999997</v>
      </c>
      <c r="C465" s="225">
        <v>-26960424</v>
      </c>
      <c r="D465" s="225">
        <v>-8091.38</v>
      </c>
    </row>
    <row r="466" spans="1:4">
      <c r="A466" s="218" t="s">
        <v>2299</v>
      </c>
      <c r="B466" s="225">
        <v>33410661.75</v>
      </c>
      <c r="C466" s="225">
        <v>2155645.15</v>
      </c>
      <c r="D466" s="225">
        <v>35566306.899999999</v>
      </c>
    </row>
    <row r="467" spans="1:4">
      <c r="A467" s="218" t="s">
        <v>2300</v>
      </c>
      <c r="B467" s="225">
        <v>2082939.54</v>
      </c>
      <c r="C467" s="225">
        <v>345415.45999999996</v>
      </c>
      <c r="D467" s="225">
        <v>2428355</v>
      </c>
    </row>
    <row r="468" spans="1:4">
      <c r="A468" s="218" t="s">
        <v>2301</v>
      </c>
      <c r="B468" s="225">
        <v>6050.65</v>
      </c>
      <c r="C468" s="225">
        <v>1615.93</v>
      </c>
      <c r="D468" s="225">
        <v>7666.58</v>
      </c>
    </row>
    <row r="469" spans="1:4">
      <c r="A469" s="218" t="s">
        <v>2302</v>
      </c>
      <c r="B469" s="225">
        <v>652666.7699999999</v>
      </c>
      <c r="C469" s="225">
        <v>901799.43</v>
      </c>
      <c r="D469" s="225">
        <v>1554466.2</v>
      </c>
    </row>
    <row r="470" spans="1:4">
      <c r="A470" s="218" t="s">
        <v>2303</v>
      </c>
      <c r="B470" s="225">
        <v>3580.32</v>
      </c>
      <c r="C470" s="225">
        <v>0</v>
      </c>
      <c r="D470" s="225">
        <v>3580.32</v>
      </c>
    </row>
    <row r="471" spans="1:4">
      <c r="A471" s="218" t="s">
        <v>2304</v>
      </c>
      <c r="B471" s="225">
        <v>2652.1600000000003</v>
      </c>
      <c r="C471" s="225">
        <v>1438.06</v>
      </c>
      <c r="D471" s="225">
        <v>4090.22</v>
      </c>
    </row>
    <row r="472" spans="1:4">
      <c r="A472" s="218" t="s">
        <v>2305</v>
      </c>
      <c r="B472" s="225">
        <v>-9089248.6300000008</v>
      </c>
      <c r="C472" s="225">
        <v>195759.21</v>
      </c>
      <c r="D472" s="225">
        <v>-8893489.4199999999</v>
      </c>
    </row>
    <row r="473" spans="1:4">
      <c r="A473" s="218" t="s">
        <v>2306</v>
      </c>
      <c r="B473" s="225">
        <v>-6393019.1900000004</v>
      </c>
      <c r="C473" s="225">
        <v>0</v>
      </c>
      <c r="D473" s="225">
        <v>-6393019.1900000004</v>
      </c>
    </row>
    <row r="474" spans="1:4">
      <c r="A474" s="218" t="s">
        <v>2308</v>
      </c>
      <c r="B474" s="225">
        <v>408530.98</v>
      </c>
      <c r="C474" s="225">
        <v>62541.599999999991</v>
      </c>
      <c r="D474" s="225">
        <v>471072.58</v>
      </c>
    </row>
    <row r="475" spans="1:4">
      <c r="A475" s="218" t="s">
        <v>2309</v>
      </c>
      <c r="B475" s="225">
        <v>-1308320.52</v>
      </c>
      <c r="C475" s="225">
        <v>751649.8</v>
      </c>
      <c r="D475" s="225">
        <v>-556670.71999999997</v>
      </c>
    </row>
    <row r="476" spans="1:4">
      <c r="A476" s="218" t="s">
        <v>2311</v>
      </c>
      <c r="B476" s="225">
        <v>2</v>
      </c>
      <c r="C476" s="225">
        <v>0</v>
      </c>
      <c r="D476" s="225">
        <v>2</v>
      </c>
    </row>
    <row r="477" spans="1:4">
      <c r="A477" s="218" t="s">
        <v>2312</v>
      </c>
      <c r="B477" s="225">
        <v>-2</v>
      </c>
      <c r="C477" s="225">
        <v>0</v>
      </c>
      <c r="D477" s="225">
        <v>-2</v>
      </c>
    </row>
    <row r="478" spans="1:4">
      <c r="A478" s="218" t="s">
        <v>2313</v>
      </c>
      <c r="B478" s="225">
        <v>-102332178.87</v>
      </c>
      <c r="C478" s="225">
        <v>215618240.30000001</v>
      </c>
      <c r="D478" s="225">
        <v>113286061.43000001</v>
      </c>
    </row>
    <row r="479" spans="1:4">
      <c r="A479" s="218" t="s">
        <v>2314</v>
      </c>
      <c r="B479" s="225">
        <v>1</v>
      </c>
      <c r="C479" s="225">
        <v>0</v>
      </c>
      <c r="D479" s="225">
        <v>1</v>
      </c>
    </row>
    <row r="480" spans="1:4">
      <c r="A480" s="218" t="s">
        <v>2315</v>
      </c>
      <c r="B480" s="225">
        <v>6393020.0700000003</v>
      </c>
      <c r="C480" s="225">
        <v>0</v>
      </c>
      <c r="D480" s="225">
        <v>6393020.0700000003</v>
      </c>
    </row>
    <row r="481" spans="1:4">
      <c r="A481" s="218" t="s">
        <v>2316</v>
      </c>
      <c r="B481" s="225">
        <v>-78210996.739999995</v>
      </c>
      <c r="C481" s="225">
        <v>238414549.72999999</v>
      </c>
      <c r="D481" s="225">
        <v>160203552.99000001</v>
      </c>
    </row>
    <row r="482" spans="1:4">
      <c r="A482" s="218" t="s">
        <v>2317</v>
      </c>
      <c r="B482" s="225">
        <v>-78210996.739999995</v>
      </c>
      <c r="C482" s="225">
        <v>238414549.72999999</v>
      </c>
      <c r="D482" s="225">
        <v>160203552.99000001</v>
      </c>
    </row>
    <row r="483" spans="1:4">
      <c r="A483" s="218" t="s">
        <v>2318</v>
      </c>
      <c r="B483" s="225">
        <v>0</v>
      </c>
      <c r="C483" s="225">
        <v>0</v>
      </c>
      <c r="D483" s="225">
        <v>0</v>
      </c>
    </row>
    <row r="484" spans="1:4">
      <c r="A484" s="218" t="s">
        <v>2319</v>
      </c>
      <c r="B484" s="225">
        <v>740864.35</v>
      </c>
      <c r="C484" s="225">
        <v>92442.87</v>
      </c>
      <c r="D484" s="225">
        <v>833307.22</v>
      </c>
    </row>
    <row r="485" spans="1:4">
      <c r="A485" s="218" t="s">
        <v>2320</v>
      </c>
      <c r="B485" s="225">
        <v>541865.49</v>
      </c>
      <c r="C485" s="225">
        <v>804106.44</v>
      </c>
      <c r="D485" s="225">
        <v>1345971.93</v>
      </c>
    </row>
    <row r="486" spans="1:4">
      <c r="A486" s="218" t="s">
        <v>2908</v>
      </c>
      <c r="B486" s="225">
        <v>107865027.77000001</v>
      </c>
      <c r="C486" s="225">
        <v>-26206194.440000001</v>
      </c>
      <c r="D486" s="225">
        <v>81658833.329999998</v>
      </c>
    </row>
    <row r="487" spans="1:4">
      <c r="A487" s="218" t="s">
        <v>2321</v>
      </c>
      <c r="B487" s="225">
        <v>3589883</v>
      </c>
      <c r="C487" s="225">
        <v>-1408520.8</v>
      </c>
      <c r="D487" s="225">
        <v>2181362.2000000002</v>
      </c>
    </row>
    <row r="488" spans="1:4">
      <c r="A488" s="218" t="s">
        <v>2322</v>
      </c>
      <c r="B488" s="225">
        <v>0</v>
      </c>
      <c r="C488" s="225">
        <v>0</v>
      </c>
      <c r="D488" s="225">
        <v>0</v>
      </c>
    </row>
    <row r="489" spans="1:4">
      <c r="A489" s="218" t="s">
        <v>2909</v>
      </c>
      <c r="B489" s="225">
        <v>1725934.93</v>
      </c>
      <c r="C489" s="225">
        <v>87238.720000000001</v>
      </c>
      <c r="D489" s="225">
        <v>1813173.6500000001</v>
      </c>
    </row>
    <row r="490" spans="1:4">
      <c r="A490" s="218" t="s">
        <v>2323</v>
      </c>
      <c r="B490" s="225">
        <v>0</v>
      </c>
      <c r="C490" s="225">
        <v>0</v>
      </c>
      <c r="D490" s="225">
        <v>0</v>
      </c>
    </row>
    <row r="491" spans="1:4">
      <c r="A491" s="218" t="s">
        <v>2324</v>
      </c>
      <c r="B491" s="225">
        <v>114463575.53999999</v>
      </c>
      <c r="C491" s="225">
        <v>-26630927.210000001</v>
      </c>
      <c r="D491" s="225">
        <v>87832648.329999998</v>
      </c>
    </row>
    <row r="492" spans="1:4">
      <c r="A492" s="218" t="s">
        <v>2325</v>
      </c>
      <c r="B492" s="225">
        <v>9094.880000000001</v>
      </c>
      <c r="C492" s="225">
        <v>-87.710000000000008</v>
      </c>
      <c r="D492" s="225">
        <v>9007.17</v>
      </c>
    </row>
    <row r="493" spans="1:4">
      <c r="A493" s="218" t="s">
        <v>2326</v>
      </c>
      <c r="B493" s="225">
        <v>-918051.53</v>
      </c>
      <c r="C493" s="225">
        <v>907917.28</v>
      </c>
      <c r="D493" s="225">
        <v>-10134.25</v>
      </c>
    </row>
    <row r="494" spans="1:4">
      <c r="A494" s="218" t="s">
        <v>2327</v>
      </c>
      <c r="B494" s="225">
        <v>-489768.93</v>
      </c>
      <c r="C494" s="225">
        <v>487952.22</v>
      </c>
      <c r="D494" s="225">
        <v>-1816.71</v>
      </c>
    </row>
    <row r="495" spans="1:4">
      <c r="A495" s="218" t="s">
        <v>2328</v>
      </c>
      <c r="B495" s="225">
        <v>8461769.1600000001</v>
      </c>
      <c r="C495" s="225">
        <v>91261.97</v>
      </c>
      <c r="D495" s="225">
        <v>8553031.129999999</v>
      </c>
    </row>
    <row r="496" spans="1:4">
      <c r="A496" s="218" t="s">
        <v>2329</v>
      </c>
      <c r="B496" s="225">
        <v>-3037949.96</v>
      </c>
      <c r="C496" s="225">
        <v>0</v>
      </c>
      <c r="D496" s="225">
        <v>-3037949.96</v>
      </c>
    </row>
    <row r="497" spans="1:4">
      <c r="A497" s="218" t="s">
        <v>2330</v>
      </c>
      <c r="B497" s="225">
        <v>324.27</v>
      </c>
      <c r="C497" s="225">
        <v>826.72</v>
      </c>
      <c r="D497" s="225">
        <v>1150.99</v>
      </c>
    </row>
    <row r="498" spans="1:4">
      <c r="A498" s="218" t="s">
        <v>2331</v>
      </c>
      <c r="B498" s="225">
        <v>1492.18</v>
      </c>
      <c r="C498" s="225">
        <v>207.77</v>
      </c>
      <c r="D498" s="225">
        <v>1699.95</v>
      </c>
    </row>
    <row r="499" spans="1:4">
      <c r="A499" s="218" t="s">
        <v>2332</v>
      </c>
      <c r="B499" s="225">
        <v>0</v>
      </c>
      <c r="C499" s="225">
        <v>14226.36</v>
      </c>
      <c r="D499" s="225">
        <v>14226.36</v>
      </c>
    </row>
    <row r="500" spans="1:4">
      <c r="A500" s="218" t="s">
        <v>2333</v>
      </c>
      <c r="B500" s="225">
        <v>16776021.439999999</v>
      </c>
      <c r="C500" s="225">
        <v>1023540.06</v>
      </c>
      <c r="D500" s="225">
        <v>17799561.5</v>
      </c>
    </row>
    <row r="501" spans="1:4">
      <c r="A501" s="218" t="s">
        <v>2334</v>
      </c>
      <c r="B501" s="225">
        <v>3095118.2399999998</v>
      </c>
      <c r="C501" s="225">
        <v>0</v>
      </c>
      <c r="D501" s="225">
        <v>3095118.2399999998</v>
      </c>
    </row>
    <row r="502" spans="1:4">
      <c r="A502" s="218" t="s">
        <v>2335</v>
      </c>
      <c r="B502" s="225">
        <v>23898049.75</v>
      </c>
      <c r="C502" s="225">
        <v>2525844.6700000004</v>
      </c>
      <c r="D502" s="225">
        <v>26423894.420000002</v>
      </c>
    </row>
    <row r="503" spans="1:4">
      <c r="A503" s="218" t="s">
        <v>2336</v>
      </c>
      <c r="B503" s="225">
        <v>-18073.25</v>
      </c>
      <c r="C503" s="225">
        <v>6763.98</v>
      </c>
      <c r="D503" s="225">
        <v>-11309.269999999999</v>
      </c>
    </row>
    <row r="504" spans="1:4">
      <c r="A504" s="218" t="s">
        <v>2337</v>
      </c>
      <c r="B504" s="225">
        <v>-93429.420000000013</v>
      </c>
      <c r="C504" s="225">
        <v>6948.84</v>
      </c>
      <c r="D504" s="225">
        <v>-86480.58</v>
      </c>
    </row>
    <row r="505" spans="1:4">
      <c r="A505" s="218" t="s">
        <v>2338</v>
      </c>
      <c r="B505" s="225">
        <v>-37115.15</v>
      </c>
      <c r="C505" s="225">
        <v>30847.439999999999</v>
      </c>
      <c r="D505" s="225">
        <v>-6267.71</v>
      </c>
    </row>
    <row r="506" spans="1:4">
      <c r="A506" s="218" t="s">
        <v>2339</v>
      </c>
      <c r="B506" s="225">
        <v>-8900.7000000000007</v>
      </c>
      <c r="C506" s="225">
        <v>4184.8200000000006</v>
      </c>
      <c r="D506" s="225">
        <v>-4715.88</v>
      </c>
    </row>
    <row r="507" spans="1:4">
      <c r="A507" s="218" t="s">
        <v>2340</v>
      </c>
      <c r="B507" s="225">
        <v>-198183.75</v>
      </c>
      <c r="C507" s="225">
        <v>143496.15</v>
      </c>
      <c r="D507" s="225">
        <v>-54687.6</v>
      </c>
    </row>
    <row r="508" spans="1:4">
      <c r="A508" s="218" t="s">
        <v>2342</v>
      </c>
      <c r="B508" s="225">
        <v>11827419.000000002</v>
      </c>
      <c r="C508" s="225">
        <v>-5989974</v>
      </c>
      <c r="D508" s="225">
        <v>5837445</v>
      </c>
    </row>
    <row r="509" spans="1:4">
      <c r="A509" s="218" t="s">
        <v>2343</v>
      </c>
      <c r="B509" s="225">
        <v>9923562.3299999982</v>
      </c>
      <c r="C509" s="225">
        <v>-3673405.17</v>
      </c>
      <c r="D509" s="225">
        <v>6250157.1600000001</v>
      </c>
    </row>
    <row r="510" spans="1:4">
      <c r="A510" s="218" t="s">
        <v>2344</v>
      </c>
      <c r="B510" s="225">
        <v>14219.82</v>
      </c>
      <c r="C510" s="225">
        <v>0</v>
      </c>
      <c r="D510" s="225">
        <v>14219.82</v>
      </c>
    </row>
    <row r="511" spans="1:4">
      <c r="A511" s="218" t="s">
        <v>2345</v>
      </c>
      <c r="B511" s="225">
        <v>306959.83999999997</v>
      </c>
      <c r="C511" s="225">
        <v>0</v>
      </c>
      <c r="D511" s="225">
        <v>306959.83999999997</v>
      </c>
    </row>
    <row r="512" spans="1:4">
      <c r="A512" s="218" t="s">
        <v>2346</v>
      </c>
      <c r="B512" s="225">
        <v>1021513.53</v>
      </c>
      <c r="C512" s="225">
        <v>7229521.2800000003</v>
      </c>
      <c r="D512" s="225">
        <v>8251034.8100000005</v>
      </c>
    </row>
    <row r="513" spans="1:4">
      <c r="A513" s="218" t="s">
        <v>2347</v>
      </c>
      <c r="B513" s="225">
        <v>536076.02</v>
      </c>
      <c r="C513" s="225">
        <v>24035.16</v>
      </c>
      <c r="D513" s="225">
        <v>560111.17999999993</v>
      </c>
    </row>
    <row r="514" spans="1:4">
      <c r="A514" s="218" t="s">
        <v>2910</v>
      </c>
      <c r="B514" s="225">
        <v>141867.92000000001</v>
      </c>
      <c r="C514" s="225">
        <v>5782.9900000000007</v>
      </c>
      <c r="D514" s="225">
        <v>147650.91</v>
      </c>
    </row>
    <row r="515" spans="1:4">
      <c r="A515" s="218" t="s">
        <v>2348</v>
      </c>
      <c r="B515" s="225">
        <v>5833965.6699999999</v>
      </c>
      <c r="C515" s="225">
        <v>0</v>
      </c>
      <c r="D515" s="225">
        <v>5833965.6699999999</v>
      </c>
    </row>
    <row r="516" spans="1:4">
      <c r="A516" s="218" t="s">
        <v>2349</v>
      </c>
      <c r="B516" s="225">
        <v>533860</v>
      </c>
      <c r="C516" s="225">
        <v>-6300</v>
      </c>
      <c r="D516" s="225">
        <v>527560</v>
      </c>
    </row>
    <row r="517" spans="1:4">
      <c r="A517" s="218" t="s">
        <v>2911</v>
      </c>
      <c r="B517" s="225">
        <v>3052973.29</v>
      </c>
      <c r="C517" s="225">
        <v>59889.919999999998</v>
      </c>
      <c r="D517" s="225">
        <v>3112863.21</v>
      </c>
    </row>
    <row r="518" spans="1:4">
      <c r="A518" s="218" t="s">
        <v>2350</v>
      </c>
      <c r="B518" s="225">
        <v>343747.66000000003</v>
      </c>
      <c r="C518" s="225">
        <v>238613.83000000002</v>
      </c>
      <c r="D518" s="225">
        <v>582361.49</v>
      </c>
    </row>
    <row r="519" spans="1:4">
      <c r="A519" s="218" t="s">
        <v>2351</v>
      </c>
      <c r="B519" s="225">
        <v>268961.45</v>
      </c>
      <c r="C519" s="225">
        <v>1089.8</v>
      </c>
      <c r="D519" s="225">
        <v>270051.25</v>
      </c>
    </row>
    <row r="520" spans="1:4">
      <c r="A520" s="218" t="s">
        <v>2352</v>
      </c>
      <c r="B520" s="225">
        <v>1164008.32</v>
      </c>
      <c r="C520" s="225">
        <v>424825</v>
      </c>
      <c r="D520" s="225">
        <v>1588833.3199999998</v>
      </c>
    </row>
    <row r="521" spans="1:4">
      <c r="A521" s="218" t="s">
        <v>2353</v>
      </c>
      <c r="B521" s="225">
        <v>16296281.810000001</v>
      </c>
      <c r="C521" s="225">
        <v>4450721.4800000004</v>
      </c>
      <c r="D521" s="225">
        <v>20747003.290000003</v>
      </c>
    </row>
    <row r="522" spans="1:4">
      <c r="A522" s="218" t="s">
        <v>2354</v>
      </c>
      <c r="B522" s="225">
        <v>34927336.990000002</v>
      </c>
      <c r="C522" s="225">
        <v>977455.71000000008</v>
      </c>
      <c r="D522" s="225">
        <v>35904792.700000003</v>
      </c>
    </row>
    <row r="523" spans="1:4">
      <c r="A523" s="218" t="s">
        <v>2355</v>
      </c>
      <c r="B523" s="225">
        <v>5707415.6500000004</v>
      </c>
      <c r="C523" s="225">
        <v>0</v>
      </c>
      <c r="D523" s="225">
        <v>5707415.6500000004</v>
      </c>
    </row>
    <row r="524" spans="1:4">
      <c r="A524" s="218" t="s">
        <v>2912</v>
      </c>
      <c r="B524" s="225">
        <v>200000</v>
      </c>
      <c r="C524" s="225">
        <v>-200000</v>
      </c>
      <c r="D524" s="225">
        <v>0</v>
      </c>
    </row>
    <row r="525" spans="1:4">
      <c r="A525" s="218" t="s">
        <v>2357</v>
      </c>
      <c r="B525" s="225">
        <v>-762317.85</v>
      </c>
      <c r="C525" s="225">
        <v>4212.04</v>
      </c>
      <c r="D525" s="225">
        <v>-758105.81</v>
      </c>
    </row>
    <row r="526" spans="1:4">
      <c r="A526" s="218" t="s">
        <v>2358</v>
      </c>
      <c r="B526" s="225">
        <v>0</v>
      </c>
      <c r="C526" s="225">
        <v>340791</v>
      </c>
      <c r="D526" s="225">
        <v>340791</v>
      </c>
    </row>
    <row r="527" spans="1:4">
      <c r="A527" s="218" t="s">
        <v>2359</v>
      </c>
      <c r="B527" s="225">
        <v>0</v>
      </c>
      <c r="C527" s="225">
        <v>1844875</v>
      </c>
      <c r="D527" s="225">
        <v>1844875</v>
      </c>
    </row>
    <row r="528" spans="1:4">
      <c r="A528" s="218" t="s">
        <v>2360</v>
      </c>
      <c r="B528" s="225">
        <v>0</v>
      </c>
      <c r="C528" s="225">
        <v>2834513</v>
      </c>
      <c r="D528" s="225">
        <v>2834513</v>
      </c>
    </row>
    <row r="529" spans="1:4">
      <c r="A529" s="218" t="s">
        <v>2361</v>
      </c>
      <c r="B529" s="225">
        <v>960771</v>
      </c>
      <c r="C529" s="225">
        <v>-144978</v>
      </c>
      <c r="D529" s="225">
        <v>815793</v>
      </c>
    </row>
    <row r="530" spans="1:4">
      <c r="A530" s="218" t="s">
        <v>2362</v>
      </c>
      <c r="B530" s="225">
        <v>91942920.180000007</v>
      </c>
      <c r="C530" s="225">
        <v>8613910.2699999996</v>
      </c>
      <c r="D530" s="225">
        <v>100556830.45</v>
      </c>
    </row>
    <row r="531" spans="1:4">
      <c r="A531" s="218" t="s">
        <v>2363</v>
      </c>
      <c r="B531" s="225">
        <v>860746.11</v>
      </c>
      <c r="C531" s="225">
        <v>108024.2</v>
      </c>
      <c r="D531" s="225">
        <v>968770.30999999994</v>
      </c>
    </row>
    <row r="532" spans="1:4">
      <c r="A532" s="218" t="s">
        <v>2364</v>
      </c>
      <c r="B532" s="225">
        <v>860746.11</v>
      </c>
      <c r="C532" s="225">
        <v>108024.2</v>
      </c>
      <c r="D532" s="225">
        <v>968770.30999999994</v>
      </c>
    </row>
    <row r="533" spans="1:4">
      <c r="A533" s="218" t="s">
        <v>2365</v>
      </c>
      <c r="B533" s="225">
        <v>92803666.289999992</v>
      </c>
      <c r="C533" s="225">
        <v>8721934.4699999988</v>
      </c>
      <c r="D533" s="225">
        <v>101525600.76000001</v>
      </c>
    </row>
    <row r="534" spans="1:4">
      <c r="A534" s="218" t="s">
        <v>2366</v>
      </c>
      <c r="B534" s="225">
        <v>48519525.479999997</v>
      </c>
      <c r="C534" s="225">
        <v>185661.66999999998</v>
      </c>
      <c r="D534" s="225">
        <v>48705187.149999999</v>
      </c>
    </row>
    <row r="535" spans="1:4">
      <c r="A535" s="218" t="s">
        <v>2367</v>
      </c>
      <c r="B535" s="225">
        <v>9650370.8499999996</v>
      </c>
      <c r="C535" s="225">
        <v>-1302963.08</v>
      </c>
      <c r="D535" s="225">
        <v>8347407.7700000005</v>
      </c>
    </row>
    <row r="536" spans="1:4">
      <c r="A536" s="218" t="s">
        <v>2368</v>
      </c>
      <c r="B536" s="225">
        <v>58169896.329999998</v>
      </c>
      <c r="C536" s="225">
        <v>-1117301.4100000001</v>
      </c>
      <c r="D536" s="225">
        <v>57052594.920000002</v>
      </c>
    </row>
    <row r="537" spans="1:4">
      <c r="A537" s="218" t="s">
        <v>2913</v>
      </c>
      <c r="B537" s="225">
        <v>0</v>
      </c>
      <c r="C537" s="225">
        <v>14973655.199999999</v>
      </c>
      <c r="D537" s="225">
        <v>14973655.199999999</v>
      </c>
    </row>
    <row r="538" spans="1:4">
      <c r="A538" s="218" t="s">
        <v>2914</v>
      </c>
      <c r="B538" s="225">
        <v>0</v>
      </c>
      <c r="C538" s="225">
        <v>14973655.199999999</v>
      </c>
      <c r="D538" s="225">
        <v>14973655.199999999</v>
      </c>
    </row>
    <row r="539" spans="1:4">
      <c r="A539" s="218" t="s">
        <v>2915</v>
      </c>
      <c r="B539" s="225">
        <v>0</v>
      </c>
      <c r="C539" s="225">
        <v>-14973655.199999999</v>
      </c>
      <c r="D539" s="225">
        <v>-14973655.199999999</v>
      </c>
    </row>
    <row r="540" spans="1:4">
      <c r="A540" s="218" t="s">
        <v>2369</v>
      </c>
      <c r="B540" s="225">
        <v>0</v>
      </c>
      <c r="C540" s="225">
        <v>0</v>
      </c>
      <c r="D540" s="225">
        <v>0</v>
      </c>
    </row>
    <row r="541" spans="1:4">
      <c r="A541" s="218" t="s">
        <v>2370</v>
      </c>
      <c r="B541" s="225">
        <v>0</v>
      </c>
      <c r="C541" s="225">
        <v>0</v>
      </c>
      <c r="D541" s="225">
        <v>0</v>
      </c>
    </row>
    <row r="542" spans="1:4">
      <c r="A542" s="217" t="s">
        <v>2371</v>
      </c>
      <c r="B542" s="226">
        <v>1710146440.0599999</v>
      </c>
      <c r="C542" s="226">
        <v>-92854048.890000001</v>
      </c>
      <c r="D542" s="226">
        <v>1617292391.1700001</v>
      </c>
    </row>
    <row r="543" spans="1:4">
      <c r="A543" s="218" t="s">
        <v>2372</v>
      </c>
      <c r="B543" s="225">
        <v>31484343.800000001</v>
      </c>
      <c r="C543" s="225">
        <v>1380345.65</v>
      </c>
      <c r="D543" s="225">
        <v>32864689.450000003</v>
      </c>
    </row>
    <row r="544" spans="1:4">
      <c r="A544" s="218" t="s">
        <v>2373</v>
      </c>
      <c r="B544" s="225">
        <v>14717936.279999999</v>
      </c>
      <c r="C544" s="225">
        <v>-262715</v>
      </c>
      <c r="D544" s="225">
        <v>14455221.279999999</v>
      </c>
    </row>
    <row r="545" spans="1:4">
      <c r="A545" s="218" t="s">
        <v>2374</v>
      </c>
      <c r="B545" s="225">
        <v>306503.42</v>
      </c>
      <c r="C545" s="225">
        <v>0</v>
      </c>
      <c r="D545" s="225">
        <v>306503.42</v>
      </c>
    </row>
    <row r="546" spans="1:4">
      <c r="A546" s="218" t="s">
        <v>2375</v>
      </c>
      <c r="B546" s="225">
        <v>46508783.5</v>
      </c>
      <c r="C546" s="225">
        <v>1117630.6500000001</v>
      </c>
      <c r="D546" s="225">
        <v>47626414.149999999</v>
      </c>
    </row>
    <row r="547" spans="1:4">
      <c r="A547" s="218" t="s">
        <v>2376</v>
      </c>
      <c r="B547" s="225">
        <v>235952026.82000002</v>
      </c>
      <c r="C547" s="225">
        <v>5100000</v>
      </c>
      <c r="D547" s="225">
        <v>241052026.81999999</v>
      </c>
    </row>
    <row r="548" spans="1:4">
      <c r="A548" s="218" t="s">
        <v>2377</v>
      </c>
      <c r="B548" s="225">
        <v>919363.74</v>
      </c>
      <c r="C548" s="225">
        <v>-36774.58</v>
      </c>
      <c r="D548" s="225">
        <v>882589.15999999992</v>
      </c>
    </row>
    <row r="549" spans="1:4">
      <c r="A549" s="218" t="s">
        <v>2378</v>
      </c>
      <c r="B549" s="225">
        <v>236871390.56</v>
      </c>
      <c r="C549" s="225">
        <v>5063225.42</v>
      </c>
      <c r="D549" s="225">
        <v>241934615.97999999</v>
      </c>
    </row>
    <row r="550" spans="1:4">
      <c r="A550" s="218" t="s">
        <v>2379</v>
      </c>
      <c r="B550" s="225">
        <v>489363.3</v>
      </c>
      <c r="C550" s="225">
        <v>-489363.22</v>
      </c>
      <c r="D550" s="225">
        <v>0.08</v>
      </c>
    </row>
    <row r="551" spans="1:4">
      <c r="A551" s="218" t="s">
        <v>2380</v>
      </c>
      <c r="B551" s="225">
        <v>3675150.28</v>
      </c>
      <c r="C551" s="225">
        <v>0</v>
      </c>
      <c r="D551" s="225">
        <v>3675150.28</v>
      </c>
    </row>
    <row r="552" spans="1:4">
      <c r="A552" s="218" t="s">
        <v>2381</v>
      </c>
      <c r="B552" s="225">
        <v>999369.42999999993</v>
      </c>
      <c r="C552" s="225">
        <v>-9423.3799999999992</v>
      </c>
      <c r="D552" s="225">
        <v>989946.05</v>
      </c>
    </row>
    <row r="553" spans="1:4">
      <c r="A553" s="218" t="s">
        <v>2382</v>
      </c>
      <c r="B553" s="225">
        <v>9325773.4900000002</v>
      </c>
      <c r="C553" s="225">
        <v>-395094.29</v>
      </c>
      <c r="D553" s="225">
        <v>8930679.1999999993</v>
      </c>
    </row>
    <row r="554" spans="1:4">
      <c r="A554" s="218" t="s">
        <v>2383</v>
      </c>
      <c r="B554" s="225">
        <v>16091161.379999999</v>
      </c>
      <c r="C554" s="225">
        <v>-22504.230000000003</v>
      </c>
      <c r="D554" s="225">
        <v>16068657.15</v>
      </c>
    </row>
    <row r="555" spans="1:4">
      <c r="A555" s="218" t="s">
        <v>2384</v>
      </c>
      <c r="B555" s="225">
        <v>0</v>
      </c>
      <c r="C555" s="225">
        <v>1777492.38</v>
      </c>
      <c r="D555" s="225">
        <v>1777492.38</v>
      </c>
    </row>
    <row r="556" spans="1:4">
      <c r="A556" s="218" t="s">
        <v>2385</v>
      </c>
      <c r="B556" s="225">
        <v>0</v>
      </c>
      <c r="C556" s="225">
        <v>2683303.0500000003</v>
      </c>
      <c r="D556" s="225">
        <v>2683303.0500000003</v>
      </c>
    </row>
    <row r="557" spans="1:4">
      <c r="A557" s="218" t="s">
        <v>2386</v>
      </c>
      <c r="B557" s="225">
        <v>0</v>
      </c>
      <c r="C557" s="225">
        <v>4021581.7600000002</v>
      </c>
      <c r="D557" s="225">
        <v>4021581.7600000002</v>
      </c>
    </row>
    <row r="558" spans="1:4">
      <c r="A558" s="218" t="s">
        <v>2387</v>
      </c>
      <c r="B558" s="225">
        <v>3918467.06</v>
      </c>
      <c r="C558" s="225">
        <v>-255718.9</v>
      </c>
      <c r="D558" s="225">
        <v>3662748.16</v>
      </c>
    </row>
    <row r="559" spans="1:4">
      <c r="A559" s="218" t="s">
        <v>2388</v>
      </c>
      <c r="B559" s="225">
        <v>30798.42</v>
      </c>
      <c r="C559" s="225">
        <v>4192.3899999999994</v>
      </c>
      <c r="D559" s="225">
        <v>34990.81</v>
      </c>
    </row>
    <row r="560" spans="1:4">
      <c r="A560" s="218" t="s">
        <v>2916</v>
      </c>
      <c r="B560" s="225">
        <v>3462645.92</v>
      </c>
      <c r="C560" s="225">
        <v>2127754.7399999998</v>
      </c>
      <c r="D560" s="225">
        <v>5590400.6599999992</v>
      </c>
    </row>
    <row r="561" spans="1:4">
      <c r="A561" s="218" t="s">
        <v>2917</v>
      </c>
      <c r="B561" s="225">
        <v>0</v>
      </c>
      <c r="C561" s="225">
        <v>0</v>
      </c>
      <c r="D561" s="225">
        <v>0</v>
      </c>
    </row>
    <row r="562" spans="1:4">
      <c r="A562" s="218" t="s">
        <v>2389</v>
      </c>
      <c r="B562" s="225">
        <v>280640.45</v>
      </c>
      <c r="C562" s="225">
        <v>-8684.8799999999992</v>
      </c>
      <c r="D562" s="225">
        <v>271955.57</v>
      </c>
    </row>
    <row r="563" spans="1:4">
      <c r="A563" s="218" t="s">
        <v>2390</v>
      </c>
      <c r="B563" s="225">
        <v>-7.0000000000000007E-2</v>
      </c>
      <c r="C563" s="225">
        <v>0</v>
      </c>
      <c r="D563" s="225">
        <v>-7.0000000000000007E-2</v>
      </c>
    </row>
    <row r="564" spans="1:4">
      <c r="A564" s="218" t="s">
        <v>2391</v>
      </c>
      <c r="B564" s="225">
        <v>0</v>
      </c>
      <c r="C564" s="225">
        <v>0</v>
      </c>
      <c r="D564" s="225">
        <v>0</v>
      </c>
    </row>
    <row r="565" spans="1:4">
      <c r="A565" s="218" t="s">
        <v>2392</v>
      </c>
      <c r="B565" s="225">
        <v>150906939.31</v>
      </c>
      <c r="C565" s="225">
        <v>-627840309.95000005</v>
      </c>
      <c r="D565" s="225">
        <v>-476933370.63999999</v>
      </c>
    </row>
    <row r="566" spans="1:4">
      <c r="A566" s="218" t="s">
        <v>2393</v>
      </c>
      <c r="B566" s="225">
        <v>-150906940.09999999</v>
      </c>
      <c r="C566" s="225">
        <v>627840309.95000005</v>
      </c>
      <c r="D566" s="225">
        <v>476933369.85000002</v>
      </c>
    </row>
    <row r="567" spans="1:4">
      <c r="A567" s="218" t="s">
        <v>2394</v>
      </c>
      <c r="B567" s="225">
        <v>0</v>
      </c>
      <c r="C567" s="225">
        <v>0</v>
      </c>
      <c r="D567" s="225">
        <v>0</v>
      </c>
    </row>
    <row r="568" spans="1:4">
      <c r="A568" s="218" t="s">
        <v>2395</v>
      </c>
      <c r="B568" s="225">
        <v>38273368.869999997</v>
      </c>
      <c r="C568" s="225">
        <v>9433535.4199999999</v>
      </c>
      <c r="D568" s="225">
        <v>47706904.290000007</v>
      </c>
    </row>
    <row r="569" spans="1:4">
      <c r="A569" s="218" t="s">
        <v>2396</v>
      </c>
      <c r="B569" s="225">
        <v>38273368.869999997</v>
      </c>
      <c r="C569" s="225">
        <v>9433535.4199999999</v>
      </c>
      <c r="D569" s="225">
        <v>47706904.290000007</v>
      </c>
    </row>
    <row r="570" spans="1:4">
      <c r="A570" s="218" t="s">
        <v>2918</v>
      </c>
      <c r="B570" s="225">
        <v>34297634.450000003</v>
      </c>
      <c r="C570" s="225">
        <v>-34297634.450000003</v>
      </c>
      <c r="D570" s="225">
        <v>0</v>
      </c>
    </row>
    <row r="571" spans="1:4">
      <c r="A571" s="218" t="s">
        <v>2397</v>
      </c>
      <c r="B571" s="225">
        <v>34023419</v>
      </c>
      <c r="C571" s="225">
        <v>939040.99999999988</v>
      </c>
      <c r="D571" s="225">
        <v>34962460</v>
      </c>
    </row>
    <row r="572" spans="1:4">
      <c r="A572" s="218" t="s">
        <v>2398</v>
      </c>
      <c r="B572" s="225">
        <v>-199999999.88</v>
      </c>
      <c r="C572" s="225">
        <v>0</v>
      </c>
      <c r="D572" s="225">
        <v>-199999999.88</v>
      </c>
    </row>
    <row r="573" spans="1:4">
      <c r="A573" s="218" t="s">
        <v>2399</v>
      </c>
      <c r="B573" s="225">
        <v>77749432.75</v>
      </c>
      <c r="C573" s="225">
        <v>-45639254.579999998</v>
      </c>
      <c r="D573" s="225">
        <v>32110178.169999998</v>
      </c>
    </row>
    <row r="574" spans="1:4">
      <c r="A574" s="218" t="s">
        <v>2400</v>
      </c>
      <c r="B574" s="225">
        <v>29000000</v>
      </c>
      <c r="C574" s="225">
        <v>0</v>
      </c>
      <c r="D574" s="225">
        <v>29000000</v>
      </c>
    </row>
    <row r="575" spans="1:4">
      <c r="A575" s="218" t="s">
        <v>2401</v>
      </c>
      <c r="B575" s="225">
        <v>17205.25</v>
      </c>
      <c r="C575" s="225">
        <v>-17205.25</v>
      </c>
      <c r="D575" s="225">
        <v>0</v>
      </c>
    </row>
    <row r="576" spans="1:4">
      <c r="A576" s="218" t="s">
        <v>2403</v>
      </c>
      <c r="B576" s="225">
        <v>10497620.489999998</v>
      </c>
      <c r="C576" s="225">
        <v>-1323492.0099999998</v>
      </c>
      <c r="D576" s="225">
        <v>9174128.4800000004</v>
      </c>
    </row>
    <row r="577" spans="1:4">
      <c r="A577" s="218" t="s">
        <v>2404</v>
      </c>
      <c r="B577" s="225">
        <v>1042386</v>
      </c>
      <c r="C577" s="225">
        <v>182815</v>
      </c>
      <c r="D577" s="225">
        <v>1225201</v>
      </c>
    </row>
    <row r="578" spans="1:4">
      <c r="A578" s="218" t="s">
        <v>2405</v>
      </c>
      <c r="B578" s="225">
        <v>7187749.6600000001</v>
      </c>
      <c r="C578" s="225">
        <v>-162529.57</v>
      </c>
      <c r="D578" s="225">
        <v>7025220.0900000008</v>
      </c>
    </row>
    <row r="579" spans="1:4">
      <c r="A579" s="218" t="s">
        <v>2406</v>
      </c>
      <c r="B579" s="225">
        <v>0</v>
      </c>
      <c r="C579" s="225">
        <v>0</v>
      </c>
      <c r="D579" s="225">
        <v>0</v>
      </c>
    </row>
    <row r="580" spans="1:4">
      <c r="A580" s="218" t="s">
        <v>2407</v>
      </c>
      <c r="B580" s="225">
        <v>0</v>
      </c>
      <c r="C580" s="225">
        <v>0</v>
      </c>
      <c r="D580" s="225">
        <v>0</v>
      </c>
    </row>
    <row r="581" spans="1:4">
      <c r="A581" s="218" t="s">
        <v>2919</v>
      </c>
      <c r="B581" s="225">
        <v>112421838.52000001</v>
      </c>
      <c r="C581" s="225">
        <v>-620076.16999999993</v>
      </c>
      <c r="D581" s="225">
        <v>111801762.34999999</v>
      </c>
    </row>
    <row r="582" spans="1:4">
      <c r="A582" s="218" t="s">
        <v>2920</v>
      </c>
      <c r="B582" s="225">
        <v>7325613.1200000001</v>
      </c>
      <c r="C582" s="225">
        <v>9608.41</v>
      </c>
      <c r="D582" s="225">
        <v>7335221.5299999993</v>
      </c>
    </row>
    <row r="583" spans="1:4">
      <c r="A583" s="218" t="s">
        <v>2408</v>
      </c>
      <c r="B583" s="225">
        <v>0</v>
      </c>
      <c r="C583" s="225">
        <v>0</v>
      </c>
      <c r="D583" s="225">
        <v>0</v>
      </c>
    </row>
    <row r="584" spans="1:4">
      <c r="A584" s="218" t="s">
        <v>2409</v>
      </c>
      <c r="B584" s="225">
        <v>5036813.91</v>
      </c>
      <c r="C584" s="225">
        <v>-3258895.65</v>
      </c>
      <c r="D584" s="225">
        <v>1777918.26</v>
      </c>
    </row>
    <row r="585" spans="1:4">
      <c r="A585" s="218" t="s">
        <v>2410</v>
      </c>
      <c r="B585" s="225">
        <v>76755146.510000005</v>
      </c>
      <c r="C585" s="225">
        <v>20392446.460000001</v>
      </c>
      <c r="D585" s="225">
        <v>97147592.969999999</v>
      </c>
    </row>
    <row r="586" spans="1:4">
      <c r="A586" s="218" t="s">
        <v>2411</v>
      </c>
      <c r="B586" s="225">
        <v>77734432</v>
      </c>
      <c r="C586" s="225">
        <v>-77734432</v>
      </c>
      <c r="D586" s="225">
        <v>0</v>
      </c>
    </row>
    <row r="587" spans="1:4">
      <c r="A587" s="218" t="s">
        <v>2412</v>
      </c>
      <c r="B587" s="225">
        <v>7700238.5599999996</v>
      </c>
      <c r="C587" s="225">
        <v>247182.97</v>
      </c>
      <c r="D587" s="225">
        <v>7947421.5300000003</v>
      </c>
    </row>
    <row r="588" spans="1:4">
      <c r="A588" s="218" t="s">
        <v>2413</v>
      </c>
      <c r="B588" s="225">
        <v>680789530.10000002</v>
      </c>
      <c r="C588" s="225">
        <v>-141282425.84</v>
      </c>
      <c r="D588" s="225">
        <v>539507104.25999999</v>
      </c>
    </row>
    <row r="589" spans="1:4">
      <c r="A589" s="218" t="s">
        <v>2414</v>
      </c>
      <c r="B589" s="225">
        <v>509371737.15999997</v>
      </c>
      <c r="C589" s="225">
        <v>-3193058.84</v>
      </c>
      <c r="D589" s="225">
        <v>506178678.31999999</v>
      </c>
    </row>
    <row r="590" spans="1:4">
      <c r="A590" s="218" t="s">
        <v>2415</v>
      </c>
      <c r="B590" s="225">
        <v>172929164.91999999</v>
      </c>
      <c r="C590" s="225">
        <v>-1084027.5</v>
      </c>
      <c r="D590" s="225">
        <v>171845137.42000002</v>
      </c>
    </row>
    <row r="591" spans="1:4">
      <c r="A591" s="218" t="s">
        <v>2416</v>
      </c>
      <c r="B591" s="225">
        <v>-2723378.79</v>
      </c>
      <c r="C591" s="225">
        <v>1911037.08</v>
      </c>
      <c r="D591" s="225">
        <v>-812341.71000000008</v>
      </c>
    </row>
    <row r="592" spans="1:4">
      <c r="A592" s="218" t="s">
        <v>2417</v>
      </c>
      <c r="B592" s="225">
        <v>-80252912.349999994</v>
      </c>
      <c r="C592" s="225">
        <v>-1718939.25</v>
      </c>
      <c r="D592" s="225">
        <v>-81971851.599999994</v>
      </c>
    </row>
    <row r="593" spans="1:4">
      <c r="A593" s="218" t="s">
        <v>2418</v>
      </c>
      <c r="B593" s="225">
        <v>-759830435.63999999</v>
      </c>
      <c r="C593" s="225">
        <v>647110.01</v>
      </c>
      <c r="D593" s="225">
        <v>-759183325.63</v>
      </c>
    </row>
    <row r="594" spans="1:4">
      <c r="A594" s="218" t="s">
        <v>2419</v>
      </c>
      <c r="B594" s="225">
        <v>1440619965.74</v>
      </c>
      <c r="C594" s="225">
        <v>-141929535.84999999</v>
      </c>
      <c r="D594" s="225">
        <v>1298690429.8900001</v>
      </c>
    </row>
    <row r="595" spans="1:4">
      <c r="A595" s="218" t="s">
        <v>2420</v>
      </c>
      <c r="B595" s="225">
        <v>0.55000000000000004</v>
      </c>
      <c r="C595" s="225">
        <v>0</v>
      </c>
      <c r="D595" s="225">
        <v>0.55000000000000004</v>
      </c>
    </row>
    <row r="596" spans="1:4">
      <c r="A596" s="218" t="s">
        <v>2421</v>
      </c>
      <c r="B596" s="225">
        <v>0.17</v>
      </c>
      <c r="C596" s="225">
        <v>0</v>
      </c>
      <c r="D596" s="225">
        <v>0.17</v>
      </c>
    </row>
    <row r="597" spans="1:4">
      <c r="A597" s="218" t="s">
        <v>2422</v>
      </c>
      <c r="B597" s="225">
        <v>0.71999999999999986</v>
      </c>
      <c r="C597" s="225">
        <v>0</v>
      </c>
      <c r="D597" s="225">
        <v>0.71999999999999986</v>
      </c>
    </row>
    <row r="598" spans="1:4">
      <c r="A598" s="218" t="s">
        <v>2423</v>
      </c>
      <c r="B598" s="225">
        <v>2232438413.0900002</v>
      </c>
      <c r="C598" s="225">
        <v>15289767.720000001</v>
      </c>
      <c r="D598" s="225">
        <v>2247728180.8099999</v>
      </c>
    </row>
    <row r="599" spans="1:4">
      <c r="A599" s="218" t="s">
        <v>2424</v>
      </c>
      <c r="B599" s="225">
        <v>606091379.87</v>
      </c>
      <c r="C599" s="225">
        <v>4635725.12</v>
      </c>
      <c r="D599" s="225">
        <v>610727104.99000001</v>
      </c>
    </row>
    <row r="600" spans="1:4">
      <c r="A600" s="218" t="s">
        <v>2425</v>
      </c>
      <c r="B600" s="225">
        <v>2838529792.96</v>
      </c>
      <c r="C600" s="225">
        <v>19925492.84</v>
      </c>
      <c r="D600" s="225">
        <v>2858455285.7999997</v>
      </c>
    </row>
    <row r="601" spans="1:4">
      <c r="A601" s="218" t="s">
        <v>2426</v>
      </c>
      <c r="B601" s="225">
        <v>649700728.47000003</v>
      </c>
      <c r="C601" s="225">
        <v>-9875845.6099999994</v>
      </c>
      <c r="D601" s="225">
        <v>639824882.86000001</v>
      </c>
    </row>
    <row r="602" spans="1:4">
      <c r="A602" s="218" t="s">
        <v>2427</v>
      </c>
      <c r="B602" s="225">
        <v>180029008.28999999</v>
      </c>
      <c r="C602" s="225">
        <v>-2209123.7000000002</v>
      </c>
      <c r="D602" s="225">
        <v>177819884.59</v>
      </c>
    </row>
    <row r="603" spans="1:4">
      <c r="A603" s="218" t="s">
        <v>2428</v>
      </c>
      <c r="B603" s="225">
        <v>829729736.76000011</v>
      </c>
      <c r="C603" s="225">
        <v>-12084969.310000001</v>
      </c>
      <c r="D603" s="225">
        <v>817644767.44999993</v>
      </c>
    </row>
    <row r="604" spans="1:4">
      <c r="A604" s="217" t="s">
        <v>2429</v>
      </c>
      <c r="B604" s="226">
        <v>5430533039.1099997</v>
      </c>
      <c r="C604" s="226">
        <v>-118474620.83</v>
      </c>
      <c r="D604" s="226">
        <v>5312058418.2799997</v>
      </c>
    </row>
    <row r="605" spans="1:4">
      <c r="A605" s="218" t="s">
        <v>2430</v>
      </c>
      <c r="B605" s="225">
        <v>0</v>
      </c>
      <c r="C605" s="225">
        <v>0</v>
      </c>
      <c r="D605" s="225">
        <v>0</v>
      </c>
    </row>
    <row r="606" spans="1:4">
      <c r="A606" s="218" t="s">
        <v>2432</v>
      </c>
      <c r="B606" s="225">
        <v>0</v>
      </c>
      <c r="C606" s="225">
        <v>0</v>
      </c>
      <c r="D606" s="225">
        <v>0</v>
      </c>
    </row>
    <row r="607" spans="1:4">
      <c r="A607" s="218" t="s">
        <v>2433</v>
      </c>
      <c r="B607" s="225">
        <v>0</v>
      </c>
      <c r="C607" s="225">
        <v>0</v>
      </c>
      <c r="D607" s="225">
        <v>0</v>
      </c>
    </row>
    <row r="608" spans="1:4">
      <c r="A608" s="218" t="s">
        <v>2434</v>
      </c>
      <c r="B608" s="225">
        <v>0</v>
      </c>
      <c r="C608" s="225">
        <v>0</v>
      </c>
      <c r="D608" s="225">
        <v>0</v>
      </c>
    </row>
    <row r="609" spans="1:4">
      <c r="A609" s="218" t="s">
        <v>2435</v>
      </c>
      <c r="B609" s="225">
        <v>0</v>
      </c>
      <c r="C609" s="225">
        <v>0</v>
      </c>
      <c r="D609" s="225">
        <v>0</v>
      </c>
    </row>
    <row r="610" spans="1:4">
      <c r="A610" s="218" t="s">
        <v>2436</v>
      </c>
      <c r="B610" s="225">
        <v>0</v>
      </c>
      <c r="C610" s="225">
        <v>0</v>
      </c>
      <c r="D610" s="225">
        <v>0</v>
      </c>
    </row>
    <row r="611" spans="1:4">
      <c r="A611" s="218" t="s">
        <v>2437</v>
      </c>
      <c r="B611" s="225">
        <v>0</v>
      </c>
      <c r="C611" s="225">
        <v>0</v>
      </c>
      <c r="D611" s="225">
        <v>0</v>
      </c>
    </row>
    <row r="612" spans="1:4">
      <c r="A612" s="217" t="s">
        <v>2438</v>
      </c>
      <c r="B612" s="226">
        <v>0</v>
      </c>
      <c r="C612" s="226">
        <v>0</v>
      </c>
      <c r="D612" s="226">
        <v>0</v>
      </c>
    </row>
    <row r="613" spans="1:4">
      <c r="A613" s="217" t="s">
        <v>2439</v>
      </c>
      <c r="B613" s="227">
        <v>27365832126.389999</v>
      </c>
      <c r="C613" s="227">
        <v>-201869347.60999998</v>
      </c>
      <c r="D613" s="227">
        <v>27163962778.780003</v>
      </c>
    </row>
    <row r="614" spans="1:4" ht="14.4">
      <c r="A614" s="219" t="s">
        <v>67</v>
      </c>
      <c r="B614" s="219"/>
      <c r="C614" s="219"/>
      <c r="D614" s="219"/>
    </row>
    <row r="615" spans="1:4">
      <c r="A615" s="217" t="s">
        <v>1821</v>
      </c>
      <c r="B615" s="227"/>
      <c r="C615" s="227"/>
      <c r="D615" s="227"/>
    </row>
    <row r="616" spans="1:4">
      <c r="A616" s="218" t="s">
        <v>2440</v>
      </c>
      <c r="B616" s="225">
        <v>3662219551.6500001</v>
      </c>
      <c r="C616" s="225">
        <v>263919574.64999998</v>
      </c>
      <c r="D616" s="225">
        <v>3926139126.3000002</v>
      </c>
    </row>
    <row r="617" spans="1:4">
      <c r="A617" s="218" t="s">
        <v>2441</v>
      </c>
      <c r="B617" s="225">
        <v>1587615193.6300001</v>
      </c>
      <c r="C617" s="225">
        <v>128932555.85000001</v>
      </c>
      <c r="D617" s="225">
        <v>1716547749.48</v>
      </c>
    </row>
    <row r="618" spans="1:4">
      <c r="A618" s="218" t="s">
        <v>2442</v>
      </c>
      <c r="B618" s="225">
        <v>334633443.19</v>
      </c>
      <c r="C618" s="225">
        <v>32329677.319999997</v>
      </c>
      <c r="D618" s="225">
        <v>366963120.50999999</v>
      </c>
    </row>
    <row r="619" spans="1:4">
      <c r="A619" s="218" t="s">
        <v>2443</v>
      </c>
      <c r="B619" s="225">
        <v>3452164.58</v>
      </c>
      <c r="C619" s="225">
        <v>327478.61</v>
      </c>
      <c r="D619" s="225">
        <v>3779643.19</v>
      </c>
    </row>
    <row r="620" spans="1:4">
      <c r="A620" s="218" t="s">
        <v>2444</v>
      </c>
      <c r="B620" s="225">
        <v>390737689.44</v>
      </c>
      <c r="C620" s="225">
        <v>33554698.07</v>
      </c>
      <c r="D620" s="225">
        <v>424292387.50999999</v>
      </c>
    </row>
    <row r="621" spans="1:4">
      <c r="A621" s="218" t="s">
        <v>2921</v>
      </c>
      <c r="B621" s="225">
        <v>-1322.98</v>
      </c>
      <c r="C621" s="225">
        <v>-1795.54</v>
      </c>
      <c r="D621" s="225">
        <v>-3118.52</v>
      </c>
    </row>
    <row r="622" spans="1:4">
      <c r="A622" s="218" t="s">
        <v>2445</v>
      </c>
      <c r="B622" s="225">
        <v>139094532.19999999</v>
      </c>
      <c r="C622" s="225">
        <v>9151528.8499999996</v>
      </c>
      <c r="D622" s="225">
        <v>148246061.04999998</v>
      </c>
    </row>
    <row r="623" spans="1:4">
      <c r="A623" s="218" t="s">
        <v>2922</v>
      </c>
      <c r="B623" s="225">
        <v>30130.560000000001</v>
      </c>
      <c r="C623" s="225">
        <v>6974.9900000000007</v>
      </c>
      <c r="D623" s="225">
        <v>37105.549999999996</v>
      </c>
    </row>
    <row r="624" spans="1:4">
      <c r="A624" s="218" t="s">
        <v>2446</v>
      </c>
      <c r="B624" s="225">
        <v>-136.71</v>
      </c>
      <c r="C624" s="225">
        <v>0</v>
      </c>
      <c r="D624" s="225">
        <v>-136.71</v>
      </c>
    </row>
    <row r="625" spans="1:4">
      <c r="A625" s="218" t="s">
        <v>2447</v>
      </c>
      <c r="B625" s="225">
        <v>6117781245.5599995</v>
      </c>
      <c r="C625" s="225">
        <v>468220692.80000001</v>
      </c>
      <c r="D625" s="225">
        <v>6586001938.3599997</v>
      </c>
    </row>
    <row r="626" spans="1:4">
      <c r="A626" s="218" t="s">
        <v>2448</v>
      </c>
      <c r="B626" s="225">
        <v>13912500.98</v>
      </c>
      <c r="C626" s="225">
        <v>1156561</v>
      </c>
      <c r="D626" s="225">
        <v>15069061.98</v>
      </c>
    </row>
    <row r="627" spans="1:4">
      <c r="A627" s="218" t="s">
        <v>2449</v>
      </c>
      <c r="B627" s="225">
        <v>12953431.430000002</v>
      </c>
      <c r="C627" s="225">
        <v>1066766.67</v>
      </c>
      <c r="D627" s="225">
        <v>14020198.100000001</v>
      </c>
    </row>
    <row r="628" spans="1:4">
      <c r="A628" s="218" t="s">
        <v>2450</v>
      </c>
      <c r="B628" s="225">
        <v>81686288.810000002</v>
      </c>
      <c r="C628" s="225">
        <v>7793668.669999999</v>
      </c>
      <c r="D628" s="225">
        <v>89479957.480000004</v>
      </c>
    </row>
    <row r="629" spans="1:4">
      <c r="A629" s="218" t="s">
        <v>2451</v>
      </c>
      <c r="B629" s="225">
        <v>4322440.05</v>
      </c>
      <c r="C629" s="225">
        <v>412437.39</v>
      </c>
      <c r="D629" s="225">
        <v>4734877.4399999995</v>
      </c>
    </row>
    <row r="630" spans="1:4">
      <c r="A630" s="218" t="s">
        <v>2452</v>
      </c>
      <c r="B630" s="225">
        <v>127387.36</v>
      </c>
      <c r="C630" s="225">
        <v>18458.260000000002</v>
      </c>
      <c r="D630" s="225">
        <v>145845.62</v>
      </c>
    </row>
    <row r="631" spans="1:4">
      <c r="A631" s="218" t="s">
        <v>2453</v>
      </c>
      <c r="B631" s="225">
        <v>269828.57</v>
      </c>
      <c r="C631" s="225">
        <v>18752.36</v>
      </c>
      <c r="D631" s="225">
        <v>288580.93000000005</v>
      </c>
    </row>
    <row r="632" spans="1:4">
      <c r="A632" s="218" t="s">
        <v>2454</v>
      </c>
      <c r="B632" s="225">
        <v>38500</v>
      </c>
      <c r="C632" s="225">
        <v>3500</v>
      </c>
      <c r="D632" s="225">
        <v>42000</v>
      </c>
    </row>
    <row r="633" spans="1:4">
      <c r="A633" s="218" t="s">
        <v>2455</v>
      </c>
      <c r="B633" s="225">
        <v>247266.07</v>
      </c>
      <c r="C633" s="225">
        <v>4597.67</v>
      </c>
      <c r="D633" s="225">
        <v>251863.74000000002</v>
      </c>
    </row>
    <row r="634" spans="1:4">
      <c r="A634" s="218" t="s">
        <v>2923</v>
      </c>
      <c r="B634" s="225"/>
      <c r="C634" s="225">
        <v>0</v>
      </c>
      <c r="D634" s="225">
        <v>0</v>
      </c>
    </row>
    <row r="635" spans="1:4">
      <c r="A635" s="218" t="s">
        <v>2456</v>
      </c>
      <c r="B635" s="225">
        <v>9387817.3399999999</v>
      </c>
      <c r="C635" s="225">
        <v>874648.69000000006</v>
      </c>
      <c r="D635" s="225">
        <v>10262466.029999999</v>
      </c>
    </row>
    <row r="636" spans="1:4">
      <c r="A636" s="218" t="s">
        <v>2457</v>
      </c>
      <c r="B636" s="225">
        <v>1946121.62</v>
      </c>
      <c r="C636" s="225">
        <v>7936.2599999999993</v>
      </c>
      <c r="D636" s="225">
        <v>1954057.8800000001</v>
      </c>
    </row>
    <row r="637" spans="1:4">
      <c r="A637" s="218" t="s">
        <v>2458</v>
      </c>
      <c r="B637" s="225">
        <v>4559018.7</v>
      </c>
      <c r="C637" s="225">
        <v>381839.51</v>
      </c>
      <c r="D637" s="225">
        <v>4940858.21</v>
      </c>
    </row>
    <row r="638" spans="1:4">
      <c r="A638" s="218" t="s">
        <v>2459</v>
      </c>
      <c r="B638" s="225">
        <v>46842.68</v>
      </c>
      <c r="C638" s="225">
        <v>-121828.16</v>
      </c>
      <c r="D638" s="225">
        <v>-74985.48</v>
      </c>
    </row>
    <row r="639" spans="1:4">
      <c r="A639" s="218" t="s">
        <v>2460</v>
      </c>
      <c r="B639" s="225">
        <v>-19959178.259999998</v>
      </c>
      <c r="C639" s="225">
        <v>17691161</v>
      </c>
      <c r="D639" s="225">
        <v>-2268017.2600000002</v>
      </c>
    </row>
    <row r="640" spans="1:4">
      <c r="A640" s="218" t="s">
        <v>2461</v>
      </c>
      <c r="B640" s="225">
        <v>312174.67000000004</v>
      </c>
      <c r="C640" s="225">
        <v>58044.3</v>
      </c>
      <c r="D640" s="225">
        <v>370218.97</v>
      </c>
    </row>
    <row r="641" spans="1:4">
      <c r="A641" s="218" t="s">
        <v>2462</v>
      </c>
      <c r="B641" s="225">
        <v>8980.5300000000007</v>
      </c>
      <c r="C641" s="225">
        <v>870.99</v>
      </c>
      <c r="D641" s="225">
        <v>9851.5199999999986</v>
      </c>
    </row>
    <row r="642" spans="1:4">
      <c r="A642" s="218" t="s">
        <v>2463</v>
      </c>
      <c r="B642" s="225">
        <v>0</v>
      </c>
      <c r="C642" s="225">
        <v>0</v>
      </c>
      <c r="D642" s="225">
        <v>0</v>
      </c>
    </row>
    <row r="643" spans="1:4">
      <c r="A643" s="218" t="s">
        <v>2464</v>
      </c>
      <c r="B643" s="225">
        <v>4905.8599999999997</v>
      </c>
      <c r="C643" s="225">
        <v>0</v>
      </c>
      <c r="D643" s="225">
        <v>4905.8599999999997</v>
      </c>
    </row>
    <row r="644" spans="1:4">
      <c r="A644" s="218" t="s">
        <v>2465</v>
      </c>
      <c r="B644" s="225">
        <v>1101728.2</v>
      </c>
      <c r="C644" s="225">
        <v>98377.69</v>
      </c>
      <c r="D644" s="225">
        <v>1200105.8899999999</v>
      </c>
    </row>
    <row r="645" spans="1:4">
      <c r="A645" s="218" t="s">
        <v>2466</v>
      </c>
      <c r="B645" s="225">
        <v>141837143.75</v>
      </c>
      <c r="C645" s="225">
        <v>10160932.729999999</v>
      </c>
      <c r="D645" s="225">
        <v>151998076.47999999</v>
      </c>
    </row>
    <row r="646" spans="1:4">
      <c r="A646" s="218" t="s">
        <v>2467</v>
      </c>
      <c r="B646" s="225">
        <v>3638385.9</v>
      </c>
      <c r="C646" s="225">
        <v>265276.01</v>
      </c>
      <c r="D646" s="225">
        <v>3903661.91</v>
      </c>
    </row>
    <row r="647" spans="1:4">
      <c r="A647" s="218" t="s">
        <v>2468</v>
      </c>
      <c r="B647" s="225">
        <v>6618256.1199999992</v>
      </c>
      <c r="C647" s="225">
        <v>461034.33</v>
      </c>
      <c r="D647" s="225">
        <v>7079290.4500000002</v>
      </c>
    </row>
    <row r="648" spans="1:4">
      <c r="A648" s="218" t="s">
        <v>2469</v>
      </c>
      <c r="B648" s="225">
        <v>5100297.29</v>
      </c>
      <c r="C648" s="225">
        <v>376897.93</v>
      </c>
      <c r="D648" s="225">
        <v>5477195.2199999997</v>
      </c>
    </row>
    <row r="649" spans="1:4">
      <c r="A649" s="218" t="s">
        <v>2470</v>
      </c>
      <c r="B649" s="225">
        <v>132688.72</v>
      </c>
      <c r="C649" s="225">
        <v>7878.7199999999993</v>
      </c>
      <c r="D649" s="225">
        <v>140567.44</v>
      </c>
    </row>
    <row r="650" spans="1:4">
      <c r="A650" s="218" t="s">
        <v>2471</v>
      </c>
      <c r="B650" s="225">
        <v>407679.95999999996</v>
      </c>
      <c r="C650" s="225">
        <v>24207.01</v>
      </c>
      <c r="D650" s="225">
        <v>431886.97</v>
      </c>
    </row>
    <row r="651" spans="1:4">
      <c r="A651" s="218" t="s">
        <v>2472</v>
      </c>
      <c r="B651" s="225">
        <v>2398860.2600000002</v>
      </c>
      <c r="C651" s="225">
        <v>24387.940000000002</v>
      </c>
      <c r="D651" s="225">
        <v>2423248.2000000002</v>
      </c>
    </row>
    <row r="652" spans="1:4">
      <c r="A652" s="218" t="s">
        <v>2924</v>
      </c>
      <c r="B652" s="225">
        <v>342.24</v>
      </c>
      <c r="C652" s="225">
        <v>31.250000000000004</v>
      </c>
      <c r="D652" s="225">
        <v>373.48999999999995</v>
      </c>
    </row>
    <row r="653" spans="1:4">
      <c r="A653" s="218" t="s">
        <v>2473</v>
      </c>
      <c r="B653" s="225">
        <v>1175807.75</v>
      </c>
      <c r="C653" s="225">
        <v>17205.25</v>
      </c>
      <c r="D653" s="225">
        <v>1193013</v>
      </c>
    </row>
    <row r="654" spans="1:4">
      <c r="A654" s="218" t="s">
        <v>2925</v>
      </c>
      <c r="B654" s="225">
        <v>6471.92</v>
      </c>
      <c r="C654" s="225">
        <v>58.24</v>
      </c>
      <c r="D654" s="225">
        <v>6530.16</v>
      </c>
    </row>
    <row r="655" spans="1:4">
      <c r="A655" s="218" t="s">
        <v>2474</v>
      </c>
      <c r="B655" s="225">
        <v>18491</v>
      </c>
      <c r="C655" s="225">
        <v>1372.6799999999998</v>
      </c>
      <c r="D655" s="225">
        <v>19863.68</v>
      </c>
    </row>
    <row r="656" spans="1:4">
      <c r="A656" s="218" t="s">
        <v>2475</v>
      </c>
      <c r="B656" s="225">
        <v>1041811.0000000001</v>
      </c>
      <c r="C656" s="225">
        <v>0</v>
      </c>
      <c r="D656" s="225">
        <v>1041811.0000000001</v>
      </c>
    </row>
    <row r="657" spans="1:4">
      <c r="A657" s="218" t="s">
        <v>2476</v>
      </c>
      <c r="B657" s="225">
        <v>273342290.52000004</v>
      </c>
      <c r="C657" s="225">
        <v>40805074.390000001</v>
      </c>
      <c r="D657" s="225">
        <v>314147364.91000003</v>
      </c>
    </row>
    <row r="658" spans="1:4">
      <c r="A658" s="218" t="s">
        <v>2477</v>
      </c>
      <c r="B658" s="225">
        <v>6391123536.0799999</v>
      </c>
      <c r="C658" s="225">
        <v>509025767.18999994</v>
      </c>
      <c r="D658" s="225">
        <v>6900149303.2700005</v>
      </c>
    </row>
    <row r="659" spans="1:4">
      <c r="A659" s="218" t="s">
        <v>2478</v>
      </c>
      <c r="B659" s="225">
        <v>6391123536.0799999</v>
      </c>
      <c r="C659" s="225">
        <v>509025767.18999994</v>
      </c>
      <c r="D659" s="225">
        <v>6900149303.2700005</v>
      </c>
    </row>
    <row r="660" spans="1:4">
      <c r="A660" s="218" t="s">
        <v>2480</v>
      </c>
      <c r="B660" s="225">
        <v>84473738.620000005</v>
      </c>
      <c r="C660" s="225">
        <v>3085026.07</v>
      </c>
      <c r="D660" s="225">
        <v>87558764.689999998</v>
      </c>
    </row>
    <row r="661" spans="1:4">
      <c r="A661" s="218" t="s">
        <v>2481</v>
      </c>
      <c r="B661" s="225">
        <v>183553917.81999999</v>
      </c>
      <c r="C661" s="225">
        <v>10852671.449999999</v>
      </c>
      <c r="D661" s="225">
        <v>194406589.27000001</v>
      </c>
    </row>
    <row r="662" spans="1:4">
      <c r="A662" s="218" t="s">
        <v>2482</v>
      </c>
      <c r="B662" s="225">
        <v>9223230</v>
      </c>
      <c r="C662" s="225">
        <v>522806.81</v>
      </c>
      <c r="D662" s="225">
        <v>9746036.8100000005</v>
      </c>
    </row>
    <row r="663" spans="1:4">
      <c r="A663" s="218" t="s">
        <v>2484</v>
      </c>
      <c r="B663" s="225">
        <v>23100</v>
      </c>
      <c r="C663" s="225">
        <v>2100</v>
      </c>
      <c r="D663" s="225">
        <v>25200</v>
      </c>
    </row>
    <row r="664" spans="1:4">
      <c r="A664" s="218" t="s">
        <v>2485</v>
      </c>
      <c r="B664" s="225">
        <v>277273986.44</v>
      </c>
      <c r="C664" s="225">
        <v>14462604.33</v>
      </c>
      <c r="D664" s="225">
        <v>291736590.76999998</v>
      </c>
    </row>
    <row r="665" spans="1:4">
      <c r="A665" s="218" t="s">
        <v>2486</v>
      </c>
      <c r="B665" s="225">
        <v>961933911.23000002</v>
      </c>
      <c r="C665" s="225">
        <v>78483677.359999999</v>
      </c>
      <c r="D665" s="225">
        <v>1040417588.59</v>
      </c>
    </row>
    <row r="666" spans="1:4">
      <c r="A666" s="218" t="s">
        <v>2488</v>
      </c>
      <c r="B666" s="225">
        <v>8864285.2000000011</v>
      </c>
      <c r="C666" s="225">
        <v>261178.87000000002</v>
      </c>
      <c r="D666" s="225">
        <v>9125464.0700000003</v>
      </c>
    </row>
    <row r="667" spans="1:4">
      <c r="A667" s="218" t="s">
        <v>2489</v>
      </c>
      <c r="B667" s="225">
        <v>970798196.43000007</v>
      </c>
      <c r="C667" s="225">
        <v>78744856.230000004</v>
      </c>
      <c r="D667" s="225">
        <v>1049543052.66</v>
      </c>
    </row>
    <row r="668" spans="1:4">
      <c r="A668" s="218" t="s">
        <v>2490</v>
      </c>
      <c r="B668" s="225">
        <v>1248072182.8699999</v>
      </c>
      <c r="C668" s="225">
        <v>93207460.560000002</v>
      </c>
      <c r="D668" s="225">
        <v>1341279643.4300001</v>
      </c>
    </row>
    <row r="669" spans="1:4">
      <c r="A669" s="218" t="s">
        <v>2491</v>
      </c>
      <c r="B669" s="225">
        <v>79373094.540000007</v>
      </c>
      <c r="C669" s="225">
        <v>1412630.96</v>
      </c>
      <c r="D669" s="225">
        <v>80785725.5</v>
      </c>
    </row>
    <row r="670" spans="1:4">
      <c r="A670" s="218" t="s">
        <v>2492</v>
      </c>
      <c r="B670" s="225">
        <v>1298747.8899999999</v>
      </c>
      <c r="C670" s="225">
        <v>124313.29000000001</v>
      </c>
      <c r="D670" s="225">
        <v>1423061.1800000002</v>
      </c>
    </row>
    <row r="671" spans="1:4">
      <c r="A671" s="218" t="s">
        <v>2493</v>
      </c>
      <c r="B671" s="225">
        <v>80671842.430000007</v>
      </c>
      <c r="C671" s="225">
        <v>1536944.25</v>
      </c>
      <c r="D671" s="225">
        <v>82208786.680000007</v>
      </c>
    </row>
    <row r="672" spans="1:4">
      <c r="A672" s="218" t="s">
        <v>2494</v>
      </c>
      <c r="B672" s="225">
        <v>30953.26</v>
      </c>
      <c r="C672" s="225">
        <v>-26.650000000000002</v>
      </c>
      <c r="D672" s="225">
        <v>30926.61</v>
      </c>
    </row>
    <row r="673" spans="1:4">
      <c r="A673" s="218" t="s">
        <v>2495</v>
      </c>
      <c r="B673" s="225">
        <v>120087879.19</v>
      </c>
      <c r="C673" s="225">
        <v>10231147.039999999</v>
      </c>
      <c r="D673" s="225">
        <v>130319026.23</v>
      </c>
    </row>
    <row r="674" spans="1:4">
      <c r="A674" s="218" t="s">
        <v>2496</v>
      </c>
      <c r="B674" s="225">
        <v>411035564.83000004</v>
      </c>
      <c r="C674" s="225">
        <v>36853839.899999999</v>
      </c>
      <c r="D674" s="225">
        <v>447889404.72999996</v>
      </c>
    </row>
    <row r="675" spans="1:4">
      <c r="A675" s="218" t="s">
        <v>2497</v>
      </c>
      <c r="B675" s="225">
        <v>611826239.71000004</v>
      </c>
      <c r="C675" s="225">
        <v>48621904.539999999</v>
      </c>
      <c r="D675" s="225">
        <v>660448144.25</v>
      </c>
    </row>
    <row r="676" spans="1:4">
      <c r="A676" s="218" t="s">
        <v>2500</v>
      </c>
      <c r="B676" s="225">
        <v>57945224.280000001</v>
      </c>
      <c r="C676" s="225">
        <v>19556043.629999999</v>
      </c>
      <c r="D676" s="225">
        <v>77501267.909999996</v>
      </c>
    </row>
    <row r="677" spans="1:4">
      <c r="A677" s="218" t="s">
        <v>2926</v>
      </c>
      <c r="B677" s="225">
        <v>520</v>
      </c>
      <c r="C677" s="225">
        <v>261.02</v>
      </c>
      <c r="D677" s="225">
        <v>781.02</v>
      </c>
    </row>
    <row r="678" spans="1:4">
      <c r="A678" s="218" t="s">
        <v>2501</v>
      </c>
      <c r="B678" s="225">
        <v>3767.39</v>
      </c>
      <c r="C678" s="225">
        <v>53</v>
      </c>
      <c r="D678" s="225">
        <v>3820.39</v>
      </c>
    </row>
    <row r="679" spans="1:4">
      <c r="A679" s="218" t="s">
        <v>2502</v>
      </c>
      <c r="B679" s="225">
        <v>2098255.7000000002</v>
      </c>
      <c r="C679" s="225">
        <v>-372678.8</v>
      </c>
      <c r="D679" s="225">
        <v>1725576.9</v>
      </c>
    </row>
    <row r="680" spans="1:4">
      <c r="A680" s="218" t="s">
        <v>2503</v>
      </c>
      <c r="B680" s="225">
        <v>89.83</v>
      </c>
      <c r="C680" s="225">
        <v>0</v>
      </c>
      <c r="D680" s="225">
        <v>89.83</v>
      </c>
    </row>
    <row r="681" spans="1:4">
      <c r="A681" s="218" t="s">
        <v>2504</v>
      </c>
      <c r="B681" s="225">
        <v>40.630000000000003</v>
      </c>
      <c r="C681" s="225">
        <v>1.51</v>
      </c>
      <c r="D681" s="225">
        <v>42.14</v>
      </c>
    </row>
    <row r="682" spans="1:4">
      <c r="A682" s="218" t="s">
        <v>2505</v>
      </c>
      <c r="B682" s="225">
        <v>3907156.17</v>
      </c>
      <c r="C682" s="225">
        <v>659948.24</v>
      </c>
      <c r="D682" s="225">
        <v>4567104.41</v>
      </c>
    </row>
    <row r="683" spans="1:4">
      <c r="A683" s="218" t="s">
        <v>2506</v>
      </c>
      <c r="B683" s="225">
        <v>1081.45</v>
      </c>
      <c r="C683" s="225">
        <v>47.97</v>
      </c>
      <c r="D683" s="225">
        <v>1129.42</v>
      </c>
    </row>
    <row r="684" spans="1:4">
      <c r="A684" s="218" t="s">
        <v>2507</v>
      </c>
      <c r="B684" s="225">
        <v>2348220.0500000003</v>
      </c>
      <c r="C684" s="225">
        <v>256290.33</v>
      </c>
      <c r="D684" s="225">
        <v>2604510.38</v>
      </c>
    </row>
    <row r="685" spans="1:4">
      <c r="A685" s="218" t="s">
        <v>2508</v>
      </c>
      <c r="B685" s="225">
        <v>3836676.5</v>
      </c>
      <c r="C685" s="225">
        <v>440014.26</v>
      </c>
      <c r="D685" s="225">
        <v>4276690.76</v>
      </c>
    </row>
    <row r="686" spans="1:4">
      <c r="A686" s="218" t="s">
        <v>2509</v>
      </c>
      <c r="B686" s="225">
        <v>-1337131.1400000001</v>
      </c>
      <c r="C686" s="225">
        <v>-113697.52</v>
      </c>
      <c r="D686" s="225">
        <v>-1450828.66</v>
      </c>
    </row>
    <row r="687" spans="1:4">
      <c r="A687" s="218" t="s">
        <v>2510</v>
      </c>
      <c r="B687" s="225">
        <v>34483433.780000001</v>
      </c>
      <c r="C687" s="225">
        <v>3906002.89</v>
      </c>
      <c r="D687" s="225">
        <v>38389436.670000002</v>
      </c>
    </row>
    <row r="688" spans="1:4">
      <c r="A688" s="218" t="s">
        <v>2511</v>
      </c>
      <c r="B688" s="225">
        <v>40428.839999999997</v>
      </c>
      <c r="C688" s="225">
        <v>4903.97</v>
      </c>
      <c r="D688" s="225">
        <v>45332.81</v>
      </c>
    </row>
    <row r="689" spans="1:4">
      <c r="A689" s="218" t="s">
        <v>2512</v>
      </c>
      <c r="B689" s="225">
        <v>19423982.09</v>
      </c>
      <c r="C689" s="225">
        <v>11381724.33</v>
      </c>
      <c r="D689" s="225">
        <v>30805706.419999998</v>
      </c>
    </row>
    <row r="690" spans="1:4">
      <c r="A690" s="218" t="s">
        <v>2513</v>
      </c>
      <c r="B690" s="225">
        <v>1523334.72</v>
      </c>
      <c r="C690" s="225">
        <v>158326.19</v>
      </c>
      <c r="D690" s="225">
        <v>1681660.9100000001</v>
      </c>
    </row>
    <row r="691" spans="1:4">
      <c r="A691" s="218" t="s">
        <v>2514</v>
      </c>
      <c r="B691" s="225">
        <v>128900.93000000001</v>
      </c>
      <c r="C691" s="225">
        <v>-2099.6800000000003</v>
      </c>
      <c r="D691" s="225">
        <v>126801.25000000001</v>
      </c>
    </row>
    <row r="692" spans="1:4">
      <c r="A692" s="218" t="s">
        <v>2515</v>
      </c>
      <c r="B692" s="225">
        <v>19733824</v>
      </c>
      <c r="C692" s="225">
        <v>1793984.0000000002</v>
      </c>
      <c r="D692" s="225">
        <v>21527808</v>
      </c>
    </row>
    <row r="693" spans="1:4">
      <c r="A693" s="218" t="s">
        <v>2516</v>
      </c>
      <c r="B693" s="225">
        <v>334849030.34999996</v>
      </c>
      <c r="C693" s="225">
        <v>31087056.300000001</v>
      </c>
      <c r="D693" s="225">
        <v>365936086.64999998</v>
      </c>
    </row>
    <row r="694" spans="1:4">
      <c r="A694" s="218" t="s">
        <v>2517</v>
      </c>
      <c r="B694" s="225">
        <v>1875254.8900000001</v>
      </c>
      <c r="C694" s="225">
        <v>-2593648.2800000003</v>
      </c>
      <c r="D694" s="225">
        <v>-718393.39</v>
      </c>
    </row>
    <row r="695" spans="1:4">
      <c r="A695" s="218" t="s">
        <v>2518</v>
      </c>
      <c r="B695" s="225">
        <v>2034670.7500000002</v>
      </c>
      <c r="C695" s="225">
        <v>-400028.65</v>
      </c>
      <c r="D695" s="225">
        <v>1634642.1</v>
      </c>
    </row>
    <row r="696" spans="1:4">
      <c r="A696" s="218" t="s">
        <v>2519</v>
      </c>
      <c r="B696" s="225">
        <v>4158483.1199999996</v>
      </c>
      <c r="C696" s="225">
        <v>378043.92</v>
      </c>
      <c r="D696" s="225">
        <v>4536527.04</v>
      </c>
    </row>
    <row r="697" spans="1:4">
      <c r="A697" s="218" t="s">
        <v>2927</v>
      </c>
      <c r="B697" s="225">
        <v>1034352.88</v>
      </c>
      <c r="C697" s="225">
        <v>94032.08</v>
      </c>
      <c r="D697" s="225">
        <v>1128384.96</v>
      </c>
    </row>
    <row r="698" spans="1:4">
      <c r="A698" s="218" t="s">
        <v>2520</v>
      </c>
      <c r="B698" s="225">
        <v>96298.03</v>
      </c>
      <c r="C698" s="225">
        <v>8141.4400000000005</v>
      </c>
      <c r="D698" s="225">
        <v>104439.47</v>
      </c>
    </row>
    <row r="699" spans="1:4">
      <c r="A699" s="218" t="s">
        <v>2521</v>
      </c>
      <c r="B699" s="225">
        <v>1695.02</v>
      </c>
      <c r="C699" s="225">
        <v>0</v>
      </c>
      <c r="D699" s="225">
        <v>1695.02</v>
      </c>
    </row>
    <row r="700" spans="1:4">
      <c r="A700" s="218" t="s">
        <v>2522</v>
      </c>
      <c r="B700" s="225">
        <v>188799.94</v>
      </c>
      <c r="C700" s="225">
        <v>17163.63</v>
      </c>
      <c r="D700" s="225">
        <v>205963.57</v>
      </c>
    </row>
    <row r="701" spans="1:4">
      <c r="A701" s="218" t="s">
        <v>2523</v>
      </c>
      <c r="B701" s="225">
        <v>69808487.189999998</v>
      </c>
      <c r="C701" s="225">
        <v>9840169.3000000007</v>
      </c>
      <c r="D701" s="225">
        <v>79648656.49000001</v>
      </c>
    </row>
    <row r="702" spans="1:4">
      <c r="A702" s="218" t="s">
        <v>2928</v>
      </c>
      <c r="B702" s="225">
        <v>9.61</v>
      </c>
      <c r="C702" s="225">
        <v>2227.8999999999996</v>
      </c>
      <c r="D702" s="225">
        <v>2237.5099999999998</v>
      </c>
    </row>
    <row r="703" spans="1:4">
      <c r="A703" s="218" t="s">
        <v>2524</v>
      </c>
      <c r="B703" s="225">
        <v>3916.6</v>
      </c>
      <c r="C703" s="225">
        <v>2792.3399999999997</v>
      </c>
      <c r="D703" s="225">
        <v>6708.9400000000005</v>
      </c>
    </row>
    <row r="704" spans="1:4">
      <c r="A704" s="218" t="s">
        <v>2525</v>
      </c>
      <c r="B704" s="225">
        <v>-32958154.460000001</v>
      </c>
      <c r="C704" s="225">
        <v>1669113.1099999999</v>
      </c>
      <c r="D704" s="225">
        <v>-31289041.349999998</v>
      </c>
    </row>
    <row r="705" spans="1:4">
      <c r="A705" s="218" t="s">
        <v>2526</v>
      </c>
      <c r="B705" s="225">
        <v>-43277668.089999996</v>
      </c>
      <c r="C705" s="225">
        <v>-3941775.95</v>
      </c>
      <c r="D705" s="225">
        <v>-47219444.039999999</v>
      </c>
    </row>
    <row r="706" spans="1:4">
      <c r="A706" s="218" t="s">
        <v>2528</v>
      </c>
      <c r="B706" s="225">
        <v>6536415.4799999995</v>
      </c>
      <c r="C706" s="225">
        <v>349696.61</v>
      </c>
      <c r="D706" s="225">
        <v>6886112.0899999999</v>
      </c>
    </row>
    <row r="707" spans="1:4">
      <c r="A707" s="218" t="s">
        <v>2529</v>
      </c>
      <c r="B707" s="225">
        <v>214229.73</v>
      </c>
      <c r="C707" s="225">
        <v>19475.43</v>
      </c>
      <c r="D707" s="225">
        <v>233705.16</v>
      </c>
    </row>
    <row r="708" spans="1:4">
      <c r="A708" s="218" t="s">
        <v>2530</v>
      </c>
      <c r="B708" s="225">
        <v>-1101104.45</v>
      </c>
      <c r="C708" s="225">
        <v>-101090.92</v>
      </c>
      <c r="D708" s="225">
        <v>-1202195.3700000001</v>
      </c>
    </row>
    <row r="709" spans="1:4">
      <c r="A709" s="218" t="s">
        <v>2531</v>
      </c>
      <c r="B709" s="225">
        <v>4318380.17</v>
      </c>
      <c r="C709" s="225">
        <v>226584.27</v>
      </c>
      <c r="D709" s="225">
        <v>4544964.4400000004</v>
      </c>
    </row>
    <row r="710" spans="1:4">
      <c r="A710" s="218" t="s">
        <v>2532</v>
      </c>
      <c r="B710" s="225">
        <v>-14233199.15</v>
      </c>
      <c r="C710" s="225">
        <v>-852382</v>
      </c>
      <c r="D710" s="225">
        <v>-15085581.15</v>
      </c>
    </row>
    <row r="711" spans="1:4">
      <c r="A711" s="218" t="s">
        <v>2533</v>
      </c>
      <c r="B711" s="225">
        <v>682164.35</v>
      </c>
      <c r="C711" s="225">
        <v>54.7</v>
      </c>
      <c r="D711" s="225">
        <v>682219.04999999993</v>
      </c>
    </row>
    <row r="712" spans="1:4">
      <c r="A712" s="218" t="s">
        <v>2534</v>
      </c>
      <c r="B712" s="225">
        <v>89524.28</v>
      </c>
      <c r="C712" s="225">
        <v>0</v>
      </c>
      <c r="D712" s="225">
        <v>89524.28</v>
      </c>
    </row>
    <row r="713" spans="1:4">
      <c r="A713" s="218" t="s">
        <v>2535</v>
      </c>
      <c r="B713" s="225">
        <v>408857.07</v>
      </c>
      <c r="C713" s="225">
        <v>78023.53</v>
      </c>
      <c r="D713" s="225">
        <v>486880.6</v>
      </c>
    </row>
    <row r="714" spans="1:4">
      <c r="A714" s="218" t="s">
        <v>2536</v>
      </c>
      <c r="B714" s="225">
        <v>642530.55000000005</v>
      </c>
      <c r="C714" s="225">
        <v>85862.06</v>
      </c>
      <c r="D714" s="225">
        <v>728392.61</v>
      </c>
    </row>
    <row r="715" spans="1:4">
      <c r="A715" s="218" t="s">
        <v>2537</v>
      </c>
      <c r="B715" s="225">
        <v>37669.629999999997</v>
      </c>
      <c r="C715" s="225">
        <v>5245.88</v>
      </c>
      <c r="D715" s="225">
        <v>42915.51</v>
      </c>
    </row>
    <row r="716" spans="1:4">
      <c r="A716" s="218" t="s">
        <v>2538</v>
      </c>
      <c r="B716" s="225">
        <v>331.52000000000004</v>
      </c>
      <c r="C716" s="225">
        <v>51.980000000000004</v>
      </c>
      <c r="D716" s="225">
        <v>383.5</v>
      </c>
    </row>
    <row r="717" spans="1:4">
      <c r="A717" s="218" t="s">
        <v>2539</v>
      </c>
      <c r="B717" s="225">
        <v>660861.14</v>
      </c>
      <c r="C717" s="225">
        <v>222664.24000000002</v>
      </c>
      <c r="D717" s="225">
        <v>883525.38</v>
      </c>
    </row>
    <row r="718" spans="1:4">
      <c r="A718" s="218" t="s">
        <v>2540</v>
      </c>
      <c r="B718" s="225">
        <v>8673.5499999999993</v>
      </c>
      <c r="C718" s="225">
        <v>2560.17</v>
      </c>
      <c r="D718" s="225">
        <v>11233.720000000001</v>
      </c>
    </row>
    <row r="719" spans="1:4">
      <c r="A719" s="218" t="s">
        <v>2541</v>
      </c>
      <c r="B719" s="225">
        <v>14035871.580000002</v>
      </c>
      <c r="C719" s="225">
        <v>1348846.23</v>
      </c>
      <c r="D719" s="225">
        <v>15384717.810000001</v>
      </c>
    </row>
    <row r="720" spans="1:4">
      <c r="A720" s="218" t="s">
        <v>2542</v>
      </c>
      <c r="B720" s="225">
        <v>-2408389.71</v>
      </c>
      <c r="C720" s="225">
        <v>-216181.83000000002</v>
      </c>
      <c r="D720" s="225">
        <v>-2624571.5399999996</v>
      </c>
    </row>
    <row r="721" spans="1:4">
      <c r="A721" s="218" t="s">
        <v>2929</v>
      </c>
      <c r="B721" s="225"/>
      <c r="C721" s="225">
        <v>0</v>
      </c>
      <c r="D721" s="225">
        <v>0</v>
      </c>
    </row>
    <row r="722" spans="1:4">
      <c r="A722" s="218" t="s">
        <v>2543</v>
      </c>
      <c r="B722" s="225">
        <v>8949492.9900000002</v>
      </c>
      <c r="C722" s="225">
        <v>911266.45</v>
      </c>
      <c r="D722" s="225">
        <v>9860759.4399999995</v>
      </c>
    </row>
    <row r="723" spans="1:4">
      <c r="A723" s="218" t="s">
        <v>2544</v>
      </c>
      <c r="B723" s="225">
        <v>500795289.77999997</v>
      </c>
      <c r="C723" s="225">
        <v>75913089.280000001</v>
      </c>
      <c r="D723" s="225">
        <v>576708379.05999994</v>
      </c>
    </row>
    <row r="724" spans="1:4">
      <c r="A724" s="218" t="s">
        <v>2545</v>
      </c>
      <c r="B724" s="225">
        <v>11190162.809999999</v>
      </c>
      <c r="C724" s="225">
        <v>865778.82000000007</v>
      </c>
      <c r="D724" s="225">
        <v>12055941.629999999</v>
      </c>
    </row>
    <row r="725" spans="1:4">
      <c r="A725" s="218" t="s">
        <v>2546</v>
      </c>
      <c r="B725" s="225">
        <v>1344734.7899999998</v>
      </c>
      <c r="C725" s="225">
        <v>120408.69</v>
      </c>
      <c r="D725" s="225">
        <v>1465143.48</v>
      </c>
    </row>
    <row r="726" spans="1:4">
      <c r="A726" s="218" t="s">
        <v>2547</v>
      </c>
      <c r="B726" s="225">
        <v>476241.13</v>
      </c>
      <c r="C726" s="225">
        <v>44648.229999999996</v>
      </c>
      <c r="D726" s="225">
        <v>520889.36000000004</v>
      </c>
    </row>
    <row r="727" spans="1:4">
      <c r="A727" s="218" t="s">
        <v>2548</v>
      </c>
      <c r="B727" s="225">
        <v>215419.4</v>
      </c>
      <c r="C727" s="225">
        <v>16109.75</v>
      </c>
      <c r="D727" s="225">
        <v>231529.15</v>
      </c>
    </row>
    <row r="728" spans="1:4">
      <c r="A728" s="218" t="s">
        <v>2549</v>
      </c>
      <c r="B728" s="225">
        <v>1836139.37</v>
      </c>
      <c r="C728" s="225">
        <v>-1105.07</v>
      </c>
      <c r="D728" s="225">
        <v>1835034.3</v>
      </c>
    </row>
    <row r="729" spans="1:4">
      <c r="A729" s="218" t="s">
        <v>2550</v>
      </c>
      <c r="B729" s="225">
        <v>26088202.75</v>
      </c>
      <c r="C729" s="225">
        <v>2924524.9200000004</v>
      </c>
      <c r="D729" s="225">
        <v>29012727.669999998</v>
      </c>
    </row>
    <row r="730" spans="1:4">
      <c r="A730" s="218" t="s">
        <v>2930</v>
      </c>
      <c r="B730" s="225">
        <v>2077.36</v>
      </c>
      <c r="C730" s="225">
        <v>0</v>
      </c>
      <c r="D730" s="225">
        <v>2077.36</v>
      </c>
    </row>
    <row r="731" spans="1:4">
      <c r="A731" s="218" t="s">
        <v>2551</v>
      </c>
      <c r="B731" s="225">
        <v>41152977.609999999</v>
      </c>
      <c r="C731" s="225">
        <v>3970365.3400000003</v>
      </c>
      <c r="D731" s="225">
        <v>45123342.950000003</v>
      </c>
    </row>
    <row r="732" spans="1:4">
      <c r="A732" s="218" t="s">
        <v>2552</v>
      </c>
      <c r="B732" s="225">
        <v>161840.85999999999</v>
      </c>
      <c r="C732" s="225">
        <v>7920.3399999999992</v>
      </c>
      <c r="D732" s="225">
        <v>169761.2</v>
      </c>
    </row>
    <row r="733" spans="1:4">
      <c r="A733" s="218" t="s">
        <v>2553</v>
      </c>
      <c r="B733" s="225">
        <v>777615.33000000007</v>
      </c>
      <c r="C733" s="225">
        <v>91853.200000000012</v>
      </c>
      <c r="D733" s="225">
        <v>869468.53</v>
      </c>
    </row>
    <row r="734" spans="1:4">
      <c r="A734" s="218" t="s">
        <v>2554</v>
      </c>
      <c r="B734" s="225">
        <v>16510817.840000002</v>
      </c>
      <c r="C734" s="225">
        <v>1217173.42</v>
      </c>
      <c r="D734" s="225">
        <v>17727991.259999998</v>
      </c>
    </row>
    <row r="735" spans="1:4">
      <c r="A735" s="218" t="s">
        <v>2555</v>
      </c>
      <c r="B735" s="225">
        <v>14840018.619999999</v>
      </c>
      <c r="C735" s="225">
        <v>1469471.8199999998</v>
      </c>
      <c r="D735" s="225">
        <v>16309490.439999999</v>
      </c>
    </row>
    <row r="736" spans="1:4">
      <c r="A736" s="218" t="s">
        <v>2556</v>
      </c>
      <c r="B736" s="225">
        <v>8515105.1099999994</v>
      </c>
      <c r="C736" s="225">
        <v>892305.09</v>
      </c>
      <c r="D736" s="225">
        <v>9407410.1999999993</v>
      </c>
    </row>
    <row r="737" spans="1:4">
      <c r="A737" s="218" t="s">
        <v>2557</v>
      </c>
      <c r="B737" s="225">
        <v>13259619.5</v>
      </c>
      <c r="C737" s="225">
        <v>1326130.1599999999</v>
      </c>
      <c r="D737" s="225">
        <v>14585749.66</v>
      </c>
    </row>
    <row r="738" spans="1:4">
      <c r="A738" s="218" t="s">
        <v>2558</v>
      </c>
      <c r="B738" s="225">
        <v>619944.35</v>
      </c>
      <c r="C738" s="225">
        <v>97034.62</v>
      </c>
      <c r="D738" s="225">
        <v>716978.97000000009</v>
      </c>
    </row>
    <row r="739" spans="1:4">
      <c r="A739" s="218" t="s">
        <v>2559</v>
      </c>
      <c r="B739" s="225">
        <v>32105939.739999998</v>
      </c>
      <c r="C739" s="225">
        <v>475275.33</v>
      </c>
      <c r="D739" s="225">
        <v>32581215.07</v>
      </c>
    </row>
    <row r="740" spans="1:4">
      <c r="A740" s="218" t="s">
        <v>2560</v>
      </c>
      <c r="B740" s="225">
        <v>859046.04</v>
      </c>
      <c r="C740" s="225">
        <v>166711.72999999998</v>
      </c>
      <c r="D740" s="225">
        <v>1025757.7700000001</v>
      </c>
    </row>
    <row r="741" spans="1:4">
      <c r="A741" s="218" t="s">
        <v>2561</v>
      </c>
      <c r="B741" s="225">
        <v>2430.7099999999996</v>
      </c>
      <c r="C741" s="225">
        <v>458.96999999999997</v>
      </c>
      <c r="D741" s="225">
        <v>2889.68</v>
      </c>
    </row>
    <row r="742" spans="1:4">
      <c r="A742" s="218" t="s">
        <v>2562</v>
      </c>
      <c r="B742" s="225">
        <v>87652378.100000009</v>
      </c>
      <c r="C742" s="225">
        <v>5744334.6800000006</v>
      </c>
      <c r="D742" s="225">
        <v>93396712.780000001</v>
      </c>
    </row>
    <row r="743" spans="1:4">
      <c r="A743" s="218" t="s">
        <v>2563</v>
      </c>
      <c r="B743" s="225"/>
      <c r="C743" s="225">
        <v>1625</v>
      </c>
      <c r="D743" s="225">
        <v>1625</v>
      </c>
    </row>
    <row r="744" spans="1:4">
      <c r="A744" s="218" t="s">
        <v>2564</v>
      </c>
      <c r="B744" s="225">
        <v>201178.62</v>
      </c>
      <c r="C744" s="225">
        <v>0</v>
      </c>
      <c r="D744" s="225">
        <v>201178.62</v>
      </c>
    </row>
    <row r="745" spans="1:4">
      <c r="A745" s="218" t="s">
        <v>2565</v>
      </c>
      <c r="B745" s="225">
        <v>11632514.48</v>
      </c>
      <c r="C745" s="225">
        <v>1076670.6100000001</v>
      </c>
      <c r="D745" s="225">
        <v>12709185.09</v>
      </c>
    </row>
    <row r="746" spans="1:4">
      <c r="A746" s="218" t="s">
        <v>2566</v>
      </c>
      <c r="B746" s="225">
        <v>2900128.95</v>
      </c>
      <c r="C746" s="225">
        <v>316464.89</v>
      </c>
      <c r="D746" s="225">
        <v>3216593.84</v>
      </c>
    </row>
    <row r="747" spans="1:4">
      <c r="A747" s="218" t="s">
        <v>2567</v>
      </c>
      <c r="B747" s="225">
        <v>94368433.820000008</v>
      </c>
      <c r="C747" s="225">
        <v>8562484.1099999994</v>
      </c>
      <c r="D747" s="225">
        <v>102930917.92999999</v>
      </c>
    </row>
    <row r="748" spans="1:4">
      <c r="A748" s="218" t="s">
        <v>2568</v>
      </c>
      <c r="B748" s="225">
        <v>2462666.88</v>
      </c>
      <c r="C748" s="225">
        <v>-1367040.01</v>
      </c>
      <c r="D748" s="225">
        <v>1095626.8699999999</v>
      </c>
    </row>
    <row r="749" spans="1:4">
      <c r="A749" s="218" t="s">
        <v>2569</v>
      </c>
      <c r="B749" s="225">
        <v>3902352</v>
      </c>
      <c r="C749" s="225">
        <v>318728</v>
      </c>
      <c r="D749" s="225">
        <v>4221080</v>
      </c>
    </row>
    <row r="750" spans="1:4">
      <c r="A750" s="218" t="s">
        <v>2570</v>
      </c>
      <c r="B750" s="225">
        <v>560114.47000000009</v>
      </c>
      <c r="C750" s="225">
        <v>28814.93</v>
      </c>
      <c r="D750" s="225">
        <v>588929.4</v>
      </c>
    </row>
    <row r="751" spans="1:4">
      <c r="A751" s="218" t="s">
        <v>2571</v>
      </c>
      <c r="B751" s="225">
        <v>116027389.21999998</v>
      </c>
      <c r="C751" s="225">
        <v>8937747.5300000012</v>
      </c>
      <c r="D751" s="225">
        <v>124965136.75</v>
      </c>
    </row>
    <row r="752" spans="1:4">
      <c r="A752" s="218" t="s">
        <v>2572</v>
      </c>
      <c r="B752" s="225">
        <v>863441.48</v>
      </c>
      <c r="C752" s="225">
        <v>325054.83999999997</v>
      </c>
      <c r="D752" s="225">
        <v>1188496.3199999998</v>
      </c>
    </row>
    <row r="753" spans="1:4">
      <c r="A753" s="218" t="s">
        <v>2573</v>
      </c>
      <c r="B753" s="225">
        <v>3080594.56</v>
      </c>
      <c r="C753" s="225">
        <v>227267.24</v>
      </c>
      <c r="D753" s="225">
        <v>3307861.8</v>
      </c>
    </row>
    <row r="754" spans="1:4">
      <c r="A754" s="218" t="s">
        <v>2574</v>
      </c>
      <c r="B754" s="225">
        <v>180563.66999999998</v>
      </c>
      <c r="C754" s="225">
        <v>7138.92</v>
      </c>
      <c r="D754" s="225">
        <v>187702.59</v>
      </c>
    </row>
    <row r="755" spans="1:4">
      <c r="A755" s="218" t="s">
        <v>2575</v>
      </c>
      <c r="B755" s="225">
        <v>4296643.55</v>
      </c>
      <c r="C755" s="225">
        <v>298437.57</v>
      </c>
      <c r="D755" s="225">
        <v>4595081.12</v>
      </c>
    </row>
    <row r="756" spans="1:4">
      <c r="A756" s="218" t="s">
        <v>2576</v>
      </c>
      <c r="B756" s="225">
        <v>534987.61</v>
      </c>
      <c r="C756" s="225">
        <v>28189.27</v>
      </c>
      <c r="D756" s="225">
        <v>563176.88</v>
      </c>
    </row>
    <row r="757" spans="1:4">
      <c r="A757" s="218" t="s">
        <v>2577</v>
      </c>
      <c r="B757" s="225">
        <v>4097519.89</v>
      </c>
      <c r="C757" s="225">
        <v>307317.63</v>
      </c>
      <c r="D757" s="225">
        <v>4404837.5199999996</v>
      </c>
    </row>
    <row r="758" spans="1:4">
      <c r="A758" s="218" t="s">
        <v>2578</v>
      </c>
      <c r="B758" s="225">
        <v>289976.65000000002</v>
      </c>
      <c r="C758" s="225">
        <v>11051.66</v>
      </c>
      <c r="D758" s="225">
        <v>301028.31</v>
      </c>
    </row>
    <row r="759" spans="1:4">
      <c r="A759" s="218" t="s">
        <v>2579</v>
      </c>
      <c r="B759" s="225">
        <v>5501963.5</v>
      </c>
      <c r="C759" s="225">
        <v>535536.52</v>
      </c>
      <c r="D759" s="225">
        <v>6037500.0199999996</v>
      </c>
    </row>
    <row r="760" spans="1:4">
      <c r="A760" s="218" t="s">
        <v>2580</v>
      </c>
      <c r="B760" s="225">
        <v>4240579.2300000004</v>
      </c>
      <c r="C760" s="225">
        <v>460174.74</v>
      </c>
      <c r="D760" s="225">
        <v>4700753.97</v>
      </c>
    </row>
    <row r="761" spans="1:4">
      <c r="A761" s="218" t="s">
        <v>2581</v>
      </c>
      <c r="B761" s="225">
        <v>25739955.370000001</v>
      </c>
      <c r="C761" s="225">
        <v>-504452.45999999996</v>
      </c>
      <c r="D761" s="225">
        <v>25235502.91</v>
      </c>
    </row>
    <row r="762" spans="1:4">
      <c r="A762" s="218" t="s">
        <v>2582</v>
      </c>
      <c r="B762" s="225">
        <v>201000</v>
      </c>
      <c r="C762" s="225">
        <v>0</v>
      </c>
      <c r="D762" s="225">
        <v>201000</v>
      </c>
    </row>
    <row r="763" spans="1:4">
      <c r="A763" s="218" t="s">
        <v>2583</v>
      </c>
      <c r="B763" s="225">
        <v>1439017.65</v>
      </c>
      <c r="C763" s="225">
        <v>-312316.31999999995</v>
      </c>
      <c r="D763" s="225">
        <v>1126701.33</v>
      </c>
    </row>
    <row r="764" spans="1:4">
      <c r="A764" s="218" t="s">
        <v>2584</v>
      </c>
      <c r="B764" s="225">
        <v>50466243.160000004</v>
      </c>
      <c r="C764" s="225">
        <v>1383399.61</v>
      </c>
      <c r="D764" s="225">
        <v>51849642.770000003</v>
      </c>
    </row>
    <row r="765" spans="1:4">
      <c r="A765" s="218" t="s">
        <v>2931</v>
      </c>
      <c r="B765" s="225">
        <v>2.81</v>
      </c>
      <c r="C765" s="225">
        <v>0</v>
      </c>
      <c r="D765" s="225">
        <v>2.81</v>
      </c>
    </row>
    <row r="766" spans="1:4">
      <c r="A766" s="218" t="s">
        <v>2932</v>
      </c>
      <c r="B766" s="225">
        <v>2.81</v>
      </c>
      <c r="C766" s="225">
        <v>0</v>
      </c>
      <c r="D766" s="225">
        <v>2.81</v>
      </c>
    </row>
    <row r="767" spans="1:4">
      <c r="A767" s="218" t="s">
        <v>2933</v>
      </c>
      <c r="B767" s="225">
        <v>1.74</v>
      </c>
      <c r="C767" s="225">
        <v>0</v>
      </c>
      <c r="D767" s="225">
        <v>1.74</v>
      </c>
    </row>
    <row r="768" spans="1:4">
      <c r="A768" s="218" t="s">
        <v>2934</v>
      </c>
      <c r="B768" s="225">
        <v>0.87</v>
      </c>
      <c r="C768" s="225">
        <v>0</v>
      </c>
      <c r="D768" s="225">
        <v>0.87</v>
      </c>
    </row>
    <row r="769" spans="1:4">
      <c r="A769" s="218" t="s">
        <v>2935</v>
      </c>
      <c r="B769" s="225">
        <v>0.28999999999999998</v>
      </c>
      <c r="C769" s="225">
        <v>0</v>
      </c>
      <c r="D769" s="225">
        <v>0.28999999999999998</v>
      </c>
    </row>
    <row r="770" spans="1:4">
      <c r="A770" s="218" t="s">
        <v>2585</v>
      </c>
      <c r="B770" s="225">
        <v>-17815.98</v>
      </c>
      <c r="C770" s="225">
        <v>11.66</v>
      </c>
      <c r="D770" s="225">
        <v>-17804.32</v>
      </c>
    </row>
    <row r="771" spans="1:4">
      <c r="A771" s="218" t="s">
        <v>2586</v>
      </c>
      <c r="B771" s="225">
        <v>-17813.079999999998</v>
      </c>
      <c r="C771" s="225">
        <v>11.66</v>
      </c>
      <c r="D771" s="225">
        <v>-17801.420000000002</v>
      </c>
    </row>
    <row r="772" spans="1:4">
      <c r="A772" s="218" t="s">
        <v>2587</v>
      </c>
      <c r="B772" s="225">
        <v>1807704.86</v>
      </c>
      <c r="C772" s="225">
        <v>158479.75</v>
      </c>
      <c r="D772" s="225">
        <v>1966184.6099999999</v>
      </c>
    </row>
    <row r="773" spans="1:4">
      <c r="A773" s="218" t="s">
        <v>2588</v>
      </c>
      <c r="B773" s="225">
        <v>266945.06</v>
      </c>
      <c r="C773" s="225">
        <v>5941.99</v>
      </c>
      <c r="D773" s="225">
        <v>272887.05</v>
      </c>
    </row>
    <row r="774" spans="1:4">
      <c r="A774" s="218" t="s">
        <v>2589</v>
      </c>
      <c r="B774" s="225">
        <v>2074649.9200000002</v>
      </c>
      <c r="C774" s="225">
        <v>164421.74</v>
      </c>
      <c r="D774" s="225">
        <v>2239071.6599999997</v>
      </c>
    </row>
    <row r="775" spans="1:4">
      <c r="A775" s="218" t="s">
        <v>2936</v>
      </c>
      <c r="B775" s="225">
        <v>8.77</v>
      </c>
      <c r="C775" s="225">
        <v>0</v>
      </c>
      <c r="D775" s="225">
        <v>8.77</v>
      </c>
    </row>
    <row r="776" spans="1:4">
      <c r="A776" s="218" t="s">
        <v>2590</v>
      </c>
      <c r="B776" s="225">
        <v>5561650.8399999999</v>
      </c>
      <c r="C776" s="225">
        <v>1117710.8099999998</v>
      </c>
      <c r="D776" s="225">
        <v>6679361.6500000004</v>
      </c>
    </row>
    <row r="777" spans="1:4">
      <c r="A777" s="218" t="s">
        <v>2937</v>
      </c>
      <c r="B777" s="225">
        <v>112460.34</v>
      </c>
      <c r="C777" s="225">
        <v>5929.29</v>
      </c>
      <c r="D777" s="225">
        <v>118389.62999999999</v>
      </c>
    </row>
    <row r="778" spans="1:4">
      <c r="A778" s="218" t="s">
        <v>2591</v>
      </c>
      <c r="B778" s="225">
        <v>190044.28</v>
      </c>
      <c r="C778" s="225">
        <v>42332.86</v>
      </c>
      <c r="D778" s="225">
        <v>232377.14</v>
      </c>
    </row>
    <row r="779" spans="1:4">
      <c r="A779" s="218" t="s">
        <v>2592</v>
      </c>
      <c r="B779" s="225">
        <v>293099.43</v>
      </c>
      <c r="C779" s="225">
        <v>10742.37</v>
      </c>
      <c r="D779" s="225">
        <v>303841.8</v>
      </c>
    </row>
    <row r="780" spans="1:4">
      <c r="A780" s="218" t="s">
        <v>2593</v>
      </c>
      <c r="B780" s="225">
        <v>6157263.6600000001</v>
      </c>
      <c r="C780" s="225">
        <v>1176715.33</v>
      </c>
      <c r="D780" s="225">
        <v>7333978.9899999993</v>
      </c>
    </row>
    <row r="781" spans="1:4">
      <c r="A781" s="218" t="s">
        <v>2594</v>
      </c>
      <c r="B781" s="225">
        <v>5329860.3600000003</v>
      </c>
      <c r="C781" s="225">
        <v>125163.43</v>
      </c>
      <c r="D781" s="225">
        <v>5455023.79</v>
      </c>
    </row>
    <row r="782" spans="1:4">
      <c r="A782" s="218" t="s">
        <v>2596</v>
      </c>
      <c r="B782" s="225">
        <v>678044.59</v>
      </c>
      <c r="C782" s="225">
        <v>55583.549999999996</v>
      </c>
      <c r="D782" s="225">
        <v>733628.1399999999</v>
      </c>
    </row>
    <row r="783" spans="1:4">
      <c r="A783" s="218" t="s">
        <v>2598</v>
      </c>
      <c r="B783" s="225">
        <v>-4653713.84</v>
      </c>
      <c r="C783" s="225">
        <v>-431989.05</v>
      </c>
      <c r="D783" s="225">
        <v>-5085702.8900000006</v>
      </c>
    </row>
    <row r="784" spans="1:4">
      <c r="A784" s="218" t="s">
        <v>2599</v>
      </c>
      <c r="B784" s="225">
        <v>2034168.74</v>
      </c>
      <c r="C784" s="225">
        <v>122661.22</v>
      </c>
      <c r="D784" s="225">
        <v>2156829.96</v>
      </c>
    </row>
    <row r="785" spans="1:4">
      <c r="A785" s="218" t="s">
        <v>2600</v>
      </c>
      <c r="B785" s="225">
        <v>6199944.0599999996</v>
      </c>
      <c r="C785" s="225">
        <v>458190.93</v>
      </c>
      <c r="D785" s="225">
        <v>6658134.9900000002</v>
      </c>
    </row>
    <row r="786" spans="1:4">
      <c r="A786" s="218" t="s">
        <v>2601</v>
      </c>
      <c r="B786" s="225">
        <v>-2909550.17</v>
      </c>
      <c r="C786" s="225">
        <v>-436802.5</v>
      </c>
      <c r="D786" s="225">
        <v>-3346352.67</v>
      </c>
    </row>
    <row r="787" spans="1:4">
      <c r="A787" s="218" t="s">
        <v>2602</v>
      </c>
      <c r="B787" s="225">
        <v>539222.04</v>
      </c>
      <c r="C787" s="225">
        <v>42904.630000000005</v>
      </c>
      <c r="D787" s="225">
        <v>582126.67000000004</v>
      </c>
    </row>
    <row r="788" spans="1:4">
      <c r="A788" s="218" t="s">
        <v>2603</v>
      </c>
      <c r="B788" s="225">
        <v>1277120.9200000002</v>
      </c>
      <c r="C788" s="225">
        <v>129686.34</v>
      </c>
      <c r="D788" s="225">
        <v>1406807.26</v>
      </c>
    </row>
    <row r="789" spans="1:4">
      <c r="A789" s="218" t="s">
        <v>2604</v>
      </c>
      <c r="B789" s="225">
        <v>1.75</v>
      </c>
      <c r="C789" s="225">
        <v>0</v>
      </c>
      <c r="D789" s="225">
        <v>1.75</v>
      </c>
    </row>
    <row r="790" spans="1:4">
      <c r="A790" s="218" t="s">
        <v>2605</v>
      </c>
      <c r="B790" s="225">
        <v>68907.540000000008</v>
      </c>
      <c r="C790" s="225">
        <v>6005.0300000000007</v>
      </c>
      <c r="D790" s="225">
        <v>74912.570000000007</v>
      </c>
    </row>
    <row r="791" spans="1:4">
      <c r="A791" s="218" t="s">
        <v>2606</v>
      </c>
      <c r="B791" s="225">
        <v>3734995.7600000002</v>
      </c>
      <c r="C791" s="225">
        <v>303920.14999999997</v>
      </c>
      <c r="D791" s="225">
        <v>4038915.9099999997</v>
      </c>
    </row>
    <row r="792" spans="1:4">
      <c r="A792" s="218" t="s">
        <v>2607</v>
      </c>
      <c r="B792" s="225">
        <v>248446.36</v>
      </c>
      <c r="C792" s="225">
        <v>100563.56</v>
      </c>
      <c r="D792" s="225">
        <v>349009.91999999998</v>
      </c>
    </row>
    <row r="793" spans="1:4">
      <c r="A793" s="218" t="s">
        <v>2608</v>
      </c>
      <c r="B793" s="225">
        <v>12547448.109999999</v>
      </c>
      <c r="C793" s="225">
        <v>475887.29</v>
      </c>
      <c r="D793" s="225">
        <v>13023335.4</v>
      </c>
    </row>
    <row r="794" spans="1:4">
      <c r="A794" s="218" t="s">
        <v>2609</v>
      </c>
      <c r="B794" s="225">
        <v>21769.74</v>
      </c>
      <c r="C794" s="225">
        <v>1607.9</v>
      </c>
      <c r="D794" s="225">
        <v>23377.64</v>
      </c>
    </row>
    <row r="795" spans="1:4">
      <c r="A795" s="218" t="s">
        <v>2610</v>
      </c>
      <c r="B795" s="225">
        <v>4139317.7699999996</v>
      </c>
      <c r="C795" s="225">
        <v>1269823.53</v>
      </c>
      <c r="D795" s="225">
        <v>5409141.2999999998</v>
      </c>
    </row>
    <row r="796" spans="1:4">
      <c r="A796" s="218" t="s">
        <v>2611</v>
      </c>
      <c r="B796" s="225">
        <v>2886239.75</v>
      </c>
      <c r="C796" s="225">
        <v>48059.549999999996</v>
      </c>
      <c r="D796" s="225">
        <v>2934299.3</v>
      </c>
    </row>
    <row r="797" spans="1:4">
      <c r="A797" s="218" t="s">
        <v>2612</v>
      </c>
      <c r="B797" s="225">
        <v>1088618.6600000001</v>
      </c>
      <c r="C797" s="225">
        <v>73225.430000000008</v>
      </c>
      <c r="D797" s="225">
        <v>1161844.0900000001</v>
      </c>
    </row>
    <row r="798" spans="1:4">
      <c r="A798" s="218" t="s">
        <v>2613</v>
      </c>
      <c r="B798" s="225">
        <v>332678.27</v>
      </c>
      <c r="C798" s="225">
        <v>37884.450000000004</v>
      </c>
      <c r="D798" s="225">
        <v>370562.72</v>
      </c>
    </row>
    <row r="799" spans="1:4">
      <c r="A799" s="218" t="s">
        <v>2614</v>
      </c>
      <c r="B799" s="225">
        <v>0</v>
      </c>
      <c r="C799" s="225">
        <v>0</v>
      </c>
      <c r="D799" s="225">
        <v>0</v>
      </c>
    </row>
    <row r="800" spans="1:4">
      <c r="A800" s="218" t="s">
        <v>2615</v>
      </c>
      <c r="B800" s="225">
        <v>0</v>
      </c>
      <c r="C800" s="225">
        <v>0</v>
      </c>
      <c r="D800" s="225">
        <v>0</v>
      </c>
    </row>
    <row r="801" spans="1:4">
      <c r="A801" s="218" t="s">
        <v>2616</v>
      </c>
      <c r="B801" s="225">
        <v>1739146.29</v>
      </c>
      <c r="C801" s="225">
        <v>-1739146.29</v>
      </c>
      <c r="D801" s="225">
        <v>0</v>
      </c>
    </row>
    <row r="802" spans="1:4">
      <c r="A802" s="218" t="s">
        <v>2617</v>
      </c>
      <c r="B802" s="225">
        <v>1900074.02</v>
      </c>
      <c r="C802" s="225">
        <v>-1900074.02</v>
      </c>
      <c r="D802" s="225">
        <v>0</v>
      </c>
    </row>
    <row r="803" spans="1:4">
      <c r="A803" s="218" t="s">
        <v>2618</v>
      </c>
      <c r="B803" s="225">
        <v>940493.43</v>
      </c>
      <c r="C803" s="225">
        <v>25175.629999999997</v>
      </c>
      <c r="D803" s="225">
        <v>965669.05999999994</v>
      </c>
    </row>
    <row r="804" spans="1:4">
      <c r="A804" s="218" t="s">
        <v>2619</v>
      </c>
      <c r="B804" s="225">
        <v>976764.26</v>
      </c>
      <c r="C804" s="225">
        <v>4000.5299999999997</v>
      </c>
      <c r="D804" s="225">
        <v>980764.79</v>
      </c>
    </row>
    <row r="805" spans="1:4">
      <c r="A805" s="218" t="s">
        <v>2620</v>
      </c>
      <c r="B805" s="225">
        <v>7122857.8099999996</v>
      </c>
      <c r="C805" s="225">
        <v>-98872.33</v>
      </c>
      <c r="D805" s="225">
        <v>7023985.4800000004</v>
      </c>
    </row>
    <row r="806" spans="1:4">
      <c r="A806" s="218" t="s">
        <v>2621</v>
      </c>
      <c r="B806" s="225">
        <v>4864072.32</v>
      </c>
      <c r="C806" s="225">
        <v>231626.52</v>
      </c>
      <c r="D806" s="225">
        <v>5095698.84</v>
      </c>
    </row>
    <row r="807" spans="1:4">
      <c r="A807" s="218" t="s">
        <v>2622</v>
      </c>
      <c r="B807" s="225">
        <v>19498.87</v>
      </c>
      <c r="C807" s="225">
        <v>1096.47</v>
      </c>
      <c r="D807" s="225">
        <v>20595.34</v>
      </c>
    </row>
    <row r="808" spans="1:4">
      <c r="A808" s="218" t="s">
        <v>2623</v>
      </c>
      <c r="B808" s="225">
        <v>379694.31</v>
      </c>
      <c r="C808" s="225">
        <v>13673.67</v>
      </c>
      <c r="D808" s="225">
        <v>393367.98</v>
      </c>
    </row>
    <row r="809" spans="1:4">
      <c r="A809" s="218" t="s">
        <v>2624</v>
      </c>
      <c r="B809" s="225">
        <v>26411225.5</v>
      </c>
      <c r="C809" s="225">
        <v>-2031918.96</v>
      </c>
      <c r="D809" s="225">
        <v>24379306.540000003</v>
      </c>
    </row>
    <row r="810" spans="1:4">
      <c r="A810" s="218" t="s">
        <v>2625</v>
      </c>
      <c r="B810" s="225">
        <v>843267054.78999996</v>
      </c>
      <c r="C810" s="225">
        <v>95734053.5</v>
      </c>
      <c r="D810" s="225">
        <v>939001108.28999996</v>
      </c>
    </row>
    <row r="811" spans="1:4">
      <c r="A811" s="218" t="s">
        <v>2626</v>
      </c>
      <c r="B811" s="225">
        <v>0</v>
      </c>
      <c r="C811" s="225">
        <v>0</v>
      </c>
      <c r="D811" s="225">
        <v>0</v>
      </c>
    </row>
    <row r="812" spans="1:4">
      <c r="A812" s="218" t="s">
        <v>2629</v>
      </c>
      <c r="B812" s="225">
        <v>0</v>
      </c>
      <c r="C812" s="225">
        <v>0</v>
      </c>
      <c r="D812" s="225">
        <v>0</v>
      </c>
    </row>
    <row r="813" spans="1:4">
      <c r="A813" s="218" t="s">
        <v>2630</v>
      </c>
      <c r="B813" s="225">
        <v>2703165477.3699999</v>
      </c>
      <c r="C813" s="225">
        <v>237563418.60000002</v>
      </c>
      <c r="D813" s="225">
        <v>2940728895.9699998</v>
      </c>
    </row>
    <row r="814" spans="1:4">
      <c r="A814" s="218" t="s">
        <v>2631</v>
      </c>
      <c r="B814" s="225">
        <v>823936013.74000001</v>
      </c>
      <c r="C814" s="225">
        <v>76960716.159999996</v>
      </c>
      <c r="D814" s="225">
        <v>900896729.89999998</v>
      </c>
    </row>
    <row r="815" spans="1:4">
      <c r="A815" s="218" t="s">
        <v>2632</v>
      </c>
      <c r="B815" s="225">
        <v>-42713</v>
      </c>
      <c r="C815" s="225">
        <v>-3883</v>
      </c>
      <c r="D815" s="225">
        <v>-46596</v>
      </c>
    </row>
    <row r="816" spans="1:4">
      <c r="A816" s="218" t="s">
        <v>2938</v>
      </c>
      <c r="B816" s="225"/>
      <c r="C816" s="225">
        <v>0</v>
      </c>
      <c r="D816" s="225">
        <v>0</v>
      </c>
    </row>
    <row r="817" spans="1:4">
      <c r="A817" s="218" t="s">
        <v>2939</v>
      </c>
      <c r="B817" s="225">
        <v>0</v>
      </c>
      <c r="C817" s="225">
        <v>0</v>
      </c>
      <c r="D817" s="225">
        <v>0</v>
      </c>
    </row>
    <row r="818" spans="1:4">
      <c r="A818" s="218" t="s">
        <v>2940</v>
      </c>
      <c r="B818" s="225">
        <v>131361.38</v>
      </c>
      <c r="C818" s="225">
        <v>-141954.79999999999</v>
      </c>
      <c r="D818" s="225">
        <v>-10593.42</v>
      </c>
    </row>
    <row r="819" spans="1:4">
      <c r="A819" s="218" t="s">
        <v>2633</v>
      </c>
      <c r="B819" s="225">
        <v>824024662.12</v>
      </c>
      <c r="C819" s="225">
        <v>76814878.359999999</v>
      </c>
      <c r="D819" s="225">
        <v>900839540.48000002</v>
      </c>
    </row>
    <row r="820" spans="1:4">
      <c r="A820" s="218" t="s">
        <v>2634</v>
      </c>
      <c r="B820" s="225">
        <v>824024662.12</v>
      </c>
      <c r="C820" s="225">
        <v>76814878.359999999</v>
      </c>
      <c r="D820" s="225">
        <v>900839540.48000002</v>
      </c>
    </row>
    <row r="821" spans="1:4">
      <c r="A821" s="218" t="s">
        <v>2635</v>
      </c>
      <c r="B821" s="225">
        <v>37493063.780000001</v>
      </c>
      <c r="C821" s="225">
        <v>3836715.71</v>
      </c>
      <c r="D821" s="225">
        <v>41329779.490000002</v>
      </c>
    </row>
    <row r="822" spans="1:4">
      <c r="A822" s="218" t="s">
        <v>2636</v>
      </c>
      <c r="B822" s="225">
        <v>37493063.780000001</v>
      </c>
      <c r="C822" s="225">
        <v>3836715.71</v>
      </c>
      <c r="D822" s="225">
        <v>41329779.490000002</v>
      </c>
    </row>
    <row r="823" spans="1:4">
      <c r="A823" s="218" t="s">
        <v>2637</v>
      </c>
      <c r="B823" s="225">
        <v>37493063.780000001</v>
      </c>
      <c r="C823" s="225">
        <v>3836715.71</v>
      </c>
      <c r="D823" s="225">
        <v>41329779.490000002</v>
      </c>
    </row>
    <row r="824" spans="1:4">
      <c r="A824" s="218" t="s">
        <v>2638</v>
      </c>
      <c r="B824" s="225">
        <v>4466161.26</v>
      </c>
      <c r="C824" s="225">
        <v>1678390.32</v>
      </c>
      <c r="D824" s="225">
        <v>6144551.5800000001</v>
      </c>
    </row>
    <row r="825" spans="1:4">
      <c r="A825" s="218" t="s">
        <v>2639</v>
      </c>
      <c r="B825" s="225">
        <v>14123535</v>
      </c>
      <c r="C825" s="225">
        <v>786219</v>
      </c>
      <c r="D825" s="225">
        <v>14909754</v>
      </c>
    </row>
    <row r="826" spans="1:4">
      <c r="A826" s="218" t="s">
        <v>2640</v>
      </c>
      <c r="B826" s="225">
        <v>2548773.59</v>
      </c>
      <c r="C826" s="225">
        <v>211823.5</v>
      </c>
      <c r="D826" s="225">
        <v>2760597.09</v>
      </c>
    </row>
    <row r="827" spans="1:4">
      <c r="A827" s="218" t="s">
        <v>2941</v>
      </c>
      <c r="B827" s="225">
        <v>-13539.519999999999</v>
      </c>
      <c r="C827" s="225">
        <v>0</v>
      </c>
      <c r="D827" s="225">
        <v>-13539.519999999999</v>
      </c>
    </row>
    <row r="828" spans="1:4">
      <c r="A828" s="218" t="s">
        <v>2641</v>
      </c>
      <c r="B828" s="225">
        <v>1517168.1800000002</v>
      </c>
      <c r="C828" s="225">
        <v>137924.38</v>
      </c>
      <c r="D828" s="225">
        <v>1655092.56</v>
      </c>
    </row>
    <row r="829" spans="1:4">
      <c r="A829" s="218" t="s">
        <v>2642</v>
      </c>
      <c r="B829" s="225">
        <v>-1123772</v>
      </c>
      <c r="C829" s="225">
        <v>187838</v>
      </c>
      <c r="D829" s="225">
        <v>-935934</v>
      </c>
    </row>
    <row r="830" spans="1:4">
      <c r="A830" s="218" t="s">
        <v>2643</v>
      </c>
      <c r="B830" s="225">
        <v>59725.39</v>
      </c>
      <c r="C830" s="225">
        <v>5429.58</v>
      </c>
      <c r="D830" s="225">
        <v>65154.97</v>
      </c>
    </row>
    <row r="831" spans="1:4">
      <c r="A831" s="218" t="s">
        <v>2644</v>
      </c>
      <c r="B831" s="225">
        <v>612851.70000000007</v>
      </c>
      <c r="C831" s="225">
        <v>36321.719999999994</v>
      </c>
      <c r="D831" s="225">
        <v>649173.42000000004</v>
      </c>
    </row>
    <row r="832" spans="1:4">
      <c r="A832" s="218" t="s">
        <v>2647</v>
      </c>
      <c r="B832" s="225">
        <v>5002472.96</v>
      </c>
      <c r="C832" s="225">
        <v>454770.27</v>
      </c>
      <c r="D832" s="225">
        <v>5457243.2299999995</v>
      </c>
    </row>
    <row r="833" spans="1:4">
      <c r="A833" s="218" t="s">
        <v>2648</v>
      </c>
      <c r="B833" s="225">
        <v>11979946</v>
      </c>
      <c r="C833" s="225">
        <v>1089086</v>
      </c>
      <c r="D833" s="225">
        <v>13069032</v>
      </c>
    </row>
    <row r="834" spans="1:4">
      <c r="A834" s="218" t="s">
        <v>2650</v>
      </c>
      <c r="B834" s="225">
        <v>1348769.66</v>
      </c>
      <c r="C834" s="225">
        <v>-9558989.8000000007</v>
      </c>
      <c r="D834" s="225">
        <v>-8210220.1399999997</v>
      </c>
    </row>
    <row r="835" spans="1:4">
      <c r="A835" s="218" t="s">
        <v>2651</v>
      </c>
      <c r="B835" s="225">
        <v>780865971.48000002</v>
      </c>
      <c r="C835" s="225">
        <v>48835529.640000001</v>
      </c>
      <c r="D835" s="225">
        <v>829701501.12</v>
      </c>
    </row>
    <row r="836" spans="1:4">
      <c r="A836" s="218" t="s">
        <v>2652</v>
      </c>
      <c r="B836" s="225">
        <v>821388063.70000005</v>
      </c>
      <c r="C836" s="225">
        <v>43864342.609999999</v>
      </c>
      <c r="D836" s="225">
        <v>865252406.31000006</v>
      </c>
    </row>
    <row r="837" spans="1:4">
      <c r="A837" s="218" t="s">
        <v>2653</v>
      </c>
      <c r="B837" s="225">
        <v>363495.17</v>
      </c>
      <c r="C837" s="225">
        <v>218473.16999999998</v>
      </c>
      <c r="D837" s="225">
        <v>581968.34</v>
      </c>
    </row>
    <row r="838" spans="1:4">
      <c r="A838" s="218" t="s">
        <v>2942</v>
      </c>
      <c r="B838" s="225">
        <v>-363495.17000000004</v>
      </c>
      <c r="C838" s="225">
        <v>-218473.17</v>
      </c>
      <c r="D838" s="225">
        <v>-581968.34</v>
      </c>
    </row>
    <row r="839" spans="1:4">
      <c r="A839" s="218" t="s">
        <v>2657</v>
      </c>
      <c r="B839" s="225">
        <v>84008.87</v>
      </c>
      <c r="C839" s="225">
        <v>7637.17</v>
      </c>
      <c r="D839" s="225">
        <v>91646.04</v>
      </c>
    </row>
    <row r="840" spans="1:4">
      <c r="A840" s="218" t="s">
        <v>2658</v>
      </c>
      <c r="B840" s="225">
        <v>84008.87000000001</v>
      </c>
      <c r="C840" s="225">
        <v>7637.17</v>
      </c>
      <c r="D840" s="225">
        <v>91646.040000000008</v>
      </c>
    </row>
    <row r="841" spans="1:4">
      <c r="A841" s="218" t="s">
        <v>2659</v>
      </c>
      <c r="B841" s="225">
        <v>626024.27</v>
      </c>
      <c r="C841" s="225">
        <v>45250.81</v>
      </c>
      <c r="D841" s="225">
        <v>671275.08</v>
      </c>
    </row>
    <row r="842" spans="1:4">
      <c r="A842" s="218" t="s">
        <v>2660</v>
      </c>
      <c r="B842" s="225">
        <v>626024.27</v>
      </c>
      <c r="C842" s="225">
        <v>45250.810000000005</v>
      </c>
      <c r="D842" s="225">
        <v>671275.08000000007</v>
      </c>
    </row>
    <row r="843" spans="1:4">
      <c r="A843" s="218" t="s">
        <v>2943</v>
      </c>
      <c r="B843" s="225">
        <v>-93750000</v>
      </c>
      <c r="C843" s="225">
        <v>-47250000</v>
      </c>
      <c r="D843" s="225">
        <v>-141000000</v>
      </c>
    </row>
    <row r="844" spans="1:4">
      <c r="A844" s="218" t="s">
        <v>2661</v>
      </c>
      <c r="B844" s="225">
        <v>-14125210</v>
      </c>
      <c r="C844" s="225">
        <v>-1284110.0000000002</v>
      </c>
      <c r="D844" s="225">
        <v>-15409320</v>
      </c>
    </row>
    <row r="845" spans="1:4">
      <c r="A845" s="218" t="s">
        <v>2662</v>
      </c>
      <c r="B845" s="225">
        <v>-107875210</v>
      </c>
      <c r="C845" s="225">
        <v>-48534110</v>
      </c>
      <c r="D845" s="225">
        <v>-156409320</v>
      </c>
    </row>
    <row r="846" spans="1:4">
      <c r="A846" s="218" t="s">
        <v>2663</v>
      </c>
      <c r="B846" s="225">
        <v>1575377117.5699999</v>
      </c>
      <c r="C846" s="225">
        <v>75816241.49000001</v>
      </c>
      <c r="D846" s="225">
        <v>1651193359.0600002</v>
      </c>
    </row>
    <row r="847" spans="1:4">
      <c r="A847" s="218" t="s">
        <v>2664</v>
      </c>
      <c r="B847" s="225">
        <v>3817188.52</v>
      </c>
      <c r="C847" s="225">
        <v>296408.99</v>
      </c>
      <c r="D847" s="225">
        <v>4113597.5100000002</v>
      </c>
    </row>
    <row r="848" spans="1:4">
      <c r="A848" s="218" t="s">
        <v>2665</v>
      </c>
      <c r="B848" s="225">
        <v>75077.149999999994</v>
      </c>
      <c r="C848" s="225">
        <v>-16284.820000000002</v>
      </c>
      <c r="D848" s="225">
        <v>58792.33</v>
      </c>
    </row>
    <row r="849" spans="1:4">
      <c r="A849" s="218" t="s">
        <v>2666</v>
      </c>
      <c r="B849" s="225">
        <v>22367812.440000001</v>
      </c>
      <c r="C849" s="225">
        <v>3005729.29</v>
      </c>
      <c r="D849" s="225">
        <v>25373541.73</v>
      </c>
    </row>
    <row r="850" spans="1:4">
      <c r="A850" s="218" t="s">
        <v>2667</v>
      </c>
      <c r="B850" s="225">
        <v>1.03</v>
      </c>
      <c r="C850" s="225">
        <v>0</v>
      </c>
      <c r="D850" s="225">
        <v>1.03</v>
      </c>
    </row>
    <row r="851" spans="1:4">
      <c r="A851" s="218" t="s">
        <v>2668</v>
      </c>
      <c r="B851" s="225">
        <v>7901518.9299999997</v>
      </c>
      <c r="C851" s="225">
        <v>795950.34</v>
      </c>
      <c r="D851" s="225">
        <v>8697469.2699999996</v>
      </c>
    </row>
    <row r="852" spans="1:4">
      <c r="A852" s="218" t="s">
        <v>2669</v>
      </c>
      <c r="B852" s="225">
        <v>66658.41</v>
      </c>
      <c r="C852" s="225">
        <v>19.84</v>
      </c>
      <c r="D852" s="225">
        <v>66678.25</v>
      </c>
    </row>
    <row r="853" spans="1:4">
      <c r="A853" s="218" t="s">
        <v>2670</v>
      </c>
      <c r="B853" s="225">
        <v>3221247.62</v>
      </c>
      <c r="C853" s="225">
        <v>1932844.6900000002</v>
      </c>
      <c r="D853" s="225">
        <v>5154092.3099999996</v>
      </c>
    </row>
    <row r="854" spans="1:4">
      <c r="A854" s="218" t="s">
        <v>2671</v>
      </c>
      <c r="B854" s="225">
        <v>30.26</v>
      </c>
      <c r="C854" s="225">
        <v>0</v>
      </c>
      <c r="D854" s="225">
        <v>30.26</v>
      </c>
    </row>
    <row r="855" spans="1:4">
      <c r="A855" s="218" t="s">
        <v>2672</v>
      </c>
      <c r="B855" s="225">
        <v>1814476.7</v>
      </c>
      <c r="C855" s="225">
        <v>947224.48</v>
      </c>
      <c r="D855" s="225">
        <v>2761701.18</v>
      </c>
    </row>
    <row r="856" spans="1:4">
      <c r="A856" s="218" t="s">
        <v>2673</v>
      </c>
      <c r="B856" s="225">
        <v>3575.71</v>
      </c>
      <c r="C856" s="225">
        <v>0</v>
      </c>
      <c r="D856" s="225">
        <v>3575.71</v>
      </c>
    </row>
    <row r="857" spans="1:4">
      <c r="A857" s="218" t="s">
        <v>2674</v>
      </c>
      <c r="B857" s="225">
        <v>39267586.769999996</v>
      </c>
      <c r="C857" s="225">
        <v>6961892.8099999996</v>
      </c>
      <c r="D857" s="225">
        <v>46229479.579999998</v>
      </c>
    </row>
    <row r="858" spans="1:4">
      <c r="A858" s="218" t="s">
        <v>2675</v>
      </c>
      <c r="B858" s="225">
        <v>48371.390000000007</v>
      </c>
      <c r="C858" s="225">
        <v>0</v>
      </c>
      <c r="D858" s="225">
        <v>48371.390000000007</v>
      </c>
    </row>
    <row r="859" spans="1:4">
      <c r="A859" s="218" t="s">
        <v>2676</v>
      </c>
      <c r="B859" s="225">
        <v>82765.820000000007</v>
      </c>
      <c r="C859" s="225">
        <v>15060.16</v>
      </c>
      <c r="D859" s="225">
        <v>97825.98</v>
      </c>
    </row>
    <row r="860" spans="1:4">
      <c r="A860" s="218" t="s">
        <v>2677</v>
      </c>
      <c r="B860" s="225">
        <v>372904.48000000004</v>
      </c>
      <c r="C860" s="225">
        <v>5288.5099999999993</v>
      </c>
      <c r="D860" s="225">
        <v>378192.99000000005</v>
      </c>
    </row>
    <row r="861" spans="1:4">
      <c r="A861" s="218" t="s">
        <v>2678</v>
      </c>
      <c r="B861" s="225">
        <v>1388842.2799999998</v>
      </c>
      <c r="C861" s="225">
        <v>39854.909999999996</v>
      </c>
      <c r="D861" s="225">
        <v>1428697.19</v>
      </c>
    </row>
    <row r="862" spans="1:4">
      <c r="A862" s="218" t="s">
        <v>2679</v>
      </c>
      <c r="B862" s="225">
        <v>606459.62</v>
      </c>
      <c r="C862" s="225">
        <v>46865.87</v>
      </c>
      <c r="D862" s="225">
        <v>653325.49</v>
      </c>
    </row>
    <row r="863" spans="1:4">
      <c r="A863" s="218" t="s">
        <v>2680</v>
      </c>
      <c r="B863" s="225">
        <v>3137036.84</v>
      </c>
      <c r="C863" s="225">
        <v>164635.82999999999</v>
      </c>
      <c r="D863" s="225">
        <v>3301672.67</v>
      </c>
    </row>
    <row r="864" spans="1:4">
      <c r="A864" s="218" t="s">
        <v>2681</v>
      </c>
      <c r="B864" s="225">
        <v>11596340.02</v>
      </c>
      <c r="C864" s="225">
        <v>1389384.6300000001</v>
      </c>
      <c r="D864" s="225">
        <v>12985724.649999999</v>
      </c>
    </row>
    <row r="865" spans="1:4">
      <c r="A865" s="218" t="s">
        <v>2682</v>
      </c>
      <c r="B865" s="225">
        <v>449005.54</v>
      </c>
      <c r="C865" s="225">
        <v>28349.14</v>
      </c>
      <c r="D865" s="225">
        <v>477354.68</v>
      </c>
    </row>
    <row r="866" spans="1:4">
      <c r="A866" s="218" t="s">
        <v>2683</v>
      </c>
      <c r="B866" s="225">
        <v>-114163.32</v>
      </c>
      <c r="C866" s="225">
        <v>0</v>
      </c>
      <c r="D866" s="225">
        <v>-114163.32</v>
      </c>
    </row>
    <row r="867" spans="1:4">
      <c r="A867" s="218" t="s">
        <v>2684</v>
      </c>
      <c r="B867" s="225">
        <v>17567562.669999998</v>
      </c>
      <c r="C867" s="225">
        <v>1689439.05</v>
      </c>
      <c r="D867" s="225">
        <v>19257001.719999999</v>
      </c>
    </row>
    <row r="868" spans="1:4">
      <c r="A868" s="218" t="s">
        <v>2685</v>
      </c>
      <c r="B868" s="225">
        <v>1654320.86</v>
      </c>
      <c r="C868" s="225">
        <v>24527.420000000002</v>
      </c>
      <c r="D868" s="225">
        <v>1678848.28</v>
      </c>
    </row>
    <row r="869" spans="1:4">
      <c r="A869" s="218" t="s">
        <v>2686</v>
      </c>
      <c r="B869" s="225">
        <v>378418.27999999997</v>
      </c>
      <c r="C869" s="225">
        <v>55744.29</v>
      </c>
      <c r="D869" s="225">
        <v>434162.57</v>
      </c>
    </row>
    <row r="870" spans="1:4">
      <c r="A870" s="218" t="s">
        <v>2687</v>
      </c>
      <c r="B870" s="225">
        <v>17003.25</v>
      </c>
      <c r="C870" s="225">
        <v>2199.5699999999997</v>
      </c>
      <c r="D870" s="225">
        <v>19202.82</v>
      </c>
    </row>
    <row r="871" spans="1:4">
      <c r="A871" s="218" t="s">
        <v>2688</v>
      </c>
      <c r="B871" s="225">
        <v>2906598.71</v>
      </c>
      <c r="C871" s="225">
        <v>308422.71000000002</v>
      </c>
      <c r="D871" s="225">
        <v>3215021.42</v>
      </c>
    </row>
    <row r="872" spans="1:4">
      <c r="A872" s="218" t="s">
        <v>2689</v>
      </c>
      <c r="B872" s="225">
        <v>26864981.559999999</v>
      </c>
      <c r="C872" s="225">
        <v>-521123.36</v>
      </c>
      <c r="D872" s="225">
        <v>26343858.200000003</v>
      </c>
    </row>
    <row r="873" spans="1:4">
      <c r="A873" s="218" t="s">
        <v>2690</v>
      </c>
      <c r="B873" s="225">
        <v>40866794.960000001</v>
      </c>
      <c r="C873" s="225">
        <v>2896134.94</v>
      </c>
      <c r="D873" s="225">
        <v>43762929.899999999</v>
      </c>
    </row>
    <row r="874" spans="1:4">
      <c r="A874" s="218" t="s">
        <v>2691</v>
      </c>
      <c r="B874" s="225">
        <v>5809865.25</v>
      </c>
      <c r="C874" s="225">
        <v>555952.44999999995</v>
      </c>
      <c r="D874" s="225">
        <v>6365817.7000000002</v>
      </c>
    </row>
    <row r="875" spans="1:4">
      <c r="A875" s="218" t="s">
        <v>2692</v>
      </c>
      <c r="B875" s="225">
        <v>158592.85</v>
      </c>
      <c r="C875" s="225">
        <v>16498.23</v>
      </c>
      <c r="D875" s="225">
        <v>175091.08000000002</v>
      </c>
    </row>
    <row r="876" spans="1:4">
      <c r="A876" s="218" t="s">
        <v>2944</v>
      </c>
      <c r="B876" s="225">
        <v>6119.1500000000005</v>
      </c>
      <c r="C876" s="225">
        <v>41.13</v>
      </c>
      <c r="D876" s="225">
        <v>6160.28</v>
      </c>
    </row>
    <row r="877" spans="1:4">
      <c r="A877" s="218" t="s">
        <v>2693</v>
      </c>
      <c r="B877" s="225">
        <v>1017231.01</v>
      </c>
      <c r="C877" s="225">
        <v>291174.87</v>
      </c>
      <c r="D877" s="225">
        <v>1308405.8800000001</v>
      </c>
    </row>
    <row r="878" spans="1:4">
      <c r="A878" s="218" t="s">
        <v>2694</v>
      </c>
      <c r="B878" s="225">
        <v>1814817.66</v>
      </c>
      <c r="C878" s="225">
        <v>256432.43</v>
      </c>
      <c r="D878" s="225">
        <v>2071250.09</v>
      </c>
    </row>
    <row r="879" spans="1:4">
      <c r="A879" s="218" t="s">
        <v>2695</v>
      </c>
      <c r="B879" s="225">
        <v>218585.96</v>
      </c>
      <c r="C879" s="225">
        <v>142306.56999999998</v>
      </c>
      <c r="D879" s="225">
        <v>360892.52999999997</v>
      </c>
    </row>
    <row r="880" spans="1:4">
      <c r="A880" s="218" t="s">
        <v>2696</v>
      </c>
      <c r="B880" s="225">
        <v>81713329.5</v>
      </c>
      <c r="C880" s="225">
        <v>4028311.25</v>
      </c>
      <c r="D880" s="225">
        <v>85741640.75</v>
      </c>
    </row>
    <row r="881" spans="1:4">
      <c r="A881" s="218" t="s">
        <v>2697</v>
      </c>
      <c r="B881" s="225">
        <v>8294466.5800000001</v>
      </c>
      <c r="C881" s="225">
        <v>1478351.3499999999</v>
      </c>
      <c r="D881" s="225">
        <v>9772817.9299999997</v>
      </c>
    </row>
    <row r="882" spans="1:4">
      <c r="A882" s="218" t="s">
        <v>2698</v>
      </c>
      <c r="B882" s="225">
        <v>7914525.0200000005</v>
      </c>
      <c r="C882" s="225">
        <v>468904.12</v>
      </c>
      <c r="D882" s="225">
        <v>8383429.1399999997</v>
      </c>
    </row>
    <row r="883" spans="1:4">
      <c r="A883" s="218" t="s">
        <v>2699</v>
      </c>
      <c r="B883" s="225">
        <v>9446417.7599999998</v>
      </c>
      <c r="C883" s="225">
        <v>2116890.85</v>
      </c>
      <c r="D883" s="225">
        <v>11563308.610000001</v>
      </c>
    </row>
    <row r="884" spans="1:4">
      <c r="A884" s="218" t="s">
        <v>2701</v>
      </c>
      <c r="B884" s="225">
        <v>25250028.73</v>
      </c>
      <c r="C884" s="225">
        <v>3083600.7800000003</v>
      </c>
      <c r="D884" s="225">
        <v>28333629.509999998</v>
      </c>
    </row>
    <row r="885" spans="1:4">
      <c r="A885" s="218" t="s">
        <v>2702</v>
      </c>
      <c r="B885" s="225">
        <v>50905438.089999996</v>
      </c>
      <c r="C885" s="225">
        <v>7147747.1000000006</v>
      </c>
      <c r="D885" s="225">
        <v>58053185.189999998</v>
      </c>
    </row>
    <row r="886" spans="1:4">
      <c r="A886" s="218" t="s">
        <v>2703</v>
      </c>
      <c r="B886" s="225">
        <v>94891.61</v>
      </c>
      <c r="C886" s="225">
        <v>28188.080000000002</v>
      </c>
      <c r="D886" s="225">
        <v>123079.69</v>
      </c>
    </row>
    <row r="887" spans="1:4">
      <c r="A887" s="218" t="s">
        <v>2704</v>
      </c>
      <c r="B887" s="225">
        <v>19060.199999999997</v>
      </c>
      <c r="C887" s="225">
        <v>-3352.0099999999998</v>
      </c>
      <c r="D887" s="225">
        <v>15708.19</v>
      </c>
    </row>
    <row r="888" spans="1:4">
      <c r="A888" s="218" t="s">
        <v>2705</v>
      </c>
      <c r="B888" s="225">
        <v>113951.81000000001</v>
      </c>
      <c r="C888" s="225">
        <v>24836.070000000003</v>
      </c>
      <c r="D888" s="225">
        <v>138787.88000000003</v>
      </c>
    </row>
    <row r="889" spans="1:4">
      <c r="A889" s="218" t="s">
        <v>2706</v>
      </c>
      <c r="B889" s="225">
        <v>10256.730000000001</v>
      </c>
      <c r="C889" s="225">
        <v>0</v>
      </c>
      <c r="D889" s="225">
        <v>10256.730000000001</v>
      </c>
    </row>
    <row r="890" spans="1:4">
      <c r="A890" s="218" t="s">
        <v>2707</v>
      </c>
      <c r="B890" s="225">
        <v>10256.73</v>
      </c>
      <c r="C890" s="225">
        <v>0</v>
      </c>
      <c r="D890" s="225">
        <v>10256.73</v>
      </c>
    </row>
    <row r="891" spans="1:4">
      <c r="A891" s="218" t="s">
        <v>2708</v>
      </c>
      <c r="B891" s="225">
        <v>7599.11</v>
      </c>
      <c r="C891" s="225">
        <v>1192.0200000000002</v>
      </c>
      <c r="D891" s="225">
        <v>8791.1299999999992</v>
      </c>
    </row>
    <row r="892" spans="1:4">
      <c r="A892" s="218" t="s">
        <v>2709</v>
      </c>
      <c r="B892" s="225">
        <v>1013.3100000000001</v>
      </c>
      <c r="C892" s="225">
        <v>0</v>
      </c>
      <c r="D892" s="225">
        <v>1013.3100000000001</v>
      </c>
    </row>
    <row r="893" spans="1:4">
      <c r="A893" s="218" t="s">
        <v>2710</v>
      </c>
      <c r="B893" s="225">
        <v>8612.42</v>
      </c>
      <c r="C893" s="225">
        <v>1192.02</v>
      </c>
      <c r="D893" s="225">
        <v>9804.44</v>
      </c>
    </row>
    <row r="894" spans="1:4">
      <c r="A894" s="218" t="s">
        <v>2711</v>
      </c>
      <c r="B894" s="225">
        <v>189586737.99000001</v>
      </c>
      <c r="C894" s="225">
        <v>19853418.300000001</v>
      </c>
      <c r="D894" s="225">
        <v>209440156.29000002</v>
      </c>
    </row>
    <row r="895" spans="1:4">
      <c r="A895" s="218" t="s">
        <v>2712</v>
      </c>
      <c r="B895" s="225">
        <v>1385965.63</v>
      </c>
      <c r="C895" s="225">
        <v>-289373.51</v>
      </c>
      <c r="D895" s="225">
        <v>1096592.1200000001</v>
      </c>
    </row>
    <row r="896" spans="1:4">
      <c r="A896" s="218" t="s">
        <v>2713</v>
      </c>
      <c r="B896" s="225">
        <v>173253664.34</v>
      </c>
      <c r="C896" s="225">
        <v>-27445063.510000002</v>
      </c>
      <c r="D896" s="225">
        <v>145808600.82999998</v>
      </c>
    </row>
    <row r="897" spans="1:4">
      <c r="A897" s="218" t="s">
        <v>2714</v>
      </c>
      <c r="B897" s="225">
        <v>147166186.98000002</v>
      </c>
      <c r="C897" s="225">
        <v>11586728.84</v>
      </c>
      <c r="D897" s="225">
        <v>158752915.81999999</v>
      </c>
    </row>
    <row r="898" spans="1:4">
      <c r="A898" s="218" t="s">
        <v>2715</v>
      </c>
      <c r="B898" s="225">
        <v>-591.6</v>
      </c>
      <c r="C898" s="225">
        <v>-60</v>
      </c>
      <c r="D898" s="225">
        <v>-651.6</v>
      </c>
    </row>
    <row r="899" spans="1:4">
      <c r="A899" s="218" t="s">
        <v>2717</v>
      </c>
      <c r="B899" s="225">
        <v>84651.67</v>
      </c>
      <c r="C899" s="225">
        <v>1615.93</v>
      </c>
      <c r="D899" s="225">
        <v>86267.599999999991</v>
      </c>
    </row>
    <row r="900" spans="1:4">
      <c r="A900" s="218" t="s">
        <v>2718</v>
      </c>
      <c r="B900" s="225">
        <v>595654.13</v>
      </c>
      <c r="C900" s="225">
        <v>-316132.74</v>
      </c>
      <c r="D900" s="225">
        <v>279521.38999999996</v>
      </c>
    </row>
    <row r="901" spans="1:4">
      <c r="A901" s="218" t="s">
        <v>2719</v>
      </c>
      <c r="B901" s="225">
        <v>24090217.390000001</v>
      </c>
      <c r="C901" s="225">
        <v>2585613.0300000003</v>
      </c>
      <c r="D901" s="225">
        <v>26675830.420000002</v>
      </c>
    </row>
    <row r="902" spans="1:4">
      <c r="A902" s="218" t="s">
        <v>2720</v>
      </c>
      <c r="B902" s="225">
        <v>147292897.09999999</v>
      </c>
      <c r="C902" s="225">
        <v>11228004.879999999</v>
      </c>
      <c r="D902" s="225">
        <v>158520901.97999999</v>
      </c>
    </row>
    <row r="903" spans="1:4">
      <c r="A903" s="218" t="s">
        <v>2723</v>
      </c>
      <c r="B903" s="225">
        <v>499784.76</v>
      </c>
      <c r="C903" s="225">
        <v>-855115.16999999993</v>
      </c>
      <c r="D903" s="225">
        <v>-355330.41</v>
      </c>
    </row>
    <row r="904" spans="1:4">
      <c r="A904" s="218" t="s">
        <v>2724</v>
      </c>
      <c r="B904" s="225">
        <v>-11796765</v>
      </c>
      <c r="C904" s="225">
        <v>320177.18000000005</v>
      </c>
      <c r="D904" s="225">
        <v>-11476587.819999998</v>
      </c>
    </row>
    <row r="905" spans="1:4">
      <c r="A905" s="218" t="s">
        <v>2725</v>
      </c>
      <c r="B905" s="225">
        <v>482571665.40000004</v>
      </c>
      <c r="C905" s="225">
        <v>-3183605.0700000003</v>
      </c>
      <c r="D905" s="225">
        <v>479388060.33000004</v>
      </c>
    </row>
    <row r="906" spans="1:4">
      <c r="A906" s="218" t="s">
        <v>2726</v>
      </c>
      <c r="B906" s="225">
        <v>4950700998.3299999</v>
      </c>
      <c r="C906" s="225">
        <v>330049473.31999999</v>
      </c>
      <c r="D906" s="225">
        <v>5280750471.6500006</v>
      </c>
    </row>
    <row r="907" spans="1:4">
      <c r="A907" s="218" t="s">
        <v>2727</v>
      </c>
      <c r="B907" s="225">
        <v>254528789.56</v>
      </c>
      <c r="C907" s="225">
        <v>12328242.470000001</v>
      </c>
      <c r="D907" s="225">
        <v>266857032.03</v>
      </c>
    </row>
    <row r="908" spans="1:4">
      <c r="A908" s="218" t="s">
        <v>2728</v>
      </c>
      <c r="B908" s="225">
        <v>254528789.56</v>
      </c>
      <c r="C908" s="225">
        <v>12328242.470000001</v>
      </c>
      <c r="D908" s="225">
        <v>266857032.03</v>
      </c>
    </row>
    <row r="909" spans="1:4">
      <c r="A909" s="218" t="s">
        <v>2729</v>
      </c>
      <c r="B909" s="225">
        <v>6723417.5800000001</v>
      </c>
      <c r="C909" s="225">
        <v>751649.8</v>
      </c>
      <c r="D909" s="225">
        <v>7475067.3799999999</v>
      </c>
    </row>
    <row r="910" spans="1:4">
      <c r="A910" s="218" t="s">
        <v>2731</v>
      </c>
      <c r="B910" s="225">
        <v>6723417.5800000001</v>
      </c>
      <c r="C910" s="225">
        <v>751649.8</v>
      </c>
      <c r="D910" s="225">
        <v>7475067.3799999999</v>
      </c>
    </row>
    <row r="911" spans="1:4">
      <c r="A911" s="218" t="s">
        <v>2732</v>
      </c>
      <c r="B911" s="225">
        <v>261252207.13999999</v>
      </c>
      <c r="C911" s="225">
        <v>13079892.270000001</v>
      </c>
      <c r="D911" s="225">
        <v>274332099.40999997</v>
      </c>
    </row>
    <row r="912" spans="1:4">
      <c r="A912" s="218" t="s">
        <v>2733</v>
      </c>
      <c r="B912" s="225">
        <v>68977172</v>
      </c>
      <c r="C912" s="225">
        <v>-3375211.08</v>
      </c>
      <c r="D912" s="225">
        <v>65601960.920000002</v>
      </c>
    </row>
    <row r="913" spans="1:4">
      <c r="A913" s="218" t="s">
        <v>2734</v>
      </c>
      <c r="B913" s="225">
        <v>4168519.57</v>
      </c>
      <c r="C913" s="225">
        <v>62541.599999999991</v>
      </c>
      <c r="D913" s="225">
        <v>4231061.1700000009</v>
      </c>
    </row>
    <row r="914" spans="1:4">
      <c r="A914" s="218" t="s">
        <v>2735</v>
      </c>
      <c r="B914" s="225">
        <v>73145691.570000008</v>
      </c>
      <c r="C914" s="225">
        <v>-3312669.4800000004</v>
      </c>
      <c r="D914" s="225">
        <v>69833022.089999989</v>
      </c>
    </row>
    <row r="915" spans="1:4">
      <c r="A915" s="218" t="s">
        <v>2736</v>
      </c>
      <c r="B915" s="225">
        <v>467895559.51999998</v>
      </c>
      <c r="C915" s="225">
        <v>39240733.869999997</v>
      </c>
      <c r="D915" s="225">
        <v>507136293.39000005</v>
      </c>
    </row>
    <row r="916" spans="1:4">
      <c r="A916" s="218" t="s">
        <v>2737</v>
      </c>
      <c r="B916" s="225">
        <v>120118653.14000002</v>
      </c>
      <c r="C916" s="225">
        <v>17754946.469999999</v>
      </c>
      <c r="D916" s="225">
        <v>137873599.60999998</v>
      </c>
    </row>
    <row r="917" spans="1:4">
      <c r="A917" s="218" t="s">
        <v>2738</v>
      </c>
      <c r="B917" s="225">
        <v>40421769.100000001</v>
      </c>
      <c r="C917" s="225">
        <v>-616426.32999999996</v>
      </c>
      <c r="D917" s="225">
        <v>39805342.770000003</v>
      </c>
    </row>
    <row r="918" spans="1:4">
      <c r="A918" s="218" t="s">
        <v>2739</v>
      </c>
      <c r="B918" s="225">
        <v>8724086.6899999995</v>
      </c>
      <c r="C918" s="225">
        <v>-62541.599999999999</v>
      </c>
      <c r="D918" s="225">
        <v>8661545.0899999999</v>
      </c>
    </row>
    <row r="919" spans="1:4">
      <c r="A919" s="218" t="s">
        <v>2740</v>
      </c>
      <c r="B919" s="225">
        <v>1044723.87</v>
      </c>
      <c r="C919" s="225">
        <v>0</v>
      </c>
      <c r="D919" s="225">
        <v>1044723.87</v>
      </c>
    </row>
    <row r="920" spans="1:4">
      <c r="A920" s="218" t="s">
        <v>2741</v>
      </c>
      <c r="B920" s="225">
        <v>638204792.32000005</v>
      </c>
      <c r="C920" s="225">
        <v>56316712.410000004</v>
      </c>
      <c r="D920" s="225">
        <v>694521504.73000002</v>
      </c>
    </row>
    <row r="921" spans="1:4">
      <c r="A921" s="218" t="s">
        <v>2742</v>
      </c>
      <c r="B921" s="225">
        <v>-536452887.38</v>
      </c>
      <c r="C921" s="225">
        <v>-25088000.77</v>
      </c>
      <c r="D921" s="225">
        <v>-561540888.14999998</v>
      </c>
    </row>
    <row r="922" spans="1:4">
      <c r="A922" s="218" t="s">
        <v>2743</v>
      </c>
      <c r="B922" s="225">
        <v>-127591399.06999999</v>
      </c>
      <c r="C922" s="225">
        <v>-6290678.4100000001</v>
      </c>
      <c r="D922" s="225">
        <v>-133882077.48</v>
      </c>
    </row>
    <row r="923" spans="1:4">
      <c r="A923" s="218" t="s">
        <v>2744</v>
      </c>
      <c r="B923" s="225">
        <v>-51468233.159999996</v>
      </c>
      <c r="C923" s="225">
        <v>-130067.13</v>
      </c>
      <c r="D923" s="225">
        <v>-51598300.289999999</v>
      </c>
    </row>
    <row r="924" spans="1:4">
      <c r="A924" s="218" t="s">
        <v>2745</v>
      </c>
      <c r="B924" s="225">
        <v>-12523373.4</v>
      </c>
      <c r="C924" s="225">
        <v>0</v>
      </c>
      <c r="D924" s="225">
        <v>-12523373.4</v>
      </c>
    </row>
    <row r="925" spans="1:4">
      <c r="A925" s="218" t="s">
        <v>2746</v>
      </c>
      <c r="B925" s="225">
        <v>-21861774</v>
      </c>
      <c r="C925" s="225">
        <v>-3193058.84</v>
      </c>
      <c r="D925" s="225">
        <v>-25054832.84</v>
      </c>
    </row>
    <row r="926" spans="1:4">
      <c r="A926" s="218" t="s">
        <v>2747</v>
      </c>
      <c r="B926" s="225">
        <v>-749897667.00999999</v>
      </c>
      <c r="C926" s="225">
        <v>-34701805.149999999</v>
      </c>
      <c r="D926" s="225">
        <v>-784599472.15999997</v>
      </c>
    </row>
    <row r="927" spans="1:4">
      <c r="A927" s="218" t="s">
        <v>2748</v>
      </c>
      <c r="B927" s="225">
        <v>-111692874.69000001</v>
      </c>
      <c r="C927" s="225">
        <v>21614907.260000002</v>
      </c>
      <c r="D927" s="225">
        <v>-90077967.429999992</v>
      </c>
    </row>
    <row r="928" spans="1:4">
      <c r="A928" s="218" t="s">
        <v>2749</v>
      </c>
      <c r="B928" s="225">
        <v>-404520.42000000004</v>
      </c>
      <c r="C928" s="225">
        <v>-36774.58</v>
      </c>
      <c r="D928" s="225">
        <v>-441295</v>
      </c>
    </row>
    <row r="929" spans="1:4">
      <c r="A929" s="218" t="s">
        <v>2750</v>
      </c>
      <c r="B929" s="225">
        <v>-404520.42000000004</v>
      </c>
      <c r="C929" s="225">
        <v>-36774.58</v>
      </c>
      <c r="D929" s="225">
        <v>-441295.00000000006</v>
      </c>
    </row>
    <row r="930" spans="1:4">
      <c r="A930" s="218" t="s">
        <v>2751</v>
      </c>
      <c r="B930" s="225">
        <v>222300503.59999999</v>
      </c>
      <c r="C930" s="225">
        <v>31345355.469999999</v>
      </c>
      <c r="D930" s="225">
        <v>253645859.06999999</v>
      </c>
    </row>
    <row r="931" spans="1:4">
      <c r="A931" s="218" t="s">
        <v>2752</v>
      </c>
      <c r="B931" s="225">
        <v>5173001501.9300003</v>
      </c>
      <c r="C931" s="225">
        <v>361394828.78999996</v>
      </c>
      <c r="D931" s="225">
        <v>5534396330.7199993</v>
      </c>
    </row>
    <row r="932" spans="1:4">
      <c r="A932" s="218" t="s">
        <v>2753</v>
      </c>
      <c r="B932" s="225">
        <v>1218122034.1500001</v>
      </c>
      <c r="C932" s="225">
        <v>147630938.40000001</v>
      </c>
      <c r="D932" s="225">
        <v>1365752972.55</v>
      </c>
    </row>
    <row r="933" spans="1:4">
      <c r="A933" s="218" t="s">
        <v>2754</v>
      </c>
      <c r="B933" s="225">
        <v>19391.559999999998</v>
      </c>
      <c r="C933" s="225">
        <v>0</v>
      </c>
      <c r="D933" s="225">
        <v>19391.559999999998</v>
      </c>
    </row>
    <row r="934" spans="1:4">
      <c r="A934" s="218" t="s">
        <v>2945</v>
      </c>
      <c r="B934" s="225">
        <v>19391.560000000001</v>
      </c>
      <c r="C934" s="225">
        <v>0</v>
      </c>
      <c r="D934" s="225">
        <v>19391.560000000001</v>
      </c>
    </row>
    <row r="935" spans="1:4">
      <c r="A935" s="218" t="s">
        <v>2756</v>
      </c>
      <c r="B935" s="225">
        <v>-132386.74</v>
      </c>
      <c r="C935" s="225">
        <v>-16695.259999999998</v>
      </c>
      <c r="D935" s="225">
        <v>-149082</v>
      </c>
    </row>
    <row r="936" spans="1:4">
      <c r="A936" s="218" t="s">
        <v>2757</v>
      </c>
      <c r="B936" s="225">
        <v>-132386.74000000002</v>
      </c>
      <c r="C936" s="225">
        <v>-16695.259999999998</v>
      </c>
      <c r="D936" s="225">
        <v>-149082</v>
      </c>
    </row>
    <row r="937" spans="1:4">
      <c r="A937" s="218" t="s">
        <v>2758</v>
      </c>
      <c r="B937" s="225">
        <v>814673.17</v>
      </c>
      <c r="C937" s="225">
        <v>254036.76</v>
      </c>
      <c r="D937" s="225">
        <v>1068709.93</v>
      </c>
    </row>
    <row r="938" spans="1:4">
      <c r="A938" s="218" t="s">
        <v>2759</v>
      </c>
      <c r="B938" s="225">
        <v>141025.49</v>
      </c>
      <c r="C938" s="225">
        <v>209715.82</v>
      </c>
      <c r="D938" s="225">
        <v>350741.31</v>
      </c>
    </row>
    <row r="939" spans="1:4">
      <c r="A939" s="218" t="s">
        <v>2760</v>
      </c>
      <c r="B939" s="225">
        <v>2006514</v>
      </c>
      <c r="C939" s="225">
        <v>1678512.8800000001</v>
      </c>
      <c r="D939" s="225">
        <v>3685026.88</v>
      </c>
    </row>
    <row r="940" spans="1:4">
      <c r="A940" s="218" t="s">
        <v>2761</v>
      </c>
      <c r="B940" s="225">
        <v>184609.37000000002</v>
      </c>
      <c r="C940" s="225">
        <v>16782.669999999998</v>
      </c>
      <c r="D940" s="225">
        <v>201392.03999999998</v>
      </c>
    </row>
    <row r="941" spans="1:4">
      <c r="A941" s="218" t="s">
        <v>2762</v>
      </c>
      <c r="B941" s="225">
        <v>3146822.0300000003</v>
      </c>
      <c r="C941" s="225">
        <v>2159048.13</v>
      </c>
      <c r="D941" s="225">
        <v>5305870.16</v>
      </c>
    </row>
    <row r="942" spans="1:4">
      <c r="A942" s="218" t="s">
        <v>2763</v>
      </c>
      <c r="B942" s="225">
        <v>13403562.719999999</v>
      </c>
      <c r="C942" s="225">
        <v>1669847.8299999998</v>
      </c>
      <c r="D942" s="225">
        <v>15073410.549999999</v>
      </c>
    </row>
    <row r="943" spans="1:4">
      <c r="A943" s="218" t="s">
        <v>2764</v>
      </c>
      <c r="B943" s="225">
        <v>13403562.719999999</v>
      </c>
      <c r="C943" s="225">
        <v>1669847.8299999998</v>
      </c>
      <c r="D943" s="225">
        <v>15073410.549999999</v>
      </c>
    </row>
    <row r="944" spans="1:4">
      <c r="A944" s="218" t="s">
        <v>2765</v>
      </c>
      <c r="B944" s="225">
        <v>521678.99999999994</v>
      </c>
      <c r="C944" s="225">
        <v>46574.47</v>
      </c>
      <c r="D944" s="225">
        <v>568253.47</v>
      </c>
    </row>
    <row r="945" spans="1:4">
      <c r="A945" s="218" t="s">
        <v>2766</v>
      </c>
      <c r="B945" s="225">
        <v>-521679.00000000006</v>
      </c>
      <c r="C945" s="225">
        <v>-46574.470000000008</v>
      </c>
      <c r="D945" s="225">
        <v>-568253.47</v>
      </c>
    </row>
    <row r="946" spans="1:4">
      <c r="A946" s="218" t="s">
        <v>2767</v>
      </c>
      <c r="B946" s="225">
        <v>-584993.1</v>
      </c>
      <c r="C946" s="225">
        <v>0</v>
      </c>
      <c r="D946" s="225">
        <v>-584993.1</v>
      </c>
    </row>
    <row r="947" spans="1:4">
      <c r="A947" s="218" t="s">
        <v>2768</v>
      </c>
      <c r="B947" s="225">
        <v>34899.56</v>
      </c>
      <c r="C947" s="225">
        <v>0</v>
      </c>
      <c r="D947" s="225">
        <v>34899.56</v>
      </c>
    </row>
    <row r="948" spans="1:4">
      <c r="A948" s="218" t="s">
        <v>2769</v>
      </c>
      <c r="B948" s="225">
        <v>-99134.3</v>
      </c>
      <c r="C948" s="225">
        <v>99134.3</v>
      </c>
      <c r="D948" s="225">
        <v>0</v>
      </c>
    </row>
    <row r="949" spans="1:4">
      <c r="A949" s="218" t="s">
        <v>2946</v>
      </c>
      <c r="B949" s="225">
        <v>22743.22</v>
      </c>
      <c r="C949" s="225">
        <v>2046.9999999999998</v>
      </c>
      <c r="D949" s="225">
        <v>24790.22</v>
      </c>
    </row>
    <row r="950" spans="1:4">
      <c r="A950" s="218" t="s">
        <v>2947</v>
      </c>
      <c r="B950" s="225">
        <v>22743.22</v>
      </c>
      <c r="C950" s="225">
        <v>2046.9999999999998</v>
      </c>
      <c r="D950" s="225">
        <v>24790.22</v>
      </c>
    </row>
    <row r="951" spans="1:4">
      <c r="A951" s="218" t="s">
        <v>2770</v>
      </c>
      <c r="B951" s="225">
        <v>1935298.66</v>
      </c>
      <c r="C951" s="225">
        <v>0</v>
      </c>
      <c r="D951" s="225">
        <v>1935298.66</v>
      </c>
    </row>
    <row r="952" spans="1:4">
      <c r="A952" s="218" t="s">
        <v>2771</v>
      </c>
      <c r="B952" s="225">
        <v>2385183.5700000003</v>
      </c>
      <c r="C952" s="225">
        <v>216834.87000000002</v>
      </c>
      <c r="D952" s="225">
        <v>2602018.44</v>
      </c>
    </row>
    <row r="953" spans="1:4">
      <c r="A953" s="218" t="s">
        <v>2772</v>
      </c>
      <c r="B953" s="225">
        <v>208696.62</v>
      </c>
      <c r="C953" s="225">
        <v>1221227.5899999999</v>
      </c>
      <c r="D953" s="225">
        <v>1429924.21</v>
      </c>
    </row>
    <row r="954" spans="1:4">
      <c r="A954" s="218" t="s">
        <v>2773</v>
      </c>
      <c r="B954" s="225">
        <v>4166983.0700000003</v>
      </c>
      <c r="C954" s="225">
        <v>23481.15</v>
      </c>
      <c r="D954" s="225">
        <v>4190464.22</v>
      </c>
    </row>
    <row r="955" spans="1:4">
      <c r="A955" s="218" t="s">
        <v>2774</v>
      </c>
      <c r="B955" s="225">
        <v>8046934.0800000001</v>
      </c>
      <c r="C955" s="225">
        <v>1560677.9100000001</v>
      </c>
      <c r="D955" s="225">
        <v>9607611.9900000002</v>
      </c>
    </row>
    <row r="956" spans="1:4">
      <c r="A956" s="218" t="s">
        <v>2775</v>
      </c>
      <c r="B956" s="225">
        <v>1568006.77</v>
      </c>
      <c r="C956" s="225">
        <v>216941.22999999998</v>
      </c>
      <c r="D956" s="225">
        <v>1784948</v>
      </c>
    </row>
    <row r="957" spans="1:4">
      <c r="A957" s="218" t="s">
        <v>2776</v>
      </c>
      <c r="B957" s="225">
        <v>1568006.77</v>
      </c>
      <c r="C957" s="225">
        <v>216941.22999999998</v>
      </c>
      <c r="D957" s="225">
        <v>1784948</v>
      </c>
    </row>
    <row r="958" spans="1:4">
      <c r="A958" s="218" t="s">
        <v>2777</v>
      </c>
      <c r="B958" s="225">
        <v>263377.24</v>
      </c>
      <c r="C958" s="225">
        <v>70189.34</v>
      </c>
      <c r="D958" s="225">
        <v>333566.58</v>
      </c>
    </row>
    <row r="959" spans="1:4">
      <c r="A959" s="218" t="s">
        <v>2778</v>
      </c>
      <c r="B959" s="225">
        <v>119383.99</v>
      </c>
      <c r="C959" s="225">
        <v>21525.59</v>
      </c>
      <c r="D959" s="225">
        <v>140909.58000000002</v>
      </c>
    </row>
    <row r="960" spans="1:4">
      <c r="A960" s="218" t="s">
        <v>2948</v>
      </c>
      <c r="B960" s="225">
        <v>2500</v>
      </c>
      <c r="C960" s="225">
        <v>0</v>
      </c>
      <c r="D960" s="225">
        <v>2500</v>
      </c>
    </row>
    <row r="961" spans="1:4">
      <c r="A961" s="218" t="s">
        <v>2779</v>
      </c>
      <c r="B961" s="225">
        <v>-58191056.119999997</v>
      </c>
      <c r="C961" s="225">
        <v>-5101953.1000000006</v>
      </c>
      <c r="D961" s="225">
        <v>-63293009.219999999</v>
      </c>
    </row>
    <row r="962" spans="1:4">
      <c r="A962" s="218" t="s">
        <v>2780</v>
      </c>
      <c r="B962" s="225">
        <v>58576317.350000001</v>
      </c>
      <c r="C962" s="225">
        <v>5193668.03</v>
      </c>
      <c r="D962" s="225">
        <v>63769985.380000003</v>
      </c>
    </row>
    <row r="963" spans="1:4">
      <c r="A963" s="218" t="s">
        <v>2781</v>
      </c>
      <c r="B963" s="225">
        <v>385.73</v>
      </c>
      <c r="C963" s="225">
        <v>0</v>
      </c>
      <c r="D963" s="225">
        <v>385.73</v>
      </c>
    </row>
    <row r="964" spans="1:4">
      <c r="A964" s="218" t="s">
        <v>2782</v>
      </c>
      <c r="B964" s="225">
        <v>26601298.66</v>
      </c>
      <c r="C964" s="225">
        <v>1051603.95</v>
      </c>
      <c r="D964" s="225">
        <v>27652902.609999999</v>
      </c>
    </row>
    <row r="965" spans="1:4">
      <c r="A965" s="218" t="s">
        <v>2949</v>
      </c>
      <c r="B965" s="225">
        <v>26601684.390000001</v>
      </c>
      <c r="C965" s="225">
        <v>1051603.95</v>
      </c>
      <c r="D965" s="225">
        <v>27653288.34</v>
      </c>
    </row>
    <row r="966" spans="1:4">
      <c r="A966" s="218" t="s">
        <v>2784</v>
      </c>
      <c r="B966" s="225">
        <v>-31974632.959999997</v>
      </c>
      <c r="C966" s="225">
        <v>-4142064.08</v>
      </c>
      <c r="D966" s="225">
        <v>-36116697.039999999</v>
      </c>
    </row>
    <row r="967" spans="1:4">
      <c r="A967" s="218" t="s">
        <v>2785</v>
      </c>
      <c r="B967" s="225">
        <v>41067894.809999995</v>
      </c>
      <c r="C967" s="225">
        <v>5873108.75</v>
      </c>
      <c r="D967" s="225">
        <v>46941003.559999995</v>
      </c>
    </row>
    <row r="968" spans="1:4">
      <c r="A968" s="218" t="s">
        <v>2950</v>
      </c>
      <c r="B968" s="225"/>
      <c r="C968" s="225">
        <v>154.73000000000002</v>
      </c>
      <c r="D968" s="225">
        <v>154.73000000000002</v>
      </c>
    </row>
    <row r="969" spans="1:4">
      <c r="A969" s="218" t="s">
        <v>2786</v>
      </c>
      <c r="B969" s="225">
        <v>-9461960.870000001</v>
      </c>
      <c r="C969" s="225">
        <v>558120.27</v>
      </c>
      <c r="D969" s="225">
        <v>-8903840.5999999996</v>
      </c>
    </row>
    <row r="970" spans="1:4">
      <c r="A970" s="218" t="s">
        <v>2787</v>
      </c>
      <c r="B970" s="225">
        <v>-9461960.870000001</v>
      </c>
      <c r="C970" s="225">
        <v>558275</v>
      </c>
      <c r="D970" s="225">
        <v>-8903685.8699999992</v>
      </c>
    </row>
    <row r="971" spans="1:4">
      <c r="A971" s="218" t="s">
        <v>2788</v>
      </c>
      <c r="B971" s="225">
        <v>48004540.390000001</v>
      </c>
      <c r="C971" s="225">
        <v>10243584.450000001</v>
      </c>
      <c r="D971" s="225">
        <v>58248124.840000004</v>
      </c>
    </row>
    <row r="972" spans="1:4">
      <c r="A972" s="218" t="s">
        <v>2789</v>
      </c>
      <c r="B972" s="225">
        <v>-282275.69</v>
      </c>
      <c r="C972" s="225">
        <v>-54411.66</v>
      </c>
      <c r="D972" s="225">
        <v>-336687.35</v>
      </c>
    </row>
    <row r="973" spans="1:4">
      <c r="A973" s="218" t="s">
        <v>2790</v>
      </c>
      <c r="B973" s="225">
        <v>282275.69000000006</v>
      </c>
      <c r="C973" s="225">
        <v>54411.66</v>
      </c>
      <c r="D973" s="225">
        <v>336687.35000000003</v>
      </c>
    </row>
    <row r="974" spans="1:4">
      <c r="A974" s="218" t="s">
        <v>2791</v>
      </c>
      <c r="B974" s="225">
        <v>9152.2200000000012</v>
      </c>
      <c r="C974" s="225">
        <v>832.02</v>
      </c>
      <c r="D974" s="225">
        <v>9984.24</v>
      </c>
    </row>
    <row r="975" spans="1:4">
      <c r="A975" s="218" t="s">
        <v>2792</v>
      </c>
      <c r="B975" s="225">
        <v>713815.08</v>
      </c>
      <c r="C975" s="225">
        <v>64892.279999999992</v>
      </c>
      <c r="D975" s="225">
        <v>778707.36</v>
      </c>
    </row>
    <row r="976" spans="1:4">
      <c r="A976" s="218" t="s">
        <v>2793</v>
      </c>
      <c r="B976" s="225">
        <v>722967.3</v>
      </c>
      <c r="C976" s="225">
        <v>65724.3</v>
      </c>
      <c r="D976" s="225">
        <v>788691.60000000009</v>
      </c>
    </row>
    <row r="977" spans="1:4">
      <c r="A977" s="218" t="s">
        <v>2794</v>
      </c>
      <c r="B977" s="225">
        <v>3979048.3499999996</v>
      </c>
      <c r="C977" s="225">
        <v>1050903.6200000001</v>
      </c>
      <c r="D977" s="225">
        <v>5029951.9700000007</v>
      </c>
    </row>
    <row r="978" spans="1:4">
      <c r="A978" s="218" t="s">
        <v>2796</v>
      </c>
      <c r="B978" s="225">
        <v>3979048.3499999996</v>
      </c>
      <c r="C978" s="225">
        <v>1050903.6200000001</v>
      </c>
      <c r="D978" s="225">
        <v>5029951.9700000007</v>
      </c>
    </row>
    <row r="979" spans="1:4">
      <c r="A979" s="218" t="s">
        <v>2797</v>
      </c>
      <c r="B979" s="225">
        <v>2855755.08</v>
      </c>
      <c r="C979" s="225">
        <v>-2042557.25</v>
      </c>
      <c r="D979" s="225">
        <v>813197.83</v>
      </c>
    </row>
    <row r="980" spans="1:4">
      <c r="A980" s="218" t="s">
        <v>2798</v>
      </c>
      <c r="B980" s="225">
        <v>2855755.08</v>
      </c>
      <c r="C980" s="225">
        <v>-2042557.25</v>
      </c>
      <c r="D980" s="225">
        <v>813197.83</v>
      </c>
    </row>
    <row r="981" spans="1:4">
      <c r="A981" s="218" t="s">
        <v>2799</v>
      </c>
      <c r="B981" s="225">
        <v>87004.41</v>
      </c>
      <c r="C981" s="225">
        <v>0</v>
      </c>
      <c r="D981" s="225">
        <v>87004.41</v>
      </c>
    </row>
    <row r="982" spans="1:4">
      <c r="A982" s="218" t="s">
        <v>2800</v>
      </c>
      <c r="B982" s="225">
        <v>87004.410000000018</v>
      </c>
      <c r="C982" s="225">
        <v>0</v>
      </c>
      <c r="D982" s="225">
        <v>87004.410000000018</v>
      </c>
    </row>
    <row r="983" spans="1:4">
      <c r="A983" s="218" t="s">
        <v>2801</v>
      </c>
      <c r="B983" s="225">
        <v>3671503.8099999996</v>
      </c>
      <c r="C983" s="225">
        <v>434740.55</v>
      </c>
      <c r="D983" s="225">
        <v>4106244.3600000003</v>
      </c>
    </row>
    <row r="984" spans="1:4">
      <c r="A984" s="218" t="s">
        <v>2802</v>
      </c>
      <c r="B984" s="225">
        <v>3671503.8099999996</v>
      </c>
      <c r="C984" s="225">
        <v>434740.55</v>
      </c>
      <c r="D984" s="225">
        <v>4106244.3600000003</v>
      </c>
    </row>
    <row r="985" spans="1:4">
      <c r="A985" s="218" t="s">
        <v>2803</v>
      </c>
      <c r="B985" s="225">
        <v>4041046.56</v>
      </c>
      <c r="C985" s="225">
        <v>-192962.12</v>
      </c>
      <c r="D985" s="225">
        <v>3848084.44</v>
      </c>
    </row>
    <row r="986" spans="1:4">
      <c r="A986" s="218" t="s">
        <v>2804</v>
      </c>
      <c r="B986" s="225">
        <v>4041046.56</v>
      </c>
      <c r="C986" s="225">
        <v>-192962.12</v>
      </c>
      <c r="D986" s="225">
        <v>3848084.44</v>
      </c>
    </row>
    <row r="987" spans="1:4">
      <c r="A987" s="218" t="s">
        <v>2809</v>
      </c>
      <c r="B987" s="225">
        <v>0</v>
      </c>
      <c r="C987" s="225">
        <v>0</v>
      </c>
      <c r="D987" s="225">
        <v>0</v>
      </c>
    </row>
    <row r="988" spans="1:4">
      <c r="A988" s="218" t="s">
        <v>2810</v>
      </c>
      <c r="B988" s="225">
        <v>0</v>
      </c>
      <c r="C988" s="225">
        <v>0</v>
      </c>
      <c r="D988" s="225">
        <v>0</v>
      </c>
    </row>
    <row r="989" spans="1:4">
      <c r="A989" s="218" t="s">
        <v>2812</v>
      </c>
      <c r="B989" s="225">
        <v>-1348001.9</v>
      </c>
      <c r="C989" s="225">
        <v>2647.48</v>
      </c>
      <c r="D989" s="225">
        <v>-1345354.42</v>
      </c>
    </row>
    <row r="990" spans="1:4">
      <c r="A990" s="218" t="s">
        <v>2813</v>
      </c>
      <c r="B990" s="225">
        <v>2693044.6599999997</v>
      </c>
      <c r="C990" s="225">
        <v>-190314.64</v>
      </c>
      <c r="D990" s="225">
        <v>2502730.02</v>
      </c>
    </row>
    <row r="991" spans="1:4">
      <c r="A991" s="218" t="s">
        <v>2814</v>
      </c>
      <c r="B991" s="225">
        <v>14009323.609999999</v>
      </c>
      <c r="C991" s="225">
        <v>-681503.41999999993</v>
      </c>
      <c r="D991" s="225">
        <v>13327820.189999999</v>
      </c>
    </row>
    <row r="992" spans="1:4">
      <c r="A992" s="218" t="s">
        <v>2815</v>
      </c>
      <c r="B992" s="225">
        <v>14291599.300000001</v>
      </c>
      <c r="C992" s="225">
        <v>-627091.76</v>
      </c>
      <c r="D992" s="225">
        <v>13664507.540000001</v>
      </c>
    </row>
    <row r="993" spans="1:4">
      <c r="A993" s="218" t="s">
        <v>2816</v>
      </c>
      <c r="B993" s="225">
        <v>254627.99999999997</v>
      </c>
      <c r="C993" s="225">
        <v>23148</v>
      </c>
      <c r="D993" s="225">
        <v>277776</v>
      </c>
    </row>
    <row r="994" spans="1:4">
      <c r="A994" s="218" t="s">
        <v>2951</v>
      </c>
      <c r="B994" s="225">
        <v>254628</v>
      </c>
      <c r="C994" s="225">
        <v>23148</v>
      </c>
      <c r="D994" s="225">
        <v>277776.00000000006</v>
      </c>
    </row>
    <row r="995" spans="1:4">
      <c r="A995" s="218" t="s">
        <v>2818</v>
      </c>
      <c r="B995" s="225">
        <v>3821106.94</v>
      </c>
      <c r="C995" s="225">
        <v>1633179.95</v>
      </c>
      <c r="D995" s="225">
        <v>5454286.8900000006</v>
      </c>
    </row>
    <row r="996" spans="1:4">
      <c r="A996" s="218" t="s">
        <v>2819</v>
      </c>
      <c r="B996" s="225">
        <v>-782973.35000000009</v>
      </c>
      <c r="C996" s="225">
        <v>0</v>
      </c>
      <c r="D996" s="225">
        <v>-782973.35000000009</v>
      </c>
    </row>
    <row r="997" spans="1:4">
      <c r="A997" s="218" t="s">
        <v>2820</v>
      </c>
      <c r="B997" s="225">
        <v>3038133.5900000003</v>
      </c>
      <c r="C997" s="225">
        <v>1633179.95</v>
      </c>
      <c r="D997" s="225">
        <v>4671313.54</v>
      </c>
    </row>
    <row r="998" spans="1:4">
      <c r="A998" s="218" t="s">
        <v>2821</v>
      </c>
      <c r="B998" s="225">
        <v>-205064.47999999998</v>
      </c>
      <c r="C998" s="225">
        <v>0</v>
      </c>
      <c r="D998" s="225">
        <v>-205064.47999999998</v>
      </c>
    </row>
    <row r="999" spans="1:4">
      <c r="A999" s="218" t="s">
        <v>2823</v>
      </c>
      <c r="B999" s="225">
        <v>-205064.48</v>
      </c>
      <c r="C999" s="225">
        <v>0</v>
      </c>
      <c r="D999" s="225">
        <v>-205064.48</v>
      </c>
    </row>
    <row r="1000" spans="1:4">
      <c r="A1000" s="218" t="s">
        <v>2824</v>
      </c>
      <c r="B1000" s="225">
        <v>1047076.94</v>
      </c>
      <c r="C1000" s="225">
        <v>450498.61</v>
      </c>
      <c r="D1000" s="225">
        <v>1497575.55</v>
      </c>
    </row>
    <row r="1001" spans="1:4">
      <c r="A1001" s="218" t="s">
        <v>2825</v>
      </c>
      <c r="B1001" s="225">
        <v>1047076.94</v>
      </c>
      <c r="C1001" s="225">
        <v>450498.61</v>
      </c>
      <c r="D1001" s="225">
        <v>1497575.55</v>
      </c>
    </row>
    <row r="1002" spans="1:4">
      <c r="A1002" s="218" t="s">
        <v>2952</v>
      </c>
      <c r="B1002" s="225">
        <v>-22.93</v>
      </c>
      <c r="C1002" s="225">
        <v>0</v>
      </c>
      <c r="D1002" s="225">
        <v>-22.93</v>
      </c>
    </row>
    <row r="1003" spans="1:4">
      <c r="A1003" s="218" t="s">
        <v>2953</v>
      </c>
      <c r="B1003" s="225">
        <v>-22.929999999999996</v>
      </c>
      <c r="C1003" s="225">
        <v>0</v>
      </c>
      <c r="D1003" s="225">
        <v>-22.929999999999996</v>
      </c>
    </row>
    <row r="1004" spans="1:4">
      <c r="A1004" s="218" t="s">
        <v>2826</v>
      </c>
      <c r="B1004" s="225">
        <v>841989.53</v>
      </c>
      <c r="C1004" s="225">
        <v>450498.61</v>
      </c>
      <c r="D1004" s="225">
        <v>1292488.1400000001</v>
      </c>
    </row>
    <row r="1005" spans="1:4">
      <c r="A1005" s="218" t="s">
        <v>2827</v>
      </c>
      <c r="B1005" s="225">
        <v>3880123.12</v>
      </c>
      <c r="C1005" s="225">
        <v>2083678.5599999998</v>
      </c>
      <c r="D1005" s="225">
        <v>5963801.6800000006</v>
      </c>
    </row>
    <row r="1006" spans="1:4">
      <c r="A1006" s="218" t="s">
        <v>2828</v>
      </c>
      <c r="B1006" s="225">
        <v>1266551.8999999999</v>
      </c>
      <c r="C1006" s="225">
        <v>158779.94999999998</v>
      </c>
      <c r="D1006" s="225">
        <v>1425331.8499999999</v>
      </c>
    </row>
    <row r="1007" spans="1:4">
      <c r="A1007" s="218" t="s">
        <v>2829</v>
      </c>
      <c r="B1007" s="225">
        <v>128453.70999999999</v>
      </c>
      <c r="C1007" s="225">
        <v>0</v>
      </c>
      <c r="D1007" s="225">
        <v>128453.70999999999</v>
      </c>
    </row>
    <row r="1008" spans="1:4">
      <c r="A1008" s="218" t="s">
        <v>2830</v>
      </c>
      <c r="B1008" s="225">
        <v>351022.19</v>
      </c>
      <c r="C1008" s="225">
        <v>44005.54</v>
      </c>
      <c r="D1008" s="225">
        <v>395027.73</v>
      </c>
    </row>
    <row r="1009" spans="1:4">
      <c r="A1009" s="218" t="s">
        <v>2831</v>
      </c>
      <c r="B1009" s="225">
        <v>35600.68</v>
      </c>
      <c r="C1009" s="225">
        <v>0</v>
      </c>
      <c r="D1009" s="225">
        <v>35600.68</v>
      </c>
    </row>
    <row r="1010" spans="1:4">
      <c r="A1010" s="218" t="s">
        <v>2832</v>
      </c>
      <c r="B1010" s="225">
        <v>1781628.48</v>
      </c>
      <c r="C1010" s="225">
        <v>202785.49</v>
      </c>
      <c r="D1010" s="225">
        <v>1984413.9699999997</v>
      </c>
    </row>
    <row r="1011" spans="1:4">
      <c r="A1011" s="218" t="s">
        <v>2833</v>
      </c>
      <c r="B1011" s="225">
        <v>-290974.12</v>
      </c>
      <c r="C1011" s="225">
        <v>-40465.86</v>
      </c>
      <c r="D1011" s="225">
        <v>-331439.98</v>
      </c>
    </row>
    <row r="1012" spans="1:4">
      <c r="A1012" s="218" t="s">
        <v>2834</v>
      </c>
      <c r="B1012" s="225">
        <v>-235166.62</v>
      </c>
      <c r="C1012" s="225">
        <v>0</v>
      </c>
      <c r="D1012" s="225">
        <v>-235166.62</v>
      </c>
    </row>
    <row r="1013" spans="1:4">
      <c r="A1013" s="218" t="s">
        <v>2835</v>
      </c>
      <c r="B1013" s="225">
        <v>-80642.86</v>
      </c>
      <c r="C1013" s="225">
        <v>-11215.039999999999</v>
      </c>
      <c r="D1013" s="225">
        <v>-91857.9</v>
      </c>
    </row>
    <row r="1014" spans="1:4">
      <c r="A1014" s="218" t="s">
        <v>2836</v>
      </c>
      <c r="B1014" s="225">
        <v>-65175.939999999995</v>
      </c>
      <c r="C1014" s="225">
        <v>0</v>
      </c>
      <c r="D1014" s="225">
        <v>-65175.939999999995</v>
      </c>
    </row>
    <row r="1015" spans="1:4">
      <c r="A1015" s="218" t="s">
        <v>2837</v>
      </c>
      <c r="B1015" s="225">
        <v>-671959.54000000015</v>
      </c>
      <c r="C1015" s="225">
        <v>-51680.900000000009</v>
      </c>
      <c r="D1015" s="225">
        <v>-723640.44000000006</v>
      </c>
    </row>
    <row r="1016" spans="1:4">
      <c r="A1016" s="218" t="s">
        <v>2838</v>
      </c>
      <c r="B1016" s="225">
        <v>1109668.94</v>
      </c>
      <c r="C1016" s="225">
        <v>151104.59</v>
      </c>
      <c r="D1016" s="225">
        <v>1260773.53</v>
      </c>
    </row>
    <row r="1017" spans="1:4">
      <c r="A1017" s="218" t="s">
        <v>2839</v>
      </c>
      <c r="B1017" s="225">
        <v>5244420.0599999996</v>
      </c>
      <c r="C1017" s="225">
        <v>2257931.15</v>
      </c>
      <c r="D1017" s="225">
        <v>7502351.21</v>
      </c>
    </row>
    <row r="1018" spans="1:4">
      <c r="A1018" s="218" t="s">
        <v>2840</v>
      </c>
      <c r="B1018" s="225">
        <v>28468521.029999997</v>
      </c>
      <c r="C1018" s="225">
        <v>8612745.0600000005</v>
      </c>
      <c r="D1018" s="225">
        <v>37081266.090000004</v>
      </c>
    </row>
    <row r="1019" spans="1:4">
      <c r="A1019" s="218" t="s">
        <v>2841</v>
      </c>
      <c r="B1019" s="225">
        <v>1246590555.1800001</v>
      </c>
      <c r="C1019" s="225">
        <v>156243683.46000001</v>
      </c>
      <c r="D1019" s="225">
        <v>1402834238.6399999</v>
      </c>
    </row>
    <row r="1020" spans="1:4">
      <c r="A1020" s="218" t="s">
        <v>2842</v>
      </c>
      <c r="B1020" s="225">
        <v>560781.28</v>
      </c>
      <c r="C1020" s="225">
        <v>51795.96</v>
      </c>
      <c r="D1020" s="225">
        <v>612577.24</v>
      </c>
    </row>
    <row r="1021" spans="1:4">
      <c r="A1021" s="218" t="s">
        <v>2843</v>
      </c>
      <c r="B1021" s="225">
        <v>905791</v>
      </c>
      <c r="C1021" s="225">
        <v>101805.22</v>
      </c>
      <c r="D1021" s="225">
        <v>1007596.22</v>
      </c>
    </row>
    <row r="1022" spans="1:4">
      <c r="A1022" s="218" t="s">
        <v>2844</v>
      </c>
      <c r="B1022" s="225">
        <v>4705681.1700000009</v>
      </c>
      <c r="C1022" s="225">
        <v>514566.57</v>
      </c>
      <c r="D1022" s="225">
        <v>5220247.7399999993</v>
      </c>
    </row>
    <row r="1023" spans="1:4">
      <c r="A1023" s="218" t="s">
        <v>2845</v>
      </c>
      <c r="B1023" s="225">
        <v>6172253.4500000002</v>
      </c>
      <c r="C1023" s="225">
        <v>668167.75</v>
      </c>
      <c r="D1023" s="225">
        <v>6840421.2000000002</v>
      </c>
    </row>
    <row r="1024" spans="1:4">
      <c r="A1024" s="218" t="s">
        <v>2846</v>
      </c>
      <c r="B1024" s="225">
        <v>704748.16999999993</v>
      </c>
      <c r="C1024" s="225">
        <v>69566.78</v>
      </c>
      <c r="D1024" s="225">
        <v>774314.95</v>
      </c>
    </row>
    <row r="1025" spans="1:4">
      <c r="A1025" s="218" t="s">
        <v>2847</v>
      </c>
      <c r="B1025" s="225">
        <v>704748.17</v>
      </c>
      <c r="C1025" s="225">
        <v>69566.780000000013</v>
      </c>
      <c r="D1025" s="225">
        <v>774314.95000000007</v>
      </c>
    </row>
    <row r="1026" spans="1:4">
      <c r="A1026" s="218" t="s">
        <v>2848</v>
      </c>
      <c r="B1026" s="225">
        <v>6877001.6199999992</v>
      </c>
      <c r="C1026" s="225">
        <v>737734.53</v>
      </c>
      <c r="D1026" s="225">
        <v>7614736.1499999994</v>
      </c>
    </row>
    <row r="1027" spans="1:4">
      <c r="A1027" s="218" t="s">
        <v>2849</v>
      </c>
      <c r="B1027" s="225">
        <v>26398906.890000001</v>
      </c>
      <c r="C1027" s="225">
        <v>93792.37999999999</v>
      </c>
      <c r="D1027" s="225">
        <v>26492699.27</v>
      </c>
    </row>
    <row r="1028" spans="1:4">
      <c r="A1028" s="218" t="s">
        <v>2850</v>
      </c>
      <c r="B1028" s="225">
        <v>26398906.890000001</v>
      </c>
      <c r="C1028" s="225">
        <v>93792.37999999999</v>
      </c>
      <c r="D1028" s="225">
        <v>26492699.27</v>
      </c>
    </row>
    <row r="1029" spans="1:4">
      <c r="A1029" s="218" t="s">
        <v>2851</v>
      </c>
      <c r="B1029" s="225">
        <v>8.77</v>
      </c>
      <c r="C1029" s="225">
        <v>0</v>
      </c>
      <c r="D1029" s="225">
        <v>8.77</v>
      </c>
    </row>
    <row r="1030" spans="1:4">
      <c r="A1030" s="218" t="s">
        <v>2954</v>
      </c>
      <c r="B1030" s="225">
        <v>337494.34</v>
      </c>
      <c r="C1030" s="225">
        <v>50088.310000000005</v>
      </c>
      <c r="D1030" s="225">
        <v>387582.64999999997</v>
      </c>
    </row>
    <row r="1031" spans="1:4">
      <c r="A1031" s="218" t="s">
        <v>2852</v>
      </c>
      <c r="B1031" s="225">
        <v>4814487.88</v>
      </c>
      <c r="C1031" s="225">
        <v>492614.44</v>
      </c>
      <c r="D1031" s="225">
        <v>5307102.3199999994</v>
      </c>
    </row>
    <row r="1032" spans="1:4">
      <c r="A1032" s="218" t="s">
        <v>2853</v>
      </c>
      <c r="B1032" s="225">
        <v>-48556143.93</v>
      </c>
      <c r="C1032" s="225">
        <v>-2389090.94</v>
      </c>
      <c r="D1032" s="225">
        <v>-50945234.869999997</v>
      </c>
    </row>
    <row r="1033" spans="1:4">
      <c r="A1033" s="218" t="s">
        <v>2854</v>
      </c>
      <c r="B1033" s="225">
        <v>3362010.4099999997</v>
      </c>
      <c r="C1033" s="225">
        <v>-1320899.1100000001</v>
      </c>
      <c r="D1033" s="225">
        <v>2041111.3</v>
      </c>
    </row>
    <row r="1034" spans="1:4">
      <c r="A1034" s="218" t="s">
        <v>2855</v>
      </c>
      <c r="B1034" s="225">
        <v>-40042142.530000001</v>
      </c>
      <c r="C1034" s="225">
        <v>-3167287.3</v>
      </c>
      <c r="D1034" s="225">
        <v>-43209429.829999998</v>
      </c>
    </row>
    <row r="1035" spans="1:4">
      <c r="A1035" s="218" t="s">
        <v>2856</v>
      </c>
      <c r="B1035" s="225">
        <v>-13643235.640000001</v>
      </c>
      <c r="C1035" s="225">
        <v>-3073494.92</v>
      </c>
      <c r="D1035" s="225">
        <v>-16716730.560000001</v>
      </c>
    </row>
    <row r="1036" spans="1:4">
      <c r="A1036" s="218" t="s">
        <v>2857</v>
      </c>
      <c r="B1036" s="225">
        <v>-5096490.6100000003</v>
      </c>
      <c r="C1036" s="225">
        <v>-637570.94999999995</v>
      </c>
      <c r="D1036" s="225">
        <v>-5734061.5600000005</v>
      </c>
    </row>
    <row r="1037" spans="1:4">
      <c r="A1037" s="218" t="s">
        <v>2858</v>
      </c>
      <c r="B1037" s="225">
        <v>-5096490.6100000003</v>
      </c>
      <c r="C1037" s="225">
        <v>-637570.94999999995</v>
      </c>
      <c r="D1037" s="225">
        <v>-5734061.5600000005</v>
      </c>
    </row>
    <row r="1038" spans="1:4">
      <c r="A1038" s="218" t="s">
        <v>2859</v>
      </c>
      <c r="B1038" s="225">
        <v>16906791.390000001</v>
      </c>
      <c r="C1038" s="225">
        <v>1813173.65</v>
      </c>
      <c r="D1038" s="225">
        <v>18719965.039999999</v>
      </c>
    </row>
    <row r="1039" spans="1:4">
      <c r="A1039" s="218" t="s">
        <v>2860</v>
      </c>
      <c r="B1039" s="225">
        <v>348300166.53999996</v>
      </c>
      <c r="C1039" s="225">
        <v>34216582.890000001</v>
      </c>
      <c r="D1039" s="225">
        <v>382516749.43000001</v>
      </c>
    </row>
    <row r="1040" spans="1:4">
      <c r="A1040" s="218" t="s">
        <v>2861</v>
      </c>
      <c r="B1040" s="225">
        <v>365206957.93000001</v>
      </c>
      <c r="C1040" s="225">
        <v>36029756.539999999</v>
      </c>
      <c r="D1040" s="225">
        <v>401236714.47000003</v>
      </c>
    </row>
    <row r="1041" spans="1:4">
      <c r="A1041" s="218" t="s">
        <v>2862</v>
      </c>
      <c r="B1041" s="225">
        <v>365206957.93000001</v>
      </c>
      <c r="C1041" s="225">
        <v>36029756.539999999</v>
      </c>
      <c r="D1041" s="225">
        <v>401236714.47000003</v>
      </c>
    </row>
    <row r="1042" spans="1:4">
      <c r="A1042" s="218" t="s">
        <v>2863</v>
      </c>
      <c r="B1042" s="225">
        <v>353344233.30000001</v>
      </c>
      <c r="C1042" s="225">
        <v>33056425.199999999</v>
      </c>
      <c r="D1042" s="225">
        <v>386400658.5</v>
      </c>
    </row>
    <row r="1043" spans="1:4">
      <c r="A1043" s="218" t="s">
        <v>2864</v>
      </c>
      <c r="B1043" s="225">
        <v>893246321.88</v>
      </c>
      <c r="C1043" s="225">
        <v>123187258.25999999</v>
      </c>
      <c r="D1043" s="225">
        <v>1016433580.14</v>
      </c>
    </row>
    <row r="1044" spans="1:4">
      <c r="A1044" s="218" t="s">
        <v>2955</v>
      </c>
      <c r="B1044" s="225">
        <v>0</v>
      </c>
      <c r="C1044" s="225">
        <v>0</v>
      </c>
      <c r="D1044" s="225">
        <v>0</v>
      </c>
    </row>
    <row r="1045" spans="1:4">
      <c r="A1045" s="218" t="s">
        <v>2956</v>
      </c>
      <c r="B1045" s="225">
        <v>0</v>
      </c>
      <c r="C1045" s="225">
        <v>0</v>
      </c>
      <c r="D1045" s="225">
        <v>0</v>
      </c>
    </row>
    <row r="1046" spans="1:4">
      <c r="A1046" s="218" t="s">
        <v>2957</v>
      </c>
      <c r="B1046" s="225">
        <v>0</v>
      </c>
      <c r="C1046" s="225">
        <v>0</v>
      </c>
      <c r="D1046" s="225">
        <v>0</v>
      </c>
    </row>
    <row r="1047" spans="1:4">
      <c r="A1047" s="218" t="s">
        <v>2958</v>
      </c>
      <c r="B1047" s="225">
        <v>0</v>
      </c>
      <c r="C1047" s="225">
        <v>0</v>
      </c>
      <c r="D1047" s="225">
        <v>0</v>
      </c>
    </row>
    <row r="1048" spans="1:4">
      <c r="A1048" s="218" t="s">
        <v>2867</v>
      </c>
      <c r="B1048" s="225">
        <v>0</v>
      </c>
      <c r="C1048" s="225">
        <v>0</v>
      </c>
      <c r="D1048" s="225">
        <v>0</v>
      </c>
    </row>
    <row r="1049" spans="1:4">
      <c r="A1049" s="218" t="s">
        <v>2868</v>
      </c>
      <c r="B1049" s="225">
        <v>0</v>
      </c>
      <c r="C1049" s="225">
        <v>0</v>
      </c>
      <c r="D1049" s="225">
        <v>0</v>
      </c>
    </row>
    <row r="1050" spans="1:4">
      <c r="A1050" s="218" t="s">
        <v>2869</v>
      </c>
      <c r="B1050" s="225">
        <v>0</v>
      </c>
      <c r="C1050" s="225">
        <v>0</v>
      </c>
      <c r="D1050" s="225">
        <v>0</v>
      </c>
    </row>
    <row r="1051" spans="1:4">
      <c r="A1051" s="217" t="s">
        <v>2870</v>
      </c>
      <c r="B1051" s="227">
        <v>893246321.88</v>
      </c>
      <c r="C1051" s="227">
        <v>123187258.25999999</v>
      </c>
      <c r="D1051" s="227">
        <v>1016433580.14</v>
      </c>
    </row>
  </sheetData>
  <pageMargins left="0.7" right="0.7" top="0.75" bottom="0.75" header="0.3" footer="0.3"/>
  <pageSetup orientation="portrait" r:id="rId1"/>
  <headerFooter>
    <oddHeader xml:space="preserve">&amp;RDEF’s Response to OPC POD 1 (1-26)
Q7
Page &amp;P of &amp;N
</oddHeader>
    <oddFooter>&amp;R20240025-OPCPOD1-00004231</oddFooter>
  </headerFooter>
  <drawing r:id="rId2"/>
  <legacyDrawing r:id="rId3"/>
  <controls>
    <mc:AlternateContent xmlns:mc="http://schemas.openxmlformats.org/markup-compatibility/2006">
      <mc:Choice Requires="x14">
        <control shapeId="15362" r:id="rId4" name="Control 2">
          <controlPr defaultSize="0" autoPict="0" r:id="rId5">
            <anchor moveWithCells="1">
              <from>
                <xdr:col>0</xdr:col>
                <xdr:colOff>632460</xdr:colOff>
                <xdr:row>0</xdr:row>
                <xdr:rowOff>0</xdr:rowOff>
              </from>
              <to>
                <xdr:col>0</xdr:col>
                <xdr:colOff>1546860</xdr:colOff>
                <xdr:row>0</xdr:row>
                <xdr:rowOff>228600</xdr:rowOff>
              </to>
            </anchor>
          </controlPr>
        </control>
      </mc:Choice>
      <mc:Fallback>
        <control shapeId="15362" r:id="rId4" name="Control 2"/>
      </mc:Fallback>
    </mc:AlternateContent>
    <mc:AlternateContent xmlns:mc="http://schemas.openxmlformats.org/markup-compatibility/2006">
      <mc:Choice Requires="x14">
        <control shapeId="15361" r:id="rId6" name="Control 1">
          <controlPr defaultSize="0" autoPict="0" r:id="rId7">
            <anchor moveWithCells="1">
              <from>
                <xdr:col>0</xdr:col>
                <xdr:colOff>0</xdr:colOff>
                <xdr:row>0</xdr:row>
                <xdr:rowOff>0</xdr:rowOff>
              </from>
              <to>
                <xdr:col>0</xdr:col>
                <xdr:colOff>914400</xdr:colOff>
                <xdr:row>0</xdr:row>
                <xdr:rowOff>228600</xdr:rowOff>
              </to>
            </anchor>
          </controlPr>
        </control>
      </mc:Choice>
      <mc:Fallback>
        <control shapeId="15361" r:id="rId6" name="Control 1"/>
      </mc:Fallback>
    </mc:AlternateContent>
  </control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0ED18E-4010-4C69-9E8A-A5A3BC4EFCD9}">
  <sheetPr codeName="Sheet5">
    <tabColor theme="2"/>
  </sheetPr>
  <dimension ref="A1:F1021"/>
  <sheetViews>
    <sheetView showGridLines="0" tabSelected="1" workbookViewId="0">
      <pane xSplit="2" ySplit="12" topLeftCell="C983" activePane="bottomRight" state="frozen"/>
      <selection activeCell="I44" sqref="I44"/>
      <selection pane="topRight" activeCell="I44" sqref="I44"/>
      <selection pane="bottomLeft" activeCell="I44" sqref="I44"/>
      <selection pane="bottomRight" activeCell="I44" sqref="I44"/>
    </sheetView>
  </sheetViews>
  <sheetFormatPr defaultColWidth="8.77734375" defaultRowHeight="14.4"/>
  <cols>
    <col min="1" max="1" width="57.109375" style="139" customWidth="1"/>
    <col min="2" max="2" width="11.6640625" style="139" customWidth="1"/>
    <col min="3" max="4" width="14.33203125" style="139" hidden="1" customWidth="1"/>
    <col min="5" max="5" width="14.33203125" style="139" customWidth="1"/>
    <col min="6" max="6" width="15.6640625" style="61" customWidth="1"/>
    <col min="7" max="16384" width="8.77734375" style="61"/>
  </cols>
  <sheetData>
    <row r="1" spans="1:6" ht="23.4">
      <c r="C1" s="140" t="s">
        <v>1854</v>
      </c>
    </row>
    <row r="2" spans="1:6">
      <c r="F2" s="60"/>
    </row>
    <row r="3" spans="1:6">
      <c r="C3" s="141" t="s">
        <v>1855</v>
      </c>
      <c r="F3" s="60"/>
    </row>
    <row r="4" spans="1:6">
      <c r="C4" s="141" t="s">
        <v>1856</v>
      </c>
      <c r="F4" s="60"/>
    </row>
    <row r="5" spans="1:6" ht="15" thickBot="1">
      <c r="A5" s="142"/>
      <c r="B5" s="142"/>
      <c r="C5" s="143" t="s">
        <v>1857</v>
      </c>
      <c r="D5" s="142"/>
      <c r="E5" s="142"/>
      <c r="F5" s="60"/>
    </row>
    <row r="6" spans="1:6" ht="15" thickTop="1">
      <c r="F6" s="60"/>
    </row>
    <row r="7" spans="1:6" ht="15.6">
      <c r="A7" s="139" t="s">
        <v>1858</v>
      </c>
      <c r="C7" s="144" t="s">
        <v>1859</v>
      </c>
      <c r="D7" s="144" t="s">
        <v>1859</v>
      </c>
      <c r="E7" s="144" t="s">
        <v>1859</v>
      </c>
      <c r="F7" s="60"/>
    </row>
    <row r="8" spans="1:6" ht="15.6">
      <c r="A8" s="139" t="s">
        <v>1858</v>
      </c>
      <c r="C8" s="145" t="s">
        <v>1860</v>
      </c>
      <c r="D8" s="144" t="s">
        <v>1861</v>
      </c>
      <c r="E8" s="145" t="s">
        <v>1862</v>
      </c>
      <c r="F8" s="60"/>
    </row>
    <row r="9" spans="1:6" ht="15.6">
      <c r="A9" s="139" t="s">
        <v>1858</v>
      </c>
      <c r="C9" s="144" t="s">
        <v>1857</v>
      </c>
      <c r="D9" s="144" t="s">
        <v>1857</v>
      </c>
      <c r="E9" s="144" t="s">
        <v>1857</v>
      </c>
      <c r="F9" s="60"/>
    </row>
    <row r="10" spans="1:6" ht="14.4" customHeight="1">
      <c r="A10" s="146" t="s">
        <v>1863</v>
      </c>
      <c r="B10" s="147"/>
      <c r="C10" s="148"/>
      <c r="D10" s="148"/>
      <c r="E10" s="148"/>
      <c r="F10" s="60"/>
    </row>
    <row r="11" spans="1:6">
      <c r="A11" s="149" t="s">
        <v>1864</v>
      </c>
      <c r="B11" s="149"/>
      <c r="C11" s="150">
        <v>20063210636.070004</v>
      </c>
      <c r="D11" s="150">
        <v>220470682.53</v>
      </c>
      <c r="E11" s="150">
        <v>20283681318.600002</v>
      </c>
      <c r="F11" s="60"/>
    </row>
    <row r="12" spans="1:6">
      <c r="A12" s="149" t="s">
        <v>1865</v>
      </c>
      <c r="B12" s="149"/>
      <c r="C12" s="150">
        <v>25397736.120000001</v>
      </c>
      <c r="D12" s="150">
        <v>0</v>
      </c>
      <c r="E12" s="150">
        <v>25397736.120000001</v>
      </c>
      <c r="F12" s="60"/>
    </row>
    <row r="13" spans="1:6">
      <c r="A13" s="149" t="s">
        <v>1866</v>
      </c>
      <c r="B13" s="149"/>
      <c r="C13" s="150">
        <v>38950158.149999999</v>
      </c>
      <c r="D13" s="150">
        <v>4313566.67</v>
      </c>
      <c r="E13" s="150">
        <v>43263724.82</v>
      </c>
      <c r="F13" s="60"/>
    </row>
    <row r="14" spans="1:6">
      <c r="A14" s="149" t="s">
        <v>1867</v>
      </c>
      <c r="B14" s="149"/>
      <c r="C14" s="150">
        <v>-2489592.16</v>
      </c>
      <c r="D14" s="150">
        <v>0</v>
      </c>
      <c r="E14" s="150">
        <v>-2489592.16</v>
      </c>
      <c r="F14" s="60"/>
    </row>
    <row r="15" spans="1:6">
      <c r="A15" s="149" t="s">
        <v>1868</v>
      </c>
      <c r="B15" s="149"/>
      <c r="C15" s="150">
        <v>20125068938.18</v>
      </c>
      <c r="D15" s="150">
        <v>224784249.20000002</v>
      </c>
      <c r="E15" s="150">
        <v>20349853187.380001</v>
      </c>
      <c r="F15" s="60"/>
    </row>
    <row r="16" spans="1:6">
      <c r="A16" s="149" t="s">
        <v>1869</v>
      </c>
      <c r="B16" s="149"/>
      <c r="C16" s="150">
        <v>20325435.300000001</v>
      </c>
      <c r="D16" s="150">
        <v>0</v>
      </c>
      <c r="E16" s="150">
        <v>20325435.300000001</v>
      </c>
      <c r="F16" s="60"/>
    </row>
    <row r="17" spans="1:6">
      <c r="A17" s="149" t="s">
        <v>1870</v>
      </c>
      <c r="B17" s="149"/>
      <c r="C17" s="150">
        <v>20325435.300000001</v>
      </c>
      <c r="D17" s="150">
        <v>0</v>
      </c>
      <c r="E17" s="150">
        <v>20325435.300000001</v>
      </c>
      <c r="F17" s="60"/>
    </row>
    <row r="18" spans="1:6">
      <c r="A18" s="149" t="s">
        <v>1871</v>
      </c>
      <c r="B18" s="149"/>
      <c r="C18" s="150">
        <v>2531240</v>
      </c>
      <c r="D18" s="150">
        <v>0</v>
      </c>
      <c r="E18" s="150">
        <v>2531240</v>
      </c>
      <c r="F18" s="60"/>
    </row>
    <row r="19" spans="1:6">
      <c r="A19" s="149" t="s">
        <v>1872</v>
      </c>
      <c r="B19" s="149"/>
      <c r="C19" s="150">
        <v>2531240</v>
      </c>
      <c r="D19" s="150">
        <v>0</v>
      </c>
      <c r="E19" s="150">
        <v>2531240</v>
      </c>
      <c r="F19" s="60"/>
    </row>
    <row r="20" spans="1:6">
      <c r="A20" s="149" t="s">
        <v>1873</v>
      </c>
      <c r="B20" s="149"/>
      <c r="C20" s="150">
        <v>235782330.40000001</v>
      </c>
      <c r="D20" s="150">
        <v>0</v>
      </c>
      <c r="E20" s="150">
        <v>235782330.40000001</v>
      </c>
      <c r="F20" s="60"/>
    </row>
    <row r="21" spans="1:6">
      <c r="A21" s="149" t="s">
        <v>1874</v>
      </c>
      <c r="B21" s="149"/>
      <c r="C21" s="150">
        <v>422472187.16000003</v>
      </c>
      <c r="D21" s="150">
        <v>0</v>
      </c>
      <c r="E21" s="150">
        <v>422472187.16000003</v>
      </c>
      <c r="F21" s="60"/>
    </row>
    <row r="22" spans="1:6">
      <c r="A22" s="149" t="s">
        <v>1875</v>
      </c>
      <c r="B22" s="149"/>
      <c r="C22" s="150">
        <v>-150510818.91999999</v>
      </c>
      <c r="D22" s="150">
        <v>-1622164.8599999999</v>
      </c>
      <c r="E22" s="150">
        <v>-152132983.78</v>
      </c>
      <c r="F22" s="60"/>
    </row>
    <row r="23" spans="1:6">
      <c r="A23" s="149" t="s">
        <v>1876</v>
      </c>
      <c r="B23" s="149"/>
      <c r="C23" s="150">
        <v>-160468360.76999998</v>
      </c>
      <c r="D23" s="150">
        <v>-3682233.97</v>
      </c>
      <c r="E23" s="150">
        <v>-164150594.74000001</v>
      </c>
      <c r="F23" s="60"/>
    </row>
    <row r="24" spans="1:6">
      <c r="A24" s="149" t="s">
        <v>1877</v>
      </c>
      <c r="B24" s="149"/>
      <c r="C24" s="150">
        <v>347275337.87</v>
      </c>
      <c r="D24" s="150">
        <v>-5304398.83</v>
      </c>
      <c r="E24" s="150">
        <v>341970939.04000002</v>
      </c>
      <c r="F24" s="60"/>
    </row>
    <row r="25" spans="1:6">
      <c r="A25" s="149" t="s">
        <v>1878</v>
      </c>
      <c r="B25" s="149"/>
      <c r="C25" s="150">
        <v>-13.73</v>
      </c>
      <c r="D25" s="150">
        <v>0</v>
      </c>
      <c r="E25" s="150">
        <v>-13.73</v>
      </c>
      <c r="F25" s="60"/>
    </row>
    <row r="26" spans="1:6">
      <c r="A26" s="149" t="s">
        <v>1879</v>
      </c>
      <c r="B26" s="149"/>
      <c r="C26" s="150">
        <v>129702876.80000001</v>
      </c>
      <c r="D26" s="150">
        <v>0</v>
      </c>
      <c r="E26" s="150">
        <v>129702876.80000001</v>
      </c>
      <c r="F26" s="60"/>
    </row>
    <row r="27" spans="1:6">
      <c r="A27" s="149" t="s">
        <v>1880</v>
      </c>
      <c r="B27" s="149"/>
      <c r="C27" s="150">
        <v>129702863.07000001</v>
      </c>
      <c r="D27" s="150">
        <v>0</v>
      </c>
      <c r="E27" s="150">
        <v>129702863.07000001</v>
      </c>
      <c r="F27" s="60"/>
    </row>
    <row r="28" spans="1:6">
      <c r="A28" s="149" t="s">
        <v>1881</v>
      </c>
      <c r="B28" s="149"/>
      <c r="C28" s="150">
        <v>3620799103.6599998</v>
      </c>
      <c r="D28" s="150">
        <v>-40340531.619999997</v>
      </c>
      <c r="E28" s="150">
        <v>3580458572.04</v>
      </c>
      <c r="F28" s="60"/>
    </row>
    <row r="29" spans="1:6">
      <c r="A29" s="149" t="s">
        <v>1882</v>
      </c>
      <c r="B29" s="149"/>
      <c r="C29" s="150">
        <v>3620799103.6599998</v>
      </c>
      <c r="D29" s="150">
        <v>-40340531.619999997</v>
      </c>
      <c r="E29" s="150">
        <v>3580458572.04</v>
      </c>
      <c r="F29" s="60"/>
    </row>
    <row r="30" spans="1:6">
      <c r="A30" s="149" t="s">
        <v>1883</v>
      </c>
      <c r="B30" s="149"/>
      <c r="C30" s="150">
        <v>4120633979.9000001</v>
      </c>
      <c r="D30" s="150">
        <v>-45644930.449999996</v>
      </c>
      <c r="E30" s="150">
        <v>4074989049.4499998</v>
      </c>
      <c r="F30" s="60"/>
    </row>
    <row r="31" spans="1:6">
      <c r="A31" s="149" t="s">
        <v>1884</v>
      </c>
      <c r="B31" s="149"/>
      <c r="C31" s="150">
        <v>24245702918.079998</v>
      </c>
      <c r="D31" s="150">
        <v>179139318.75</v>
      </c>
      <c r="E31" s="150">
        <v>24424842236.830002</v>
      </c>
      <c r="F31" s="60"/>
    </row>
    <row r="32" spans="1:6">
      <c r="A32" s="149" t="s">
        <v>1885</v>
      </c>
      <c r="B32" s="149"/>
      <c r="C32" s="150">
        <v>1617314061.3300002</v>
      </c>
      <c r="D32" s="150">
        <v>80638852.590000004</v>
      </c>
      <c r="E32" s="150">
        <v>1697952913.9199998</v>
      </c>
      <c r="F32" s="60"/>
    </row>
    <row r="33" spans="1:6">
      <c r="A33" s="149" t="s">
        <v>1886</v>
      </c>
      <c r="B33" s="149"/>
      <c r="C33" s="150">
        <v>54523865.379999995</v>
      </c>
      <c r="D33" s="150">
        <v>3310921.76</v>
      </c>
      <c r="E33" s="150">
        <v>57834787.140000001</v>
      </c>
      <c r="F33" s="60"/>
    </row>
    <row r="34" spans="1:6">
      <c r="A34" s="149" t="s">
        <v>1887</v>
      </c>
      <c r="B34" s="149"/>
      <c r="C34" s="150">
        <v>1671837926.71</v>
      </c>
      <c r="D34" s="150">
        <v>83949774.350000009</v>
      </c>
      <c r="E34" s="150">
        <v>1755787701.0599999</v>
      </c>
      <c r="F34" s="60"/>
    </row>
    <row r="35" spans="1:6">
      <c r="A35" s="149" t="s">
        <v>1888</v>
      </c>
      <c r="B35" s="149"/>
      <c r="C35" s="150">
        <v>25917540844.790001</v>
      </c>
      <c r="D35" s="150">
        <v>263089093.09999999</v>
      </c>
      <c r="E35" s="150">
        <v>26180629937.890003</v>
      </c>
      <c r="F35" s="60"/>
    </row>
    <row r="36" spans="1:6">
      <c r="A36" s="149" t="s">
        <v>1889</v>
      </c>
      <c r="B36" s="149"/>
      <c r="C36" s="150">
        <v>-207766485.02000001</v>
      </c>
      <c r="D36" s="150">
        <v>-3148752.4499999997</v>
      </c>
      <c r="E36" s="150">
        <v>-210915237.47</v>
      </c>
      <c r="F36" s="60"/>
    </row>
    <row r="37" spans="1:6">
      <c r="A37" s="149" t="s">
        <v>1890</v>
      </c>
      <c r="B37" s="149"/>
      <c r="C37" s="150">
        <v>-7178252.0800000001</v>
      </c>
      <c r="D37" s="150">
        <v>-73361.47</v>
      </c>
      <c r="E37" s="150">
        <v>-7251613.5499999998</v>
      </c>
      <c r="F37" s="60"/>
    </row>
    <row r="38" spans="1:6">
      <c r="A38" s="149" t="s">
        <v>1891</v>
      </c>
      <c r="B38" s="149"/>
      <c r="C38" s="150">
        <v>-214944737.09999999</v>
      </c>
      <c r="D38" s="150">
        <v>-3222113.92</v>
      </c>
      <c r="E38" s="150">
        <v>-218166851.01999998</v>
      </c>
      <c r="F38" s="60"/>
    </row>
    <row r="39" spans="1:6">
      <c r="A39" s="149" t="s">
        <v>1892</v>
      </c>
      <c r="B39" s="149"/>
      <c r="C39" s="150">
        <v>-178244082.69999999</v>
      </c>
      <c r="D39" s="150">
        <v>6753457.0599999996</v>
      </c>
      <c r="E39" s="150">
        <v>-171490625.63999999</v>
      </c>
      <c r="F39" s="60"/>
    </row>
    <row r="40" spans="1:6">
      <c r="A40" s="149" t="s">
        <v>1893</v>
      </c>
      <c r="B40" s="149"/>
      <c r="C40" s="150">
        <v>0</v>
      </c>
      <c r="D40" s="150">
        <v>0</v>
      </c>
      <c r="E40" s="150">
        <v>0</v>
      </c>
      <c r="F40" s="60"/>
    </row>
    <row r="41" spans="1:6">
      <c r="A41" s="149" t="s">
        <v>1894</v>
      </c>
      <c r="B41" s="149"/>
      <c r="C41" s="150">
        <v>-178244082.69999999</v>
      </c>
      <c r="D41" s="150">
        <v>6753457.0599999996</v>
      </c>
      <c r="E41" s="150">
        <v>-171490625.63999999</v>
      </c>
      <c r="F41" s="60"/>
    </row>
    <row r="42" spans="1:6">
      <c r="A42" s="149" t="s">
        <v>1895</v>
      </c>
      <c r="B42" s="149"/>
      <c r="C42" s="150">
        <v>-5718972659.0599995</v>
      </c>
      <c r="D42" s="150">
        <v>-52081743.259999998</v>
      </c>
      <c r="E42" s="150">
        <v>-5771054402.3199997</v>
      </c>
      <c r="F42" s="60"/>
    </row>
    <row r="43" spans="1:6">
      <c r="A43" s="149" t="s">
        <v>1896</v>
      </c>
      <c r="B43" s="149"/>
      <c r="C43" s="150">
        <v>587498</v>
      </c>
      <c r="D43" s="150">
        <v>3883</v>
      </c>
      <c r="E43" s="150">
        <v>591381</v>
      </c>
      <c r="F43" s="60"/>
    </row>
    <row r="44" spans="1:6">
      <c r="A44" s="149" t="s">
        <v>1897</v>
      </c>
      <c r="B44" s="149"/>
      <c r="C44" s="150">
        <v>330497637.56999999</v>
      </c>
      <c r="D44" s="150">
        <v>-8438888.5600000005</v>
      </c>
      <c r="E44" s="150">
        <v>322058749.00999999</v>
      </c>
      <c r="F44" s="60"/>
    </row>
    <row r="45" spans="1:6">
      <c r="A45" s="149" t="s">
        <v>1898</v>
      </c>
      <c r="B45" s="149"/>
      <c r="C45" s="150">
        <v>1682762</v>
      </c>
      <c r="D45" s="150">
        <v>0</v>
      </c>
      <c r="E45" s="150">
        <v>1682762</v>
      </c>
      <c r="F45" s="60"/>
    </row>
    <row r="46" spans="1:6">
      <c r="A46" s="149" t="s">
        <v>1899</v>
      </c>
      <c r="B46" s="149"/>
      <c r="C46" s="150">
        <v>25081880.25</v>
      </c>
      <c r="D46" s="150">
        <v>-480550.41</v>
      </c>
      <c r="E46" s="150">
        <v>24601329.84</v>
      </c>
      <c r="F46" s="60"/>
    </row>
    <row r="47" spans="1:6">
      <c r="A47" s="149" t="s">
        <v>1900</v>
      </c>
      <c r="B47" s="149"/>
      <c r="C47" s="150">
        <v>23354011</v>
      </c>
      <c r="D47" s="150">
        <v>0</v>
      </c>
      <c r="E47" s="150">
        <v>23354011</v>
      </c>
      <c r="F47" s="60"/>
    </row>
    <row r="48" spans="1:6">
      <c r="A48" s="149" t="s">
        <v>1901</v>
      </c>
      <c r="B48" s="149"/>
      <c r="C48" s="150">
        <v>406957.10000000003</v>
      </c>
      <c r="D48" s="150">
        <v>0</v>
      </c>
      <c r="E48" s="150">
        <v>406957.10000000003</v>
      </c>
      <c r="F48" s="60"/>
    </row>
    <row r="49" spans="1:6">
      <c r="A49" s="149" t="s">
        <v>1902</v>
      </c>
      <c r="B49" s="149"/>
      <c r="C49" s="150">
        <v>-7470364.6200000001</v>
      </c>
      <c r="D49" s="150">
        <v>-76239.87</v>
      </c>
      <c r="E49" s="150">
        <v>-7546604.4900000002</v>
      </c>
      <c r="F49" s="60"/>
    </row>
    <row r="50" spans="1:6">
      <c r="A50" s="149" t="s">
        <v>1903</v>
      </c>
      <c r="B50" s="149"/>
      <c r="C50" s="150">
        <v>161510834.39000002</v>
      </c>
      <c r="D50" s="150">
        <v>1469265.97</v>
      </c>
      <c r="E50" s="150">
        <v>162980100.36000001</v>
      </c>
      <c r="F50" s="60"/>
    </row>
    <row r="51" spans="1:6">
      <c r="A51" s="149" t="s">
        <v>1904</v>
      </c>
      <c r="B51" s="149"/>
      <c r="C51" s="150">
        <v>0</v>
      </c>
      <c r="D51" s="150">
        <v>0</v>
      </c>
      <c r="E51" s="150">
        <v>0</v>
      </c>
      <c r="F51" s="60"/>
    </row>
    <row r="52" spans="1:6">
      <c r="A52" s="149" t="s">
        <v>1905</v>
      </c>
      <c r="B52" s="149"/>
      <c r="C52" s="150">
        <v>0</v>
      </c>
      <c r="D52" s="150">
        <v>0</v>
      </c>
      <c r="E52" s="150">
        <v>0</v>
      </c>
      <c r="F52" s="60"/>
    </row>
    <row r="53" spans="1:6">
      <c r="A53" s="149" t="s">
        <v>1906</v>
      </c>
      <c r="B53" s="149"/>
      <c r="C53" s="150">
        <v>0</v>
      </c>
      <c r="D53" s="150">
        <v>0</v>
      </c>
      <c r="E53" s="150">
        <v>0</v>
      </c>
      <c r="F53" s="60"/>
    </row>
    <row r="54" spans="1:6">
      <c r="A54" s="149" t="s">
        <v>1907</v>
      </c>
      <c r="B54" s="149"/>
      <c r="C54" s="150">
        <v>0</v>
      </c>
      <c r="D54" s="150">
        <v>0</v>
      </c>
      <c r="E54" s="150">
        <v>0</v>
      </c>
      <c r="F54" s="60"/>
    </row>
    <row r="55" spans="1:6">
      <c r="A55" s="149" t="s">
        <v>1908</v>
      </c>
      <c r="B55" s="149"/>
      <c r="C55" s="150">
        <v>-4034981.64</v>
      </c>
      <c r="D55" s="150">
        <v>-114523.75</v>
      </c>
      <c r="E55" s="150">
        <v>-4149505.3899999997</v>
      </c>
      <c r="F55" s="60"/>
    </row>
    <row r="56" spans="1:6">
      <c r="A56" s="149" t="s">
        <v>1909</v>
      </c>
      <c r="B56" s="149"/>
      <c r="C56" s="150">
        <v>-370773463.76999998</v>
      </c>
      <c r="D56" s="150">
        <v>1063675.49</v>
      </c>
      <c r="E56" s="150">
        <v>-369709788.27999997</v>
      </c>
      <c r="F56" s="60"/>
    </row>
    <row r="57" spans="1:6">
      <c r="A57" s="149" t="s">
        <v>1910</v>
      </c>
      <c r="B57" s="149"/>
      <c r="C57" s="150"/>
      <c r="D57" s="150">
        <v>-991.98</v>
      </c>
      <c r="E57" s="150">
        <v>-991.98</v>
      </c>
      <c r="F57" s="60"/>
    </row>
    <row r="58" spans="1:6">
      <c r="A58" s="149" t="s">
        <v>1911</v>
      </c>
      <c r="B58" s="149"/>
      <c r="C58" s="150">
        <v>-2505227.7600000002</v>
      </c>
      <c r="D58" s="150">
        <v>-5349.14</v>
      </c>
      <c r="E58" s="150">
        <v>-2510576.9</v>
      </c>
      <c r="F58" s="60"/>
    </row>
    <row r="59" spans="1:6">
      <c r="A59" s="149" t="s">
        <v>1912</v>
      </c>
      <c r="B59" s="149"/>
      <c r="C59" s="150">
        <v>-5904156353.6199999</v>
      </c>
      <c r="D59" s="150">
        <v>-45886483.530000001</v>
      </c>
      <c r="E59" s="150">
        <v>-5950042837.1500006</v>
      </c>
      <c r="F59" s="60"/>
    </row>
    <row r="60" spans="1:6">
      <c r="A60" s="149" t="s">
        <v>1913</v>
      </c>
      <c r="B60" s="149"/>
      <c r="C60" s="150">
        <v>-6297345173.4200001</v>
      </c>
      <c r="D60" s="150">
        <v>-42355140.390000001</v>
      </c>
      <c r="E60" s="150">
        <v>-6339700313.8100004</v>
      </c>
      <c r="F60" s="60"/>
    </row>
    <row r="61" spans="1:6">
      <c r="A61" s="149" t="s">
        <v>1914</v>
      </c>
      <c r="B61" s="149"/>
      <c r="C61" s="150">
        <v>19620195671.369999</v>
      </c>
      <c r="D61" s="150">
        <v>220733952.71000001</v>
      </c>
      <c r="E61" s="150">
        <v>19840929624.079998</v>
      </c>
      <c r="F61" s="60"/>
    </row>
    <row r="62" spans="1:6">
      <c r="A62" s="146" t="s">
        <v>1915</v>
      </c>
      <c r="B62" s="147"/>
      <c r="C62" s="151">
        <v>19620195671.369999</v>
      </c>
      <c r="D62" s="151">
        <v>220733952.71000001</v>
      </c>
      <c r="E62" s="151">
        <v>19840929624.079998</v>
      </c>
      <c r="F62" s="60"/>
    </row>
    <row r="63" spans="1:6">
      <c r="A63" s="149" t="s">
        <v>1916</v>
      </c>
      <c r="B63" s="149"/>
      <c r="C63" s="150">
        <v>22215015.950000003</v>
      </c>
      <c r="D63" s="150">
        <v>0</v>
      </c>
      <c r="E63" s="150">
        <v>22215015.950000003</v>
      </c>
      <c r="F63" s="60"/>
    </row>
    <row r="64" spans="1:6">
      <c r="A64" s="149" t="s">
        <v>1917</v>
      </c>
      <c r="B64" s="149"/>
      <c r="C64" s="150">
        <v>210562.07</v>
      </c>
      <c r="D64" s="150">
        <v>249214.82</v>
      </c>
      <c r="E64" s="150">
        <v>459776.89</v>
      </c>
      <c r="F64" s="60"/>
    </row>
    <row r="65" spans="1:6">
      <c r="A65" s="149" t="s">
        <v>1918</v>
      </c>
      <c r="B65" s="149"/>
      <c r="C65" s="150">
        <v>278986.53000000003</v>
      </c>
      <c r="D65" s="150">
        <v>0</v>
      </c>
      <c r="E65" s="150">
        <v>278986.53000000003</v>
      </c>
      <c r="F65" s="60"/>
    </row>
    <row r="66" spans="1:6">
      <c r="A66" s="149" t="s">
        <v>1919</v>
      </c>
      <c r="B66" s="149"/>
      <c r="C66" s="150">
        <v>22704564.550000001</v>
      </c>
      <c r="D66" s="150">
        <v>249214.82</v>
      </c>
      <c r="E66" s="150">
        <v>22953779.370000001</v>
      </c>
      <c r="F66" s="60"/>
    </row>
    <row r="67" spans="1:6">
      <c r="A67" s="149" t="s">
        <v>1920</v>
      </c>
      <c r="B67" s="149"/>
      <c r="C67" s="150">
        <v>-10298690.640000001</v>
      </c>
      <c r="D67" s="150">
        <v>-38426.409999999996</v>
      </c>
      <c r="E67" s="150">
        <v>-10337117.050000001</v>
      </c>
      <c r="F67" s="60"/>
    </row>
    <row r="68" spans="1:6">
      <c r="A68" s="149" t="s">
        <v>1921</v>
      </c>
      <c r="B68" s="149"/>
      <c r="C68" s="150">
        <v>0</v>
      </c>
      <c r="D68" s="150">
        <v>0</v>
      </c>
      <c r="E68" s="150">
        <v>0</v>
      </c>
      <c r="F68" s="60"/>
    </row>
    <row r="69" spans="1:6">
      <c r="A69" s="149" t="s">
        <v>1922</v>
      </c>
      <c r="B69" s="149"/>
      <c r="C69" s="150">
        <v>-10298690.640000001</v>
      </c>
      <c r="D69" s="150">
        <v>-38426.409999999996</v>
      </c>
      <c r="E69" s="150">
        <v>-10337117.050000001</v>
      </c>
      <c r="F69" s="60"/>
    </row>
    <row r="70" spans="1:6">
      <c r="A70" s="149" t="s">
        <v>1923</v>
      </c>
      <c r="B70" s="149"/>
      <c r="C70" s="150">
        <v>12405873.91</v>
      </c>
      <c r="D70" s="150">
        <v>210788.41</v>
      </c>
      <c r="E70" s="150">
        <v>12616662.319999998</v>
      </c>
      <c r="F70" s="60"/>
    </row>
    <row r="71" spans="1:6">
      <c r="A71" s="149" t="s">
        <v>1924</v>
      </c>
      <c r="B71" s="149"/>
      <c r="C71" s="150">
        <v>6697564.1699999999</v>
      </c>
      <c r="D71" s="150">
        <v>0</v>
      </c>
      <c r="E71" s="150">
        <v>6697564.1699999999</v>
      </c>
      <c r="F71" s="60"/>
    </row>
    <row r="72" spans="1:6">
      <c r="A72" s="149" t="s">
        <v>1925</v>
      </c>
      <c r="B72" s="149"/>
      <c r="C72" s="150">
        <v>-131260.46</v>
      </c>
      <c r="D72" s="150">
        <v>-13186.42</v>
      </c>
      <c r="E72" s="150">
        <v>-144446.88</v>
      </c>
      <c r="F72" s="60"/>
    </row>
    <row r="73" spans="1:6">
      <c r="A73" s="149" t="s">
        <v>1926</v>
      </c>
      <c r="B73" s="149"/>
      <c r="C73" s="150">
        <v>0</v>
      </c>
      <c r="D73" s="150">
        <v>0</v>
      </c>
      <c r="E73" s="150">
        <v>0</v>
      </c>
      <c r="F73" s="60"/>
    </row>
    <row r="74" spans="1:6">
      <c r="A74" s="149" t="s">
        <v>1927</v>
      </c>
      <c r="B74" s="149"/>
      <c r="C74" s="150">
        <v>0</v>
      </c>
      <c r="D74" s="150">
        <v>0</v>
      </c>
      <c r="E74" s="150">
        <v>0</v>
      </c>
      <c r="F74" s="60"/>
    </row>
    <row r="75" spans="1:6">
      <c r="A75" s="149" t="s">
        <v>1928</v>
      </c>
      <c r="B75" s="149"/>
      <c r="C75" s="150">
        <v>6566303.71</v>
      </c>
      <c r="D75" s="150">
        <v>-13186.42</v>
      </c>
      <c r="E75" s="150">
        <v>6553117.29</v>
      </c>
      <c r="F75" s="60"/>
    </row>
    <row r="76" spans="1:6">
      <c r="A76" s="149" t="s">
        <v>1929</v>
      </c>
      <c r="B76" s="149"/>
      <c r="C76" s="150">
        <v>1362872.04</v>
      </c>
      <c r="D76" s="150">
        <v>0</v>
      </c>
      <c r="E76" s="150">
        <v>1362872.04</v>
      </c>
      <c r="F76" s="60"/>
    </row>
    <row r="77" spans="1:6">
      <c r="A77" s="149" t="s">
        <v>1930</v>
      </c>
      <c r="B77" s="149"/>
      <c r="C77" s="150">
        <v>1362872.04</v>
      </c>
      <c r="D77" s="150">
        <v>0</v>
      </c>
      <c r="E77" s="150">
        <v>1362872.04</v>
      </c>
      <c r="F77" s="60"/>
    </row>
    <row r="78" spans="1:6">
      <c r="A78" s="149" t="s">
        <v>1931</v>
      </c>
      <c r="B78" s="149"/>
      <c r="C78" s="150">
        <v>42209045.009999998</v>
      </c>
      <c r="D78" s="150">
        <v>1556349.35</v>
      </c>
      <c r="E78" s="150">
        <v>43765394.359999999</v>
      </c>
      <c r="F78" s="60"/>
    </row>
    <row r="79" spans="1:6">
      <c r="A79" s="149" t="s">
        <v>1932</v>
      </c>
      <c r="B79" s="149"/>
      <c r="C79" s="150">
        <v>77236929.189999998</v>
      </c>
      <c r="D79" s="150">
        <v>438255.63</v>
      </c>
      <c r="E79" s="150">
        <v>77675184.820000008</v>
      </c>
      <c r="F79" s="60"/>
    </row>
    <row r="80" spans="1:6">
      <c r="A80" s="149" t="s">
        <v>1933</v>
      </c>
      <c r="B80" s="149"/>
      <c r="C80" s="150">
        <v>21264445.860000003</v>
      </c>
      <c r="D80" s="150">
        <v>-164894.61000000002</v>
      </c>
      <c r="E80" s="150">
        <v>21099551.25</v>
      </c>
      <c r="F80" s="60"/>
    </row>
    <row r="81" spans="1:6">
      <c r="A81" s="149" t="s">
        <v>1934</v>
      </c>
      <c r="B81" s="149"/>
      <c r="C81" s="150">
        <v>-3042817.9899999998</v>
      </c>
      <c r="D81" s="150">
        <v>362825.96</v>
      </c>
      <c r="E81" s="150">
        <v>-2679992.0299999998</v>
      </c>
      <c r="F81" s="60"/>
    </row>
    <row r="82" spans="1:6">
      <c r="A82" s="149" t="s">
        <v>1935</v>
      </c>
      <c r="B82" s="149"/>
      <c r="C82" s="150">
        <v>0</v>
      </c>
      <c r="D82" s="150">
        <v>0</v>
      </c>
      <c r="E82" s="150">
        <v>0</v>
      </c>
      <c r="F82" s="60"/>
    </row>
    <row r="83" spans="1:6">
      <c r="A83" s="149" t="s">
        <v>1936</v>
      </c>
      <c r="B83" s="149"/>
      <c r="C83" s="150">
        <v>-21950657.370000001</v>
      </c>
      <c r="D83" s="150">
        <v>2535553.0999999996</v>
      </c>
      <c r="E83" s="150">
        <v>-19415104.27</v>
      </c>
      <c r="F83" s="60"/>
    </row>
    <row r="84" spans="1:6">
      <c r="A84" s="149" t="s">
        <v>1937</v>
      </c>
      <c r="B84" s="149"/>
      <c r="C84" s="150">
        <v>308720626.20999998</v>
      </c>
      <c r="D84" s="150">
        <v>-15687459.069999998</v>
      </c>
      <c r="E84" s="150">
        <v>293033167.13999999</v>
      </c>
      <c r="F84" s="60"/>
    </row>
    <row r="85" spans="1:6">
      <c r="A85" s="149" t="s">
        <v>1938</v>
      </c>
      <c r="B85" s="149"/>
      <c r="C85" s="150">
        <v>54949192.469999999</v>
      </c>
      <c r="D85" s="150">
        <v>-367699.52999999997</v>
      </c>
      <c r="E85" s="150">
        <v>54581492.939999998</v>
      </c>
      <c r="F85" s="60"/>
    </row>
    <row r="86" spans="1:6">
      <c r="A86" s="149" t="s">
        <v>1939</v>
      </c>
      <c r="B86" s="149"/>
      <c r="C86" s="150">
        <v>479386763.38</v>
      </c>
      <c r="D86" s="150">
        <v>-11327069.17</v>
      </c>
      <c r="E86" s="150">
        <v>468059694.20999998</v>
      </c>
      <c r="F86" s="60"/>
    </row>
    <row r="87" spans="1:6">
      <c r="A87" s="149" t="s">
        <v>1940</v>
      </c>
      <c r="B87" s="149"/>
      <c r="C87" s="150">
        <v>24817106.699999999</v>
      </c>
      <c r="D87" s="150">
        <v>133050.47</v>
      </c>
      <c r="E87" s="150">
        <v>24950157.169999998</v>
      </c>
      <c r="F87" s="60"/>
    </row>
    <row r="88" spans="1:6">
      <c r="A88" s="149" t="s">
        <v>1941</v>
      </c>
      <c r="B88" s="149"/>
      <c r="C88" s="150">
        <v>10360167.35</v>
      </c>
      <c r="D88" s="150">
        <v>8579737.6699999999</v>
      </c>
      <c r="E88" s="150">
        <v>18939905.02</v>
      </c>
      <c r="F88" s="60"/>
    </row>
    <row r="89" spans="1:6">
      <c r="A89" s="149" t="s">
        <v>1942</v>
      </c>
      <c r="B89" s="149"/>
      <c r="C89" s="150">
        <v>245948523.92000002</v>
      </c>
      <c r="D89" s="150">
        <v>-49260824.880000003</v>
      </c>
      <c r="E89" s="150">
        <v>196687699.03999999</v>
      </c>
      <c r="F89" s="60"/>
    </row>
    <row r="90" spans="1:6">
      <c r="A90" s="149" t="s">
        <v>1943</v>
      </c>
      <c r="B90" s="149"/>
      <c r="C90" s="150">
        <v>281125797.97000003</v>
      </c>
      <c r="D90" s="150">
        <v>-40548036.739999995</v>
      </c>
      <c r="E90" s="150">
        <v>240577761.23000002</v>
      </c>
      <c r="F90" s="60"/>
    </row>
    <row r="91" spans="1:6">
      <c r="A91" s="149" t="s">
        <v>1944</v>
      </c>
      <c r="B91" s="149"/>
      <c r="C91" s="150">
        <v>760512561.35000002</v>
      </c>
      <c r="D91" s="150">
        <v>-51875105.910000004</v>
      </c>
      <c r="E91" s="150">
        <v>708637455.43999994</v>
      </c>
      <c r="F91" s="60"/>
    </row>
    <row r="92" spans="1:6">
      <c r="A92" s="149" t="s">
        <v>1945</v>
      </c>
      <c r="B92" s="149"/>
      <c r="C92" s="150">
        <v>768441737.10000002</v>
      </c>
      <c r="D92" s="150">
        <v>-51888292.329999998</v>
      </c>
      <c r="E92" s="150">
        <v>716553444.76999998</v>
      </c>
      <c r="F92" s="60"/>
    </row>
    <row r="93" spans="1:6">
      <c r="A93" s="146" t="s">
        <v>1946</v>
      </c>
      <c r="B93" s="147"/>
      <c r="C93" s="151">
        <v>780847611.00999999</v>
      </c>
      <c r="D93" s="151">
        <v>-51677503.920000002</v>
      </c>
      <c r="E93" s="151">
        <v>729170107.09000003</v>
      </c>
      <c r="F93" s="60"/>
    </row>
    <row r="94" spans="1:6">
      <c r="A94" s="149" t="s">
        <v>1947</v>
      </c>
      <c r="B94" s="149"/>
      <c r="C94" s="150">
        <v>-105897474.61000001</v>
      </c>
      <c r="D94" s="150">
        <v>101362363.92</v>
      </c>
      <c r="E94" s="150">
        <v>-4535110.6900000004</v>
      </c>
      <c r="F94" s="60"/>
    </row>
    <row r="95" spans="1:6">
      <c r="A95" s="149" t="s">
        <v>1948</v>
      </c>
      <c r="B95" s="149"/>
      <c r="C95" s="150">
        <v>127439050.16999999</v>
      </c>
      <c r="D95" s="150">
        <v>-85154035.960000008</v>
      </c>
      <c r="E95" s="150">
        <v>42285014.210000001</v>
      </c>
      <c r="F95" s="60"/>
    </row>
    <row r="96" spans="1:6">
      <c r="A96" s="149" t="s">
        <v>1949</v>
      </c>
      <c r="B96" s="149"/>
      <c r="C96" s="150">
        <v>0</v>
      </c>
      <c r="D96" s="150">
        <v>0</v>
      </c>
      <c r="E96" s="150">
        <v>0</v>
      </c>
      <c r="F96" s="60"/>
    </row>
    <row r="97" spans="1:6">
      <c r="A97" s="149" t="s">
        <v>1950</v>
      </c>
      <c r="B97" s="149"/>
      <c r="C97" s="150">
        <v>0</v>
      </c>
      <c r="D97" s="150">
        <v>0</v>
      </c>
      <c r="E97" s="150">
        <v>0</v>
      </c>
      <c r="F97" s="60"/>
    </row>
    <row r="98" spans="1:6">
      <c r="A98" s="149" t="s">
        <v>1951</v>
      </c>
      <c r="B98" s="149"/>
      <c r="C98" s="150">
        <v>11133447.039999999</v>
      </c>
      <c r="D98" s="150">
        <v>321382.01</v>
      </c>
      <c r="E98" s="150">
        <v>11454829.049999999</v>
      </c>
      <c r="F98" s="60"/>
    </row>
    <row r="99" spans="1:6">
      <c r="A99" s="149" t="s">
        <v>1952</v>
      </c>
      <c r="B99" s="149"/>
      <c r="C99" s="150">
        <v>7511.47</v>
      </c>
      <c r="D99" s="150">
        <v>0</v>
      </c>
      <c r="E99" s="150">
        <v>7511.47</v>
      </c>
      <c r="F99" s="60"/>
    </row>
    <row r="100" spans="1:6">
      <c r="A100" s="149" t="s">
        <v>1953</v>
      </c>
      <c r="B100" s="149"/>
      <c r="C100" s="150">
        <v>8626.5500000000011</v>
      </c>
      <c r="D100" s="150">
        <v>0</v>
      </c>
      <c r="E100" s="150">
        <v>8626.5500000000011</v>
      </c>
      <c r="F100" s="60"/>
    </row>
    <row r="101" spans="1:6">
      <c r="A101" s="149" t="s">
        <v>1954</v>
      </c>
      <c r="B101" s="149"/>
      <c r="C101" s="150">
        <v>-1710860.77</v>
      </c>
      <c r="D101" s="150">
        <v>724.18</v>
      </c>
      <c r="E101" s="150">
        <v>-1710136.5899999999</v>
      </c>
      <c r="F101" s="60"/>
    </row>
    <row r="102" spans="1:6">
      <c r="A102" s="149" t="s">
        <v>1955</v>
      </c>
      <c r="B102" s="149"/>
      <c r="C102" s="150">
        <v>2546791.42</v>
      </c>
      <c r="D102" s="150">
        <v>59065.01</v>
      </c>
      <c r="E102" s="150">
        <v>2605856.4300000002</v>
      </c>
      <c r="F102" s="60"/>
    </row>
    <row r="103" spans="1:6">
      <c r="A103" s="149" t="s">
        <v>1956</v>
      </c>
      <c r="B103" s="149"/>
      <c r="C103" s="150">
        <v>-22377505.57</v>
      </c>
      <c r="D103" s="150">
        <v>-1255280.06</v>
      </c>
      <c r="E103" s="150">
        <v>-23632785.629999999</v>
      </c>
      <c r="F103" s="60"/>
    </row>
    <row r="104" spans="1:6">
      <c r="A104" s="149" t="s">
        <v>1957</v>
      </c>
      <c r="B104" s="149"/>
      <c r="C104" s="150">
        <v>30454958.219999999</v>
      </c>
      <c r="D104" s="150">
        <v>-10016738.359999999</v>
      </c>
      <c r="E104" s="150">
        <v>20438219.859999999</v>
      </c>
      <c r="F104" s="60"/>
    </row>
    <row r="105" spans="1:6">
      <c r="A105" s="149" t="s">
        <v>1958</v>
      </c>
      <c r="B105" s="149"/>
      <c r="C105" s="150">
        <v>-1607844.01</v>
      </c>
      <c r="D105" s="150">
        <v>-324248.79000000004</v>
      </c>
      <c r="E105" s="150">
        <v>-1932092.7999999998</v>
      </c>
      <c r="F105" s="60"/>
    </row>
    <row r="106" spans="1:6">
      <c r="A106" s="149" t="s">
        <v>1959</v>
      </c>
      <c r="B106" s="149"/>
      <c r="C106" s="150">
        <v>39996699.909999996</v>
      </c>
      <c r="D106" s="150">
        <v>4993231.95</v>
      </c>
      <c r="E106" s="150">
        <v>44989931.859999999</v>
      </c>
      <c r="F106" s="60"/>
    </row>
    <row r="107" spans="1:6">
      <c r="A107" s="149" t="s">
        <v>1960</v>
      </c>
      <c r="B107" s="149"/>
      <c r="C107" s="150">
        <v>39996699.909999996</v>
      </c>
      <c r="D107" s="150">
        <v>4993231.95</v>
      </c>
      <c r="E107" s="150">
        <v>44989931.859999999</v>
      </c>
      <c r="F107" s="60"/>
    </row>
    <row r="108" spans="1:6">
      <c r="A108" s="149" t="s">
        <v>1961</v>
      </c>
      <c r="B108" s="149"/>
      <c r="C108" s="150">
        <v>0</v>
      </c>
      <c r="D108" s="150">
        <v>0</v>
      </c>
      <c r="E108" s="150">
        <v>0</v>
      </c>
      <c r="F108" s="60"/>
    </row>
    <row r="109" spans="1:6">
      <c r="A109" s="149" t="s">
        <v>1962</v>
      </c>
      <c r="B109" s="149"/>
      <c r="C109" s="150">
        <v>0</v>
      </c>
      <c r="D109" s="150">
        <v>0</v>
      </c>
      <c r="E109" s="150">
        <v>0</v>
      </c>
      <c r="F109" s="60"/>
    </row>
    <row r="110" spans="1:6">
      <c r="A110" s="149" t="s">
        <v>1963</v>
      </c>
      <c r="B110" s="149"/>
      <c r="C110" s="150">
        <v>3452561.15</v>
      </c>
      <c r="D110" s="150">
        <v>0</v>
      </c>
      <c r="E110" s="150">
        <v>3452561.15</v>
      </c>
      <c r="F110" s="60"/>
    </row>
    <row r="111" spans="1:6">
      <c r="A111" s="149" t="s">
        <v>1964</v>
      </c>
      <c r="B111" s="149"/>
      <c r="C111" s="150">
        <v>2346299.9400000004</v>
      </c>
      <c r="D111" s="150">
        <v>33618.68</v>
      </c>
      <c r="E111" s="150">
        <v>2379918.6199999996</v>
      </c>
      <c r="F111" s="60"/>
    </row>
    <row r="112" spans="1:6">
      <c r="A112" s="149" t="s">
        <v>1965</v>
      </c>
      <c r="B112" s="149"/>
      <c r="C112" s="150">
        <v>10285149.07</v>
      </c>
      <c r="D112" s="150">
        <v>6497333.3900000006</v>
      </c>
      <c r="E112" s="150">
        <v>16782482.460000001</v>
      </c>
      <c r="F112" s="60"/>
    </row>
    <row r="113" spans="1:6">
      <c r="A113" s="149" t="s">
        <v>1966</v>
      </c>
      <c r="B113" s="149"/>
      <c r="C113" s="150">
        <v>1159999.94</v>
      </c>
      <c r="D113" s="150">
        <v>60803.85</v>
      </c>
      <c r="E113" s="150">
        <v>1220803.79</v>
      </c>
      <c r="F113" s="60"/>
    </row>
    <row r="114" spans="1:6">
      <c r="A114" s="149" t="s">
        <v>1967</v>
      </c>
      <c r="B114" s="149"/>
      <c r="C114" s="150">
        <v>393502202.01999998</v>
      </c>
      <c r="D114" s="150">
        <v>26147416.859999999</v>
      </c>
      <c r="E114" s="150">
        <v>419649618.87999994</v>
      </c>
      <c r="F114" s="60"/>
    </row>
    <row r="115" spans="1:6">
      <c r="A115" s="149" t="s">
        <v>1968</v>
      </c>
      <c r="B115" s="149"/>
      <c r="C115" s="150">
        <v>7710492.0099999998</v>
      </c>
      <c r="D115" s="150">
        <v>0</v>
      </c>
      <c r="E115" s="150">
        <v>7710492.0099999998</v>
      </c>
      <c r="F115" s="60"/>
    </row>
    <row r="116" spans="1:6">
      <c r="A116" s="149" t="s">
        <v>1969</v>
      </c>
      <c r="B116" s="149"/>
      <c r="C116" s="150">
        <v>524758.55000000005</v>
      </c>
      <c r="D116" s="150">
        <v>36610.720000000001</v>
      </c>
      <c r="E116" s="150">
        <v>561369.27</v>
      </c>
      <c r="F116" s="60"/>
    </row>
    <row r="117" spans="1:6">
      <c r="A117" s="149" t="s">
        <v>1970</v>
      </c>
      <c r="B117" s="149"/>
      <c r="C117" s="150">
        <v>21739461.309999999</v>
      </c>
      <c r="D117" s="150">
        <v>2521259.23</v>
      </c>
      <c r="E117" s="150">
        <v>24260720.540000003</v>
      </c>
      <c r="F117" s="60"/>
    </row>
    <row r="118" spans="1:6">
      <c r="A118" s="149" t="s">
        <v>1971</v>
      </c>
      <c r="B118" s="149"/>
      <c r="C118" s="150">
        <v>1500093.13</v>
      </c>
      <c r="D118" s="150">
        <v>3093101.38</v>
      </c>
      <c r="E118" s="150">
        <v>4593194.5100000007</v>
      </c>
      <c r="F118" s="60"/>
    </row>
    <row r="119" spans="1:6">
      <c r="A119" s="149" t="s">
        <v>1972</v>
      </c>
      <c r="B119" s="149"/>
      <c r="C119" s="150">
        <v>33170268.399999999</v>
      </c>
      <c r="D119" s="150">
        <v>-1222021.95</v>
      </c>
      <c r="E119" s="150">
        <v>31948246.449999999</v>
      </c>
      <c r="F119" s="60"/>
    </row>
    <row r="120" spans="1:6">
      <c r="A120" s="149" t="s">
        <v>1973</v>
      </c>
      <c r="B120" s="149"/>
      <c r="C120" s="150">
        <v>81714.22</v>
      </c>
      <c r="D120" s="150">
        <v>95718.720000000001</v>
      </c>
      <c r="E120" s="150">
        <v>177432.94</v>
      </c>
      <c r="F120" s="60"/>
    </row>
    <row r="121" spans="1:6">
      <c r="A121" s="149" t="s">
        <v>1974</v>
      </c>
      <c r="B121" s="149"/>
      <c r="C121" s="150">
        <v>4800974.54</v>
      </c>
      <c r="D121" s="150">
        <v>402595.11</v>
      </c>
      <c r="E121" s="150">
        <v>5203569.6499999994</v>
      </c>
      <c r="F121" s="60"/>
    </row>
    <row r="122" spans="1:6">
      <c r="A122" s="149" t="s">
        <v>1975</v>
      </c>
      <c r="B122" s="149"/>
      <c r="C122" s="150">
        <v>277680.05</v>
      </c>
      <c r="D122" s="150">
        <v>0</v>
      </c>
      <c r="E122" s="150">
        <v>277680.05</v>
      </c>
      <c r="F122" s="60"/>
    </row>
    <row r="123" spans="1:6">
      <c r="A123" s="149" t="s">
        <v>1976</v>
      </c>
      <c r="B123" s="149"/>
      <c r="C123" s="150">
        <v>480551654.32999998</v>
      </c>
      <c r="D123" s="150">
        <v>37666435.990000002</v>
      </c>
      <c r="E123" s="150">
        <v>518218090.31999999</v>
      </c>
      <c r="F123" s="60"/>
    </row>
    <row r="124" spans="1:6">
      <c r="A124" s="149" t="s">
        <v>1977</v>
      </c>
      <c r="B124" s="149"/>
      <c r="C124" s="150">
        <v>4687509.6900000004</v>
      </c>
      <c r="D124" s="150">
        <v>-2194014.1300000004</v>
      </c>
      <c r="E124" s="150">
        <v>2493495.56</v>
      </c>
      <c r="F124" s="60"/>
    </row>
    <row r="125" spans="1:6">
      <c r="A125" s="149" t="s">
        <v>1978</v>
      </c>
      <c r="B125" s="149"/>
      <c r="C125" s="150">
        <v>369610.13</v>
      </c>
      <c r="D125" s="150">
        <v>-152117.29999999999</v>
      </c>
      <c r="E125" s="150">
        <v>217492.83</v>
      </c>
      <c r="F125" s="60"/>
    </row>
    <row r="126" spans="1:6">
      <c r="A126" s="149" t="s">
        <v>1979</v>
      </c>
      <c r="B126" s="149"/>
      <c r="C126" s="150">
        <v>0</v>
      </c>
      <c r="D126" s="150">
        <v>0</v>
      </c>
      <c r="E126" s="150">
        <v>0</v>
      </c>
      <c r="F126" s="60"/>
    </row>
    <row r="127" spans="1:6">
      <c r="A127" s="149" t="s">
        <v>1980</v>
      </c>
      <c r="B127" s="149"/>
      <c r="C127" s="150">
        <v>16483793.319999998</v>
      </c>
      <c r="D127" s="150">
        <v>0</v>
      </c>
      <c r="E127" s="150">
        <v>16483793.319999998</v>
      </c>
      <c r="F127" s="60"/>
    </row>
    <row r="128" spans="1:6">
      <c r="A128" s="149" t="s">
        <v>1981</v>
      </c>
      <c r="B128" s="149"/>
      <c r="C128" s="150">
        <v>0</v>
      </c>
      <c r="D128" s="150">
        <v>1409129</v>
      </c>
      <c r="E128" s="150">
        <v>1409129</v>
      </c>
      <c r="F128" s="60"/>
    </row>
    <row r="129" spans="1:6">
      <c r="A129" s="149" t="s">
        <v>1982</v>
      </c>
      <c r="B129" s="149"/>
      <c r="C129" s="150">
        <v>7427719</v>
      </c>
      <c r="D129" s="150">
        <v>13062859.75</v>
      </c>
      <c r="E129" s="150">
        <v>20490578.75</v>
      </c>
      <c r="F129" s="60"/>
    </row>
    <row r="130" spans="1:6">
      <c r="A130" s="149" t="s">
        <v>1983</v>
      </c>
      <c r="B130" s="149"/>
      <c r="C130" s="150">
        <v>12966035.17</v>
      </c>
      <c r="D130" s="150">
        <v>-1082585.95</v>
      </c>
      <c r="E130" s="150">
        <v>11883449.219999999</v>
      </c>
      <c r="F130" s="60"/>
    </row>
    <row r="131" spans="1:6">
      <c r="A131" s="149" t="s">
        <v>1984</v>
      </c>
      <c r="B131" s="149"/>
      <c r="C131" s="150">
        <v>14469.32</v>
      </c>
      <c r="D131" s="150">
        <v>80.539999999999992</v>
      </c>
      <c r="E131" s="150">
        <v>14549.86</v>
      </c>
      <c r="F131" s="60"/>
    </row>
    <row r="132" spans="1:6">
      <c r="A132" s="149" t="s">
        <v>1985</v>
      </c>
      <c r="B132" s="149"/>
      <c r="C132" s="150">
        <v>19800</v>
      </c>
      <c r="D132" s="150">
        <v>0</v>
      </c>
      <c r="E132" s="150">
        <v>19800</v>
      </c>
      <c r="F132" s="60"/>
    </row>
    <row r="133" spans="1:6">
      <c r="A133" s="149" t="s">
        <v>1986</v>
      </c>
      <c r="B133" s="149"/>
      <c r="C133" s="150">
        <v>-3543158.3000000003</v>
      </c>
      <c r="D133" s="150">
        <v>199177.25</v>
      </c>
      <c r="E133" s="150">
        <v>-3343981.0500000003</v>
      </c>
      <c r="F133" s="60"/>
    </row>
    <row r="134" spans="1:6">
      <c r="A134" s="149" t="s">
        <v>1987</v>
      </c>
      <c r="B134" s="149"/>
      <c r="C134" s="150">
        <v>0</v>
      </c>
      <c r="D134" s="150">
        <v>0</v>
      </c>
      <c r="E134" s="150">
        <v>0</v>
      </c>
      <c r="F134" s="60"/>
    </row>
    <row r="135" spans="1:6">
      <c r="A135" s="149" t="s">
        <v>1988</v>
      </c>
      <c r="B135" s="149"/>
      <c r="C135" s="150">
        <v>38425778.329999998</v>
      </c>
      <c r="D135" s="150">
        <v>11242529.16</v>
      </c>
      <c r="E135" s="150">
        <v>49668307.490000002</v>
      </c>
      <c r="F135" s="60"/>
    </row>
    <row r="136" spans="1:6">
      <c r="A136" s="149" t="s">
        <v>1989</v>
      </c>
      <c r="B136" s="149"/>
      <c r="C136" s="150">
        <v>-47671309.670000002</v>
      </c>
      <c r="D136" s="150">
        <v>639231.04999999993</v>
      </c>
      <c r="E136" s="150">
        <v>-47032078.620000005</v>
      </c>
      <c r="F136" s="60"/>
    </row>
    <row r="137" spans="1:6">
      <c r="A137" s="149" t="s">
        <v>1990</v>
      </c>
      <c r="B137" s="149"/>
      <c r="C137" s="150">
        <v>-8194999.4699999997</v>
      </c>
      <c r="D137" s="150">
        <v>-101527743.83</v>
      </c>
      <c r="E137" s="150">
        <v>-109722743.3</v>
      </c>
      <c r="F137" s="60"/>
    </row>
    <row r="138" spans="1:6">
      <c r="A138" s="149" t="s">
        <v>1991</v>
      </c>
      <c r="B138" s="149"/>
      <c r="C138" s="150">
        <v>152463682.30000001</v>
      </c>
      <c r="D138" s="150">
        <v>15676906.74</v>
      </c>
      <c r="E138" s="150">
        <v>168140589.03999999</v>
      </c>
      <c r="F138" s="60"/>
    </row>
    <row r="139" spans="1:6">
      <c r="A139" s="149" t="s">
        <v>1992</v>
      </c>
      <c r="B139" s="149"/>
      <c r="C139" s="150">
        <v>224634.29</v>
      </c>
      <c r="D139" s="150">
        <v>74878.09</v>
      </c>
      <c r="E139" s="150">
        <v>299512.38</v>
      </c>
      <c r="F139" s="60"/>
    </row>
    <row r="140" spans="1:6">
      <c r="A140" s="149" t="s">
        <v>1993</v>
      </c>
      <c r="B140" s="149"/>
      <c r="C140" s="150">
        <v>0</v>
      </c>
      <c r="D140" s="150">
        <v>0</v>
      </c>
      <c r="E140" s="150">
        <v>0</v>
      </c>
      <c r="F140" s="60"/>
    </row>
    <row r="141" spans="1:6">
      <c r="A141" s="149" t="s">
        <v>1994</v>
      </c>
      <c r="B141" s="149"/>
      <c r="C141" s="150">
        <v>31868.85</v>
      </c>
      <c r="D141" s="150">
        <v>0</v>
      </c>
      <c r="E141" s="150">
        <v>31868.85</v>
      </c>
      <c r="F141" s="60"/>
    </row>
    <row r="142" spans="1:6">
      <c r="A142" s="149" t="s">
        <v>1995</v>
      </c>
      <c r="B142" s="149"/>
      <c r="C142" s="150">
        <v>96853876.299999997</v>
      </c>
      <c r="D142" s="150">
        <v>-85136727.949999988</v>
      </c>
      <c r="E142" s="150">
        <v>11717148.35</v>
      </c>
      <c r="F142" s="60"/>
    </row>
    <row r="143" spans="1:6">
      <c r="A143" s="149" t="s">
        <v>1996</v>
      </c>
      <c r="B143" s="149"/>
      <c r="C143" s="150">
        <v>56903.54</v>
      </c>
      <c r="D143" s="150">
        <v>16633.22</v>
      </c>
      <c r="E143" s="150">
        <v>73536.759999999995</v>
      </c>
      <c r="F143" s="60"/>
    </row>
    <row r="144" spans="1:6">
      <c r="A144" s="149" t="s">
        <v>1997</v>
      </c>
      <c r="B144" s="149"/>
      <c r="C144" s="150">
        <v>56903.54</v>
      </c>
      <c r="D144" s="150">
        <v>16633.22</v>
      </c>
      <c r="E144" s="150">
        <v>73536.760000000009</v>
      </c>
      <c r="F144" s="60"/>
    </row>
    <row r="145" spans="1:6">
      <c r="A145" s="149" t="s">
        <v>1998</v>
      </c>
      <c r="B145" s="149"/>
      <c r="C145" s="150">
        <v>109675732.42999999</v>
      </c>
      <c r="D145" s="150">
        <v>13145606.829999998</v>
      </c>
      <c r="E145" s="150">
        <v>122821339.25999999</v>
      </c>
      <c r="F145" s="60"/>
    </row>
    <row r="146" spans="1:6">
      <c r="A146" s="149" t="s">
        <v>1999</v>
      </c>
      <c r="B146" s="149"/>
      <c r="C146" s="150">
        <v>109675732.42999999</v>
      </c>
      <c r="D146" s="150">
        <v>13145606.829999998</v>
      </c>
      <c r="E146" s="150">
        <v>122821339.25999999</v>
      </c>
      <c r="F146" s="60"/>
    </row>
    <row r="147" spans="1:6">
      <c r="A147" s="149" t="s">
        <v>2000</v>
      </c>
      <c r="B147" s="149"/>
      <c r="C147" s="150">
        <v>725563944.92999995</v>
      </c>
      <c r="D147" s="150">
        <v>-23065522.75</v>
      </c>
      <c r="E147" s="150">
        <v>702498422.18000007</v>
      </c>
      <c r="F147" s="60"/>
    </row>
    <row r="148" spans="1:6">
      <c r="A148" s="149" t="s">
        <v>2001</v>
      </c>
      <c r="B148" s="149"/>
      <c r="C148" s="150">
        <v>-16802409</v>
      </c>
      <c r="D148" s="150">
        <v>-10000000</v>
      </c>
      <c r="E148" s="150">
        <v>-26802409</v>
      </c>
      <c r="F148" s="60"/>
    </row>
    <row r="149" spans="1:6">
      <c r="A149" s="149" t="s">
        <v>2002</v>
      </c>
      <c r="B149" s="149"/>
      <c r="C149" s="150">
        <v>-736991</v>
      </c>
      <c r="D149" s="150">
        <v>0</v>
      </c>
      <c r="E149" s="150">
        <v>-736991</v>
      </c>
      <c r="F149" s="60"/>
    </row>
    <row r="150" spans="1:6">
      <c r="A150" s="149" t="s">
        <v>2003</v>
      </c>
      <c r="B150" s="149"/>
      <c r="C150" s="150">
        <v>-179278.79</v>
      </c>
      <c r="D150" s="150">
        <v>0</v>
      </c>
      <c r="E150" s="150">
        <v>-179278.79</v>
      </c>
      <c r="F150" s="60"/>
    </row>
    <row r="151" spans="1:6">
      <c r="A151" s="149" t="s">
        <v>2004</v>
      </c>
      <c r="B151" s="149"/>
      <c r="C151" s="150">
        <v>-8403110.2699999996</v>
      </c>
      <c r="D151" s="150">
        <v>1152.08</v>
      </c>
      <c r="E151" s="150">
        <v>-8401958.1899999995</v>
      </c>
      <c r="F151" s="60"/>
    </row>
    <row r="152" spans="1:6">
      <c r="A152" s="149" t="s">
        <v>2005</v>
      </c>
      <c r="B152" s="149"/>
      <c r="C152" s="150">
        <v>-26121789.060000002</v>
      </c>
      <c r="D152" s="150">
        <v>-9998847.9199999999</v>
      </c>
      <c r="E152" s="150">
        <v>-36120636.980000004</v>
      </c>
      <c r="F152" s="60"/>
    </row>
    <row r="153" spans="1:6">
      <c r="A153" s="149" t="s">
        <v>2006</v>
      </c>
      <c r="B153" s="149"/>
      <c r="C153" s="150">
        <v>699442155.87</v>
      </c>
      <c r="D153" s="150">
        <v>-33064370.669999998</v>
      </c>
      <c r="E153" s="150">
        <v>666377785.19999993</v>
      </c>
      <c r="F153" s="60"/>
    </row>
    <row r="154" spans="1:6">
      <c r="A154" s="149" t="s">
        <v>2007</v>
      </c>
      <c r="B154" s="149"/>
      <c r="C154" s="150">
        <v>67385228.310000002</v>
      </c>
      <c r="D154" s="150">
        <v>-6974441.7000000002</v>
      </c>
      <c r="E154" s="150">
        <v>60410786.610000007</v>
      </c>
      <c r="F154" s="60"/>
    </row>
    <row r="155" spans="1:6">
      <c r="A155" s="149" t="s">
        <v>2008</v>
      </c>
      <c r="B155" s="149"/>
      <c r="C155" s="150">
        <v>25050559.709999997</v>
      </c>
      <c r="D155" s="150">
        <v>1831128.05</v>
      </c>
      <c r="E155" s="150">
        <v>26881687.760000002</v>
      </c>
      <c r="F155" s="60"/>
    </row>
    <row r="156" spans="1:6">
      <c r="A156" s="149" t="s">
        <v>2009</v>
      </c>
      <c r="B156" s="149"/>
      <c r="C156" s="150">
        <v>0</v>
      </c>
      <c r="D156" s="150">
        <v>3196902.45</v>
      </c>
      <c r="E156" s="150">
        <v>3196902.45</v>
      </c>
      <c r="F156" s="60"/>
    </row>
    <row r="157" spans="1:6">
      <c r="A157" s="149" t="s">
        <v>2010</v>
      </c>
      <c r="B157" s="149"/>
      <c r="C157" s="150">
        <v>92435788.019999996</v>
      </c>
      <c r="D157" s="150">
        <v>-1946411.2000000002</v>
      </c>
      <c r="E157" s="150">
        <v>90489376.820000008</v>
      </c>
      <c r="F157" s="60"/>
    </row>
    <row r="158" spans="1:6">
      <c r="A158" s="149" t="s">
        <v>2011</v>
      </c>
      <c r="B158" s="149"/>
      <c r="C158" s="150">
        <v>76211157</v>
      </c>
      <c r="D158" s="150">
        <v>-7003200.1399999997</v>
      </c>
      <c r="E158" s="150">
        <v>69207956.859999999</v>
      </c>
      <c r="F158" s="60"/>
    </row>
    <row r="159" spans="1:6">
      <c r="A159" s="149" t="s">
        <v>2012</v>
      </c>
      <c r="B159" s="149"/>
      <c r="C159" s="150">
        <v>76211157</v>
      </c>
      <c r="D159" s="150">
        <v>-7003200.1399999997</v>
      </c>
      <c r="E159" s="150">
        <v>69207956.859999999</v>
      </c>
      <c r="F159" s="60"/>
    </row>
    <row r="160" spans="1:6">
      <c r="A160" s="149" t="s">
        <v>2013</v>
      </c>
      <c r="B160" s="149"/>
      <c r="C160" s="150">
        <v>12017930.470000001</v>
      </c>
      <c r="D160" s="150">
        <v>994063.35999999999</v>
      </c>
      <c r="E160" s="150">
        <v>13011993.83</v>
      </c>
      <c r="F160" s="60"/>
    </row>
    <row r="161" spans="1:6">
      <c r="A161" s="149" t="s">
        <v>2014</v>
      </c>
      <c r="B161" s="149"/>
      <c r="C161" s="150">
        <v>12017930.470000001</v>
      </c>
      <c r="D161" s="150">
        <v>994063.35999999999</v>
      </c>
      <c r="E161" s="150">
        <v>13011993.83</v>
      </c>
      <c r="F161" s="60"/>
    </row>
    <row r="162" spans="1:6">
      <c r="A162" s="149" t="s">
        <v>2015</v>
      </c>
      <c r="B162" s="149"/>
      <c r="C162" s="150">
        <v>180664875.49000001</v>
      </c>
      <c r="D162" s="150">
        <v>-7955547.9799999995</v>
      </c>
      <c r="E162" s="150">
        <v>172709327.50999999</v>
      </c>
      <c r="F162" s="60"/>
    </row>
    <row r="163" spans="1:6">
      <c r="A163" s="149" t="s">
        <v>2016</v>
      </c>
      <c r="B163" s="149"/>
      <c r="C163" s="150">
        <v>366389011.53000003</v>
      </c>
      <c r="D163" s="150">
        <v>6523404.4100000001</v>
      </c>
      <c r="E163" s="150">
        <v>372912415.94</v>
      </c>
      <c r="F163" s="60"/>
    </row>
    <row r="164" spans="1:6">
      <c r="A164" s="149" t="s">
        <v>2017</v>
      </c>
      <c r="B164" s="149"/>
      <c r="C164" s="150">
        <v>3631123.98</v>
      </c>
      <c r="D164" s="150">
        <v>0</v>
      </c>
      <c r="E164" s="150">
        <v>3631123.98</v>
      </c>
      <c r="F164" s="60"/>
    </row>
    <row r="165" spans="1:6">
      <c r="A165" s="149" t="s">
        <v>2018</v>
      </c>
      <c r="B165" s="149"/>
      <c r="C165" s="150">
        <v>1351384.31</v>
      </c>
      <c r="D165" s="150">
        <v>211222.3</v>
      </c>
      <c r="E165" s="150">
        <v>1562606.61</v>
      </c>
      <c r="F165" s="60"/>
    </row>
    <row r="166" spans="1:6">
      <c r="A166" s="149" t="s">
        <v>2019</v>
      </c>
      <c r="B166" s="149"/>
      <c r="C166" s="150">
        <v>3760978.55</v>
      </c>
      <c r="D166" s="150">
        <v>264406.47000000003</v>
      </c>
      <c r="E166" s="150">
        <v>4025385.02</v>
      </c>
      <c r="F166" s="60"/>
    </row>
    <row r="167" spans="1:6">
      <c r="A167" s="149" t="s">
        <v>2020</v>
      </c>
      <c r="B167" s="149"/>
      <c r="C167" s="150">
        <v>-773905.99</v>
      </c>
      <c r="D167" s="150">
        <v>-15897.100000000002</v>
      </c>
      <c r="E167" s="150">
        <v>-789803.09</v>
      </c>
      <c r="F167" s="60"/>
    </row>
    <row r="168" spans="1:6">
      <c r="A168" s="149" t="s">
        <v>2021</v>
      </c>
      <c r="B168" s="149"/>
      <c r="C168" s="150">
        <v>374358592.38</v>
      </c>
      <c r="D168" s="150">
        <v>6983136.0800000001</v>
      </c>
      <c r="E168" s="150">
        <v>381341728.45999998</v>
      </c>
      <c r="F168" s="60"/>
    </row>
    <row r="169" spans="1:6">
      <c r="A169" s="149" t="s">
        <v>2022</v>
      </c>
      <c r="B169" s="149"/>
      <c r="C169" s="150">
        <v>0</v>
      </c>
      <c r="D169" s="150">
        <v>0</v>
      </c>
      <c r="E169" s="150">
        <v>0</v>
      </c>
      <c r="F169" s="60"/>
    </row>
    <row r="170" spans="1:6">
      <c r="A170" s="149" t="s">
        <v>2023</v>
      </c>
      <c r="B170" s="149"/>
      <c r="C170" s="150">
        <v>3210153.45</v>
      </c>
      <c r="D170" s="150">
        <v>0</v>
      </c>
      <c r="E170" s="150">
        <v>3210153.45</v>
      </c>
      <c r="F170" s="60"/>
    </row>
    <row r="171" spans="1:6">
      <c r="A171" s="149" t="s">
        <v>2024</v>
      </c>
      <c r="B171" s="149"/>
      <c r="C171" s="150">
        <v>3210153.45</v>
      </c>
      <c r="D171" s="150">
        <v>0</v>
      </c>
      <c r="E171" s="150">
        <v>3210153.45</v>
      </c>
      <c r="F171" s="60"/>
    </row>
    <row r="172" spans="1:6">
      <c r="A172" s="149" t="s">
        <v>2025</v>
      </c>
      <c r="B172" s="149"/>
      <c r="C172" s="150">
        <v>9810825.6799999997</v>
      </c>
      <c r="D172" s="150">
        <v>6648728.8799999999</v>
      </c>
      <c r="E172" s="150">
        <v>16459554.560000001</v>
      </c>
      <c r="F172" s="60"/>
    </row>
    <row r="173" spans="1:6">
      <c r="A173" s="149" t="s">
        <v>2026</v>
      </c>
      <c r="B173" s="149"/>
      <c r="C173" s="150">
        <v>-3341.48</v>
      </c>
      <c r="D173" s="150">
        <v>0</v>
      </c>
      <c r="E173" s="150">
        <v>-3341.48</v>
      </c>
      <c r="F173" s="60"/>
    </row>
    <row r="174" spans="1:6">
      <c r="A174" s="149" t="s">
        <v>2027</v>
      </c>
      <c r="B174" s="149"/>
      <c r="C174" s="150">
        <v>2460738.33</v>
      </c>
      <c r="D174" s="150">
        <v>0</v>
      </c>
      <c r="E174" s="150">
        <v>2460738.33</v>
      </c>
      <c r="F174" s="60"/>
    </row>
    <row r="175" spans="1:6">
      <c r="A175" s="149" t="s">
        <v>2028</v>
      </c>
      <c r="B175" s="149"/>
      <c r="C175" s="150">
        <v>2635.44</v>
      </c>
      <c r="D175" s="150">
        <v>0</v>
      </c>
      <c r="E175" s="150">
        <v>2635.44</v>
      </c>
      <c r="F175" s="60"/>
    </row>
    <row r="176" spans="1:6">
      <c r="A176" s="149" t="s">
        <v>2029</v>
      </c>
      <c r="B176" s="149"/>
      <c r="C176" s="150">
        <v>12270857.970000001</v>
      </c>
      <c r="D176" s="150">
        <v>6648728.8799999999</v>
      </c>
      <c r="E176" s="150">
        <v>18919586.849999998</v>
      </c>
      <c r="F176" s="60"/>
    </row>
    <row r="177" spans="1:6">
      <c r="A177" s="149" t="s">
        <v>2030</v>
      </c>
      <c r="B177" s="149"/>
      <c r="C177" s="150">
        <v>-47145.22</v>
      </c>
      <c r="D177" s="150">
        <v>-24498.6</v>
      </c>
      <c r="E177" s="150">
        <v>-71643.819999999992</v>
      </c>
      <c r="F177" s="60"/>
    </row>
    <row r="178" spans="1:6">
      <c r="A178" s="149" t="s">
        <v>2031</v>
      </c>
      <c r="B178" s="149"/>
      <c r="C178" s="150">
        <v>-47145.219999999994</v>
      </c>
      <c r="D178" s="150">
        <v>-24498.600000000002</v>
      </c>
      <c r="E178" s="150">
        <v>-71643.820000000007</v>
      </c>
      <c r="F178" s="60"/>
    </row>
    <row r="179" spans="1:6">
      <c r="A179" s="149" t="s">
        <v>2032</v>
      </c>
      <c r="B179" s="149"/>
      <c r="C179" s="150">
        <v>570457334.06999993</v>
      </c>
      <c r="D179" s="150">
        <v>5651818.3799999999</v>
      </c>
      <c r="E179" s="150">
        <v>576109152.45000005</v>
      </c>
      <c r="F179" s="60"/>
    </row>
    <row r="180" spans="1:6">
      <c r="A180" s="149" t="s">
        <v>2033</v>
      </c>
      <c r="B180" s="149"/>
      <c r="C180" s="150">
        <v>35386674.909999996</v>
      </c>
      <c r="D180" s="150">
        <v>2180060.48</v>
      </c>
      <c r="E180" s="150">
        <v>37566735.390000001</v>
      </c>
      <c r="F180" s="60"/>
    </row>
    <row r="181" spans="1:6">
      <c r="A181" s="149" t="s">
        <v>2034</v>
      </c>
      <c r="B181" s="149"/>
      <c r="C181" s="150">
        <v>3030867.13</v>
      </c>
      <c r="D181" s="150">
        <v>3137151.86</v>
      </c>
      <c r="E181" s="150">
        <v>6168018.9900000002</v>
      </c>
      <c r="F181" s="60"/>
    </row>
    <row r="182" spans="1:6">
      <c r="A182" s="149" t="s">
        <v>2035</v>
      </c>
      <c r="B182" s="149"/>
      <c r="C182" s="150">
        <v>18172844.990000002</v>
      </c>
      <c r="D182" s="150">
        <v>3594345.71</v>
      </c>
      <c r="E182" s="150">
        <v>21767190.699999999</v>
      </c>
      <c r="F182" s="60"/>
    </row>
    <row r="183" spans="1:6">
      <c r="A183" s="149" t="s">
        <v>2036</v>
      </c>
      <c r="B183" s="149"/>
      <c r="C183" s="150">
        <v>115080</v>
      </c>
      <c r="D183" s="150">
        <v>901840.67</v>
      </c>
      <c r="E183" s="150">
        <v>1016920.67</v>
      </c>
      <c r="F183" s="60"/>
    </row>
    <row r="184" spans="1:6">
      <c r="A184" s="149" t="s">
        <v>2037</v>
      </c>
      <c r="B184" s="149"/>
      <c r="C184" s="150">
        <v>1834798.25</v>
      </c>
      <c r="D184" s="150">
        <v>-1834798.25</v>
      </c>
      <c r="E184" s="150">
        <v>0</v>
      </c>
      <c r="F184" s="60"/>
    </row>
    <row r="185" spans="1:6">
      <c r="A185" s="149" t="s">
        <v>2038</v>
      </c>
      <c r="B185" s="149"/>
      <c r="C185" s="150">
        <v>0</v>
      </c>
      <c r="D185" s="150">
        <v>0</v>
      </c>
      <c r="E185" s="150">
        <v>0</v>
      </c>
      <c r="F185" s="60"/>
    </row>
    <row r="186" spans="1:6">
      <c r="A186" s="149" t="s">
        <v>2039</v>
      </c>
      <c r="B186" s="149"/>
      <c r="C186" s="150">
        <v>304165.43000000005</v>
      </c>
      <c r="D186" s="150">
        <v>276854.62</v>
      </c>
      <c r="E186" s="150">
        <v>581020.05000000005</v>
      </c>
      <c r="F186" s="60"/>
    </row>
    <row r="187" spans="1:6">
      <c r="A187" s="149" t="s">
        <v>2040</v>
      </c>
      <c r="B187" s="149"/>
      <c r="C187" s="150">
        <v>79905</v>
      </c>
      <c r="D187" s="150">
        <v>0</v>
      </c>
      <c r="E187" s="150">
        <v>79905</v>
      </c>
      <c r="F187" s="60"/>
    </row>
    <row r="188" spans="1:6">
      <c r="A188" s="149" t="s">
        <v>2041</v>
      </c>
      <c r="B188" s="149"/>
      <c r="C188" s="150">
        <v>-225.27</v>
      </c>
      <c r="D188" s="150">
        <v>0</v>
      </c>
      <c r="E188" s="150">
        <v>-225.27</v>
      </c>
      <c r="F188" s="60"/>
    </row>
    <row r="189" spans="1:6">
      <c r="A189" s="149" t="s">
        <v>2042</v>
      </c>
      <c r="B189" s="149"/>
      <c r="C189" s="150">
        <v>58924110.439999998</v>
      </c>
      <c r="D189" s="150">
        <v>8255455.0899999999</v>
      </c>
      <c r="E189" s="150">
        <v>67179565.530000001</v>
      </c>
      <c r="F189" s="60"/>
    </row>
    <row r="190" spans="1:6">
      <c r="A190" s="149" t="s">
        <v>2043</v>
      </c>
      <c r="B190" s="149"/>
      <c r="C190" s="150">
        <v>0</v>
      </c>
      <c r="D190" s="150">
        <v>0</v>
      </c>
      <c r="E190" s="150">
        <v>0</v>
      </c>
      <c r="F190" s="60"/>
    </row>
    <row r="191" spans="1:6">
      <c r="A191" s="149" t="s">
        <v>2044</v>
      </c>
      <c r="B191" s="149"/>
      <c r="C191" s="150">
        <v>0</v>
      </c>
      <c r="D191" s="150">
        <v>0</v>
      </c>
      <c r="E191" s="150">
        <v>0</v>
      </c>
      <c r="F191" s="60"/>
    </row>
    <row r="192" spans="1:6">
      <c r="A192" s="149" t="s">
        <v>2045</v>
      </c>
      <c r="B192" s="149"/>
      <c r="C192" s="150"/>
      <c r="D192" s="150">
        <v>17162290.380000003</v>
      </c>
      <c r="E192" s="150">
        <v>17162290.380000003</v>
      </c>
      <c r="F192" s="60"/>
    </row>
    <row r="193" spans="1:6">
      <c r="A193" s="149" t="s">
        <v>2046</v>
      </c>
      <c r="B193" s="149"/>
      <c r="C193" s="150"/>
      <c r="D193" s="150">
        <v>17162290.380000003</v>
      </c>
      <c r="E193" s="150">
        <v>17162290.380000003</v>
      </c>
      <c r="F193" s="60"/>
    </row>
    <row r="194" spans="1:6">
      <c r="A194" s="149" t="s">
        <v>2047</v>
      </c>
      <c r="B194" s="149"/>
      <c r="C194" s="150"/>
      <c r="D194" s="150">
        <v>17162290.380000003</v>
      </c>
      <c r="E194" s="150">
        <v>17162290.380000003</v>
      </c>
      <c r="F194" s="60"/>
    </row>
    <row r="195" spans="1:6">
      <c r="A195" s="149" t="s">
        <v>2048</v>
      </c>
      <c r="B195" s="149"/>
      <c r="C195" s="150">
        <v>22226865.470000003</v>
      </c>
      <c r="D195" s="150">
        <v>-22226865.470000003</v>
      </c>
      <c r="E195" s="150">
        <v>0</v>
      </c>
      <c r="F195" s="60"/>
    </row>
    <row r="196" spans="1:6">
      <c r="A196" s="149" t="s">
        <v>2049</v>
      </c>
      <c r="B196" s="149"/>
      <c r="C196" s="150">
        <v>22226865.470000003</v>
      </c>
      <c r="D196" s="150">
        <v>-22226865.470000003</v>
      </c>
      <c r="E196" s="150">
        <v>0</v>
      </c>
      <c r="F196" s="60"/>
    </row>
    <row r="197" spans="1:6">
      <c r="A197" s="149" t="s">
        <v>2050</v>
      </c>
      <c r="B197" s="149"/>
      <c r="C197" s="150">
        <v>1391047165.76</v>
      </c>
      <c r="D197" s="150">
        <v>-19228440.34</v>
      </c>
      <c r="E197" s="150">
        <v>1371818725.4200001</v>
      </c>
      <c r="F197" s="60"/>
    </row>
    <row r="198" spans="1:6">
      <c r="A198" s="146" t="s">
        <v>2051</v>
      </c>
      <c r="B198" s="147"/>
      <c r="C198" s="151">
        <v>1391047165.76</v>
      </c>
      <c r="D198" s="151">
        <v>-19228440.34</v>
      </c>
      <c r="E198" s="151">
        <v>1371818725.4200001</v>
      </c>
      <c r="F198" s="60"/>
    </row>
    <row r="199" spans="1:6">
      <c r="A199" s="149" t="s">
        <v>2052</v>
      </c>
      <c r="B199" s="149"/>
      <c r="C199" s="150">
        <v>5296083.84</v>
      </c>
      <c r="D199" s="150">
        <v>-48826.84</v>
      </c>
      <c r="E199" s="150">
        <v>5247257</v>
      </c>
      <c r="F199" s="60"/>
    </row>
    <row r="200" spans="1:6">
      <c r="A200" s="149" t="s">
        <v>2053</v>
      </c>
      <c r="B200" s="149"/>
      <c r="C200" s="150">
        <v>5803851.5999999996</v>
      </c>
      <c r="D200" s="150">
        <v>-16655.399999999998</v>
      </c>
      <c r="E200" s="150">
        <v>5787196.1999999993</v>
      </c>
      <c r="F200" s="60"/>
    </row>
    <row r="201" spans="1:6">
      <c r="A201" s="149" t="s">
        <v>2054</v>
      </c>
      <c r="B201" s="149"/>
      <c r="C201" s="150">
        <v>-320536.61</v>
      </c>
      <c r="D201" s="150">
        <v>381634.99</v>
      </c>
      <c r="E201" s="150">
        <v>61098.38</v>
      </c>
      <c r="F201" s="60"/>
    </row>
    <row r="202" spans="1:6">
      <c r="A202" s="149" t="s">
        <v>2055</v>
      </c>
      <c r="B202" s="149"/>
      <c r="C202" s="150">
        <v>55780.159999999996</v>
      </c>
      <c r="D202" s="150">
        <v>-10409.77</v>
      </c>
      <c r="E202" s="150">
        <v>45370.39</v>
      </c>
      <c r="F202" s="60"/>
    </row>
    <row r="203" spans="1:6">
      <c r="A203" s="149" t="s">
        <v>2056</v>
      </c>
      <c r="B203" s="149"/>
      <c r="C203" s="150">
        <v>3036569.67</v>
      </c>
      <c r="D203" s="150">
        <v>-45008.439999999995</v>
      </c>
      <c r="E203" s="150">
        <v>2991561.23</v>
      </c>
      <c r="F203" s="60"/>
    </row>
    <row r="204" spans="1:6">
      <c r="A204" s="149" t="s">
        <v>2057</v>
      </c>
      <c r="B204" s="149"/>
      <c r="C204" s="150">
        <v>4111497.4499999997</v>
      </c>
      <c r="D204" s="150">
        <v>-13372.18</v>
      </c>
      <c r="E204" s="150">
        <v>4098125.27</v>
      </c>
      <c r="F204" s="60"/>
    </row>
    <row r="205" spans="1:6">
      <c r="A205" s="149" t="s">
        <v>2058</v>
      </c>
      <c r="B205" s="149"/>
      <c r="C205" s="150">
        <v>4205060.3600000003</v>
      </c>
      <c r="D205" s="150">
        <v>1815625.94</v>
      </c>
      <c r="E205" s="150">
        <v>6020686.2999999998</v>
      </c>
      <c r="F205" s="60"/>
    </row>
    <row r="206" spans="1:6">
      <c r="A206" s="149" t="s">
        <v>2059</v>
      </c>
      <c r="B206" s="149"/>
      <c r="C206" s="150">
        <v>3528879.25</v>
      </c>
      <c r="D206" s="150">
        <v>-39007.51</v>
      </c>
      <c r="E206" s="150">
        <v>3489871.7399999998</v>
      </c>
      <c r="F206" s="60"/>
    </row>
    <row r="207" spans="1:6">
      <c r="A207" s="149" t="s">
        <v>2060</v>
      </c>
      <c r="B207" s="149"/>
      <c r="C207" s="150">
        <v>5762608.6699999999</v>
      </c>
      <c r="D207" s="150">
        <v>-20148.980000000003</v>
      </c>
      <c r="E207" s="150">
        <v>5742459.6900000004</v>
      </c>
      <c r="F207" s="60"/>
    </row>
    <row r="208" spans="1:6">
      <c r="A208" s="149" t="s">
        <v>2061</v>
      </c>
      <c r="B208" s="149"/>
      <c r="C208" s="150">
        <v>2444745.91</v>
      </c>
      <c r="D208" s="150">
        <v>-49422.09</v>
      </c>
      <c r="E208" s="150">
        <v>2395323.8199999998</v>
      </c>
      <c r="F208" s="60"/>
    </row>
    <row r="209" spans="1:6">
      <c r="A209" s="149" t="s">
        <v>2062</v>
      </c>
      <c r="B209" s="149"/>
      <c r="C209" s="150">
        <v>4381208.3899999997</v>
      </c>
      <c r="D209" s="150">
        <v>-52157.24</v>
      </c>
      <c r="E209" s="150">
        <v>4329051.1500000004</v>
      </c>
      <c r="F209" s="60"/>
    </row>
    <row r="210" spans="1:6">
      <c r="A210" s="149" t="s">
        <v>2063</v>
      </c>
      <c r="B210" s="149"/>
      <c r="C210" s="150">
        <v>73181.930000000008</v>
      </c>
      <c r="D210" s="150">
        <v>-4474.63</v>
      </c>
      <c r="E210" s="150">
        <v>68707.3</v>
      </c>
      <c r="F210" s="60"/>
    </row>
    <row r="211" spans="1:6">
      <c r="A211" s="149" t="s">
        <v>2064</v>
      </c>
      <c r="B211" s="149"/>
      <c r="C211" s="150">
        <v>2439559.71</v>
      </c>
      <c r="D211" s="150">
        <v>-47308.83</v>
      </c>
      <c r="E211" s="150">
        <v>2392250.88</v>
      </c>
      <c r="F211" s="60"/>
    </row>
    <row r="212" spans="1:6">
      <c r="A212" s="149" t="s">
        <v>2065</v>
      </c>
      <c r="B212" s="149"/>
      <c r="C212" s="150">
        <v>951794.02</v>
      </c>
      <c r="D212" s="150">
        <v>-15351.52</v>
      </c>
      <c r="E212" s="150">
        <v>936442.5</v>
      </c>
      <c r="F212" s="60"/>
    </row>
    <row r="213" spans="1:6">
      <c r="A213" s="149" t="s">
        <v>2066</v>
      </c>
      <c r="B213" s="149"/>
      <c r="C213" s="150">
        <v>1022142.89</v>
      </c>
      <c r="D213" s="150">
        <v>-8310.1099999999988</v>
      </c>
      <c r="E213" s="150">
        <v>1013832.78</v>
      </c>
      <c r="F213" s="60"/>
    </row>
    <row r="214" spans="1:6">
      <c r="A214" s="149" t="s">
        <v>2067</v>
      </c>
      <c r="B214" s="149"/>
      <c r="C214" s="150">
        <v>3307235.06</v>
      </c>
      <c r="D214" s="150">
        <v>-18635.809999999998</v>
      </c>
      <c r="E214" s="150">
        <v>3288599.25</v>
      </c>
      <c r="F214" s="60"/>
    </row>
    <row r="215" spans="1:6">
      <c r="A215" s="149" t="s">
        <v>2068</v>
      </c>
      <c r="B215" s="149"/>
      <c r="C215" s="150">
        <v>2707982.23</v>
      </c>
      <c r="D215" s="150">
        <v>-13019.140000000001</v>
      </c>
      <c r="E215" s="150">
        <v>2694963.09</v>
      </c>
      <c r="F215" s="60"/>
    </row>
    <row r="216" spans="1:6">
      <c r="A216" s="149" t="s">
        <v>2069</v>
      </c>
      <c r="B216" s="149"/>
      <c r="C216" s="150">
        <v>6804940.46</v>
      </c>
      <c r="D216" s="150">
        <v>-36494.14</v>
      </c>
      <c r="E216" s="150">
        <v>6768446.3200000003</v>
      </c>
      <c r="F216" s="60"/>
    </row>
    <row r="217" spans="1:6">
      <c r="A217" s="149" t="s">
        <v>2070</v>
      </c>
      <c r="B217" s="149"/>
      <c r="C217" s="150">
        <v>3239840.6599999997</v>
      </c>
      <c r="D217" s="150">
        <v>-13529.4</v>
      </c>
      <c r="E217" s="150">
        <v>3226311.2600000002</v>
      </c>
      <c r="F217" s="60"/>
    </row>
    <row r="218" spans="1:6">
      <c r="A218" s="149" t="s">
        <v>2071</v>
      </c>
      <c r="B218" s="149"/>
      <c r="C218" s="150">
        <v>58852425.649999999</v>
      </c>
      <c r="D218" s="150">
        <v>1745128.9</v>
      </c>
      <c r="E218" s="150">
        <v>60597554.549999997</v>
      </c>
      <c r="F218" s="60"/>
    </row>
    <row r="219" spans="1:6">
      <c r="A219" s="149" t="s">
        <v>2072</v>
      </c>
      <c r="B219" s="149"/>
      <c r="C219" s="150">
        <v>5165752.33</v>
      </c>
      <c r="D219" s="150">
        <v>-69954.989999999991</v>
      </c>
      <c r="E219" s="150">
        <v>5095797.34</v>
      </c>
      <c r="F219" s="60"/>
    </row>
    <row r="220" spans="1:6">
      <c r="A220" s="149" t="s">
        <v>2073</v>
      </c>
      <c r="B220" s="149"/>
      <c r="C220" s="150">
        <v>5165752.33</v>
      </c>
      <c r="D220" s="150">
        <v>-69954.989999999991</v>
      </c>
      <c r="E220" s="150">
        <v>5095797.34</v>
      </c>
      <c r="F220" s="60"/>
    </row>
    <row r="221" spans="1:6">
      <c r="A221" s="149" t="s">
        <v>2074</v>
      </c>
      <c r="B221" s="149"/>
      <c r="C221" s="150">
        <v>64018177.980000004</v>
      </c>
      <c r="D221" s="150">
        <v>1675173.9100000001</v>
      </c>
      <c r="E221" s="150">
        <v>65693351.890000001</v>
      </c>
      <c r="F221" s="60"/>
    </row>
    <row r="222" spans="1:6">
      <c r="A222" s="149" t="s">
        <v>2075</v>
      </c>
      <c r="B222" s="149"/>
      <c r="C222" s="150">
        <v>1378900.04</v>
      </c>
      <c r="D222" s="150">
        <v>-5429.58</v>
      </c>
      <c r="E222" s="150">
        <v>1373470.46</v>
      </c>
      <c r="F222" s="60"/>
    </row>
    <row r="223" spans="1:6">
      <c r="A223" s="149" t="s">
        <v>2076</v>
      </c>
      <c r="B223" s="149"/>
      <c r="C223" s="150">
        <v>1378900.04</v>
      </c>
      <c r="D223" s="150">
        <v>-5429.58</v>
      </c>
      <c r="E223" s="150">
        <v>1373470.46</v>
      </c>
      <c r="F223" s="60"/>
    </row>
    <row r="224" spans="1:6">
      <c r="A224" s="149" t="s">
        <v>2077</v>
      </c>
      <c r="B224" s="149"/>
      <c r="C224" s="150">
        <v>169565214.31</v>
      </c>
      <c r="D224" s="150">
        <v>-495839.60000000003</v>
      </c>
      <c r="E224" s="150">
        <v>169069374.71000001</v>
      </c>
      <c r="F224" s="60"/>
    </row>
    <row r="225" spans="1:6">
      <c r="A225" s="149" t="s">
        <v>2078</v>
      </c>
      <c r="B225" s="149"/>
      <c r="C225" s="150">
        <v>169565214.31</v>
      </c>
      <c r="D225" s="150">
        <v>-495839.60000000003</v>
      </c>
      <c r="E225" s="150">
        <v>169069374.71000001</v>
      </c>
      <c r="F225" s="60"/>
    </row>
    <row r="226" spans="1:6">
      <c r="A226" s="149" t="s">
        <v>2079</v>
      </c>
      <c r="B226" s="149"/>
      <c r="C226" s="150">
        <v>-16175606.059999999</v>
      </c>
      <c r="D226" s="150">
        <v>146743.43000000002</v>
      </c>
      <c r="E226" s="150">
        <v>-16028862.629999999</v>
      </c>
      <c r="F226" s="60"/>
    </row>
    <row r="227" spans="1:6">
      <c r="A227" s="149" t="s">
        <v>2080</v>
      </c>
      <c r="B227" s="149"/>
      <c r="C227" s="150">
        <v>-13530.79</v>
      </c>
      <c r="D227" s="150">
        <v>0</v>
      </c>
      <c r="E227" s="150">
        <v>-13530.79</v>
      </c>
      <c r="F227" s="60"/>
    </row>
    <row r="228" spans="1:6">
      <c r="A228" s="149" t="s">
        <v>2081</v>
      </c>
      <c r="B228" s="149"/>
      <c r="C228" s="150">
        <v>47246468.800000004</v>
      </c>
      <c r="D228" s="150">
        <v>-35586103</v>
      </c>
      <c r="E228" s="150">
        <v>11660365.800000001</v>
      </c>
      <c r="F228" s="60"/>
    </row>
    <row r="229" spans="1:6">
      <c r="A229" s="149" t="s">
        <v>2082</v>
      </c>
      <c r="B229" s="149"/>
      <c r="C229" s="150">
        <v>-0.15</v>
      </c>
      <c r="D229" s="150">
        <v>0</v>
      </c>
      <c r="E229" s="150">
        <v>-0.15</v>
      </c>
      <c r="F229" s="60"/>
    </row>
    <row r="230" spans="1:6">
      <c r="A230" s="149" t="s">
        <v>2083</v>
      </c>
      <c r="B230" s="149"/>
      <c r="C230" s="150">
        <v>11055005.15</v>
      </c>
      <c r="D230" s="150">
        <v>20794.09</v>
      </c>
      <c r="E230" s="150">
        <v>11075799.24</v>
      </c>
      <c r="F230" s="60"/>
    </row>
    <row r="231" spans="1:6">
      <c r="A231" s="149" t="s">
        <v>2084</v>
      </c>
      <c r="B231" s="149"/>
      <c r="C231" s="150">
        <v>17521839</v>
      </c>
      <c r="D231" s="150">
        <v>0</v>
      </c>
      <c r="E231" s="150">
        <v>17521839</v>
      </c>
      <c r="F231" s="60"/>
    </row>
    <row r="232" spans="1:6">
      <c r="A232" s="149" t="s">
        <v>2085</v>
      </c>
      <c r="B232" s="149"/>
      <c r="C232" s="150">
        <v>298298923.08000004</v>
      </c>
      <c r="D232" s="150">
        <v>18076834.300000001</v>
      </c>
      <c r="E232" s="150">
        <v>316375757.38</v>
      </c>
      <c r="F232" s="60"/>
    </row>
    <row r="233" spans="1:6">
      <c r="A233" s="149" t="s">
        <v>2086</v>
      </c>
      <c r="B233" s="149"/>
      <c r="C233" s="150">
        <v>48194536.140000001</v>
      </c>
      <c r="D233" s="150">
        <v>-608245.09</v>
      </c>
      <c r="E233" s="150">
        <v>47586291.049999997</v>
      </c>
      <c r="F233" s="60"/>
    </row>
    <row r="234" spans="1:6">
      <c r="A234" s="149" t="s">
        <v>2087</v>
      </c>
      <c r="B234" s="149"/>
      <c r="C234" s="150">
        <v>0</v>
      </c>
      <c r="D234" s="150">
        <v>18570146.829999998</v>
      </c>
      <c r="E234" s="150">
        <v>18570146.829999998</v>
      </c>
      <c r="F234" s="60"/>
    </row>
    <row r="235" spans="1:6">
      <c r="A235" s="149" t="s">
        <v>2088</v>
      </c>
      <c r="B235" s="149"/>
      <c r="C235" s="150">
        <v>7292915.3500000006</v>
      </c>
      <c r="D235" s="150">
        <v>0</v>
      </c>
      <c r="E235" s="150">
        <v>7292915.3500000006</v>
      </c>
      <c r="F235" s="60"/>
    </row>
    <row r="236" spans="1:6">
      <c r="A236" s="149" t="s">
        <v>2089</v>
      </c>
      <c r="B236" s="149"/>
      <c r="C236" s="150">
        <v>13467106.620000001</v>
      </c>
      <c r="D236" s="150">
        <v>1224282.42</v>
      </c>
      <c r="E236" s="150">
        <v>14691389.039999999</v>
      </c>
      <c r="F236" s="60"/>
    </row>
    <row r="237" spans="1:6">
      <c r="A237" s="149" t="s">
        <v>2090</v>
      </c>
      <c r="B237" s="149"/>
      <c r="C237" s="150">
        <v>221439.91999999998</v>
      </c>
      <c r="D237" s="150">
        <v>-221439.91999999998</v>
      </c>
      <c r="E237" s="150">
        <v>0</v>
      </c>
      <c r="F237" s="60"/>
    </row>
    <row r="238" spans="1:6">
      <c r="A238" s="149" t="s">
        <v>2091</v>
      </c>
      <c r="B238" s="149"/>
      <c r="C238" s="150">
        <v>8110197.8500000006</v>
      </c>
      <c r="D238" s="150">
        <v>2108403.2199999997</v>
      </c>
      <c r="E238" s="150">
        <v>10218601.07</v>
      </c>
      <c r="F238" s="60"/>
    </row>
    <row r="239" spans="1:6">
      <c r="A239" s="149" t="s">
        <v>2092</v>
      </c>
      <c r="B239" s="149"/>
      <c r="C239" s="150">
        <v>28015434.000000004</v>
      </c>
      <c r="D239" s="150">
        <v>-89506</v>
      </c>
      <c r="E239" s="150">
        <v>27925928</v>
      </c>
      <c r="F239" s="60"/>
    </row>
    <row r="240" spans="1:6">
      <c r="A240" s="149" t="s">
        <v>2093</v>
      </c>
      <c r="B240" s="149"/>
      <c r="C240" s="150">
        <v>0</v>
      </c>
      <c r="D240" s="150">
        <v>0</v>
      </c>
      <c r="E240" s="150">
        <v>0</v>
      </c>
      <c r="F240" s="60"/>
    </row>
    <row r="241" spans="1:6">
      <c r="A241" s="149" t="s">
        <v>2094</v>
      </c>
      <c r="B241" s="149"/>
      <c r="C241" s="150">
        <v>-35344083.490000002</v>
      </c>
      <c r="D241" s="150">
        <v>216834.87</v>
      </c>
      <c r="E241" s="150">
        <v>-35127248.619999997</v>
      </c>
      <c r="F241" s="60"/>
    </row>
    <row r="242" spans="1:6">
      <c r="A242" s="149" t="s">
        <v>2095</v>
      </c>
      <c r="B242" s="149"/>
      <c r="C242" s="150">
        <v>0</v>
      </c>
      <c r="D242" s="150">
        <v>0</v>
      </c>
      <c r="E242" s="150">
        <v>0</v>
      </c>
      <c r="F242" s="60"/>
    </row>
    <row r="243" spans="1:6">
      <c r="A243" s="149" t="s">
        <v>2096</v>
      </c>
      <c r="B243" s="149"/>
      <c r="C243" s="150">
        <v>19673.5</v>
      </c>
      <c r="D243" s="150">
        <v>505396.89999999997</v>
      </c>
      <c r="E243" s="150">
        <v>525070.39999999991</v>
      </c>
      <c r="F243" s="60"/>
    </row>
    <row r="244" spans="1:6">
      <c r="A244" s="149" t="s">
        <v>2097</v>
      </c>
      <c r="B244" s="149"/>
      <c r="C244" s="150">
        <v>24612736.34</v>
      </c>
      <c r="D244" s="150">
        <v>-371009.66</v>
      </c>
      <c r="E244" s="150">
        <v>24241726.68</v>
      </c>
      <c r="F244" s="60"/>
    </row>
    <row r="245" spans="1:6">
      <c r="A245" s="149" t="s">
        <v>2098</v>
      </c>
      <c r="B245" s="149"/>
      <c r="C245" s="150">
        <v>15654971.720000001</v>
      </c>
      <c r="D245" s="150">
        <v>-1028014.2200000001</v>
      </c>
      <c r="E245" s="150">
        <v>14626957.5</v>
      </c>
      <c r="F245" s="60"/>
    </row>
    <row r="246" spans="1:6">
      <c r="A246" s="149" t="s">
        <v>2099</v>
      </c>
      <c r="B246" s="149"/>
      <c r="C246" s="150">
        <v>0</v>
      </c>
      <c r="D246" s="150">
        <v>0</v>
      </c>
      <c r="E246" s="150">
        <v>0</v>
      </c>
      <c r="F246" s="60"/>
    </row>
    <row r="247" spans="1:6">
      <c r="A247" s="149" t="s">
        <v>2100</v>
      </c>
      <c r="B247" s="149"/>
      <c r="C247" s="150">
        <v>1215025191.48</v>
      </c>
      <c r="D247" s="150">
        <v>112698058.54000001</v>
      </c>
      <c r="E247" s="150">
        <v>1327723250.02</v>
      </c>
      <c r="F247" s="60"/>
    </row>
    <row r="248" spans="1:6">
      <c r="A248" s="149" t="s">
        <v>2101</v>
      </c>
      <c r="B248" s="149"/>
      <c r="C248" s="150">
        <v>63722686.179999992</v>
      </c>
      <c r="D248" s="150">
        <v>-36470185.409999996</v>
      </c>
      <c r="E248" s="150">
        <v>27252500.77</v>
      </c>
      <c r="F248" s="60"/>
    </row>
    <row r="249" spans="1:6">
      <c r="A249" s="149" t="s">
        <v>2102</v>
      </c>
      <c r="B249" s="149"/>
      <c r="C249" s="150">
        <v>3303471.33</v>
      </c>
      <c r="D249" s="150">
        <v>-226522.75</v>
      </c>
      <c r="E249" s="150">
        <v>3076948.58</v>
      </c>
      <c r="F249" s="60"/>
    </row>
    <row r="250" spans="1:6">
      <c r="A250" s="149" t="s">
        <v>2103</v>
      </c>
      <c r="B250" s="149"/>
      <c r="C250" s="150">
        <v>460648795.64999998</v>
      </c>
      <c r="D250" s="150">
        <v>0</v>
      </c>
      <c r="E250" s="150">
        <v>460648795.64999998</v>
      </c>
      <c r="F250" s="60"/>
    </row>
    <row r="251" spans="1:6">
      <c r="A251" s="149" t="s">
        <v>2104</v>
      </c>
      <c r="B251" s="149"/>
      <c r="C251" s="150">
        <v>336026.87000000005</v>
      </c>
      <c r="D251" s="150">
        <v>0</v>
      </c>
      <c r="E251" s="150">
        <v>336026.87000000005</v>
      </c>
      <c r="F251" s="60"/>
    </row>
    <row r="252" spans="1:6">
      <c r="A252" s="149" t="s">
        <v>2105</v>
      </c>
      <c r="B252" s="149"/>
      <c r="C252" s="150">
        <v>30618652.510000002</v>
      </c>
      <c r="D252" s="150">
        <v>-1491187.42</v>
      </c>
      <c r="E252" s="150">
        <v>29127465.09</v>
      </c>
      <c r="F252" s="60"/>
    </row>
    <row r="253" spans="1:6">
      <c r="A253" s="149" t="s">
        <v>2106</v>
      </c>
      <c r="B253" s="149"/>
      <c r="C253" s="150">
        <v>75340415</v>
      </c>
      <c r="D253" s="150">
        <v>-545945</v>
      </c>
      <c r="E253" s="150">
        <v>74794470</v>
      </c>
      <c r="F253" s="60"/>
    </row>
    <row r="254" spans="1:6">
      <c r="A254" s="149" t="s">
        <v>2107</v>
      </c>
      <c r="B254" s="149"/>
      <c r="C254" s="150">
        <v>7060839</v>
      </c>
      <c r="D254" s="150">
        <v>-543141</v>
      </c>
      <c r="E254" s="150">
        <v>6517698</v>
      </c>
      <c r="F254" s="60"/>
    </row>
    <row r="255" spans="1:6">
      <c r="A255" s="149" t="s">
        <v>2108</v>
      </c>
      <c r="B255" s="149"/>
      <c r="C255" s="150"/>
      <c r="D255" s="150">
        <v>230.28</v>
      </c>
      <c r="E255" s="150">
        <v>230.28</v>
      </c>
      <c r="F255" s="60"/>
    </row>
    <row r="256" spans="1:6">
      <c r="A256" s="149" t="s">
        <v>2109</v>
      </c>
      <c r="B256" s="149"/>
      <c r="C256" s="150">
        <v>45460.28</v>
      </c>
      <c r="D256" s="150">
        <v>-45460.28</v>
      </c>
      <c r="E256" s="150">
        <v>0</v>
      </c>
      <c r="F256" s="60"/>
    </row>
    <row r="257" spans="1:6">
      <c r="A257" s="149" t="s">
        <v>2110</v>
      </c>
      <c r="B257" s="149"/>
      <c r="C257" s="150">
        <v>1791480.27</v>
      </c>
      <c r="D257" s="150">
        <v>-48418.38</v>
      </c>
      <c r="E257" s="150">
        <v>1743061.89</v>
      </c>
      <c r="F257" s="60"/>
    </row>
    <row r="258" spans="1:6">
      <c r="A258" s="149" t="s">
        <v>2111</v>
      </c>
      <c r="B258" s="149"/>
      <c r="C258" s="150">
        <v>10907491</v>
      </c>
      <c r="D258" s="150">
        <v>-7175628.7000000002</v>
      </c>
      <c r="E258" s="150">
        <v>3731862.3</v>
      </c>
      <c r="F258" s="60"/>
    </row>
    <row r="259" spans="1:6">
      <c r="A259" s="149" t="s">
        <v>2112</v>
      </c>
      <c r="B259" s="149"/>
      <c r="C259" s="150">
        <v>0</v>
      </c>
      <c r="D259" s="150">
        <v>0</v>
      </c>
      <c r="E259" s="150">
        <v>0</v>
      </c>
      <c r="F259" s="60"/>
    </row>
    <row r="260" spans="1:6">
      <c r="A260" s="149" t="s">
        <v>2113</v>
      </c>
      <c r="B260" s="149"/>
      <c r="C260" s="150">
        <v>2336978536.5499997</v>
      </c>
      <c r="D260" s="150">
        <v>69116918.050000012</v>
      </c>
      <c r="E260" s="150">
        <v>2406095454.5999999</v>
      </c>
      <c r="F260" s="60"/>
    </row>
    <row r="261" spans="1:6">
      <c r="A261" s="149" t="s">
        <v>2114</v>
      </c>
      <c r="B261" s="149"/>
      <c r="C261" s="150">
        <v>-3076948.58</v>
      </c>
      <c r="D261" s="150">
        <v>226522.75</v>
      </c>
      <c r="E261" s="150">
        <v>-2850425.83</v>
      </c>
      <c r="F261" s="60"/>
    </row>
    <row r="262" spans="1:6">
      <c r="A262" s="149" t="s">
        <v>2115</v>
      </c>
      <c r="B262" s="149"/>
      <c r="C262" s="150">
        <v>2503466802.2799997</v>
      </c>
      <c r="D262" s="150">
        <v>68847601.200000003</v>
      </c>
      <c r="E262" s="150">
        <v>2572314403.48</v>
      </c>
      <c r="F262" s="60"/>
    </row>
    <row r="263" spans="1:6">
      <c r="A263" s="149" t="s">
        <v>2116</v>
      </c>
      <c r="B263" s="149"/>
      <c r="C263" s="150">
        <v>4525925.84</v>
      </c>
      <c r="D263" s="150">
        <v>735487.13</v>
      </c>
      <c r="E263" s="150">
        <v>5261412.97</v>
      </c>
      <c r="F263" s="60"/>
    </row>
    <row r="264" spans="1:6">
      <c r="A264" s="149" t="s">
        <v>2117</v>
      </c>
      <c r="B264" s="149"/>
      <c r="C264" s="150">
        <v>4525925.84</v>
      </c>
      <c r="D264" s="150">
        <v>735487.13</v>
      </c>
      <c r="E264" s="150">
        <v>5261412.97</v>
      </c>
      <c r="F264" s="60"/>
    </row>
    <row r="265" spans="1:6">
      <c r="A265" s="149" t="s">
        <v>2118</v>
      </c>
      <c r="B265" s="149"/>
      <c r="C265" s="150">
        <v>-0.02</v>
      </c>
      <c r="D265" s="150">
        <v>0</v>
      </c>
      <c r="E265" s="150">
        <v>-0.02</v>
      </c>
      <c r="F265" s="60"/>
    </row>
    <row r="266" spans="1:6">
      <c r="A266" s="149" t="s">
        <v>2119</v>
      </c>
      <c r="B266" s="149"/>
      <c r="C266" s="150">
        <v>18745.330000000002</v>
      </c>
      <c r="D266" s="150">
        <v>-10270.41</v>
      </c>
      <c r="E266" s="150">
        <v>8474.92</v>
      </c>
      <c r="F266" s="60"/>
    </row>
    <row r="267" spans="1:6">
      <c r="A267" s="149" t="s">
        <v>2120</v>
      </c>
      <c r="B267" s="149"/>
      <c r="C267" s="150">
        <v>0</v>
      </c>
      <c r="D267" s="150">
        <v>0</v>
      </c>
      <c r="E267" s="150">
        <v>0</v>
      </c>
      <c r="F267" s="60"/>
    </row>
    <row r="268" spans="1:6">
      <c r="A268" s="149" t="s">
        <v>2121</v>
      </c>
      <c r="B268" s="149"/>
      <c r="C268" s="150">
        <v>2953018.05</v>
      </c>
      <c r="D268" s="150">
        <v>-2953018.05</v>
      </c>
      <c r="E268" s="150">
        <v>0</v>
      </c>
      <c r="F268" s="60"/>
    </row>
    <row r="269" spans="1:6">
      <c r="A269" s="149" t="s">
        <v>2122</v>
      </c>
      <c r="B269" s="149"/>
      <c r="C269" s="150">
        <v>-46587899.709999993</v>
      </c>
      <c r="D269" s="150">
        <v>46587899.709999993</v>
      </c>
      <c r="E269" s="150">
        <v>0</v>
      </c>
      <c r="F269" s="60"/>
    </row>
    <row r="270" spans="1:6">
      <c r="A270" s="149" t="s">
        <v>2123</v>
      </c>
      <c r="B270" s="149"/>
      <c r="C270" s="150">
        <v>14380879.930000002</v>
      </c>
      <c r="D270" s="150">
        <v>-14380879.930000002</v>
      </c>
      <c r="E270" s="150">
        <v>0</v>
      </c>
      <c r="F270" s="60"/>
    </row>
    <row r="271" spans="1:6">
      <c r="A271" s="149" t="s">
        <v>2124</v>
      </c>
      <c r="B271" s="149"/>
      <c r="C271" s="150">
        <v>10547680.190000001</v>
      </c>
      <c r="D271" s="150">
        <v>-10547680.190000001</v>
      </c>
      <c r="E271" s="150">
        <v>0</v>
      </c>
      <c r="F271" s="60"/>
    </row>
    <row r="272" spans="1:6">
      <c r="A272" s="149" t="s">
        <v>2125</v>
      </c>
      <c r="B272" s="149"/>
      <c r="C272" s="150">
        <v>5708817.0900000008</v>
      </c>
      <c r="D272" s="150">
        <v>-5708817.0900000008</v>
      </c>
      <c r="E272" s="150">
        <v>0</v>
      </c>
      <c r="F272" s="60"/>
    </row>
    <row r="273" spans="1:6">
      <c r="A273" s="149" t="s">
        <v>2126</v>
      </c>
      <c r="B273" s="149"/>
      <c r="C273" s="150">
        <v>9825127.8200000003</v>
      </c>
      <c r="D273" s="150">
        <v>-9825127.8200000003</v>
      </c>
      <c r="E273" s="150">
        <v>0</v>
      </c>
      <c r="F273" s="60"/>
    </row>
    <row r="274" spans="1:6">
      <c r="A274" s="149" t="s">
        <v>2127</v>
      </c>
      <c r="B274" s="149"/>
      <c r="C274" s="150">
        <v>-3153631.32</v>
      </c>
      <c r="D274" s="150">
        <v>3162106.22</v>
      </c>
      <c r="E274" s="150">
        <v>8474.9000000000015</v>
      </c>
      <c r="F274" s="60"/>
    </row>
    <row r="275" spans="1:6">
      <c r="A275" s="149" t="s">
        <v>2128</v>
      </c>
      <c r="B275" s="149"/>
      <c r="C275" s="150">
        <v>803676.76</v>
      </c>
      <c r="D275" s="150">
        <v>10792.32</v>
      </c>
      <c r="E275" s="150">
        <v>814469.08</v>
      </c>
      <c r="F275" s="60"/>
    </row>
    <row r="276" spans="1:6">
      <c r="A276" s="149" t="s">
        <v>2129</v>
      </c>
      <c r="B276" s="149"/>
      <c r="C276" s="150">
        <v>8132565.3399999999</v>
      </c>
      <c r="D276" s="150">
        <v>-1163064.8999999999</v>
      </c>
      <c r="E276" s="150">
        <v>6969500.4399999995</v>
      </c>
      <c r="F276" s="60"/>
    </row>
    <row r="277" spans="1:6">
      <c r="A277" s="149" t="s">
        <v>2130</v>
      </c>
      <c r="B277" s="149"/>
      <c r="C277" s="150">
        <v>0</v>
      </c>
      <c r="D277" s="150">
        <v>0</v>
      </c>
      <c r="E277" s="150">
        <v>0</v>
      </c>
      <c r="F277" s="60"/>
    </row>
    <row r="278" spans="1:6">
      <c r="A278" s="149" t="s">
        <v>2131</v>
      </c>
      <c r="B278" s="149"/>
      <c r="C278" s="150">
        <v>96346403.200000003</v>
      </c>
      <c r="D278" s="150">
        <v>0</v>
      </c>
      <c r="E278" s="150">
        <v>96346403.200000003</v>
      </c>
      <c r="F278" s="60"/>
    </row>
    <row r="279" spans="1:6">
      <c r="A279" s="149" t="s">
        <v>2132</v>
      </c>
      <c r="B279" s="149"/>
      <c r="C279" s="150">
        <v>-2448981.7000000002</v>
      </c>
      <c r="D279" s="150">
        <v>0</v>
      </c>
      <c r="E279" s="150">
        <v>-2448981.7000000002</v>
      </c>
      <c r="F279" s="60"/>
    </row>
    <row r="280" spans="1:6">
      <c r="A280" s="149" t="s">
        <v>2133</v>
      </c>
      <c r="B280" s="149"/>
      <c r="C280" s="150">
        <v>80983007.429999992</v>
      </c>
      <c r="D280" s="150">
        <v>875640.57</v>
      </c>
      <c r="E280" s="150">
        <v>81858648</v>
      </c>
      <c r="F280" s="60"/>
    </row>
    <row r="281" spans="1:6">
      <c r="A281" s="149" t="s">
        <v>2134</v>
      </c>
      <c r="B281" s="149"/>
      <c r="C281" s="150">
        <v>776363.16</v>
      </c>
      <c r="D281" s="150">
        <v>68135.049999999988</v>
      </c>
      <c r="E281" s="150">
        <v>844498.21</v>
      </c>
      <c r="F281" s="60"/>
    </row>
    <row r="282" spans="1:6">
      <c r="A282" s="149" t="s">
        <v>2135</v>
      </c>
      <c r="B282" s="149"/>
      <c r="C282" s="150">
        <v>967540.01</v>
      </c>
      <c r="D282" s="150">
        <v>47354.57</v>
      </c>
      <c r="E282" s="150">
        <v>1014894.58</v>
      </c>
      <c r="F282" s="60"/>
    </row>
    <row r="283" spans="1:6">
      <c r="A283" s="149" t="s">
        <v>2136</v>
      </c>
      <c r="B283" s="149"/>
      <c r="C283" s="150">
        <v>1912379.0799999998</v>
      </c>
      <c r="D283" s="150">
        <v>-43199.369999999995</v>
      </c>
      <c r="E283" s="150">
        <v>1869179.71</v>
      </c>
      <c r="F283" s="60"/>
    </row>
    <row r="284" spans="1:6">
      <c r="A284" s="149" t="s">
        <v>2137</v>
      </c>
      <c r="B284" s="149"/>
      <c r="C284" s="150">
        <v>174703.33000000002</v>
      </c>
      <c r="D284" s="150">
        <v>0</v>
      </c>
      <c r="E284" s="150">
        <v>174703.33000000002</v>
      </c>
      <c r="F284" s="60"/>
    </row>
    <row r="285" spans="1:6">
      <c r="A285" s="149" t="s">
        <v>2138</v>
      </c>
      <c r="B285" s="149"/>
      <c r="C285" s="150">
        <v>375547743.07999998</v>
      </c>
      <c r="D285" s="150">
        <v>32553499.809999999</v>
      </c>
      <c r="E285" s="150">
        <v>408101242.89000005</v>
      </c>
      <c r="F285" s="60"/>
    </row>
    <row r="286" spans="1:6">
      <c r="A286" s="149" t="s">
        <v>2139</v>
      </c>
      <c r="B286" s="149"/>
      <c r="C286" s="150">
        <v>3231493.7199999997</v>
      </c>
      <c r="D286" s="150">
        <v>-102706.68000000001</v>
      </c>
      <c r="E286" s="150">
        <v>3128787.04</v>
      </c>
      <c r="F286" s="60"/>
    </row>
    <row r="287" spans="1:6">
      <c r="A287" s="149" t="s">
        <v>2140</v>
      </c>
      <c r="B287" s="149"/>
      <c r="C287" s="150">
        <v>5871.79</v>
      </c>
      <c r="D287" s="150">
        <v>-5871.79</v>
      </c>
      <c r="E287" s="150">
        <v>0</v>
      </c>
      <c r="F287" s="60"/>
    </row>
    <row r="288" spans="1:6">
      <c r="A288" s="149" t="s">
        <v>2141</v>
      </c>
      <c r="B288" s="149"/>
      <c r="C288" s="150">
        <v>36</v>
      </c>
      <c r="D288" s="150">
        <v>0</v>
      </c>
      <c r="E288" s="150">
        <v>36</v>
      </c>
      <c r="F288" s="60"/>
    </row>
    <row r="289" spans="1:6">
      <c r="A289" s="149" t="s">
        <v>2142</v>
      </c>
      <c r="B289" s="149"/>
      <c r="C289" s="150">
        <v>11749174.529999999</v>
      </c>
      <c r="D289" s="150">
        <v>-2820423</v>
      </c>
      <c r="E289" s="150">
        <v>8928751.5300000012</v>
      </c>
      <c r="F289" s="60"/>
    </row>
    <row r="290" spans="1:6">
      <c r="A290" s="149" t="s">
        <v>2143</v>
      </c>
      <c r="B290" s="149"/>
      <c r="C290" s="150">
        <v>-5844566.1500000004</v>
      </c>
      <c r="D290" s="150">
        <v>661630.94999999995</v>
      </c>
      <c r="E290" s="150">
        <v>-5182935.2</v>
      </c>
      <c r="F290" s="60"/>
    </row>
    <row r="291" spans="1:6">
      <c r="A291" s="149" t="s">
        <v>2144</v>
      </c>
      <c r="B291" s="149"/>
      <c r="C291" s="150">
        <v>0</v>
      </c>
      <c r="D291" s="150">
        <v>0</v>
      </c>
      <c r="E291" s="150">
        <v>0</v>
      </c>
      <c r="F291" s="60"/>
    </row>
    <row r="292" spans="1:6">
      <c r="A292" s="149" t="s">
        <v>2145</v>
      </c>
      <c r="B292" s="149"/>
      <c r="C292" s="150">
        <v>0</v>
      </c>
      <c r="D292" s="150">
        <v>0</v>
      </c>
      <c r="E292" s="150">
        <v>0</v>
      </c>
      <c r="F292" s="60"/>
    </row>
    <row r="293" spans="1:6">
      <c r="A293" s="149" t="s">
        <v>2146</v>
      </c>
      <c r="B293" s="149"/>
      <c r="C293" s="150">
        <v>572337409.58000004</v>
      </c>
      <c r="D293" s="150">
        <v>30081787.529999997</v>
      </c>
      <c r="E293" s="150">
        <v>602419197.11000001</v>
      </c>
      <c r="F293" s="60"/>
    </row>
    <row r="294" spans="1:6">
      <c r="A294" s="149" t="s">
        <v>2147</v>
      </c>
      <c r="B294" s="149"/>
      <c r="C294" s="150">
        <v>572337409.58000004</v>
      </c>
      <c r="D294" s="150">
        <v>30081787.529999997</v>
      </c>
      <c r="E294" s="150">
        <v>602419197.11000001</v>
      </c>
      <c r="F294" s="60"/>
    </row>
    <row r="295" spans="1:6">
      <c r="A295" s="149" t="s">
        <v>2148</v>
      </c>
      <c r="B295" s="149"/>
      <c r="C295" s="150">
        <v>-720793333.88999999</v>
      </c>
      <c r="D295" s="150">
        <v>11124617.060000001</v>
      </c>
      <c r="E295" s="150">
        <v>-709668716.83000004</v>
      </c>
      <c r="F295" s="60"/>
    </row>
    <row r="296" spans="1:6">
      <c r="A296" s="149" t="s">
        <v>2149</v>
      </c>
      <c r="B296" s="149"/>
      <c r="C296" s="150">
        <v>-126465862.54000001</v>
      </c>
      <c r="D296" s="150">
        <v>2618420.73</v>
      </c>
      <c r="E296" s="150">
        <v>-123847441.81</v>
      </c>
      <c r="F296" s="60"/>
    </row>
    <row r="297" spans="1:6">
      <c r="A297" s="149" t="s">
        <v>2150</v>
      </c>
      <c r="B297" s="149"/>
      <c r="C297" s="150">
        <v>5348295.32</v>
      </c>
      <c r="D297" s="150">
        <v>0</v>
      </c>
      <c r="E297" s="150">
        <v>5348295.32</v>
      </c>
      <c r="F297" s="60"/>
    </row>
    <row r="298" spans="1:6">
      <c r="A298" s="149" t="s">
        <v>2151</v>
      </c>
      <c r="B298" s="149"/>
      <c r="C298" s="150">
        <v>2086.0300000000002</v>
      </c>
      <c r="D298" s="150">
        <v>1842659.15</v>
      </c>
      <c r="E298" s="150">
        <v>1844745.18</v>
      </c>
      <c r="F298" s="60"/>
    </row>
    <row r="299" spans="1:6">
      <c r="A299" s="149" t="s">
        <v>2152</v>
      </c>
      <c r="B299" s="149"/>
      <c r="C299" s="150">
        <v>578.13</v>
      </c>
      <c r="D299" s="150">
        <v>510689.10999999993</v>
      </c>
      <c r="E299" s="150">
        <v>511267.24</v>
      </c>
      <c r="F299" s="60"/>
    </row>
    <row r="300" spans="1:6">
      <c r="A300" s="149" t="s">
        <v>2153</v>
      </c>
      <c r="B300" s="149"/>
      <c r="C300" s="150">
        <v>0.9900000000000001</v>
      </c>
      <c r="D300" s="150">
        <v>-73994044</v>
      </c>
      <c r="E300" s="150">
        <v>-73994043.010000005</v>
      </c>
      <c r="F300" s="60"/>
    </row>
    <row r="301" spans="1:6">
      <c r="A301" s="149" t="s">
        <v>2154</v>
      </c>
      <c r="B301" s="149"/>
      <c r="C301" s="150">
        <v>-61128616.330000006</v>
      </c>
      <c r="D301" s="150">
        <v>-16012306.390000001</v>
      </c>
      <c r="E301" s="150">
        <v>-77140922.719999999</v>
      </c>
      <c r="F301" s="60"/>
    </row>
    <row r="302" spans="1:6">
      <c r="A302" s="149" t="s">
        <v>2155</v>
      </c>
      <c r="B302" s="149"/>
      <c r="C302" s="150">
        <v>903036852.28999996</v>
      </c>
      <c r="D302" s="150">
        <v>73909964.340000004</v>
      </c>
      <c r="E302" s="150">
        <v>976946816.63</v>
      </c>
      <c r="F302" s="60"/>
    </row>
    <row r="303" spans="1:6">
      <c r="A303" s="149" t="s">
        <v>2156</v>
      </c>
      <c r="B303" s="149"/>
      <c r="C303" s="150">
        <v>164985.10999999999</v>
      </c>
      <c r="D303" s="150">
        <v>-164985.10999999999</v>
      </c>
      <c r="E303" s="150">
        <v>0</v>
      </c>
      <c r="F303" s="60"/>
    </row>
    <row r="304" spans="1:6">
      <c r="A304" s="149" t="s">
        <v>2157</v>
      </c>
      <c r="B304" s="149"/>
      <c r="C304" s="150">
        <v>164985.11000000002</v>
      </c>
      <c r="D304" s="150">
        <v>-164985.11000000002</v>
      </c>
      <c r="E304" s="150">
        <v>0</v>
      </c>
      <c r="F304" s="60"/>
    </row>
    <row r="305" spans="1:6">
      <c r="A305" s="146" t="s">
        <v>2158</v>
      </c>
      <c r="B305" s="147"/>
      <c r="C305" s="151">
        <v>4045775421.7999997</v>
      </c>
      <c r="D305" s="151">
        <v>178241705.63999999</v>
      </c>
      <c r="E305" s="151">
        <v>4224017127.4400001</v>
      </c>
      <c r="F305" s="60"/>
    </row>
    <row r="306" spans="1:6">
      <c r="A306" s="149" t="s">
        <v>2159</v>
      </c>
      <c r="B306" s="149"/>
      <c r="C306" s="150">
        <v>264.40999999999997</v>
      </c>
      <c r="D306" s="150">
        <v>0</v>
      </c>
      <c r="E306" s="150">
        <v>264.40999999999997</v>
      </c>
      <c r="F306" s="60"/>
    </row>
    <row r="307" spans="1:6">
      <c r="A307" s="149" t="s">
        <v>2160</v>
      </c>
      <c r="B307" s="149"/>
      <c r="C307" s="150">
        <v>264.40999999999997</v>
      </c>
      <c r="D307" s="150">
        <v>0</v>
      </c>
      <c r="E307" s="150">
        <v>264.40999999999997</v>
      </c>
      <c r="F307" s="60"/>
    </row>
    <row r="308" spans="1:6">
      <c r="A308" s="149" t="s">
        <v>2161</v>
      </c>
      <c r="B308" s="149"/>
      <c r="C308" s="150">
        <v>913.54</v>
      </c>
      <c r="D308" s="150">
        <v>0</v>
      </c>
      <c r="E308" s="150">
        <v>913.54</v>
      </c>
      <c r="F308" s="60"/>
    </row>
    <row r="309" spans="1:6">
      <c r="A309" s="149" t="s">
        <v>2162</v>
      </c>
      <c r="B309" s="149"/>
      <c r="C309" s="150">
        <v>913.54</v>
      </c>
      <c r="D309" s="150">
        <v>0</v>
      </c>
      <c r="E309" s="150">
        <v>913.54</v>
      </c>
      <c r="F309" s="60"/>
    </row>
    <row r="310" spans="1:6">
      <c r="A310" s="146" t="s">
        <v>2163</v>
      </c>
      <c r="B310" s="147"/>
      <c r="C310" s="151">
        <v>1177.9499999999998</v>
      </c>
      <c r="D310" s="151">
        <v>0</v>
      </c>
      <c r="E310" s="151">
        <v>1177.9499999999998</v>
      </c>
      <c r="F310" s="60"/>
    </row>
    <row r="311" spans="1:6">
      <c r="A311" s="146" t="s">
        <v>2164</v>
      </c>
      <c r="B311" s="147"/>
      <c r="C311" s="152">
        <v>25837867047.889999</v>
      </c>
      <c r="D311" s="152">
        <v>328069714.08999997</v>
      </c>
      <c r="E311" s="152">
        <v>26165936761.98</v>
      </c>
      <c r="F311" s="60"/>
    </row>
    <row r="312" spans="1:6">
      <c r="A312" s="146" t="s">
        <v>2165</v>
      </c>
      <c r="B312" s="147"/>
      <c r="C312" s="148"/>
      <c r="D312" s="148"/>
      <c r="E312" s="148"/>
      <c r="F312" s="60"/>
    </row>
    <row r="313" spans="1:6">
      <c r="A313" s="149" t="s">
        <v>2166</v>
      </c>
      <c r="B313" s="149"/>
      <c r="C313" s="150">
        <v>0</v>
      </c>
      <c r="D313" s="150">
        <v>0</v>
      </c>
      <c r="E313" s="150">
        <v>0</v>
      </c>
      <c r="F313" s="60"/>
    </row>
    <row r="314" spans="1:6">
      <c r="A314" s="149" t="s">
        <v>2167</v>
      </c>
      <c r="B314" s="149"/>
      <c r="C314" s="150">
        <v>1590290115.8899999</v>
      </c>
      <c r="D314" s="150">
        <v>0</v>
      </c>
      <c r="E314" s="150">
        <v>1590290115.8899999</v>
      </c>
      <c r="F314" s="60"/>
    </row>
    <row r="315" spans="1:6">
      <c r="A315" s="149" t="s">
        <v>2168</v>
      </c>
      <c r="B315" s="149"/>
      <c r="C315" s="150">
        <v>419213.02</v>
      </c>
      <c r="D315" s="150">
        <v>0</v>
      </c>
      <c r="E315" s="150">
        <v>419213.02</v>
      </c>
      <c r="F315" s="60"/>
    </row>
    <row r="316" spans="1:6">
      <c r="A316" s="149" t="s">
        <v>2169</v>
      </c>
      <c r="B316" s="149"/>
      <c r="C316" s="150">
        <v>326031.83999999997</v>
      </c>
      <c r="D316" s="150">
        <v>0</v>
      </c>
      <c r="E316" s="150">
        <v>326031.83999999997</v>
      </c>
      <c r="F316" s="60"/>
    </row>
    <row r="317" spans="1:6">
      <c r="A317" s="149" t="s">
        <v>2170</v>
      </c>
      <c r="B317" s="149"/>
      <c r="C317" s="150">
        <v>1591035360.75</v>
      </c>
      <c r="D317" s="150">
        <v>0</v>
      </c>
      <c r="E317" s="150">
        <v>1591035360.75</v>
      </c>
      <c r="F317" s="60"/>
    </row>
    <row r="318" spans="1:6">
      <c r="A318" s="149" t="s">
        <v>2171</v>
      </c>
      <c r="B318" s="149"/>
      <c r="C318" s="150">
        <v>6525689004.8500004</v>
      </c>
      <c r="D318" s="150">
        <v>0</v>
      </c>
      <c r="E318" s="150">
        <v>6525689004.8500004</v>
      </c>
      <c r="F318" s="60"/>
    </row>
    <row r="319" spans="1:6">
      <c r="A319" s="149" t="s">
        <v>2172</v>
      </c>
      <c r="B319" s="149"/>
      <c r="C319" s="150">
        <v>186790</v>
      </c>
      <c r="D319" s="150">
        <v>0</v>
      </c>
      <c r="E319" s="150">
        <v>186790</v>
      </c>
      <c r="F319" s="60"/>
    </row>
    <row r="320" spans="1:6">
      <c r="A320" s="149" t="s">
        <v>2173</v>
      </c>
      <c r="B320" s="149"/>
      <c r="C320" s="150">
        <v>853449703.4000001</v>
      </c>
      <c r="D320" s="150">
        <v>55155125.780000001</v>
      </c>
      <c r="E320" s="150">
        <v>908604829.17999995</v>
      </c>
      <c r="F320" s="60"/>
    </row>
    <row r="321" spans="1:6">
      <c r="A321" s="149" t="s">
        <v>2174</v>
      </c>
      <c r="B321" s="149"/>
      <c r="C321" s="150">
        <v>-736991</v>
      </c>
      <c r="D321" s="150">
        <v>0</v>
      </c>
      <c r="E321" s="150">
        <v>-736991</v>
      </c>
      <c r="F321" s="60"/>
    </row>
    <row r="322" spans="1:6">
      <c r="A322" s="149" t="s">
        <v>2175</v>
      </c>
      <c r="B322" s="149"/>
      <c r="C322" s="150">
        <v>0</v>
      </c>
      <c r="D322" s="150">
        <v>0</v>
      </c>
      <c r="E322" s="150">
        <v>0</v>
      </c>
      <c r="F322" s="60"/>
    </row>
    <row r="323" spans="1:6">
      <c r="A323" s="149" t="s">
        <v>2176</v>
      </c>
      <c r="B323" s="149"/>
      <c r="C323" s="150">
        <v>7378588507.25</v>
      </c>
      <c r="D323" s="150">
        <v>55155125.780000001</v>
      </c>
      <c r="E323" s="150">
        <v>7433743633.0299997</v>
      </c>
      <c r="F323" s="60"/>
    </row>
    <row r="324" spans="1:6">
      <c r="A324" s="149" t="s">
        <v>2177</v>
      </c>
      <c r="B324" s="149"/>
      <c r="C324" s="150">
        <v>226299.9</v>
      </c>
      <c r="D324" s="150">
        <v>0</v>
      </c>
      <c r="E324" s="150">
        <v>226299.9</v>
      </c>
      <c r="F324" s="60"/>
    </row>
    <row r="325" spans="1:6">
      <c r="A325" s="149" t="s">
        <v>2178</v>
      </c>
      <c r="B325" s="149"/>
      <c r="C325" s="150">
        <v>313390353.92000002</v>
      </c>
      <c r="D325" s="150">
        <v>-97501086.590000004</v>
      </c>
      <c r="E325" s="150">
        <v>215889267.32999998</v>
      </c>
      <c r="F325" s="60"/>
    </row>
    <row r="326" spans="1:6">
      <c r="A326" s="149" t="s">
        <v>2179</v>
      </c>
      <c r="B326" s="149"/>
      <c r="C326" s="150">
        <v>-313390353.93000001</v>
      </c>
      <c r="D326" s="150">
        <v>97501086.590000004</v>
      </c>
      <c r="E326" s="150">
        <v>-215889267.34</v>
      </c>
      <c r="F326" s="60"/>
    </row>
    <row r="327" spans="1:6">
      <c r="A327" s="149" t="s">
        <v>2180</v>
      </c>
      <c r="B327" s="149"/>
      <c r="C327" s="150">
        <v>226299.89</v>
      </c>
      <c r="D327" s="150">
        <v>0</v>
      </c>
      <c r="E327" s="150">
        <v>226299.89</v>
      </c>
      <c r="F327" s="60"/>
    </row>
    <row r="328" spans="1:6">
      <c r="A328" s="149" t="s">
        <v>2181</v>
      </c>
      <c r="B328" s="149"/>
      <c r="C328" s="150">
        <v>0</v>
      </c>
      <c r="D328" s="150">
        <v>0</v>
      </c>
      <c r="E328" s="150">
        <v>0</v>
      </c>
      <c r="F328" s="60"/>
    </row>
    <row r="329" spans="1:6" s="154" customFormat="1">
      <c r="A329" s="149" t="s">
        <v>2182</v>
      </c>
      <c r="B329" s="149"/>
      <c r="C329" s="150">
        <v>0</v>
      </c>
      <c r="D329" s="150">
        <v>0</v>
      </c>
      <c r="E329" s="150">
        <v>0</v>
      </c>
    </row>
    <row r="330" spans="1:6" s="156" customFormat="1">
      <c r="A330" s="149" t="s">
        <v>2183</v>
      </c>
      <c r="B330" s="149"/>
      <c r="C330" s="150">
        <v>0</v>
      </c>
      <c r="D330" s="150">
        <v>0</v>
      </c>
      <c r="E330" s="150">
        <v>0</v>
      </c>
    </row>
    <row r="331" spans="1:6">
      <c r="A331" s="149" t="s">
        <v>2184</v>
      </c>
      <c r="B331" s="149"/>
      <c r="C331" s="150">
        <v>641602</v>
      </c>
      <c r="D331" s="150">
        <v>0</v>
      </c>
      <c r="E331" s="150">
        <v>641602</v>
      </c>
      <c r="F331" s="60"/>
    </row>
    <row r="332" spans="1:6">
      <c r="A332" s="149" t="s">
        <v>2185</v>
      </c>
      <c r="B332" s="149"/>
      <c r="C332" s="150">
        <v>0</v>
      </c>
      <c r="D332" s="150">
        <v>0</v>
      </c>
      <c r="E332" s="150">
        <v>0</v>
      </c>
      <c r="F332" s="60"/>
    </row>
    <row r="333" spans="1:6" s="154" customFormat="1">
      <c r="A333" s="149" t="s">
        <v>2186</v>
      </c>
      <c r="B333" s="149"/>
      <c r="C333" s="150">
        <v>0</v>
      </c>
      <c r="D333" s="150">
        <v>0</v>
      </c>
      <c r="E333" s="150">
        <v>0</v>
      </c>
    </row>
    <row r="334" spans="1:6">
      <c r="A334" s="149" t="s">
        <v>2187</v>
      </c>
      <c r="B334" s="149"/>
      <c r="C334" s="150">
        <v>-633755.78999999992</v>
      </c>
      <c r="D334" s="150">
        <v>-2114820.09</v>
      </c>
      <c r="E334" s="150">
        <v>-2748575.8800000004</v>
      </c>
      <c r="F334" s="60"/>
    </row>
    <row r="335" spans="1:6">
      <c r="A335" s="149" t="s">
        <v>2188</v>
      </c>
      <c r="B335" s="149"/>
      <c r="C335" s="150">
        <v>7846.2100000000009</v>
      </c>
      <c r="D335" s="150">
        <v>-2114820.09</v>
      </c>
      <c r="E335" s="150">
        <v>-2106973.8800000004</v>
      </c>
      <c r="F335" s="60"/>
    </row>
    <row r="336" spans="1:6">
      <c r="A336" s="146" t="s">
        <v>2189</v>
      </c>
      <c r="B336" s="147"/>
      <c r="C336" s="151">
        <v>8969858014.1000004</v>
      </c>
      <c r="D336" s="151">
        <v>53040305.690000005</v>
      </c>
      <c r="E336" s="151">
        <v>9022898319.789999</v>
      </c>
      <c r="F336" s="60"/>
    </row>
    <row r="337" spans="1:6">
      <c r="A337" s="149" t="s">
        <v>2190</v>
      </c>
      <c r="B337" s="149"/>
      <c r="C337" s="150">
        <v>650000000</v>
      </c>
      <c r="D337" s="150">
        <v>0</v>
      </c>
      <c r="E337" s="150">
        <v>650000000</v>
      </c>
      <c r="F337" s="60"/>
    </row>
    <row r="338" spans="1:6">
      <c r="A338" s="149" t="s">
        <v>2191</v>
      </c>
      <c r="B338" s="149"/>
      <c r="C338" s="150">
        <v>499999999.99999994</v>
      </c>
      <c r="D338" s="150">
        <v>0</v>
      </c>
      <c r="E338" s="150">
        <v>499999999.99999994</v>
      </c>
      <c r="F338" s="60"/>
    </row>
    <row r="339" spans="1:6" s="130" customFormat="1">
      <c r="A339" s="149" t="s">
        <v>2192</v>
      </c>
      <c r="B339" s="149"/>
      <c r="C339" s="150">
        <v>600000000</v>
      </c>
      <c r="D339" s="150">
        <v>0</v>
      </c>
      <c r="E339" s="150">
        <v>600000000</v>
      </c>
    </row>
    <row r="340" spans="1:6">
      <c r="A340" s="149" t="s">
        <v>2193</v>
      </c>
      <c r="B340" s="149"/>
      <c r="C340" s="150">
        <v>400000000</v>
      </c>
      <c r="D340" s="150">
        <v>0</v>
      </c>
      <c r="E340" s="150">
        <v>400000000</v>
      </c>
      <c r="F340" s="60"/>
    </row>
    <row r="341" spans="1:6">
      <c r="A341" s="149" t="s">
        <v>2194</v>
      </c>
      <c r="B341" s="149"/>
      <c r="C341" s="150">
        <v>499999999.99999994</v>
      </c>
      <c r="D341" s="150">
        <v>0</v>
      </c>
      <c r="E341" s="150">
        <v>499999999.99999994</v>
      </c>
      <c r="F341" s="60"/>
    </row>
    <row r="342" spans="1:6">
      <c r="A342" s="149" t="s">
        <v>2195</v>
      </c>
      <c r="B342" s="149"/>
      <c r="C342" s="150">
        <v>499999999.99999994</v>
      </c>
      <c r="D342" s="150">
        <v>0</v>
      </c>
      <c r="E342" s="150">
        <v>499999999.99999994</v>
      </c>
      <c r="F342" s="60"/>
    </row>
    <row r="343" spans="1:6">
      <c r="A343" s="149" t="s">
        <v>2196</v>
      </c>
      <c r="B343" s="149"/>
      <c r="C343" s="150">
        <v>600000000</v>
      </c>
      <c r="D343" s="150">
        <v>0</v>
      </c>
      <c r="E343" s="150">
        <v>600000000</v>
      </c>
      <c r="F343" s="60"/>
    </row>
    <row r="344" spans="1:6">
      <c r="A344" s="149" t="s">
        <v>2197</v>
      </c>
      <c r="B344" s="149"/>
      <c r="C344" s="150">
        <v>650000000</v>
      </c>
      <c r="D344" s="150">
        <v>0</v>
      </c>
      <c r="E344" s="150">
        <v>650000000</v>
      </c>
      <c r="F344" s="60"/>
    </row>
    <row r="345" spans="1:6" s="154" customFormat="1">
      <c r="A345" s="149" t="s">
        <v>2198</v>
      </c>
      <c r="B345" s="149"/>
      <c r="C345" s="150">
        <v>700000000</v>
      </c>
      <c r="D345" s="150">
        <v>0</v>
      </c>
      <c r="E345" s="150">
        <v>700000000</v>
      </c>
    </row>
    <row r="346" spans="1:6">
      <c r="A346" s="149" t="s">
        <v>2199</v>
      </c>
      <c r="B346" s="149"/>
      <c r="C346" s="150">
        <v>225000000</v>
      </c>
      <c r="D346" s="150">
        <v>0</v>
      </c>
      <c r="E346" s="150">
        <v>225000000</v>
      </c>
      <c r="F346" s="60"/>
    </row>
    <row r="347" spans="1:6">
      <c r="A347" s="149" t="s">
        <v>2200</v>
      </c>
      <c r="B347" s="149"/>
      <c r="C347" s="150">
        <v>499999999.99999994</v>
      </c>
      <c r="D347" s="150">
        <v>0</v>
      </c>
      <c r="E347" s="150">
        <v>499999999.99999994</v>
      </c>
      <c r="F347" s="60"/>
    </row>
    <row r="348" spans="1:6">
      <c r="A348" s="149" t="s">
        <v>2201</v>
      </c>
      <c r="B348" s="149"/>
      <c r="C348" s="150">
        <v>350000000</v>
      </c>
      <c r="D348" s="150">
        <v>0</v>
      </c>
      <c r="E348" s="150">
        <v>350000000</v>
      </c>
      <c r="F348" s="60"/>
    </row>
    <row r="349" spans="1:6">
      <c r="A349" s="149" t="s">
        <v>2202</v>
      </c>
      <c r="B349" s="149"/>
      <c r="C349" s="150">
        <v>1000000000</v>
      </c>
      <c r="D349" s="150">
        <v>0</v>
      </c>
      <c r="E349" s="150">
        <v>1000000000</v>
      </c>
      <c r="F349" s="60"/>
    </row>
    <row r="350" spans="1:6">
      <c r="A350" s="149" t="s">
        <v>2203</v>
      </c>
      <c r="B350" s="149"/>
      <c r="C350" s="150">
        <v>400000000</v>
      </c>
      <c r="D350" s="150">
        <v>0</v>
      </c>
      <c r="E350" s="150">
        <v>400000000</v>
      </c>
      <c r="F350" s="60"/>
    </row>
    <row r="351" spans="1:6">
      <c r="A351" s="149" t="s">
        <v>2204</v>
      </c>
      <c r="B351" s="149"/>
      <c r="C351" s="150">
        <v>7575000000</v>
      </c>
      <c r="D351" s="150">
        <v>0</v>
      </c>
      <c r="E351" s="150">
        <v>7575000000</v>
      </c>
      <c r="F351" s="60"/>
    </row>
    <row r="352" spans="1:6">
      <c r="A352" s="149" t="s">
        <v>2205</v>
      </c>
      <c r="B352" s="149"/>
      <c r="C352" s="150">
        <v>0</v>
      </c>
      <c r="D352" s="150">
        <v>0</v>
      </c>
      <c r="E352" s="150">
        <v>0</v>
      </c>
      <c r="F352" s="60"/>
    </row>
    <row r="353" spans="1:6">
      <c r="A353" s="149" t="s">
        <v>2206</v>
      </c>
      <c r="B353" s="149"/>
      <c r="C353" s="150">
        <v>0</v>
      </c>
      <c r="D353" s="150">
        <v>0</v>
      </c>
      <c r="E353" s="150">
        <v>0</v>
      </c>
      <c r="F353" s="60"/>
    </row>
    <row r="354" spans="1:6">
      <c r="A354" s="149" t="s">
        <v>2207</v>
      </c>
      <c r="B354" s="149"/>
      <c r="C354" s="150">
        <v>249999999.99999997</v>
      </c>
      <c r="D354" s="150">
        <v>0</v>
      </c>
      <c r="E354" s="150">
        <v>249999999.99999997</v>
      </c>
      <c r="F354" s="60"/>
    </row>
    <row r="355" spans="1:6">
      <c r="A355" s="149" t="s">
        <v>2208</v>
      </c>
      <c r="B355" s="149"/>
      <c r="C355" s="150">
        <v>800000000</v>
      </c>
      <c r="D355" s="150">
        <v>0</v>
      </c>
      <c r="E355" s="150">
        <v>800000000</v>
      </c>
      <c r="F355" s="60"/>
    </row>
    <row r="356" spans="1:6">
      <c r="A356" s="149" t="s">
        <v>2209</v>
      </c>
      <c r="B356" s="149"/>
      <c r="C356" s="150">
        <v>150000000</v>
      </c>
      <c r="D356" s="150">
        <v>0</v>
      </c>
      <c r="E356" s="150">
        <v>150000000</v>
      </c>
      <c r="F356" s="60"/>
    </row>
    <row r="357" spans="1:6">
      <c r="A357" s="149" t="s">
        <v>2210</v>
      </c>
      <c r="B357" s="149"/>
      <c r="C357" s="150">
        <v>1200000000</v>
      </c>
      <c r="D357" s="150">
        <v>0</v>
      </c>
      <c r="E357" s="150">
        <v>1200000000</v>
      </c>
      <c r="F357" s="60"/>
    </row>
    <row r="358" spans="1:6">
      <c r="A358" s="149" t="s">
        <v>2211</v>
      </c>
      <c r="B358" s="149"/>
      <c r="C358" s="150">
        <v>-2752474.81</v>
      </c>
      <c r="D358" s="150">
        <v>8149.73</v>
      </c>
      <c r="E358" s="150">
        <v>-2744325.08</v>
      </c>
      <c r="F358" s="60"/>
    </row>
    <row r="359" spans="1:6">
      <c r="A359" s="149" t="s">
        <v>2212</v>
      </c>
      <c r="B359" s="149"/>
      <c r="C359" s="150">
        <v>-886877.79</v>
      </c>
      <c r="D359" s="150">
        <v>7907.15</v>
      </c>
      <c r="E359" s="150">
        <v>-878970.64</v>
      </c>
      <c r="F359" s="60"/>
    </row>
    <row r="360" spans="1:6">
      <c r="A360" s="149" t="s">
        <v>2213</v>
      </c>
      <c r="B360" s="149"/>
      <c r="C360" s="150">
        <v>-619933.77</v>
      </c>
      <c r="D360" s="150">
        <v>9188.74</v>
      </c>
      <c r="E360" s="150">
        <v>-610745.03</v>
      </c>
      <c r="F360" s="60"/>
    </row>
    <row r="361" spans="1:6">
      <c r="A361" s="149" t="s">
        <v>2214</v>
      </c>
      <c r="B361" s="149"/>
      <c r="C361" s="150">
        <v>-473812.27</v>
      </c>
      <c r="D361" s="150">
        <v>1541.0200000000002</v>
      </c>
      <c r="E361" s="150">
        <v>-472271.25</v>
      </c>
      <c r="F361" s="60"/>
    </row>
    <row r="362" spans="1:6">
      <c r="A362" s="149" t="s">
        <v>2215</v>
      </c>
      <c r="B362" s="149"/>
      <c r="C362" s="150">
        <v>-3183800.09</v>
      </c>
      <c r="D362" s="150">
        <v>8857.01</v>
      </c>
      <c r="E362" s="150">
        <v>-3174943.08</v>
      </c>
      <c r="F362" s="60"/>
    </row>
    <row r="363" spans="1:6">
      <c r="A363" s="149" t="s">
        <v>2216</v>
      </c>
      <c r="B363" s="149"/>
      <c r="C363" s="150">
        <v>-515840.72000000003</v>
      </c>
      <c r="D363" s="150">
        <v>5702</v>
      </c>
      <c r="E363" s="150">
        <v>-510138.72</v>
      </c>
      <c r="F363" s="60"/>
    </row>
    <row r="364" spans="1:6">
      <c r="A364" s="149" t="s">
        <v>2217</v>
      </c>
      <c r="B364" s="149"/>
      <c r="C364" s="150">
        <v>-2673420.7999999998</v>
      </c>
      <c r="D364" s="150">
        <v>9347.6299999999992</v>
      </c>
      <c r="E364" s="150">
        <v>-2664073.17</v>
      </c>
      <c r="F364" s="60"/>
    </row>
    <row r="365" spans="1:6">
      <c r="A365" s="149" t="s">
        <v>2218</v>
      </c>
      <c r="B365" s="149"/>
      <c r="C365" s="150">
        <v>-160365.74</v>
      </c>
      <c r="D365" s="150">
        <v>3241.89</v>
      </c>
      <c r="E365" s="150">
        <v>-157123.84999999998</v>
      </c>
      <c r="F365" s="60"/>
    </row>
    <row r="366" spans="1:6">
      <c r="A366" s="149" t="s">
        <v>2219</v>
      </c>
      <c r="B366" s="149"/>
      <c r="C366" s="150">
        <v>-259339.8</v>
      </c>
      <c r="D366" s="150">
        <v>3087.38</v>
      </c>
      <c r="E366" s="150">
        <v>-256252.42</v>
      </c>
      <c r="F366" s="60"/>
    </row>
    <row r="367" spans="1:6">
      <c r="A367" s="149" t="s">
        <v>2220</v>
      </c>
      <c r="B367" s="149"/>
      <c r="C367" s="150">
        <v>-75265.209999999992</v>
      </c>
      <c r="D367" s="150">
        <v>1213.8499999999999</v>
      </c>
      <c r="E367" s="150">
        <v>-74051.360000000001</v>
      </c>
      <c r="F367" s="60"/>
    </row>
    <row r="368" spans="1:6">
      <c r="A368" s="149" t="s">
        <v>2221</v>
      </c>
      <c r="B368" s="149"/>
      <c r="C368" s="150">
        <v>-194729.56</v>
      </c>
      <c r="D368" s="150">
        <v>1583.11</v>
      </c>
      <c r="E368" s="150">
        <v>-193146.45</v>
      </c>
      <c r="F368" s="60"/>
    </row>
    <row r="369" spans="1:6">
      <c r="A369" s="149" t="s">
        <v>2222</v>
      </c>
      <c r="B369" s="149"/>
      <c r="C369" s="150">
        <v>-325416.3</v>
      </c>
      <c r="D369" s="150">
        <v>1833.85</v>
      </c>
      <c r="E369" s="150">
        <v>-323582.45</v>
      </c>
      <c r="F369" s="60"/>
    </row>
    <row r="370" spans="1:6">
      <c r="A370" s="149" t="s">
        <v>2223</v>
      </c>
      <c r="B370" s="149"/>
      <c r="C370" s="150">
        <v>-842778.21</v>
      </c>
      <c r="D370" s="150">
        <v>4051.92</v>
      </c>
      <c r="E370" s="150">
        <v>-838726.28999999992</v>
      </c>
      <c r="F370" s="60"/>
    </row>
    <row r="371" spans="1:6">
      <c r="A371" s="149" t="s">
        <v>2224</v>
      </c>
      <c r="B371" s="149"/>
      <c r="C371" s="150">
        <v>-2186377.38</v>
      </c>
      <c r="D371" s="150">
        <v>11725.48</v>
      </c>
      <c r="E371" s="150">
        <v>-2174651.9</v>
      </c>
      <c r="F371" s="60"/>
    </row>
    <row r="372" spans="1:6">
      <c r="A372" s="149" t="s">
        <v>2225</v>
      </c>
      <c r="B372" s="149"/>
      <c r="C372" s="150">
        <v>-843846.23</v>
      </c>
      <c r="D372" s="150">
        <v>3523.85</v>
      </c>
      <c r="E372" s="150">
        <v>-840322.38</v>
      </c>
      <c r="F372" s="60"/>
    </row>
    <row r="373" spans="1:6">
      <c r="A373" s="149" t="s">
        <v>2226</v>
      </c>
      <c r="B373" s="149"/>
      <c r="C373" s="150">
        <v>-15994278.68</v>
      </c>
      <c r="D373" s="150">
        <v>80954.61</v>
      </c>
      <c r="E373" s="150">
        <v>-15913324.069999998</v>
      </c>
      <c r="F373" s="60"/>
    </row>
    <row r="374" spans="1:6">
      <c r="A374" s="146" t="s">
        <v>2227</v>
      </c>
      <c r="B374" s="147"/>
      <c r="C374" s="151">
        <v>8759005721.3199997</v>
      </c>
      <c r="D374" s="151">
        <v>80954.61</v>
      </c>
      <c r="E374" s="151">
        <v>8759086675.9300003</v>
      </c>
      <c r="F374" s="60"/>
    </row>
    <row r="375" spans="1:6">
      <c r="A375" s="149" t="s">
        <v>2228</v>
      </c>
      <c r="B375" s="149"/>
      <c r="C375" s="150">
        <v>20530505.809999999</v>
      </c>
      <c r="D375" s="150">
        <v>-1660521.35</v>
      </c>
      <c r="E375" s="150">
        <v>18869984.460000001</v>
      </c>
      <c r="F375" s="60"/>
    </row>
    <row r="376" spans="1:6">
      <c r="A376" s="149" t="s">
        <v>2229</v>
      </c>
      <c r="B376" s="149"/>
      <c r="C376" s="150">
        <v>214439497.31999999</v>
      </c>
      <c r="D376" s="150">
        <v>-3480117.85</v>
      </c>
      <c r="E376" s="150">
        <v>210959379.47</v>
      </c>
      <c r="F376" s="60"/>
    </row>
    <row r="377" spans="1:6">
      <c r="A377" s="149" t="s">
        <v>2230</v>
      </c>
      <c r="B377" s="149"/>
      <c r="C377" s="150">
        <v>234970003.13</v>
      </c>
      <c r="D377" s="150">
        <v>-5140639.2</v>
      </c>
      <c r="E377" s="150">
        <v>229829363.93000001</v>
      </c>
      <c r="F377" s="60"/>
    </row>
    <row r="378" spans="1:6">
      <c r="A378" s="149" t="s">
        <v>2231</v>
      </c>
      <c r="B378" s="149"/>
      <c r="C378" s="150">
        <v>107262153.68000001</v>
      </c>
      <c r="D378" s="150">
        <v>628307.11</v>
      </c>
      <c r="E378" s="150">
        <v>107890460.79000001</v>
      </c>
      <c r="F378" s="60"/>
    </row>
    <row r="379" spans="1:6">
      <c r="A379" s="149" t="s">
        <v>2232</v>
      </c>
      <c r="B379" s="149"/>
      <c r="C379" s="150">
        <v>8869989.0199999996</v>
      </c>
      <c r="D379" s="150">
        <v>-3871042.44</v>
      </c>
      <c r="E379" s="150">
        <v>4998946.58</v>
      </c>
      <c r="F379" s="60"/>
    </row>
    <row r="380" spans="1:6">
      <c r="A380" s="155" t="s">
        <v>2233</v>
      </c>
      <c r="B380" s="155"/>
      <c r="C380" s="153">
        <v>116132142.69999999</v>
      </c>
      <c r="D380" s="153">
        <v>-3242735.33</v>
      </c>
      <c r="E380" s="153">
        <v>112889407.37</v>
      </c>
      <c r="F380" s="60"/>
    </row>
    <row r="381" spans="1:6">
      <c r="A381" s="149" t="s">
        <v>2234</v>
      </c>
      <c r="B381" s="149"/>
      <c r="C381" s="150">
        <v>0</v>
      </c>
      <c r="D381" s="150">
        <v>0</v>
      </c>
      <c r="E381" s="150">
        <v>0</v>
      </c>
      <c r="F381" s="60"/>
    </row>
    <row r="382" spans="1:6">
      <c r="A382" s="149" t="s">
        <v>2235</v>
      </c>
      <c r="B382" s="149"/>
      <c r="C382" s="150">
        <v>4180000</v>
      </c>
      <c r="D382" s="150">
        <v>-4181695.02</v>
      </c>
      <c r="E382" s="150">
        <v>-1695.02</v>
      </c>
      <c r="F382" s="60"/>
    </row>
    <row r="383" spans="1:6">
      <c r="A383" s="149" t="s">
        <v>2236</v>
      </c>
      <c r="B383" s="149"/>
      <c r="C383" s="150">
        <v>21794814.66</v>
      </c>
      <c r="D383" s="150">
        <v>-7186909</v>
      </c>
      <c r="E383" s="150">
        <v>14607905.66</v>
      </c>
      <c r="F383" s="60"/>
    </row>
    <row r="384" spans="1:6">
      <c r="A384" s="155" t="s">
        <v>2237</v>
      </c>
      <c r="B384" s="155"/>
      <c r="C384" s="153">
        <v>25974814.66</v>
      </c>
      <c r="D384" s="153">
        <v>-11368604.020000001</v>
      </c>
      <c r="E384" s="153">
        <v>14606210.640000001</v>
      </c>
      <c r="F384" s="60"/>
    </row>
    <row r="385" spans="1:6">
      <c r="A385" s="149" t="s">
        <v>2238</v>
      </c>
      <c r="B385" s="149"/>
      <c r="C385" s="150">
        <v>31361774.419999998</v>
      </c>
      <c r="D385" s="150">
        <v>-8580044.629999999</v>
      </c>
      <c r="E385" s="150">
        <v>22781729.789999999</v>
      </c>
      <c r="F385" s="60"/>
    </row>
    <row r="386" spans="1:6">
      <c r="A386" s="149" t="s">
        <v>2239</v>
      </c>
      <c r="B386" s="149"/>
      <c r="C386" s="150">
        <v>75285115.920000002</v>
      </c>
      <c r="D386" s="150">
        <v>-29257235.219999999</v>
      </c>
      <c r="E386" s="150">
        <v>46027880.699999996</v>
      </c>
      <c r="F386" s="60"/>
    </row>
    <row r="387" spans="1:6">
      <c r="A387" s="149" t="s">
        <v>2240</v>
      </c>
      <c r="B387" s="149"/>
      <c r="C387" s="150">
        <v>4684818.13</v>
      </c>
      <c r="D387" s="150">
        <v>-34082.75</v>
      </c>
      <c r="E387" s="150">
        <v>4650735.38</v>
      </c>
      <c r="F387" s="60"/>
    </row>
    <row r="388" spans="1:6">
      <c r="A388" s="149" t="s">
        <v>2241</v>
      </c>
      <c r="B388" s="149"/>
      <c r="C388" s="150">
        <v>6805719.8300000001</v>
      </c>
      <c r="D388" s="150">
        <v>426660.3</v>
      </c>
      <c r="E388" s="150">
        <v>7232380.1299999999</v>
      </c>
      <c r="F388" s="60"/>
    </row>
    <row r="389" spans="1:6">
      <c r="A389" s="149" t="s">
        <v>2242</v>
      </c>
      <c r="B389" s="149"/>
      <c r="C389" s="150">
        <v>33458363.289999999</v>
      </c>
      <c r="D389" s="150">
        <v>-8701116.6899999995</v>
      </c>
      <c r="E389" s="150">
        <v>24757246.599999998</v>
      </c>
      <c r="F389" s="60"/>
    </row>
    <row r="390" spans="1:6">
      <c r="A390" s="149" t="s">
        <v>2243</v>
      </c>
      <c r="B390" s="149"/>
      <c r="C390" s="150">
        <v>0</v>
      </c>
      <c r="D390" s="150">
        <v>0</v>
      </c>
      <c r="E390" s="150">
        <v>0</v>
      </c>
      <c r="F390" s="60"/>
    </row>
    <row r="391" spans="1:6">
      <c r="A391" s="149" t="s">
        <v>2244</v>
      </c>
      <c r="B391" s="149"/>
      <c r="C391" s="150">
        <v>429370</v>
      </c>
      <c r="D391" s="150">
        <v>-107808</v>
      </c>
      <c r="E391" s="150">
        <v>321562</v>
      </c>
      <c r="F391" s="60"/>
    </row>
    <row r="392" spans="1:6">
      <c r="A392" s="149" t="s">
        <v>2245</v>
      </c>
      <c r="B392" s="149"/>
      <c r="C392" s="150">
        <v>152025161.59</v>
      </c>
      <c r="D392" s="150">
        <v>-46253626.990000002</v>
      </c>
      <c r="E392" s="150">
        <v>105771534.59999999</v>
      </c>
      <c r="F392" s="60"/>
    </row>
    <row r="393" spans="1:6">
      <c r="A393" s="149" t="s">
        <v>2246</v>
      </c>
      <c r="B393" s="149"/>
      <c r="C393" s="150">
        <v>0</v>
      </c>
      <c r="D393" s="150">
        <v>0</v>
      </c>
      <c r="E393" s="150">
        <v>0</v>
      </c>
      <c r="F393" s="60"/>
    </row>
    <row r="394" spans="1:6">
      <c r="A394" s="149" t="s">
        <v>119</v>
      </c>
      <c r="B394" s="149"/>
      <c r="C394" s="150">
        <v>1497785.3199999998</v>
      </c>
      <c r="D394" s="150">
        <v>-7017.9800000000005</v>
      </c>
      <c r="E394" s="150">
        <v>1490767.34</v>
      </c>
      <c r="F394" s="60"/>
    </row>
    <row r="395" spans="1:6">
      <c r="A395" s="149" t="s">
        <v>104</v>
      </c>
      <c r="B395" s="149"/>
      <c r="C395" s="150">
        <v>854376.39</v>
      </c>
      <c r="D395" s="150">
        <v>49095.64</v>
      </c>
      <c r="E395" s="150">
        <v>903472.03</v>
      </c>
      <c r="F395" s="60"/>
    </row>
    <row r="396" spans="1:6">
      <c r="A396" s="155" t="s">
        <v>2247</v>
      </c>
      <c r="B396" s="155"/>
      <c r="C396" s="153">
        <v>2352161.71</v>
      </c>
      <c r="D396" s="153">
        <v>42077.659999999996</v>
      </c>
      <c r="E396" s="153">
        <v>2394239.37</v>
      </c>
      <c r="F396" s="60"/>
    </row>
    <row r="397" spans="1:6">
      <c r="A397" s="149" t="s">
        <v>2248</v>
      </c>
      <c r="B397" s="149"/>
      <c r="C397" s="150">
        <v>29126137.829999998</v>
      </c>
      <c r="D397" s="150">
        <v>-131534.74</v>
      </c>
      <c r="E397" s="150">
        <v>28994603.09</v>
      </c>
      <c r="F397" s="60"/>
    </row>
    <row r="398" spans="1:6">
      <c r="A398" s="149" t="s">
        <v>2249</v>
      </c>
      <c r="B398" s="149"/>
      <c r="C398" s="150">
        <v>334303278.07999998</v>
      </c>
      <c r="D398" s="150">
        <v>-5906704.8300000001</v>
      </c>
      <c r="E398" s="150">
        <v>328396573.25</v>
      </c>
      <c r="F398" s="60"/>
    </row>
    <row r="399" spans="1:6">
      <c r="A399" s="149" t="s">
        <v>2250</v>
      </c>
      <c r="B399" s="149"/>
      <c r="C399" s="150">
        <v>363429415.91000003</v>
      </c>
      <c r="D399" s="150">
        <v>-6038239.5700000003</v>
      </c>
      <c r="E399" s="150">
        <v>357391176.34000003</v>
      </c>
      <c r="F399" s="60"/>
    </row>
    <row r="400" spans="1:6">
      <c r="A400" s="146" t="s">
        <v>2251</v>
      </c>
      <c r="B400" s="147"/>
      <c r="C400" s="151">
        <v>894883699.70000005</v>
      </c>
      <c r="D400" s="151">
        <v>-72001767.450000003</v>
      </c>
      <c r="E400" s="151">
        <v>822881932.25</v>
      </c>
      <c r="F400" s="60"/>
    </row>
    <row r="401" spans="1:6">
      <c r="A401" s="149" t="s">
        <v>2252</v>
      </c>
      <c r="B401" s="149"/>
      <c r="C401" s="150">
        <v>211015233.51000002</v>
      </c>
      <c r="D401" s="150">
        <v>-8471204.4100000001</v>
      </c>
      <c r="E401" s="150">
        <v>202544029.09999999</v>
      </c>
      <c r="F401" s="60"/>
    </row>
    <row r="402" spans="1:6">
      <c r="A402" s="149" t="s">
        <v>2253</v>
      </c>
      <c r="B402" s="149"/>
      <c r="C402" s="150">
        <v>304495.21000000002</v>
      </c>
      <c r="D402" s="150">
        <v>104618.23</v>
      </c>
      <c r="E402" s="150">
        <v>409113.44</v>
      </c>
      <c r="F402" s="60"/>
    </row>
    <row r="403" spans="1:6">
      <c r="A403" s="149" t="s">
        <v>2254</v>
      </c>
      <c r="B403" s="149"/>
      <c r="C403" s="150">
        <v>1341164.17</v>
      </c>
      <c r="D403" s="150">
        <v>-183704.16</v>
      </c>
      <c r="E403" s="150">
        <v>1157460.01</v>
      </c>
      <c r="F403" s="60"/>
    </row>
    <row r="404" spans="1:6">
      <c r="A404" s="149" t="s">
        <v>2255</v>
      </c>
      <c r="B404" s="149"/>
      <c r="C404" s="150">
        <v>2598.0299999999997</v>
      </c>
      <c r="D404" s="150">
        <v>0</v>
      </c>
      <c r="E404" s="150">
        <v>2598.0299999999997</v>
      </c>
      <c r="F404" s="60"/>
    </row>
    <row r="405" spans="1:6">
      <c r="A405" s="149" t="s">
        <v>2256</v>
      </c>
      <c r="B405" s="149"/>
      <c r="C405" s="150">
        <v>2643688.9</v>
      </c>
      <c r="D405" s="150">
        <v>2570773.12</v>
      </c>
      <c r="E405" s="150">
        <v>5214462.0199999996</v>
      </c>
      <c r="F405" s="60"/>
    </row>
    <row r="406" spans="1:6">
      <c r="A406" s="149" t="s">
        <v>2257</v>
      </c>
      <c r="B406" s="149"/>
      <c r="C406" s="150">
        <v>544608.28</v>
      </c>
      <c r="D406" s="150">
        <v>-40816.75</v>
      </c>
      <c r="E406" s="150">
        <v>503791.52999999997</v>
      </c>
      <c r="F406" s="60"/>
    </row>
    <row r="407" spans="1:6">
      <c r="A407" s="149" t="s">
        <v>2258</v>
      </c>
      <c r="B407" s="149"/>
      <c r="C407" s="150">
        <v>599353.3899999999</v>
      </c>
      <c r="D407" s="150">
        <v>-543210.06000000006</v>
      </c>
      <c r="E407" s="150">
        <v>56143.33</v>
      </c>
      <c r="F407" s="60"/>
    </row>
    <row r="408" spans="1:6">
      <c r="A408" s="149" t="s">
        <v>2259</v>
      </c>
      <c r="B408" s="149"/>
      <c r="C408" s="150">
        <v>4497854.0999999996</v>
      </c>
      <c r="D408" s="150">
        <v>1651871.69</v>
      </c>
      <c r="E408" s="150">
        <v>6149725.79</v>
      </c>
      <c r="F408" s="60"/>
    </row>
    <row r="409" spans="1:6">
      <c r="A409" s="149" t="s">
        <v>2260</v>
      </c>
      <c r="B409" s="149"/>
      <c r="C409" s="150">
        <v>81689.63</v>
      </c>
      <c r="D409" s="150">
        <v>25010.31</v>
      </c>
      <c r="E409" s="150">
        <v>106699.94</v>
      </c>
      <c r="F409" s="60"/>
    </row>
    <row r="410" spans="1:6">
      <c r="A410" s="149" t="s">
        <v>2261</v>
      </c>
      <c r="B410" s="149"/>
      <c r="C410" s="150">
        <v>23383176.579999998</v>
      </c>
      <c r="D410" s="150">
        <v>-299211.55</v>
      </c>
      <c r="E410" s="150">
        <v>23083965.030000001</v>
      </c>
      <c r="F410" s="60"/>
    </row>
    <row r="411" spans="1:6">
      <c r="A411" s="149" t="s">
        <v>2262</v>
      </c>
      <c r="B411" s="149"/>
      <c r="C411" s="150">
        <v>4746205.2700000005</v>
      </c>
      <c r="D411" s="150">
        <v>1953567.21</v>
      </c>
      <c r="E411" s="150">
        <v>6699772.4800000004</v>
      </c>
      <c r="F411" s="60"/>
    </row>
    <row r="412" spans="1:6">
      <c r="A412" s="149" t="s">
        <v>2263</v>
      </c>
      <c r="B412" s="149"/>
      <c r="C412" s="150">
        <v>0</v>
      </c>
      <c r="D412" s="150">
        <v>0</v>
      </c>
      <c r="E412" s="150">
        <v>0</v>
      </c>
      <c r="F412" s="60"/>
    </row>
    <row r="413" spans="1:6">
      <c r="A413" s="149" t="s">
        <v>2264</v>
      </c>
      <c r="B413" s="149"/>
      <c r="C413" s="150">
        <v>0</v>
      </c>
      <c r="D413" s="150">
        <v>0</v>
      </c>
      <c r="E413" s="150">
        <v>0</v>
      </c>
      <c r="F413" s="60"/>
    </row>
    <row r="414" spans="1:6">
      <c r="A414" s="149" t="s">
        <v>2265</v>
      </c>
      <c r="B414" s="149"/>
      <c r="C414" s="150">
        <v>-29046.26</v>
      </c>
      <c r="D414" s="150">
        <v>18087.620000000003</v>
      </c>
      <c r="E414" s="150">
        <v>-10958.640000000001</v>
      </c>
      <c r="F414" s="60"/>
    </row>
    <row r="415" spans="1:6">
      <c r="A415" s="149" t="s">
        <v>2266</v>
      </c>
      <c r="B415" s="149"/>
      <c r="C415" s="150">
        <v>403678.5</v>
      </c>
      <c r="D415" s="150">
        <v>0</v>
      </c>
      <c r="E415" s="150">
        <v>403678.5</v>
      </c>
      <c r="F415" s="60"/>
    </row>
    <row r="416" spans="1:6">
      <c r="A416" s="149" t="s">
        <v>2267</v>
      </c>
      <c r="B416" s="149"/>
      <c r="C416" s="150">
        <v>0</v>
      </c>
      <c r="D416" s="150">
        <v>0</v>
      </c>
      <c r="E416" s="150">
        <v>0</v>
      </c>
      <c r="F416" s="60"/>
    </row>
    <row r="417" spans="1:6">
      <c r="A417" s="149" t="s">
        <v>2268</v>
      </c>
      <c r="B417" s="149"/>
      <c r="C417" s="150">
        <v>5120837.51</v>
      </c>
      <c r="D417" s="150">
        <v>1971654.83</v>
      </c>
      <c r="E417" s="150">
        <v>7092492.3399999999</v>
      </c>
      <c r="F417" s="60"/>
    </row>
    <row r="418" spans="1:6">
      <c r="A418" s="149" t="s">
        <v>2269</v>
      </c>
      <c r="B418" s="149"/>
      <c r="C418" s="150">
        <v>127439049.53</v>
      </c>
      <c r="D418" s="150">
        <v>-85154035.960000008</v>
      </c>
      <c r="E418" s="150">
        <v>42285013.57</v>
      </c>
      <c r="F418" s="60"/>
    </row>
    <row r="419" spans="1:6">
      <c r="A419" s="149" t="s">
        <v>2270</v>
      </c>
      <c r="B419" s="149"/>
      <c r="C419" s="150">
        <v>127439049.53</v>
      </c>
      <c r="D419" s="150">
        <v>-85154035.960000008</v>
      </c>
      <c r="E419" s="150">
        <v>42285013.57</v>
      </c>
      <c r="F419" s="60"/>
    </row>
    <row r="420" spans="1:6">
      <c r="A420" s="149" t="s">
        <v>2271</v>
      </c>
      <c r="B420" s="149"/>
      <c r="C420" s="150">
        <v>418.46000000000004</v>
      </c>
      <c r="D420" s="150">
        <v>0</v>
      </c>
      <c r="E420" s="150">
        <v>418.46000000000004</v>
      </c>
      <c r="F420" s="60"/>
    </row>
    <row r="421" spans="1:6">
      <c r="A421" s="149" t="s">
        <v>2272</v>
      </c>
      <c r="B421" s="149"/>
      <c r="C421" s="150">
        <v>189124545.31</v>
      </c>
      <c r="D421" s="150">
        <v>-5379481.6400000006</v>
      </c>
      <c r="E421" s="150">
        <v>183745063.66999999</v>
      </c>
      <c r="F421" s="60"/>
    </row>
    <row r="422" spans="1:6">
      <c r="A422" s="149" t="s">
        <v>2273</v>
      </c>
      <c r="B422" s="149"/>
      <c r="C422" s="150">
        <v>1300643.74</v>
      </c>
      <c r="D422" s="150">
        <v>1071849</v>
      </c>
      <c r="E422" s="150">
        <v>2372492.7399999998</v>
      </c>
      <c r="F422" s="60"/>
    </row>
    <row r="423" spans="1:6">
      <c r="A423" s="149" t="s">
        <v>2274</v>
      </c>
      <c r="B423" s="149"/>
      <c r="C423" s="150">
        <v>46227063.599999994</v>
      </c>
      <c r="D423" s="150">
        <v>643974.41999999993</v>
      </c>
      <c r="E423" s="150">
        <v>46871038.019999996</v>
      </c>
      <c r="F423" s="60"/>
    </row>
    <row r="424" spans="1:6">
      <c r="A424" s="149" t="s">
        <v>2275</v>
      </c>
      <c r="B424" s="149"/>
      <c r="C424" s="150">
        <v>201995.62000000002</v>
      </c>
      <c r="D424" s="150">
        <v>0</v>
      </c>
      <c r="E424" s="150">
        <v>201995.62000000002</v>
      </c>
      <c r="F424" s="60"/>
    </row>
    <row r="425" spans="1:6">
      <c r="A425" s="149" t="s">
        <v>2276</v>
      </c>
      <c r="B425" s="149"/>
      <c r="C425" s="150">
        <v>19800</v>
      </c>
      <c r="D425" s="150">
        <v>0</v>
      </c>
      <c r="E425" s="150">
        <v>19800</v>
      </c>
      <c r="F425" s="60"/>
    </row>
    <row r="426" spans="1:6">
      <c r="A426" s="149" t="s">
        <v>2277</v>
      </c>
      <c r="B426" s="149"/>
      <c r="C426" s="150">
        <v>0</v>
      </c>
      <c r="D426" s="150">
        <v>3196902.45</v>
      </c>
      <c r="E426" s="150">
        <v>3196902.45</v>
      </c>
      <c r="F426" s="60"/>
    </row>
    <row r="427" spans="1:6">
      <c r="A427" s="149" t="s">
        <v>2278</v>
      </c>
      <c r="B427" s="149"/>
      <c r="C427" s="150">
        <v>651145.34000000008</v>
      </c>
      <c r="D427" s="150">
        <v>-136643.09999999998</v>
      </c>
      <c r="E427" s="150">
        <v>514502.23999999993</v>
      </c>
      <c r="F427" s="60"/>
    </row>
    <row r="428" spans="1:6">
      <c r="A428" s="149" t="s">
        <v>2279</v>
      </c>
      <c r="B428" s="149"/>
      <c r="C428" s="150">
        <v>4.6900000000000004</v>
      </c>
      <c r="D428" s="150">
        <v>0</v>
      </c>
      <c r="E428" s="150">
        <v>4.6900000000000004</v>
      </c>
      <c r="F428" s="60"/>
    </row>
    <row r="429" spans="1:6">
      <c r="A429" s="149" t="s">
        <v>2280</v>
      </c>
      <c r="B429" s="149"/>
      <c r="C429" s="150">
        <v>133410673.75999999</v>
      </c>
      <c r="D429" s="150">
        <v>46883411.089999996</v>
      </c>
      <c r="E429" s="150">
        <v>180294084.84999999</v>
      </c>
      <c r="F429" s="60"/>
    </row>
    <row r="430" spans="1:6">
      <c r="A430" s="149" t="s">
        <v>2281</v>
      </c>
      <c r="B430" s="149"/>
      <c r="C430" s="150">
        <v>47422.43</v>
      </c>
      <c r="D430" s="150">
        <v>0</v>
      </c>
      <c r="E430" s="150">
        <v>47422.43</v>
      </c>
      <c r="F430" s="60"/>
    </row>
    <row r="431" spans="1:6">
      <c r="A431" s="149" t="s">
        <v>2282</v>
      </c>
      <c r="B431" s="149"/>
      <c r="C431" s="150">
        <v>158541494.20000002</v>
      </c>
      <c r="D431" s="150">
        <v>17053881.57</v>
      </c>
      <c r="E431" s="150">
        <v>175595375.77000001</v>
      </c>
      <c r="F431" s="60"/>
    </row>
    <row r="432" spans="1:6">
      <c r="A432" s="149" t="s">
        <v>2283</v>
      </c>
      <c r="B432" s="149"/>
      <c r="C432" s="150">
        <v>906498955.98999989</v>
      </c>
      <c r="D432" s="150">
        <v>-25034360.920000002</v>
      </c>
      <c r="E432" s="150">
        <v>881464595.07000005</v>
      </c>
      <c r="F432" s="60"/>
    </row>
    <row r="433" spans="1:6">
      <c r="A433" s="149" t="s">
        <v>2284</v>
      </c>
      <c r="B433" s="149"/>
      <c r="C433" s="150">
        <v>336523999.90999997</v>
      </c>
      <c r="D433" s="150">
        <v>268399999.99999997</v>
      </c>
      <c r="E433" s="150">
        <v>604923999.90999997</v>
      </c>
      <c r="F433" s="60"/>
    </row>
    <row r="434" spans="1:6">
      <c r="A434" s="149" t="s">
        <v>2285</v>
      </c>
      <c r="B434" s="149"/>
      <c r="C434" s="150">
        <v>336523999.90999997</v>
      </c>
      <c r="D434" s="150">
        <v>268399999.99999997</v>
      </c>
      <c r="E434" s="150">
        <v>604923999.90999997</v>
      </c>
      <c r="F434" s="60"/>
    </row>
    <row r="435" spans="1:6">
      <c r="A435" s="149" t="s">
        <v>2286</v>
      </c>
      <c r="B435" s="149"/>
      <c r="C435" s="150">
        <v>-45355.98</v>
      </c>
      <c r="D435" s="150">
        <v>-7909.8</v>
      </c>
      <c r="E435" s="150">
        <v>-53265.78</v>
      </c>
      <c r="F435" s="60"/>
    </row>
    <row r="436" spans="1:6">
      <c r="A436" s="149" t="s">
        <v>2287</v>
      </c>
      <c r="B436" s="149"/>
      <c r="C436" s="150">
        <v>40631.519999999997</v>
      </c>
      <c r="D436" s="150">
        <v>114155.08</v>
      </c>
      <c r="E436" s="150">
        <v>154786.59999999998</v>
      </c>
      <c r="F436" s="60"/>
    </row>
    <row r="437" spans="1:6">
      <c r="A437" s="149" t="s">
        <v>2288</v>
      </c>
      <c r="B437" s="149"/>
      <c r="C437" s="150">
        <v>11013.59</v>
      </c>
      <c r="D437" s="150">
        <v>-14.91</v>
      </c>
      <c r="E437" s="150">
        <v>10998.68</v>
      </c>
      <c r="F437" s="60"/>
    </row>
    <row r="438" spans="1:6">
      <c r="A438" s="149" t="s">
        <v>2289</v>
      </c>
      <c r="B438" s="149"/>
      <c r="C438" s="150">
        <v>152463682.30000001</v>
      </c>
      <c r="D438" s="150">
        <v>15676906.74</v>
      </c>
      <c r="E438" s="150">
        <v>168140589.03999999</v>
      </c>
      <c r="F438" s="60"/>
    </row>
    <row r="439" spans="1:6">
      <c r="A439" s="149" t="s">
        <v>2290</v>
      </c>
      <c r="B439" s="149"/>
      <c r="C439" s="150">
        <v>152469971.43000001</v>
      </c>
      <c r="D439" s="150">
        <v>15783137.110000001</v>
      </c>
      <c r="E439" s="150">
        <v>168253108.53999999</v>
      </c>
      <c r="F439" s="60"/>
    </row>
    <row r="440" spans="1:6">
      <c r="A440" s="149" t="s">
        <v>2291</v>
      </c>
      <c r="B440" s="149"/>
      <c r="C440" s="150">
        <v>198690903.14000002</v>
      </c>
      <c r="D440" s="150">
        <v>0</v>
      </c>
      <c r="E440" s="150">
        <v>198690903.14000002</v>
      </c>
      <c r="F440" s="60"/>
    </row>
    <row r="441" spans="1:6">
      <c r="A441" s="149" t="s">
        <v>2292</v>
      </c>
      <c r="B441" s="149"/>
      <c r="C441" s="150">
        <v>1666455.49</v>
      </c>
      <c r="D441" s="150">
        <v>0</v>
      </c>
      <c r="E441" s="150">
        <v>1666455.49</v>
      </c>
      <c r="F441" s="60"/>
    </row>
    <row r="442" spans="1:6">
      <c r="A442" s="149" t="s">
        <v>2293</v>
      </c>
      <c r="B442" s="149"/>
      <c r="C442" s="150">
        <v>-17832228.640000001</v>
      </c>
      <c r="D442" s="150">
        <v>262356.83999999997</v>
      </c>
      <c r="E442" s="150">
        <v>-17569871.800000001</v>
      </c>
      <c r="F442" s="60"/>
    </row>
    <row r="443" spans="1:6">
      <c r="A443" s="149" t="s">
        <v>2294</v>
      </c>
      <c r="B443" s="149"/>
      <c r="C443" s="150">
        <v>182525129.99000001</v>
      </c>
      <c r="D443" s="150">
        <v>262356.84000000003</v>
      </c>
      <c r="E443" s="150">
        <v>182787486.83000001</v>
      </c>
      <c r="F443" s="60"/>
    </row>
    <row r="444" spans="1:6">
      <c r="A444" s="149" t="s">
        <v>2295</v>
      </c>
      <c r="B444" s="149"/>
      <c r="C444" s="150">
        <v>-21049245.489999998</v>
      </c>
      <c r="D444" s="150">
        <v>9852415.540000001</v>
      </c>
      <c r="E444" s="150">
        <v>-11196829.949999999</v>
      </c>
      <c r="F444" s="60"/>
    </row>
    <row r="445" spans="1:6">
      <c r="A445" s="149" t="s">
        <v>2296</v>
      </c>
      <c r="B445" s="149"/>
      <c r="C445" s="150">
        <v>221177</v>
      </c>
      <c r="D445" s="150">
        <v>-221177</v>
      </c>
      <c r="E445" s="150">
        <v>0</v>
      </c>
      <c r="F445" s="60"/>
    </row>
    <row r="446" spans="1:6">
      <c r="A446" s="149" t="s">
        <v>2297</v>
      </c>
      <c r="B446" s="149"/>
      <c r="C446" s="150">
        <v>11184841.950000001</v>
      </c>
      <c r="D446" s="150">
        <v>1107391.5900000001</v>
      </c>
      <c r="E446" s="150">
        <v>12292233.540000001</v>
      </c>
      <c r="F446" s="60"/>
    </row>
    <row r="447" spans="1:6">
      <c r="A447" s="149" t="s">
        <v>2298</v>
      </c>
      <c r="B447" s="149"/>
      <c r="C447" s="150">
        <v>9954522.9900000002</v>
      </c>
      <c r="D447" s="150">
        <v>-9962457.7699999996</v>
      </c>
      <c r="E447" s="150">
        <v>-7934.78</v>
      </c>
      <c r="F447" s="60"/>
    </row>
    <row r="448" spans="1:6">
      <c r="A448" s="149" t="s">
        <v>2299</v>
      </c>
      <c r="B448" s="149"/>
      <c r="C448" s="150">
        <v>12168795.58</v>
      </c>
      <c r="D448" s="150">
        <v>4699946.1399999997</v>
      </c>
      <c r="E448" s="150">
        <v>16868741.719999999</v>
      </c>
      <c r="F448" s="60"/>
    </row>
    <row r="449" spans="1:6">
      <c r="A449" s="149" t="s">
        <v>2300</v>
      </c>
      <c r="B449" s="149"/>
      <c r="C449" s="150">
        <v>1612782.3699999999</v>
      </c>
      <c r="D449" s="150">
        <v>394192.13</v>
      </c>
      <c r="E449" s="150">
        <v>2006974.4999999998</v>
      </c>
      <c r="F449" s="60"/>
    </row>
    <row r="450" spans="1:6">
      <c r="A450" s="149" t="s">
        <v>2301</v>
      </c>
      <c r="B450" s="149"/>
      <c r="C450" s="150">
        <v>1104.05</v>
      </c>
      <c r="D450" s="150">
        <v>2622.75</v>
      </c>
      <c r="E450" s="150">
        <v>3726.7999999999997</v>
      </c>
      <c r="F450" s="60"/>
    </row>
    <row r="451" spans="1:6">
      <c r="A451" s="149" t="s">
        <v>2302</v>
      </c>
      <c r="B451" s="149"/>
      <c r="C451" s="150">
        <v>8349111.8700000001</v>
      </c>
      <c r="D451" s="150">
        <v>-6370487.2699999996</v>
      </c>
      <c r="E451" s="150">
        <v>1978624.5999999999</v>
      </c>
      <c r="F451" s="60"/>
    </row>
    <row r="452" spans="1:6">
      <c r="A452" s="149" t="s">
        <v>2303</v>
      </c>
      <c r="B452" s="149"/>
      <c r="C452" s="150">
        <v>-5420016</v>
      </c>
      <c r="D452" s="150">
        <v>0</v>
      </c>
      <c r="E452" s="150">
        <v>-5420016</v>
      </c>
      <c r="F452" s="60"/>
    </row>
    <row r="453" spans="1:6">
      <c r="A453" s="149" t="s">
        <v>2304</v>
      </c>
      <c r="B453" s="149"/>
      <c r="C453" s="150">
        <v>2987.1800000000003</v>
      </c>
      <c r="D453" s="150">
        <v>1751.37</v>
      </c>
      <c r="E453" s="150">
        <v>4738.55</v>
      </c>
      <c r="F453" s="60"/>
    </row>
    <row r="454" spans="1:6">
      <c r="A454" s="149" t="s">
        <v>2305</v>
      </c>
      <c r="B454" s="149"/>
      <c r="C454" s="150">
        <v>-6499360.21</v>
      </c>
      <c r="D454" s="150">
        <v>838142.61</v>
      </c>
      <c r="E454" s="150">
        <v>-5661217.6000000006</v>
      </c>
      <c r="F454" s="60"/>
    </row>
    <row r="455" spans="1:6">
      <c r="A455" s="149" t="s">
        <v>2306</v>
      </c>
      <c r="B455" s="149"/>
      <c r="C455" s="150">
        <v>-5348295.32</v>
      </c>
      <c r="D455" s="150">
        <v>0</v>
      </c>
      <c r="E455" s="150">
        <v>-5348295.32</v>
      </c>
      <c r="F455" s="60"/>
    </row>
    <row r="456" spans="1:6">
      <c r="A456" s="149" t="s">
        <v>2307</v>
      </c>
      <c r="B456" s="149"/>
      <c r="C456" s="150">
        <v>0</v>
      </c>
      <c r="D456" s="150">
        <v>0</v>
      </c>
      <c r="E456" s="150">
        <v>0</v>
      </c>
      <c r="F456" s="60"/>
    </row>
    <row r="457" spans="1:6">
      <c r="A457" s="149" t="s">
        <v>2308</v>
      </c>
      <c r="B457" s="149"/>
      <c r="C457" s="150">
        <v>0</v>
      </c>
      <c r="D457" s="150">
        <v>0</v>
      </c>
      <c r="E457" s="150">
        <v>0</v>
      </c>
      <c r="F457" s="60"/>
    </row>
    <row r="458" spans="1:6">
      <c r="A458" s="149" t="s">
        <v>2309</v>
      </c>
      <c r="B458" s="149"/>
      <c r="C458" s="150">
        <v>0.04</v>
      </c>
      <c r="D458" s="150">
        <v>0</v>
      </c>
      <c r="E458" s="150">
        <v>0.04</v>
      </c>
      <c r="F458" s="60"/>
    </row>
    <row r="459" spans="1:6">
      <c r="A459" s="149" t="s">
        <v>2310</v>
      </c>
      <c r="B459" s="149"/>
      <c r="C459" s="150">
        <v>0</v>
      </c>
      <c r="D459" s="150">
        <v>0</v>
      </c>
      <c r="E459" s="150">
        <v>0</v>
      </c>
      <c r="F459" s="60"/>
    </row>
    <row r="460" spans="1:6">
      <c r="A460" s="149" t="s">
        <v>2311</v>
      </c>
      <c r="B460" s="149"/>
      <c r="C460" s="150">
        <v>2</v>
      </c>
      <c r="D460" s="150">
        <v>0</v>
      </c>
      <c r="E460" s="150">
        <v>2</v>
      </c>
      <c r="F460" s="60"/>
    </row>
    <row r="461" spans="1:6">
      <c r="A461" s="149" t="s">
        <v>2312</v>
      </c>
      <c r="B461" s="149"/>
      <c r="C461" s="150">
        <v>-2</v>
      </c>
      <c r="D461" s="150">
        <v>0</v>
      </c>
      <c r="E461" s="150">
        <v>-2</v>
      </c>
      <c r="F461" s="60"/>
    </row>
    <row r="462" spans="1:6">
      <c r="A462" s="149" t="s">
        <v>2313</v>
      </c>
      <c r="B462" s="149"/>
      <c r="C462" s="150">
        <v>-58667855.149999999</v>
      </c>
      <c r="D462" s="150">
        <v>52742050.780000001</v>
      </c>
      <c r="E462" s="150">
        <v>-5925804.3700000001</v>
      </c>
      <c r="F462" s="60"/>
    </row>
    <row r="463" spans="1:6">
      <c r="A463" s="149" t="s">
        <v>2314</v>
      </c>
      <c r="B463" s="149"/>
      <c r="C463" s="150">
        <v>1</v>
      </c>
      <c r="D463" s="150">
        <v>0</v>
      </c>
      <c r="E463" s="150">
        <v>1</v>
      </c>
      <c r="F463" s="60"/>
    </row>
    <row r="464" spans="1:6">
      <c r="A464" s="149" t="s">
        <v>2315</v>
      </c>
      <c r="B464" s="149"/>
      <c r="C464" s="150">
        <v>5348296.2</v>
      </c>
      <c r="D464" s="150">
        <v>0</v>
      </c>
      <c r="E464" s="150">
        <v>5348296.2</v>
      </c>
      <c r="F464" s="60"/>
    </row>
    <row r="465" spans="1:6">
      <c r="A465" s="149" t="s">
        <v>2316</v>
      </c>
      <c r="B465" s="149"/>
      <c r="C465" s="150">
        <v>-48141151.940000005</v>
      </c>
      <c r="D465" s="150">
        <v>53084390.870000005</v>
      </c>
      <c r="E465" s="150">
        <v>4943238.9300000006</v>
      </c>
      <c r="F465" s="60"/>
    </row>
    <row r="466" spans="1:6">
      <c r="A466" s="149" t="s">
        <v>2317</v>
      </c>
      <c r="B466" s="149"/>
      <c r="C466" s="150">
        <v>-48141151.940000005</v>
      </c>
      <c r="D466" s="150">
        <v>53084390.870000005</v>
      </c>
      <c r="E466" s="150">
        <v>4943238.9300000006</v>
      </c>
      <c r="F466" s="60"/>
    </row>
    <row r="467" spans="1:6">
      <c r="A467" s="149" t="s">
        <v>2318</v>
      </c>
      <c r="B467" s="149"/>
      <c r="C467" s="150">
        <v>1077863.1499999999</v>
      </c>
      <c r="D467" s="150">
        <v>87836.86</v>
      </c>
      <c r="E467" s="150">
        <v>1165700.01</v>
      </c>
      <c r="F467" s="60"/>
    </row>
    <row r="468" spans="1:6">
      <c r="A468" s="149" t="s">
        <v>2319</v>
      </c>
      <c r="B468" s="149"/>
      <c r="C468" s="150">
        <v>459289.42000000004</v>
      </c>
      <c r="D468" s="150">
        <v>50835.090000000004</v>
      </c>
      <c r="E468" s="150">
        <v>510124.50999999995</v>
      </c>
      <c r="F468" s="60"/>
    </row>
    <row r="469" spans="1:6">
      <c r="A469" s="149" t="s">
        <v>2320</v>
      </c>
      <c r="B469" s="149"/>
      <c r="C469" s="150">
        <v>50824.66</v>
      </c>
      <c r="D469" s="150">
        <v>36569.19</v>
      </c>
      <c r="E469" s="150">
        <v>87393.85</v>
      </c>
      <c r="F469" s="60"/>
    </row>
    <row r="470" spans="1:6">
      <c r="A470" s="149" t="s">
        <v>2321</v>
      </c>
      <c r="B470" s="149"/>
      <c r="C470" s="150">
        <v>2853248.8899999997</v>
      </c>
      <c r="D470" s="150">
        <v>404556.6</v>
      </c>
      <c r="E470" s="150">
        <v>3257805.49</v>
      </c>
      <c r="F470" s="60"/>
    </row>
    <row r="471" spans="1:6">
      <c r="A471" s="149" t="s">
        <v>2322</v>
      </c>
      <c r="B471" s="149"/>
      <c r="C471" s="150">
        <v>0</v>
      </c>
      <c r="D471" s="150">
        <v>0</v>
      </c>
      <c r="E471" s="150">
        <v>0</v>
      </c>
      <c r="F471" s="60"/>
    </row>
    <row r="472" spans="1:6">
      <c r="A472" s="149" t="s">
        <v>2323</v>
      </c>
      <c r="B472" s="149"/>
      <c r="C472" s="150">
        <v>106083145.33</v>
      </c>
      <c r="D472" s="150">
        <v>-30327591.34</v>
      </c>
      <c r="E472" s="150">
        <v>75755553.99000001</v>
      </c>
      <c r="F472" s="60"/>
    </row>
    <row r="473" spans="1:6">
      <c r="A473" s="149" t="s">
        <v>2324</v>
      </c>
      <c r="B473" s="149"/>
      <c r="C473" s="150">
        <v>110524371.45</v>
      </c>
      <c r="D473" s="150">
        <v>-29747793.600000001</v>
      </c>
      <c r="E473" s="150">
        <v>80776577.849999994</v>
      </c>
      <c r="F473" s="60"/>
    </row>
    <row r="474" spans="1:6">
      <c r="A474" s="149" t="s">
        <v>2325</v>
      </c>
      <c r="B474" s="149"/>
      <c r="C474" s="150">
        <v>8186.03</v>
      </c>
      <c r="D474" s="150">
        <v>-1553.01</v>
      </c>
      <c r="E474" s="150">
        <v>6633.02</v>
      </c>
      <c r="F474" s="60"/>
    </row>
    <row r="475" spans="1:6">
      <c r="A475" s="149" t="s">
        <v>2326</v>
      </c>
      <c r="B475" s="149"/>
      <c r="C475" s="150">
        <v>4690.84</v>
      </c>
      <c r="D475" s="150">
        <v>-39.22</v>
      </c>
      <c r="E475" s="150">
        <v>4651.62</v>
      </c>
      <c r="F475" s="60"/>
    </row>
    <row r="476" spans="1:6">
      <c r="A476" s="149" t="s">
        <v>2327</v>
      </c>
      <c r="B476" s="149"/>
      <c r="C476" s="150">
        <v>567.84</v>
      </c>
      <c r="D476" s="150">
        <v>-71.28</v>
      </c>
      <c r="E476" s="150">
        <v>496.56</v>
      </c>
      <c r="F476" s="60"/>
    </row>
    <row r="477" spans="1:6">
      <c r="A477" s="149" t="s">
        <v>2328</v>
      </c>
      <c r="B477" s="149"/>
      <c r="C477" s="150">
        <v>7078891.5800000001</v>
      </c>
      <c r="D477" s="150">
        <v>812214.66999999993</v>
      </c>
      <c r="E477" s="150">
        <v>7891106.25</v>
      </c>
      <c r="F477" s="60"/>
    </row>
    <row r="478" spans="1:6">
      <c r="A478" s="149" t="s">
        <v>2329</v>
      </c>
      <c r="B478" s="149"/>
      <c r="C478" s="150">
        <v>-10804279.619999999</v>
      </c>
      <c r="D478" s="150">
        <v>8195094.4499999993</v>
      </c>
      <c r="E478" s="150">
        <v>-2609185.17</v>
      </c>
      <c r="F478" s="60"/>
    </row>
    <row r="479" spans="1:6">
      <c r="A479" s="149" t="s">
        <v>2330</v>
      </c>
      <c r="B479" s="149"/>
      <c r="C479" s="150">
        <v>336.7</v>
      </c>
      <c r="D479" s="150">
        <v>7.71</v>
      </c>
      <c r="E479" s="150">
        <v>344.40999999999997</v>
      </c>
      <c r="F479" s="60"/>
    </row>
    <row r="480" spans="1:6">
      <c r="A480" s="149" t="s">
        <v>2331</v>
      </c>
      <c r="B480" s="149"/>
      <c r="C480" s="150">
        <v>3586.6</v>
      </c>
      <c r="D480" s="150">
        <v>-2116.0499999999997</v>
      </c>
      <c r="E480" s="150">
        <v>1470.5500000000002</v>
      </c>
      <c r="F480" s="60"/>
    </row>
    <row r="481" spans="1:6">
      <c r="A481" s="149" t="s">
        <v>2332</v>
      </c>
      <c r="B481" s="149"/>
      <c r="C481" s="150">
        <v>-7927862.8399999999</v>
      </c>
      <c r="D481" s="150">
        <v>0</v>
      </c>
      <c r="E481" s="150">
        <v>-7927862.8399999999</v>
      </c>
      <c r="F481" s="60"/>
    </row>
    <row r="482" spans="1:6">
      <c r="A482" s="149" t="s">
        <v>2333</v>
      </c>
      <c r="B482" s="149"/>
      <c r="C482" s="150">
        <v>23296187.580000002</v>
      </c>
      <c r="D482" s="150">
        <v>1972196.7699999998</v>
      </c>
      <c r="E482" s="150">
        <v>25268384.349999998</v>
      </c>
      <c r="F482" s="60"/>
    </row>
    <row r="483" spans="1:6">
      <c r="A483" s="149" t="s">
        <v>2334</v>
      </c>
      <c r="B483" s="149"/>
      <c r="C483" s="150">
        <v>11495636.880000001</v>
      </c>
      <c r="D483" s="150">
        <v>-8829283.4299999997</v>
      </c>
      <c r="E483" s="150">
        <v>2666353.4500000002</v>
      </c>
      <c r="F483" s="60"/>
    </row>
    <row r="484" spans="1:6">
      <c r="A484" s="149" t="s">
        <v>2335</v>
      </c>
      <c r="B484" s="149"/>
      <c r="C484" s="150">
        <v>23155941.59</v>
      </c>
      <c r="D484" s="150">
        <v>2146450.6100000003</v>
      </c>
      <c r="E484" s="150">
        <v>25302392.199999999</v>
      </c>
      <c r="F484" s="60"/>
    </row>
    <row r="485" spans="1:6">
      <c r="A485" s="149" t="s">
        <v>2336</v>
      </c>
      <c r="B485" s="149"/>
      <c r="C485" s="150">
        <v>-18653.760000000002</v>
      </c>
      <c r="D485" s="150">
        <v>6805.79</v>
      </c>
      <c r="E485" s="150">
        <v>-11847.97</v>
      </c>
      <c r="F485" s="60"/>
    </row>
    <row r="486" spans="1:6">
      <c r="A486" s="149" t="s">
        <v>2337</v>
      </c>
      <c r="B486" s="149"/>
      <c r="C486" s="150">
        <v>-17366.620000000003</v>
      </c>
      <c r="D486" s="150">
        <v>7618.6</v>
      </c>
      <c r="E486" s="150">
        <v>-9748.02</v>
      </c>
      <c r="F486" s="60"/>
    </row>
    <row r="487" spans="1:6">
      <c r="A487" s="149" t="s">
        <v>2338</v>
      </c>
      <c r="B487" s="149"/>
      <c r="C487" s="150">
        <v>-41946.48</v>
      </c>
      <c r="D487" s="150">
        <v>33655.730000000003</v>
      </c>
      <c r="E487" s="150">
        <v>-8290.75</v>
      </c>
      <c r="F487" s="60"/>
    </row>
    <row r="488" spans="1:6">
      <c r="A488" s="149" t="s">
        <v>2339</v>
      </c>
      <c r="B488" s="149"/>
      <c r="C488" s="150">
        <v>-8642.3000000000011</v>
      </c>
      <c r="D488" s="150">
        <v>4458.3900000000003</v>
      </c>
      <c r="E488" s="150">
        <v>-4183.91</v>
      </c>
      <c r="F488" s="60"/>
    </row>
    <row r="489" spans="1:6">
      <c r="A489" s="149" t="s">
        <v>2340</v>
      </c>
      <c r="B489" s="149"/>
      <c r="C489" s="150">
        <v>150382.62999999998</v>
      </c>
      <c r="D489" s="150">
        <v>-150337.30000000002</v>
      </c>
      <c r="E489" s="150">
        <v>45.330000000000005</v>
      </c>
      <c r="F489" s="60"/>
    </row>
    <row r="490" spans="1:6">
      <c r="A490" s="149" t="s">
        <v>2341</v>
      </c>
      <c r="B490" s="149"/>
      <c r="C490" s="150">
        <v>22375</v>
      </c>
      <c r="D490" s="150">
        <v>-22375</v>
      </c>
      <c r="E490" s="150">
        <v>0</v>
      </c>
      <c r="F490" s="60"/>
    </row>
    <row r="491" spans="1:6">
      <c r="A491" s="149" t="s">
        <v>2342</v>
      </c>
      <c r="B491" s="149"/>
      <c r="C491" s="150">
        <v>9896848</v>
      </c>
      <c r="D491" s="150">
        <v>-4954130</v>
      </c>
      <c r="E491" s="150">
        <v>4942718</v>
      </c>
      <c r="F491" s="60"/>
    </row>
    <row r="492" spans="1:6">
      <c r="A492" s="149" t="s">
        <v>2343</v>
      </c>
      <c r="B492" s="149"/>
      <c r="C492" s="150">
        <v>601032.68999999994</v>
      </c>
      <c r="D492" s="150">
        <v>5271999.29</v>
      </c>
      <c r="E492" s="150">
        <v>5873031.9800000004</v>
      </c>
      <c r="F492" s="60"/>
    </row>
    <row r="493" spans="1:6">
      <c r="A493" s="149" t="s">
        <v>2344</v>
      </c>
      <c r="B493" s="149"/>
      <c r="C493" s="150">
        <v>50000</v>
      </c>
      <c r="D493" s="150">
        <v>-50000</v>
      </c>
      <c r="E493" s="150">
        <v>0</v>
      </c>
      <c r="F493" s="60"/>
    </row>
    <row r="494" spans="1:6">
      <c r="A494" s="149" t="s">
        <v>2345</v>
      </c>
      <c r="B494" s="149"/>
      <c r="C494" s="150">
        <v>35793.5</v>
      </c>
      <c r="D494" s="150">
        <v>0</v>
      </c>
      <c r="E494" s="150">
        <v>35793.5</v>
      </c>
      <c r="F494" s="60"/>
    </row>
    <row r="495" spans="1:6">
      <c r="A495" s="149" t="s">
        <v>2346</v>
      </c>
      <c r="B495" s="149"/>
      <c r="C495" s="150">
        <v>471423.68</v>
      </c>
      <c r="D495" s="150">
        <v>1379071.4</v>
      </c>
      <c r="E495" s="150">
        <v>1850495.08</v>
      </c>
      <c r="F495" s="60"/>
    </row>
    <row r="496" spans="1:6">
      <c r="A496" s="149" t="s">
        <v>2347</v>
      </c>
      <c r="B496" s="149"/>
      <c r="C496" s="150">
        <v>467824.55</v>
      </c>
      <c r="D496" s="150">
        <v>58479.530000000006</v>
      </c>
      <c r="E496" s="150">
        <v>526304.08000000007</v>
      </c>
      <c r="F496" s="60"/>
    </row>
    <row r="497" spans="1:6">
      <c r="A497" s="149" t="s">
        <v>2348</v>
      </c>
      <c r="B497" s="149"/>
      <c r="C497" s="150">
        <v>8956208.1199999992</v>
      </c>
      <c r="D497" s="150">
        <v>-181317.03999999998</v>
      </c>
      <c r="E497" s="150">
        <v>8774891.0800000001</v>
      </c>
      <c r="F497" s="60"/>
    </row>
    <row r="498" spans="1:6">
      <c r="A498" s="149" t="s">
        <v>2349</v>
      </c>
      <c r="B498" s="149"/>
      <c r="C498" s="150">
        <v>546393</v>
      </c>
      <c r="D498" s="150">
        <v>-12533</v>
      </c>
      <c r="E498" s="150">
        <v>533860</v>
      </c>
      <c r="F498" s="60"/>
    </row>
    <row r="499" spans="1:6">
      <c r="A499" s="149" t="s">
        <v>2350</v>
      </c>
      <c r="B499" s="149"/>
      <c r="C499" s="150">
        <v>581726.22</v>
      </c>
      <c r="D499" s="150">
        <v>51227.17</v>
      </c>
      <c r="E499" s="150">
        <v>632953.39</v>
      </c>
      <c r="F499" s="60"/>
    </row>
    <row r="500" spans="1:6">
      <c r="A500" s="149" t="s">
        <v>2351</v>
      </c>
      <c r="B500" s="149"/>
      <c r="C500" s="150">
        <v>255936.64000000001</v>
      </c>
      <c r="D500" s="150">
        <v>1037.01</v>
      </c>
      <c r="E500" s="150">
        <v>256973.65000000002</v>
      </c>
      <c r="F500" s="60"/>
    </row>
    <row r="501" spans="1:6">
      <c r="A501" s="149" t="s">
        <v>2352</v>
      </c>
      <c r="B501" s="149"/>
      <c r="C501" s="150">
        <v>-385.94</v>
      </c>
      <c r="D501" s="150">
        <v>0</v>
      </c>
      <c r="E501" s="150">
        <v>-385.94</v>
      </c>
      <c r="F501" s="60"/>
    </row>
    <row r="502" spans="1:6">
      <c r="A502" s="149" t="s">
        <v>2353</v>
      </c>
      <c r="B502" s="149"/>
      <c r="C502" s="150">
        <v>22607556.049999997</v>
      </c>
      <c r="D502" s="150">
        <v>7465507.3900000006</v>
      </c>
      <c r="E502" s="150">
        <v>30073063.440000001</v>
      </c>
      <c r="F502" s="60"/>
    </row>
    <row r="503" spans="1:6">
      <c r="A503" s="149" t="s">
        <v>2354</v>
      </c>
      <c r="B503" s="149"/>
      <c r="C503" s="150">
        <v>33867854.609999999</v>
      </c>
      <c r="D503" s="150">
        <v>1502746.5799999998</v>
      </c>
      <c r="E503" s="150">
        <v>35370601.190000005</v>
      </c>
      <c r="F503" s="60"/>
    </row>
    <row r="504" spans="1:6">
      <c r="A504" s="149" t="s">
        <v>2355</v>
      </c>
      <c r="B504" s="149"/>
      <c r="C504" s="150">
        <v>5707415.6500000004</v>
      </c>
      <c r="D504" s="150">
        <v>0</v>
      </c>
      <c r="E504" s="150">
        <v>5707415.6500000004</v>
      </c>
      <c r="F504" s="60"/>
    </row>
    <row r="505" spans="1:6">
      <c r="A505" s="149" t="s">
        <v>2356</v>
      </c>
      <c r="B505" s="149"/>
      <c r="C505" s="150">
        <v>0</v>
      </c>
      <c r="D505" s="150">
        <v>0</v>
      </c>
      <c r="E505" s="150">
        <v>0</v>
      </c>
      <c r="F505" s="60"/>
    </row>
    <row r="506" spans="1:6">
      <c r="A506" s="149" t="s">
        <v>2357</v>
      </c>
      <c r="B506" s="149"/>
      <c r="C506" s="150">
        <v>-568706.5</v>
      </c>
      <c r="D506" s="150">
        <v>-14915.800000000001</v>
      </c>
      <c r="E506" s="150">
        <v>-583622.30000000005</v>
      </c>
      <c r="F506" s="60"/>
    </row>
    <row r="507" spans="1:6">
      <c r="A507" s="149" t="s">
        <v>2358</v>
      </c>
      <c r="B507" s="149"/>
      <c r="C507" s="150">
        <v>0</v>
      </c>
      <c r="D507" s="150">
        <v>490545</v>
      </c>
      <c r="E507" s="150">
        <v>490545</v>
      </c>
      <c r="F507" s="60"/>
    </row>
    <row r="508" spans="1:6">
      <c r="A508" s="149" t="s">
        <v>2359</v>
      </c>
      <c r="B508" s="149"/>
      <c r="C508" s="150">
        <v>0</v>
      </c>
      <c r="D508" s="150">
        <v>1835644</v>
      </c>
      <c r="E508" s="150">
        <v>1835644</v>
      </c>
      <c r="F508" s="60"/>
    </row>
    <row r="509" spans="1:6">
      <c r="A509" s="149" t="s">
        <v>2360</v>
      </c>
      <c r="B509" s="149"/>
      <c r="C509" s="150">
        <v>0</v>
      </c>
      <c r="D509" s="150">
        <v>2876004</v>
      </c>
      <c r="E509" s="150">
        <v>2876004</v>
      </c>
      <c r="F509" s="60"/>
    </row>
    <row r="510" spans="1:6">
      <c r="A510" s="149" t="s">
        <v>2361</v>
      </c>
      <c r="B510" s="149"/>
      <c r="C510" s="150">
        <v>933421</v>
      </c>
      <c r="D510" s="150">
        <v>27350</v>
      </c>
      <c r="E510" s="150">
        <v>960771</v>
      </c>
      <c r="F510" s="60"/>
    </row>
    <row r="511" spans="1:6">
      <c r="A511" s="149" t="s">
        <v>2362</v>
      </c>
      <c r="B511" s="149"/>
      <c r="C511" s="150">
        <v>84496489.739999995</v>
      </c>
      <c r="D511" s="150">
        <v>15626541.74</v>
      </c>
      <c r="E511" s="150">
        <v>100123031.47999999</v>
      </c>
      <c r="F511" s="60"/>
    </row>
    <row r="512" spans="1:6">
      <c r="A512" s="149" t="s">
        <v>2363</v>
      </c>
      <c r="B512" s="149"/>
      <c r="C512" s="150">
        <v>512061.03</v>
      </c>
      <c r="D512" s="150">
        <v>494274.49</v>
      </c>
      <c r="E512" s="150">
        <v>1006335.5199999999</v>
      </c>
      <c r="F512" s="60"/>
    </row>
    <row r="513" spans="1:6">
      <c r="A513" s="149" t="s">
        <v>2364</v>
      </c>
      <c r="B513" s="149"/>
      <c r="C513" s="150">
        <v>512061.03000000009</v>
      </c>
      <c r="D513" s="150">
        <v>494274.49000000011</v>
      </c>
      <c r="E513" s="150">
        <v>1006335.5199999999</v>
      </c>
      <c r="F513" s="60"/>
    </row>
    <row r="514" spans="1:6">
      <c r="A514" s="149" t="s">
        <v>2365</v>
      </c>
      <c r="B514" s="149"/>
      <c r="C514" s="150">
        <v>85008550.769999996</v>
      </c>
      <c r="D514" s="150">
        <v>16120816.23</v>
      </c>
      <c r="E514" s="150">
        <v>101129367.00000001</v>
      </c>
      <c r="F514" s="60"/>
    </row>
    <row r="515" spans="1:6">
      <c r="A515" s="149" t="s">
        <v>2366</v>
      </c>
      <c r="B515" s="149"/>
      <c r="C515" s="150">
        <v>45387698.259999998</v>
      </c>
      <c r="D515" s="150">
        <v>139984.53</v>
      </c>
      <c r="E515" s="150">
        <v>45527682.789999999</v>
      </c>
      <c r="F515" s="60"/>
    </row>
    <row r="516" spans="1:6">
      <c r="A516" s="149" t="s">
        <v>2367</v>
      </c>
      <c r="B516" s="149"/>
      <c r="C516" s="150">
        <v>22025163.830000002</v>
      </c>
      <c r="D516" s="150">
        <v>144651.25999999998</v>
      </c>
      <c r="E516" s="150">
        <v>22169815.090000004</v>
      </c>
      <c r="F516" s="60"/>
    </row>
    <row r="517" spans="1:6">
      <c r="A517" s="149" t="s">
        <v>2368</v>
      </c>
      <c r="B517" s="149"/>
      <c r="C517" s="150">
        <v>67412862.090000004</v>
      </c>
      <c r="D517" s="150">
        <v>284635.79000000004</v>
      </c>
      <c r="E517" s="150">
        <v>67697497.879999995</v>
      </c>
      <c r="F517" s="60"/>
    </row>
    <row r="518" spans="1:6">
      <c r="A518" s="149" t="s">
        <v>2369</v>
      </c>
      <c r="B518" s="149"/>
      <c r="C518" s="150">
        <v>0</v>
      </c>
      <c r="D518" s="150">
        <v>18570146.829999998</v>
      </c>
      <c r="E518" s="150">
        <v>18570146.829999998</v>
      </c>
      <c r="F518" s="60"/>
    </row>
    <row r="519" spans="1:6">
      <c r="A519" s="149" t="s">
        <v>2370</v>
      </c>
      <c r="B519" s="149"/>
      <c r="C519" s="150">
        <v>0</v>
      </c>
      <c r="D519" s="150">
        <v>18570146.829999998</v>
      </c>
      <c r="E519" s="150">
        <v>18570146.829999998</v>
      </c>
      <c r="F519" s="60"/>
    </row>
    <row r="520" spans="1:6">
      <c r="A520" s="146" t="s">
        <v>2371</v>
      </c>
      <c r="B520" s="147"/>
      <c r="C520" s="151">
        <v>1815978631.28</v>
      </c>
      <c r="D520" s="151">
        <v>319869779.75999999</v>
      </c>
      <c r="E520" s="151">
        <v>2135848411.0400002</v>
      </c>
      <c r="F520" s="60"/>
    </row>
    <row r="521" spans="1:6">
      <c r="A521" s="149" t="s">
        <v>2372</v>
      </c>
      <c r="B521" s="149"/>
      <c r="C521" s="150">
        <v>19778136.439999998</v>
      </c>
      <c r="D521" s="150">
        <v>1580450.6</v>
      </c>
      <c r="E521" s="150">
        <v>21358587.040000003</v>
      </c>
      <c r="F521" s="60"/>
    </row>
    <row r="522" spans="1:6">
      <c r="A522" s="149" t="s">
        <v>2373</v>
      </c>
      <c r="B522" s="149"/>
      <c r="C522" s="150">
        <v>29712692.629999999</v>
      </c>
      <c r="D522" s="150">
        <v>-2867222.25</v>
      </c>
      <c r="E522" s="150">
        <v>26845470.380000003</v>
      </c>
      <c r="F522" s="60"/>
    </row>
    <row r="523" spans="1:6">
      <c r="A523" s="149" t="s">
        <v>2374</v>
      </c>
      <c r="B523" s="149"/>
      <c r="C523" s="150">
        <v>301317.83</v>
      </c>
      <c r="D523" s="150">
        <v>0</v>
      </c>
      <c r="E523" s="150">
        <v>301317.83</v>
      </c>
      <c r="F523" s="60"/>
    </row>
    <row r="524" spans="1:6">
      <c r="A524" s="149" t="s">
        <v>2375</v>
      </c>
      <c r="B524" s="149"/>
      <c r="C524" s="150">
        <v>49792146.900000006</v>
      </c>
      <c r="D524" s="150">
        <v>-1286771.6499999999</v>
      </c>
      <c r="E524" s="150">
        <v>48505375.250000007</v>
      </c>
      <c r="F524" s="60"/>
    </row>
    <row r="525" spans="1:6">
      <c r="A525" s="149" t="s">
        <v>2376</v>
      </c>
      <c r="B525" s="149"/>
      <c r="C525" s="150">
        <v>232230452.51999998</v>
      </c>
      <c r="D525" s="150">
        <v>0</v>
      </c>
      <c r="E525" s="150">
        <v>232230452.51999998</v>
      </c>
      <c r="F525" s="60"/>
    </row>
    <row r="526" spans="1:6">
      <c r="A526" s="149" t="s">
        <v>2377</v>
      </c>
      <c r="B526" s="149"/>
      <c r="C526" s="150">
        <v>1360658.58</v>
      </c>
      <c r="D526" s="150">
        <v>-36774.42</v>
      </c>
      <c r="E526" s="150">
        <v>1323884.1599999999</v>
      </c>
      <c r="F526" s="60"/>
    </row>
    <row r="527" spans="1:6">
      <c r="A527" s="149" t="s">
        <v>2378</v>
      </c>
      <c r="B527" s="149"/>
      <c r="C527" s="150">
        <v>233591111.09999999</v>
      </c>
      <c r="D527" s="150">
        <v>-36774.42</v>
      </c>
      <c r="E527" s="150">
        <v>233554336.68000001</v>
      </c>
      <c r="F527" s="60"/>
    </row>
    <row r="528" spans="1:6">
      <c r="A528" s="149" t="s">
        <v>2379</v>
      </c>
      <c r="B528" s="149"/>
      <c r="C528" s="150">
        <v>447113</v>
      </c>
      <c r="D528" s="150">
        <v>-447112.92</v>
      </c>
      <c r="E528" s="150">
        <v>0.08</v>
      </c>
      <c r="F528" s="60"/>
    </row>
    <row r="529" spans="1:6">
      <c r="A529" s="149" t="s">
        <v>2380</v>
      </c>
      <c r="B529" s="149"/>
      <c r="C529" s="150">
        <v>10147003.500000002</v>
      </c>
      <c r="D529" s="150">
        <v>-103169.96</v>
      </c>
      <c r="E529" s="150">
        <v>10043833.539999999</v>
      </c>
      <c r="F529" s="60"/>
    </row>
    <row r="530" spans="1:6">
      <c r="A530" s="149" t="s">
        <v>2381</v>
      </c>
      <c r="B530" s="149"/>
      <c r="C530" s="150">
        <v>1092606.53</v>
      </c>
      <c r="D530" s="150">
        <v>-20066.77</v>
      </c>
      <c r="E530" s="150">
        <v>1072539.76</v>
      </c>
      <c r="F530" s="60"/>
    </row>
    <row r="531" spans="1:6">
      <c r="A531" s="149" t="s">
        <v>2382</v>
      </c>
      <c r="B531" s="149"/>
      <c r="C531" s="150">
        <v>9937172.7700000014</v>
      </c>
      <c r="D531" s="150">
        <v>77049.83</v>
      </c>
      <c r="E531" s="150">
        <v>10014222.6</v>
      </c>
      <c r="F531" s="60"/>
    </row>
    <row r="532" spans="1:6">
      <c r="A532" s="149" t="s">
        <v>2383</v>
      </c>
      <c r="B532" s="149"/>
      <c r="C532" s="150">
        <v>21137544.420000002</v>
      </c>
      <c r="D532" s="150">
        <v>-75414.430000000008</v>
      </c>
      <c r="E532" s="150">
        <v>21062129.990000002</v>
      </c>
      <c r="F532" s="60"/>
    </row>
    <row r="533" spans="1:6">
      <c r="A533" s="149" t="s">
        <v>2384</v>
      </c>
      <c r="B533" s="149"/>
      <c r="C533" s="150">
        <v>0</v>
      </c>
      <c r="D533" s="150">
        <v>2180060.48</v>
      </c>
      <c r="E533" s="150">
        <v>2180060.48</v>
      </c>
      <c r="F533" s="60"/>
    </row>
    <row r="534" spans="1:6">
      <c r="A534" s="149" t="s">
        <v>2385</v>
      </c>
      <c r="B534" s="149"/>
      <c r="C534" s="150">
        <v>0</v>
      </c>
      <c r="D534" s="150">
        <v>3137151.86</v>
      </c>
      <c r="E534" s="150">
        <v>3137151.86</v>
      </c>
      <c r="F534" s="60"/>
    </row>
    <row r="535" spans="1:6">
      <c r="A535" s="149" t="s">
        <v>2386</v>
      </c>
      <c r="B535" s="149"/>
      <c r="C535" s="150">
        <v>0</v>
      </c>
      <c r="D535" s="150">
        <v>3594345.71</v>
      </c>
      <c r="E535" s="150">
        <v>3594345.71</v>
      </c>
      <c r="F535" s="60"/>
    </row>
    <row r="536" spans="1:6">
      <c r="A536" s="149" t="s">
        <v>2387</v>
      </c>
      <c r="B536" s="149"/>
      <c r="C536" s="150">
        <v>5725025.9299999997</v>
      </c>
      <c r="D536" s="150">
        <v>-1973779.4500000002</v>
      </c>
      <c r="E536" s="150">
        <v>3751246.48</v>
      </c>
      <c r="F536" s="60"/>
    </row>
    <row r="537" spans="1:6">
      <c r="A537" s="149" t="s">
        <v>2388</v>
      </c>
      <c r="B537" s="149"/>
      <c r="C537" s="150">
        <v>54639.67</v>
      </c>
      <c r="D537" s="150">
        <v>1112.79</v>
      </c>
      <c r="E537" s="150">
        <v>55752.46</v>
      </c>
      <c r="F537" s="60"/>
    </row>
    <row r="538" spans="1:6">
      <c r="A538" s="149" t="s">
        <v>2389</v>
      </c>
      <c r="B538" s="149"/>
      <c r="C538" s="150">
        <v>154895.71</v>
      </c>
      <c r="D538" s="150">
        <v>-5054.6400000000003</v>
      </c>
      <c r="E538" s="150">
        <v>149841.07</v>
      </c>
      <c r="F538" s="60"/>
    </row>
    <row r="539" spans="1:6">
      <c r="A539" s="149" t="s">
        <v>2390</v>
      </c>
      <c r="B539" s="149"/>
      <c r="C539" s="150">
        <v>0</v>
      </c>
      <c r="D539" s="150">
        <v>0</v>
      </c>
      <c r="E539" s="150">
        <v>0</v>
      </c>
      <c r="F539" s="60"/>
    </row>
    <row r="540" spans="1:6">
      <c r="A540" s="149" t="s">
        <v>2391</v>
      </c>
      <c r="B540" s="149"/>
      <c r="C540" s="150">
        <v>0</v>
      </c>
      <c r="D540" s="150">
        <v>0</v>
      </c>
      <c r="E540" s="150">
        <v>0</v>
      </c>
      <c r="F540" s="60"/>
    </row>
    <row r="541" spans="1:6">
      <c r="A541" s="149" t="s">
        <v>2392</v>
      </c>
      <c r="B541" s="149"/>
      <c r="C541" s="150">
        <v>-313390354.75</v>
      </c>
      <c r="D541" s="150">
        <v>97501086.590000004</v>
      </c>
      <c r="E541" s="150">
        <v>-215889268.16</v>
      </c>
      <c r="F541" s="60"/>
    </row>
    <row r="542" spans="1:6">
      <c r="A542" s="149" t="s">
        <v>2393</v>
      </c>
      <c r="B542" s="149"/>
      <c r="C542" s="150">
        <v>313390353.93000001</v>
      </c>
      <c r="D542" s="150">
        <v>-97501086.590000004</v>
      </c>
      <c r="E542" s="150">
        <v>215889267.34</v>
      </c>
      <c r="F542" s="60"/>
    </row>
    <row r="543" spans="1:6">
      <c r="A543" s="149" t="s">
        <v>2394</v>
      </c>
      <c r="B543" s="149"/>
      <c r="C543" s="150">
        <v>0</v>
      </c>
      <c r="D543" s="150">
        <v>0</v>
      </c>
      <c r="E543" s="150">
        <v>0</v>
      </c>
      <c r="F543" s="60"/>
    </row>
    <row r="544" spans="1:6">
      <c r="A544" s="149" t="s">
        <v>2395</v>
      </c>
      <c r="B544" s="149"/>
      <c r="C544" s="150">
        <v>48696000.710000001</v>
      </c>
      <c r="D544" s="150">
        <v>6365122.5</v>
      </c>
      <c r="E544" s="150">
        <v>55061123.210000001</v>
      </c>
      <c r="F544" s="60"/>
    </row>
    <row r="545" spans="1:6">
      <c r="A545" s="149" t="s">
        <v>2396</v>
      </c>
      <c r="B545" s="149"/>
      <c r="C545" s="150">
        <v>48696000.710000001</v>
      </c>
      <c r="D545" s="150">
        <v>6365122.5</v>
      </c>
      <c r="E545" s="150">
        <v>55061123.210000001</v>
      </c>
      <c r="F545" s="60"/>
    </row>
    <row r="546" spans="1:6">
      <c r="A546" s="149" t="s">
        <v>2397</v>
      </c>
      <c r="B546" s="149"/>
      <c r="C546" s="150">
        <v>13593486</v>
      </c>
      <c r="D546" s="150">
        <v>5132363</v>
      </c>
      <c r="E546" s="150">
        <v>18725849</v>
      </c>
      <c r="F546" s="60"/>
    </row>
    <row r="547" spans="1:6">
      <c r="A547" s="149" t="s">
        <v>2398</v>
      </c>
      <c r="B547" s="149"/>
      <c r="C547" s="150">
        <v>-199999999.88</v>
      </c>
      <c r="D547" s="150">
        <v>0</v>
      </c>
      <c r="E547" s="150">
        <v>-199999999.88</v>
      </c>
      <c r="F547" s="60"/>
    </row>
    <row r="548" spans="1:6">
      <c r="A548" s="149" t="s">
        <v>2399</v>
      </c>
      <c r="B548" s="149"/>
      <c r="C548" s="150">
        <v>153781233.13</v>
      </c>
      <c r="D548" s="150">
        <v>0</v>
      </c>
      <c r="E548" s="150">
        <v>153781233.13</v>
      </c>
      <c r="F548" s="60"/>
    </row>
    <row r="549" spans="1:6">
      <c r="A549" s="149" t="s">
        <v>2400</v>
      </c>
      <c r="B549" s="149"/>
      <c r="C549" s="150">
        <v>29000000</v>
      </c>
      <c r="D549" s="150">
        <v>0</v>
      </c>
      <c r="E549" s="150">
        <v>29000000</v>
      </c>
      <c r="F549" s="60"/>
    </row>
    <row r="550" spans="1:6">
      <c r="A550" s="149" t="s">
        <v>2401</v>
      </c>
      <c r="B550" s="149"/>
      <c r="C550" s="150">
        <v>206463</v>
      </c>
      <c r="D550" s="150">
        <v>0</v>
      </c>
      <c r="E550" s="150">
        <v>206463</v>
      </c>
      <c r="F550" s="60"/>
    </row>
    <row r="551" spans="1:6">
      <c r="A551" s="149" t="s">
        <v>2402</v>
      </c>
      <c r="B551" s="149"/>
      <c r="C551" s="150">
        <v>0</v>
      </c>
      <c r="D551" s="150">
        <v>0</v>
      </c>
      <c r="E551" s="150">
        <v>0</v>
      </c>
      <c r="F551" s="60"/>
    </row>
    <row r="552" spans="1:6">
      <c r="A552" s="149" t="s">
        <v>2403</v>
      </c>
      <c r="B552" s="149"/>
      <c r="C552" s="150">
        <v>10864875.74</v>
      </c>
      <c r="D552" s="150">
        <v>-3139377.87</v>
      </c>
      <c r="E552" s="150">
        <v>7725497.8700000001</v>
      </c>
      <c r="F552" s="60"/>
    </row>
    <row r="553" spans="1:6">
      <c r="A553" s="149" t="s">
        <v>2404</v>
      </c>
      <c r="B553" s="149"/>
      <c r="C553" s="150">
        <v>2147499</v>
      </c>
      <c r="D553" s="150">
        <v>1673</v>
      </c>
      <c r="E553" s="150">
        <v>2149172</v>
      </c>
      <c r="F553" s="60"/>
    </row>
    <row r="554" spans="1:6">
      <c r="A554" s="149" t="s">
        <v>2405</v>
      </c>
      <c r="B554" s="149"/>
      <c r="C554" s="150">
        <v>6221989.1900000004</v>
      </c>
      <c r="D554" s="150">
        <v>-119246.08</v>
      </c>
      <c r="E554" s="150">
        <v>6102743.1099999994</v>
      </c>
      <c r="F554" s="60"/>
    </row>
    <row r="555" spans="1:6">
      <c r="A555" s="149" t="s">
        <v>2406</v>
      </c>
      <c r="B555" s="149"/>
      <c r="C555" s="150">
        <v>12627601.08</v>
      </c>
      <c r="D555" s="150">
        <v>-3155339.07</v>
      </c>
      <c r="E555" s="150">
        <v>9472262.0099999998</v>
      </c>
      <c r="F555" s="60"/>
    </row>
    <row r="556" spans="1:6">
      <c r="A556" s="149" t="s">
        <v>2407</v>
      </c>
      <c r="B556" s="149"/>
      <c r="C556" s="150">
        <v>0</v>
      </c>
      <c r="D556" s="150">
        <v>0</v>
      </c>
      <c r="E556" s="150">
        <v>0</v>
      </c>
      <c r="F556" s="60"/>
    </row>
    <row r="557" spans="1:6">
      <c r="A557" s="149" t="s">
        <v>2408</v>
      </c>
      <c r="B557" s="149"/>
      <c r="C557" s="150">
        <v>-6531.99</v>
      </c>
      <c r="D557" s="150">
        <v>-76944.87000000001</v>
      </c>
      <c r="E557" s="150">
        <v>-83476.86</v>
      </c>
      <c r="F557" s="60"/>
    </row>
    <row r="558" spans="1:6">
      <c r="A558" s="149" t="s">
        <v>2409</v>
      </c>
      <c r="B558" s="149"/>
      <c r="C558" s="150">
        <v>22226865.470000003</v>
      </c>
      <c r="D558" s="150">
        <v>-22226865.470000003</v>
      </c>
      <c r="E558" s="150">
        <v>0</v>
      </c>
      <c r="F558" s="60"/>
    </row>
    <row r="559" spans="1:6">
      <c r="A559" s="149" t="s">
        <v>2410</v>
      </c>
      <c r="B559" s="149"/>
      <c r="C559" s="150">
        <v>64503678.719999999</v>
      </c>
      <c r="D559" s="150">
        <v>3054624.3099999996</v>
      </c>
      <c r="E559" s="150">
        <v>67558303.030000001</v>
      </c>
      <c r="F559" s="60"/>
    </row>
    <row r="560" spans="1:6">
      <c r="A560" s="149" t="s">
        <v>2411</v>
      </c>
      <c r="B560" s="149"/>
      <c r="C560" s="150"/>
      <c r="D560" s="150">
        <v>17162290.380000003</v>
      </c>
      <c r="E560" s="150">
        <v>17162290.380000003</v>
      </c>
      <c r="F560" s="60"/>
    </row>
    <row r="561" spans="1:6">
      <c r="A561" s="149" t="s">
        <v>2412</v>
      </c>
      <c r="B561" s="149"/>
      <c r="C561" s="150">
        <v>6711506.6800000006</v>
      </c>
      <c r="D561" s="150">
        <v>247182.97</v>
      </c>
      <c r="E561" s="150">
        <v>6958689.6499999994</v>
      </c>
      <c r="F561" s="60"/>
    </row>
    <row r="562" spans="1:6">
      <c r="A562" s="149" t="s">
        <v>2413</v>
      </c>
      <c r="B562" s="149"/>
      <c r="C562" s="150">
        <v>521878665.90000004</v>
      </c>
      <c r="D562" s="150">
        <v>-3119639.7</v>
      </c>
      <c r="E562" s="150">
        <v>518759026.19999999</v>
      </c>
      <c r="F562" s="60"/>
    </row>
    <row r="563" spans="1:6">
      <c r="A563" s="149" t="s">
        <v>2414</v>
      </c>
      <c r="B563" s="149"/>
      <c r="C563" s="150">
        <v>536130773.15999997</v>
      </c>
      <c r="D563" s="150">
        <v>-4897262</v>
      </c>
      <c r="E563" s="153">
        <v>531233511.16000003</v>
      </c>
      <c r="F563" s="60"/>
    </row>
    <row r="564" spans="1:6">
      <c r="A564" s="149" t="s">
        <v>2415</v>
      </c>
      <c r="B564" s="149"/>
      <c r="C564" s="150">
        <v>182013723.70999998</v>
      </c>
      <c r="D564" s="150">
        <v>-1662595.7100000002</v>
      </c>
      <c r="E564" s="150">
        <v>180351128</v>
      </c>
      <c r="F564" s="60"/>
    </row>
    <row r="565" spans="1:6">
      <c r="A565" s="149" t="s">
        <v>2416</v>
      </c>
      <c r="B565" s="149"/>
      <c r="C565" s="150">
        <v>11681134</v>
      </c>
      <c r="D565" s="150">
        <v>2148143.29</v>
      </c>
      <c r="E565" s="150">
        <v>13829277.290000001</v>
      </c>
      <c r="F565" s="60"/>
    </row>
    <row r="566" spans="1:6">
      <c r="A566" s="149" t="s">
        <v>2417</v>
      </c>
      <c r="B566" s="149"/>
      <c r="C566" s="150">
        <v>-79150033.350000009</v>
      </c>
      <c r="D566" s="150">
        <v>23244.71</v>
      </c>
      <c r="E566" s="150">
        <v>-79126788.640000001</v>
      </c>
      <c r="F566" s="60"/>
    </row>
    <row r="567" spans="1:6">
      <c r="A567" s="149" t="s">
        <v>2418</v>
      </c>
      <c r="B567" s="149"/>
      <c r="C567" s="150">
        <v>-808975664.21999991</v>
      </c>
      <c r="D567" s="150">
        <v>4434959.13</v>
      </c>
      <c r="E567" s="150">
        <v>-804540705.09000003</v>
      </c>
      <c r="F567" s="60"/>
    </row>
    <row r="568" spans="1:6">
      <c r="A568" s="149" t="s">
        <v>2419</v>
      </c>
      <c r="B568" s="149"/>
      <c r="C568" s="150">
        <v>1330854330.1200001</v>
      </c>
      <c r="D568" s="150">
        <v>-7554598.8300000001</v>
      </c>
      <c r="E568" s="150">
        <v>1323299731.29</v>
      </c>
      <c r="F568" s="60"/>
    </row>
    <row r="569" spans="1:6">
      <c r="A569" s="149" t="s">
        <v>2420</v>
      </c>
      <c r="B569" s="149"/>
      <c r="C569" s="150">
        <v>0.55000000000000004</v>
      </c>
      <c r="D569" s="150">
        <v>0</v>
      </c>
      <c r="E569" s="150">
        <v>0.55000000000000004</v>
      </c>
      <c r="F569" s="60"/>
    </row>
    <row r="570" spans="1:6">
      <c r="A570" s="149" t="s">
        <v>2421</v>
      </c>
      <c r="B570" s="149"/>
      <c r="C570" s="150">
        <v>0.17</v>
      </c>
      <c r="D570" s="150">
        <v>0</v>
      </c>
      <c r="E570" s="150">
        <v>0.17</v>
      </c>
      <c r="F570" s="60"/>
    </row>
    <row r="571" spans="1:6">
      <c r="A571" s="149" t="s">
        <v>2422</v>
      </c>
      <c r="B571" s="149"/>
      <c r="C571" s="150">
        <v>0.71999999999999986</v>
      </c>
      <c r="D571" s="150">
        <v>0</v>
      </c>
      <c r="E571" s="150">
        <v>0.71999999999999986</v>
      </c>
      <c r="F571" s="60"/>
    </row>
    <row r="572" spans="1:6">
      <c r="A572" s="149" t="s">
        <v>2423</v>
      </c>
      <c r="B572" s="149"/>
      <c r="C572" s="150">
        <v>2090797715.1099999</v>
      </c>
      <c r="D572" s="150">
        <v>17676860.710000001</v>
      </c>
      <c r="E572" s="150">
        <v>2108474575.8200002</v>
      </c>
      <c r="F572" s="60"/>
    </row>
    <row r="573" spans="1:6">
      <c r="A573" s="149" t="s">
        <v>2424</v>
      </c>
      <c r="B573" s="149"/>
      <c r="C573" s="150">
        <v>554593349.79999995</v>
      </c>
      <c r="D573" s="150">
        <v>6100982.9000000004</v>
      </c>
      <c r="E573" s="150">
        <v>560694332.70000005</v>
      </c>
      <c r="F573" s="60"/>
    </row>
    <row r="574" spans="1:6">
      <c r="A574" s="149" t="s">
        <v>2425</v>
      </c>
      <c r="B574" s="149"/>
      <c r="C574" s="150">
        <v>2645391064.9100003</v>
      </c>
      <c r="D574" s="150">
        <v>23777843.609999999</v>
      </c>
      <c r="E574" s="150">
        <v>2669168908.52</v>
      </c>
      <c r="F574" s="60"/>
    </row>
    <row r="575" spans="1:6">
      <c r="A575" s="149" t="s">
        <v>2426</v>
      </c>
      <c r="B575" s="149"/>
      <c r="C575" s="150">
        <v>853314594.46999991</v>
      </c>
      <c r="D575" s="150">
        <v>4553601.93</v>
      </c>
      <c r="E575" s="150">
        <v>857868196.39999998</v>
      </c>
      <c r="F575" s="60"/>
    </row>
    <row r="576" spans="1:6">
      <c r="A576" s="149" t="s">
        <v>2427</v>
      </c>
      <c r="B576" s="149"/>
      <c r="C576" s="150">
        <v>236501732.51999998</v>
      </c>
      <c r="D576" s="150">
        <v>1262018.3400000001</v>
      </c>
      <c r="E576" s="150">
        <v>237763750.86000001</v>
      </c>
      <c r="F576" s="60"/>
    </row>
    <row r="577" spans="1:6">
      <c r="A577" s="149" t="s">
        <v>2428</v>
      </c>
      <c r="B577" s="149"/>
      <c r="C577" s="150">
        <v>1089816326.99</v>
      </c>
      <c r="D577" s="150">
        <v>5815620.2699999996</v>
      </c>
      <c r="E577" s="150">
        <v>1095631947.26</v>
      </c>
      <c r="F577" s="60"/>
    </row>
    <row r="578" spans="1:6">
      <c r="A578" s="146" t="s">
        <v>2429</v>
      </c>
      <c r="B578" s="147"/>
      <c r="C578" s="151">
        <v>5398140981.4499998</v>
      </c>
      <c r="D578" s="151">
        <v>27080441.48</v>
      </c>
      <c r="E578" s="151">
        <v>5425221422.9300003</v>
      </c>
      <c r="F578" s="60"/>
    </row>
    <row r="579" spans="1:6">
      <c r="A579" s="149" t="s">
        <v>2430</v>
      </c>
      <c r="B579" s="149"/>
      <c r="C579" s="150">
        <v>0</v>
      </c>
      <c r="D579" s="150">
        <v>0</v>
      </c>
      <c r="E579" s="150">
        <v>0</v>
      </c>
      <c r="F579" s="60"/>
    </row>
    <row r="580" spans="1:6">
      <c r="A580" s="149" t="s">
        <v>2431</v>
      </c>
      <c r="B580" s="149"/>
      <c r="C580" s="150">
        <v>0</v>
      </c>
      <c r="D580" s="150">
        <v>0</v>
      </c>
      <c r="E580" s="150">
        <v>0</v>
      </c>
      <c r="F580" s="60"/>
    </row>
    <row r="581" spans="1:6">
      <c r="A581" s="149" t="s">
        <v>2432</v>
      </c>
      <c r="B581" s="149"/>
      <c r="C581" s="150">
        <v>0</v>
      </c>
      <c r="D581" s="150">
        <v>0</v>
      </c>
      <c r="E581" s="150">
        <v>0</v>
      </c>
      <c r="F581" s="60"/>
    </row>
    <row r="582" spans="1:6">
      <c r="A582" s="149" t="s">
        <v>2433</v>
      </c>
      <c r="B582" s="149"/>
      <c r="C582" s="150">
        <v>0</v>
      </c>
      <c r="D582" s="150">
        <v>0</v>
      </c>
      <c r="E582" s="150">
        <v>0</v>
      </c>
      <c r="F582" s="60"/>
    </row>
    <row r="583" spans="1:6">
      <c r="A583" s="149" t="s">
        <v>2434</v>
      </c>
      <c r="B583" s="149"/>
      <c r="C583" s="150">
        <v>0</v>
      </c>
      <c r="D583" s="150">
        <v>0</v>
      </c>
      <c r="E583" s="150">
        <v>0</v>
      </c>
      <c r="F583" s="60"/>
    </row>
    <row r="584" spans="1:6">
      <c r="A584" s="149" t="s">
        <v>2435</v>
      </c>
      <c r="B584" s="149"/>
      <c r="C584" s="150">
        <v>0</v>
      </c>
      <c r="D584" s="150">
        <v>0</v>
      </c>
      <c r="E584" s="150">
        <v>0</v>
      </c>
      <c r="F584" s="60"/>
    </row>
    <row r="585" spans="1:6">
      <c r="A585" s="149" t="s">
        <v>2436</v>
      </c>
      <c r="B585" s="149"/>
      <c r="C585" s="150">
        <v>0</v>
      </c>
      <c r="D585" s="150">
        <v>0</v>
      </c>
      <c r="E585" s="150">
        <v>0</v>
      </c>
      <c r="F585" s="60"/>
    </row>
    <row r="586" spans="1:6">
      <c r="A586" s="149" t="s">
        <v>2437</v>
      </c>
      <c r="B586" s="149"/>
      <c r="C586" s="150">
        <v>0</v>
      </c>
      <c r="D586" s="150">
        <v>0</v>
      </c>
      <c r="E586" s="150">
        <v>0</v>
      </c>
      <c r="F586" s="60"/>
    </row>
    <row r="587" spans="1:6">
      <c r="A587" s="146" t="s">
        <v>2438</v>
      </c>
      <c r="B587" s="147"/>
      <c r="C587" s="151">
        <v>0</v>
      </c>
      <c r="D587" s="151">
        <v>0</v>
      </c>
      <c r="E587" s="151">
        <v>0</v>
      </c>
      <c r="F587" s="60"/>
    </row>
    <row r="588" spans="1:6">
      <c r="A588" s="146" t="s">
        <v>2439</v>
      </c>
      <c r="B588" s="147"/>
      <c r="C588" s="152">
        <v>25837867047.849998</v>
      </c>
      <c r="D588" s="152">
        <v>328069714.08999997</v>
      </c>
      <c r="E588" s="152">
        <v>26165936761.939999</v>
      </c>
      <c r="F588" s="60"/>
    </row>
    <row r="589" spans="1:6">
      <c r="A589" s="148" t="s">
        <v>67</v>
      </c>
      <c r="B589" s="148"/>
      <c r="C589" s="148"/>
      <c r="D589" s="148"/>
      <c r="E589" s="148"/>
      <c r="F589" s="60"/>
    </row>
    <row r="590" spans="1:6">
      <c r="A590" s="146" t="s">
        <v>1821</v>
      </c>
      <c r="B590" s="147"/>
      <c r="C590" s="152"/>
      <c r="D590" s="152"/>
      <c r="E590" s="152"/>
      <c r="F590" s="60"/>
    </row>
    <row r="591" spans="1:6">
      <c r="A591" s="149" t="s">
        <v>2440</v>
      </c>
      <c r="B591" s="149"/>
      <c r="C591" s="150">
        <v>3088262757.23</v>
      </c>
      <c r="D591" s="150">
        <v>247403489.46000001</v>
      </c>
      <c r="E591" s="150">
        <v>3335666246.6900001</v>
      </c>
      <c r="F591" s="60"/>
    </row>
    <row r="592" spans="1:6">
      <c r="A592" s="149" t="s">
        <v>2441</v>
      </c>
      <c r="B592" s="149"/>
      <c r="C592" s="150">
        <v>1292702849.1100001</v>
      </c>
      <c r="D592" s="150">
        <v>115849482.06</v>
      </c>
      <c r="E592" s="150">
        <v>1408552331.1700001</v>
      </c>
      <c r="F592" s="60"/>
    </row>
    <row r="593" spans="1:6">
      <c r="A593" s="149" t="s">
        <v>2442</v>
      </c>
      <c r="B593" s="149"/>
      <c r="C593" s="150">
        <v>287050952.89999998</v>
      </c>
      <c r="D593" s="150">
        <v>29167945.609999999</v>
      </c>
      <c r="E593" s="150">
        <v>316218898.50999999</v>
      </c>
      <c r="F593" s="60"/>
    </row>
    <row r="594" spans="1:6">
      <c r="A594" s="149" t="s">
        <v>2443</v>
      </c>
      <c r="B594" s="149"/>
      <c r="C594" s="150">
        <v>2967948.0300000003</v>
      </c>
      <c r="D594" s="150">
        <v>284391.93</v>
      </c>
      <c r="E594" s="150">
        <v>3252339.96</v>
      </c>
      <c r="F594" s="60"/>
    </row>
    <row r="595" spans="1:6">
      <c r="A595" s="149" t="s">
        <v>2444</v>
      </c>
      <c r="B595" s="149"/>
      <c r="C595" s="150">
        <v>323792374.39999998</v>
      </c>
      <c r="D595" s="150">
        <v>32150667.390000001</v>
      </c>
      <c r="E595" s="150">
        <v>355943041.79000002</v>
      </c>
      <c r="F595" s="60"/>
    </row>
    <row r="596" spans="1:6">
      <c r="A596" s="149" t="s">
        <v>2445</v>
      </c>
      <c r="B596" s="149"/>
      <c r="C596" s="150">
        <v>410482589.84999996</v>
      </c>
      <c r="D596" s="150">
        <v>28369505.390000001</v>
      </c>
      <c r="E596" s="150">
        <v>438852095.23999995</v>
      </c>
      <c r="F596" s="60"/>
    </row>
    <row r="597" spans="1:6">
      <c r="A597" s="149" t="s">
        <v>2446</v>
      </c>
      <c r="B597" s="149"/>
      <c r="C597" s="150">
        <v>-610.4</v>
      </c>
      <c r="D597" s="150">
        <v>0</v>
      </c>
      <c r="E597" s="150">
        <v>-610.4</v>
      </c>
      <c r="F597" s="60"/>
    </row>
    <row r="598" spans="1:6">
      <c r="A598" s="149" t="s">
        <v>2447</v>
      </c>
      <c r="B598" s="149"/>
      <c r="C598" s="150">
        <v>5405258861.1199999</v>
      </c>
      <c r="D598" s="150">
        <v>453225481.83999997</v>
      </c>
      <c r="E598" s="150">
        <v>5858484342.96</v>
      </c>
      <c r="F598" s="60"/>
    </row>
    <row r="599" spans="1:6">
      <c r="A599" s="149" t="s">
        <v>2448</v>
      </c>
      <c r="B599" s="149"/>
      <c r="C599" s="150">
        <v>11038733.330000002</v>
      </c>
      <c r="D599" s="150">
        <v>1638661.49</v>
      </c>
      <c r="E599" s="150">
        <v>12677394.82</v>
      </c>
      <c r="F599" s="60"/>
    </row>
    <row r="600" spans="1:6">
      <c r="A600" s="149" t="s">
        <v>2449</v>
      </c>
      <c r="B600" s="149"/>
      <c r="C600" s="150">
        <v>10619043.879999999</v>
      </c>
      <c r="D600" s="150">
        <v>554014.99</v>
      </c>
      <c r="E600" s="150">
        <v>11173058.869999999</v>
      </c>
      <c r="F600" s="60"/>
    </row>
    <row r="601" spans="1:6">
      <c r="A601" s="149" t="s">
        <v>2450</v>
      </c>
      <c r="B601" s="149"/>
      <c r="C601" s="150">
        <v>69705809.280000001</v>
      </c>
      <c r="D601" s="150">
        <v>7536465.2199999997</v>
      </c>
      <c r="E601" s="150">
        <v>77242274.5</v>
      </c>
      <c r="F601" s="60"/>
    </row>
    <row r="602" spans="1:6">
      <c r="A602" s="149" t="s">
        <v>2451</v>
      </c>
      <c r="B602" s="149"/>
      <c r="C602" s="150">
        <v>4460997.8899999997</v>
      </c>
      <c r="D602" s="150">
        <v>426753.78</v>
      </c>
      <c r="E602" s="150">
        <v>4887751.67</v>
      </c>
      <c r="F602" s="60"/>
    </row>
    <row r="603" spans="1:6">
      <c r="A603" s="149" t="s">
        <v>2452</v>
      </c>
      <c r="B603" s="149"/>
      <c r="C603" s="150">
        <v>157695.76999999999</v>
      </c>
      <c r="D603" s="150">
        <v>20936.099999999999</v>
      </c>
      <c r="E603" s="150">
        <v>178631.87</v>
      </c>
      <c r="F603" s="60"/>
    </row>
    <row r="604" spans="1:6">
      <c r="A604" s="149" t="s">
        <v>2453</v>
      </c>
      <c r="B604" s="149"/>
      <c r="C604" s="150">
        <v>252496.03999999998</v>
      </c>
      <c r="D604" s="150">
        <v>41862.400000000001</v>
      </c>
      <c r="E604" s="150">
        <v>294358.44</v>
      </c>
      <c r="F604" s="60"/>
    </row>
    <row r="605" spans="1:6">
      <c r="A605" s="149" t="s">
        <v>2454</v>
      </c>
      <c r="B605" s="149"/>
      <c r="C605" s="150">
        <v>7000</v>
      </c>
      <c r="D605" s="150">
        <v>3500</v>
      </c>
      <c r="E605" s="150">
        <v>10500</v>
      </c>
      <c r="F605" s="60"/>
    </row>
    <row r="606" spans="1:6">
      <c r="A606" s="149" t="s">
        <v>2455</v>
      </c>
      <c r="B606" s="149"/>
      <c r="C606" s="150">
        <v>280735.61</v>
      </c>
      <c r="D606" s="150">
        <v>25823.45</v>
      </c>
      <c r="E606" s="150">
        <v>306559.06</v>
      </c>
      <c r="F606" s="60"/>
    </row>
    <row r="607" spans="1:6">
      <c r="A607" s="149" t="s">
        <v>2456</v>
      </c>
      <c r="B607" s="149"/>
      <c r="C607" s="150">
        <v>9644007.8399999999</v>
      </c>
      <c r="D607" s="150">
        <v>-542724.49</v>
      </c>
      <c r="E607" s="150">
        <v>9101283.3499999996</v>
      </c>
      <c r="F607" s="60"/>
    </row>
    <row r="608" spans="1:6">
      <c r="A608" s="149" t="s">
        <v>2457</v>
      </c>
      <c r="B608" s="149"/>
      <c r="C608" s="150">
        <v>2015407.35</v>
      </c>
      <c r="D608" s="150">
        <v>0</v>
      </c>
      <c r="E608" s="150">
        <v>2015407.35</v>
      </c>
      <c r="F608" s="60"/>
    </row>
    <row r="609" spans="1:6">
      <c r="A609" s="149" t="s">
        <v>2458</v>
      </c>
      <c r="B609" s="149"/>
      <c r="C609" s="150">
        <v>4033958.6100000003</v>
      </c>
      <c r="D609" s="150">
        <v>367127.07</v>
      </c>
      <c r="E609" s="150">
        <v>4401085.68</v>
      </c>
      <c r="F609" s="60"/>
    </row>
    <row r="610" spans="1:6">
      <c r="A610" s="149" t="s">
        <v>2459</v>
      </c>
      <c r="B610" s="149"/>
      <c r="C610" s="150">
        <v>36402.879999999997</v>
      </c>
      <c r="D610" s="150">
        <v>0</v>
      </c>
      <c r="E610" s="150">
        <v>36402.879999999997</v>
      </c>
      <c r="F610" s="60"/>
    </row>
    <row r="611" spans="1:6" s="154" customFormat="1">
      <c r="A611" s="149" t="s">
        <v>2460</v>
      </c>
      <c r="B611" s="149"/>
      <c r="C611" s="150">
        <v>35823085.949999996</v>
      </c>
      <c r="D611" s="150">
        <v>13145606.83</v>
      </c>
      <c r="E611" s="150">
        <v>48968692.780000001</v>
      </c>
    </row>
    <row r="612" spans="1:6">
      <c r="A612" s="149" t="s">
        <v>2461</v>
      </c>
      <c r="B612" s="149"/>
      <c r="C612" s="150">
        <v>277057.95</v>
      </c>
      <c r="D612" s="150">
        <v>0</v>
      </c>
      <c r="E612" s="150">
        <v>277057.95</v>
      </c>
      <c r="F612" s="60"/>
    </row>
    <row r="613" spans="1:6">
      <c r="A613" s="149" t="s">
        <v>2462</v>
      </c>
      <c r="B613" s="149"/>
      <c r="C613" s="150">
        <v>9797.7200000000012</v>
      </c>
      <c r="D613" s="150">
        <v>-91.3</v>
      </c>
      <c r="E613" s="150">
        <v>9706.42</v>
      </c>
      <c r="F613" s="60"/>
    </row>
    <row r="614" spans="1:6">
      <c r="A614" s="149" t="s">
        <v>2463</v>
      </c>
      <c r="B614" s="149"/>
      <c r="C614" s="150">
        <v>143811.72</v>
      </c>
      <c r="D614" s="150">
        <v>0</v>
      </c>
      <c r="E614" s="150">
        <v>143811.72</v>
      </c>
      <c r="F614" s="60"/>
    </row>
    <row r="615" spans="1:6">
      <c r="A615" s="149" t="s">
        <v>2464</v>
      </c>
      <c r="B615" s="149"/>
      <c r="C615" s="150">
        <v>15988.54</v>
      </c>
      <c r="D615" s="150">
        <v>704.58</v>
      </c>
      <c r="E615" s="150">
        <v>16693.12</v>
      </c>
      <c r="F615" s="60"/>
    </row>
    <row r="616" spans="1:6">
      <c r="A616" s="149" t="s">
        <v>2465</v>
      </c>
      <c r="B616" s="149"/>
      <c r="C616" s="150">
        <v>1015780.86</v>
      </c>
      <c r="D616" s="150">
        <v>103878.81</v>
      </c>
      <c r="E616" s="150">
        <v>1119659.67</v>
      </c>
      <c r="F616" s="60"/>
    </row>
    <row r="617" spans="1:6">
      <c r="A617" s="149" t="s">
        <v>2466</v>
      </c>
      <c r="B617" s="149"/>
      <c r="C617" s="150">
        <v>132663441.17</v>
      </c>
      <c r="D617" s="150">
        <v>14926599.27</v>
      </c>
      <c r="E617" s="150">
        <v>147590040.44</v>
      </c>
      <c r="F617" s="60"/>
    </row>
    <row r="618" spans="1:6">
      <c r="A618" s="149" t="s">
        <v>2467</v>
      </c>
      <c r="B618" s="149"/>
      <c r="C618" s="150">
        <v>3486530.69</v>
      </c>
      <c r="D618" s="150">
        <v>385683.04</v>
      </c>
      <c r="E618" s="150">
        <v>3872213.73</v>
      </c>
      <c r="F618" s="60"/>
    </row>
    <row r="619" spans="1:6">
      <c r="A619" s="149" t="s">
        <v>2468</v>
      </c>
      <c r="B619" s="149"/>
      <c r="C619" s="150">
        <v>5730933.3499999996</v>
      </c>
      <c r="D619" s="150">
        <v>648026.64</v>
      </c>
      <c r="E619" s="150">
        <v>6378959.9900000002</v>
      </c>
      <c r="F619" s="60"/>
    </row>
    <row r="620" spans="1:6">
      <c r="A620" s="149" t="s">
        <v>2469</v>
      </c>
      <c r="B620" s="149"/>
      <c r="C620" s="150">
        <v>4830410.82</v>
      </c>
      <c r="D620" s="150">
        <v>556014.59000000008</v>
      </c>
      <c r="E620" s="150">
        <v>5386425.4100000001</v>
      </c>
      <c r="F620" s="60"/>
    </row>
    <row r="621" spans="1:6">
      <c r="A621" s="149" t="s">
        <v>2470</v>
      </c>
      <c r="B621" s="149"/>
      <c r="C621" s="150">
        <v>152053.54999999999</v>
      </c>
      <c r="D621" s="150">
        <v>11468.289999999999</v>
      </c>
      <c r="E621" s="150">
        <v>163521.84000000003</v>
      </c>
      <c r="F621" s="60"/>
    </row>
    <row r="622" spans="1:6">
      <c r="A622" s="149" t="s">
        <v>2471</v>
      </c>
      <c r="B622" s="149"/>
      <c r="C622" s="150">
        <v>467177.57999999996</v>
      </c>
      <c r="D622" s="150">
        <v>35235.770000000004</v>
      </c>
      <c r="E622" s="150">
        <v>502413.35</v>
      </c>
      <c r="F622" s="60"/>
    </row>
    <row r="623" spans="1:6">
      <c r="A623" s="149" t="s">
        <v>2472</v>
      </c>
      <c r="B623" s="149"/>
      <c r="C623" s="150">
        <v>5150530.41</v>
      </c>
      <c r="D623" s="150">
        <v>321953.5</v>
      </c>
      <c r="E623" s="150">
        <v>5472483.9100000001</v>
      </c>
      <c r="F623" s="60"/>
    </row>
    <row r="624" spans="1:6">
      <c r="A624" s="149" t="s">
        <v>2473</v>
      </c>
      <c r="B624" s="149"/>
      <c r="C624" s="150">
        <v>-2125518.12</v>
      </c>
      <c r="D624" s="150">
        <v>-221439.91999999998</v>
      </c>
      <c r="E624" s="150">
        <v>-2346958.0399999996</v>
      </c>
      <c r="F624" s="60"/>
    </row>
    <row r="625" spans="1:6">
      <c r="A625" s="149" t="s">
        <v>2474</v>
      </c>
      <c r="B625" s="149"/>
      <c r="C625" s="150">
        <v>27313.32</v>
      </c>
      <c r="D625" s="150">
        <v>2842.7200000000003</v>
      </c>
      <c r="E625" s="150">
        <v>30156.039999999997</v>
      </c>
      <c r="F625" s="60"/>
    </row>
    <row r="626" spans="1:6">
      <c r="A626" s="149" t="s">
        <v>2475</v>
      </c>
      <c r="B626" s="149"/>
      <c r="C626" s="150">
        <v>5639031</v>
      </c>
      <c r="D626" s="150">
        <v>0</v>
      </c>
      <c r="E626" s="150">
        <v>5639031</v>
      </c>
      <c r="F626" s="60"/>
    </row>
    <row r="627" spans="1:6">
      <c r="A627" s="149" t="s">
        <v>2476</v>
      </c>
      <c r="B627" s="149"/>
      <c r="C627" s="150">
        <v>305559714.99000001</v>
      </c>
      <c r="D627" s="150">
        <v>39988902.829999998</v>
      </c>
      <c r="E627" s="150">
        <v>345548617.81999999</v>
      </c>
      <c r="F627" s="60"/>
    </row>
    <row r="628" spans="1:6">
      <c r="A628" s="149" t="s">
        <v>2477</v>
      </c>
      <c r="B628" s="149"/>
      <c r="C628" s="150">
        <v>5710818576.1099997</v>
      </c>
      <c r="D628" s="150">
        <v>493214384.67000002</v>
      </c>
      <c r="E628" s="150">
        <v>6204032960.7799997</v>
      </c>
      <c r="F628" s="60"/>
    </row>
    <row r="629" spans="1:6">
      <c r="A629" s="149" t="s">
        <v>2478</v>
      </c>
      <c r="B629" s="149"/>
      <c r="C629" s="150">
        <v>5710818576.1099997</v>
      </c>
      <c r="D629" s="150">
        <v>493214384.67000002</v>
      </c>
      <c r="E629" s="150">
        <v>6204032960.7799997</v>
      </c>
      <c r="F629" s="60"/>
    </row>
    <row r="630" spans="1:6">
      <c r="A630" s="149" t="s">
        <v>2479</v>
      </c>
      <c r="B630" s="149"/>
      <c r="C630" s="150">
        <v>21859.73</v>
      </c>
      <c r="D630" s="150">
        <v>0</v>
      </c>
      <c r="E630" s="150">
        <v>21859.73</v>
      </c>
      <c r="F630" s="60"/>
    </row>
    <row r="631" spans="1:6">
      <c r="A631" s="149" t="s">
        <v>2480</v>
      </c>
      <c r="B631" s="149"/>
      <c r="C631" s="150">
        <v>211503562.22</v>
      </c>
      <c r="D631" s="150">
        <v>4677332.5299999993</v>
      </c>
      <c r="E631" s="150">
        <v>216180894.75</v>
      </c>
      <c r="F631" s="60"/>
    </row>
    <row r="632" spans="1:6">
      <c r="A632" s="149" t="s">
        <v>2481</v>
      </c>
      <c r="B632" s="149"/>
      <c r="C632" s="150">
        <v>198545900.72999999</v>
      </c>
      <c r="D632" s="150">
        <v>23928200.16</v>
      </c>
      <c r="E632" s="150">
        <v>222474100.88999999</v>
      </c>
      <c r="F632" s="60"/>
    </row>
    <row r="633" spans="1:6">
      <c r="A633" s="149" t="s">
        <v>2482</v>
      </c>
      <c r="B633" s="149"/>
      <c r="C633" s="150">
        <v>23312368.27</v>
      </c>
      <c r="D633" s="150">
        <v>707097.99</v>
      </c>
      <c r="E633" s="150">
        <v>24019466.260000002</v>
      </c>
      <c r="F633" s="60"/>
    </row>
    <row r="634" spans="1:6">
      <c r="A634" s="149" t="s">
        <v>2483</v>
      </c>
      <c r="B634" s="149"/>
      <c r="C634" s="150">
        <v>2630</v>
      </c>
      <c r="D634" s="150">
        <v>0</v>
      </c>
      <c r="E634" s="150">
        <v>2630</v>
      </c>
      <c r="F634" s="60"/>
    </row>
    <row r="635" spans="1:6">
      <c r="A635" s="149" t="s">
        <v>2484</v>
      </c>
      <c r="B635" s="149"/>
      <c r="C635" s="150">
        <v>23100</v>
      </c>
      <c r="D635" s="150">
        <v>2100</v>
      </c>
      <c r="E635" s="150">
        <v>25200</v>
      </c>
      <c r="F635" s="60"/>
    </row>
    <row r="636" spans="1:6">
      <c r="A636" s="149" t="s">
        <v>2485</v>
      </c>
      <c r="B636" s="149"/>
      <c r="C636" s="150">
        <v>433409420.94999999</v>
      </c>
      <c r="D636" s="150">
        <v>29314730.68</v>
      </c>
      <c r="E636" s="150">
        <v>462724151.63</v>
      </c>
      <c r="F636" s="60"/>
    </row>
    <row r="637" spans="1:6">
      <c r="A637" s="149" t="s">
        <v>2486</v>
      </c>
      <c r="B637" s="149"/>
      <c r="C637" s="150">
        <v>1977177754.71</v>
      </c>
      <c r="D637" s="150">
        <v>169310850.69</v>
      </c>
      <c r="E637" s="150">
        <v>2146488605.3999999</v>
      </c>
      <c r="F637" s="60"/>
    </row>
    <row r="638" spans="1:6">
      <c r="A638" s="149" t="s">
        <v>2487</v>
      </c>
      <c r="B638" s="149"/>
      <c r="C638" s="150">
        <v>-16760896</v>
      </c>
      <c r="D638" s="150">
        <v>0</v>
      </c>
      <c r="E638" s="150">
        <v>-16760896</v>
      </c>
      <c r="F638" s="60"/>
    </row>
    <row r="639" spans="1:6">
      <c r="A639" s="149" t="s">
        <v>2488</v>
      </c>
      <c r="B639" s="149"/>
      <c r="C639" s="150">
        <v>10925965.34</v>
      </c>
      <c r="D639" s="150">
        <v>5455152.8099999996</v>
      </c>
      <c r="E639" s="150">
        <v>16381118.15</v>
      </c>
      <c r="F639" s="60"/>
    </row>
    <row r="640" spans="1:6">
      <c r="A640" s="149" t="s">
        <v>2489</v>
      </c>
      <c r="B640" s="149"/>
      <c r="C640" s="150">
        <v>1971342824.05</v>
      </c>
      <c r="D640" s="150">
        <v>174766003.5</v>
      </c>
      <c r="E640" s="150">
        <v>2146108827.5500002</v>
      </c>
      <c r="F640" s="60"/>
    </row>
    <row r="641" spans="1:6">
      <c r="A641" s="149" t="s">
        <v>2490</v>
      </c>
      <c r="B641" s="149"/>
      <c r="C641" s="150">
        <v>2404752245</v>
      </c>
      <c r="D641" s="150">
        <v>204080734.18000001</v>
      </c>
      <c r="E641" s="150">
        <v>2608832979.1799998</v>
      </c>
      <c r="F641" s="60"/>
    </row>
    <row r="642" spans="1:6">
      <c r="A642" s="149" t="s">
        <v>2491</v>
      </c>
      <c r="B642" s="149"/>
      <c r="C642" s="150">
        <v>299836479.69</v>
      </c>
      <c r="D642" s="150">
        <v>10752538.66</v>
      </c>
      <c r="E642" s="150">
        <v>310589018.35000002</v>
      </c>
      <c r="F642" s="60"/>
    </row>
    <row r="643" spans="1:6">
      <c r="A643" s="149" t="s">
        <v>2492</v>
      </c>
      <c r="B643" s="149"/>
      <c r="C643" s="150">
        <v>5838329.3899999997</v>
      </c>
      <c r="D643" s="150">
        <v>264115.06</v>
      </c>
      <c r="E643" s="150">
        <v>6102444.4500000002</v>
      </c>
      <c r="F643" s="60"/>
    </row>
    <row r="644" spans="1:6">
      <c r="A644" s="149" t="s">
        <v>2493</v>
      </c>
      <c r="B644" s="149"/>
      <c r="C644" s="150">
        <v>305674809.07999998</v>
      </c>
      <c r="D644" s="150">
        <v>11016653.719999999</v>
      </c>
      <c r="E644" s="150">
        <v>316691462.80000001</v>
      </c>
      <c r="F644" s="60"/>
    </row>
    <row r="645" spans="1:6">
      <c r="A645" s="149" t="s">
        <v>2494</v>
      </c>
      <c r="B645" s="149"/>
      <c r="C645" s="150">
        <v>133887.46</v>
      </c>
      <c r="D645" s="150">
        <v>11030.289999999999</v>
      </c>
      <c r="E645" s="150">
        <v>144917.75</v>
      </c>
      <c r="F645" s="60"/>
    </row>
    <row r="646" spans="1:6">
      <c r="A646" s="149" t="s">
        <v>2495</v>
      </c>
      <c r="B646" s="149"/>
      <c r="C646" s="150">
        <v>136223822.81</v>
      </c>
      <c r="D646" s="150">
        <v>16510462.59</v>
      </c>
      <c r="E646" s="150">
        <v>152734285.40000001</v>
      </c>
      <c r="F646" s="60"/>
    </row>
    <row r="647" spans="1:6">
      <c r="A647" s="149" t="s">
        <v>2496</v>
      </c>
      <c r="B647" s="149"/>
      <c r="C647" s="150">
        <v>392465075.75</v>
      </c>
      <c r="D647" s="150">
        <v>34896465.200000003</v>
      </c>
      <c r="E647" s="150">
        <v>427361540.94999999</v>
      </c>
      <c r="F647" s="60"/>
    </row>
    <row r="648" spans="1:6">
      <c r="A648" s="149" t="s">
        <v>2497</v>
      </c>
      <c r="B648" s="149"/>
      <c r="C648" s="150">
        <v>834497595.10000002</v>
      </c>
      <c r="D648" s="150">
        <v>62434611.800000004</v>
      </c>
      <c r="E648" s="150">
        <v>896932206.9000001</v>
      </c>
      <c r="F648" s="60"/>
    </row>
    <row r="649" spans="1:6">
      <c r="A649" s="149" t="s">
        <v>2498</v>
      </c>
      <c r="B649" s="149"/>
      <c r="C649" s="150">
        <v>-50</v>
      </c>
      <c r="D649" s="150">
        <v>0</v>
      </c>
      <c r="E649" s="150">
        <v>-50</v>
      </c>
      <c r="F649" s="60"/>
    </row>
    <row r="650" spans="1:6">
      <c r="A650" s="149" t="s">
        <v>2499</v>
      </c>
      <c r="B650" s="149"/>
      <c r="C650" s="150">
        <v>4767.79</v>
      </c>
      <c r="D650" s="150">
        <v>0</v>
      </c>
      <c r="E650" s="150">
        <v>4767.79</v>
      </c>
      <c r="F650" s="60"/>
    </row>
    <row r="651" spans="1:6">
      <c r="A651" s="149" t="s">
        <v>2500</v>
      </c>
      <c r="B651" s="149"/>
      <c r="C651" s="150">
        <v>64695040.210000001</v>
      </c>
      <c r="D651" s="150">
        <v>12308519.48</v>
      </c>
      <c r="E651" s="150">
        <v>77003559.689999998</v>
      </c>
      <c r="F651" s="60"/>
    </row>
    <row r="652" spans="1:6">
      <c r="A652" s="149" t="s">
        <v>2501</v>
      </c>
      <c r="B652" s="149"/>
      <c r="C652" s="150">
        <v>2428.58</v>
      </c>
      <c r="D652" s="150">
        <v>186.81</v>
      </c>
      <c r="E652" s="150">
        <v>2615.39</v>
      </c>
      <c r="F652" s="60"/>
    </row>
    <row r="653" spans="1:6">
      <c r="A653" s="149" t="s">
        <v>2502</v>
      </c>
      <c r="B653" s="149"/>
      <c r="C653" s="150">
        <v>2778264.0900000003</v>
      </c>
      <c r="D653" s="150">
        <v>-339189.54</v>
      </c>
      <c r="E653" s="150">
        <v>2439074.5500000003</v>
      </c>
      <c r="F653" s="60"/>
    </row>
    <row r="654" spans="1:6">
      <c r="A654" s="149" t="s">
        <v>2503</v>
      </c>
      <c r="B654" s="149"/>
      <c r="C654" s="150">
        <v>146.9</v>
      </c>
      <c r="D654" s="150">
        <v>36</v>
      </c>
      <c r="E654" s="150">
        <v>182.9</v>
      </c>
      <c r="F654" s="60"/>
    </row>
    <row r="655" spans="1:6">
      <c r="A655" s="149" t="s">
        <v>2504</v>
      </c>
      <c r="B655" s="149"/>
      <c r="C655" s="150">
        <v>85.78</v>
      </c>
      <c r="D655" s="150">
        <v>1.35</v>
      </c>
      <c r="E655" s="150">
        <v>87.13</v>
      </c>
      <c r="F655" s="60"/>
    </row>
    <row r="656" spans="1:6">
      <c r="A656" s="149" t="s">
        <v>2505</v>
      </c>
      <c r="B656" s="149"/>
      <c r="C656" s="150">
        <v>4681351.8100000005</v>
      </c>
      <c r="D656" s="150">
        <v>1460903.67</v>
      </c>
      <c r="E656" s="150">
        <v>6142255.4800000004</v>
      </c>
      <c r="F656" s="60"/>
    </row>
    <row r="657" spans="1:6">
      <c r="A657" s="149" t="s">
        <v>2506</v>
      </c>
      <c r="B657" s="149"/>
      <c r="C657" s="150">
        <v>505.86</v>
      </c>
      <c r="D657" s="150">
        <v>16.23</v>
      </c>
      <c r="E657" s="150">
        <v>522.09</v>
      </c>
      <c r="F657" s="60"/>
    </row>
    <row r="658" spans="1:6">
      <c r="A658" s="149" t="s">
        <v>2507</v>
      </c>
      <c r="B658" s="149"/>
      <c r="C658" s="150">
        <v>2838720.7399999998</v>
      </c>
      <c r="D658" s="150">
        <v>713033.49</v>
      </c>
      <c r="E658" s="150">
        <v>3551754.23</v>
      </c>
      <c r="F658" s="60"/>
    </row>
    <row r="659" spans="1:6">
      <c r="A659" s="149" t="s">
        <v>2508</v>
      </c>
      <c r="B659" s="149"/>
      <c r="C659" s="150">
        <v>3687135.9699999997</v>
      </c>
      <c r="D659" s="150">
        <v>331985.32999999996</v>
      </c>
      <c r="E659" s="150">
        <v>4019121.3000000003</v>
      </c>
      <c r="F659" s="60"/>
    </row>
    <row r="660" spans="1:6">
      <c r="A660" s="149" t="s">
        <v>2509</v>
      </c>
      <c r="B660" s="149"/>
      <c r="C660" s="150">
        <v>-977640.15999999992</v>
      </c>
      <c r="D660" s="150">
        <v>-91801.659999999989</v>
      </c>
      <c r="E660" s="150">
        <v>-1069441.82</v>
      </c>
      <c r="F660" s="60"/>
    </row>
    <row r="661" spans="1:6">
      <c r="A661" s="149" t="s">
        <v>2510</v>
      </c>
      <c r="B661" s="149"/>
      <c r="C661" s="150">
        <v>32420927.630000003</v>
      </c>
      <c r="D661" s="150">
        <v>3230571.79</v>
      </c>
      <c r="E661" s="150">
        <v>35651499.420000002</v>
      </c>
      <c r="F661" s="60"/>
    </row>
    <row r="662" spans="1:6">
      <c r="A662" s="149" t="s">
        <v>2511</v>
      </c>
      <c r="B662" s="149"/>
      <c r="C662" s="150">
        <v>33634.700000000004</v>
      </c>
      <c r="D662" s="150">
        <v>4360.45</v>
      </c>
      <c r="E662" s="150">
        <v>37995.15</v>
      </c>
      <c r="F662" s="60"/>
    </row>
    <row r="663" spans="1:6">
      <c r="A663" s="149" t="s">
        <v>2512</v>
      </c>
      <c r="B663" s="149"/>
      <c r="C663" s="150">
        <v>26087583.990000002</v>
      </c>
      <c r="D663" s="150">
        <v>6593551.8899999997</v>
      </c>
      <c r="E663" s="150">
        <v>32681135.879999999</v>
      </c>
      <c r="F663" s="60"/>
    </row>
    <row r="664" spans="1:6">
      <c r="A664" s="149" t="s">
        <v>2513</v>
      </c>
      <c r="B664" s="149"/>
      <c r="C664" s="150">
        <v>1239658.8699999999</v>
      </c>
      <c r="D664" s="150">
        <v>80628.01999999999</v>
      </c>
      <c r="E664" s="150">
        <v>1320286.8900000001</v>
      </c>
      <c r="F664" s="60"/>
    </row>
    <row r="665" spans="1:6">
      <c r="A665" s="149" t="s">
        <v>2514</v>
      </c>
      <c r="B665" s="149"/>
      <c r="C665" s="150">
        <v>92312.39</v>
      </c>
      <c r="D665" s="150">
        <v>-3993.81</v>
      </c>
      <c r="E665" s="150">
        <v>88318.58</v>
      </c>
      <c r="F665" s="60"/>
    </row>
    <row r="666" spans="1:6">
      <c r="A666" s="149" t="s">
        <v>2515</v>
      </c>
      <c r="B666" s="149"/>
      <c r="C666" s="150">
        <v>16644069.75</v>
      </c>
      <c r="D666" s="150">
        <v>1513097.25</v>
      </c>
      <c r="E666" s="150">
        <v>18157167</v>
      </c>
      <c r="F666" s="60"/>
    </row>
    <row r="667" spans="1:6">
      <c r="A667" s="155" t="s">
        <v>2516</v>
      </c>
      <c r="B667" s="155"/>
      <c r="C667" s="153">
        <v>67037494.049999997</v>
      </c>
      <c r="D667" s="153">
        <v>829339.2</v>
      </c>
      <c r="E667" s="153">
        <v>67866833.25</v>
      </c>
      <c r="F667" s="60"/>
    </row>
    <row r="668" spans="1:6">
      <c r="A668" s="149" t="s">
        <v>2517</v>
      </c>
      <c r="B668" s="149"/>
      <c r="C668" s="150">
        <v>2422214.7399999998</v>
      </c>
      <c r="D668" s="150">
        <v>220201.34</v>
      </c>
      <c r="E668" s="150">
        <v>2642416.08</v>
      </c>
      <c r="F668" s="60"/>
    </row>
    <row r="669" spans="1:6">
      <c r="A669" s="149" t="s">
        <v>2518</v>
      </c>
      <c r="B669" s="149"/>
      <c r="C669" s="150">
        <v>2833305.7800000003</v>
      </c>
      <c r="D669" s="150">
        <v>-3952617.5</v>
      </c>
      <c r="E669" s="150">
        <v>-1119311.72</v>
      </c>
      <c r="F669" s="60"/>
    </row>
    <row r="670" spans="1:6">
      <c r="A670" s="149" t="s">
        <v>2519</v>
      </c>
      <c r="B670" s="149"/>
      <c r="C670" s="150">
        <v>3538711</v>
      </c>
      <c r="D670" s="150">
        <v>321701</v>
      </c>
      <c r="E670" s="150">
        <v>3860412</v>
      </c>
      <c r="F670" s="60"/>
    </row>
    <row r="671" spans="1:6">
      <c r="A671" s="149" t="s">
        <v>2520</v>
      </c>
      <c r="B671" s="149"/>
      <c r="C671" s="150">
        <v>72455.98</v>
      </c>
      <c r="D671" s="150">
        <v>6537.05</v>
      </c>
      <c r="E671" s="150">
        <v>78993.03</v>
      </c>
      <c r="F671" s="60"/>
    </row>
    <row r="672" spans="1:6">
      <c r="A672" s="149" t="s">
        <v>2521</v>
      </c>
      <c r="B672" s="149"/>
      <c r="C672" s="150">
        <v>-1650000</v>
      </c>
      <c r="D672" s="150">
        <v>0</v>
      </c>
      <c r="E672" s="150">
        <v>-1650000</v>
      </c>
      <c r="F672" s="60"/>
    </row>
    <row r="673" spans="1:6">
      <c r="A673" s="149" t="s">
        <v>2522</v>
      </c>
      <c r="B673" s="149"/>
      <c r="C673" s="150">
        <v>172707.94</v>
      </c>
      <c r="D673" s="150">
        <v>14717.89</v>
      </c>
      <c r="E673" s="150">
        <v>187425.83000000002</v>
      </c>
      <c r="F673" s="60"/>
    </row>
    <row r="674" spans="1:6">
      <c r="A674" s="149" t="s">
        <v>2523</v>
      </c>
      <c r="B674" s="149"/>
      <c r="C674" s="150">
        <v>69676044.719999999</v>
      </c>
      <c r="D674" s="150">
        <v>8056380.8200000003</v>
      </c>
      <c r="E674" s="150">
        <v>77732425.539999992</v>
      </c>
      <c r="F674" s="60"/>
    </row>
    <row r="675" spans="1:6">
      <c r="A675" s="149" t="s">
        <v>2524</v>
      </c>
      <c r="B675" s="149"/>
      <c r="C675" s="150">
        <v>6830.83</v>
      </c>
      <c r="D675" s="150">
        <v>486.57</v>
      </c>
      <c r="E675" s="150">
        <v>7317.4</v>
      </c>
      <c r="F675" s="60"/>
    </row>
    <row r="676" spans="1:6">
      <c r="A676" s="149" t="s">
        <v>2525</v>
      </c>
      <c r="B676" s="149"/>
      <c r="C676" s="150">
        <v>-35850304.280000001</v>
      </c>
      <c r="D676" s="150">
        <v>5166815.1599999992</v>
      </c>
      <c r="E676" s="150">
        <v>-30683489.120000001</v>
      </c>
      <c r="F676" s="60"/>
    </row>
    <row r="677" spans="1:6">
      <c r="A677" s="149" t="s">
        <v>2526</v>
      </c>
      <c r="B677" s="149"/>
      <c r="C677" s="150">
        <v>-37996576.739999995</v>
      </c>
      <c r="D677" s="150">
        <v>21224721.93</v>
      </c>
      <c r="E677" s="150">
        <v>-16771854.810000001</v>
      </c>
      <c r="F677" s="60"/>
    </row>
    <row r="678" spans="1:6">
      <c r="A678" s="149" t="s">
        <v>2527</v>
      </c>
      <c r="B678" s="149"/>
      <c r="C678" s="150">
        <v>95.94</v>
      </c>
      <c r="D678" s="150">
        <v>0</v>
      </c>
      <c r="E678" s="150">
        <v>95.94</v>
      </c>
      <c r="F678" s="60"/>
    </row>
    <row r="679" spans="1:6">
      <c r="A679" s="149" t="s">
        <v>2528</v>
      </c>
      <c r="B679" s="149"/>
      <c r="C679" s="150">
        <v>5535424.3399999999</v>
      </c>
      <c r="D679" s="150">
        <v>395475.75</v>
      </c>
      <c r="E679" s="150">
        <v>5930900.0899999999</v>
      </c>
      <c r="F679" s="60"/>
    </row>
    <row r="680" spans="1:6">
      <c r="A680" s="149" t="s">
        <v>2529</v>
      </c>
      <c r="B680" s="149"/>
      <c r="C680" s="150">
        <v>214229.73</v>
      </c>
      <c r="D680" s="150">
        <v>19475.43</v>
      </c>
      <c r="E680" s="150">
        <v>233705.16</v>
      </c>
      <c r="F680" s="60"/>
    </row>
    <row r="681" spans="1:6">
      <c r="A681" s="149" t="s">
        <v>2530</v>
      </c>
      <c r="B681" s="149"/>
      <c r="C681" s="150">
        <v>-1405429.73</v>
      </c>
      <c r="D681" s="150">
        <v>-55423.24</v>
      </c>
      <c r="E681" s="150">
        <v>-1460852.97</v>
      </c>
      <c r="F681" s="60"/>
    </row>
    <row r="682" spans="1:6">
      <c r="A682" s="149" t="s">
        <v>2531</v>
      </c>
      <c r="B682" s="149"/>
      <c r="C682" s="150">
        <v>4228138.04</v>
      </c>
      <c r="D682" s="150">
        <v>1117765.46</v>
      </c>
      <c r="E682" s="150">
        <v>5345903.5</v>
      </c>
      <c r="F682" s="60"/>
    </row>
    <row r="683" spans="1:6">
      <c r="A683" s="149" t="s">
        <v>2532</v>
      </c>
      <c r="B683" s="149"/>
      <c r="C683" s="150">
        <v>-12513384.85</v>
      </c>
      <c r="D683" s="150">
        <v>144986.13</v>
      </c>
      <c r="E683" s="150">
        <v>-12368398.720000001</v>
      </c>
      <c r="F683" s="60"/>
    </row>
    <row r="684" spans="1:6">
      <c r="A684" s="149" t="s">
        <v>2533</v>
      </c>
      <c r="B684" s="149"/>
      <c r="C684" s="150">
        <v>640510</v>
      </c>
      <c r="D684" s="150">
        <v>0</v>
      </c>
      <c r="E684" s="150">
        <v>640510</v>
      </c>
      <c r="F684" s="60"/>
    </row>
    <row r="685" spans="1:6">
      <c r="A685" s="149" t="s">
        <v>2534</v>
      </c>
      <c r="B685" s="149"/>
      <c r="C685" s="150">
        <v>129047.76999999999</v>
      </c>
      <c r="D685" s="150">
        <v>12999.09</v>
      </c>
      <c r="E685" s="150">
        <v>142046.86000000002</v>
      </c>
      <c r="F685" s="60"/>
    </row>
    <row r="686" spans="1:6">
      <c r="A686" s="149" t="s">
        <v>2535</v>
      </c>
      <c r="B686" s="149"/>
      <c r="C686" s="150">
        <v>340872.82999999996</v>
      </c>
      <c r="D686" s="150">
        <v>56906.9</v>
      </c>
      <c r="E686" s="150">
        <v>397779.73</v>
      </c>
      <c r="F686" s="60"/>
    </row>
    <row r="687" spans="1:6">
      <c r="A687" s="149" t="s">
        <v>2536</v>
      </c>
      <c r="B687" s="149"/>
      <c r="C687" s="150">
        <v>644286.31000000006</v>
      </c>
      <c r="D687" s="150">
        <v>76514.64</v>
      </c>
      <c r="E687" s="150">
        <v>720800.95000000007</v>
      </c>
      <c r="F687" s="60"/>
    </row>
    <row r="688" spans="1:6">
      <c r="A688" s="149" t="s">
        <v>2537</v>
      </c>
      <c r="B688" s="149"/>
      <c r="C688" s="150">
        <v>95984.31</v>
      </c>
      <c r="D688" s="150">
        <v>47991.360000000001</v>
      </c>
      <c r="E688" s="150">
        <v>143975.66999999998</v>
      </c>
      <c r="F688" s="60"/>
    </row>
    <row r="689" spans="1:6">
      <c r="A689" s="149" t="s">
        <v>2538</v>
      </c>
      <c r="B689" s="149"/>
      <c r="C689" s="150">
        <v>318.08</v>
      </c>
      <c r="D689" s="150">
        <v>0</v>
      </c>
      <c r="E689" s="150">
        <v>318.08</v>
      </c>
      <c r="F689" s="60"/>
    </row>
    <row r="690" spans="1:6">
      <c r="A690" s="149" t="s">
        <v>2539</v>
      </c>
      <c r="B690" s="149"/>
      <c r="C690" s="150">
        <v>29418.74</v>
      </c>
      <c r="D690" s="150">
        <v>0</v>
      </c>
      <c r="E690" s="150">
        <v>29418.74</v>
      </c>
      <c r="F690" s="60"/>
    </row>
    <row r="691" spans="1:6">
      <c r="A691" s="149" t="s">
        <v>2540</v>
      </c>
      <c r="B691" s="149"/>
      <c r="C691" s="150">
        <v>13525.52</v>
      </c>
      <c r="D691" s="150">
        <v>1904.31</v>
      </c>
      <c r="E691" s="150">
        <v>15429.83</v>
      </c>
      <c r="F691" s="60"/>
    </row>
    <row r="692" spans="1:6">
      <c r="A692" s="149" t="s">
        <v>2541</v>
      </c>
      <c r="B692" s="149"/>
      <c r="C692" s="150">
        <v>11820957.970000001</v>
      </c>
      <c r="D692" s="150">
        <v>1156882.4099999999</v>
      </c>
      <c r="E692" s="150">
        <v>12977840.380000001</v>
      </c>
      <c r="F692" s="60"/>
    </row>
    <row r="693" spans="1:6">
      <c r="A693" s="149" t="s">
        <v>2542</v>
      </c>
      <c r="B693" s="149"/>
      <c r="C693" s="150">
        <v>-2318875.4899999998</v>
      </c>
      <c r="D693" s="150">
        <v>-215934.03999999998</v>
      </c>
      <c r="E693" s="150">
        <v>-2534809.5299999998</v>
      </c>
      <c r="F693" s="60"/>
    </row>
    <row r="694" spans="1:6">
      <c r="A694" s="149" t="s">
        <v>2543</v>
      </c>
      <c r="B694" s="149"/>
      <c r="C694" s="150">
        <v>8473513</v>
      </c>
      <c r="D694" s="150">
        <v>751793</v>
      </c>
      <c r="E694" s="150">
        <v>9225306</v>
      </c>
      <c r="F694" s="60"/>
    </row>
    <row r="695" spans="1:6">
      <c r="A695" s="149" t="s">
        <v>2544</v>
      </c>
      <c r="B695" s="149"/>
      <c r="C695" s="150">
        <v>240420461.43000001</v>
      </c>
      <c r="D695" s="150">
        <v>61201527.409999996</v>
      </c>
      <c r="E695" s="150">
        <v>301621988.83999997</v>
      </c>
      <c r="F695" s="60"/>
    </row>
    <row r="696" spans="1:6">
      <c r="A696" s="149" t="s">
        <v>2545</v>
      </c>
      <c r="B696" s="149"/>
      <c r="C696" s="150">
        <v>10158245.149999999</v>
      </c>
      <c r="D696" s="150">
        <v>682957.06</v>
      </c>
      <c r="E696" s="150">
        <v>10841202.209999999</v>
      </c>
      <c r="F696" s="60"/>
    </row>
    <row r="697" spans="1:6">
      <c r="A697" s="149" t="s">
        <v>2546</v>
      </c>
      <c r="B697" s="149"/>
      <c r="C697" s="150">
        <v>1212585.46</v>
      </c>
      <c r="D697" s="150">
        <v>113865.14</v>
      </c>
      <c r="E697" s="150">
        <v>1326450.6000000001</v>
      </c>
      <c r="F697" s="60"/>
    </row>
    <row r="698" spans="1:6">
      <c r="A698" s="149" t="s">
        <v>2547</v>
      </c>
      <c r="B698" s="149"/>
      <c r="C698" s="150">
        <v>482462.79</v>
      </c>
      <c r="D698" s="150">
        <v>36417.119999999995</v>
      </c>
      <c r="E698" s="150">
        <v>518879.91</v>
      </c>
      <c r="F698" s="60"/>
    </row>
    <row r="699" spans="1:6">
      <c r="A699" s="149" t="s">
        <v>2548</v>
      </c>
      <c r="B699" s="149"/>
      <c r="C699" s="150">
        <v>159299.01999999999</v>
      </c>
      <c r="D699" s="150">
        <v>13990.77</v>
      </c>
      <c r="E699" s="150">
        <v>173289.78999999998</v>
      </c>
      <c r="F699" s="60"/>
    </row>
    <row r="700" spans="1:6">
      <c r="A700" s="149" t="s">
        <v>2549</v>
      </c>
      <c r="B700" s="149"/>
      <c r="C700" s="150">
        <v>3407148.28</v>
      </c>
      <c r="D700" s="150">
        <v>317929.58</v>
      </c>
      <c r="E700" s="150">
        <v>3725077.86</v>
      </c>
      <c r="F700" s="60"/>
    </row>
    <row r="701" spans="1:6">
      <c r="A701" s="149" t="s">
        <v>2550</v>
      </c>
      <c r="B701" s="149"/>
      <c r="C701" s="150">
        <v>13804128.059999999</v>
      </c>
      <c r="D701" s="150">
        <v>982626</v>
      </c>
      <c r="E701" s="150">
        <v>14786754.060000001</v>
      </c>
      <c r="F701" s="60"/>
    </row>
    <row r="702" spans="1:6">
      <c r="A702" s="149" t="s">
        <v>2551</v>
      </c>
      <c r="B702" s="149"/>
      <c r="C702" s="150">
        <v>29223868.760000002</v>
      </c>
      <c r="D702" s="150">
        <v>2147785.67</v>
      </c>
      <c r="E702" s="150">
        <v>31371654.43</v>
      </c>
      <c r="F702" s="60"/>
    </row>
    <row r="703" spans="1:6">
      <c r="A703" s="149" t="s">
        <v>2552</v>
      </c>
      <c r="B703" s="149"/>
      <c r="C703" s="150">
        <v>119287.79</v>
      </c>
      <c r="D703" s="150">
        <v>10622.73</v>
      </c>
      <c r="E703" s="150">
        <v>129910.51999999999</v>
      </c>
      <c r="F703" s="60"/>
    </row>
    <row r="704" spans="1:6">
      <c r="A704" s="149" t="s">
        <v>2553</v>
      </c>
      <c r="B704" s="149"/>
      <c r="C704" s="150">
        <v>959372.77</v>
      </c>
      <c r="D704" s="150">
        <v>88509.08</v>
      </c>
      <c r="E704" s="150">
        <v>1047881.8500000001</v>
      </c>
      <c r="F704" s="60"/>
    </row>
    <row r="705" spans="1:6">
      <c r="A705" s="149" t="s">
        <v>2554</v>
      </c>
      <c r="B705" s="149"/>
      <c r="C705" s="150">
        <v>12224169.110000001</v>
      </c>
      <c r="D705" s="150">
        <v>1506634.93</v>
      </c>
      <c r="E705" s="150">
        <v>13730804.039999999</v>
      </c>
      <c r="F705" s="60"/>
    </row>
    <row r="706" spans="1:6">
      <c r="A706" s="149" t="s">
        <v>2555</v>
      </c>
      <c r="B706" s="149"/>
      <c r="C706" s="150">
        <v>15542476.529999999</v>
      </c>
      <c r="D706" s="150">
        <v>1604500.6300000001</v>
      </c>
      <c r="E706" s="150">
        <v>17146977.16</v>
      </c>
      <c r="F706" s="60"/>
    </row>
    <row r="707" spans="1:6">
      <c r="A707" s="149" t="s">
        <v>2556</v>
      </c>
      <c r="B707" s="149"/>
      <c r="C707" s="150">
        <v>9561902.6500000004</v>
      </c>
      <c r="D707" s="150">
        <v>938478.91</v>
      </c>
      <c r="E707" s="150">
        <v>10500381.559999999</v>
      </c>
      <c r="F707" s="60"/>
    </row>
    <row r="708" spans="1:6">
      <c r="A708" s="149" t="s">
        <v>2557</v>
      </c>
      <c r="B708" s="149"/>
      <c r="C708" s="150">
        <v>12204243.01</v>
      </c>
      <c r="D708" s="150">
        <v>1327934.53</v>
      </c>
      <c r="E708" s="150">
        <v>13532177.540000001</v>
      </c>
      <c r="F708" s="60"/>
    </row>
    <row r="709" spans="1:6">
      <c r="A709" s="149" t="s">
        <v>2558</v>
      </c>
      <c r="B709" s="149"/>
      <c r="C709" s="150">
        <v>555807.43000000005</v>
      </c>
      <c r="D709" s="150">
        <v>50261.46</v>
      </c>
      <c r="E709" s="150">
        <v>606068.8899999999</v>
      </c>
      <c r="F709" s="60"/>
    </row>
    <row r="710" spans="1:6">
      <c r="A710" s="149" t="s">
        <v>2559</v>
      </c>
      <c r="B710" s="149"/>
      <c r="C710" s="150">
        <v>40376711.299999997</v>
      </c>
      <c r="D710" s="150">
        <v>13299170.359999999</v>
      </c>
      <c r="E710" s="150">
        <v>53675881.659999996</v>
      </c>
      <c r="F710" s="60"/>
    </row>
    <row r="711" spans="1:6">
      <c r="A711" s="149" t="s">
        <v>2560</v>
      </c>
      <c r="B711" s="149"/>
      <c r="C711" s="150">
        <v>739542.83000000007</v>
      </c>
      <c r="D711" s="150">
        <v>5486.5300000000007</v>
      </c>
      <c r="E711" s="150">
        <v>745029.36</v>
      </c>
      <c r="F711" s="60"/>
    </row>
    <row r="712" spans="1:6">
      <c r="A712" s="149" t="s">
        <v>2561</v>
      </c>
      <c r="B712" s="149"/>
      <c r="C712" s="150">
        <v>15189.51</v>
      </c>
      <c r="D712" s="150">
        <v>720.90000000000009</v>
      </c>
      <c r="E712" s="150">
        <v>15910.41</v>
      </c>
      <c r="F712" s="60"/>
    </row>
    <row r="713" spans="1:6">
      <c r="A713" s="149" t="s">
        <v>2562</v>
      </c>
      <c r="B713" s="149"/>
      <c r="C713" s="150">
        <v>92298702.930000007</v>
      </c>
      <c r="D713" s="150">
        <v>18832320.060000002</v>
      </c>
      <c r="E713" s="150">
        <v>111131022.98999999</v>
      </c>
      <c r="F713" s="60"/>
    </row>
    <row r="714" spans="1:6">
      <c r="A714" s="149" t="s">
        <v>2563</v>
      </c>
      <c r="B714" s="149"/>
      <c r="C714" s="150">
        <v>1000.0000000000001</v>
      </c>
      <c r="D714" s="150">
        <v>0</v>
      </c>
      <c r="E714" s="150">
        <v>1000.0000000000001</v>
      </c>
      <c r="F714" s="60"/>
    </row>
    <row r="715" spans="1:6">
      <c r="A715" s="149" t="s">
        <v>2564</v>
      </c>
      <c r="B715" s="149"/>
      <c r="C715" s="150">
        <v>144279.44999999998</v>
      </c>
      <c r="D715" s="150">
        <v>0</v>
      </c>
      <c r="E715" s="150">
        <v>144279.44999999998</v>
      </c>
      <c r="F715" s="60"/>
    </row>
    <row r="716" spans="1:6">
      <c r="A716" s="149" t="s">
        <v>2565</v>
      </c>
      <c r="B716" s="149"/>
      <c r="C716" s="150">
        <v>328876.37</v>
      </c>
      <c r="D716" s="150">
        <v>50927.55</v>
      </c>
      <c r="E716" s="150">
        <v>379803.92</v>
      </c>
      <c r="F716" s="60"/>
    </row>
    <row r="717" spans="1:6">
      <c r="A717" s="149" t="s">
        <v>2566</v>
      </c>
      <c r="B717" s="149"/>
      <c r="C717" s="150">
        <v>2026206.7900000003</v>
      </c>
      <c r="D717" s="150">
        <v>178338.5</v>
      </c>
      <c r="E717" s="150">
        <v>2204545.29</v>
      </c>
      <c r="F717" s="60"/>
    </row>
    <row r="718" spans="1:6">
      <c r="A718" s="149" t="s">
        <v>2567</v>
      </c>
      <c r="B718" s="149"/>
      <c r="C718" s="150">
        <v>93150091.420000002</v>
      </c>
      <c r="D718" s="150">
        <v>9919386.5899999999</v>
      </c>
      <c r="E718" s="150">
        <v>103069478.01000001</v>
      </c>
      <c r="F718" s="60"/>
    </row>
    <row r="719" spans="1:6">
      <c r="A719" s="149" t="s">
        <v>2568</v>
      </c>
      <c r="B719" s="149"/>
      <c r="C719" s="150">
        <v>-8512071.1099999994</v>
      </c>
      <c r="D719" s="150">
        <v>-3171776.87</v>
      </c>
      <c r="E719" s="150">
        <v>-11683847.98</v>
      </c>
      <c r="F719" s="60"/>
    </row>
    <row r="720" spans="1:6">
      <c r="A720" s="149" t="s">
        <v>2569</v>
      </c>
      <c r="B720" s="149"/>
      <c r="C720" s="150">
        <v>4957391</v>
      </c>
      <c r="D720" s="150">
        <v>405617</v>
      </c>
      <c r="E720" s="150">
        <v>5363008</v>
      </c>
      <c r="F720" s="60"/>
    </row>
    <row r="721" spans="1:6">
      <c r="A721" s="149" t="s">
        <v>2570</v>
      </c>
      <c r="B721" s="149"/>
      <c r="C721" s="150">
        <v>685054.13</v>
      </c>
      <c r="D721" s="150">
        <v>16102.410000000002</v>
      </c>
      <c r="E721" s="150">
        <v>701156.53999999992</v>
      </c>
      <c r="F721" s="60"/>
    </row>
    <row r="722" spans="1:6">
      <c r="A722" s="149" t="s">
        <v>2571</v>
      </c>
      <c r="B722" s="149"/>
      <c r="C722" s="150">
        <v>92780828.049999997</v>
      </c>
      <c r="D722" s="150">
        <v>7398595.1799999997</v>
      </c>
      <c r="E722" s="150">
        <v>100179423.22999999</v>
      </c>
      <c r="F722" s="60"/>
    </row>
    <row r="723" spans="1:6">
      <c r="A723" s="149" t="s">
        <v>2572</v>
      </c>
      <c r="B723" s="149"/>
      <c r="C723" s="150">
        <v>1224362.28</v>
      </c>
      <c r="D723" s="150">
        <v>101864.86</v>
      </c>
      <c r="E723" s="150">
        <v>1326227.1400000001</v>
      </c>
      <c r="F723" s="60"/>
    </row>
    <row r="724" spans="1:6">
      <c r="A724" s="149" t="s">
        <v>2573</v>
      </c>
      <c r="B724" s="149"/>
      <c r="C724" s="150">
        <v>3086565.94</v>
      </c>
      <c r="D724" s="150">
        <v>317840.64999999997</v>
      </c>
      <c r="E724" s="150">
        <v>3404406.59</v>
      </c>
      <c r="F724" s="60"/>
    </row>
    <row r="725" spans="1:6">
      <c r="A725" s="149" t="s">
        <v>2574</v>
      </c>
      <c r="B725" s="149"/>
      <c r="C725" s="150">
        <v>239659.27</v>
      </c>
      <c r="D725" s="150">
        <v>6694.66</v>
      </c>
      <c r="E725" s="150">
        <v>246353.93000000002</v>
      </c>
      <c r="F725" s="60"/>
    </row>
    <row r="726" spans="1:6">
      <c r="A726" s="149" t="s">
        <v>2575</v>
      </c>
      <c r="B726" s="149"/>
      <c r="C726" s="150">
        <v>4362979.0699999994</v>
      </c>
      <c r="D726" s="150">
        <v>33768.74</v>
      </c>
      <c r="E726" s="150">
        <v>4396747.8100000005</v>
      </c>
      <c r="F726" s="60"/>
    </row>
    <row r="727" spans="1:6">
      <c r="A727" s="149" t="s">
        <v>2576</v>
      </c>
      <c r="B727" s="149"/>
      <c r="C727" s="150">
        <v>460201.57</v>
      </c>
      <c r="D727" s="150">
        <v>22024.880000000001</v>
      </c>
      <c r="E727" s="150">
        <v>482226.45</v>
      </c>
      <c r="F727" s="60"/>
    </row>
    <row r="728" spans="1:6">
      <c r="A728" s="149" t="s">
        <v>2577</v>
      </c>
      <c r="B728" s="149"/>
      <c r="C728" s="150">
        <v>3542042.81</v>
      </c>
      <c r="D728" s="150">
        <v>313258.41000000003</v>
      </c>
      <c r="E728" s="150">
        <v>3855301.22</v>
      </c>
      <c r="F728" s="60"/>
    </row>
    <row r="729" spans="1:6">
      <c r="A729" s="149" t="s">
        <v>2578</v>
      </c>
      <c r="B729" s="149"/>
      <c r="C729" s="150">
        <v>122654.27</v>
      </c>
      <c r="D729" s="150">
        <v>10271.519999999999</v>
      </c>
      <c r="E729" s="150">
        <v>132925.78999999998</v>
      </c>
      <c r="F729" s="60"/>
    </row>
    <row r="730" spans="1:6">
      <c r="A730" s="149" t="s">
        <v>2579</v>
      </c>
      <c r="B730" s="149"/>
      <c r="C730" s="150">
        <v>5514454.0200000005</v>
      </c>
      <c r="D730" s="150">
        <v>631177.41</v>
      </c>
      <c r="E730" s="150">
        <v>6145631.4300000006</v>
      </c>
      <c r="F730" s="60"/>
    </row>
    <row r="731" spans="1:6">
      <c r="A731" s="149" t="s">
        <v>2580</v>
      </c>
      <c r="B731" s="149"/>
      <c r="C731" s="150">
        <v>3800586.9899999998</v>
      </c>
      <c r="D731" s="150">
        <v>486086.16000000003</v>
      </c>
      <c r="E731" s="150">
        <v>4286673.1500000004</v>
      </c>
      <c r="F731" s="60"/>
    </row>
    <row r="732" spans="1:6">
      <c r="A732" s="149" t="s">
        <v>2581</v>
      </c>
      <c r="B732" s="149"/>
      <c r="C732" s="150">
        <v>25540308.809999999</v>
      </c>
      <c r="D732" s="150">
        <v>51056.17</v>
      </c>
      <c r="E732" s="150">
        <v>25591364.98</v>
      </c>
      <c r="F732" s="60"/>
    </row>
    <row r="733" spans="1:6">
      <c r="A733" s="149" t="s">
        <v>2582</v>
      </c>
      <c r="B733" s="149"/>
      <c r="C733" s="150">
        <v>-2000955.97</v>
      </c>
      <c r="D733" s="150">
        <v>0</v>
      </c>
      <c r="E733" s="150">
        <v>-2000955.97</v>
      </c>
      <c r="F733" s="60"/>
    </row>
    <row r="734" spans="1:6">
      <c r="A734" s="149" t="s">
        <v>2583</v>
      </c>
      <c r="B734" s="149"/>
      <c r="C734" s="150">
        <v>2087195.7200000002</v>
      </c>
      <c r="D734" s="150">
        <v>163391.35</v>
      </c>
      <c r="E734" s="150">
        <v>2250587.0699999998</v>
      </c>
      <c r="F734" s="60"/>
    </row>
    <row r="735" spans="1:6">
      <c r="A735" s="149" t="s">
        <v>2584</v>
      </c>
      <c r="B735" s="149"/>
      <c r="C735" s="150">
        <v>47980054.779999994</v>
      </c>
      <c r="D735" s="150">
        <v>2137434.81</v>
      </c>
      <c r="E735" s="150">
        <v>50117489.590000004</v>
      </c>
      <c r="F735" s="60"/>
    </row>
    <row r="736" spans="1:6">
      <c r="A736" s="149" t="s">
        <v>2585</v>
      </c>
      <c r="B736" s="149"/>
      <c r="C736" s="150">
        <v>-272315.10000000003</v>
      </c>
      <c r="D736" s="150">
        <v>-1293307.05</v>
      </c>
      <c r="E736" s="150">
        <v>-1565622.1500000001</v>
      </c>
      <c r="F736" s="60"/>
    </row>
    <row r="737" spans="1:6">
      <c r="A737" s="149" t="s">
        <v>2586</v>
      </c>
      <c r="B737" s="149"/>
      <c r="C737" s="150">
        <v>-272315.10000000003</v>
      </c>
      <c r="D737" s="150">
        <v>-1293307.05</v>
      </c>
      <c r="E737" s="150">
        <v>-1565622.1500000001</v>
      </c>
      <c r="F737" s="60"/>
    </row>
    <row r="738" spans="1:6">
      <c r="A738" s="149" t="s">
        <v>2587</v>
      </c>
      <c r="B738" s="149"/>
      <c r="C738" s="150">
        <v>2137303.8499999996</v>
      </c>
      <c r="D738" s="150">
        <v>223866.26</v>
      </c>
      <c r="E738" s="150">
        <v>2361170.11</v>
      </c>
      <c r="F738" s="60"/>
    </row>
    <row r="739" spans="1:6">
      <c r="A739" s="149" t="s">
        <v>2588</v>
      </c>
      <c r="B739" s="149"/>
      <c r="C739" s="150">
        <v>98906.76999999999</v>
      </c>
      <c r="D739" s="150">
        <v>-13097.36</v>
      </c>
      <c r="E739" s="150">
        <v>85809.41</v>
      </c>
      <c r="F739" s="60"/>
    </row>
    <row r="740" spans="1:6">
      <c r="A740" s="149" t="s">
        <v>2589</v>
      </c>
      <c r="B740" s="149"/>
      <c r="C740" s="150">
        <v>2236210.6199999996</v>
      </c>
      <c r="D740" s="150">
        <v>210768.9</v>
      </c>
      <c r="E740" s="150">
        <v>2446979.52</v>
      </c>
      <c r="F740" s="60"/>
    </row>
    <row r="741" spans="1:6">
      <c r="A741" s="149" t="s">
        <v>2590</v>
      </c>
      <c r="B741" s="149"/>
      <c r="C741" s="150">
        <v>12281872.82</v>
      </c>
      <c r="D741" s="150">
        <v>1602953.94</v>
      </c>
      <c r="E741" s="150">
        <v>13884826.76</v>
      </c>
      <c r="F741" s="60"/>
    </row>
    <row r="742" spans="1:6">
      <c r="A742" s="149" t="s">
        <v>2591</v>
      </c>
      <c r="B742" s="149"/>
      <c r="C742" s="150">
        <v>135668.43000000002</v>
      </c>
      <c r="D742" s="150">
        <v>55068.73</v>
      </c>
      <c r="E742" s="150">
        <v>190737.16</v>
      </c>
      <c r="F742" s="60"/>
    </row>
    <row r="743" spans="1:6">
      <c r="A743" s="149" t="s">
        <v>2592</v>
      </c>
      <c r="B743" s="149"/>
      <c r="C743" s="150">
        <v>78643.8</v>
      </c>
      <c r="D743" s="150">
        <v>5606.66</v>
      </c>
      <c r="E743" s="150">
        <v>84250.46</v>
      </c>
      <c r="F743" s="60"/>
    </row>
    <row r="744" spans="1:6">
      <c r="A744" s="149" t="s">
        <v>2593</v>
      </c>
      <c r="B744" s="149"/>
      <c r="C744" s="150">
        <v>12496185.049999999</v>
      </c>
      <c r="D744" s="150">
        <v>1663629.33</v>
      </c>
      <c r="E744" s="150">
        <v>14159814.379999999</v>
      </c>
      <c r="F744" s="60"/>
    </row>
    <row r="745" spans="1:6">
      <c r="A745" s="149" t="s">
        <v>2594</v>
      </c>
      <c r="B745" s="149"/>
      <c r="C745" s="150">
        <v>4889737.22</v>
      </c>
      <c r="D745" s="150">
        <v>-400066.87</v>
      </c>
      <c r="E745" s="150">
        <v>4489670.3499999996</v>
      </c>
      <c r="F745" s="60"/>
    </row>
    <row r="746" spans="1:6">
      <c r="A746" s="149" t="s">
        <v>2595</v>
      </c>
      <c r="B746" s="149"/>
      <c r="C746" s="150">
        <v>14.159999999999998</v>
      </c>
      <c r="D746" s="150">
        <v>0</v>
      </c>
      <c r="E746" s="150">
        <v>14.159999999999998</v>
      </c>
      <c r="F746" s="60"/>
    </row>
    <row r="747" spans="1:6">
      <c r="A747" s="149" t="s">
        <v>2596</v>
      </c>
      <c r="B747" s="149"/>
      <c r="C747" s="150">
        <v>634052.19999999995</v>
      </c>
      <c r="D747" s="150">
        <v>61638.37</v>
      </c>
      <c r="E747" s="150">
        <v>695690.57000000007</v>
      </c>
      <c r="F747" s="60"/>
    </row>
    <row r="748" spans="1:6">
      <c r="A748" s="149" t="s">
        <v>2597</v>
      </c>
      <c r="B748" s="149"/>
      <c r="C748" s="150">
        <v>0</v>
      </c>
      <c r="D748" s="150">
        <v>0</v>
      </c>
      <c r="E748" s="150">
        <v>0</v>
      </c>
      <c r="F748" s="60"/>
    </row>
    <row r="749" spans="1:6">
      <c r="A749" s="149" t="s">
        <v>2598</v>
      </c>
      <c r="B749" s="149"/>
      <c r="C749" s="150">
        <v>-1830984.28</v>
      </c>
      <c r="D749" s="150">
        <v>-232022.47999999998</v>
      </c>
      <c r="E749" s="150">
        <v>-2063006.7599999998</v>
      </c>
      <c r="F749" s="60"/>
    </row>
    <row r="750" spans="1:6">
      <c r="A750" s="149" t="s">
        <v>2599</v>
      </c>
      <c r="B750" s="149"/>
      <c r="C750" s="150">
        <v>2186171.8600000003</v>
      </c>
      <c r="D750" s="150">
        <v>256802.81</v>
      </c>
      <c r="E750" s="150">
        <v>2442974.67</v>
      </c>
      <c r="F750" s="60"/>
    </row>
    <row r="751" spans="1:6">
      <c r="A751" s="149" t="s">
        <v>2600</v>
      </c>
      <c r="B751" s="149"/>
      <c r="C751" s="150">
        <v>6593357.6299999999</v>
      </c>
      <c r="D751" s="150">
        <v>578359.54</v>
      </c>
      <c r="E751" s="150">
        <v>7171717.1699999999</v>
      </c>
      <c r="F751" s="60"/>
    </row>
    <row r="752" spans="1:6">
      <c r="A752" s="149" t="s">
        <v>2601</v>
      </c>
      <c r="B752" s="149"/>
      <c r="C752" s="150">
        <v>-3239677.98</v>
      </c>
      <c r="D752" s="150">
        <v>-456422.10000000003</v>
      </c>
      <c r="E752" s="150">
        <v>-3696100.08</v>
      </c>
      <c r="F752" s="60"/>
    </row>
    <row r="753" spans="1:6">
      <c r="A753" s="149" t="s">
        <v>2602</v>
      </c>
      <c r="B753" s="149"/>
      <c r="C753" s="150">
        <v>422632.02</v>
      </c>
      <c r="D753" s="150">
        <v>31959.919999999998</v>
      </c>
      <c r="E753" s="150">
        <v>454591.94</v>
      </c>
      <c r="F753" s="60"/>
    </row>
    <row r="754" spans="1:6">
      <c r="A754" s="149" t="s">
        <v>2603</v>
      </c>
      <c r="B754" s="149"/>
      <c r="C754" s="150">
        <v>1070975.21</v>
      </c>
      <c r="D754" s="150">
        <v>0</v>
      </c>
      <c r="E754" s="150">
        <v>1070975.21</v>
      </c>
      <c r="F754" s="60"/>
    </row>
    <row r="755" spans="1:6">
      <c r="A755" s="149" t="s">
        <v>2604</v>
      </c>
      <c r="B755" s="149"/>
      <c r="C755" s="150">
        <v>-195.57</v>
      </c>
      <c r="D755" s="150">
        <v>0</v>
      </c>
      <c r="E755" s="150">
        <v>-195.57</v>
      </c>
      <c r="F755" s="60"/>
    </row>
    <row r="756" spans="1:6">
      <c r="A756" s="149" t="s">
        <v>2605</v>
      </c>
      <c r="B756" s="149"/>
      <c r="C756" s="150">
        <v>62219.450000000004</v>
      </c>
      <c r="D756" s="150">
        <v>5335.84</v>
      </c>
      <c r="E756" s="150">
        <v>67555.290000000008</v>
      </c>
      <c r="F756" s="60"/>
    </row>
    <row r="757" spans="1:6">
      <c r="A757" s="149" t="s">
        <v>2606</v>
      </c>
      <c r="B757" s="149"/>
      <c r="C757" s="150">
        <v>4439460.97</v>
      </c>
      <c r="D757" s="150">
        <v>412818.8</v>
      </c>
      <c r="E757" s="150">
        <v>4852279.7700000005</v>
      </c>
      <c r="F757" s="60"/>
    </row>
    <row r="758" spans="1:6">
      <c r="A758" s="149" t="s">
        <v>2607</v>
      </c>
      <c r="B758" s="149"/>
      <c r="C758" s="150">
        <v>181391.27</v>
      </c>
      <c r="D758" s="150">
        <v>19936.919999999998</v>
      </c>
      <c r="E758" s="150">
        <v>201328.19</v>
      </c>
      <c r="F758" s="60"/>
    </row>
    <row r="759" spans="1:6">
      <c r="A759" s="149" t="s">
        <v>2608</v>
      </c>
      <c r="B759" s="149"/>
      <c r="C759" s="150">
        <v>15409154.16</v>
      </c>
      <c r="D759" s="150">
        <v>278340.75</v>
      </c>
      <c r="E759" s="150">
        <v>15687494.91</v>
      </c>
      <c r="F759" s="60"/>
    </row>
    <row r="760" spans="1:6">
      <c r="A760" s="149" t="s">
        <v>2609</v>
      </c>
      <c r="B760" s="149"/>
      <c r="C760" s="150">
        <v>29776.25</v>
      </c>
      <c r="D760" s="150">
        <v>1750.47</v>
      </c>
      <c r="E760" s="150">
        <v>31526.720000000001</v>
      </c>
      <c r="F760" s="60"/>
    </row>
    <row r="761" spans="1:6">
      <c r="A761" s="149" t="s">
        <v>2610</v>
      </c>
      <c r="B761" s="149"/>
      <c r="C761" s="150">
        <v>4409385.58</v>
      </c>
      <c r="D761" s="150">
        <v>1185156.76</v>
      </c>
      <c r="E761" s="150">
        <v>5594542.3399999999</v>
      </c>
      <c r="F761" s="60"/>
    </row>
    <row r="762" spans="1:6">
      <c r="A762" s="149" t="s">
        <v>2611</v>
      </c>
      <c r="B762" s="149"/>
      <c r="C762" s="150">
        <v>3160737.4699999997</v>
      </c>
      <c r="D762" s="150">
        <v>269320.81</v>
      </c>
      <c r="E762" s="150">
        <v>3430058.28</v>
      </c>
      <c r="F762" s="60"/>
    </row>
    <row r="763" spans="1:6">
      <c r="A763" s="149" t="s">
        <v>2612</v>
      </c>
      <c r="B763" s="149"/>
      <c r="C763" s="150">
        <v>1264479.8799999999</v>
      </c>
      <c r="D763" s="150">
        <v>124084.05</v>
      </c>
      <c r="E763" s="150">
        <v>1388563.93</v>
      </c>
      <c r="F763" s="60"/>
    </row>
    <row r="764" spans="1:6">
      <c r="A764" s="149" t="s">
        <v>2613</v>
      </c>
      <c r="B764" s="149"/>
      <c r="C764" s="150">
        <v>288587.5</v>
      </c>
      <c r="D764" s="150">
        <v>27518.59</v>
      </c>
      <c r="E764" s="150">
        <v>316106.08999999997</v>
      </c>
      <c r="F764" s="60"/>
    </row>
    <row r="765" spans="1:6">
      <c r="A765" s="149" t="s">
        <v>2614</v>
      </c>
      <c r="B765" s="149"/>
      <c r="C765" s="150">
        <v>-354615.24</v>
      </c>
      <c r="D765" s="150">
        <v>-14072.3</v>
      </c>
      <c r="E765" s="150">
        <v>-368687.54</v>
      </c>
      <c r="F765" s="60"/>
    </row>
    <row r="766" spans="1:6">
      <c r="A766" s="149" t="s">
        <v>2615</v>
      </c>
      <c r="B766" s="149"/>
      <c r="C766" s="150">
        <v>1334569.6300000001</v>
      </c>
      <c r="D766" s="150">
        <v>0</v>
      </c>
      <c r="E766" s="150">
        <v>1334569.6300000001</v>
      </c>
      <c r="F766" s="60"/>
    </row>
    <row r="767" spans="1:6">
      <c r="A767" s="149" t="s">
        <v>2616</v>
      </c>
      <c r="B767" s="149"/>
      <c r="C767" s="150">
        <v>898769.2</v>
      </c>
      <c r="D767" s="150">
        <v>52768.01</v>
      </c>
      <c r="E767" s="150">
        <v>951537.21</v>
      </c>
      <c r="F767" s="60"/>
    </row>
    <row r="768" spans="1:6">
      <c r="A768" s="149" t="s">
        <v>2617</v>
      </c>
      <c r="B768" s="149"/>
      <c r="C768" s="150">
        <v>-374538.84</v>
      </c>
      <c r="D768" s="150">
        <v>-172563.14</v>
      </c>
      <c r="E768" s="150">
        <v>-547101.98</v>
      </c>
      <c r="F768" s="60"/>
    </row>
    <row r="769" spans="1:6">
      <c r="A769" s="149" t="s">
        <v>2618</v>
      </c>
      <c r="B769" s="149"/>
      <c r="C769" s="150">
        <v>1358713.41</v>
      </c>
      <c r="D769" s="150">
        <v>30246.76</v>
      </c>
      <c r="E769" s="150">
        <v>1388960.1700000002</v>
      </c>
      <c r="F769" s="60"/>
    </row>
    <row r="770" spans="1:6">
      <c r="A770" s="149" t="s">
        <v>2619</v>
      </c>
      <c r="B770" s="149"/>
      <c r="C770" s="150">
        <v>1433698.23</v>
      </c>
      <c r="D770" s="150">
        <v>-104852.23</v>
      </c>
      <c r="E770" s="150">
        <v>1328846</v>
      </c>
      <c r="F770" s="60"/>
    </row>
    <row r="771" spans="1:6">
      <c r="A771" s="149" t="s">
        <v>2620</v>
      </c>
      <c r="B771" s="149"/>
      <c r="C771" s="150">
        <v>7155053.7300000004</v>
      </c>
      <c r="D771" s="150">
        <v>742220.94000000006</v>
      </c>
      <c r="E771" s="150">
        <v>7897274.6699999999</v>
      </c>
      <c r="F771" s="60"/>
    </row>
    <row r="772" spans="1:6">
      <c r="A772" s="149" t="s">
        <v>2621</v>
      </c>
      <c r="B772" s="149"/>
      <c r="C772" s="150">
        <v>4421737.09</v>
      </c>
      <c r="D772" s="150">
        <v>245356.97</v>
      </c>
      <c r="E772" s="150">
        <v>4667094.0599999996</v>
      </c>
      <c r="F772" s="60"/>
    </row>
    <row r="773" spans="1:6">
      <c r="A773" s="149" t="s">
        <v>2622</v>
      </c>
      <c r="B773" s="149"/>
      <c r="C773" s="150">
        <v>33233.01</v>
      </c>
      <c r="D773" s="150">
        <v>1247.79</v>
      </c>
      <c r="E773" s="150">
        <v>34480.799999999996</v>
      </c>
      <c r="F773" s="60"/>
    </row>
    <row r="774" spans="1:6">
      <c r="A774" s="149" t="s">
        <v>2623</v>
      </c>
      <c r="B774" s="149"/>
      <c r="C774" s="150">
        <v>400105.38</v>
      </c>
      <c r="D774" s="150">
        <v>1026.6399999999999</v>
      </c>
      <c r="E774" s="150">
        <v>401132.02</v>
      </c>
      <c r="F774" s="60"/>
    </row>
    <row r="775" spans="1:6">
      <c r="A775" s="149" t="s">
        <v>2624</v>
      </c>
      <c r="B775" s="149"/>
      <c r="C775" s="150">
        <v>25459692.280000001</v>
      </c>
      <c r="D775" s="150">
        <v>2389210.12</v>
      </c>
      <c r="E775" s="150">
        <v>27848902.399999999</v>
      </c>
      <c r="F775" s="60"/>
    </row>
    <row r="776" spans="1:6">
      <c r="A776" s="149" t="s">
        <v>2625</v>
      </c>
      <c r="B776" s="149"/>
      <c r="C776" s="150">
        <v>558032842.96000004</v>
      </c>
      <c r="D776" s="150">
        <v>94966305.180000007</v>
      </c>
      <c r="E776" s="150">
        <v>652999148.13999999</v>
      </c>
      <c r="F776" s="60"/>
    </row>
    <row r="777" spans="1:6">
      <c r="A777" s="149" t="s">
        <v>2626</v>
      </c>
      <c r="B777" s="149"/>
      <c r="C777" s="150"/>
      <c r="D777" s="150">
        <v>215.92000000000002</v>
      </c>
      <c r="E777" s="150">
        <v>215.92000000000002</v>
      </c>
      <c r="F777" s="60"/>
    </row>
    <row r="778" spans="1:6">
      <c r="A778" s="149" t="s">
        <v>2627</v>
      </c>
      <c r="B778" s="149"/>
      <c r="C778" s="150">
        <v>1</v>
      </c>
      <c r="D778" s="150">
        <v>0</v>
      </c>
      <c r="E778" s="150">
        <v>1</v>
      </c>
      <c r="F778" s="60"/>
    </row>
    <row r="779" spans="1:6">
      <c r="A779" s="149" t="s">
        <v>2628</v>
      </c>
      <c r="B779" s="149"/>
      <c r="C779" s="150">
        <v>5500</v>
      </c>
      <c r="D779" s="150">
        <v>0</v>
      </c>
      <c r="E779" s="150">
        <v>5500</v>
      </c>
      <c r="F779" s="60"/>
    </row>
    <row r="780" spans="1:6">
      <c r="A780" s="149" t="s">
        <v>2629</v>
      </c>
      <c r="B780" s="149"/>
      <c r="C780" s="150">
        <v>5501</v>
      </c>
      <c r="D780" s="150">
        <v>215.92</v>
      </c>
      <c r="E780" s="150">
        <v>5716.9199999999992</v>
      </c>
      <c r="F780" s="60"/>
    </row>
    <row r="781" spans="1:6">
      <c r="A781" s="149" t="s">
        <v>2630</v>
      </c>
      <c r="B781" s="149"/>
      <c r="C781" s="150">
        <v>3797288184.0599999</v>
      </c>
      <c r="D781" s="150">
        <v>361481867.08000004</v>
      </c>
      <c r="E781" s="150">
        <v>4158770051.1400003</v>
      </c>
      <c r="F781" s="60"/>
    </row>
    <row r="782" spans="1:6">
      <c r="A782" s="149" t="s">
        <v>2631</v>
      </c>
      <c r="B782" s="149"/>
      <c r="C782" s="150">
        <v>760867235.56000006</v>
      </c>
      <c r="D782" s="150">
        <v>71578311.890000001</v>
      </c>
      <c r="E782" s="150">
        <v>832445547.44999993</v>
      </c>
      <c r="F782" s="60"/>
    </row>
    <row r="783" spans="1:6">
      <c r="A783" s="149" t="s">
        <v>2632</v>
      </c>
      <c r="B783" s="149"/>
      <c r="C783" s="150">
        <v>-42713</v>
      </c>
      <c r="D783" s="150">
        <v>-3883</v>
      </c>
      <c r="E783" s="150">
        <v>-46596</v>
      </c>
      <c r="F783" s="60"/>
    </row>
    <row r="784" spans="1:6">
      <c r="A784" s="149" t="s">
        <v>2633</v>
      </c>
      <c r="B784" s="149"/>
      <c r="C784" s="150">
        <v>760824522.55999994</v>
      </c>
      <c r="D784" s="150">
        <v>71574428.890000001</v>
      </c>
      <c r="E784" s="150">
        <v>832398951.44999993</v>
      </c>
      <c r="F784" s="60"/>
    </row>
    <row r="785" spans="1:6">
      <c r="A785" s="149" t="s">
        <v>2634</v>
      </c>
      <c r="B785" s="149"/>
      <c r="C785" s="150">
        <v>760824522.55999994</v>
      </c>
      <c r="D785" s="150">
        <v>71574428.890000001</v>
      </c>
      <c r="E785" s="150">
        <v>832398951.44999993</v>
      </c>
      <c r="F785" s="60"/>
    </row>
    <row r="786" spans="1:6">
      <c r="A786" s="149" t="s">
        <v>2635</v>
      </c>
      <c r="B786" s="149"/>
      <c r="C786" s="150">
        <v>33785538.299999997</v>
      </c>
      <c r="D786" s="150">
        <v>3148752.4499999997</v>
      </c>
      <c r="E786" s="150">
        <v>36934290.75</v>
      </c>
      <c r="F786" s="60"/>
    </row>
    <row r="787" spans="1:6">
      <c r="A787" s="149" t="s">
        <v>2636</v>
      </c>
      <c r="B787" s="149"/>
      <c r="C787" s="150">
        <v>33785538.299999997</v>
      </c>
      <c r="D787" s="150">
        <v>3148752.4499999997</v>
      </c>
      <c r="E787" s="150">
        <v>36934290.75</v>
      </c>
      <c r="F787" s="60"/>
    </row>
    <row r="788" spans="1:6">
      <c r="A788" s="149" t="s">
        <v>2637</v>
      </c>
      <c r="B788" s="149"/>
      <c r="C788" s="150">
        <v>33785538.299999997</v>
      </c>
      <c r="D788" s="150">
        <v>3148752.4499999997</v>
      </c>
      <c r="E788" s="150">
        <v>36934290.75</v>
      </c>
      <c r="F788" s="60"/>
    </row>
    <row r="789" spans="1:6">
      <c r="A789" s="149" t="s">
        <v>2638</v>
      </c>
      <c r="B789" s="149"/>
      <c r="C789" s="150">
        <v>4979686.93</v>
      </c>
      <c r="D789" s="150">
        <v>1670977.7</v>
      </c>
      <c r="E789" s="150">
        <v>6650664.6299999999</v>
      </c>
      <c r="F789" s="60"/>
    </row>
    <row r="790" spans="1:6">
      <c r="A790" s="149" t="s">
        <v>2639</v>
      </c>
      <c r="B790" s="149"/>
      <c r="C790" s="150">
        <v>10054021</v>
      </c>
      <c r="D790" s="150">
        <v>5085626</v>
      </c>
      <c r="E790" s="150">
        <v>15139647</v>
      </c>
      <c r="F790" s="60"/>
    </row>
    <row r="791" spans="1:6">
      <c r="A791" s="149" t="s">
        <v>2640</v>
      </c>
      <c r="B791" s="149"/>
      <c r="C791" s="150">
        <v>2286057.77</v>
      </c>
      <c r="D791" s="150">
        <v>37109.11</v>
      </c>
      <c r="E791" s="150">
        <v>2323166.88</v>
      </c>
      <c r="F791" s="60"/>
    </row>
    <row r="792" spans="1:6">
      <c r="A792" s="149" t="s">
        <v>2641</v>
      </c>
      <c r="B792" s="149"/>
      <c r="C792" s="150">
        <v>1517168.1800000002</v>
      </c>
      <c r="D792" s="150">
        <v>137924.38</v>
      </c>
      <c r="E792" s="150">
        <v>1655092.56</v>
      </c>
      <c r="F792" s="60"/>
    </row>
    <row r="793" spans="1:6">
      <c r="A793" s="149" t="s">
        <v>2642</v>
      </c>
      <c r="B793" s="149"/>
      <c r="C793" s="150">
        <v>-102693</v>
      </c>
      <c r="D793" s="150">
        <v>-5811</v>
      </c>
      <c r="E793" s="150">
        <v>-108504</v>
      </c>
      <c r="F793" s="60"/>
    </row>
    <row r="794" spans="1:6">
      <c r="A794" s="149" t="s">
        <v>2643</v>
      </c>
      <c r="B794" s="149"/>
      <c r="C794" s="150">
        <v>59725.38</v>
      </c>
      <c r="D794" s="150">
        <v>5429.58</v>
      </c>
      <c r="E794" s="150">
        <v>65154.959999999992</v>
      </c>
      <c r="F794" s="60"/>
    </row>
    <row r="795" spans="1:6">
      <c r="A795" s="149" t="s">
        <v>2644</v>
      </c>
      <c r="B795" s="149"/>
      <c r="C795" s="150">
        <v>341163.15</v>
      </c>
      <c r="D795" s="150">
        <v>105749.88</v>
      </c>
      <c r="E795" s="150">
        <v>446913.03</v>
      </c>
      <c r="F795" s="60"/>
    </row>
    <row r="796" spans="1:6">
      <c r="A796" s="149" t="s">
        <v>2645</v>
      </c>
      <c r="B796" s="149"/>
      <c r="C796" s="150"/>
      <c r="D796" s="150">
        <v>161.18</v>
      </c>
      <c r="E796" s="150">
        <v>161.18</v>
      </c>
      <c r="F796" s="60"/>
    </row>
    <row r="797" spans="1:6">
      <c r="A797" s="149" t="s">
        <v>2646</v>
      </c>
      <c r="B797" s="149"/>
      <c r="C797" s="150">
        <v>500063.08000000007</v>
      </c>
      <c r="D797" s="150">
        <v>45460.28</v>
      </c>
      <c r="E797" s="150">
        <v>545523.36</v>
      </c>
      <c r="F797" s="60"/>
    </row>
    <row r="798" spans="1:6">
      <c r="A798" s="149" t="s">
        <v>2647</v>
      </c>
      <c r="B798" s="149"/>
      <c r="C798" s="150">
        <v>7005.1799999999994</v>
      </c>
      <c r="D798" s="150">
        <v>0</v>
      </c>
      <c r="E798" s="150">
        <v>7005.1799999999994</v>
      </c>
      <c r="F798" s="60"/>
    </row>
    <row r="799" spans="1:6">
      <c r="A799" s="149" t="s">
        <v>2648</v>
      </c>
      <c r="B799" s="149"/>
      <c r="C799" s="150">
        <v>11979946</v>
      </c>
      <c r="D799" s="150">
        <v>1089086</v>
      </c>
      <c r="E799" s="150">
        <v>13069032</v>
      </c>
      <c r="F799" s="60"/>
    </row>
    <row r="800" spans="1:6">
      <c r="A800" s="149" t="s">
        <v>2649</v>
      </c>
      <c r="B800" s="149"/>
      <c r="C800" s="150">
        <v>0</v>
      </c>
      <c r="D800" s="150">
        <v>0</v>
      </c>
      <c r="E800" s="150">
        <v>0</v>
      </c>
      <c r="F800" s="60"/>
    </row>
    <row r="801" spans="1:6">
      <c r="A801" s="149" t="s">
        <v>2650</v>
      </c>
      <c r="B801" s="149"/>
      <c r="C801" s="150">
        <v>6721863.1400000006</v>
      </c>
      <c r="D801" s="150">
        <v>-3193046.9699999997</v>
      </c>
      <c r="E801" s="150">
        <v>3528816.17</v>
      </c>
      <c r="F801" s="60"/>
    </row>
    <row r="802" spans="1:6">
      <c r="A802" s="149" t="s">
        <v>2651</v>
      </c>
      <c r="B802" s="149"/>
      <c r="C802" s="150">
        <v>-851574042.40999997</v>
      </c>
      <c r="D802" s="150">
        <v>-71639999.61999999</v>
      </c>
      <c r="E802" s="150">
        <v>-923214042.02999997</v>
      </c>
      <c r="F802" s="60"/>
    </row>
    <row r="803" spans="1:6">
      <c r="A803" s="149" t="s">
        <v>2652</v>
      </c>
      <c r="B803" s="149"/>
      <c r="C803" s="150">
        <v>-813230035.60000002</v>
      </c>
      <c r="D803" s="150">
        <v>-66661333.479999997</v>
      </c>
      <c r="E803" s="150">
        <v>-879891369.07999992</v>
      </c>
      <c r="F803" s="60"/>
    </row>
    <row r="804" spans="1:6">
      <c r="A804" s="149" t="s">
        <v>2653</v>
      </c>
      <c r="B804" s="149"/>
      <c r="C804" s="150">
        <v>507078.67</v>
      </c>
      <c r="D804" s="150">
        <v>192140.01</v>
      </c>
      <c r="E804" s="150">
        <v>699218.67999999993</v>
      </c>
      <c r="F804" s="60"/>
    </row>
    <row r="805" spans="1:6">
      <c r="A805" s="149" t="s">
        <v>2654</v>
      </c>
      <c r="B805" s="149"/>
      <c r="C805" s="150">
        <v>-507078.6700000001</v>
      </c>
      <c r="D805" s="150">
        <v>-192140.01</v>
      </c>
      <c r="E805" s="150">
        <v>-699218.68</v>
      </c>
      <c r="F805" s="60"/>
    </row>
    <row r="806" spans="1:6">
      <c r="A806" s="149" t="s">
        <v>2655</v>
      </c>
      <c r="B806" s="149"/>
      <c r="C806" s="150">
        <v>0.11</v>
      </c>
      <c r="D806" s="150">
        <v>0</v>
      </c>
      <c r="E806" s="150">
        <v>0.11</v>
      </c>
      <c r="F806" s="60"/>
    </row>
    <row r="807" spans="1:6">
      <c r="A807" s="149" t="s">
        <v>2656</v>
      </c>
      <c r="B807" s="149"/>
      <c r="C807" s="150">
        <v>0.10999999999999999</v>
      </c>
      <c r="D807" s="150">
        <v>0</v>
      </c>
      <c r="E807" s="150">
        <v>0.10999999999999999</v>
      </c>
      <c r="F807" s="60"/>
    </row>
    <row r="808" spans="1:6">
      <c r="A808" s="149" t="s">
        <v>2657</v>
      </c>
      <c r="B808" s="149"/>
      <c r="C808" s="150">
        <v>84008.87</v>
      </c>
      <c r="D808" s="150">
        <v>7637.17</v>
      </c>
      <c r="E808" s="150">
        <v>91646.04</v>
      </c>
      <c r="F808" s="60"/>
    </row>
    <row r="809" spans="1:6">
      <c r="A809" s="149" t="s">
        <v>2658</v>
      </c>
      <c r="B809" s="149"/>
      <c r="C809" s="150">
        <v>84008.87000000001</v>
      </c>
      <c r="D809" s="150">
        <v>7637.17</v>
      </c>
      <c r="E809" s="150">
        <v>91646.040000000008</v>
      </c>
      <c r="F809" s="60"/>
    </row>
    <row r="810" spans="1:6">
      <c r="A810" s="149" t="s">
        <v>2659</v>
      </c>
      <c r="B810" s="149"/>
      <c r="C810" s="150">
        <v>859938.86</v>
      </c>
      <c r="D810" s="150">
        <v>65916.37</v>
      </c>
      <c r="E810" s="150">
        <v>925855.23</v>
      </c>
      <c r="F810" s="60"/>
    </row>
    <row r="811" spans="1:6">
      <c r="A811" s="149" t="s">
        <v>2660</v>
      </c>
      <c r="B811" s="149"/>
      <c r="C811" s="150">
        <v>859938.86</v>
      </c>
      <c r="D811" s="150">
        <v>65916.37</v>
      </c>
      <c r="E811" s="150">
        <v>925855.23</v>
      </c>
      <c r="F811" s="60"/>
    </row>
    <row r="812" spans="1:6">
      <c r="A812" s="149" t="s">
        <v>2661</v>
      </c>
      <c r="B812" s="149"/>
      <c r="C812" s="150">
        <v>-13467106.620000001</v>
      </c>
      <c r="D812" s="150">
        <v>-1224282.42</v>
      </c>
      <c r="E812" s="150">
        <v>-14691389.039999999</v>
      </c>
      <c r="F812" s="60"/>
    </row>
    <row r="813" spans="1:6">
      <c r="A813" s="149" t="s">
        <v>2662</v>
      </c>
      <c r="B813" s="149"/>
      <c r="C813" s="150">
        <v>-13467106.620000001</v>
      </c>
      <c r="D813" s="150">
        <v>-1224282.42</v>
      </c>
      <c r="E813" s="150">
        <v>-14691389.039999999</v>
      </c>
      <c r="F813" s="60"/>
    </row>
    <row r="814" spans="1:6">
      <c r="A814" s="149" t="s">
        <v>2663</v>
      </c>
      <c r="B814" s="149"/>
      <c r="C814" s="150">
        <v>-31650212.190000001</v>
      </c>
      <c r="D814" s="150">
        <v>6718978.9700000007</v>
      </c>
      <c r="E814" s="150">
        <v>-24931233.219999999</v>
      </c>
      <c r="F814" s="60"/>
    </row>
    <row r="815" spans="1:6">
      <c r="A815" s="149" t="s">
        <v>2664</v>
      </c>
      <c r="B815" s="149"/>
      <c r="C815" s="150">
        <v>4621946.7700000005</v>
      </c>
      <c r="D815" s="150">
        <v>370903.76999999996</v>
      </c>
      <c r="E815" s="150">
        <v>4992850.54</v>
      </c>
      <c r="F815" s="60"/>
    </row>
    <row r="816" spans="1:6">
      <c r="A816" s="149" t="s">
        <v>2665</v>
      </c>
      <c r="B816" s="149"/>
      <c r="C816" s="150">
        <v>114290.27</v>
      </c>
      <c r="D816" s="150">
        <v>-52194.52</v>
      </c>
      <c r="E816" s="150">
        <v>62095.750000000007</v>
      </c>
      <c r="F816" s="60"/>
    </row>
    <row r="817" spans="1:6">
      <c r="A817" s="149" t="s">
        <v>2666</v>
      </c>
      <c r="B817" s="149"/>
      <c r="C817" s="150">
        <v>23536038.59</v>
      </c>
      <c r="D817" s="150">
        <v>2565693.5499999998</v>
      </c>
      <c r="E817" s="150">
        <v>26101732.140000001</v>
      </c>
      <c r="F817" s="60"/>
    </row>
    <row r="818" spans="1:6">
      <c r="A818" s="149" t="s">
        <v>2667</v>
      </c>
      <c r="B818" s="149"/>
      <c r="C818" s="150">
        <v>327.18</v>
      </c>
      <c r="D818" s="150">
        <v>0</v>
      </c>
      <c r="E818" s="150">
        <v>327.18</v>
      </c>
      <c r="F818" s="60"/>
    </row>
    <row r="819" spans="1:6">
      <c r="A819" s="149" t="s">
        <v>2668</v>
      </c>
      <c r="B819" s="149"/>
      <c r="C819" s="150">
        <v>9798502.6799999997</v>
      </c>
      <c r="D819" s="150">
        <v>707605.03</v>
      </c>
      <c r="E819" s="150">
        <v>10506107.710000001</v>
      </c>
      <c r="F819" s="60"/>
    </row>
    <row r="820" spans="1:6">
      <c r="A820" s="149" t="s">
        <v>2669</v>
      </c>
      <c r="B820" s="149"/>
      <c r="C820" s="150">
        <v>-46685.79</v>
      </c>
      <c r="D820" s="150">
        <v>0</v>
      </c>
      <c r="E820" s="150">
        <v>-46685.79</v>
      </c>
      <c r="F820" s="60"/>
    </row>
    <row r="821" spans="1:6">
      <c r="A821" s="149" t="s">
        <v>2670</v>
      </c>
      <c r="B821" s="149"/>
      <c r="C821" s="150">
        <v>5069808.5199999996</v>
      </c>
      <c r="D821" s="150">
        <v>250644.66999999998</v>
      </c>
      <c r="E821" s="150">
        <v>5320453.1899999995</v>
      </c>
      <c r="F821" s="60"/>
    </row>
    <row r="822" spans="1:6">
      <c r="A822" s="149" t="s">
        <v>2671</v>
      </c>
      <c r="B822" s="149"/>
      <c r="C822" s="150">
        <v>-5.7799999999999994</v>
      </c>
      <c r="D822" s="150">
        <v>0</v>
      </c>
      <c r="E822" s="150">
        <v>-5.7799999999999994</v>
      </c>
      <c r="F822" s="60"/>
    </row>
    <row r="823" spans="1:6">
      <c r="A823" s="149" t="s">
        <v>2672</v>
      </c>
      <c r="B823" s="149"/>
      <c r="C823" s="150">
        <v>1303213.6599999999</v>
      </c>
      <c r="D823" s="150">
        <v>453587.36</v>
      </c>
      <c r="E823" s="150">
        <v>1756801.02</v>
      </c>
      <c r="F823" s="60"/>
    </row>
    <row r="824" spans="1:6">
      <c r="A824" s="149" t="s">
        <v>2673</v>
      </c>
      <c r="B824" s="149"/>
      <c r="C824" s="150">
        <v>10266.36</v>
      </c>
      <c r="D824" s="150">
        <v>0</v>
      </c>
      <c r="E824" s="150">
        <v>10266.36</v>
      </c>
      <c r="F824" s="60"/>
    </row>
    <row r="825" spans="1:6">
      <c r="A825" s="149" t="s">
        <v>2674</v>
      </c>
      <c r="B825" s="149"/>
      <c r="C825" s="150">
        <v>44407702.460000001</v>
      </c>
      <c r="D825" s="150">
        <v>4296239.8600000003</v>
      </c>
      <c r="E825" s="150">
        <v>48703942.32</v>
      </c>
      <c r="F825" s="60"/>
    </row>
    <row r="826" spans="1:6">
      <c r="A826" s="149" t="s">
        <v>2675</v>
      </c>
      <c r="B826" s="149"/>
      <c r="C826" s="150">
        <v>7774.69</v>
      </c>
      <c r="D826" s="150">
        <v>1311.43</v>
      </c>
      <c r="E826" s="150">
        <v>9086.1200000000008</v>
      </c>
      <c r="F826" s="60"/>
    </row>
    <row r="827" spans="1:6">
      <c r="A827" s="149" t="s">
        <v>2676</v>
      </c>
      <c r="B827" s="149"/>
      <c r="C827" s="150">
        <v>240625.81999999998</v>
      </c>
      <c r="D827" s="150">
        <v>6691.22</v>
      </c>
      <c r="E827" s="150">
        <v>247317.04</v>
      </c>
      <c r="F827" s="60"/>
    </row>
    <row r="828" spans="1:6">
      <c r="A828" s="149" t="s">
        <v>2677</v>
      </c>
      <c r="B828" s="149"/>
      <c r="C828" s="150">
        <v>35344.26</v>
      </c>
      <c r="D828" s="150">
        <v>0</v>
      </c>
      <c r="E828" s="150">
        <v>35344.26</v>
      </c>
      <c r="F828" s="60"/>
    </row>
    <row r="829" spans="1:6">
      <c r="A829" s="149" t="s">
        <v>2678</v>
      </c>
      <c r="B829" s="149"/>
      <c r="C829" s="150">
        <v>1737656.3200000001</v>
      </c>
      <c r="D829" s="150">
        <v>154419.63</v>
      </c>
      <c r="E829" s="150">
        <v>1892075.95</v>
      </c>
      <c r="F829" s="60"/>
    </row>
    <row r="830" spans="1:6">
      <c r="A830" s="149" t="s">
        <v>2679</v>
      </c>
      <c r="B830" s="149"/>
      <c r="C830" s="150">
        <v>499854.87999999995</v>
      </c>
      <c r="D830" s="150">
        <v>51246.68</v>
      </c>
      <c r="E830" s="150">
        <v>551101.55999999994</v>
      </c>
      <c r="F830" s="60"/>
    </row>
    <row r="831" spans="1:6">
      <c r="A831" s="149" t="s">
        <v>2680</v>
      </c>
      <c r="B831" s="149"/>
      <c r="C831" s="150">
        <v>3582387.2899999996</v>
      </c>
      <c r="D831" s="150">
        <v>149946.70000000001</v>
      </c>
      <c r="E831" s="150">
        <v>3732333.9899999998</v>
      </c>
      <c r="F831" s="60"/>
    </row>
    <row r="832" spans="1:6">
      <c r="A832" s="149" t="s">
        <v>2681</v>
      </c>
      <c r="B832" s="149"/>
      <c r="C832" s="150">
        <v>13485249.17</v>
      </c>
      <c r="D832" s="150">
        <v>1735039.68</v>
      </c>
      <c r="E832" s="150">
        <v>15220288.85</v>
      </c>
      <c r="F832" s="60"/>
    </row>
    <row r="833" spans="1:6">
      <c r="A833" s="149" t="s">
        <v>2682</v>
      </c>
      <c r="B833" s="149"/>
      <c r="C833" s="150">
        <v>144186.15</v>
      </c>
      <c r="D833" s="150">
        <v>239666.46</v>
      </c>
      <c r="E833" s="150">
        <v>383852.61000000004</v>
      </c>
      <c r="F833" s="60"/>
    </row>
    <row r="834" spans="1:6">
      <c r="A834" s="149" t="s">
        <v>2683</v>
      </c>
      <c r="B834" s="149"/>
      <c r="C834" s="150">
        <v>-93528.24</v>
      </c>
      <c r="D834" s="150">
        <v>-38061</v>
      </c>
      <c r="E834" s="150">
        <v>-131589.24</v>
      </c>
      <c r="F834" s="60"/>
    </row>
    <row r="835" spans="1:6">
      <c r="A835" s="149" t="s">
        <v>2684</v>
      </c>
      <c r="B835" s="149"/>
      <c r="C835" s="150">
        <v>19639550.34</v>
      </c>
      <c r="D835" s="150">
        <v>2300260.7999999998</v>
      </c>
      <c r="E835" s="150">
        <v>21939811.140000001</v>
      </c>
      <c r="F835" s="60"/>
    </row>
    <row r="836" spans="1:6">
      <c r="A836" s="149" t="s">
        <v>2685</v>
      </c>
      <c r="B836" s="149"/>
      <c r="C836" s="150">
        <v>924826.97000000009</v>
      </c>
      <c r="D836" s="150">
        <v>88237.189999999988</v>
      </c>
      <c r="E836" s="150">
        <v>1013064.1599999999</v>
      </c>
      <c r="F836" s="60"/>
    </row>
    <row r="837" spans="1:6">
      <c r="A837" s="149" t="s">
        <v>2686</v>
      </c>
      <c r="B837" s="149"/>
      <c r="C837" s="150">
        <v>337537.79000000004</v>
      </c>
      <c r="D837" s="150">
        <v>45573.64</v>
      </c>
      <c r="E837" s="150">
        <v>383111.43</v>
      </c>
      <c r="F837" s="60"/>
    </row>
    <row r="838" spans="1:6">
      <c r="A838" s="149" t="s">
        <v>2687</v>
      </c>
      <c r="B838" s="149"/>
      <c r="C838" s="150">
        <v>5018.4000000000005</v>
      </c>
      <c r="D838" s="150">
        <v>5799.5999999999995</v>
      </c>
      <c r="E838" s="150">
        <v>10818</v>
      </c>
      <c r="F838" s="60"/>
    </row>
    <row r="839" spans="1:6">
      <c r="A839" s="149" t="s">
        <v>2688</v>
      </c>
      <c r="B839" s="149"/>
      <c r="C839" s="150">
        <v>2649447.1500000004</v>
      </c>
      <c r="D839" s="150">
        <v>183972.52</v>
      </c>
      <c r="E839" s="150">
        <v>2833419.67</v>
      </c>
      <c r="F839" s="60"/>
    </row>
    <row r="840" spans="1:6">
      <c r="A840" s="149" t="s">
        <v>2689</v>
      </c>
      <c r="B840" s="149"/>
      <c r="C840" s="150">
        <v>39103552.390000001</v>
      </c>
      <c r="D840" s="150">
        <v>-4977261.13</v>
      </c>
      <c r="E840" s="150">
        <v>34126291.259999998</v>
      </c>
      <c r="F840" s="60"/>
    </row>
    <row r="841" spans="1:6">
      <c r="A841" s="149" t="s">
        <v>2690</v>
      </c>
      <c r="B841" s="149"/>
      <c r="C841" s="150">
        <v>36596092.130000003</v>
      </c>
      <c r="D841" s="150">
        <v>4678880.55</v>
      </c>
      <c r="E841" s="150">
        <v>41274972.68</v>
      </c>
      <c r="F841" s="60"/>
    </row>
    <row r="842" spans="1:6">
      <c r="A842" s="149" t="s">
        <v>2691</v>
      </c>
      <c r="B842" s="149"/>
      <c r="C842" s="150">
        <v>6406921.7699999996</v>
      </c>
      <c r="D842" s="150">
        <v>801723.4</v>
      </c>
      <c r="E842" s="150">
        <v>7208645.1699999999</v>
      </c>
      <c r="F842" s="60"/>
    </row>
    <row r="843" spans="1:6">
      <c r="A843" s="149" t="s">
        <v>2692</v>
      </c>
      <c r="B843" s="149"/>
      <c r="C843" s="150">
        <v>144929.92000000001</v>
      </c>
      <c r="D843" s="150">
        <v>20395.370000000003</v>
      </c>
      <c r="E843" s="150">
        <v>165325.29</v>
      </c>
      <c r="F843" s="60"/>
    </row>
    <row r="844" spans="1:6">
      <c r="A844" s="149" t="s">
        <v>2693</v>
      </c>
      <c r="B844" s="149"/>
      <c r="C844" s="150">
        <v>9219193.5600000005</v>
      </c>
      <c r="D844" s="150">
        <v>1198514.69</v>
      </c>
      <c r="E844" s="150">
        <v>10417708.25</v>
      </c>
      <c r="F844" s="60"/>
    </row>
    <row r="845" spans="1:6">
      <c r="A845" s="149" t="s">
        <v>2694</v>
      </c>
      <c r="B845" s="149"/>
      <c r="C845" s="150">
        <v>1473163.3900000001</v>
      </c>
      <c r="D845" s="150">
        <v>961806.75</v>
      </c>
      <c r="E845" s="150">
        <v>2434970.1399999997</v>
      </c>
      <c r="F845" s="60"/>
    </row>
    <row r="846" spans="1:6">
      <c r="A846" s="149" t="s">
        <v>2695</v>
      </c>
      <c r="B846" s="149"/>
      <c r="C846" s="150">
        <v>247888.77999999997</v>
      </c>
      <c r="D846" s="150">
        <v>14379.73</v>
      </c>
      <c r="E846" s="150">
        <v>262268.51</v>
      </c>
      <c r="F846" s="60"/>
    </row>
    <row r="847" spans="1:6">
      <c r="A847" s="149" t="s">
        <v>2696</v>
      </c>
      <c r="B847" s="149"/>
      <c r="C847" s="150">
        <v>97108572.25</v>
      </c>
      <c r="D847" s="150">
        <v>3022022.31</v>
      </c>
      <c r="E847" s="150">
        <v>100130594.56000002</v>
      </c>
      <c r="F847" s="60"/>
    </row>
    <row r="848" spans="1:6">
      <c r="A848" s="149" t="s">
        <v>2697</v>
      </c>
      <c r="B848" s="149"/>
      <c r="C848" s="150">
        <v>21335614.09</v>
      </c>
      <c r="D848" s="150">
        <v>815463.23</v>
      </c>
      <c r="E848" s="150">
        <v>22151077.32</v>
      </c>
      <c r="F848" s="60"/>
    </row>
    <row r="849" spans="1:6">
      <c r="A849" s="149" t="s">
        <v>2698</v>
      </c>
      <c r="B849" s="149"/>
      <c r="C849" s="150">
        <v>12540510.189999999</v>
      </c>
      <c r="D849" s="150">
        <v>1605843.2599999998</v>
      </c>
      <c r="E849" s="150">
        <v>14146353.449999999</v>
      </c>
      <c r="F849" s="60"/>
    </row>
    <row r="850" spans="1:6">
      <c r="A850" s="149" t="s">
        <v>2699</v>
      </c>
      <c r="B850" s="149"/>
      <c r="C850" s="150">
        <v>11070259.200000001</v>
      </c>
      <c r="D850" s="150">
        <v>1129769.3400000001</v>
      </c>
      <c r="E850" s="150">
        <v>12200028.540000001</v>
      </c>
      <c r="F850" s="60"/>
    </row>
    <row r="851" spans="1:6">
      <c r="A851" s="149" t="s">
        <v>2700</v>
      </c>
      <c r="B851" s="149"/>
      <c r="C851" s="150">
        <v>42573.27</v>
      </c>
      <c r="D851" s="150">
        <v>0</v>
      </c>
      <c r="E851" s="150">
        <v>42573.27</v>
      </c>
      <c r="F851" s="60"/>
    </row>
    <row r="852" spans="1:6">
      <c r="A852" s="149" t="s">
        <v>2701</v>
      </c>
      <c r="B852" s="149"/>
      <c r="C852" s="150">
        <v>31401374.810000002</v>
      </c>
      <c r="D852" s="150">
        <v>5297154.16</v>
      </c>
      <c r="E852" s="150">
        <v>36698528.969999999</v>
      </c>
      <c r="F852" s="60"/>
    </row>
    <row r="853" spans="1:6">
      <c r="A853" s="149" t="s">
        <v>2702</v>
      </c>
      <c r="B853" s="149"/>
      <c r="C853" s="150">
        <v>76390331.560000002</v>
      </c>
      <c r="D853" s="150">
        <v>8848229.9900000002</v>
      </c>
      <c r="E853" s="150">
        <v>85238561.549999997</v>
      </c>
      <c r="F853" s="60"/>
    </row>
    <row r="854" spans="1:6">
      <c r="A854" s="149" t="s">
        <v>2703</v>
      </c>
      <c r="B854" s="149"/>
      <c r="C854" s="150">
        <v>486718.76</v>
      </c>
      <c r="D854" s="150">
        <v>33839.51</v>
      </c>
      <c r="E854" s="150">
        <v>520558.27000000008</v>
      </c>
      <c r="F854" s="60"/>
    </row>
    <row r="855" spans="1:6">
      <c r="A855" s="149" t="s">
        <v>2704</v>
      </c>
      <c r="B855" s="149"/>
      <c r="C855" s="150">
        <v>10263.52</v>
      </c>
      <c r="D855" s="150">
        <v>3098.8599999999997</v>
      </c>
      <c r="E855" s="150">
        <v>13362.38</v>
      </c>
      <c r="F855" s="60"/>
    </row>
    <row r="856" spans="1:6">
      <c r="A856" s="149" t="s">
        <v>2705</v>
      </c>
      <c r="B856" s="149"/>
      <c r="C856" s="150">
        <v>496982.28</v>
      </c>
      <c r="D856" s="150">
        <v>36938.370000000003</v>
      </c>
      <c r="E856" s="150">
        <v>533920.65</v>
      </c>
      <c r="F856" s="60"/>
    </row>
    <row r="857" spans="1:6">
      <c r="A857" s="149" t="s">
        <v>2706</v>
      </c>
      <c r="B857" s="149"/>
      <c r="C857" s="150">
        <v>6191.54</v>
      </c>
      <c r="D857" s="150">
        <v>0</v>
      </c>
      <c r="E857" s="150">
        <v>6191.54</v>
      </c>
      <c r="F857" s="60"/>
    </row>
    <row r="858" spans="1:6">
      <c r="A858" s="149" t="s">
        <v>2707</v>
      </c>
      <c r="B858" s="149"/>
      <c r="C858" s="150">
        <v>6191.5399999999991</v>
      </c>
      <c r="D858" s="150">
        <v>0</v>
      </c>
      <c r="E858" s="150">
        <v>6191.5399999999991</v>
      </c>
      <c r="F858" s="60"/>
    </row>
    <row r="859" spans="1:6">
      <c r="A859" s="149" t="s">
        <v>2708</v>
      </c>
      <c r="B859" s="149"/>
      <c r="C859" s="150">
        <v>6862.43</v>
      </c>
      <c r="D859" s="150">
        <v>1531.3600000000001</v>
      </c>
      <c r="E859" s="150">
        <v>8393.7900000000009</v>
      </c>
      <c r="F859" s="60"/>
    </row>
    <row r="860" spans="1:6">
      <c r="A860" s="149" t="s">
        <v>2709</v>
      </c>
      <c r="B860" s="149"/>
      <c r="C860" s="150">
        <v>666.23</v>
      </c>
      <c r="D860" s="150">
        <v>0</v>
      </c>
      <c r="E860" s="150">
        <v>666.23</v>
      </c>
      <c r="F860" s="60"/>
    </row>
    <row r="861" spans="1:6">
      <c r="A861" s="149" t="s">
        <v>2710</v>
      </c>
      <c r="B861" s="149"/>
      <c r="C861" s="150">
        <v>7528.6599999999989</v>
      </c>
      <c r="D861" s="150">
        <v>1531.36</v>
      </c>
      <c r="E861" s="150">
        <v>9060.02</v>
      </c>
      <c r="F861" s="60"/>
    </row>
    <row r="862" spans="1:6">
      <c r="A862" s="149" t="s">
        <v>2711</v>
      </c>
      <c r="B862" s="149"/>
      <c r="C862" s="150">
        <v>238056859.09</v>
      </c>
      <c r="D862" s="150">
        <v>18505222.690000001</v>
      </c>
      <c r="E862" s="150">
        <v>256562081.78</v>
      </c>
      <c r="F862" s="60"/>
    </row>
    <row r="863" spans="1:6">
      <c r="A863" s="149" t="s">
        <v>2712</v>
      </c>
      <c r="B863" s="149"/>
      <c r="C863" s="150">
        <v>1349568</v>
      </c>
      <c r="D863" s="150">
        <v>-703240.32</v>
      </c>
      <c r="E863" s="150">
        <v>646327.68000000005</v>
      </c>
      <c r="F863" s="60"/>
    </row>
    <row r="864" spans="1:6">
      <c r="A864" s="149" t="s">
        <v>2713</v>
      </c>
      <c r="B864" s="149"/>
      <c r="C864" s="150">
        <v>150386965.53</v>
      </c>
      <c r="D864" s="150">
        <v>-10032594.82</v>
      </c>
      <c r="E864" s="150">
        <v>140354370.71000001</v>
      </c>
      <c r="F864" s="60"/>
    </row>
    <row r="865" spans="1:6">
      <c r="A865" s="149" t="s">
        <v>2714</v>
      </c>
      <c r="B865" s="149"/>
      <c r="C865" s="150">
        <v>118889015.06999999</v>
      </c>
      <c r="D865" s="150">
        <v>12250200.5</v>
      </c>
      <c r="E865" s="150">
        <v>131139215.57000001</v>
      </c>
      <c r="F865" s="60"/>
    </row>
    <row r="866" spans="1:6">
      <c r="A866" s="149" t="s">
        <v>2715</v>
      </c>
      <c r="B866" s="149"/>
      <c r="C866" s="150">
        <v>317.27999999999997</v>
      </c>
      <c r="D866" s="150">
        <v>-200</v>
      </c>
      <c r="E866" s="150">
        <v>117.28</v>
      </c>
      <c r="F866" s="60"/>
    </row>
    <row r="867" spans="1:6">
      <c r="A867" s="149" t="s">
        <v>2716</v>
      </c>
      <c r="B867" s="149"/>
      <c r="C867" s="150">
        <v>-526089.91</v>
      </c>
      <c r="D867" s="150">
        <v>526089.91</v>
      </c>
      <c r="E867" s="150">
        <v>0</v>
      </c>
      <c r="F867" s="60"/>
    </row>
    <row r="868" spans="1:6">
      <c r="A868" s="149" t="s">
        <v>2717</v>
      </c>
      <c r="B868" s="149"/>
      <c r="C868" s="150">
        <v>114266.01999999999</v>
      </c>
      <c r="D868" s="150">
        <v>2622.75</v>
      </c>
      <c r="E868" s="150">
        <v>116888.77</v>
      </c>
      <c r="F868" s="60"/>
    </row>
    <row r="869" spans="1:6">
      <c r="A869" s="149" t="s">
        <v>2718</v>
      </c>
      <c r="B869" s="149"/>
      <c r="C869" s="150">
        <v>435208</v>
      </c>
      <c r="D869" s="150">
        <v>-190309.22999999998</v>
      </c>
      <c r="E869" s="150">
        <v>244898.77000000002</v>
      </c>
      <c r="F869" s="60"/>
    </row>
    <row r="870" spans="1:6">
      <c r="A870" s="149" t="s">
        <v>2719</v>
      </c>
      <c r="B870" s="149"/>
      <c r="C870" s="150">
        <v>21167049.609999999</v>
      </c>
      <c r="D870" s="150">
        <v>2236977.14</v>
      </c>
      <c r="E870" s="150">
        <v>23404026.75</v>
      </c>
      <c r="F870" s="60"/>
    </row>
    <row r="871" spans="1:6">
      <c r="A871" s="149" t="s">
        <v>2720</v>
      </c>
      <c r="B871" s="149"/>
      <c r="C871" s="150">
        <v>123332896.91000001</v>
      </c>
      <c r="D871" s="150">
        <v>10366272.83</v>
      </c>
      <c r="E871" s="150">
        <v>133699169.74000001</v>
      </c>
      <c r="F871" s="60"/>
    </row>
    <row r="872" spans="1:6">
      <c r="A872" s="149" t="s">
        <v>2721</v>
      </c>
      <c r="B872" s="149"/>
      <c r="C872" s="150">
        <v>1624.16</v>
      </c>
      <c r="D872" s="150">
        <v>0</v>
      </c>
      <c r="E872" s="150">
        <v>1624.16</v>
      </c>
      <c r="F872" s="60"/>
    </row>
    <row r="873" spans="1:6">
      <c r="A873" s="149" t="s">
        <v>2722</v>
      </c>
      <c r="B873" s="149"/>
      <c r="C873" s="150">
        <v>405063.46</v>
      </c>
      <c r="D873" s="150">
        <v>0</v>
      </c>
      <c r="E873" s="150">
        <v>405063.46</v>
      </c>
      <c r="F873" s="60"/>
    </row>
    <row r="874" spans="1:6">
      <c r="A874" s="149" t="s">
        <v>2723</v>
      </c>
      <c r="B874" s="149"/>
      <c r="C874" s="150">
        <v>93982.010000000009</v>
      </c>
      <c r="D874" s="150">
        <v>37862.720000000001</v>
      </c>
      <c r="E874" s="150">
        <v>131844.73000000001</v>
      </c>
      <c r="F874" s="60"/>
    </row>
    <row r="875" spans="1:6">
      <c r="A875" s="149" t="s">
        <v>2724</v>
      </c>
      <c r="B875" s="149"/>
      <c r="C875" s="150">
        <v>-9686473.4000000004</v>
      </c>
      <c r="D875" s="150">
        <v>528491.62</v>
      </c>
      <c r="E875" s="150">
        <v>-9157981.7800000012</v>
      </c>
      <c r="F875" s="60"/>
    </row>
    <row r="876" spans="1:6">
      <c r="A876" s="149" t="s">
        <v>2725</v>
      </c>
      <c r="B876" s="149"/>
      <c r="C876" s="150">
        <v>405963392.74000007</v>
      </c>
      <c r="D876" s="150">
        <v>15022173.1</v>
      </c>
      <c r="E876" s="150">
        <v>420985565.83999997</v>
      </c>
      <c r="F876" s="60"/>
    </row>
    <row r="877" spans="1:6">
      <c r="A877" s="149" t="s">
        <v>2726</v>
      </c>
      <c r="B877" s="149"/>
      <c r="C877" s="150">
        <v>4409658223.6999998</v>
      </c>
      <c r="D877" s="150">
        <v>401728241.84000003</v>
      </c>
      <c r="E877" s="150">
        <v>4811386465.54</v>
      </c>
      <c r="F877" s="60"/>
    </row>
    <row r="878" spans="1:6">
      <c r="A878" s="149" t="s">
        <v>2727</v>
      </c>
      <c r="B878" s="149"/>
      <c r="C878" s="150">
        <v>-101735887.42999999</v>
      </c>
      <c r="D878" s="150">
        <v>52274749.689999998</v>
      </c>
      <c r="E878" s="150">
        <v>-49461137.739999995</v>
      </c>
      <c r="F878" s="60"/>
    </row>
    <row r="879" spans="1:6">
      <c r="A879" s="149" t="s">
        <v>2728</v>
      </c>
      <c r="B879" s="149"/>
      <c r="C879" s="150">
        <v>-101735887.42999999</v>
      </c>
      <c r="D879" s="150">
        <v>52274749.689999998</v>
      </c>
      <c r="E879" s="150">
        <v>-49461137.739999995</v>
      </c>
      <c r="F879" s="60"/>
    </row>
    <row r="880" spans="1:6">
      <c r="A880" s="149" t="s">
        <v>2729</v>
      </c>
      <c r="B880" s="149"/>
      <c r="C880" s="150">
        <v>3572012.89</v>
      </c>
      <c r="D880" s="150">
        <v>0</v>
      </c>
      <c r="E880" s="150">
        <v>3572012.89</v>
      </c>
      <c r="F880" s="60"/>
    </row>
    <row r="881" spans="1:6">
      <c r="A881" s="149" t="s">
        <v>2730</v>
      </c>
      <c r="B881" s="149"/>
      <c r="C881" s="150">
        <v>-2.7</v>
      </c>
      <c r="D881" s="150">
        <v>0</v>
      </c>
      <c r="E881" s="150">
        <v>-2.7</v>
      </c>
      <c r="F881" s="60"/>
    </row>
    <row r="882" spans="1:6">
      <c r="A882" s="149" t="s">
        <v>2731</v>
      </c>
      <c r="B882" s="149"/>
      <c r="C882" s="150">
        <v>3572010.19</v>
      </c>
      <c r="D882" s="150">
        <v>0</v>
      </c>
      <c r="E882" s="150">
        <v>3572010.19</v>
      </c>
      <c r="F882" s="60"/>
    </row>
    <row r="883" spans="1:6">
      <c r="A883" s="149" t="s">
        <v>2732</v>
      </c>
      <c r="B883" s="149"/>
      <c r="C883" s="150">
        <v>-98163877.24000001</v>
      </c>
      <c r="D883" s="150">
        <v>52274749.689999998</v>
      </c>
      <c r="E883" s="150">
        <v>-45889127.549999997</v>
      </c>
      <c r="F883" s="60"/>
    </row>
    <row r="884" spans="1:6">
      <c r="A884" s="149" t="s">
        <v>2733</v>
      </c>
      <c r="B884" s="149"/>
      <c r="C884" s="150">
        <v>-41109635.719999999</v>
      </c>
      <c r="D884" s="150">
        <v>9722904.0399999991</v>
      </c>
      <c r="E884" s="150">
        <v>-31386731.68</v>
      </c>
      <c r="F884" s="60"/>
    </row>
    <row r="885" spans="1:6">
      <c r="A885" s="149" t="s">
        <v>2734</v>
      </c>
      <c r="B885" s="149"/>
      <c r="C885" s="150">
        <v>5273415.95</v>
      </c>
      <c r="D885" s="150">
        <v>0</v>
      </c>
      <c r="E885" s="150">
        <v>5273415.95</v>
      </c>
      <c r="F885" s="60"/>
    </row>
    <row r="886" spans="1:6">
      <c r="A886" s="149" t="s">
        <v>2735</v>
      </c>
      <c r="B886" s="149"/>
      <c r="C886" s="150">
        <v>-35836219.769999996</v>
      </c>
      <c r="D886" s="150">
        <v>9722904.0399999991</v>
      </c>
      <c r="E886" s="150">
        <v>-26113315.729999997</v>
      </c>
      <c r="F886" s="60"/>
    </row>
    <row r="887" spans="1:6">
      <c r="A887" s="149" t="s">
        <v>2736</v>
      </c>
      <c r="B887" s="149"/>
      <c r="C887" s="150">
        <v>591517000.98000002</v>
      </c>
      <c r="D887" s="150">
        <v>73833459.930000007</v>
      </c>
      <c r="E887" s="150">
        <v>665350460.90999997</v>
      </c>
      <c r="F887" s="60"/>
    </row>
    <row r="888" spans="1:6">
      <c r="A888" s="149" t="s">
        <v>2737</v>
      </c>
      <c r="B888" s="149"/>
      <c r="C888" s="150">
        <v>173551037.88</v>
      </c>
      <c r="D888" s="150">
        <v>20224525.169999998</v>
      </c>
      <c r="E888" s="150">
        <v>193775563.05000001</v>
      </c>
      <c r="F888" s="60"/>
    </row>
    <row r="889" spans="1:6">
      <c r="A889" s="149" t="s">
        <v>2738</v>
      </c>
      <c r="B889" s="149"/>
      <c r="C889" s="150">
        <v>17599124.829999998</v>
      </c>
      <c r="D889" s="150">
        <v>0</v>
      </c>
      <c r="E889" s="150">
        <v>17599124.829999998</v>
      </c>
      <c r="F889" s="60"/>
    </row>
    <row r="890" spans="1:6">
      <c r="A890" s="149" t="s">
        <v>2739</v>
      </c>
      <c r="B890" s="149"/>
      <c r="C890" s="150">
        <v>3380787.4299999997</v>
      </c>
      <c r="D890" s="150">
        <v>0</v>
      </c>
      <c r="E890" s="150">
        <v>3380787.4299999997</v>
      </c>
      <c r="F890" s="60"/>
    </row>
    <row r="891" spans="1:6">
      <c r="A891" s="149" t="s">
        <v>2740</v>
      </c>
      <c r="B891" s="149"/>
      <c r="C891" s="150">
        <v>1503981.77</v>
      </c>
      <c r="D891" s="150">
        <v>0</v>
      </c>
      <c r="E891" s="150">
        <v>1503981.77</v>
      </c>
      <c r="F891" s="60"/>
    </row>
    <row r="892" spans="1:6">
      <c r="A892" s="149" t="s">
        <v>2741</v>
      </c>
      <c r="B892" s="149"/>
      <c r="C892" s="150">
        <v>787551932.88999999</v>
      </c>
      <c r="D892" s="150">
        <v>94057985.100000009</v>
      </c>
      <c r="E892" s="150">
        <v>881609917.99000001</v>
      </c>
      <c r="F892" s="60"/>
    </row>
    <row r="893" spans="1:6">
      <c r="A893" s="149" t="s">
        <v>2742</v>
      </c>
      <c r="B893" s="149"/>
      <c r="C893" s="150">
        <v>-285350950.82999998</v>
      </c>
      <c r="D893" s="150">
        <v>-113466569.16</v>
      </c>
      <c r="E893" s="150">
        <v>-398817519.99000001</v>
      </c>
      <c r="F893" s="60"/>
    </row>
    <row r="894" spans="1:6">
      <c r="A894" s="149" t="s">
        <v>2743</v>
      </c>
      <c r="B894" s="149"/>
      <c r="C894" s="150">
        <v>-75286035.540000007</v>
      </c>
      <c r="D894" s="150">
        <v>-26418113.800000001</v>
      </c>
      <c r="E894" s="150">
        <v>-101704149.34</v>
      </c>
      <c r="F894" s="60"/>
    </row>
    <row r="895" spans="1:6">
      <c r="A895" s="149" t="s">
        <v>2744</v>
      </c>
      <c r="B895" s="149"/>
      <c r="C895" s="150">
        <v>-27096886.84</v>
      </c>
      <c r="D895" s="150">
        <v>0</v>
      </c>
      <c r="E895" s="150">
        <v>-27096886.84</v>
      </c>
      <c r="F895" s="60"/>
    </row>
    <row r="896" spans="1:6">
      <c r="A896" s="149" t="s">
        <v>2745</v>
      </c>
      <c r="B896" s="149"/>
      <c r="C896" s="150">
        <v>-11453723.16</v>
      </c>
      <c r="D896" s="150">
        <v>0</v>
      </c>
      <c r="E896" s="150">
        <v>-11453723.16</v>
      </c>
      <c r="F896" s="60"/>
    </row>
    <row r="897" spans="1:6">
      <c r="A897" s="149" t="s">
        <v>2746</v>
      </c>
      <c r="B897" s="149"/>
      <c r="C897" s="150">
        <v>-53869882</v>
      </c>
      <c r="D897" s="150">
        <v>-4897262</v>
      </c>
      <c r="E897" s="150">
        <v>-58767144</v>
      </c>
      <c r="F897" s="60"/>
    </row>
    <row r="898" spans="1:6">
      <c r="A898" s="149" t="s">
        <v>2747</v>
      </c>
      <c r="B898" s="149"/>
      <c r="C898" s="150">
        <v>-453057478.36999995</v>
      </c>
      <c r="D898" s="150">
        <v>-144781944.96000001</v>
      </c>
      <c r="E898" s="150">
        <v>-597839423.33000004</v>
      </c>
      <c r="F898" s="60"/>
    </row>
    <row r="899" spans="1:6">
      <c r="A899" s="149" t="s">
        <v>2748</v>
      </c>
      <c r="B899" s="149"/>
      <c r="C899" s="150">
        <v>334494454.52000004</v>
      </c>
      <c r="D899" s="150">
        <v>-50723959.859999999</v>
      </c>
      <c r="E899" s="150">
        <v>283770494.66000003</v>
      </c>
      <c r="F899" s="60"/>
    </row>
    <row r="900" spans="1:6">
      <c r="A900" s="149" t="s">
        <v>2749</v>
      </c>
      <c r="B900" s="149"/>
      <c r="C900" s="150">
        <v>-404520.42000000004</v>
      </c>
      <c r="D900" s="150">
        <v>-36774.58</v>
      </c>
      <c r="E900" s="150">
        <v>-441295</v>
      </c>
      <c r="F900" s="60"/>
    </row>
    <row r="901" spans="1:6">
      <c r="A901" s="149" t="s">
        <v>2750</v>
      </c>
      <c r="B901" s="149"/>
      <c r="C901" s="150">
        <v>-404520.42000000004</v>
      </c>
      <c r="D901" s="150">
        <v>-36774.58</v>
      </c>
      <c r="E901" s="150">
        <v>-441295.00000000006</v>
      </c>
      <c r="F901" s="60"/>
    </row>
    <row r="902" spans="1:6">
      <c r="A902" s="149" t="s">
        <v>2751</v>
      </c>
      <c r="B902" s="149"/>
      <c r="C902" s="150">
        <v>200089837.09</v>
      </c>
      <c r="D902" s="150">
        <v>11236919.290000001</v>
      </c>
      <c r="E902" s="150">
        <v>211326756.38</v>
      </c>
      <c r="F902" s="60"/>
    </row>
    <row r="903" spans="1:6">
      <c r="A903" s="149" t="s">
        <v>2752</v>
      </c>
      <c r="B903" s="149"/>
      <c r="C903" s="150">
        <v>4609748060.79</v>
      </c>
      <c r="D903" s="150">
        <v>412965161.13</v>
      </c>
      <c r="E903" s="150">
        <v>5022713221.9200001</v>
      </c>
      <c r="F903" s="60"/>
    </row>
    <row r="904" spans="1:6">
      <c r="A904" s="149" t="s">
        <v>2753</v>
      </c>
      <c r="B904" s="149"/>
      <c r="C904" s="150">
        <v>1101070515.3199999</v>
      </c>
      <c r="D904" s="150">
        <v>80249223.539999992</v>
      </c>
      <c r="E904" s="150">
        <v>1181319738.8600001</v>
      </c>
      <c r="F904" s="60"/>
    </row>
    <row r="905" spans="1:6">
      <c r="A905" s="149" t="s">
        <v>2754</v>
      </c>
      <c r="B905" s="149"/>
      <c r="C905" s="150">
        <v>12185.67</v>
      </c>
      <c r="D905" s="150">
        <v>0</v>
      </c>
      <c r="E905" s="150">
        <v>12185.67</v>
      </c>
      <c r="F905" s="60"/>
    </row>
    <row r="906" spans="1:6">
      <c r="A906" s="149" t="s">
        <v>2755</v>
      </c>
      <c r="B906" s="149"/>
      <c r="C906" s="150">
        <v>12185.67</v>
      </c>
      <c r="D906" s="150">
        <v>0</v>
      </c>
      <c r="E906" s="150">
        <v>12185.67</v>
      </c>
      <c r="F906" s="60"/>
    </row>
    <row r="907" spans="1:6">
      <c r="A907" s="149" t="s">
        <v>2756</v>
      </c>
      <c r="B907" s="149"/>
      <c r="C907" s="150">
        <v>-131260.46</v>
      </c>
      <c r="D907" s="150">
        <v>-13186.42</v>
      </c>
      <c r="E907" s="150">
        <v>-144446.88</v>
      </c>
      <c r="F907" s="60"/>
    </row>
    <row r="908" spans="1:6">
      <c r="A908" s="149" t="s">
        <v>2757</v>
      </c>
      <c r="B908" s="149"/>
      <c r="C908" s="150">
        <v>-131260.46</v>
      </c>
      <c r="D908" s="150">
        <v>-13186.42</v>
      </c>
      <c r="E908" s="150">
        <v>-144446.88</v>
      </c>
      <c r="F908" s="60"/>
    </row>
    <row r="909" spans="1:6">
      <c r="A909" s="149" t="s">
        <v>2758</v>
      </c>
      <c r="B909" s="149"/>
      <c r="C909" s="150">
        <v>699968.12</v>
      </c>
      <c r="D909" s="150">
        <v>269993.44</v>
      </c>
      <c r="E909" s="150">
        <v>969961.55999999994</v>
      </c>
      <c r="F909" s="60"/>
    </row>
    <row r="910" spans="1:6">
      <c r="A910" s="149" t="s">
        <v>2759</v>
      </c>
      <c r="B910" s="149"/>
      <c r="C910" s="150">
        <v>8880.4699999999993</v>
      </c>
      <c r="D910" s="150">
        <v>-2.04</v>
      </c>
      <c r="E910" s="150">
        <v>8878.43</v>
      </c>
      <c r="F910" s="60"/>
    </row>
    <row r="911" spans="1:6">
      <c r="A911" s="149" t="s">
        <v>2760</v>
      </c>
      <c r="B911" s="149"/>
      <c r="C911" s="150">
        <v>193691.28</v>
      </c>
      <c r="D911" s="150">
        <v>0</v>
      </c>
      <c r="E911" s="150">
        <v>193691.28</v>
      </c>
      <c r="F911" s="60"/>
    </row>
    <row r="912" spans="1:6">
      <c r="A912" s="149" t="s">
        <v>2761</v>
      </c>
      <c r="B912" s="149"/>
      <c r="C912" s="150">
        <v>184609.37000000002</v>
      </c>
      <c r="D912" s="150">
        <v>16782.669999999998</v>
      </c>
      <c r="E912" s="150">
        <v>201392.03999999998</v>
      </c>
      <c r="F912" s="60"/>
    </row>
    <row r="913" spans="1:6">
      <c r="A913" s="149" t="s">
        <v>2762</v>
      </c>
      <c r="B913" s="149"/>
      <c r="C913" s="150">
        <v>1087149.24</v>
      </c>
      <c r="D913" s="150">
        <v>286774.07</v>
      </c>
      <c r="E913" s="150">
        <v>1373923.31</v>
      </c>
      <c r="F913" s="60"/>
    </row>
    <row r="914" spans="1:6">
      <c r="A914" s="149" t="s">
        <v>2763</v>
      </c>
      <c r="B914" s="149"/>
      <c r="C914" s="150">
        <v>15332310.42</v>
      </c>
      <c r="D914" s="150">
        <v>1055520.3299999998</v>
      </c>
      <c r="E914" s="150">
        <v>16387830.749999998</v>
      </c>
      <c r="F914" s="60"/>
    </row>
    <row r="915" spans="1:6">
      <c r="A915" s="149" t="s">
        <v>2764</v>
      </c>
      <c r="B915" s="149"/>
      <c r="C915" s="150">
        <v>15332310.42</v>
      </c>
      <c r="D915" s="150">
        <v>1055520.3299999998</v>
      </c>
      <c r="E915" s="150">
        <v>16387830.749999998</v>
      </c>
      <c r="F915" s="60"/>
    </row>
    <row r="916" spans="1:6">
      <c r="A916" s="149" t="s">
        <v>2765</v>
      </c>
      <c r="B916" s="149"/>
      <c r="C916" s="150">
        <v>344444.06</v>
      </c>
      <c r="D916" s="150">
        <v>38426.410000000003</v>
      </c>
      <c r="E916" s="150">
        <v>382870.47</v>
      </c>
      <c r="F916" s="60"/>
    </row>
    <row r="917" spans="1:6">
      <c r="A917" s="149" t="s">
        <v>2766</v>
      </c>
      <c r="B917" s="149"/>
      <c r="C917" s="150">
        <v>-344444.06000000006</v>
      </c>
      <c r="D917" s="150">
        <v>-38426.410000000003</v>
      </c>
      <c r="E917" s="150">
        <v>-382870.47000000003</v>
      </c>
      <c r="F917" s="60"/>
    </row>
    <row r="918" spans="1:6">
      <c r="A918" s="149" t="s">
        <v>2767</v>
      </c>
      <c r="B918" s="149"/>
      <c r="C918" s="150">
        <v>597948.86</v>
      </c>
      <c r="D918" s="150">
        <v>0</v>
      </c>
      <c r="E918" s="150">
        <v>597948.86</v>
      </c>
      <c r="F918" s="60"/>
    </row>
    <row r="919" spans="1:6">
      <c r="A919" s="149" t="s">
        <v>2768</v>
      </c>
      <c r="B919" s="149"/>
      <c r="C919" s="150">
        <v>14358633.860000001</v>
      </c>
      <c r="D919" s="150">
        <v>4495944.6099999994</v>
      </c>
      <c r="E919" s="150">
        <v>18854578.469999999</v>
      </c>
      <c r="F919" s="60"/>
    </row>
    <row r="920" spans="1:6">
      <c r="A920" s="149" t="s">
        <v>2769</v>
      </c>
      <c r="B920" s="149"/>
      <c r="C920" s="150">
        <v>80686.48</v>
      </c>
      <c r="D920" s="150">
        <v>-98553.08</v>
      </c>
      <c r="E920" s="150">
        <v>-17866.600000000002</v>
      </c>
      <c r="F920" s="60"/>
    </row>
    <row r="921" spans="1:6">
      <c r="A921" s="149" t="s">
        <v>2770</v>
      </c>
      <c r="B921" s="149"/>
      <c r="C921" s="150">
        <v>258904.47999999998</v>
      </c>
      <c r="D921" s="150">
        <v>0</v>
      </c>
      <c r="E921" s="150">
        <v>258904.47999999998</v>
      </c>
      <c r="F921" s="60"/>
    </row>
    <row r="922" spans="1:6">
      <c r="A922" s="149" t="s">
        <v>2771</v>
      </c>
      <c r="B922" s="149"/>
      <c r="C922" s="150">
        <v>2385183.5700000003</v>
      </c>
      <c r="D922" s="150">
        <v>216834.87000000002</v>
      </c>
      <c r="E922" s="150">
        <v>2602018.44</v>
      </c>
      <c r="F922" s="60"/>
    </row>
    <row r="923" spans="1:6">
      <c r="A923" s="149" t="s">
        <v>2772</v>
      </c>
      <c r="B923" s="149"/>
      <c r="C923" s="150">
        <v>-2016602.7699999998</v>
      </c>
      <c r="D923" s="150">
        <v>-58220.37</v>
      </c>
      <c r="E923" s="150">
        <v>-2074823.14</v>
      </c>
      <c r="F923" s="60"/>
    </row>
    <row r="924" spans="1:6">
      <c r="A924" s="149" t="s">
        <v>2773</v>
      </c>
      <c r="B924" s="149"/>
      <c r="C924" s="150">
        <v>26606441.919999998</v>
      </c>
      <c r="D924" s="150">
        <v>0</v>
      </c>
      <c r="E924" s="150">
        <v>26606441.919999998</v>
      </c>
      <c r="F924" s="60"/>
    </row>
    <row r="925" spans="1:6">
      <c r="A925" s="149" t="s">
        <v>2774</v>
      </c>
      <c r="B925" s="149"/>
      <c r="C925" s="150">
        <v>42271196.400000006</v>
      </c>
      <c r="D925" s="150">
        <v>4556006.0299999993</v>
      </c>
      <c r="E925" s="150">
        <v>46827202.43</v>
      </c>
      <c r="F925" s="60"/>
    </row>
    <row r="926" spans="1:6">
      <c r="A926" s="149" t="s">
        <v>2775</v>
      </c>
      <c r="B926" s="149"/>
      <c r="C926" s="150">
        <v>1072613.68</v>
      </c>
      <c r="D926" s="150">
        <v>121134.95999999999</v>
      </c>
      <c r="E926" s="150">
        <v>1193748.6399999999</v>
      </c>
      <c r="F926" s="60"/>
    </row>
    <row r="927" spans="1:6">
      <c r="A927" s="149" t="s">
        <v>2776</v>
      </c>
      <c r="B927" s="149"/>
      <c r="C927" s="150">
        <v>1072613.68</v>
      </c>
      <c r="D927" s="150">
        <v>121134.95999999999</v>
      </c>
      <c r="E927" s="150">
        <v>1193748.6399999999</v>
      </c>
      <c r="F927" s="60"/>
    </row>
    <row r="928" spans="1:6">
      <c r="A928" s="149" t="s">
        <v>2777</v>
      </c>
      <c r="B928" s="149"/>
      <c r="C928" s="150">
        <v>266404.38</v>
      </c>
      <c r="D928" s="150">
        <v>72927.540000000008</v>
      </c>
      <c r="E928" s="150">
        <v>339331.92</v>
      </c>
      <c r="F928" s="60"/>
    </row>
    <row r="929" spans="1:6">
      <c r="A929" s="149" t="s">
        <v>2778</v>
      </c>
      <c r="B929" s="149"/>
      <c r="C929" s="150">
        <v>77390.340000000011</v>
      </c>
      <c r="D929" s="150">
        <v>1009.8</v>
      </c>
      <c r="E929" s="150">
        <v>78400.14</v>
      </c>
      <c r="F929" s="60"/>
    </row>
    <row r="930" spans="1:6">
      <c r="A930" s="149" t="s">
        <v>2779</v>
      </c>
      <c r="B930" s="149"/>
      <c r="C930" s="150">
        <v>-53038617.140000008</v>
      </c>
      <c r="D930" s="150">
        <v>-5118431</v>
      </c>
      <c r="E930" s="150">
        <v>-58157048.139999993</v>
      </c>
      <c r="F930" s="60"/>
    </row>
    <row r="931" spans="1:6">
      <c r="A931" s="149" t="s">
        <v>2780</v>
      </c>
      <c r="B931" s="149"/>
      <c r="C931" s="150">
        <v>53382411.859999999</v>
      </c>
      <c r="D931" s="150">
        <v>5192368.34</v>
      </c>
      <c r="E931" s="150">
        <v>58574780.200000003</v>
      </c>
      <c r="F931" s="60"/>
    </row>
    <row r="932" spans="1:6">
      <c r="A932" s="149" t="s">
        <v>2781</v>
      </c>
      <c r="B932" s="149"/>
      <c r="C932" s="150">
        <v>4730.7900000000009</v>
      </c>
      <c r="D932" s="150">
        <v>25</v>
      </c>
      <c r="E932" s="150">
        <v>4755.79</v>
      </c>
      <c r="F932" s="60"/>
    </row>
    <row r="933" spans="1:6">
      <c r="A933" s="149" t="s">
        <v>2782</v>
      </c>
      <c r="B933" s="149"/>
      <c r="C933" s="150">
        <v>24339018.330000002</v>
      </c>
      <c r="D933" s="150">
        <v>2384642.63</v>
      </c>
      <c r="E933" s="150">
        <v>26723660.959999997</v>
      </c>
      <c r="F933" s="60"/>
    </row>
    <row r="934" spans="1:6">
      <c r="A934" s="149" t="s">
        <v>2783</v>
      </c>
      <c r="B934" s="149"/>
      <c r="C934" s="150">
        <v>24343749.120000001</v>
      </c>
      <c r="D934" s="150">
        <v>2384667.63</v>
      </c>
      <c r="E934" s="150">
        <v>26728416.749999996</v>
      </c>
      <c r="F934" s="60"/>
    </row>
    <row r="935" spans="1:6">
      <c r="A935" s="149" t="s">
        <v>2784</v>
      </c>
      <c r="B935" s="149"/>
      <c r="C935" s="150">
        <v>-29038662.740000002</v>
      </c>
      <c r="D935" s="150">
        <v>-2807700.71</v>
      </c>
      <c r="E935" s="150">
        <v>-31846363.449999999</v>
      </c>
      <c r="F935" s="60"/>
    </row>
    <row r="936" spans="1:6">
      <c r="A936" s="149" t="s">
        <v>2785</v>
      </c>
      <c r="B936" s="149"/>
      <c r="C936" s="150">
        <v>72038028.75999999</v>
      </c>
      <c r="D936" s="150">
        <v>7446415.29</v>
      </c>
      <c r="E936" s="150">
        <v>79484444.049999997</v>
      </c>
      <c r="F936" s="60"/>
    </row>
    <row r="937" spans="1:6">
      <c r="A937" s="149" t="s">
        <v>2786</v>
      </c>
      <c r="B937" s="149"/>
      <c r="C937" s="150">
        <v>-258708.92</v>
      </c>
      <c r="D937" s="150">
        <v>1548517.5499999998</v>
      </c>
      <c r="E937" s="150">
        <v>1289808.6300000001</v>
      </c>
      <c r="F937" s="60"/>
    </row>
    <row r="938" spans="1:6">
      <c r="A938" s="149" t="s">
        <v>2787</v>
      </c>
      <c r="B938" s="149"/>
      <c r="C938" s="150">
        <v>-258708.92000000004</v>
      </c>
      <c r="D938" s="150">
        <v>1548517.5499999998</v>
      </c>
      <c r="E938" s="150">
        <v>1289808.6300000001</v>
      </c>
      <c r="F938" s="60"/>
    </row>
    <row r="939" spans="1:6">
      <c r="A939" s="149" t="s">
        <v>2788</v>
      </c>
      <c r="B939" s="149"/>
      <c r="C939" s="150">
        <v>88055333.370000005</v>
      </c>
      <c r="D939" s="150">
        <v>10324040.82</v>
      </c>
      <c r="E939" s="150">
        <v>98379374.189999998</v>
      </c>
      <c r="F939" s="60"/>
    </row>
    <row r="940" spans="1:6">
      <c r="A940" s="149" t="s">
        <v>2789</v>
      </c>
      <c r="B940" s="149"/>
      <c r="C940" s="150">
        <v>-6842.33</v>
      </c>
      <c r="D940" s="150">
        <v>-1888.8799999999999</v>
      </c>
      <c r="E940" s="150">
        <v>-8731.2100000000009</v>
      </c>
      <c r="F940" s="60"/>
    </row>
    <row r="941" spans="1:6">
      <c r="A941" s="149" t="s">
        <v>2790</v>
      </c>
      <c r="B941" s="149"/>
      <c r="C941" s="150">
        <v>6842.329999999999</v>
      </c>
      <c r="D941" s="150">
        <v>1888.8799999999997</v>
      </c>
      <c r="E941" s="150">
        <v>8731.2100000000009</v>
      </c>
      <c r="F941" s="60"/>
    </row>
    <row r="942" spans="1:6">
      <c r="A942" s="149" t="s">
        <v>2791</v>
      </c>
      <c r="B942" s="149"/>
      <c r="C942" s="150">
        <v>9152.2200000000012</v>
      </c>
      <c r="D942" s="150">
        <v>832.02</v>
      </c>
      <c r="E942" s="150">
        <v>9984.24</v>
      </c>
      <c r="F942" s="60"/>
    </row>
    <row r="943" spans="1:6">
      <c r="A943" s="149" t="s">
        <v>2792</v>
      </c>
      <c r="B943" s="149"/>
      <c r="C943" s="150">
        <v>713815.08</v>
      </c>
      <c r="D943" s="150">
        <v>64892.279999999992</v>
      </c>
      <c r="E943" s="150">
        <v>778707.36</v>
      </c>
      <c r="F943" s="250"/>
    </row>
    <row r="944" spans="1:6">
      <c r="A944" s="149" t="s">
        <v>2793</v>
      </c>
      <c r="B944" s="149"/>
      <c r="C944" s="150">
        <v>722967.3</v>
      </c>
      <c r="D944" s="150">
        <v>65724.3</v>
      </c>
      <c r="E944" s="150">
        <v>788691.60000000009</v>
      </c>
      <c r="F944" s="250"/>
    </row>
    <row r="945" spans="1:6">
      <c r="A945" s="149" t="s">
        <v>2794</v>
      </c>
      <c r="B945" s="149"/>
      <c r="C945" s="150">
        <v>5089181.1999999993</v>
      </c>
      <c r="D945" s="150">
        <v>1033734.47</v>
      </c>
      <c r="E945" s="150">
        <v>6122915.6699999999</v>
      </c>
      <c r="F945" s="250"/>
    </row>
    <row r="946" spans="1:6">
      <c r="A946" s="149" t="s">
        <v>2795</v>
      </c>
      <c r="B946" s="149"/>
      <c r="C946" s="150">
        <v>0</v>
      </c>
      <c r="D946" s="150">
        <v>0</v>
      </c>
      <c r="E946" s="150">
        <v>0</v>
      </c>
      <c r="F946" s="60"/>
    </row>
    <row r="947" spans="1:6">
      <c r="A947" s="149" t="s">
        <v>2796</v>
      </c>
      <c r="B947" s="149"/>
      <c r="C947" s="150">
        <v>5089181.1999999993</v>
      </c>
      <c r="D947" s="150">
        <v>1033734.47</v>
      </c>
      <c r="E947" s="150">
        <v>6122915.6699999999</v>
      </c>
      <c r="F947" s="60"/>
    </row>
    <row r="948" spans="1:6">
      <c r="A948" s="149" t="s">
        <v>2797</v>
      </c>
      <c r="B948" s="149"/>
      <c r="C948" s="150">
        <v>9803494.8399999999</v>
      </c>
      <c r="D948" s="150">
        <v>-1770886.9000000001</v>
      </c>
      <c r="E948" s="150">
        <v>8032607.9399999995</v>
      </c>
      <c r="F948" s="60"/>
    </row>
    <row r="949" spans="1:6">
      <c r="A949" s="149" t="s">
        <v>2798</v>
      </c>
      <c r="B949" s="149"/>
      <c r="C949" s="150">
        <v>9803494.8399999999</v>
      </c>
      <c r="D949" s="150">
        <v>-1770886.9000000001</v>
      </c>
      <c r="E949" s="150">
        <v>8032607.9399999995</v>
      </c>
    </row>
    <row r="950" spans="1:6">
      <c r="A950" s="149" t="s">
        <v>2799</v>
      </c>
      <c r="B950" s="149"/>
      <c r="C950" s="150">
        <v>61559</v>
      </c>
      <c r="D950" s="150">
        <v>44.43</v>
      </c>
      <c r="E950" s="150">
        <v>61603.43</v>
      </c>
    </row>
    <row r="951" spans="1:6">
      <c r="A951" s="149" t="s">
        <v>2800</v>
      </c>
      <c r="B951" s="149"/>
      <c r="C951" s="150">
        <v>61559</v>
      </c>
      <c r="D951" s="150">
        <v>44.43</v>
      </c>
      <c r="E951" s="150">
        <v>61603.430000000008</v>
      </c>
    </row>
    <row r="952" spans="1:6">
      <c r="A952" s="149" t="s">
        <v>2801</v>
      </c>
      <c r="B952" s="149"/>
      <c r="C952" s="150">
        <v>3209063.6900000004</v>
      </c>
      <c r="D952" s="150">
        <v>433123.56</v>
      </c>
      <c r="E952" s="150">
        <v>3642187.25</v>
      </c>
    </row>
    <row r="953" spans="1:6">
      <c r="A953" s="149" t="s">
        <v>2802</v>
      </c>
      <c r="B953" s="149"/>
      <c r="C953" s="150">
        <v>3209063.6900000004</v>
      </c>
      <c r="D953" s="150">
        <v>433123.56</v>
      </c>
      <c r="E953" s="150">
        <v>3642187.25</v>
      </c>
    </row>
    <row r="954" spans="1:6">
      <c r="A954" s="149" t="s">
        <v>2803</v>
      </c>
      <c r="B954" s="149"/>
      <c r="C954" s="150">
        <v>1762678.6300000001</v>
      </c>
      <c r="D954" s="150">
        <v>-1691948.4</v>
      </c>
      <c r="E954" s="150">
        <v>70730.23000000001</v>
      </c>
    </row>
    <row r="955" spans="1:6">
      <c r="A955" s="149" t="s">
        <v>2804</v>
      </c>
      <c r="B955" s="149"/>
      <c r="C955" s="150">
        <v>1762678.6300000001</v>
      </c>
      <c r="D955" s="150">
        <v>-1691948.4</v>
      </c>
      <c r="E955" s="150">
        <v>70730.23000000001</v>
      </c>
    </row>
    <row r="956" spans="1:6">
      <c r="A956" s="149" t="s">
        <v>2805</v>
      </c>
      <c r="B956" s="149"/>
      <c r="C956" s="150">
        <v>1113.53</v>
      </c>
      <c r="D956" s="150">
        <v>0</v>
      </c>
      <c r="E956" s="150">
        <v>1113.53</v>
      </c>
    </row>
    <row r="957" spans="1:6">
      <c r="A957" s="149" t="s">
        <v>2806</v>
      </c>
      <c r="B957" s="149"/>
      <c r="C957" s="150">
        <v>1113.53</v>
      </c>
      <c r="D957" s="150">
        <v>0</v>
      </c>
      <c r="E957" s="150">
        <v>1113.53</v>
      </c>
    </row>
    <row r="958" spans="1:6">
      <c r="A958" s="149" t="s">
        <v>2807</v>
      </c>
      <c r="B958" s="149"/>
      <c r="C958" s="150">
        <v>0</v>
      </c>
      <c r="D958" s="150">
        <v>0</v>
      </c>
      <c r="E958" s="150">
        <v>0</v>
      </c>
    </row>
    <row r="959" spans="1:6">
      <c r="A959" s="149" t="s">
        <v>2808</v>
      </c>
      <c r="B959" s="149"/>
      <c r="C959" s="150">
        <v>0</v>
      </c>
      <c r="D959" s="150">
        <v>0</v>
      </c>
      <c r="E959" s="150">
        <v>0</v>
      </c>
    </row>
    <row r="960" spans="1:6">
      <c r="A960" s="149" t="s">
        <v>2809</v>
      </c>
      <c r="B960" s="149"/>
      <c r="C960" s="150">
        <v>0</v>
      </c>
      <c r="D960" s="150">
        <v>0</v>
      </c>
      <c r="E960" s="150">
        <v>0</v>
      </c>
    </row>
    <row r="961" spans="1:5">
      <c r="A961" s="149" t="s">
        <v>2810</v>
      </c>
      <c r="B961" s="149"/>
      <c r="C961" s="150">
        <v>0</v>
      </c>
      <c r="D961" s="150">
        <v>0</v>
      </c>
      <c r="E961" s="150">
        <v>0</v>
      </c>
    </row>
    <row r="962" spans="1:5">
      <c r="A962" s="149" t="s">
        <v>2811</v>
      </c>
      <c r="B962" s="149"/>
      <c r="C962" s="150">
        <v>0</v>
      </c>
      <c r="D962" s="150">
        <v>0</v>
      </c>
      <c r="E962" s="150">
        <v>0</v>
      </c>
    </row>
    <row r="963" spans="1:5">
      <c r="A963" s="149" t="s">
        <v>2812</v>
      </c>
      <c r="B963" s="149"/>
      <c r="C963" s="150">
        <v>2348042.9700000002</v>
      </c>
      <c r="D963" s="150">
        <v>2007381.2999999998</v>
      </c>
      <c r="E963" s="150">
        <v>4355424.2700000005</v>
      </c>
    </row>
    <row r="964" spans="1:5">
      <c r="A964" s="149" t="s">
        <v>2813</v>
      </c>
      <c r="B964" s="149"/>
      <c r="C964" s="150">
        <v>4111835.1300000004</v>
      </c>
      <c r="D964" s="150">
        <v>315432.90000000002</v>
      </c>
      <c r="E964" s="150">
        <v>4427268.03</v>
      </c>
    </row>
    <row r="965" spans="1:5">
      <c r="A965" s="149" t="s">
        <v>2814</v>
      </c>
      <c r="B965" s="149"/>
      <c r="C965" s="150">
        <v>22998101.16</v>
      </c>
      <c r="D965" s="150">
        <v>77172.759999999995</v>
      </c>
      <c r="E965" s="150">
        <v>23075273.919999998</v>
      </c>
    </row>
    <row r="966" spans="1:5">
      <c r="A966" s="149" t="s">
        <v>2815</v>
      </c>
      <c r="B966" s="149"/>
      <c r="C966" s="150">
        <v>23004943.489999998</v>
      </c>
      <c r="D966" s="150">
        <v>79061.64</v>
      </c>
      <c r="E966" s="150">
        <v>23084005.129999999</v>
      </c>
    </row>
    <row r="967" spans="1:5">
      <c r="A967" s="149" t="s">
        <v>2816</v>
      </c>
      <c r="B967" s="149"/>
      <c r="C967" s="150">
        <v>221177</v>
      </c>
      <c r="D967" s="150">
        <v>20107</v>
      </c>
      <c r="E967" s="150">
        <v>241284</v>
      </c>
    </row>
    <row r="968" spans="1:5">
      <c r="A968" s="149" t="s">
        <v>2817</v>
      </c>
      <c r="B968" s="149"/>
      <c r="C968" s="150">
        <v>221177.00000000003</v>
      </c>
      <c r="D968" s="150">
        <v>20107</v>
      </c>
      <c r="E968" s="150">
        <v>241284</v>
      </c>
    </row>
    <row r="969" spans="1:5">
      <c r="A969" s="149" t="s">
        <v>2818</v>
      </c>
      <c r="B969" s="149"/>
      <c r="C969" s="150">
        <v>9745873.5700000003</v>
      </c>
      <c r="D969" s="150">
        <v>467301.09</v>
      </c>
      <c r="E969" s="150">
        <v>10213174.66</v>
      </c>
    </row>
    <row r="970" spans="1:5">
      <c r="A970" s="149" t="s">
        <v>2819</v>
      </c>
      <c r="B970" s="149"/>
      <c r="C970" s="150">
        <v>-929603.38</v>
      </c>
      <c r="D970" s="150">
        <v>0</v>
      </c>
      <c r="E970" s="150">
        <v>-929603.38</v>
      </c>
    </row>
    <row r="971" spans="1:5">
      <c r="A971" s="149" t="s">
        <v>2820</v>
      </c>
      <c r="B971" s="149"/>
      <c r="C971" s="150">
        <v>8816270.1899999995</v>
      </c>
      <c r="D971" s="150">
        <v>467301.09</v>
      </c>
      <c r="E971" s="150">
        <v>9283571.2800000012</v>
      </c>
    </row>
    <row r="972" spans="1:5">
      <c r="A972" s="149" t="s">
        <v>2821</v>
      </c>
      <c r="B972" s="149"/>
      <c r="C972" s="150">
        <v>-156483.24</v>
      </c>
      <c r="D972" s="150">
        <v>0</v>
      </c>
      <c r="E972" s="150">
        <v>-156483.24</v>
      </c>
    </row>
    <row r="973" spans="1:5">
      <c r="A973" s="149" t="s">
        <v>2822</v>
      </c>
      <c r="B973" s="149"/>
      <c r="C973" s="150">
        <v>-1</v>
      </c>
      <c r="D973" s="150">
        <v>0</v>
      </c>
      <c r="E973" s="150">
        <v>-1</v>
      </c>
    </row>
    <row r="974" spans="1:5">
      <c r="A974" s="149" t="s">
        <v>2823</v>
      </c>
      <c r="B974" s="149"/>
      <c r="C974" s="150">
        <v>-156484.24</v>
      </c>
      <c r="D974" s="150">
        <v>0</v>
      </c>
      <c r="E974" s="150">
        <v>-156484.24</v>
      </c>
    </row>
    <row r="975" spans="1:5">
      <c r="A975" s="149" t="s">
        <v>2824</v>
      </c>
      <c r="B975" s="149"/>
      <c r="C975" s="150">
        <v>2691940.89</v>
      </c>
      <c r="D975" s="150">
        <v>129511.5</v>
      </c>
      <c r="E975" s="150">
        <v>2821452.39</v>
      </c>
    </row>
    <row r="976" spans="1:5">
      <c r="A976" s="149" t="s">
        <v>2825</v>
      </c>
      <c r="B976" s="149"/>
      <c r="C976" s="150">
        <v>2691940.89</v>
      </c>
      <c r="D976" s="150">
        <v>129511.5</v>
      </c>
      <c r="E976" s="150">
        <v>2821452.39</v>
      </c>
    </row>
    <row r="977" spans="1:5">
      <c r="A977" s="149" t="s">
        <v>2826</v>
      </c>
      <c r="B977" s="149"/>
      <c r="C977" s="150">
        <v>2535456.65</v>
      </c>
      <c r="D977" s="150">
        <v>129511.5</v>
      </c>
      <c r="E977" s="150">
        <v>2664968.15</v>
      </c>
    </row>
    <row r="978" spans="1:5">
      <c r="A978" s="149" t="s">
        <v>2827</v>
      </c>
      <c r="B978" s="149"/>
      <c r="C978" s="150">
        <v>11351726.840000002</v>
      </c>
      <c r="D978" s="150">
        <v>596812.59</v>
      </c>
      <c r="E978" s="150">
        <v>11948539.43</v>
      </c>
    </row>
    <row r="979" spans="1:5">
      <c r="A979" s="149" t="s">
        <v>2828</v>
      </c>
      <c r="B979" s="149"/>
      <c r="C979" s="150">
        <v>1618006.37</v>
      </c>
      <c r="D979" s="150">
        <v>97663.67</v>
      </c>
      <c r="E979" s="150">
        <v>1715670.04</v>
      </c>
    </row>
    <row r="980" spans="1:5">
      <c r="A980" s="149" t="s">
        <v>2829</v>
      </c>
      <c r="B980" s="149"/>
      <c r="C980" s="150">
        <v>67974.880000000005</v>
      </c>
      <c r="D980" s="150">
        <v>0</v>
      </c>
      <c r="E980" s="150">
        <v>67974.880000000005</v>
      </c>
    </row>
    <row r="981" spans="1:5">
      <c r="A981" s="149" t="s">
        <v>2830</v>
      </c>
      <c r="B981" s="149"/>
      <c r="C981" s="150">
        <v>448427.05000000005</v>
      </c>
      <c r="D981" s="150">
        <v>27067.29</v>
      </c>
      <c r="E981" s="150">
        <v>475494.34</v>
      </c>
    </row>
    <row r="982" spans="1:5">
      <c r="A982" s="149" t="s">
        <v>2831</v>
      </c>
      <c r="B982" s="149"/>
      <c r="C982" s="150">
        <v>18839.099999999999</v>
      </c>
      <c r="D982" s="150">
        <v>0</v>
      </c>
      <c r="E982" s="150">
        <v>18839.099999999999</v>
      </c>
    </row>
    <row r="983" spans="1:5">
      <c r="A983" s="149" t="s">
        <v>2832</v>
      </c>
      <c r="B983" s="149"/>
      <c r="C983" s="150">
        <v>2153247.4</v>
      </c>
      <c r="D983" s="150">
        <v>124730.96</v>
      </c>
      <c r="E983" s="150">
        <v>2277978.36</v>
      </c>
    </row>
    <row r="984" spans="1:5">
      <c r="A984" s="149" t="s">
        <v>2833</v>
      </c>
      <c r="B984" s="149"/>
      <c r="C984" s="150">
        <v>-518154.35000000003</v>
      </c>
      <c r="D984" s="150">
        <v>-7625.73</v>
      </c>
      <c r="E984" s="150">
        <v>-525780.08000000007</v>
      </c>
    </row>
    <row r="985" spans="1:5">
      <c r="A985" s="149" t="s">
        <v>2834</v>
      </c>
      <c r="B985" s="149"/>
      <c r="C985" s="150">
        <v>-0.4</v>
      </c>
      <c r="D985" s="150">
        <v>0</v>
      </c>
      <c r="E985" s="150">
        <v>-0.4</v>
      </c>
    </row>
    <row r="986" spans="1:5">
      <c r="A986" s="149" t="s">
        <v>2835</v>
      </c>
      <c r="B986" s="149"/>
      <c r="C986" s="150">
        <v>-143605.38999999998</v>
      </c>
      <c r="D986" s="150">
        <v>-2113.46</v>
      </c>
      <c r="E986" s="150">
        <v>-145718.85</v>
      </c>
    </row>
    <row r="987" spans="1:5">
      <c r="A987" s="149" t="s">
        <v>2836</v>
      </c>
      <c r="B987" s="149"/>
      <c r="C987" s="150">
        <v>-0.11</v>
      </c>
      <c r="D987" s="150">
        <v>0</v>
      </c>
      <c r="E987" s="150">
        <v>-0.11</v>
      </c>
    </row>
    <row r="988" spans="1:5">
      <c r="A988" s="149" t="s">
        <v>2837</v>
      </c>
      <c r="B988" s="149"/>
      <c r="C988" s="150">
        <v>-661760.25</v>
      </c>
      <c r="D988" s="150">
        <v>-9739.19</v>
      </c>
      <c r="E988" s="150">
        <v>-671499.44000000006</v>
      </c>
    </row>
    <row r="989" spans="1:5">
      <c r="A989" s="149" t="s">
        <v>2838</v>
      </c>
      <c r="B989" s="149"/>
      <c r="C989" s="150">
        <v>1491487.15</v>
      </c>
      <c r="D989" s="150">
        <v>114991.76999999999</v>
      </c>
      <c r="E989" s="150">
        <v>1606478.92</v>
      </c>
    </row>
    <row r="990" spans="1:5">
      <c r="A990" s="149" t="s">
        <v>2839</v>
      </c>
      <c r="B990" s="149"/>
      <c r="C990" s="150">
        <v>13064390.989999998</v>
      </c>
      <c r="D990" s="150">
        <v>731911.3600000001</v>
      </c>
      <c r="E990" s="150">
        <v>13796302.350000001</v>
      </c>
    </row>
    <row r="991" spans="1:5">
      <c r="A991" s="149" t="s">
        <v>2840</v>
      </c>
      <c r="B991" s="149"/>
      <c r="C991" s="150">
        <v>51985998.890000001</v>
      </c>
      <c r="D991" s="150">
        <v>9513067.8200000003</v>
      </c>
      <c r="E991" s="150">
        <v>61499066.710000001</v>
      </c>
    </row>
    <row r="992" spans="1:5">
      <c r="A992" s="149" t="s">
        <v>2841</v>
      </c>
      <c r="B992" s="149"/>
      <c r="C992" s="150">
        <v>1153056514.21</v>
      </c>
      <c r="D992" s="150">
        <v>89762291.359999999</v>
      </c>
      <c r="E992" s="150">
        <v>1242818805.5699999</v>
      </c>
    </row>
    <row r="993" spans="1:5">
      <c r="A993" s="149" t="s">
        <v>2842</v>
      </c>
      <c r="B993" s="149"/>
      <c r="C993" s="150">
        <v>512992.57</v>
      </c>
      <c r="D993" s="150">
        <v>47308.83</v>
      </c>
      <c r="E993" s="150">
        <v>560301.4</v>
      </c>
    </row>
    <row r="994" spans="1:5">
      <c r="A994" s="149" t="s">
        <v>2843</v>
      </c>
      <c r="B994" s="149"/>
      <c r="C994" s="150">
        <v>799273.41</v>
      </c>
      <c r="D994" s="150">
        <v>80954.61</v>
      </c>
      <c r="E994" s="150">
        <v>880228.02</v>
      </c>
    </row>
    <row r="995" spans="1:5">
      <c r="A995" s="149" t="s">
        <v>2844</v>
      </c>
      <c r="B995" s="149"/>
      <c r="C995" s="150">
        <v>3977850.8600000003</v>
      </c>
      <c r="D995" s="150">
        <v>417307.86</v>
      </c>
      <c r="E995" s="150">
        <v>4395158.72</v>
      </c>
    </row>
    <row r="996" spans="1:5">
      <c r="A996" s="149" t="s">
        <v>2845</v>
      </c>
      <c r="B996" s="149"/>
      <c r="C996" s="150">
        <v>5290116.84</v>
      </c>
      <c r="D996" s="150">
        <v>545571.30000000005</v>
      </c>
      <c r="E996" s="150">
        <v>5835688.1399999997</v>
      </c>
    </row>
    <row r="997" spans="1:5">
      <c r="A997" s="149" t="s">
        <v>2846</v>
      </c>
      <c r="B997" s="149"/>
      <c r="C997" s="150">
        <v>769504.88</v>
      </c>
      <c r="D997" s="150">
        <v>69954.989999999991</v>
      </c>
      <c r="E997" s="150">
        <v>839459.87</v>
      </c>
    </row>
    <row r="998" spans="1:5">
      <c r="A998" s="149" t="s">
        <v>2847</v>
      </c>
      <c r="B998" s="149"/>
      <c r="C998" s="150">
        <v>769504.88000000012</v>
      </c>
      <c r="D998" s="150">
        <v>69954.990000000005</v>
      </c>
      <c r="E998" s="150">
        <v>839459.87</v>
      </c>
    </row>
    <row r="999" spans="1:5">
      <c r="A999" s="149" t="s">
        <v>2848</v>
      </c>
      <c r="B999" s="149"/>
      <c r="C999" s="150">
        <v>6059621.7199999997</v>
      </c>
      <c r="D999" s="150">
        <v>615526.28999999992</v>
      </c>
      <c r="E999" s="150">
        <v>6675148.0099999998</v>
      </c>
    </row>
    <row r="1000" spans="1:5">
      <c r="A1000" s="149" t="s">
        <v>2849</v>
      </c>
      <c r="B1000" s="149"/>
      <c r="C1000" s="150">
        <v>7011008.1200000001</v>
      </c>
      <c r="D1000" s="150">
        <v>1727381.2000000002</v>
      </c>
      <c r="E1000" s="150">
        <v>8738389.3200000003</v>
      </c>
    </row>
    <row r="1001" spans="1:5">
      <c r="A1001" s="149" t="s">
        <v>2850</v>
      </c>
      <c r="B1001" s="149"/>
      <c r="C1001" s="150">
        <v>7011008.1200000001</v>
      </c>
      <c r="D1001" s="150">
        <v>1727381.2000000002</v>
      </c>
      <c r="E1001" s="150">
        <v>8738389.3200000003</v>
      </c>
    </row>
    <row r="1002" spans="1:5">
      <c r="A1002" s="149" t="s">
        <v>2851</v>
      </c>
      <c r="B1002" s="149"/>
      <c r="C1002" s="150">
        <v>34.870000000000005</v>
      </c>
      <c r="D1002" s="150">
        <v>10.139999999999999</v>
      </c>
      <c r="E1002" s="150">
        <v>45.01</v>
      </c>
    </row>
    <row r="1003" spans="1:5">
      <c r="A1003" s="149" t="s">
        <v>2852</v>
      </c>
      <c r="B1003" s="149"/>
      <c r="C1003" s="150">
        <v>1236024.8600000001</v>
      </c>
      <c r="D1003" s="150">
        <v>240318.77</v>
      </c>
      <c r="E1003" s="150">
        <v>1476343.6300000001</v>
      </c>
    </row>
    <row r="1004" spans="1:5">
      <c r="A1004" s="149" t="s">
        <v>2853</v>
      </c>
      <c r="B1004" s="149"/>
      <c r="C1004" s="150">
        <v>1451400.1199999999</v>
      </c>
      <c r="D1004" s="150">
        <v>146349.1</v>
      </c>
      <c r="E1004" s="150">
        <v>1597749.2200000002</v>
      </c>
    </row>
    <row r="1005" spans="1:5">
      <c r="A1005" s="149" t="s">
        <v>2854</v>
      </c>
      <c r="B1005" s="149"/>
      <c r="C1005" s="150">
        <v>2144051.73</v>
      </c>
      <c r="D1005" s="150">
        <v>429947.68</v>
      </c>
      <c r="E1005" s="150">
        <v>2573999.41</v>
      </c>
    </row>
    <row r="1006" spans="1:5">
      <c r="A1006" s="149" t="s">
        <v>2855</v>
      </c>
      <c r="B1006" s="149"/>
      <c r="C1006" s="150">
        <v>4831511.58</v>
      </c>
      <c r="D1006" s="150">
        <v>816625.69</v>
      </c>
      <c r="E1006" s="150">
        <v>5648137.2700000005</v>
      </c>
    </row>
    <row r="1007" spans="1:5">
      <c r="A1007" s="149" t="s">
        <v>2856</v>
      </c>
      <c r="B1007" s="149"/>
      <c r="C1007" s="150">
        <v>11842519.700000001</v>
      </c>
      <c r="D1007" s="150">
        <v>2544006.8899999997</v>
      </c>
      <c r="E1007" s="150">
        <v>14386526.59</v>
      </c>
    </row>
    <row r="1008" spans="1:5">
      <c r="A1008" s="149" t="s">
        <v>2857</v>
      </c>
      <c r="B1008" s="149"/>
      <c r="C1008" s="150">
        <v>-6216873.1799999997</v>
      </c>
      <c r="D1008" s="150">
        <v>-423721.36</v>
      </c>
      <c r="E1008" s="150">
        <v>-6640594.54</v>
      </c>
    </row>
    <row r="1009" spans="1:5">
      <c r="A1009" s="149" t="s">
        <v>2858</v>
      </c>
      <c r="B1009" s="149"/>
      <c r="C1009" s="150">
        <v>-6216873.1799999997</v>
      </c>
      <c r="D1009" s="150">
        <v>-423721.36</v>
      </c>
      <c r="E1009" s="150">
        <v>-6640594.54</v>
      </c>
    </row>
    <row r="1010" spans="1:5">
      <c r="A1010" s="149" t="s">
        <v>2859</v>
      </c>
      <c r="B1010" s="149"/>
      <c r="C1010" s="150">
        <v>6375167.3399999999</v>
      </c>
      <c r="D1010" s="150">
        <v>1165700.01</v>
      </c>
      <c r="E1010" s="150">
        <v>7540867.3499999996</v>
      </c>
    </row>
    <row r="1011" spans="1:5">
      <c r="A1011" s="149" t="s">
        <v>2860</v>
      </c>
      <c r="B1011" s="149"/>
      <c r="C1011" s="150">
        <v>281546375.23000002</v>
      </c>
      <c r="D1011" s="150">
        <v>30705653.75</v>
      </c>
      <c r="E1011" s="150">
        <v>312252028.98000002</v>
      </c>
    </row>
    <row r="1012" spans="1:5">
      <c r="A1012" s="149" t="s">
        <v>2861</v>
      </c>
      <c r="B1012" s="149"/>
      <c r="C1012" s="150">
        <v>287921542.56999999</v>
      </c>
      <c r="D1012" s="150">
        <v>31871353.760000002</v>
      </c>
      <c r="E1012" s="150">
        <v>319792896.33000004</v>
      </c>
    </row>
    <row r="1013" spans="1:5">
      <c r="A1013" s="149" t="s">
        <v>2862</v>
      </c>
      <c r="B1013" s="149"/>
      <c r="C1013" s="150">
        <v>287921542.56999999</v>
      </c>
      <c r="D1013" s="150">
        <v>31871353.760000002</v>
      </c>
      <c r="E1013" s="150">
        <v>319792896.33000004</v>
      </c>
    </row>
    <row r="1014" spans="1:5">
      <c r="A1014" s="149" t="s">
        <v>2863</v>
      </c>
      <c r="B1014" s="149"/>
      <c r="C1014" s="150">
        <v>299606810.81</v>
      </c>
      <c r="D1014" s="150">
        <v>34607165.579999998</v>
      </c>
      <c r="E1014" s="150">
        <v>334213976.38999999</v>
      </c>
    </row>
    <row r="1015" spans="1:5">
      <c r="A1015" s="149" t="s">
        <v>2864</v>
      </c>
      <c r="B1015" s="149"/>
      <c r="C1015" s="150">
        <v>853449703.4000001</v>
      </c>
      <c r="D1015" s="150">
        <v>55155125.780000001</v>
      </c>
      <c r="E1015" s="150">
        <v>908604829.17999995</v>
      </c>
    </row>
    <row r="1016" spans="1:5">
      <c r="A1016" s="149" t="s">
        <v>2865</v>
      </c>
      <c r="B1016" s="149"/>
      <c r="C1016" s="150">
        <v>0</v>
      </c>
      <c r="D1016" s="150">
        <v>0</v>
      </c>
      <c r="E1016" s="150">
        <v>0</v>
      </c>
    </row>
    <row r="1017" spans="1:5">
      <c r="A1017" s="149" t="s">
        <v>2866</v>
      </c>
      <c r="B1017" s="149"/>
      <c r="C1017" s="150">
        <v>0</v>
      </c>
      <c r="D1017" s="150">
        <v>0</v>
      </c>
      <c r="E1017" s="150">
        <v>0</v>
      </c>
    </row>
    <row r="1018" spans="1:5">
      <c r="A1018" s="149" t="s">
        <v>2867</v>
      </c>
      <c r="B1018" s="149"/>
      <c r="C1018" s="150">
        <v>0</v>
      </c>
      <c r="D1018" s="150">
        <v>0</v>
      </c>
      <c r="E1018" s="150">
        <v>0</v>
      </c>
    </row>
    <row r="1019" spans="1:5">
      <c r="A1019" s="149" t="s">
        <v>2868</v>
      </c>
      <c r="B1019" s="149"/>
      <c r="C1019" s="150">
        <v>0</v>
      </c>
      <c r="D1019" s="150">
        <v>0</v>
      </c>
      <c r="E1019" s="150">
        <v>0</v>
      </c>
    </row>
    <row r="1020" spans="1:5">
      <c r="A1020" s="149" t="s">
        <v>2869</v>
      </c>
      <c r="B1020" s="149"/>
      <c r="C1020" s="150">
        <v>0</v>
      </c>
      <c r="D1020" s="150">
        <v>0</v>
      </c>
      <c r="E1020" s="150">
        <v>0</v>
      </c>
    </row>
    <row r="1021" spans="1:5">
      <c r="A1021" s="146" t="s">
        <v>2870</v>
      </c>
      <c r="B1021" s="147"/>
      <c r="C1021" s="152">
        <v>853449703.4000001</v>
      </c>
      <c r="D1021" s="152">
        <v>55155125.780000001</v>
      </c>
      <c r="E1021" s="152">
        <v>908604829.17999995</v>
      </c>
    </row>
  </sheetData>
  <mergeCells count="1">
    <mergeCell ref="F943:F945"/>
  </mergeCells>
  <pageMargins left="0.7" right="0.7" top="0.75" bottom="0.75" header="0.3" footer="0.3"/>
  <pageSetup orientation="portrait" r:id="rId1"/>
  <headerFooter>
    <oddHeader xml:space="preserve">&amp;RDEF’s Response to OPC POD 1 (1-26)
Q7
Page &amp;P of &amp;N
</oddHeader>
    <oddFooter>&amp;R20240025-OPCPOD1-00004231</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23DC7F-B9AA-450A-95DE-D92CC2E36BE8}">
  <sheetPr>
    <tabColor rgb="FF0070C0"/>
  </sheetPr>
  <dimension ref="A1"/>
  <sheetViews>
    <sheetView tabSelected="1" topLeftCell="A46" workbookViewId="0">
      <selection activeCell="I44" sqref="I44"/>
    </sheetView>
  </sheetViews>
  <sheetFormatPr defaultRowHeight="13.2"/>
  <sheetData/>
  <pageMargins left="0.7" right="0.7" top="0.75" bottom="0.75" header="0.3" footer="0.3"/>
  <pageSetup orientation="portrait" r:id="rId1"/>
  <headerFooter>
    <oddHeader xml:space="preserve">&amp;RDEF’s Response to OPC POD 1 (1-26)
Q7
Page &amp;P of &amp;N
</oddHeader>
    <oddFooter>&amp;R20240025-OPCPOD1-00004231</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D893C0-5D81-4578-B906-EF0FD91BD234}">
  <dimension ref="A1:P58"/>
  <sheetViews>
    <sheetView tabSelected="1" zoomScale="80" zoomScaleNormal="80" zoomScaleSheetLayoutView="70" workbookViewId="0">
      <selection activeCell="I44" sqref="I44"/>
    </sheetView>
  </sheetViews>
  <sheetFormatPr defaultColWidth="9.109375" defaultRowHeight="13.8" outlineLevelRow="1" outlineLevelCol="1"/>
  <cols>
    <col min="1" max="1" width="4.77734375" style="1" customWidth="1"/>
    <col min="2" max="2" width="41.77734375" style="1" customWidth="1"/>
    <col min="3" max="4" width="41.77734375" style="1" hidden="1" customWidth="1" outlineLevel="1"/>
    <col min="5" max="5" width="16.109375" style="1" customWidth="1" collapsed="1"/>
    <col min="6" max="10" width="15.109375" style="1" customWidth="1"/>
    <col min="11" max="11" width="19" style="1" customWidth="1"/>
    <col min="12" max="12" width="13.77734375" style="1" customWidth="1"/>
    <col min="13" max="13" width="13.109375" style="1" bestFit="1" customWidth="1"/>
    <col min="14" max="16384" width="9.109375" style="1"/>
  </cols>
  <sheetData>
    <row r="1" spans="1:16" ht="12.6" customHeight="1">
      <c r="A1" s="6" t="s">
        <v>51</v>
      </c>
      <c r="B1" s="191"/>
      <c r="C1" s="191"/>
      <c r="D1" s="191"/>
      <c r="F1" s="244"/>
      <c r="G1" s="244" t="s">
        <v>4376</v>
      </c>
      <c r="H1" s="244"/>
      <c r="I1" s="244"/>
      <c r="J1" s="244"/>
      <c r="K1" s="244"/>
      <c r="L1" s="191"/>
      <c r="M1" s="189" t="s">
        <v>4377</v>
      </c>
    </row>
    <row r="2" spans="1:16">
      <c r="A2" s="28"/>
      <c r="B2" s="2"/>
      <c r="C2" s="2"/>
      <c r="D2" s="2"/>
      <c r="E2" s="2"/>
      <c r="F2" s="192"/>
      <c r="G2" s="192"/>
      <c r="H2" s="192"/>
      <c r="I2" s="192"/>
      <c r="J2" s="192"/>
      <c r="K2" s="192"/>
      <c r="L2" s="192"/>
      <c r="M2" s="192"/>
    </row>
    <row r="3" spans="1:16" ht="13.2" customHeight="1">
      <c r="A3" s="1" t="s">
        <v>52</v>
      </c>
      <c r="B3" s="193"/>
      <c r="C3" s="193"/>
      <c r="D3" s="193"/>
      <c r="E3" s="8" t="s">
        <v>53</v>
      </c>
      <c r="F3" s="245" t="s">
        <v>54</v>
      </c>
      <c r="G3" s="245"/>
      <c r="H3" s="245"/>
      <c r="I3" s="245"/>
      <c r="K3" s="1" t="s">
        <v>55</v>
      </c>
      <c r="M3" s="7"/>
    </row>
    <row r="4" spans="1:16">
      <c r="B4" s="193"/>
      <c r="C4" s="193"/>
      <c r="D4" s="193"/>
      <c r="E4" s="8"/>
      <c r="F4" s="246"/>
      <c r="G4" s="246"/>
      <c r="H4" s="246"/>
      <c r="I4" s="246"/>
      <c r="J4" s="10" t="s">
        <v>2871</v>
      </c>
      <c r="K4" s="6" t="str">
        <f>+'Procedures &amp; Inputs'!B22</f>
        <v>Projected Test Year 3 Ended</v>
      </c>
      <c r="M4" s="27">
        <f>+'Procedures &amp; Inputs'!H22</f>
        <v>46752</v>
      </c>
    </row>
    <row r="5" spans="1:16">
      <c r="A5" s="1" t="s">
        <v>56</v>
      </c>
      <c r="B5" s="194"/>
      <c r="C5" s="194"/>
      <c r="D5" s="194"/>
      <c r="E5" s="195"/>
      <c r="F5" s="246"/>
      <c r="G5" s="246"/>
      <c r="H5" s="246"/>
      <c r="I5" s="246"/>
      <c r="J5" s="10" t="s">
        <v>57</v>
      </c>
      <c r="K5" s="6" t="str">
        <f>+'Procedures &amp; Inputs'!B23</f>
        <v>Projected Test Year 2 Ended</v>
      </c>
      <c r="M5" s="27">
        <f>+'Procedures &amp; Inputs'!H23</f>
        <v>46387</v>
      </c>
    </row>
    <row r="6" spans="1:16">
      <c r="A6" s="9"/>
      <c r="F6" s="246"/>
      <c r="G6" s="246"/>
      <c r="H6" s="246"/>
      <c r="I6" s="246"/>
      <c r="J6" s="10" t="s">
        <v>57</v>
      </c>
      <c r="K6" s="6" t="str">
        <f>+'Procedures &amp; Inputs'!B24</f>
        <v>Projected Test Year 1 Ended</v>
      </c>
      <c r="M6" s="27">
        <f>+'Procedures &amp; Inputs'!H24</f>
        <v>46022</v>
      </c>
    </row>
    <row r="7" spans="1:16">
      <c r="A7" s="27" t="str">
        <f>+'Procedures &amp; Inputs'!B19</f>
        <v>DOCKET NO.: 20240025-EI</v>
      </c>
      <c r="J7" s="10" t="s">
        <v>57</v>
      </c>
      <c r="K7" s="6" t="str">
        <f>+'Procedures &amp; Inputs'!B25</f>
        <v>Prior Year Ended</v>
      </c>
      <c r="M7" s="27">
        <f>+'Procedures &amp; Inputs'!H25</f>
        <v>45657</v>
      </c>
    </row>
    <row r="8" spans="1:16">
      <c r="A8" s="3"/>
      <c r="G8" s="11"/>
      <c r="J8" s="10" t="s">
        <v>57</v>
      </c>
      <c r="K8" s="6" t="str">
        <f>+'Procedures &amp; Inputs'!B26</f>
        <v>Historical Year Ended</v>
      </c>
      <c r="M8" s="27">
        <f>+'Procedures &amp; Inputs'!H26</f>
        <v>45291</v>
      </c>
    </row>
    <row r="9" spans="1:16">
      <c r="A9" s="3"/>
      <c r="G9" s="11"/>
      <c r="H9" s="34"/>
    </row>
    <row r="10" spans="1:16">
      <c r="A10" s="3"/>
      <c r="G10" s="11"/>
      <c r="H10" s="34"/>
      <c r="J10" s="10"/>
      <c r="K10" s="6"/>
      <c r="M10" s="27"/>
    </row>
    <row r="11" spans="1:16">
      <c r="A11" s="4"/>
      <c r="B11" s="12"/>
      <c r="C11" s="12"/>
      <c r="D11" s="12"/>
      <c r="E11" s="12"/>
      <c r="F11" s="12"/>
      <c r="G11" s="12"/>
      <c r="H11" s="208" t="s">
        <v>58</v>
      </c>
      <c r="I11" s="12"/>
      <c r="J11" s="12"/>
      <c r="K11" s="90" t="str">
        <f>+'Procedures &amp; Inputs'!B29</f>
        <v>Witness:  Aquilina, O'Hara</v>
      </c>
      <c r="L11" s="85"/>
    </row>
    <row r="12" spans="1:16">
      <c r="A12" s="13"/>
      <c r="B12" s="209">
        <v>-1</v>
      </c>
      <c r="C12" s="209"/>
      <c r="D12" s="209"/>
      <c r="E12" s="209">
        <f>+B12-1</f>
        <v>-2</v>
      </c>
      <c r="F12" s="209">
        <f t="shared" ref="F12:L12" si="0">+E12-1</f>
        <v>-3</v>
      </c>
      <c r="G12" s="209">
        <f t="shared" si="0"/>
        <v>-4</v>
      </c>
      <c r="H12" s="209">
        <f t="shared" si="0"/>
        <v>-5</v>
      </c>
      <c r="I12" s="209">
        <f t="shared" si="0"/>
        <v>-6</v>
      </c>
      <c r="J12" s="209">
        <f t="shared" si="0"/>
        <v>-7</v>
      </c>
      <c r="K12" s="209">
        <f t="shared" si="0"/>
        <v>-8</v>
      </c>
      <c r="L12" s="209">
        <f t="shared" si="0"/>
        <v>-9</v>
      </c>
      <c r="M12" s="31"/>
    </row>
    <row r="13" spans="1:16">
      <c r="A13" s="15"/>
      <c r="B13" s="15"/>
      <c r="C13" s="15" t="s">
        <v>59</v>
      </c>
      <c r="D13" s="15" t="s">
        <v>60</v>
      </c>
      <c r="E13" s="14"/>
      <c r="F13" s="14" t="s">
        <v>61</v>
      </c>
      <c r="G13" s="14" t="s">
        <v>62</v>
      </c>
      <c r="H13" s="14" t="s">
        <v>63</v>
      </c>
      <c r="I13" s="14" t="s">
        <v>64</v>
      </c>
      <c r="J13" s="14" t="s">
        <v>61</v>
      </c>
      <c r="K13" s="14"/>
      <c r="L13" s="14" t="s">
        <v>65</v>
      </c>
      <c r="M13" s="14"/>
    </row>
    <row r="14" spans="1:16">
      <c r="A14" s="14" t="s">
        <v>66</v>
      </c>
      <c r="B14" s="14" t="s">
        <v>67</v>
      </c>
      <c r="C14" s="1" t="str">
        <f>+'Procedures &amp; Inputs'!I23</f>
        <v>Year 2026</v>
      </c>
      <c r="D14" s="14"/>
      <c r="E14" s="14" t="s">
        <v>67</v>
      </c>
      <c r="F14" s="14" t="s">
        <v>68</v>
      </c>
      <c r="G14" s="14" t="s">
        <v>69</v>
      </c>
      <c r="H14" s="14" t="s">
        <v>65</v>
      </c>
      <c r="I14" s="14" t="s">
        <v>70</v>
      </c>
      <c r="J14" s="14" t="s">
        <v>71</v>
      </c>
      <c r="K14" s="14" t="s">
        <v>72</v>
      </c>
      <c r="L14" s="14" t="s">
        <v>73</v>
      </c>
      <c r="M14" s="14"/>
    </row>
    <row r="15" spans="1:16">
      <c r="A15" s="16" t="s">
        <v>74</v>
      </c>
      <c r="B15" s="16" t="s">
        <v>67</v>
      </c>
      <c r="C15" s="1" t="str">
        <f>+'Procedures &amp; Inputs'!I22</f>
        <v>Year 2027</v>
      </c>
      <c r="D15" s="196" t="str">
        <f>+'Procedures &amp; Inputs'!I22</f>
        <v>Year 2027</v>
      </c>
      <c r="E15" s="16" t="s">
        <v>75</v>
      </c>
      <c r="F15" s="16" t="s">
        <v>76</v>
      </c>
      <c r="G15" s="16" t="s">
        <v>77</v>
      </c>
      <c r="H15" s="16" t="s">
        <v>61</v>
      </c>
      <c r="I15" s="16" t="s">
        <v>78</v>
      </c>
      <c r="J15" s="16" t="s">
        <v>76</v>
      </c>
      <c r="K15" s="16" t="s">
        <v>79</v>
      </c>
      <c r="L15" s="16" t="s">
        <v>80</v>
      </c>
      <c r="M15" s="16"/>
      <c r="O15" s="102" t="s">
        <v>81</v>
      </c>
      <c r="P15" s="103" t="s">
        <v>82</v>
      </c>
    </row>
    <row r="16" spans="1:16">
      <c r="A16" s="14">
        <v>1</v>
      </c>
      <c r="B16" s="14"/>
      <c r="E16" s="17"/>
      <c r="F16" s="17"/>
      <c r="G16" s="17"/>
      <c r="H16" s="17"/>
      <c r="I16" s="17"/>
      <c r="J16" s="17"/>
      <c r="K16" s="33"/>
      <c r="L16" s="17"/>
      <c r="M16" s="14"/>
      <c r="O16" s="104"/>
      <c r="P16" s="104"/>
    </row>
    <row r="17" spans="1:16">
      <c r="A17" s="18">
        <f>+A16+1</f>
        <v>2</v>
      </c>
      <c r="B17" s="19" t="s">
        <v>83</v>
      </c>
      <c r="E17" s="87"/>
      <c r="F17" s="20"/>
      <c r="G17" s="20"/>
      <c r="H17" s="20"/>
      <c r="I17" s="20"/>
      <c r="J17" s="20"/>
      <c r="K17" s="32"/>
      <c r="L17" s="21"/>
      <c r="M17" s="22"/>
      <c r="O17" s="104"/>
      <c r="P17" s="104"/>
    </row>
    <row r="18" spans="1:16" ht="14.1" customHeight="1">
      <c r="A18" s="18">
        <f t="shared" ref="A18:A57" si="1">A17+1</f>
        <v>3</v>
      </c>
      <c r="B18" s="44" t="s">
        <v>84</v>
      </c>
      <c r="C18" s="197" t="s">
        <v>85</v>
      </c>
      <c r="D18" s="198" t="s">
        <v>86</v>
      </c>
      <c r="E18" s="88">
        <f>+M4</f>
        <v>46752</v>
      </c>
      <c r="F18" s="76">
        <f>-VLOOKUP($C18,'REG FL  BS - 4 Results'!$A:$BA,MATCH($C$14,'REG FL  BS - 4 Results'!$4:$4,0),FALSE)/1000</f>
        <v>131847.99958773699</v>
      </c>
      <c r="G18" s="93">
        <f>+L18</f>
        <v>0</v>
      </c>
      <c r="H18" s="93">
        <f>+O18-G18</f>
        <v>0</v>
      </c>
      <c r="I18" s="93">
        <v>0</v>
      </c>
      <c r="J18" s="76">
        <f>-VLOOKUP($C18,'REG FL  BS - 4 Results'!$A:$BA,MATCH($C$15,'REG FL  BS - 4 Results'!$4:$4,0),FALSE)/1000</f>
        <v>131847.99958773699</v>
      </c>
      <c r="K18" s="43" t="s">
        <v>87</v>
      </c>
      <c r="L18" s="76">
        <f>VLOOKUP($D18,'REG FL  FERC IS - 3 Adjusted'!A:BA,MATCH($D$15,'REG FL  FERC IS - 3 Adjusted'!2:2,0),FALSE)/1000</f>
        <v>0</v>
      </c>
      <c r="M18" s="22"/>
      <c r="O18" s="105">
        <f>+J18-F18</f>
        <v>0</v>
      </c>
      <c r="P18" s="105">
        <f>+G18+H18-O18</f>
        <v>0</v>
      </c>
    </row>
    <row r="19" spans="1:16" ht="14.7" customHeight="1">
      <c r="A19" s="18">
        <f t="shared" si="1"/>
        <v>4</v>
      </c>
      <c r="B19" s="94" t="s">
        <v>88</v>
      </c>
      <c r="C19" s="197" t="s">
        <v>89</v>
      </c>
      <c r="D19" s="199" t="s">
        <v>90</v>
      </c>
      <c r="E19" s="88">
        <f>+E18</f>
        <v>46752</v>
      </c>
      <c r="F19" s="76">
        <f>-VLOOKUP(C19,'REG FL  BS - 4 Results'!$A:$BA,MATCH(C$14,'REG FL  BS - 4 Results'!$4:$4,0),FALSE)/1000</f>
        <v>9198.9465799999998</v>
      </c>
      <c r="G19" s="92">
        <f>+L19</f>
        <v>0</v>
      </c>
      <c r="H19" s="93">
        <f>+O19-G19</f>
        <v>0</v>
      </c>
      <c r="I19" s="92">
        <v>0</v>
      </c>
      <c r="J19" s="76">
        <f>-VLOOKUP($C19,'REG FL  BS - 4 Results'!$A:$BA,MATCH($C$15,'REG FL  BS - 4 Results'!$4:$4,0),FALSE)/1000</f>
        <v>9198.9465799999998</v>
      </c>
      <c r="K19" s="43" t="s">
        <v>87</v>
      </c>
      <c r="L19" s="76">
        <f>VLOOKUP($D19,'REG FL  FERC IS - 3 Adjusted'!A:BA,MATCH($D$15,'REG FL  FERC IS - 3 Adjusted'!2:2,0),FALSE)/1000</f>
        <v>0</v>
      </c>
      <c r="M19" s="24"/>
      <c r="O19" s="105">
        <f>+J19-F19</f>
        <v>0</v>
      </c>
      <c r="P19" s="105">
        <f>+G19+H19-O19</f>
        <v>0</v>
      </c>
    </row>
    <row r="20" spans="1:16">
      <c r="A20" s="18">
        <f t="shared" si="1"/>
        <v>5</v>
      </c>
      <c r="B20" s="25"/>
      <c r="C20" s="25"/>
      <c r="D20" s="25"/>
      <c r="E20" s="26"/>
      <c r="F20" s="26"/>
      <c r="G20" s="26"/>
      <c r="H20" s="26"/>
      <c r="I20" s="26"/>
      <c r="J20" s="26"/>
      <c r="K20" s="38"/>
      <c r="L20" s="26"/>
      <c r="M20" s="24"/>
      <c r="O20" s="104"/>
      <c r="P20" s="104"/>
    </row>
    <row r="21" spans="1:16" ht="13.2" customHeight="1">
      <c r="A21" s="18">
        <f t="shared" si="1"/>
        <v>6</v>
      </c>
      <c r="B21" s="248" t="s">
        <v>4381</v>
      </c>
      <c r="C21" s="248"/>
      <c r="D21" s="248"/>
      <c r="E21" s="248"/>
      <c r="F21" s="248"/>
      <c r="G21" s="248"/>
      <c r="H21" s="248"/>
      <c r="I21" s="248"/>
      <c r="J21" s="248"/>
      <c r="K21" s="248"/>
      <c r="L21" s="86"/>
      <c r="M21" s="86"/>
      <c r="O21" s="104"/>
      <c r="P21" s="104"/>
    </row>
    <row r="22" spans="1:16" ht="13.2" customHeight="1">
      <c r="A22" s="18">
        <f t="shared" si="1"/>
        <v>7</v>
      </c>
      <c r="B22" s="248"/>
      <c r="C22" s="248"/>
      <c r="D22" s="248"/>
      <c r="E22" s="248"/>
      <c r="F22" s="248"/>
      <c r="G22" s="248"/>
      <c r="H22" s="248"/>
      <c r="I22" s="248"/>
      <c r="J22" s="248"/>
      <c r="K22" s="248"/>
      <c r="L22" s="86"/>
      <c r="M22" s="86"/>
      <c r="O22" s="104"/>
      <c r="P22" s="104"/>
    </row>
    <row r="23" spans="1:16" ht="13.2" customHeight="1">
      <c r="A23" s="18">
        <f t="shared" si="1"/>
        <v>8</v>
      </c>
      <c r="B23" s="248"/>
      <c r="C23" s="248"/>
      <c r="D23" s="248"/>
      <c r="E23" s="248"/>
      <c r="F23" s="248"/>
      <c r="G23" s="248"/>
      <c r="H23" s="248"/>
      <c r="I23" s="248"/>
      <c r="J23" s="248"/>
      <c r="K23" s="248"/>
      <c r="L23" s="86"/>
      <c r="M23" s="86"/>
      <c r="O23" s="104"/>
      <c r="P23" s="104"/>
    </row>
    <row r="24" spans="1:16">
      <c r="A24" s="18">
        <f t="shared" si="1"/>
        <v>9</v>
      </c>
      <c r="B24" s="248"/>
      <c r="C24" s="248"/>
      <c r="D24" s="248"/>
      <c r="E24" s="248"/>
      <c r="F24" s="248"/>
      <c r="G24" s="248"/>
      <c r="H24" s="248"/>
      <c r="I24" s="248"/>
      <c r="J24" s="248"/>
      <c r="K24" s="248"/>
      <c r="L24" s="86"/>
      <c r="M24" s="86"/>
      <c r="O24" s="104"/>
      <c r="P24" s="104"/>
    </row>
    <row r="25" spans="1:16">
      <c r="A25" s="18">
        <f>+A24+1</f>
        <v>10</v>
      </c>
      <c r="B25" s="248"/>
      <c r="C25" s="248"/>
      <c r="D25" s="248"/>
      <c r="E25" s="248"/>
      <c r="F25" s="248"/>
      <c r="G25" s="248"/>
      <c r="H25" s="248"/>
      <c r="I25" s="248"/>
      <c r="J25" s="248"/>
      <c r="K25" s="248"/>
      <c r="L25" s="190"/>
      <c r="M25" s="190"/>
      <c r="O25" s="104"/>
      <c r="P25" s="104"/>
    </row>
    <row r="26" spans="1:16">
      <c r="A26" s="18">
        <f>+A25+1</f>
        <v>11</v>
      </c>
      <c r="B26" s="25"/>
      <c r="C26" s="25"/>
      <c r="D26" s="25"/>
      <c r="E26" s="129"/>
      <c r="F26" s="190"/>
      <c r="G26" s="190"/>
      <c r="H26" s="190"/>
      <c r="I26" s="190"/>
      <c r="J26" s="190"/>
      <c r="K26" s="190"/>
      <c r="L26" s="190"/>
      <c r="M26" s="190"/>
      <c r="O26" s="104"/>
      <c r="P26" s="104"/>
    </row>
    <row r="27" spans="1:16" ht="15.6" hidden="1" customHeight="1" outlineLevel="1">
      <c r="A27" s="157"/>
      <c r="B27" s="200" t="s">
        <v>91</v>
      </c>
      <c r="C27" s="200" t="s">
        <v>91</v>
      </c>
      <c r="D27" s="200"/>
      <c r="E27" s="158">
        <f>+E19</f>
        <v>46752</v>
      </c>
      <c r="F27" s="159">
        <f>-VLOOKUP($C27,'REG FL  BS - 4 Results'!$A:$BA,MATCH($C$14,'REG FL  BS - 4 Results'!$4:$4,0),FALSE)/1000</f>
        <v>0</v>
      </c>
      <c r="G27" s="160">
        <f>+L27</f>
        <v>0</v>
      </c>
      <c r="H27" s="161">
        <f>+O27-G27</f>
        <v>0</v>
      </c>
      <c r="I27" s="160">
        <v>0</v>
      </c>
      <c r="J27" s="159">
        <f>-VLOOKUP($C27,'REG FL  BS - 4 Results'!$A:$BA,MATCH($C$15,'REG FL  BS - 4 Results'!$4:$4,0),FALSE)/1000</f>
        <v>0</v>
      </c>
      <c r="K27" s="162" t="s">
        <v>92</v>
      </c>
      <c r="L27" s="95"/>
      <c r="M27" s="22"/>
      <c r="O27" s="105">
        <f>+J27-F27</f>
        <v>0</v>
      </c>
      <c r="P27" s="105">
        <f>+G27+H27-O27</f>
        <v>0</v>
      </c>
    </row>
    <row r="28" spans="1:16" ht="16.2" hidden="1" customHeight="1" outlineLevel="1">
      <c r="A28" s="157"/>
      <c r="B28" s="200" t="s">
        <v>93</v>
      </c>
      <c r="C28" s="200" t="s">
        <v>93</v>
      </c>
      <c r="D28" s="200"/>
      <c r="E28" s="158">
        <f>+E27</f>
        <v>46752</v>
      </c>
      <c r="F28" s="159">
        <f>-VLOOKUP($C28,'REG FL  BS - 4 Results'!$A:$BA,MATCH($C$14,'REG FL  BS - 4 Results'!$4:$4,0),FALSE)/1000</f>
        <v>-1.69502</v>
      </c>
      <c r="G28" s="95">
        <f>+L28</f>
        <v>0</v>
      </c>
      <c r="H28" s="161">
        <f t="shared" ref="H28:H29" si="2">+O28-G28</f>
        <v>0</v>
      </c>
      <c r="I28" s="95">
        <v>0</v>
      </c>
      <c r="J28" s="159">
        <f>-VLOOKUP($C28,'REG FL  BS - 4 Results'!$A:$BA,MATCH($C$15,'REG FL  BS - 4 Results'!$4:$4,0),FALSE)/1000</f>
        <v>-1.69502</v>
      </c>
      <c r="K28" s="163" t="s">
        <v>94</v>
      </c>
      <c r="L28" s="95"/>
      <c r="M28" s="22"/>
      <c r="O28" s="105">
        <f>+J28-F28</f>
        <v>0</v>
      </c>
      <c r="P28" s="105">
        <f t="shared" ref="P28:P30" si="3">+G28+H28-O28</f>
        <v>0</v>
      </c>
    </row>
    <row r="29" spans="1:16" hidden="1" outlineLevel="1">
      <c r="A29" s="157"/>
      <c r="B29" s="200" t="s">
        <v>95</v>
      </c>
      <c r="C29" s="200" t="s">
        <v>95</v>
      </c>
      <c r="D29" s="200"/>
      <c r="E29" s="158">
        <f>+E28</f>
        <v>46752</v>
      </c>
      <c r="F29" s="169">
        <f>-VLOOKUP($C29,'REG FL  BS - 4 Results'!$A:$BA,MATCH($C$14,'REG FL  BS - 4 Results'!$4:$4,0),FALSE)/1000</f>
        <v>14607.90566</v>
      </c>
      <c r="G29" s="170">
        <f>+L29</f>
        <v>0</v>
      </c>
      <c r="H29" s="171">
        <f t="shared" si="2"/>
        <v>0</v>
      </c>
      <c r="I29" s="170">
        <v>0</v>
      </c>
      <c r="J29" s="169">
        <f>-VLOOKUP($C29,'REG FL  BS - 4 Results'!$A:$BA,MATCH($C$15,'REG FL  BS - 4 Results'!$4:$4,0),FALSE)/1000</f>
        <v>14607.90566</v>
      </c>
      <c r="K29" s="163" t="s">
        <v>94</v>
      </c>
      <c r="L29" s="95"/>
      <c r="M29" s="22"/>
      <c r="O29" s="105">
        <f>+J29-F29</f>
        <v>0</v>
      </c>
      <c r="P29" s="105">
        <f t="shared" si="3"/>
        <v>0</v>
      </c>
    </row>
    <row r="30" spans="1:16" ht="16.2" customHeight="1" collapsed="1">
      <c r="A30" s="18">
        <f>+A26+1</f>
        <v>12</v>
      </c>
      <c r="B30" s="19" t="s">
        <v>96</v>
      </c>
      <c r="C30" s="19"/>
      <c r="D30" s="19"/>
      <c r="E30" s="88">
        <f>+E29</f>
        <v>46752</v>
      </c>
      <c r="F30" s="26">
        <f>SUM(F27:F29)</f>
        <v>14606.210640000001</v>
      </c>
      <c r="G30" s="26">
        <f t="shared" ref="G30:J30" si="4">SUM(G27:G29)</f>
        <v>0</v>
      </c>
      <c r="H30" s="26">
        <f t="shared" si="4"/>
        <v>0</v>
      </c>
      <c r="I30" s="26">
        <f t="shared" si="4"/>
        <v>0</v>
      </c>
      <c r="J30" s="26">
        <f t="shared" si="4"/>
        <v>14606.210640000001</v>
      </c>
      <c r="K30" s="43" t="s">
        <v>87</v>
      </c>
      <c r="L30" s="26">
        <f>SUM(L27:L29)</f>
        <v>0</v>
      </c>
      <c r="M30" s="22"/>
      <c r="O30" s="105">
        <f>+J30-F30</f>
        <v>0</v>
      </c>
      <c r="P30" s="105">
        <f t="shared" si="3"/>
        <v>0</v>
      </c>
    </row>
    <row r="31" spans="1:16">
      <c r="A31" s="18">
        <f t="shared" si="1"/>
        <v>13</v>
      </c>
      <c r="B31" s="22"/>
      <c r="C31" s="22"/>
      <c r="D31" s="22"/>
      <c r="E31" s="22"/>
      <c r="F31" s="26"/>
      <c r="G31" s="26"/>
      <c r="H31" s="26"/>
      <c r="I31" s="26"/>
      <c r="J31" s="26"/>
      <c r="K31" s="39"/>
      <c r="L31" s="26"/>
      <c r="M31" s="22"/>
      <c r="O31" s="104"/>
      <c r="P31" s="104"/>
    </row>
    <row r="32" spans="1:16" ht="16.2" customHeight="1">
      <c r="A32" s="18">
        <f t="shared" si="1"/>
        <v>14</v>
      </c>
      <c r="B32" s="249" t="s">
        <v>97</v>
      </c>
      <c r="C32" s="249"/>
      <c r="D32" s="249"/>
      <c r="E32" s="249"/>
      <c r="F32" s="249"/>
      <c r="G32" s="249"/>
      <c r="H32" s="249"/>
      <c r="I32" s="249"/>
      <c r="J32" s="249"/>
      <c r="K32" s="249"/>
      <c r="L32" s="26"/>
      <c r="M32" s="22"/>
      <c r="O32" s="104"/>
      <c r="P32" s="104"/>
    </row>
    <row r="33" spans="1:16">
      <c r="A33" s="18">
        <f t="shared" si="1"/>
        <v>15</v>
      </c>
      <c r="B33" s="249"/>
      <c r="C33" s="249"/>
      <c r="D33" s="249"/>
      <c r="E33" s="249"/>
      <c r="F33" s="249"/>
      <c r="G33" s="249"/>
      <c r="H33" s="249"/>
      <c r="I33" s="249"/>
      <c r="J33" s="249"/>
      <c r="K33" s="249"/>
      <c r="L33" s="50"/>
      <c r="M33" s="50"/>
      <c r="O33" s="104"/>
      <c r="P33" s="104"/>
    </row>
    <row r="34" spans="1:16">
      <c r="A34" s="18">
        <f t="shared" si="1"/>
        <v>16</v>
      </c>
      <c r="B34" s="22"/>
      <c r="C34" s="22"/>
      <c r="D34" s="22"/>
      <c r="E34" s="50"/>
      <c r="F34" s="50"/>
      <c r="G34" s="50"/>
      <c r="H34" s="50"/>
      <c r="I34" s="50"/>
      <c r="J34" s="50"/>
      <c r="K34" s="50"/>
      <c r="L34" s="50"/>
      <c r="M34" s="50"/>
      <c r="O34" s="104"/>
      <c r="P34" s="104"/>
    </row>
    <row r="35" spans="1:16">
      <c r="A35" s="18">
        <f t="shared" si="1"/>
        <v>17</v>
      </c>
      <c r="B35" s="22"/>
      <c r="C35" s="22"/>
      <c r="D35" s="22"/>
      <c r="E35" s="50"/>
      <c r="F35" s="50"/>
      <c r="G35" s="50"/>
      <c r="H35" s="84"/>
      <c r="I35" s="50"/>
      <c r="J35" s="50"/>
      <c r="K35" s="50"/>
      <c r="L35" s="50"/>
      <c r="M35" s="50"/>
      <c r="O35" s="104"/>
      <c r="P35" s="104"/>
    </row>
    <row r="36" spans="1:16">
      <c r="A36" s="18">
        <f t="shared" si="1"/>
        <v>18</v>
      </c>
      <c r="B36" s="26"/>
      <c r="C36" s="26"/>
      <c r="D36" s="26"/>
      <c r="F36" s="26"/>
      <c r="G36" s="26"/>
      <c r="H36" s="26"/>
      <c r="I36" s="26"/>
      <c r="J36" s="26"/>
      <c r="K36" s="38"/>
      <c r="L36" s="26"/>
      <c r="M36" s="26"/>
      <c r="O36" s="104"/>
      <c r="P36" s="104"/>
    </row>
    <row r="37" spans="1:16">
      <c r="A37" s="18">
        <f t="shared" si="1"/>
        <v>19</v>
      </c>
      <c r="B37" s="19" t="s">
        <v>98</v>
      </c>
      <c r="C37" s="19"/>
      <c r="D37" s="19"/>
      <c r="E37" s="5"/>
      <c r="F37" s="37"/>
      <c r="G37" s="37"/>
      <c r="H37" s="37"/>
      <c r="I37" s="37"/>
      <c r="J37" s="37"/>
      <c r="K37" s="40"/>
      <c r="L37" s="37"/>
      <c r="M37" s="26"/>
    </row>
    <row r="38" spans="1:16" hidden="1" outlineLevel="1">
      <c r="A38" s="157"/>
      <c r="B38" s="200" t="s">
        <v>99</v>
      </c>
      <c r="C38" s="200" t="s">
        <v>99</v>
      </c>
      <c r="D38" s="200"/>
      <c r="E38" s="165"/>
      <c r="F38" s="159">
        <f>-VLOOKUP($C38,'REG FL  BS - 4 Results'!$A:$BA,MATCH($C$14,'REG FL  BS - 4 Results'!$4:$4,0),FALSE)/1000</f>
        <v>0</v>
      </c>
      <c r="G38" s="160">
        <f t="shared" ref="G38:G39" si="5">+L38</f>
        <v>0</v>
      </c>
      <c r="H38" s="161">
        <f t="shared" ref="H38:H39" si="6">+O38-G38</f>
        <v>0</v>
      </c>
      <c r="I38" s="97"/>
      <c r="J38" s="159">
        <f>-VLOOKUP($C38,'REG FL  BS - 4 Results'!$A:$BA,MATCH($C$15,'REG FL  BS - 4 Results'!$4:$4,0),FALSE)/1000</f>
        <v>0</v>
      </c>
      <c r="K38" s="166"/>
      <c r="L38" s="97"/>
      <c r="M38" s="26"/>
      <c r="O38" s="105">
        <f>+J38-F38</f>
        <v>0</v>
      </c>
      <c r="P38" s="105">
        <f t="shared" ref="P38:P44" si="7">+G38+H38-O38</f>
        <v>0</v>
      </c>
    </row>
    <row r="39" spans="1:16" hidden="1" outlineLevel="1">
      <c r="A39" s="157"/>
      <c r="B39" s="200" t="s">
        <v>100</v>
      </c>
      <c r="C39" s="200" t="s">
        <v>100</v>
      </c>
      <c r="D39" s="200"/>
      <c r="E39" s="165"/>
      <c r="F39" s="159">
        <f>-VLOOKUP($C39,'REG FL  BS - 4 Results'!$A:$BA,MATCH($C$14,'REG FL  BS - 4 Results'!$4:$4,0),FALSE)/1000</f>
        <v>1490.7673400000001</v>
      </c>
      <c r="G39" s="160">
        <f t="shared" si="5"/>
        <v>0</v>
      </c>
      <c r="H39" s="161">
        <f t="shared" si="6"/>
        <v>0</v>
      </c>
      <c r="I39" s="97"/>
      <c r="J39" s="159">
        <f>-VLOOKUP($C39,'REG FL  BS - 4 Results'!$A:$BA,MATCH($C$15,'REG FL  BS - 4 Results'!$4:$4,0),FALSE)/1000</f>
        <v>1490.7673400000001</v>
      </c>
      <c r="K39" s="166"/>
      <c r="L39" s="97"/>
      <c r="M39" s="26"/>
      <c r="O39" s="105">
        <f>+J39-F39</f>
        <v>0</v>
      </c>
      <c r="P39" s="105">
        <f t="shared" si="7"/>
        <v>0</v>
      </c>
    </row>
    <row r="40" spans="1:16" s="51" customFormat="1" ht="14.7" customHeight="1" collapsed="1">
      <c r="A40" s="18">
        <f>+A37+1</f>
        <v>20</v>
      </c>
      <c r="B40" s="48" t="s">
        <v>101</v>
      </c>
      <c r="C40" s="48"/>
      <c r="D40" s="48"/>
      <c r="E40" s="88">
        <f>+E30</f>
        <v>46752</v>
      </c>
      <c r="F40" s="49">
        <f>SUM(F38:F39)</f>
        <v>1490.7673400000001</v>
      </c>
      <c r="G40" s="49">
        <f t="shared" ref="G40:J40" si="8">SUM(G38:G39)</f>
        <v>0</v>
      </c>
      <c r="H40" s="49">
        <f t="shared" si="8"/>
        <v>0</v>
      </c>
      <c r="I40" s="49">
        <f t="shared" si="8"/>
        <v>0</v>
      </c>
      <c r="J40" s="49">
        <f t="shared" si="8"/>
        <v>1490.7673400000001</v>
      </c>
      <c r="K40" s="43" t="s">
        <v>87</v>
      </c>
      <c r="L40" s="49">
        <f t="shared" ref="L40" si="9">SUM(L38:L39)</f>
        <v>0</v>
      </c>
      <c r="M40" s="46"/>
      <c r="O40" s="105">
        <f>+J40-F40</f>
        <v>0</v>
      </c>
      <c r="P40" s="105">
        <f t="shared" si="7"/>
        <v>0</v>
      </c>
    </row>
    <row r="41" spans="1:16" s="51" customFormat="1" ht="14.7" customHeight="1">
      <c r="A41" s="18">
        <f>+A40+1</f>
        <v>21</v>
      </c>
      <c r="B41" s="48"/>
      <c r="C41" s="48"/>
      <c r="D41" s="48"/>
      <c r="E41" s="45"/>
      <c r="F41" s="49"/>
      <c r="G41" s="49"/>
      <c r="H41" s="49"/>
      <c r="I41" s="49"/>
      <c r="J41" s="49"/>
      <c r="K41" s="43"/>
      <c r="L41" s="49"/>
      <c r="M41" s="46"/>
      <c r="O41" s="105"/>
      <c r="P41" s="106"/>
    </row>
    <row r="42" spans="1:16" s="51" customFormat="1" ht="14.7" hidden="1" customHeight="1" outlineLevel="1">
      <c r="A42" s="18"/>
      <c r="B42" s="23" t="s">
        <v>102</v>
      </c>
      <c r="C42" s="198" t="s">
        <v>103</v>
      </c>
      <c r="D42" s="23"/>
      <c r="E42" s="45"/>
      <c r="F42" s="76">
        <f>-VLOOKUP($C42,'REG FL  BS - 4 Results'!$A:$BA,MATCH($C$14,'REG FL  BS - 4 Results'!$4:$4,0),FALSE)/1000</f>
        <v>0</v>
      </c>
      <c r="G42" s="46">
        <f t="shared" ref="G42:G43" si="10">+L42</f>
        <v>0</v>
      </c>
      <c r="H42" s="93">
        <f t="shared" ref="H42:H43" si="11">+O42-G42</f>
        <v>0</v>
      </c>
      <c r="I42" s="37"/>
      <c r="J42" s="76">
        <f>-VLOOKUP($C42,'REG FL  BS - 4 Results'!$A:$BA,MATCH($C$15,'REG FL  BS - 4 Results'!$4:$4,0),FALSE)/1000</f>
        <v>0</v>
      </c>
      <c r="K42" s="43"/>
      <c r="L42" s="96"/>
      <c r="M42" s="46"/>
      <c r="O42" s="105">
        <f>+J42-F42</f>
        <v>0</v>
      </c>
      <c r="P42" s="105">
        <f t="shared" si="7"/>
        <v>0</v>
      </c>
    </row>
    <row r="43" spans="1:16" s="51" customFormat="1" ht="14.7" hidden="1" customHeight="1" outlineLevel="1">
      <c r="A43" s="18"/>
      <c r="B43" s="23" t="s">
        <v>104</v>
      </c>
      <c r="C43" s="198" t="s">
        <v>105</v>
      </c>
      <c r="D43" s="23"/>
      <c r="E43" s="45"/>
      <c r="F43" s="76">
        <f>-VLOOKUP($C43,'REG FL  BS - 4 Results'!$A:$BA,MATCH($C$14,'REG FL  BS - 4 Results'!$4:$4,0),FALSE)/1000</f>
        <v>903.47202999999899</v>
      </c>
      <c r="G43" s="46">
        <f t="shared" si="10"/>
        <v>0</v>
      </c>
      <c r="H43" s="93">
        <f t="shared" si="11"/>
        <v>0</v>
      </c>
      <c r="I43" s="37"/>
      <c r="J43" s="76">
        <f>-VLOOKUP($C43,'REG FL  BS - 4 Results'!$A:$BA,MATCH($C$15,'REG FL  BS - 4 Results'!$4:$4,0),FALSE)/1000</f>
        <v>903.47202999999899</v>
      </c>
      <c r="K43" s="43"/>
      <c r="L43" s="96"/>
      <c r="M43" s="46"/>
      <c r="O43" s="105">
        <f>+J43-F43</f>
        <v>0</v>
      </c>
      <c r="P43" s="105">
        <f t="shared" si="7"/>
        <v>0</v>
      </c>
    </row>
    <row r="44" spans="1:16" collapsed="1">
      <c r="A44" s="18">
        <f>+A41+1</f>
        <v>22</v>
      </c>
      <c r="B44" s="1" t="s">
        <v>122</v>
      </c>
      <c r="E44" s="89">
        <f>+E40</f>
        <v>46752</v>
      </c>
      <c r="F44" s="49">
        <f>SUM(F42:F43)</f>
        <v>903.47202999999899</v>
      </c>
      <c r="G44" s="49">
        <f t="shared" ref="G44:J44" si="12">SUM(G42:G43)</f>
        <v>0</v>
      </c>
      <c r="H44" s="49">
        <f t="shared" si="12"/>
        <v>0</v>
      </c>
      <c r="I44" s="49">
        <f t="shared" si="12"/>
        <v>0</v>
      </c>
      <c r="J44" s="49">
        <f t="shared" si="12"/>
        <v>903.47202999999899</v>
      </c>
      <c r="K44" s="47" t="s">
        <v>87</v>
      </c>
      <c r="L44" s="49">
        <f t="shared" ref="L44" si="13">SUM(L42:L43)</f>
        <v>0</v>
      </c>
      <c r="M44" s="26"/>
      <c r="O44" s="105">
        <f>+J44-F44</f>
        <v>0</v>
      </c>
      <c r="P44" s="105">
        <f t="shared" si="7"/>
        <v>0</v>
      </c>
    </row>
    <row r="45" spans="1:16">
      <c r="A45" s="18">
        <f t="shared" si="1"/>
        <v>23</v>
      </c>
      <c r="B45" s="23"/>
      <c r="C45" s="23"/>
      <c r="D45" s="23"/>
      <c r="E45" s="35"/>
      <c r="F45" s="36"/>
      <c r="G45" s="26"/>
      <c r="H45" s="26"/>
      <c r="I45" s="26"/>
      <c r="J45" s="36"/>
      <c r="K45" s="47"/>
      <c r="L45" s="26"/>
      <c r="M45" s="26"/>
      <c r="O45" s="104"/>
      <c r="P45" s="104"/>
    </row>
    <row r="46" spans="1:16">
      <c r="A46" s="18">
        <f t="shared" si="1"/>
        <v>24</v>
      </c>
      <c r="M46" s="26"/>
      <c r="O46" s="104"/>
      <c r="P46" s="104"/>
    </row>
    <row r="47" spans="1:16" ht="13.2" customHeight="1">
      <c r="A47" s="18">
        <f t="shared" si="1"/>
        <v>25</v>
      </c>
      <c r="B47" s="247" t="s">
        <v>107</v>
      </c>
      <c r="C47" s="247"/>
      <c r="D47" s="247"/>
      <c r="E47" s="247"/>
      <c r="F47" s="247"/>
      <c r="G47" s="247"/>
      <c r="H47" s="247"/>
      <c r="I47" s="247"/>
      <c r="J47" s="247"/>
      <c r="K47" s="247"/>
      <c r="L47" s="247"/>
      <c r="M47" s="38"/>
      <c r="O47" s="104"/>
      <c r="P47" s="104"/>
    </row>
    <row r="48" spans="1:16">
      <c r="A48" s="18">
        <f t="shared" si="1"/>
        <v>26</v>
      </c>
      <c r="B48" s="84"/>
      <c r="C48" s="84"/>
      <c r="D48" s="84"/>
      <c r="E48" s="84"/>
      <c r="F48" s="84"/>
      <c r="G48" s="84"/>
      <c r="H48" s="84"/>
      <c r="I48" s="84"/>
      <c r="J48" s="84"/>
      <c r="K48" s="84"/>
      <c r="L48" s="38"/>
      <c r="M48" s="38"/>
      <c r="O48" s="104"/>
      <c r="P48" s="104"/>
    </row>
    <row r="49" spans="1:16">
      <c r="A49" s="18">
        <f t="shared" si="1"/>
        <v>27</v>
      </c>
      <c r="B49" s="25"/>
      <c r="C49" s="25"/>
      <c r="D49" s="25"/>
      <c r="E49" s="25"/>
      <c r="F49" s="25"/>
      <c r="G49" s="25"/>
      <c r="H49" s="25"/>
      <c r="I49" s="25"/>
      <c r="J49" s="25"/>
      <c r="K49" s="38"/>
      <c r="L49" s="38"/>
      <c r="M49" s="38"/>
      <c r="O49" s="104"/>
      <c r="P49" s="104"/>
    </row>
    <row r="50" spans="1:16">
      <c r="A50" s="18">
        <f t="shared" si="1"/>
        <v>28</v>
      </c>
      <c r="B50" s="25"/>
      <c r="C50" s="25"/>
      <c r="D50" s="25"/>
      <c r="E50" s="25"/>
      <c r="F50" s="25"/>
      <c r="G50" s="25"/>
      <c r="H50" s="25"/>
      <c r="I50" s="25"/>
      <c r="J50" s="25"/>
      <c r="K50" s="20"/>
      <c r="L50" s="20"/>
      <c r="M50" s="26"/>
      <c r="O50" s="104"/>
      <c r="P50" s="104"/>
    </row>
    <row r="51" spans="1:16">
      <c r="A51" s="18">
        <f t="shared" si="1"/>
        <v>29</v>
      </c>
      <c r="O51" s="104"/>
      <c r="P51" s="104"/>
    </row>
    <row r="52" spans="1:16">
      <c r="A52" s="18">
        <f t="shared" si="1"/>
        <v>30</v>
      </c>
      <c r="O52" s="104"/>
      <c r="P52" s="104"/>
    </row>
    <row r="53" spans="1:16">
      <c r="A53" s="18">
        <f t="shared" si="1"/>
        <v>31</v>
      </c>
      <c r="O53" s="104"/>
      <c r="P53" s="104"/>
    </row>
    <row r="54" spans="1:16">
      <c r="A54" s="18">
        <f t="shared" si="1"/>
        <v>32</v>
      </c>
      <c r="O54" s="104"/>
      <c r="P54" s="104"/>
    </row>
    <row r="55" spans="1:16">
      <c r="A55" s="18">
        <f t="shared" si="1"/>
        <v>33</v>
      </c>
      <c r="O55" s="104"/>
      <c r="P55" s="104"/>
    </row>
    <row r="56" spans="1:16">
      <c r="A56" s="18">
        <f t="shared" si="1"/>
        <v>34</v>
      </c>
      <c r="O56" s="104"/>
      <c r="P56" s="104"/>
    </row>
    <row r="57" spans="1:16" ht="14.4" thickBot="1">
      <c r="A57" s="29">
        <f t="shared" si="1"/>
        <v>35</v>
      </c>
      <c r="B57" s="30"/>
      <c r="C57" s="30"/>
      <c r="D57" s="30"/>
      <c r="E57" s="30"/>
      <c r="F57" s="30"/>
      <c r="G57" s="30"/>
      <c r="H57" s="30"/>
      <c r="I57" s="30"/>
      <c r="J57" s="30"/>
      <c r="K57" s="30"/>
      <c r="L57" s="30"/>
      <c r="M57" s="30"/>
      <c r="O57" s="104"/>
      <c r="P57" s="104"/>
    </row>
    <row r="58" spans="1:16">
      <c r="A58" s="1" t="s">
        <v>108</v>
      </c>
      <c r="L58" s="1" t="s">
        <v>109</v>
      </c>
      <c r="O58" s="104"/>
      <c r="P58" s="104"/>
    </row>
  </sheetData>
  <mergeCells count="4">
    <mergeCell ref="F3:I6"/>
    <mergeCell ref="B47:L47"/>
    <mergeCell ref="B21:K25"/>
    <mergeCell ref="B32:K33"/>
  </mergeCells>
  <pageMargins left="0.7" right="0.7" top="0.75" bottom="0.75" header="0.3" footer="0.3"/>
  <pageSetup fitToWidth="4" fitToHeight="4" orientation="portrait" r:id="rId1"/>
  <headerFooter>
    <oddHeader xml:space="preserve">&amp;RDEF’s Response to OPC POD 1 (1-26)
Q7
Page &amp;P of &amp;N
</oddHeader>
    <oddFooter>&amp;R20240025-OPCPOD1-00004231</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F9671B4-4A61-412B-A2B6-D6BAA53AF896}">
  <dimension ref="A1:P58"/>
  <sheetViews>
    <sheetView tabSelected="1" zoomScale="80" zoomScaleNormal="80" zoomScaleSheetLayoutView="70" workbookViewId="0">
      <selection activeCell="I44" sqref="I44"/>
    </sheetView>
  </sheetViews>
  <sheetFormatPr defaultColWidth="9.109375" defaultRowHeight="13.8" outlineLevelRow="1" outlineLevelCol="1"/>
  <cols>
    <col min="1" max="1" width="4.77734375" style="1" customWidth="1"/>
    <col min="2" max="2" width="41.77734375" style="1" customWidth="1"/>
    <col min="3" max="4" width="41.77734375" style="1" hidden="1" customWidth="1" outlineLevel="1"/>
    <col min="5" max="5" width="16.109375" style="1" customWidth="1" collapsed="1"/>
    <col min="6" max="10" width="15.109375" style="1" customWidth="1"/>
    <col min="11" max="11" width="19" style="1" customWidth="1"/>
    <col min="12" max="12" width="13.77734375" style="1" customWidth="1"/>
    <col min="13" max="13" width="13.109375" style="1" bestFit="1" customWidth="1"/>
    <col min="14" max="14" width="9.109375" style="1"/>
    <col min="15" max="16" width="9.33203125" style="1" bestFit="1" customWidth="1"/>
    <col min="17" max="16384" width="9.109375" style="1"/>
  </cols>
  <sheetData>
    <row r="1" spans="1:16" ht="12.6" customHeight="1">
      <c r="A1" s="6" t="s">
        <v>51</v>
      </c>
      <c r="B1" s="191"/>
      <c r="C1" s="191"/>
      <c r="D1" s="191"/>
      <c r="E1" s="244"/>
      <c r="F1" s="244"/>
      <c r="G1" s="244" t="s">
        <v>4376</v>
      </c>
      <c r="H1" s="244"/>
      <c r="I1" s="244"/>
      <c r="J1" s="244"/>
      <c r="K1" s="244"/>
      <c r="L1" s="191"/>
      <c r="M1" s="243" t="s">
        <v>4378</v>
      </c>
    </row>
    <row r="2" spans="1:16">
      <c r="A2" s="28"/>
      <c r="B2" s="2"/>
      <c r="C2" s="2"/>
      <c r="D2" s="2"/>
      <c r="E2" s="2"/>
      <c r="F2" s="192"/>
      <c r="G2" s="192"/>
      <c r="H2" s="192"/>
      <c r="I2" s="192"/>
      <c r="J2" s="192"/>
      <c r="K2" s="192"/>
      <c r="L2" s="192"/>
      <c r="M2" s="192"/>
    </row>
    <row r="3" spans="1:16" ht="13.2" customHeight="1">
      <c r="A3" s="1" t="s">
        <v>52</v>
      </c>
      <c r="B3" s="193"/>
      <c r="C3" s="193"/>
      <c r="D3" s="193"/>
      <c r="E3" s="8" t="s">
        <v>53</v>
      </c>
      <c r="F3" s="245" t="s">
        <v>54</v>
      </c>
      <c r="G3" s="245"/>
      <c r="H3" s="245"/>
      <c r="I3" s="245"/>
      <c r="K3" s="1" t="s">
        <v>55</v>
      </c>
      <c r="M3" s="7"/>
    </row>
    <row r="4" spans="1:16">
      <c r="B4" s="193"/>
      <c r="C4" s="193"/>
      <c r="D4" s="193"/>
      <c r="E4" s="8"/>
      <c r="F4" s="246"/>
      <c r="G4" s="246"/>
      <c r="H4" s="246"/>
      <c r="I4" s="246"/>
      <c r="J4" s="10" t="s">
        <v>57</v>
      </c>
      <c r="K4" s="6" t="str">
        <f>+'Procedures &amp; Inputs'!B22</f>
        <v>Projected Test Year 3 Ended</v>
      </c>
      <c r="M4" s="27">
        <f>+'Procedures &amp; Inputs'!H22</f>
        <v>46752</v>
      </c>
    </row>
    <row r="5" spans="1:16">
      <c r="A5" s="1" t="s">
        <v>56</v>
      </c>
      <c r="B5" s="194"/>
      <c r="C5" s="194"/>
      <c r="D5" s="194"/>
      <c r="E5" s="195"/>
      <c r="F5" s="246"/>
      <c r="G5" s="246"/>
      <c r="H5" s="246"/>
      <c r="I5" s="246"/>
      <c r="J5" s="10" t="s">
        <v>2871</v>
      </c>
      <c r="K5" s="6" t="str">
        <f>+'Procedures &amp; Inputs'!B23</f>
        <v>Projected Test Year 2 Ended</v>
      </c>
      <c r="M5" s="27">
        <f>+'Procedures &amp; Inputs'!H23</f>
        <v>46387</v>
      </c>
    </row>
    <row r="6" spans="1:16">
      <c r="A6" s="9"/>
      <c r="F6" s="246"/>
      <c r="G6" s="246"/>
      <c r="H6" s="246"/>
      <c r="I6" s="246"/>
      <c r="J6" s="10" t="s">
        <v>57</v>
      </c>
      <c r="K6" s="6" t="str">
        <f>+'Procedures &amp; Inputs'!B24</f>
        <v>Projected Test Year 1 Ended</v>
      </c>
      <c r="M6" s="27">
        <f>+'Procedures &amp; Inputs'!H24</f>
        <v>46022</v>
      </c>
    </row>
    <row r="7" spans="1:16">
      <c r="A7" s="27" t="str">
        <f>+'Procedures &amp; Inputs'!B19</f>
        <v>DOCKET NO.: 20240025-EI</v>
      </c>
      <c r="J7" s="10" t="s">
        <v>57</v>
      </c>
      <c r="K7" s="6" t="str">
        <f>+'Procedures &amp; Inputs'!B25</f>
        <v>Prior Year Ended</v>
      </c>
      <c r="M7" s="27">
        <f>+'Procedures &amp; Inputs'!H25</f>
        <v>45657</v>
      </c>
    </row>
    <row r="8" spans="1:16">
      <c r="A8" s="3"/>
      <c r="G8" s="11"/>
      <c r="J8" s="10" t="s">
        <v>57</v>
      </c>
      <c r="K8" s="6" t="str">
        <f>+'Procedures &amp; Inputs'!B26</f>
        <v>Historical Year Ended</v>
      </c>
      <c r="M8" s="27">
        <f>+'Procedures &amp; Inputs'!H26</f>
        <v>45291</v>
      </c>
    </row>
    <row r="9" spans="1:16">
      <c r="A9" s="3"/>
      <c r="G9" s="11"/>
      <c r="H9" s="34"/>
    </row>
    <row r="10" spans="1:16">
      <c r="A10" s="3"/>
      <c r="G10" s="11"/>
      <c r="H10" s="34"/>
      <c r="J10" s="10"/>
      <c r="K10" s="6"/>
      <c r="M10" s="27"/>
    </row>
    <row r="11" spans="1:16">
      <c r="A11" s="4"/>
      <c r="B11" s="12"/>
      <c r="C11" s="12"/>
      <c r="D11" s="12"/>
      <c r="E11" s="12"/>
      <c r="F11" s="12"/>
      <c r="G11" s="12"/>
      <c r="H11" s="208" t="s">
        <v>58</v>
      </c>
      <c r="I11" s="12"/>
      <c r="J11" s="12"/>
      <c r="K11" s="90" t="str">
        <f>+'Procedures &amp; Inputs'!B29</f>
        <v>Witness:  Aquilina, O'Hara</v>
      </c>
      <c r="L11" s="85"/>
    </row>
    <row r="12" spans="1:16">
      <c r="A12" s="13"/>
      <c r="B12" s="209">
        <v>-1</v>
      </c>
      <c r="C12" s="209"/>
      <c r="D12" s="209"/>
      <c r="E12" s="209">
        <f>+B12-1</f>
        <v>-2</v>
      </c>
      <c r="F12" s="209">
        <f t="shared" ref="F12:L12" si="0">+E12-1</f>
        <v>-3</v>
      </c>
      <c r="G12" s="209">
        <f t="shared" si="0"/>
        <v>-4</v>
      </c>
      <c r="H12" s="209">
        <f t="shared" si="0"/>
        <v>-5</v>
      </c>
      <c r="I12" s="209">
        <f t="shared" si="0"/>
        <v>-6</v>
      </c>
      <c r="J12" s="209">
        <f t="shared" si="0"/>
        <v>-7</v>
      </c>
      <c r="K12" s="209">
        <f t="shared" si="0"/>
        <v>-8</v>
      </c>
      <c r="L12" s="209">
        <f t="shared" si="0"/>
        <v>-9</v>
      </c>
      <c r="M12" s="31"/>
    </row>
    <row r="13" spans="1:16">
      <c r="A13" s="15"/>
      <c r="B13" s="15"/>
      <c r="C13" s="15"/>
      <c r="D13" s="15"/>
      <c r="E13" s="14"/>
      <c r="F13" s="14" t="s">
        <v>61</v>
      </c>
      <c r="G13" s="14" t="s">
        <v>62</v>
      </c>
      <c r="H13" s="14" t="s">
        <v>63</v>
      </c>
      <c r="I13" s="14" t="s">
        <v>64</v>
      </c>
      <c r="J13" s="14" t="s">
        <v>61</v>
      </c>
      <c r="K13" s="14"/>
      <c r="L13" s="14" t="s">
        <v>65</v>
      </c>
      <c r="M13" s="14"/>
    </row>
    <row r="14" spans="1:16" ht="14.4" thickBot="1">
      <c r="A14" s="14" t="s">
        <v>66</v>
      </c>
      <c r="B14" s="14" t="s">
        <v>67</v>
      </c>
      <c r="C14" s="81" t="str">
        <f>+'Procedures &amp; Inputs'!I24</f>
        <v>Year 2025</v>
      </c>
      <c r="D14" s="14"/>
      <c r="E14" s="14" t="s">
        <v>67</v>
      </c>
      <c r="F14" s="14" t="s">
        <v>68</v>
      </c>
      <c r="G14" s="14" t="s">
        <v>69</v>
      </c>
      <c r="H14" s="14" t="s">
        <v>65</v>
      </c>
      <c r="I14" s="14" t="s">
        <v>70</v>
      </c>
      <c r="J14" s="14" t="s">
        <v>71</v>
      </c>
      <c r="K14" s="14" t="s">
        <v>72</v>
      </c>
      <c r="L14" s="14" t="s">
        <v>73</v>
      </c>
      <c r="M14" s="14"/>
    </row>
    <row r="15" spans="1:16">
      <c r="A15" s="16" t="s">
        <v>74</v>
      </c>
      <c r="B15" s="16" t="s">
        <v>67</v>
      </c>
      <c r="C15" s="81" t="str">
        <f>+'Procedures &amp; Inputs'!I23</f>
        <v>Year 2026</v>
      </c>
      <c r="D15" s="201" t="str">
        <f>+'Procedures &amp; Inputs'!I23</f>
        <v>Year 2026</v>
      </c>
      <c r="E15" s="16" t="s">
        <v>75</v>
      </c>
      <c r="F15" s="16" t="s">
        <v>76</v>
      </c>
      <c r="G15" s="16" t="s">
        <v>77</v>
      </c>
      <c r="H15" s="16" t="s">
        <v>61</v>
      </c>
      <c r="I15" s="16" t="s">
        <v>78</v>
      </c>
      <c r="J15" s="16" t="s">
        <v>76</v>
      </c>
      <c r="K15" s="16" t="s">
        <v>79</v>
      </c>
      <c r="L15" s="16" t="s">
        <v>80</v>
      </c>
      <c r="M15" s="16"/>
      <c r="O15" s="107" t="s">
        <v>81</v>
      </c>
      <c r="P15" s="108" t="s">
        <v>82</v>
      </c>
    </row>
    <row r="16" spans="1:16">
      <c r="A16" s="14">
        <v>1</v>
      </c>
      <c r="B16" s="14"/>
      <c r="C16" s="81"/>
      <c r="D16" s="81"/>
      <c r="E16" s="17"/>
      <c r="F16" s="17"/>
      <c r="G16" s="17"/>
      <c r="H16" s="17"/>
      <c r="I16" s="17"/>
      <c r="J16" s="17"/>
      <c r="K16" s="33"/>
      <c r="L16" s="17"/>
      <c r="M16" s="14"/>
      <c r="O16" s="109"/>
      <c r="P16" s="110"/>
    </row>
    <row r="17" spans="1:16">
      <c r="A17" s="18">
        <f>+A16+1</f>
        <v>2</v>
      </c>
      <c r="B17" s="19" t="s">
        <v>83</v>
      </c>
      <c r="C17" s="81"/>
      <c r="D17" s="81"/>
      <c r="E17" s="87"/>
      <c r="F17" s="20"/>
      <c r="G17" s="20"/>
      <c r="H17" s="20"/>
      <c r="I17" s="20"/>
      <c r="J17" s="20"/>
      <c r="K17" s="32"/>
      <c r="L17" s="21"/>
      <c r="M17" s="22"/>
      <c r="O17" s="109"/>
      <c r="P17" s="110"/>
    </row>
    <row r="18" spans="1:16" ht="14.1" customHeight="1">
      <c r="A18" s="18">
        <f t="shared" ref="A18:A50" si="1">A17+1</f>
        <v>3</v>
      </c>
      <c r="B18" s="44" t="s">
        <v>84</v>
      </c>
      <c r="C18" s="207" t="s">
        <v>85</v>
      </c>
      <c r="D18" s="198" t="s">
        <v>86</v>
      </c>
      <c r="E18" s="88">
        <f>+M5</f>
        <v>46387</v>
      </c>
      <c r="F18" s="76">
        <f>-VLOOKUP($C18,'REG FL  BS - 4 Results'!$A:$BA,MATCH($C$14,'REG FL  BS - 4 Results'!$4:$4,0),FALSE)/1000</f>
        <v>131847.99958773699</v>
      </c>
      <c r="G18" s="93">
        <f>+L18</f>
        <v>0</v>
      </c>
      <c r="H18" s="93">
        <f>+O18-G18</f>
        <v>0</v>
      </c>
      <c r="I18" s="93">
        <v>0</v>
      </c>
      <c r="J18" s="76">
        <f>-VLOOKUP($C18,'REG FL  BS - 4 Results'!$A:$BA,MATCH($C$15,'REG FL  BS - 4 Results'!$4:$4,0),FALSE)/1000</f>
        <v>131847.99958773699</v>
      </c>
      <c r="K18" s="43" t="s">
        <v>87</v>
      </c>
      <c r="L18" s="76">
        <f>VLOOKUP($D18,'REG FL  FERC IS - 3 Adjusted'!A:BA,MATCH($D$15,'REG FL  FERC IS - 3 Adjusted'!2:2,0),FALSE)/1000</f>
        <v>0</v>
      </c>
      <c r="M18" s="22"/>
      <c r="O18" s="111">
        <f>+J18-F18</f>
        <v>0</v>
      </c>
      <c r="P18" s="112">
        <f>+G18+H18-O18</f>
        <v>0</v>
      </c>
    </row>
    <row r="19" spans="1:16" ht="14.7" customHeight="1">
      <c r="A19" s="18">
        <f t="shared" si="1"/>
        <v>4</v>
      </c>
      <c r="B19" s="94" t="s">
        <v>88</v>
      </c>
      <c r="C19" s="207" t="s">
        <v>89</v>
      </c>
      <c r="D19" s="204" t="s">
        <v>110</v>
      </c>
      <c r="E19" s="88">
        <f>+E18</f>
        <v>46387</v>
      </c>
      <c r="F19" s="76">
        <f>-VLOOKUP(C19,'REG FL  BS - 4 Results'!$A:$BA,MATCH(C$14,'REG FL  BS - 4 Results'!$4:$4,0),FALSE)/1000</f>
        <v>9198.9465799999998</v>
      </c>
      <c r="G19" s="92">
        <f>+L19</f>
        <v>0</v>
      </c>
      <c r="H19" s="93">
        <f>+O19-G19</f>
        <v>0</v>
      </c>
      <c r="I19" s="92">
        <v>0</v>
      </c>
      <c r="J19" s="76">
        <f>-VLOOKUP($C19,'REG FL  BS - 4 Results'!$A:$BA,MATCH($C$15,'REG FL  BS - 4 Results'!$4:$4,0),FALSE)/1000</f>
        <v>9198.9465799999998</v>
      </c>
      <c r="K19" s="43" t="s">
        <v>87</v>
      </c>
      <c r="L19" s="76">
        <f>VLOOKUP($D19,'REG FL  FERC IS - 3 Adjusted'!A:BA,MATCH($D$15,'REG FL  FERC IS - 3 Adjusted'!2:2,0),FALSE)/1000</f>
        <v>0</v>
      </c>
      <c r="M19" s="24"/>
      <c r="O19" s="111">
        <f>+J19-F19</f>
        <v>0</v>
      </c>
      <c r="P19" s="112">
        <f>+G19+H19-O19</f>
        <v>0</v>
      </c>
    </row>
    <row r="20" spans="1:16">
      <c r="A20" s="18">
        <f t="shared" si="1"/>
        <v>5</v>
      </c>
      <c r="B20" s="25"/>
      <c r="C20" s="25"/>
      <c r="D20" s="25"/>
      <c r="E20" s="26"/>
      <c r="F20" s="26"/>
      <c r="G20" s="26"/>
      <c r="H20" s="26"/>
      <c r="I20" s="26"/>
      <c r="J20" s="26"/>
      <c r="K20" s="38"/>
      <c r="L20" s="26"/>
      <c r="M20" s="24"/>
      <c r="O20" s="109"/>
      <c r="P20" s="110"/>
    </row>
    <row r="21" spans="1:16" ht="13.2" customHeight="1">
      <c r="A21" s="18">
        <f t="shared" si="1"/>
        <v>6</v>
      </c>
      <c r="B21" s="248" t="s">
        <v>4381</v>
      </c>
      <c r="C21" s="248"/>
      <c r="D21" s="248"/>
      <c r="E21" s="248"/>
      <c r="F21" s="248"/>
      <c r="G21" s="248"/>
      <c r="H21" s="248"/>
      <c r="I21" s="248"/>
      <c r="J21" s="248"/>
      <c r="K21" s="248"/>
      <c r="L21" s="86"/>
      <c r="M21" s="86"/>
      <c r="O21" s="109"/>
      <c r="P21" s="110"/>
    </row>
    <row r="22" spans="1:16">
      <c r="A22" s="18">
        <f t="shared" si="1"/>
        <v>7</v>
      </c>
      <c r="B22" s="248"/>
      <c r="C22" s="248"/>
      <c r="D22" s="248"/>
      <c r="E22" s="248"/>
      <c r="F22" s="248"/>
      <c r="G22" s="248"/>
      <c r="H22" s="248"/>
      <c r="I22" s="248"/>
      <c r="J22" s="248"/>
      <c r="K22" s="248"/>
      <c r="L22" s="86"/>
      <c r="M22" s="86"/>
      <c r="O22" s="109"/>
      <c r="P22" s="110"/>
    </row>
    <row r="23" spans="1:16">
      <c r="A23" s="18">
        <f t="shared" si="1"/>
        <v>8</v>
      </c>
      <c r="B23" s="248"/>
      <c r="C23" s="248"/>
      <c r="D23" s="248"/>
      <c r="E23" s="248"/>
      <c r="F23" s="248"/>
      <c r="G23" s="248"/>
      <c r="H23" s="248"/>
      <c r="I23" s="248"/>
      <c r="J23" s="248"/>
      <c r="K23" s="248"/>
      <c r="L23" s="86"/>
      <c r="M23" s="86"/>
      <c r="O23" s="109"/>
      <c r="P23" s="110"/>
    </row>
    <row r="24" spans="1:16">
      <c r="A24" s="18">
        <f t="shared" si="1"/>
        <v>9</v>
      </c>
      <c r="B24" s="248"/>
      <c r="C24" s="248"/>
      <c r="D24" s="248"/>
      <c r="E24" s="248"/>
      <c r="F24" s="248"/>
      <c r="G24" s="248"/>
      <c r="H24" s="248"/>
      <c r="I24" s="248"/>
      <c r="J24" s="248"/>
      <c r="K24" s="248"/>
      <c r="L24" s="86"/>
      <c r="M24" s="86"/>
      <c r="O24" s="109"/>
      <c r="P24" s="110"/>
    </row>
    <row r="25" spans="1:16">
      <c r="A25" s="18">
        <f t="shared" si="1"/>
        <v>10</v>
      </c>
      <c r="B25" s="248"/>
      <c r="C25" s="248"/>
      <c r="D25" s="248"/>
      <c r="E25" s="248"/>
      <c r="F25" s="248"/>
      <c r="G25" s="248"/>
      <c r="H25" s="248"/>
      <c r="I25" s="248"/>
      <c r="J25" s="248"/>
      <c r="K25" s="248"/>
      <c r="L25" s="190"/>
      <c r="M25" s="190"/>
      <c r="O25" s="109"/>
      <c r="P25" s="110"/>
    </row>
    <row r="26" spans="1:16">
      <c r="A26" s="18">
        <f>+A25+1</f>
        <v>11</v>
      </c>
      <c r="B26" s="25"/>
      <c r="C26" s="25"/>
      <c r="D26" s="25"/>
      <c r="E26" s="190"/>
      <c r="F26" s="190"/>
      <c r="G26" s="190"/>
      <c r="H26" s="190"/>
      <c r="I26" s="190"/>
      <c r="J26" s="190"/>
      <c r="K26" s="190"/>
      <c r="L26" s="190"/>
      <c r="M26" s="190"/>
      <c r="O26" s="109"/>
      <c r="P26" s="110"/>
    </row>
    <row r="27" spans="1:16" ht="15.6" hidden="1" customHeight="1" outlineLevel="1">
      <c r="A27" s="157"/>
      <c r="B27" s="200" t="s">
        <v>91</v>
      </c>
      <c r="C27" s="200" t="s">
        <v>91</v>
      </c>
      <c r="D27" s="200"/>
      <c r="E27" s="168">
        <f>+E19</f>
        <v>46387</v>
      </c>
      <c r="F27" s="159">
        <f>-VLOOKUP($C27,'REG FL  BS - 4 Results'!$A:$BA,MATCH($C$14,'REG FL  BS - 4 Results'!$4:$4,0),FALSE)/1000</f>
        <v>0</v>
      </c>
      <c r="G27" s="160">
        <f>+L27</f>
        <v>0</v>
      </c>
      <c r="H27" s="161">
        <f>+O27-G27</f>
        <v>0</v>
      </c>
      <c r="I27" s="160">
        <v>0</v>
      </c>
      <c r="J27" s="159">
        <f>-VLOOKUP($C27,'REG FL  BS - 4 Results'!$A:$BA,MATCH($C$15,'REG FL  BS - 4 Results'!$4:$4,0),FALSE)/1000</f>
        <v>0</v>
      </c>
      <c r="K27" s="162" t="s">
        <v>92</v>
      </c>
      <c r="L27" s="95"/>
      <c r="M27" s="22"/>
      <c r="O27" s="111">
        <f>+J27-F27</f>
        <v>0</v>
      </c>
      <c r="P27" s="112">
        <f>+G27+H27-O27</f>
        <v>0</v>
      </c>
    </row>
    <row r="28" spans="1:16" ht="16.2" hidden="1" customHeight="1" outlineLevel="1">
      <c r="A28" s="157"/>
      <c r="B28" s="200" t="s">
        <v>93</v>
      </c>
      <c r="C28" s="200" t="s">
        <v>93</v>
      </c>
      <c r="D28" s="200"/>
      <c r="E28" s="168">
        <f>+E27</f>
        <v>46387</v>
      </c>
      <c r="F28" s="159">
        <f>-VLOOKUP($C28,'REG FL  BS - 4 Results'!$A:$BA,MATCH($C$14,'REG FL  BS - 4 Results'!$4:$4,0),FALSE)/1000</f>
        <v>-1.69502</v>
      </c>
      <c r="G28" s="95">
        <f>+L28</f>
        <v>0</v>
      </c>
      <c r="H28" s="161">
        <f t="shared" ref="H28:H29" si="2">+O28-G28</f>
        <v>0</v>
      </c>
      <c r="I28" s="95">
        <v>0</v>
      </c>
      <c r="J28" s="159">
        <f>-VLOOKUP($C28,'REG FL  BS - 4 Results'!$A:$BA,MATCH($C$15,'REG FL  BS - 4 Results'!$4:$4,0),FALSE)/1000</f>
        <v>-1.69502</v>
      </c>
      <c r="K28" s="163" t="s">
        <v>94</v>
      </c>
      <c r="L28" s="95"/>
      <c r="M28" s="22"/>
      <c r="O28" s="111">
        <f>+J28-F28</f>
        <v>0</v>
      </c>
      <c r="P28" s="112">
        <f t="shared" ref="P28:P30" si="3">+G28+H28-O28</f>
        <v>0</v>
      </c>
    </row>
    <row r="29" spans="1:16" hidden="1" outlineLevel="1">
      <c r="A29" s="157"/>
      <c r="B29" s="200" t="s">
        <v>95</v>
      </c>
      <c r="C29" s="200" t="s">
        <v>95</v>
      </c>
      <c r="D29" s="200"/>
      <c r="E29" s="168">
        <f>+E28</f>
        <v>46387</v>
      </c>
      <c r="F29" s="169">
        <f>-VLOOKUP($C29,'REG FL  BS - 4 Results'!$A:$BA,MATCH($C$14,'REG FL  BS - 4 Results'!$4:$4,0),FALSE)/1000</f>
        <v>14607.90566</v>
      </c>
      <c r="G29" s="170">
        <f>+L29</f>
        <v>0</v>
      </c>
      <c r="H29" s="171">
        <f t="shared" si="2"/>
        <v>0</v>
      </c>
      <c r="I29" s="170">
        <v>0</v>
      </c>
      <c r="J29" s="169">
        <f>-VLOOKUP($C29,'REG FL  BS - 4 Results'!$A:$BA,MATCH($C$15,'REG FL  BS - 4 Results'!$4:$4,0),FALSE)/1000</f>
        <v>14607.90566</v>
      </c>
      <c r="K29" s="163" t="s">
        <v>94</v>
      </c>
      <c r="L29" s="95"/>
      <c r="M29" s="22"/>
      <c r="O29" s="111">
        <f>+J29-F29</f>
        <v>0</v>
      </c>
      <c r="P29" s="112">
        <f t="shared" si="3"/>
        <v>0</v>
      </c>
    </row>
    <row r="30" spans="1:16" ht="16.2" customHeight="1" collapsed="1">
      <c r="A30" s="18">
        <f>+A26+1</f>
        <v>12</v>
      </c>
      <c r="B30" s="19" t="s">
        <v>96</v>
      </c>
      <c r="C30" s="19"/>
      <c r="D30" s="19"/>
      <c r="E30" s="88">
        <f>+E29</f>
        <v>46387</v>
      </c>
      <c r="F30" s="26">
        <f>SUM(F27:F29)</f>
        <v>14606.210640000001</v>
      </c>
      <c r="G30" s="26">
        <f t="shared" ref="G30:J30" si="4">SUM(G27:G29)</f>
        <v>0</v>
      </c>
      <c r="H30" s="26">
        <f t="shared" si="4"/>
        <v>0</v>
      </c>
      <c r="I30" s="26">
        <f t="shared" si="4"/>
        <v>0</v>
      </c>
      <c r="J30" s="26">
        <f t="shared" si="4"/>
        <v>14606.210640000001</v>
      </c>
      <c r="K30" s="43" t="s">
        <v>87</v>
      </c>
      <c r="L30" s="26">
        <f>SUM(L27:L29)</f>
        <v>0</v>
      </c>
      <c r="M30" s="22"/>
      <c r="O30" s="111">
        <f>+J30-F30</f>
        <v>0</v>
      </c>
      <c r="P30" s="112">
        <f t="shared" si="3"/>
        <v>0</v>
      </c>
    </row>
    <row r="31" spans="1:16">
      <c r="A31" s="18">
        <f t="shared" si="1"/>
        <v>13</v>
      </c>
      <c r="B31" s="22"/>
      <c r="C31" s="22"/>
      <c r="D31" s="22"/>
      <c r="E31" s="22"/>
      <c r="F31" s="26"/>
      <c r="G31" s="26"/>
      <c r="H31" s="26"/>
      <c r="I31" s="26"/>
      <c r="J31" s="26"/>
      <c r="K31" s="39"/>
      <c r="L31" s="26"/>
      <c r="M31" s="22"/>
      <c r="O31" s="109"/>
      <c r="P31" s="110"/>
    </row>
    <row r="32" spans="1:16" ht="16.2" customHeight="1">
      <c r="A32" s="18">
        <f t="shared" si="1"/>
        <v>14</v>
      </c>
      <c r="B32" s="249" t="s">
        <v>97</v>
      </c>
      <c r="C32" s="249"/>
      <c r="D32" s="249"/>
      <c r="E32" s="249"/>
      <c r="F32" s="249"/>
      <c r="G32" s="249"/>
      <c r="H32" s="249"/>
      <c r="I32" s="249"/>
      <c r="J32" s="249"/>
      <c r="K32" s="249"/>
      <c r="L32" s="26"/>
      <c r="M32" s="22"/>
      <c r="O32" s="109"/>
      <c r="P32" s="110"/>
    </row>
    <row r="33" spans="1:16">
      <c r="A33" s="18">
        <f t="shared" si="1"/>
        <v>15</v>
      </c>
      <c r="B33" s="249"/>
      <c r="C33" s="249"/>
      <c r="D33" s="249"/>
      <c r="E33" s="249"/>
      <c r="F33" s="249"/>
      <c r="G33" s="249"/>
      <c r="H33" s="249"/>
      <c r="I33" s="249"/>
      <c r="J33" s="249"/>
      <c r="K33" s="249"/>
      <c r="L33" s="50"/>
      <c r="M33" s="50"/>
      <c r="O33" s="109"/>
      <c r="P33" s="110"/>
    </row>
    <row r="34" spans="1:16">
      <c r="A34" s="18">
        <f t="shared" si="1"/>
        <v>16</v>
      </c>
      <c r="B34" s="22"/>
      <c r="C34" s="22"/>
      <c r="D34" s="22"/>
      <c r="E34" s="50"/>
      <c r="F34" s="50"/>
      <c r="G34" s="50"/>
      <c r="H34" s="50"/>
      <c r="I34" s="50"/>
      <c r="J34" s="50"/>
      <c r="K34" s="50"/>
      <c r="L34" s="50"/>
      <c r="M34" s="50"/>
      <c r="O34" s="109"/>
      <c r="P34" s="110"/>
    </row>
    <row r="35" spans="1:16">
      <c r="A35" s="18">
        <f t="shared" si="1"/>
        <v>17</v>
      </c>
      <c r="B35" s="22"/>
      <c r="C35" s="22"/>
      <c r="D35" s="22"/>
      <c r="E35" s="50"/>
      <c r="F35" s="50"/>
      <c r="G35" s="50"/>
      <c r="H35" s="84"/>
      <c r="I35" s="50"/>
      <c r="J35" s="50"/>
      <c r="K35" s="50"/>
      <c r="L35" s="50"/>
      <c r="M35" s="50"/>
      <c r="O35" s="109"/>
      <c r="P35" s="110"/>
    </row>
    <row r="36" spans="1:16">
      <c r="A36" s="18">
        <f t="shared" si="1"/>
        <v>18</v>
      </c>
      <c r="B36" s="26"/>
      <c r="C36" s="26"/>
      <c r="D36" s="26"/>
      <c r="F36" s="26"/>
      <c r="G36" s="26"/>
      <c r="H36" s="26"/>
      <c r="I36" s="26"/>
      <c r="J36" s="26"/>
      <c r="K36" s="38"/>
      <c r="L36" s="26"/>
      <c r="M36" s="26"/>
      <c r="O36" s="109"/>
      <c r="P36" s="110"/>
    </row>
    <row r="37" spans="1:16">
      <c r="A37" s="18">
        <f t="shared" si="1"/>
        <v>19</v>
      </c>
      <c r="B37" s="19" t="s">
        <v>98</v>
      </c>
      <c r="C37" s="19"/>
      <c r="D37" s="19"/>
      <c r="E37" s="5"/>
      <c r="F37" s="37"/>
      <c r="G37" s="37"/>
      <c r="H37" s="37"/>
      <c r="I37" s="37"/>
      <c r="J37" s="37"/>
      <c r="K37" s="40"/>
      <c r="L37" s="37"/>
      <c r="M37" s="26"/>
      <c r="O37" s="109"/>
      <c r="P37" s="110"/>
    </row>
    <row r="38" spans="1:16" hidden="1" outlineLevel="1">
      <c r="A38" s="157"/>
      <c r="B38" s="200" t="s">
        <v>99</v>
      </c>
      <c r="C38" s="200" t="s">
        <v>99</v>
      </c>
      <c r="D38" s="200"/>
      <c r="E38" s="165"/>
      <c r="F38" s="159">
        <f>-VLOOKUP($C38,'REG FL  BS - 4 Results'!$A:$BA,MATCH($C$14,'REG FL  BS - 4 Results'!$4:$4,0),FALSE)/1000</f>
        <v>0</v>
      </c>
      <c r="G38" s="160">
        <f t="shared" ref="G38:G39" si="5">+L38</f>
        <v>0</v>
      </c>
      <c r="H38" s="161">
        <f t="shared" ref="H38:H39" si="6">+O38-G38</f>
        <v>0</v>
      </c>
      <c r="I38" s="97"/>
      <c r="J38" s="159">
        <f>-VLOOKUP($C38,'REG FL  BS - 4 Results'!$A:$BA,MATCH($C$15,'REG FL  BS - 4 Results'!$4:$4,0),FALSE)/1000</f>
        <v>0</v>
      </c>
      <c r="K38" s="166"/>
      <c r="L38" s="97"/>
      <c r="M38" s="26"/>
      <c r="O38" s="111">
        <f>+J38-F38</f>
        <v>0</v>
      </c>
      <c r="P38" s="112">
        <f t="shared" ref="P38:P44" si="7">+G38+H38-O38</f>
        <v>0</v>
      </c>
    </row>
    <row r="39" spans="1:16" hidden="1" outlineLevel="1">
      <c r="A39" s="157"/>
      <c r="B39" s="200" t="s">
        <v>100</v>
      </c>
      <c r="C39" s="200" t="s">
        <v>100</v>
      </c>
      <c r="D39" s="200"/>
      <c r="E39" s="165"/>
      <c r="F39" s="159">
        <f>-VLOOKUP($C39,'REG FL  BS - 4 Results'!$A:$BA,MATCH($C$14,'REG FL  BS - 4 Results'!$4:$4,0),FALSE)/1000</f>
        <v>1490.7673400000001</v>
      </c>
      <c r="G39" s="160">
        <f t="shared" si="5"/>
        <v>0</v>
      </c>
      <c r="H39" s="161">
        <f t="shared" si="6"/>
        <v>0</v>
      </c>
      <c r="I39" s="97"/>
      <c r="J39" s="159">
        <f>-VLOOKUP($C39,'REG FL  BS - 4 Results'!$A:$BA,MATCH($C$15,'REG FL  BS - 4 Results'!$4:$4,0),FALSE)/1000</f>
        <v>1490.7673400000001</v>
      </c>
      <c r="K39" s="166"/>
      <c r="L39" s="97"/>
      <c r="M39" s="26"/>
      <c r="O39" s="111">
        <f>+J39-F39</f>
        <v>0</v>
      </c>
      <c r="P39" s="112">
        <f t="shared" si="7"/>
        <v>0</v>
      </c>
    </row>
    <row r="40" spans="1:16" s="51" customFormat="1" ht="14.7" customHeight="1" collapsed="1">
      <c r="A40" s="18">
        <f>+A37+1</f>
        <v>20</v>
      </c>
      <c r="B40" s="48" t="s">
        <v>101</v>
      </c>
      <c r="C40" s="48"/>
      <c r="D40" s="48"/>
      <c r="E40" s="88">
        <f>+E30</f>
        <v>46387</v>
      </c>
      <c r="F40" s="49">
        <f>SUM(F38:F39)</f>
        <v>1490.7673400000001</v>
      </c>
      <c r="G40" s="49">
        <f t="shared" ref="G40:J40" si="8">SUM(G38:G39)</f>
        <v>0</v>
      </c>
      <c r="H40" s="49">
        <f t="shared" si="8"/>
        <v>0</v>
      </c>
      <c r="I40" s="49">
        <f t="shared" si="8"/>
        <v>0</v>
      </c>
      <c r="J40" s="49">
        <f t="shared" si="8"/>
        <v>1490.7673400000001</v>
      </c>
      <c r="K40" s="43" t="s">
        <v>87</v>
      </c>
      <c r="L40" s="49">
        <f t="shared" ref="L40" si="9">SUM(L38:L39)</f>
        <v>0</v>
      </c>
      <c r="M40" s="46"/>
      <c r="O40" s="111">
        <f>+J40-F40</f>
        <v>0</v>
      </c>
      <c r="P40" s="112">
        <f t="shared" si="7"/>
        <v>0</v>
      </c>
    </row>
    <row r="41" spans="1:16" s="51" customFormat="1" ht="14.7" customHeight="1">
      <c r="A41" s="18">
        <f>+A40+1</f>
        <v>21</v>
      </c>
      <c r="B41" s="48"/>
      <c r="C41" s="48"/>
      <c r="D41" s="48"/>
      <c r="E41" s="45"/>
      <c r="F41" s="49"/>
      <c r="G41" s="49"/>
      <c r="H41" s="49"/>
      <c r="I41" s="49"/>
      <c r="J41" s="49"/>
      <c r="K41" s="43"/>
      <c r="L41" s="49"/>
      <c r="M41" s="46"/>
      <c r="O41" s="111"/>
      <c r="P41" s="113"/>
    </row>
    <row r="42" spans="1:16" s="51" customFormat="1" ht="14.7" hidden="1" customHeight="1" outlineLevel="1">
      <c r="A42" s="157"/>
      <c r="B42" s="167" t="s">
        <v>102</v>
      </c>
      <c r="C42" s="200" t="s">
        <v>103</v>
      </c>
      <c r="D42" s="167"/>
      <c r="E42" s="168"/>
      <c r="F42" s="159">
        <f>-VLOOKUP($C42,'REG FL  BS - 4 Results'!$A:$BA,MATCH($C$14,'REG FL  BS - 4 Results'!$4:$4,0),FALSE)/1000</f>
        <v>0</v>
      </c>
      <c r="G42" s="160">
        <f t="shared" ref="G42:G43" si="10">+L42</f>
        <v>0</v>
      </c>
      <c r="H42" s="161">
        <f t="shared" ref="H42:H43" si="11">+O42-G42</f>
        <v>0</v>
      </c>
      <c r="I42" s="97"/>
      <c r="J42" s="159">
        <f>-VLOOKUP($C42,'REG FL  BS - 4 Results'!$A:$BA,MATCH($C$15,'REG FL  BS - 4 Results'!$4:$4,0),FALSE)/1000</f>
        <v>0</v>
      </c>
      <c r="K42" s="162"/>
      <c r="L42" s="96"/>
      <c r="M42" s="46"/>
      <c r="O42" s="111">
        <f>+J42-F42</f>
        <v>0</v>
      </c>
      <c r="P42" s="112">
        <f t="shared" si="7"/>
        <v>0</v>
      </c>
    </row>
    <row r="43" spans="1:16" s="51" customFormat="1" ht="14.7" hidden="1" customHeight="1" outlineLevel="1">
      <c r="A43" s="157"/>
      <c r="B43" s="167" t="s">
        <v>104</v>
      </c>
      <c r="C43" s="200" t="s">
        <v>105</v>
      </c>
      <c r="D43" s="167"/>
      <c r="E43" s="168"/>
      <c r="F43" s="159">
        <f>-VLOOKUP($C43,'REG FL  BS - 4 Results'!$A:$BA,MATCH($C$14,'REG FL  BS - 4 Results'!$4:$4,0),FALSE)/1000</f>
        <v>903.47202999999899</v>
      </c>
      <c r="G43" s="160">
        <f t="shared" si="10"/>
        <v>0</v>
      </c>
      <c r="H43" s="161">
        <f t="shared" si="11"/>
        <v>0</v>
      </c>
      <c r="I43" s="97"/>
      <c r="J43" s="159">
        <f>-VLOOKUP($C43,'REG FL  BS - 4 Results'!$A:$BA,MATCH($C$15,'REG FL  BS - 4 Results'!$4:$4,0),FALSE)/1000</f>
        <v>903.47202999999899</v>
      </c>
      <c r="K43" s="162"/>
      <c r="L43" s="96"/>
      <c r="M43" s="46"/>
      <c r="O43" s="111">
        <f>+J43-F43</f>
        <v>0</v>
      </c>
      <c r="P43" s="112">
        <f t="shared" si="7"/>
        <v>0</v>
      </c>
    </row>
    <row r="44" spans="1:16" collapsed="1">
      <c r="A44" s="18">
        <f>+A41+1</f>
        <v>22</v>
      </c>
      <c r="B44" s="1" t="s">
        <v>106</v>
      </c>
      <c r="E44" s="89">
        <f>+E40</f>
        <v>46387</v>
      </c>
      <c r="F44" s="49">
        <f>SUM(F42:F43)</f>
        <v>903.47202999999899</v>
      </c>
      <c r="G44" s="49">
        <f t="shared" ref="G44:J44" si="12">SUM(G42:G43)</f>
        <v>0</v>
      </c>
      <c r="H44" s="49">
        <f t="shared" si="12"/>
        <v>0</v>
      </c>
      <c r="I44" s="49">
        <f t="shared" si="12"/>
        <v>0</v>
      </c>
      <c r="J44" s="49">
        <f t="shared" si="12"/>
        <v>903.47202999999899</v>
      </c>
      <c r="K44" s="47" t="s">
        <v>87</v>
      </c>
      <c r="L44" s="49">
        <f t="shared" ref="L44" si="13">SUM(L42:L43)</f>
        <v>0</v>
      </c>
      <c r="M44" s="26"/>
      <c r="O44" s="111">
        <f>+J44-F44</f>
        <v>0</v>
      </c>
      <c r="P44" s="112">
        <f t="shared" si="7"/>
        <v>0</v>
      </c>
    </row>
    <row r="45" spans="1:16">
      <c r="A45" s="18">
        <f t="shared" si="1"/>
        <v>23</v>
      </c>
      <c r="B45" s="23"/>
      <c r="C45" s="23"/>
      <c r="D45" s="23"/>
      <c r="E45" s="35"/>
      <c r="F45" s="36"/>
      <c r="G45" s="26"/>
      <c r="H45" s="26"/>
      <c r="I45" s="26"/>
      <c r="J45" s="36"/>
      <c r="K45" s="47"/>
      <c r="L45" s="26"/>
      <c r="M45" s="26"/>
      <c r="O45" s="109"/>
      <c r="P45" s="110"/>
    </row>
    <row r="46" spans="1:16">
      <c r="A46" s="18">
        <f t="shared" si="1"/>
        <v>24</v>
      </c>
      <c r="M46" s="26"/>
      <c r="O46" s="109"/>
      <c r="P46" s="110"/>
    </row>
    <row r="47" spans="1:16" ht="13.2" customHeight="1">
      <c r="A47" s="18">
        <f t="shared" si="1"/>
        <v>25</v>
      </c>
      <c r="B47" s="247" t="s">
        <v>107</v>
      </c>
      <c r="C47" s="247"/>
      <c r="D47" s="247"/>
      <c r="E47" s="247"/>
      <c r="F47" s="247"/>
      <c r="G47" s="247"/>
      <c r="H47" s="247"/>
      <c r="I47" s="247"/>
      <c r="J47" s="247"/>
      <c r="K47" s="247"/>
      <c r="L47" s="247"/>
      <c r="M47" s="38"/>
      <c r="O47" s="109"/>
      <c r="P47" s="110"/>
    </row>
    <row r="48" spans="1:16">
      <c r="A48" s="18">
        <f t="shared" si="1"/>
        <v>26</v>
      </c>
      <c r="B48" s="84"/>
      <c r="C48" s="84"/>
      <c r="D48" s="84"/>
      <c r="E48" s="84"/>
      <c r="F48" s="84"/>
      <c r="G48" s="84"/>
      <c r="H48" s="84"/>
      <c r="I48" s="84"/>
      <c r="J48" s="84"/>
      <c r="K48" s="84"/>
      <c r="L48" s="38"/>
      <c r="M48" s="38"/>
      <c r="O48" s="109"/>
      <c r="P48" s="110"/>
    </row>
    <row r="49" spans="1:16">
      <c r="A49" s="18">
        <f t="shared" si="1"/>
        <v>27</v>
      </c>
      <c r="B49" s="25"/>
      <c r="C49" s="25"/>
      <c r="D49" s="25"/>
      <c r="E49" s="38"/>
      <c r="F49" s="38"/>
      <c r="G49" s="38"/>
      <c r="H49" s="38"/>
      <c r="I49" s="38"/>
      <c r="J49" s="38"/>
      <c r="K49" s="38"/>
      <c r="L49" s="38"/>
      <c r="M49" s="38"/>
      <c r="O49" s="109"/>
      <c r="P49" s="110"/>
    </row>
    <row r="50" spans="1:16">
      <c r="A50" s="18">
        <f t="shared" si="1"/>
        <v>28</v>
      </c>
      <c r="B50" s="25"/>
      <c r="C50" s="25"/>
      <c r="D50" s="25"/>
      <c r="E50" s="38"/>
      <c r="F50" s="38"/>
      <c r="G50" s="38"/>
      <c r="H50" s="38"/>
      <c r="I50" s="38"/>
      <c r="J50" s="38"/>
      <c r="K50" s="20"/>
      <c r="L50" s="20"/>
      <c r="M50" s="26"/>
      <c r="O50" s="109"/>
      <c r="P50" s="110"/>
    </row>
    <row r="51" spans="1:16">
      <c r="A51" s="18">
        <f>+A50+1</f>
        <v>29</v>
      </c>
      <c r="B51" s="25"/>
      <c r="C51" s="25"/>
      <c r="D51" s="25"/>
      <c r="E51" s="89"/>
      <c r="F51" s="119"/>
      <c r="G51" s="119"/>
      <c r="H51" s="119"/>
      <c r="I51" s="119"/>
      <c r="J51" s="119"/>
      <c r="K51" s="20"/>
      <c r="L51" s="20"/>
      <c r="M51" s="26"/>
      <c r="O51" s="109"/>
      <c r="P51" s="110"/>
    </row>
    <row r="52" spans="1:16">
      <c r="A52" s="18">
        <f t="shared" ref="A52:A54" si="14">+A51+1</f>
        <v>30</v>
      </c>
      <c r="B52" s="25"/>
      <c r="C52" s="25"/>
      <c r="D52" s="25"/>
      <c r="E52" s="89"/>
      <c r="F52" s="119"/>
      <c r="G52" s="119"/>
      <c r="H52" s="119"/>
      <c r="I52" s="119"/>
      <c r="J52" s="119"/>
      <c r="K52" s="20"/>
      <c r="L52" s="20"/>
      <c r="M52" s="26"/>
      <c r="O52" s="109"/>
      <c r="P52" s="110"/>
    </row>
    <row r="53" spans="1:16">
      <c r="A53" s="18">
        <f t="shared" si="14"/>
        <v>31</v>
      </c>
      <c r="B53" s="25"/>
      <c r="C53" s="25"/>
      <c r="D53" s="25"/>
      <c r="E53" s="89"/>
      <c r="F53" s="119"/>
      <c r="G53" s="119"/>
      <c r="H53" s="119"/>
      <c r="I53" s="119"/>
      <c r="J53" s="119"/>
      <c r="K53" s="20"/>
      <c r="L53" s="20"/>
      <c r="M53" s="26"/>
      <c r="O53" s="109"/>
      <c r="P53" s="110"/>
    </row>
    <row r="54" spans="1:16">
      <c r="A54" s="18">
        <f t="shared" si="14"/>
        <v>32</v>
      </c>
      <c r="B54" s="25"/>
      <c r="C54" s="25"/>
      <c r="D54" s="25"/>
      <c r="E54" s="89"/>
      <c r="F54" s="119"/>
      <c r="G54" s="119"/>
      <c r="H54" s="119"/>
      <c r="I54" s="119"/>
      <c r="J54" s="119"/>
      <c r="K54" s="20"/>
      <c r="L54" s="20"/>
      <c r="M54" s="26"/>
      <c r="O54" s="109"/>
      <c r="P54" s="110"/>
    </row>
    <row r="55" spans="1:16">
      <c r="A55" s="18">
        <f t="shared" ref="A55:A57" si="15">A54+1</f>
        <v>33</v>
      </c>
      <c r="B55" s="25"/>
      <c r="C55" s="25"/>
      <c r="D55" s="25"/>
      <c r="E55" s="89"/>
      <c r="F55" s="119"/>
      <c r="G55" s="119"/>
      <c r="H55" s="119"/>
      <c r="I55" s="119"/>
      <c r="J55" s="119"/>
      <c r="K55" s="20"/>
      <c r="L55" s="20"/>
      <c r="M55" s="26"/>
      <c r="O55" s="109"/>
      <c r="P55" s="110"/>
    </row>
    <row r="56" spans="1:16">
      <c r="A56" s="18">
        <f t="shared" si="15"/>
        <v>34</v>
      </c>
      <c r="B56" s="25"/>
      <c r="C56" s="25"/>
      <c r="D56" s="25"/>
      <c r="E56" s="89"/>
      <c r="F56" s="119"/>
      <c r="G56" s="119"/>
      <c r="H56" s="119"/>
      <c r="I56" s="119"/>
      <c r="J56" s="119"/>
      <c r="K56" s="20"/>
      <c r="L56" s="20"/>
      <c r="M56" s="26"/>
      <c r="O56" s="109"/>
      <c r="P56" s="110"/>
    </row>
    <row r="57" spans="1:16" ht="14.4" thickBot="1">
      <c r="A57" s="29">
        <f t="shared" si="15"/>
        <v>35</v>
      </c>
      <c r="B57" s="30"/>
      <c r="C57" s="30"/>
      <c r="D57" s="30"/>
      <c r="E57" s="30"/>
      <c r="F57" s="30"/>
      <c r="G57" s="30"/>
      <c r="H57" s="30"/>
      <c r="I57" s="30"/>
      <c r="J57" s="30"/>
      <c r="K57" s="30"/>
      <c r="L57" s="30"/>
      <c r="M57" s="30"/>
      <c r="O57" s="114"/>
      <c r="P57" s="115"/>
    </row>
    <row r="58" spans="1:16">
      <c r="A58" s="1" t="s">
        <v>108</v>
      </c>
      <c r="L58" s="1" t="s">
        <v>109</v>
      </c>
    </row>
  </sheetData>
  <mergeCells count="4">
    <mergeCell ref="F3:I6"/>
    <mergeCell ref="B47:L47"/>
    <mergeCell ref="B21:K25"/>
    <mergeCell ref="B32:K33"/>
  </mergeCells>
  <pageMargins left="0.7" right="0.7" top="0.75" bottom="0.75" header="0.3" footer="0.3"/>
  <pageSetup fitToWidth="4" fitToHeight="4" orientation="portrait" r:id="rId1"/>
  <headerFooter>
    <oddHeader xml:space="preserve">&amp;RDEF’s Response to OPC POD 1 (1-26)
Q7
Page &amp;P of &amp;N
</oddHeader>
    <oddFooter>&amp;R20240025-OPCPOD1-00004231</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FC8599-FDC0-472F-B74D-D56E8AECC07A}">
  <dimension ref="A1:P58"/>
  <sheetViews>
    <sheetView tabSelected="1" zoomScale="80" zoomScaleNormal="80" zoomScaleSheetLayoutView="70" workbookViewId="0">
      <selection activeCell="I44" sqref="I44"/>
    </sheetView>
  </sheetViews>
  <sheetFormatPr defaultColWidth="9.109375" defaultRowHeight="13.8" outlineLevelRow="1" outlineLevelCol="1"/>
  <cols>
    <col min="1" max="1" width="4.77734375" style="1" customWidth="1"/>
    <col min="2" max="2" width="41.77734375" style="1" customWidth="1"/>
    <col min="3" max="4" width="41.77734375" style="1" hidden="1" customWidth="1" outlineLevel="1"/>
    <col min="5" max="5" width="16.109375" style="1" customWidth="1" collapsed="1"/>
    <col min="6" max="10" width="15.109375" style="1" customWidth="1"/>
    <col min="11" max="11" width="19" style="1" customWidth="1"/>
    <col min="12" max="13" width="13.77734375" style="1" customWidth="1"/>
    <col min="14" max="16384" width="9.109375" style="1"/>
  </cols>
  <sheetData>
    <row r="1" spans="1:16" ht="12.6" customHeight="1">
      <c r="A1" s="6" t="s">
        <v>51</v>
      </c>
      <c r="B1" s="191"/>
      <c r="C1" s="191"/>
      <c r="D1" s="191"/>
      <c r="E1" s="244"/>
      <c r="F1" s="244"/>
      <c r="G1" s="244" t="s">
        <v>4376</v>
      </c>
      <c r="H1" s="244"/>
      <c r="I1" s="244"/>
      <c r="J1" s="244"/>
      <c r="K1" s="244"/>
      <c r="L1" s="191"/>
      <c r="M1" s="243" t="s">
        <v>4379</v>
      </c>
    </row>
    <row r="2" spans="1:16">
      <c r="A2" s="28"/>
      <c r="B2" s="2"/>
      <c r="C2" s="2"/>
      <c r="D2" s="2"/>
      <c r="E2" s="2"/>
      <c r="F2" s="192"/>
      <c r="G2" s="192"/>
      <c r="H2" s="192"/>
      <c r="I2" s="192"/>
      <c r="J2" s="192"/>
      <c r="K2" s="192"/>
      <c r="L2" s="192"/>
      <c r="M2" s="192"/>
    </row>
    <row r="3" spans="1:16" ht="13.2" customHeight="1">
      <c r="A3" s="1" t="s">
        <v>52</v>
      </c>
      <c r="B3" s="193"/>
      <c r="C3" s="193"/>
      <c r="D3" s="193"/>
      <c r="E3" s="8" t="s">
        <v>53</v>
      </c>
      <c r="F3" s="245" t="s">
        <v>54</v>
      </c>
      <c r="G3" s="245"/>
      <c r="H3" s="245"/>
      <c r="I3" s="245"/>
      <c r="K3" s="1" t="s">
        <v>55</v>
      </c>
      <c r="M3" s="7"/>
    </row>
    <row r="4" spans="1:16">
      <c r="B4" s="193"/>
      <c r="C4" s="193"/>
      <c r="D4" s="193"/>
      <c r="E4" s="8"/>
      <c r="F4" s="246"/>
      <c r="G4" s="246"/>
      <c r="H4" s="246"/>
      <c r="I4" s="246"/>
      <c r="J4" s="10" t="s">
        <v>57</v>
      </c>
      <c r="K4" s="6" t="str">
        <f>+'Procedures &amp; Inputs'!B22</f>
        <v>Projected Test Year 3 Ended</v>
      </c>
      <c r="M4" s="27">
        <f>+'Procedures &amp; Inputs'!H22</f>
        <v>46752</v>
      </c>
    </row>
    <row r="5" spans="1:16">
      <c r="A5" s="1" t="s">
        <v>56</v>
      </c>
      <c r="B5" s="194"/>
      <c r="C5" s="194"/>
      <c r="D5" s="194"/>
      <c r="E5" s="195"/>
      <c r="F5" s="246"/>
      <c r="G5" s="246"/>
      <c r="H5" s="246"/>
      <c r="I5" s="246"/>
      <c r="J5" s="10" t="s">
        <v>57</v>
      </c>
      <c r="K5" s="6" t="str">
        <f>+'Procedures &amp; Inputs'!B23</f>
        <v>Projected Test Year 2 Ended</v>
      </c>
      <c r="M5" s="27">
        <f>+'Procedures &amp; Inputs'!H23</f>
        <v>46387</v>
      </c>
    </row>
    <row r="6" spans="1:16">
      <c r="A6" s="9"/>
      <c r="F6" s="246"/>
      <c r="G6" s="246"/>
      <c r="H6" s="246"/>
      <c r="I6" s="246"/>
      <c r="J6" s="10" t="s">
        <v>2871</v>
      </c>
      <c r="K6" s="6" t="str">
        <f>+'Procedures &amp; Inputs'!B24</f>
        <v>Projected Test Year 1 Ended</v>
      </c>
      <c r="M6" s="27">
        <f>+'Procedures &amp; Inputs'!H24</f>
        <v>46022</v>
      </c>
    </row>
    <row r="7" spans="1:16">
      <c r="A7" s="27" t="str">
        <f>+'Procedures &amp; Inputs'!B19</f>
        <v>DOCKET NO.: 20240025-EI</v>
      </c>
      <c r="J7" s="10" t="s">
        <v>57</v>
      </c>
      <c r="K7" s="6" t="str">
        <f>+'Procedures &amp; Inputs'!B25</f>
        <v>Prior Year Ended</v>
      </c>
      <c r="M7" s="27">
        <f>+'Procedures &amp; Inputs'!H25</f>
        <v>45657</v>
      </c>
    </row>
    <row r="8" spans="1:16">
      <c r="A8" s="3"/>
      <c r="G8" s="11"/>
      <c r="J8" s="10" t="s">
        <v>57</v>
      </c>
      <c r="K8" s="6" t="str">
        <f>+'Procedures &amp; Inputs'!B26</f>
        <v>Historical Year Ended</v>
      </c>
      <c r="M8" s="27">
        <f>+'Procedures &amp; Inputs'!H26</f>
        <v>45291</v>
      </c>
    </row>
    <row r="9" spans="1:16">
      <c r="A9" s="3"/>
      <c r="G9" s="11"/>
      <c r="H9" s="34"/>
    </row>
    <row r="10" spans="1:16">
      <c r="A10" s="3"/>
      <c r="G10" s="11"/>
      <c r="H10" s="34"/>
      <c r="J10" s="10"/>
      <c r="K10" s="6"/>
      <c r="M10" s="27"/>
    </row>
    <row r="11" spans="1:16">
      <c r="A11" s="4"/>
      <c r="B11" s="12"/>
      <c r="C11" s="12"/>
      <c r="D11" s="12"/>
      <c r="E11" s="12"/>
      <c r="F11" s="12"/>
      <c r="G11" s="12"/>
      <c r="H11" s="208" t="s">
        <v>58</v>
      </c>
      <c r="I11" s="12"/>
      <c r="J11" s="12"/>
      <c r="K11" s="90" t="str">
        <f>+'Procedures &amp; Inputs'!B29</f>
        <v>Witness:  Aquilina, O'Hara</v>
      </c>
      <c r="L11" s="85"/>
    </row>
    <row r="12" spans="1:16">
      <c r="A12" s="13"/>
      <c r="B12" s="209">
        <v>-1</v>
      </c>
      <c r="C12" s="209"/>
      <c r="D12" s="209"/>
      <c r="E12" s="209">
        <f>+B12-1</f>
        <v>-2</v>
      </c>
      <c r="F12" s="209">
        <f t="shared" ref="F12:L12" si="0">+E12-1</f>
        <v>-3</v>
      </c>
      <c r="G12" s="209">
        <f t="shared" si="0"/>
        <v>-4</v>
      </c>
      <c r="H12" s="209">
        <f t="shared" si="0"/>
        <v>-5</v>
      </c>
      <c r="I12" s="209">
        <f t="shared" si="0"/>
        <v>-6</v>
      </c>
      <c r="J12" s="209">
        <f t="shared" si="0"/>
        <v>-7</v>
      </c>
      <c r="K12" s="209">
        <f t="shared" si="0"/>
        <v>-8</v>
      </c>
      <c r="L12" s="209">
        <f t="shared" si="0"/>
        <v>-9</v>
      </c>
      <c r="M12" s="31"/>
    </row>
    <row r="13" spans="1:16">
      <c r="A13" s="15"/>
      <c r="B13" s="15"/>
      <c r="C13" s="15"/>
      <c r="D13" s="15"/>
      <c r="E13" s="14"/>
      <c r="F13" s="14" t="s">
        <v>61</v>
      </c>
      <c r="G13" s="14" t="s">
        <v>62</v>
      </c>
      <c r="H13" s="14" t="s">
        <v>63</v>
      </c>
      <c r="I13" s="14" t="s">
        <v>64</v>
      </c>
      <c r="J13" s="14" t="s">
        <v>61</v>
      </c>
      <c r="K13" s="14"/>
      <c r="L13" s="14" t="s">
        <v>65</v>
      </c>
      <c r="M13" s="14"/>
    </row>
    <row r="14" spans="1:16">
      <c r="A14" s="14" t="s">
        <v>66</v>
      </c>
      <c r="B14" s="14" t="s">
        <v>67</v>
      </c>
      <c r="C14" s="210" t="str">
        <f>+'Procedures &amp; Inputs'!I25</f>
        <v>Year 2024</v>
      </c>
      <c r="D14" s="211"/>
      <c r="E14" s="14" t="s">
        <v>67</v>
      </c>
      <c r="F14" s="14" t="s">
        <v>68</v>
      </c>
      <c r="G14" s="14" t="s">
        <v>69</v>
      </c>
      <c r="H14" s="14" t="s">
        <v>65</v>
      </c>
      <c r="I14" s="14" t="s">
        <v>70</v>
      </c>
      <c r="J14" s="14" t="s">
        <v>71</v>
      </c>
      <c r="K14" s="14" t="s">
        <v>72</v>
      </c>
      <c r="L14" s="14" t="s">
        <v>73</v>
      </c>
      <c r="M14" s="14"/>
    </row>
    <row r="15" spans="1:16">
      <c r="A15" s="16" t="s">
        <v>74</v>
      </c>
      <c r="B15" s="16" t="s">
        <v>67</v>
      </c>
      <c r="C15" s="210" t="str">
        <f>+'Procedures &amp; Inputs'!I24</f>
        <v>Year 2025</v>
      </c>
      <c r="D15" s="212" t="str">
        <f>+'Procedures &amp; Inputs'!I24</f>
        <v>Year 2025</v>
      </c>
      <c r="E15" s="16" t="s">
        <v>75</v>
      </c>
      <c r="F15" s="16" t="s">
        <v>76</v>
      </c>
      <c r="G15" s="16" t="s">
        <v>77</v>
      </c>
      <c r="H15" s="16" t="s">
        <v>61</v>
      </c>
      <c r="I15" s="16" t="s">
        <v>78</v>
      </c>
      <c r="J15" s="16" t="s">
        <v>76</v>
      </c>
      <c r="K15" s="16" t="s">
        <v>79</v>
      </c>
      <c r="L15" s="16" t="s">
        <v>80</v>
      </c>
      <c r="M15" s="16"/>
      <c r="O15" s="80" t="s">
        <v>81</v>
      </c>
      <c r="P15" s="85" t="s">
        <v>82</v>
      </c>
    </row>
    <row r="16" spans="1:16">
      <c r="A16" s="14">
        <v>1</v>
      </c>
      <c r="B16" s="14"/>
      <c r="C16" s="210"/>
      <c r="D16" s="210"/>
      <c r="E16" s="17"/>
      <c r="F16" s="17"/>
      <c r="G16" s="17"/>
      <c r="H16" s="17"/>
      <c r="I16" s="17"/>
      <c r="J16" s="17"/>
      <c r="K16" s="33"/>
      <c r="L16" s="17"/>
      <c r="M16" s="14"/>
    </row>
    <row r="17" spans="1:16">
      <c r="A17" s="18">
        <f>+A16+1</f>
        <v>2</v>
      </c>
      <c r="B17" s="19" t="s">
        <v>83</v>
      </c>
      <c r="C17" s="210"/>
      <c r="D17" s="210"/>
      <c r="E17" s="87"/>
      <c r="F17" s="20"/>
      <c r="G17" s="20"/>
      <c r="H17" s="20"/>
      <c r="I17" s="20"/>
      <c r="J17" s="20"/>
      <c r="K17" s="32"/>
      <c r="L17" s="21"/>
      <c r="M17" s="22"/>
    </row>
    <row r="18" spans="1:16" ht="14.1" customHeight="1">
      <c r="A18" s="18">
        <f t="shared" ref="A18:A50" si="1">A17+1</f>
        <v>3</v>
      </c>
      <c r="B18" s="44" t="s">
        <v>84</v>
      </c>
      <c r="C18" s="213" t="s">
        <v>85</v>
      </c>
      <c r="D18" s="214" t="s">
        <v>86</v>
      </c>
      <c r="E18" s="88">
        <f>+M6</f>
        <v>46022</v>
      </c>
      <c r="F18" s="76">
        <f>-VLOOKUP($C18,'REG FL  BS - 4 Results'!$A:$BA,MATCH($C$14,'REG FL  BS - 4 Results'!$4:$4,0),FALSE)/1000</f>
        <v>131847.99958773699</v>
      </c>
      <c r="G18" s="93">
        <f>+L18</f>
        <v>0</v>
      </c>
      <c r="H18" s="93">
        <f>+O18-G18</f>
        <v>0</v>
      </c>
      <c r="I18" s="93">
        <v>0</v>
      </c>
      <c r="J18" s="76">
        <f>-VLOOKUP($C18,'REG FL  BS - 4 Results'!$A:$BA,MATCH($C$15,'REG FL  BS - 4 Results'!$4:$4,0),FALSE)/1000</f>
        <v>131847.99958773699</v>
      </c>
      <c r="K18" s="43" t="s">
        <v>87</v>
      </c>
      <c r="L18" s="76">
        <f>VLOOKUP($D18,'REG FL  FERC IS - 3 Adjusted'!A:BA,MATCH($D$15,'REG FL  FERC IS - 3 Adjusted'!2:2,0),FALSE)/1000</f>
        <v>0</v>
      </c>
      <c r="M18" s="22"/>
      <c r="O18" s="82">
        <f>+J18-F18</f>
        <v>0</v>
      </c>
      <c r="P18" s="82">
        <f>+G18+H18-O18</f>
        <v>0</v>
      </c>
    </row>
    <row r="19" spans="1:16" ht="14.7" customHeight="1">
      <c r="A19" s="18">
        <f t="shared" si="1"/>
        <v>4</v>
      </c>
      <c r="B19" s="94" t="s">
        <v>88</v>
      </c>
      <c r="C19" s="213" t="s">
        <v>89</v>
      </c>
      <c r="D19" s="215" t="s">
        <v>110</v>
      </c>
      <c r="E19" s="88">
        <f>+E18</f>
        <v>46022</v>
      </c>
      <c r="F19" s="76">
        <f>-VLOOKUP(C19,'REG FL  BS - 4 Results'!$A:$BA,MATCH(C$14,'REG FL  BS - 4 Results'!$4:$4,0),FALSE)/1000</f>
        <v>9198.9465799999998</v>
      </c>
      <c r="G19" s="92">
        <f>+L19</f>
        <v>0</v>
      </c>
      <c r="H19" s="93">
        <f>+O19-G19</f>
        <v>0</v>
      </c>
      <c r="I19" s="92">
        <v>0</v>
      </c>
      <c r="J19" s="76">
        <f>-VLOOKUP($C19,'REG FL  BS - 4 Results'!$A:$BA,MATCH($C$15,'REG FL  BS - 4 Results'!$4:$4,0),FALSE)/1000</f>
        <v>9198.9465799999998</v>
      </c>
      <c r="K19" s="43" t="s">
        <v>87</v>
      </c>
      <c r="L19" s="76">
        <f>VLOOKUP($D19,'REG FL  FERC IS - 3 Adjusted'!A:BA,MATCH($D$15,'REG FL  FERC IS - 3 Adjusted'!2:2,0),FALSE)/1000</f>
        <v>0</v>
      </c>
      <c r="M19" s="24"/>
      <c r="O19" s="82">
        <f>+J19-F19</f>
        <v>0</v>
      </c>
      <c r="P19" s="82">
        <f>+G19+H19-O19</f>
        <v>0</v>
      </c>
    </row>
    <row r="20" spans="1:16">
      <c r="A20" s="18">
        <f t="shared" si="1"/>
        <v>5</v>
      </c>
      <c r="B20" s="25"/>
      <c r="C20" s="25"/>
      <c r="D20" s="25"/>
      <c r="E20" s="26"/>
      <c r="F20" s="26"/>
      <c r="G20" s="26"/>
      <c r="H20" s="26"/>
      <c r="I20" s="26"/>
      <c r="J20" s="26"/>
      <c r="K20" s="38"/>
      <c r="L20" s="26"/>
      <c r="M20" s="24"/>
    </row>
    <row r="21" spans="1:16" ht="13.2" customHeight="1">
      <c r="A21" s="18">
        <f t="shared" si="1"/>
        <v>6</v>
      </c>
      <c r="B21" s="248" t="s">
        <v>4381</v>
      </c>
      <c r="C21" s="248"/>
      <c r="D21" s="248"/>
      <c r="E21" s="248"/>
      <c r="F21" s="248"/>
      <c r="G21" s="248"/>
      <c r="H21" s="248"/>
      <c r="I21" s="248"/>
      <c r="J21" s="248"/>
      <c r="K21" s="248"/>
      <c r="L21" s="86"/>
      <c r="M21" s="86"/>
    </row>
    <row r="22" spans="1:16">
      <c r="A22" s="18">
        <f t="shared" si="1"/>
        <v>7</v>
      </c>
      <c r="B22" s="248"/>
      <c r="C22" s="248"/>
      <c r="D22" s="248"/>
      <c r="E22" s="248"/>
      <c r="F22" s="248"/>
      <c r="G22" s="248"/>
      <c r="H22" s="248"/>
      <c r="I22" s="248"/>
      <c r="J22" s="248"/>
      <c r="K22" s="248"/>
      <c r="L22" s="86"/>
      <c r="M22" s="86"/>
    </row>
    <row r="23" spans="1:16">
      <c r="A23" s="18">
        <f>+A22+1</f>
        <v>8</v>
      </c>
      <c r="B23" s="248"/>
      <c r="C23" s="248"/>
      <c r="D23" s="248"/>
      <c r="E23" s="248"/>
      <c r="F23" s="248"/>
      <c r="G23" s="248"/>
      <c r="H23" s="248"/>
      <c r="I23" s="248"/>
      <c r="J23" s="248"/>
      <c r="K23" s="248"/>
      <c r="L23" s="190"/>
      <c r="M23" s="190"/>
    </row>
    <row r="24" spans="1:16">
      <c r="A24" s="18">
        <f>+A23+1</f>
        <v>9</v>
      </c>
      <c r="B24" s="248"/>
      <c r="C24" s="248"/>
      <c r="D24" s="248"/>
      <c r="E24" s="248"/>
      <c r="F24" s="248"/>
      <c r="G24" s="248"/>
      <c r="H24" s="248"/>
      <c r="I24" s="248"/>
      <c r="J24" s="248"/>
      <c r="K24" s="248"/>
      <c r="L24" s="190"/>
      <c r="M24" s="190"/>
    </row>
    <row r="25" spans="1:16">
      <c r="A25" s="18">
        <f t="shared" ref="A25:A26" si="2">+A24+1</f>
        <v>10</v>
      </c>
      <c r="B25" s="248"/>
      <c r="C25" s="248"/>
      <c r="D25" s="248"/>
      <c r="E25" s="248"/>
      <c r="F25" s="248"/>
      <c r="G25" s="248"/>
      <c r="H25" s="248"/>
      <c r="I25" s="248"/>
      <c r="J25" s="248"/>
      <c r="K25" s="248"/>
      <c r="L25" s="190"/>
      <c r="M25" s="190"/>
    </row>
    <row r="26" spans="1:16">
      <c r="A26" s="18">
        <f t="shared" si="2"/>
        <v>11</v>
      </c>
      <c r="B26" s="25"/>
      <c r="C26" s="25"/>
      <c r="D26" s="25"/>
      <c r="E26" s="190"/>
      <c r="F26" s="190"/>
      <c r="G26" s="190"/>
      <c r="H26" s="190"/>
      <c r="I26" s="190"/>
      <c r="J26" s="190"/>
      <c r="K26" s="190"/>
      <c r="L26" s="190"/>
      <c r="M26" s="190"/>
    </row>
    <row r="27" spans="1:16" ht="15.6" hidden="1" customHeight="1" outlineLevel="1">
      <c r="A27" s="157"/>
      <c r="B27" s="200" t="s">
        <v>91</v>
      </c>
      <c r="C27" s="200" t="s">
        <v>91</v>
      </c>
      <c r="D27" s="200"/>
      <c r="E27" s="168">
        <f>+E19</f>
        <v>46022</v>
      </c>
      <c r="F27" s="159">
        <f>-VLOOKUP($C27,'REG FL  BS - 4 Results'!$A:$BA,MATCH($C$14,'REG FL  BS - 4 Results'!$4:$4,0),FALSE)/1000</f>
        <v>0</v>
      </c>
      <c r="G27" s="160">
        <f>+L27</f>
        <v>0</v>
      </c>
      <c r="H27" s="161">
        <f>+O27-G27</f>
        <v>0</v>
      </c>
      <c r="I27" s="160">
        <v>0</v>
      </c>
      <c r="J27" s="159">
        <f>-VLOOKUP($C27,'REG FL  BS - 4 Results'!$A:$BA,MATCH($C$15,'REG FL  BS - 4 Results'!$4:$4,0),FALSE)/1000</f>
        <v>0</v>
      </c>
      <c r="K27" s="162" t="s">
        <v>92</v>
      </c>
      <c r="L27" s="95"/>
      <c r="M27" s="22"/>
      <c r="O27" s="82">
        <f>+J27-F27</f>
        <v>0</v>
      </c>
      <c r="P27" s="82">
        <f>+G27+H27-O27</f>
        <v>0</v>
      </c>
    </row>
    <row r="28" spans="1:16" ht="16.2" hidden="1" customHeight="1" outlineLevel="1">
      <c r="A28" s="157"/>
      <c r="B28" s="200" t="s">
        <v>93</v>
      </c>
      <c r="C28" s="200" t="s">
        <v>93</v>
      </c>
      <c r="D28" s="200"/>
      <c r="E28" s="168">
        <f>+E27</f>
        <v>46022</v>
      </c>
      <c r="F28" s="159">
        <f>-VLOOKUP($C28,'REG FL  BS - 4 Results'!$A:$BA,MATCH($C$14,'REG FL  BS - 4 Results'!$4:$4,0),FALSE)/1000</f>
        <v>-1.69502</v>
      </c>
      <c r="G28" s="95">
        <f>+L28</f>
        <v>0</v>
      </c>
      <c r="H28" s="161">
        <f t="shared" ref="H28:H29" si="3">+O28-G28</f>
        <v>0</v>
      </c>
      <c r="I28" s="95">
        <v>0</v>
      </c>
      <c r="J28" s="159">
        <f>-VLOOKUP($C28,'REG FL  BS - 4 Results'!$A:$BA,MATCH($C$15,'REG FL  BS - 4 Results'!$4:$4,0),FALSE)/1000</f>
        <v>-1.69502</v>
      </c>
      <c r="K28" s="163" t="s">
        <v>94</v>
      </c>
      <c r="L28" s="95"/>
      <c r="M28" s="22"/>
      <c r="O28" s="82">
        <f>+J28-F28</f>
        <v>0</v>
      </c>
      <c r="P28" s="82">
        <f t="shared" ref="P28:P30" si="4">+G28+H28-O28</f>
        <v>0</v>
      </c>
    </row>
    <row r="29" spans="1:16" hidden="1" outlineLevel="1">
      <c r="A29" s="157"/>
      <c r="B29" s="200" t="s">
        <v>95</v>
      </c>
      <c r="C29" s="200" t="s">
        <v>95</v>
      </c>
      <c r="D29" s="200"/>
      <c r="E29" s="168">
        <f>+E28</f>
        <v>46022</v>
      </c>
      <c r="F29" s="169">
        <f>-VLOOKUP($C29,'REG FL  BS - 4 Results'!$A:$BA,MATCH($C$14,'REG FL  BS - 4 Results'!$4:$4,0),FALSE)/1000</f>
        <v>14607.90566</v>
      </c>
      <c r="G29" s="170">
        <f>+L29</f>
        <v>0</v>
      </c>
      <c r="H29" s="171">
        <f t="shared" si="3"/>
        <v>0</v>
      </c>
      <c r="I29" s="170">
        <v>0</v>
      </c>
      <c r="J29" s="169">
        <f>-VLOOKUP($C29,'REG FL  BS - 4 Results'!$A:$BA,MATCH($C$15,'REG FL  BS - 4 Results'!$4:$4,0),FALSE)/1000</f>
        <v>14607.90566</v>
      </c>
      <c r="K29" s="163" t="s">
        <v>94</v>
      </c>
      <c r="L29" s="95"/>
      <c r="M29" s="22"/>
      <c r="O29" s="82">
        <f>+J29-F29</f>
        <v>0</v>
      </c>
      <c r="P29" s="82">
        <f t="shared" si="4"/>
        <v>0</v>
      </c>
    </row>
    <row r="30" spans="1:16" ht="16.2" customHeight="1" collapsed="1">
      <c r="A30" s="18">
        <f>+A26+1</f>
        <v>12</v>
      </c>
      <c r="B30" s="19" t="s">
        <v>96</v>
      </c>
      <c r="C30" s="19"/>
      <c r="D30" s="19"/>
      <c r="E30" s="88">
        <f>+E29</f>
        <v>46022</v>
      </c>
      <c r="F30" s="26">
        <f>SUM(F27:F29)</f>
        <v>14606.210640000001</v>
      </c>
      <c r="G30" s="26">
        <f t="shared" ref="G30:J30" si="5">SUM(G27:G29)</f>
        <v>0</v>
      </c>
      <c r="H30" s="26">
        <f t="shared" si="5"/>
        <v>0</v>
      </c>
      <c r="I30" s="26">
        <f t="shared" si="5"/>
        <v>0</v>
      </c>
      <c r="J30" s="26">
        <f t="shared" si="5"/>
        <v>14606.210640000001</v>
      </c>
      <c r="K30" s="43" t="s">
        <v>87</v>
      </c>
      <c r="L30" s="26">
        <f>SUM(L27:L29)</f>
        <v>0</v>
      </c>
      <c r="M30" s="22"/>
      <c r="O30" s="82">
        <f>+J30-F30</f>
        <v>0</v>
      </c>
      <c r="P30" s="82">
        <f t="shared" si="4"/>
        <v>0</v>
      </c>
    </row>
    <row r="31" spans="1:16">
      <c r="A31" s="18">
        <f t="shared" si="1"/>
        <v>13</v>
      </c>
      <c r="B31" s="22"/>
      <c r="C31" s="22"/>
      <c r="D31" s="22"/>
      <c r="E31" s="22"/>
      <c r="F31" s="26"/>
      <c r="G31" s="26"/>
      <c r="H31" s="26"/>
      <c r="I31" s="26"/>
      <c r="J31" s="26"/>
      <c r="K31" s="39"/>
      <c r="L31" s="26"/>
      <c r="M31" s="22"/>
    </row>
    <row r="32" spans="1:16" ht="16.2" customHeight="1">
      <c r="A32" s="18">
        <f t="shared" si="1"/>
        <v>14</v>
      </c>
      <c r="B32" s="249" t="s">
        <v>97</v>
      </c>
      <c r="C32" s="249"/>
      <c r="D32" s="249"/>
      <c r="E32" s="249"/>
      <c r="F32" s="249"/>
      <c r="G32" s="249"/>
      <c r="H32" s="249"/>
      <c r="I32" s="249"/>
      <c r="J32" s="249"/>
      <c r="K32" s="249"/>
      <c r="L32" s="26"/>
      <c r="M32" s="22"/>
    </row>
    <row r="33" spans="1:16">
      <c r="A33" s="18">
        <f t="shared" si="1"/>
        <v>15</v>
      </c>
      <c r="B33" s="249"/>
      <c r="C33" s="249"/>
      <c r="D33" s="249"/>
      <c r="E33" s="249"/>
      <c r="F33" s="249"/>
      <c r="G33" s="249"/>
      <c r="H33" s="249"/>
      <c r="I33" s="249"/>
      <c r="J33" s="249"/>
      <c r="K33" s="249"/>
      <c r="L33" s="50"/>
      <c r="M33" s="50"/>
    </row>
    <row r="34" spans="1:16">
      <c r="A34" s="18">
        <f t="shared" si="1"/>
        <v>16</v>
      </c>
      <c r="B34" s="22"/>
      <c r="C34" s="22"/>
      <c r="D34" s="22"/>
      <c r="E34" s="50"/>
      <c r="F34" s="50"/>
      <c r="G34" s="50"/>
      <c r="H34" s="50"/>
      <c r="I34" s="50"/>
      <c r="J34" s="50"/>
      <c r="K34" s="50"/>
      <c r="L34" s="50"/>
      <c r="M34" s="50"/>
    </row>
    <row r="35" spans="1:16">
      <c r="A35" s="18">
        <f t="shared" si="1"/>
        <v>17</v>
      </c>
      <c r="B35" s="22"/>
      <c r="C35" s="22"/>
      <c r="D35" s="22"/>
      <c r="E35" s="50"/>
      <c r="F35" s="50"/>
      <c r="G35" s="50"/>
      <c r="H35" s="84"/>
      <c r="I35" s="50"/>
      <c r="J35" s="50"/>
      <c r="K35" s="50"/>
      <c r="L35" s="50"/>
      <c r="M35" s="50"/>
    </row>
    <row r="36" spans="1:16">
      <c r="A36" s="18">
        <f t="shared" si="1"/>
        <v>18</v>
      </c>
      <c r="B36" s="26"/>
      <c r="C36" s="26"/>
      <c r="D36" s="26"/>
      <c r="F36" s="26"/>
      <c r="G36" s="26"/>
      <c r="H36" s="26"/>
      <c r="I36" s="26"/>
      <c r="J36" s="26"/>
      <c r="K36" s="38"/>
      <c r="L36" s="26"/>
      <c r="M36" s="26"/>
    </row>
    <row r="37" spans="1:16">
      <c r="A37" s="18">
        <f t="shared" si="1"/>
        <v>19</v>
      </c>
      <c r="B37" s="19" t="s">
        <v>98</v>
      </c>
      <c r="C37" s="19"/>
      <c r="D37" s="19"/>
      <c r="E37" s="5"/>
      <c r="F37" s="37"/>
      <c r="G37" s="37"/>
      <c r="H37" s="37"/>
      <c r="I37" s="37"/>
      <c r="J37" s="37"/>
      <c r="K37" s="40"/>
      <c r="L37" s="37"/>
      <c r="M37" s="26"/>
    </row>
    <row r="38" spans="1:16" hidden="1" outlineLevel="1">
      <c r="A38" s="157"/>
      <c r="B38" s="200" t="s">
        <v>99</v>
      </c>
      <c r="C38" s="200" t="s">
        <v>99</v>
      </c>
      <c r="D38" s="200"/>
      <c r="E38" s="165"/>
      <c r="F38" s="159">
        <f>-VLOOKUP($C38,'REG FL  BS - 4 Results'!$A:$BA,MATCH($C$14,'REG FL  BS - 4 Results'!$4:$4,0),FALSE)/1000</f>
        <v>0</v>
      </c>
      <c r="G38" s="160">
        <f t="shared" ref="G38:G39" si="6">+L38</f>
        <v>0</v>
      </c>
      <c r="H38" s="161">
        <f t="shared" ref="H38:H39" si="7">+O38-G38</f>
        <v>0</v>
      </c>
      <c r="I38" s="97"/>
      <c r="J38" s="159">
        <f>-VLOOKUP($C38,'REG FL  BS - 4 Results'!$A:$BA,MATCH($C$15,'REG FL  BS - 4 Results'!$4:$4,0),FALSE)/1000</f>
        <v>0</v>
      </c>
      <c r="K38" s="166"/>
      <c r="L38" s="97"/>
      <c r="M38" s="26"/>
      <c r="O38" s="82">
        <f>+J38-F38</f>
        <v>0</v>
      </c>
      <c r="P38" s="82">
        <f t="shared" ref="P38:P44" si="8">+G38+H38-O38</f>
        <v>0</v>
      </c>
    </row>
    <row r="39" spans="1:16" hidden="1" outlineLevel="1">
      <c r="A39" s="157"/>
      <c r="B39" s="200" t="s">
        <v>100</v>
      </c>
      <c r="C39" s="200" t="s">
        <v>100</v>
      </c>
      <c r="D39" s="200"/>
      <c r="E39" s="165"/>
      <c r="F39" s="159">
        <f>-VLOOKUP($C39,'REG FL  BS - 4 Results'!$A:$BA,MATCH($C$14,'REG FL  BS - 4 Results'!$4:$4,0),FALSE)/1000</f>
        <v>1490.7673400000001</v>
      </c>
      <c r="G39" s="160">
        <f t="shared" si="6"/>
        <v>0</v>
      </c>
      <c r="H39" s="161">
        <f t="shared" si="7"/>
        <v>0</v>
      </c>
      <c r="I39" s="97"/>
      <c r="J39" s="159">
        <f>-VLOOKUP($C39,'REG FL  BS - 4 Results'!$A:$BA,MATCH($C$15,'REG FL  BS - 4 Results'!$4:$4,0),FALSE)/1000</f>
        <v>1490.7673400000001</v>
      </c>
      <c r="K39" s="166"/>
      <c r="L39" s="97"/>
      <c r="M39" s="26"/>
      <c r="O39" s="82">
        <f>+J39-F39</f>
        <v>0</v>
      </c>
      <c r="P39" s="82">
        <f t="shared" si="8"/>
        <v>0</v>
      </c>
    </row>
    <row r="40" spans="1:16" s="51" customFormat="1" ht="14.7" customHeight="1" collapsed="1">
      <c r="A40" s="18">
        <f>+A37+1</f>
        <v>20</v>
      </c>
      <c r="B40" s="48" t="s">
        <v>101</v>
      </c>
      <c r="C40" s="48"/>
      <c r="D40" s="48"/>
      <c r="E40" s="88">
        <f>+E30</f>
        <v>46022</v>
      </c>
      <c r="F40" s="49">
        <f>SUM(F38:F39)</f>
        <v>1490.7673400000001</v>
      </c>
      <c r="G40" s="49">
        <f t="shared" ref="G40:J40" si="9">SUM(G38:G39)</f>
        <v>0</v>
      </c>
      <c r="H40" s="49">
        <f t="shared" si="9"/>
        <v>0</v>
      </c>
      <c r="I40" s="49">
        <f t="shared" si="9"/>
        <v>0</v>
      </c>
      <c r="J40" s="49">
        <f t="shared" si="9"/>
        <v>1490.7673400000001</v>
      </c>
      <c r="K40" s="43" t="s">
        <v>87</v>
      </c>
      <c r="L40" s="49">
        <f t="shared" ref="L40" si="10">SUM(L38:L39)</f>
        <v>0</v>
      </c>
      <c r="M40" s="46"/>
      <c r="O40" s="82">
        <f>+J40-F40</f>
        <v>0</v>
      </c>
      <c r="P40" s="82">
        <f t="shared" si="8"/>
        <v>0</v>
      </c>
    </row>
    <row r="41" spans="1:16" s="51" customFormat="1" ht="14.7" customHeight="1">
      <c r="A41" s="18">
        <f>+A40+1</f>
        <v>21</v>
      </c>
      <c r="B41" s="48"/>
      <c r="C41" s="48"/>
      <c r="D41" s="48"/>
      <c r="E41" s="45"/>
      <c r="F41" s="49"/>
      <c r="G41" s="49"/>
      <c r="H41" s="49"/>
      <c r="I41" s="49"/>
      <c r="J41" s="49"/>
      <c r="K41" s="43"/>
      <c r="L41" s="49"/>
      <c r="M41" s="46"/>
      <c r="O41" s="82"/>
    </row>
    <row r="42" spans="1:16" s="51" customFormat="1" ht="14.7" hidden="1" customHeight="1" outlineLevel="1">
      <c r="A42" s="157"/>
      <c r="B42" s="167" t="s">
        <v>102</v>
      </c>
      <c r="C42" s="200" t="s">
        <v>103</v>
      </c>
      <c r="D42" s="167"/>
      <c r="E42" s="168"/>
      <c r="F42" s="159">
        <f>-VLOOKUP($C42,'REG FL  BS - 4 Results'!$A:$BA,MATCH($C$14,'REG FL  BS - 4 Results'!$4:$4,0),FALSE)/1000</f>
        <v>0</v>
      </c>
      <c r="G42" s="160">
        <f t="shared" ref="G42:G43" si="11">+L42</f>
        <v>0</v>
      </c>
      <c r="H42" s="161">
        <f t="shared" ref="H42:H43" si="12">+O42-G42</f>
        <v>0</v>
      </c>
      <c r="I42" s="97"/>
      <c r="J42" s="159">
        <f>-VLOOKUP($C42,'REG FL  BS - 4 Results'!$A:$BA,MATCH($C$15,'REG FL  BS - 4 Results'!$4:$4,0),FALSE)/1000</f>
        <v>0</v>
      </c>
      <c r="K42" s="162"/>
      <c r="L42" s="96"/>
      <c r="M42" s="46"/>
      <c r="O42" s="82">
        <f>+J42-F42</f>
        <v>0</v>
      </c>
      <c r="P42" s="82">
        <f t="shared" si="8"/>
        <v>0</v>
      </c>
    </row>
    <row r="43" spans="1:16" s="51" customFormat="1" ht="14.7" hidden="1" customHeight="1" outlineLevel="1">
      <c r="A43" s="157"/>
      <c r="B43" s="167" t="s">
        <v>104</v>
      </c>
      <c r="C43" s="200" t="s">
        <v>105</v>
      </c>
      <c r="D43" s="167"/>
      <c r="E43" s="168"/>
      <c r="F43" s="159">
        <f>-VLOOKUP($C43,'REG FL  BS - 4 Results'!$A:$BA,MATCH($C$14,'REG FL  BS - 4 Results'!$4:$4,0),FALSE)/1000</f>
        <v>903.47202999999899</v>
      </c>
      <c r="G43" s="160">
        <f t="shared" si="11"/>
        <v>0</v>
      </c>
      <c r="H43" s="161">
        <f t="shared" si="12"/>
        <v>0</v>
      </c>
      <c r="I43" s="97"/>
      <c r="J43" s="159">
        <f>-VLOOKUP($C43,'REG FL  BS - 4 Results'!$A:$BA,MATCH($C$15,'REG FL  BS - 4 Results'!$4:$4,0),FALSE)/1000</f>
        <v>903.47202999999899</v>
      </c>
      <c r="K43" s="162"/>
      <c r="L43" s="96"/>
      <c r="M43" s="46"/>
      <c r="O43" s="82">
        <f>+J43-F43</f>
        <v>0</v>
      </c>
      <c r="P43" s="82">
        <f t="shared" si="8"/>
        <v>0</v>
      </c>
    </row>
    <row r="44" spans="1:16" collapsed="1">
      <c r="A44" s="18">
        <f>+A41+1</f>
        <v>22</v>
      </c>
      <c r="B44" s="1" t="s">
        <v>106</v>
      </c>
      <c r="E44" s="89">
        <f>+E40</f>
        <v>46022</v>
      </c>
      <c r="F44" s="49">
        <f>SUM(F42:F43)</f>
        <v>903.47202999999899</v>
      </c>
      <c r="G44" s="49">
        <f t="shared" ref="G44:J44" si="13">SUM(G42:G43)</f>
        <v>0</v>
      </c>
      <c r="H44" s="49">
        <f t="shared" si="13"/>
        <v>0</v>
      </c>
      <c r="I44" s="49">
        <f t="shared" si="13"/>
        <v>0</v>
      </c>
      <c r="J44" s="49">
        <f t="shared" si="13"/>
        <v>903.47202999999899</v>
      </c>
      <c r="K44" s="47" t="s">
        <v>87</v>
      </c>
      <c r="L44" s="49">
        <f t="shared" ref="L44" si="14">SUM(L42:L43)</f>
        <v>0</v>
      </c>
      <c r="M44" s="26"/>
      <c r="O44" s="82">
        <f>+J44-F44</f>
        <v>0</v>
      </c>
      <c r="P44" s="82">
        <f t="shared" si="8"/>
        <v>0</v>
      </c>
    </row>
    <row r="45" spans="1:16">
      <c r="A45" s="18">
        <f t="shared" si="1"/>
        <v>23</v>
      </c>
      <c r="B45" s="23"/>
      <c r="C45" s="23"/>
      <c r="D45" s="23"/>
      <c r="E45" s="35"/>
      <c r="F45" s="36"/>
      <c r="G45" s="26"/>
      <c r="H45" s="26"/>
      <c r="I45" s="26"/>
      <c r="J45" s="36"/>
      <c r="K45" s="47"/>
      <c r="L45" s="26"/>
      <c r="M45" s="26"/>
    </row>
    <row r="46" spans="1:16">
      <c r="A46" s="18">
        <f t="shared" si="1"/>
        <v>24</v>
      </c>
      <c r="M46" s="26"/>
    </row>
    <row r="47" spans="1:16" ht="13.2" customHeight="1">
      <c r="A47" s="18">
        <f t="shared" si="1"/>
        <v>25</v>
      </c>
      <c r="B47" s="247" t="s">
        <v>107</v>
      </c>
      <c r="C47" s="247"/>
      <c r="D47" s="247"/>
      <c r="E47" s="247"/>
      <c r="F47" s="247"/>
      <c r="G47" s="247"/>
      <c r="H47" s="247"/>
      <c r="I47" s="247"/>
      <c r="J47" s="247"/>
      <c r="K47" s="247"/>
      <c r="L47" s="247"/>
      <c r="M47" s="38"/>
    </row>
    <row r="48" spans="1:16">
      <c r="A48" s="18">
        <f t="shared" si="1"/>
        <v>26</v>
      </c>
      <c r="B48" s="84"/>
      <c r="C48" s="84"/>
      <c r="D48" s="84"/>
      <c r="E48" s="84"/>
      <c r="F48" s="84"/>
      <c r="G48" s="84"/>
      <c r="H48" s="84"/>
      <c r="I48" s="84"/>
      <c r="J48" s="84"/>
      <c r="K48" s="84"/>
      <c r="L48" s="38"/>
      <c r="M48" s="38"/>
    </row>
    <row r="49" spans="1:13">
      <c r="A49" s="18">
        <f t="shared" si="1"/>
        <v>27</v>
      </c>
      <c r="B49" s="25"/>
      <c r="C49" s="25"/>
      <c r="D49" s="25"/>
      <c r="E49" s="25"/>
      <c r="F49" s="25"/>
      <c r="G49" s="25"/>
      <c r="H49" s="25"/>
      <c r="I49" s="25"/>
      <c r="J49" s="25"/>
      <c r="K49" s="38"/>
      <c r="L49" s="38"/>
      <c r="M49" s="38"/>
    </row>
    <row r="50" spans="1:13">
      <c r="A50" s="18">
        <f t="shared" si="1"/>
        <v>28</v>
      </c>
      <c r="B50" s="25"/>
      <c r="C50" s="25"/>
      <c r="D50" s="25"/>
      <c r="E50" s="25"/>
      <c r="F50" s="25"/>
      <c r="G50" s="25"/>
      <c r="H50" s="25"/>
      <c r="I50" s="25"/>
      <c r="J50" s="25"/>
      <c r="K50" s="20"/>
      <c r="L50" s="20"/>
      <c r="M50" s="26"/>
    </row>
    <row r="51" spans="1:13">
      <c r="A51" s="18">
        <f>+A50+1</f>
        <v>29</v>
      </c>
      <c r="B51" s="25"/>
      <c r="C51" s="25"/>
      <c r="D51" s="25"/>
      <c r="E51" s="89"/>
      <c r="F51" s="119"/>
      <c r="G51" s="119"/>
      <c r="H51" s="119"/>
      <c r="I51" s="119"/>
      <c r="J51" s="119"/>
      <c r="K51" s="20"/>
      <c r="L51" s="20"/>
      <c r="M51" s="26"/>
    </row>
    <row r="52" spans="1:13">
      <c r="A52" s="18">
        <f t="shared" ref="A52:A54" si="15">+A51+1</f>
        <v>30</v>
      </c>
      <c r="B52" s="25"/>
      <c r="C52" s="25"/>
      <c r="D52" s="25"/>
      <c r="E52" s="89"/>
      <c r="F52" s="119"/>
      <c r="G52" s="119"/>
      <c r="H52" s="119"/>
      <c r="I52" s="119"/>
      <c r="J52" s="119"/>
      <c r="K52" s="20"/>
      <c r="L52" s="20"/>
      <c r="M52" s="26"/>
    </row>
    <row r="53" spans="1:13">
      <c r="A53" s="18">
        <f t="shared" si="15"/>
        <v>31</v>
      </c>
      <c r="B53" s="25"/>
      <c r="C53" s="25"/>
      <c r="D53" s="25"/>
      <c r="E53" s="89"/>
      <c r="F53" s="119"/>
      <c r="G53" s="119"/>
      <c r="H53" s="119"/>
      <c r="I53" s="119"/>
      <c r="J53" s="119"/>
      <c r="K53" s="20"/>
      <c r="L53" s="20"/>
      <c r="M53" s="26"/>
    </row>
    <row r="54" spans="1:13">
      <c r="A54" s="18">
        <f t="shared" si="15"/>
        <v>32</v>
      </c>
      <c r="B54" s="25"/>
      <c r="C54" s="25"/>
      <c r="D54" s="25"/>
      <c r="E54" s="89"/>
      <c r="F54" s="119"/>
      <c r="G54" s="119"/>
      <c r="H54" s="119"/>
      <c r="I54" s="119"/>
      <c r="J54" s="119"/>
      <c r="K54" s="20"/>
      <c r="L54" s="20"/>
      <c r="M54" s="26"/>
    </row>
    <row r="55" spans="1:13">
      <c r="A55" s="18">
        <f t="shared" ref="A55:A57" si="16">A54+1</f>
        <v>33</v>
      </c>
    </row>
    <row r="56" spans="1:13">
      <c r="A56" s="18">
        <f t="shared" si="16"/>
        <v>34</v>
      </c>
    </row>
    <row r="57" spans="1:13" ht="14.4" thickBot="1">
      <c r="A57" s="29">
        <f t="shared" si="16"/>
        <v>35</v>
      </c>
      <c r="B57" s="30"/>
      <c r="C57" s="30"/>
      <c r="D57" s="30"/>
      <c r="E57" s="30"/>
      <c r="F57" s="30"/>
      <c r="G57" s="30"/>
      <c r="H57" s="30"/>
      <c r="I57" s="30"/>
      <c r="J57" s="30"/>
      <c r="K57" s="30"/>
      <c r="L57" s="30"/>
      <c r="M57" s="30"/>
    </row>
    <row r="58" spans="1:13">
      <c r="A58" s="1" t="s">
        <v>108</v>
      </c>
      <c r="L58" s="1" t="s">
        <v>109</v>
      </c>
    </row>
  </sheetData>
  <mergeCells count="4">
    <mergeCell ref="F3:I6"/>
    <mergeCell ref="B47:L47"/>
    <mergeCell ref="B32:K33"/>
    <mergeCell ref="B21:K25"/>
  </mergeCells>
  <pageMargins left="0.7" right="0.7" top="0.75" bottom="0.75" header="0.3" footer="0.3"/>
  <pageSetup fitToWidth="4" fitToHeight="4" orientation="portrait" r:id="rId1"/>
  <headerFooter>
    <oddHeader xml:space="preserve">&amp;RDEF’s Response to OPC POD 1 (1-26)
Q7
Page &amp;P of &amp;N
</oddHeader>
    <oddFooter>&amp;R20240025-OPCPOD1-00004231</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216559-32CE-456B-87E0-F5ECC1B4178F}">
  <dimension ref="A1:P58"/>
  <sheetViews>
    <sheetView tabSelected="1" zoomScale="80" zoomScaleNormal="80" zoomScaleSheetLayoutView="70" workbookViewId="0">
      <selection activeCell="I44" sqref="I44"/>
    </sheetView>
  </sheetViews>
  <sheetFormatPr defaultColWidth="9.109375" defaultRowHeight="13.8" outlineLevelRow="1" outlineLevelCol="1"/>
  <cols>
    <col min="1" max="1" width="4.77734375" style="1" customWidth="1"/>
    <col min="2" max="2" width="41.77734375" style="1" customWidth="1"/>
    <col min="3" max="4" width="41.77734375" style="1" hidden="1" customWidth="1" outlineLevel="1"/>
    <col min="5" max="5" width="16.109375" style="1" customWidth="1" collapsed="1"/>
    <col min="6" max="10" width="15.109375" style="1" customWidth="1"/>
    <col min="11" max="11" width="19" style="1" customWidth="1"/>
    <col min="12" max="13" width="13.77734375" style="1" customWidth="1"/>
    <col min="14" max="14" width="9.109375" style="1"/>
    <col min="15" max="15" width="13" style="1" customWidth="1"/>
    <col min="16" max="16384" width="9.109375" style="1"/>
  </cols>
  <sheetData>
    <row r="1" spans="1:16" ht="12.6" customHeight="1">
      <c r="A1" s="6" t="s">
        <v>51</v>
      </c>
      <c r="B1" s="191"/>
      <c r="C1" s="191"/>
      <c r="D1" s="191"/>
      <c r="E1" s="244"/>
      <c r="F1" s="244"/>
      <c r="G1" s="244" t="s">
        <v>4376</v>
      </c>
      <c r="H1" s="244"/>
      <c r="I1" s="244"/>
      <c r="J1" s="244"/>
      <c r="K1" s="244"/>
      <c r="L1" s="191"/>
      <c r="M1" s="243" t="s">
        <v>4380</v>
      </c>
    </row>
    <row r="2" spans="1:16">
      <c r="A2" s="28"/>
      <c r="B2" s="2"/>
      <c r="C2" s="2"/>
      <c r="D2" s="2"/>
      <c r="E2" s="2"/>
      <c r="F2" s="192"/>
      <c r="G2" s="192"/>
      <c r="H2" s="192"/>
      <c r="I2" s="192"/>
      <c r="J2" s="192"/>
      <c r="K2" s="192"/>
      <c r="L2" s="192"/>
      <c r="M2" s="192"/>
    </row>
    <row r="3" spans="1:16" ht="13.2" customHeight="1">
      <c r="A3" s="1" t="s">
        <v>52</v>
      </c>
      <c r="B3" s="193"/>
      <c r="C3" s="193"/>
      <c r="D3" s="193"/>
      <c r="E3" s="8" t="s">
        <v>53</v>
      </c>
      <c r="F3" s="245" t="s">
        <v>54</v>
      </c>
      <c r="G3" s="245"/>
      <c r="H3" s="245"/>
      <c r="I3" s="245"/>
      <c r="K3" s="1" t="s">
        <v>55</v>
      </c>
      <c r="M3" s="7"/>
    </row>
    <row r="4" spans="1:16">
      <c r="B4" s="193"/>
      <c r="C4" s="193"/>
      <c r="D4" s="193"/>
      <c r="E4" s="8"/>
      <c r="F4" s="246"/>
      <c r="G4" s="246"/>
      <c r="H4" s="246"/>
      <c r="I4" s="246"/>
      <c r="J4" s="10" t="s">
        <v>57</v>
      </c>
      <c r="K4" s="6" t="str">
        <f>+'Procedures &amp; Inputs'!B22</f>
        <v>Projected Test Year 3 Ended</v>
      </c>
      <c r="M4" s="27">
        <f>+'Procedures &amp; Inputs'!H22</f>
        <v>46752</v>
      </c>
    </row>
    <row r="5" spans="1:16">
      <c r="A5" s="1" t="s">
        <v>56</v>
      </c>
      <c r="B5" s="194"/>
      <c r="C5" s="194"/>
      <c r="D5" s="194"/>
      <c r="E5" s="195"/>
      <c r="F5" s="246"/>
      <c r="G5" s="246"/>
      <c r="H5" s="246"/>
      <c r="I5" s="246"/>
      <c r="J5" s="10" t="s">
        <v>57</v>
      </c>
      <c r="K5" s="6" t="str">
        <f>+'Procedures &amp; Inputs'!B23</f>
        <v>Projected Test Year 2 Ended</v>
      </c>
      <c r="M5" s="27">
        <f>+'Procedures &amp; Inputs'!H23</f>
        <v>46387</v>
      </c>
    </row>
    <row r="6" spans="1:16">
      <c r="A6" s="9"/>
      <c r="F6" s="246"/>
      <c r="G6" s="246"/>
      <c r="H6" s="246"/>
      <c r="I6" s="246"/>
      <c r="J6" s="10" t="s">
        <v>57</v>
      </c>
      <c r="K6" s="6" t="str">
        <f>+'Procedures &amp; Inputs'!B24</f>
        <v>Projected Test Year 1 Ended</v>
      </c>
      <c r="M6" s="27">
        <f>+'Procedures &amp; Inputs'!H24</f>
        <v>46022</v>
      </c>
    </row>
    <row r="7" spans="1:16">
      <c r="A7" s="27" t="str">
        <f>+'Procedures &amp; Inputs'!B19</f>
        <v>DOCKET NO.: 20240025-EI</v>
      </c>
      <c r="J7" s="10" t="s">
        <v>57</v>
      </c>
      <c r="K7" s="6" t="str">
        <f>+'Procedures &amp; Inputs'!B25</f>
        <v>Prior Year Ended</v>
      </c>
      <c r="M7" s="27">
        <f>+'Procedures &amp; Inputs'!H25</f>
        <v>45657</v>
      </c>
    </row>
    <row r="8" spans="1:16">
      <c r="A8" s="3"/>
      <c r="G8" s="11"/>
      <c r="J8" s="10" t="s">
        <v>2871</v>
      </c>
      <c r="K8" s="6" t="str">
        <f>+'Procedures &amp; Inputs'!B26</f>
        <v>Historical Year Ended</v>
      </c>
      <c r="M8" s="27">
        <f>+'Procedures &amp; Inputs'!H26</f>
        <v>45291</v>
      </c>
    </row>
    <row r="9" spans="1:16">
      <c r="A9" s="3"/>
      <c r="G9" s="11"/>
      <c r="H9" s="34"/>
      <c r="J9" s="10"/>
      <c r="K9" s="6"/>
      <c r="M9" s="27"/>
    </row>
    <row r="10" spans="1:16">
      <c r="A10" s="3"/>
      <c r="G10" s="11"/>
      <c r="H10" s="34"/>
      <c r="J10" s="42"/>
      <c r="K10" s="6"/>
      <c r="M10" s="27"/>
    </row>
    <row r="11" spans="1:16">
      <c r="A11" s="4"/>
      <c r="B11" s="12"/>
      <c r="C11" s="12"/>
      <c r="D11" s="12"/>
      <c r="E11" s="12"/>
      <c r="F11" s="12"/>
      <c r="G11" s="12"/>
      <c r="H11" s="208" t="s">
        <v>58</v>
      </c>
      <c r="I11" s="12"/>
      <c r="J11" s="12"/>
      <c r="K11" s="90" t="str">
        <f>+'Procedures &amp; Inputs'!B29</f>
        <v>Witness:  Aquilina, O'Hara</v>
      </c>
      <c r="L11" s="85"/>
    </row>
    <row r="12" spans="1:16">
      <c r="A12" s="13"/>
      <c r="B12" s="209">
        <v>-1</v>
      </c>
      <c r="C12" s="209"/>
      <c r="D12" s="209"/>
      <c r="E12" s="209">
        <f>+B12-1</f>
        <v>-2</v>
      </c>
      <c r="F12" s="209">
        <f t="shared" ref="F12:L12" si="0">+E12-1</f>
        <v>-3</v>
      </c>
      <c r="G12" s="209">
        <f t="shared" si="0"/>
        <v>-4</v>
      </c>
      <c r="H12" s="209">
        <f t="shared" si="0"/>
        <v>-5</v>
      </c>
      <c r="I12" s="209">
        <f t="shared" si="0"/>
        <v>-6</v>
      </c>
      <c r="J12" s="209">
        <f t="shared" si="0"/>
        <v>-7</v>
      </c>
      <c r="K12" s="209">
        <f t="shared" si="0"/>
        <v>-8</v>
      </c>
      <c r="L12" s="209">
        <f t="shared" si="0"/>
        <v>-9</v>
      </c>
      <c r="M12" s="31"/>
    </row>
    <row r="13" spans="1:16">
      <c r="A13" s="15"/>
      <c r="B13" s="15"/>
      <c r="C13" s="15"/>
      <c r="D13" s="15"/>
      <c r="E13" s="14"/>
      <c r="F13" s="14" t="s">
        <v>61</v>
      </c>
      <c r="G13" s="14" t="s">
        <v>62</v>
      </c>
      <c r="H13" s="14" t="s">
        <v>63</v>
      </c>
      <c r="I13" s="14" t="s">
        <v>64</v>
      </c>
      <c r="J13" s="14" t="s">
        <v>61</v>
      </c>
      <c r="K13" s="14"/>
      <c r="L13" s="14" t="s">
        <v>65</v>
      </c>
      <c r="M13" s="14"/>
    </row>
    <row r="14" spans="1:16" ht="14.4" thickBot="1">
      <c r="A14" s="14" t="s">
        <v>66</v>
      </c>
      <c r="B14" s="14" t="s">
        <v>67</v>
      </c>
      <c r="C14" s="81" t="str">
        <f>+'Procedures &amp; Inputs'!I27</f>
        <v>Year 2022</v>
      </c>
      <c r="D14" s="14"/>
      <c r="E14" s="14" t="s">
        <v>67</v>
      </c>
      <c r="F14" s="14" t="s">
        <v>68</v>
      </c>
      <c r="G14" s="14" t="s">
        <v>69</v>
      </c>
      <c r="H14" s="14" t="s">
        <v>65</v>
      </c>
      <c r="I14" s="14" t="s">
        <v>70</v>
      </c>
      <c r="J14" s="14" t="s">
        <v>71</v>
      </c>
      <c r="K14" s="14" t="s">
        <v>72</v>
      </c>
      <c r="L14" s="14" t="s">
        <v>73</v>
      </c>
      <c r="M14" s="14"/>
    </row>
    <row r="15" spans="1:16">
      <c r="A15" s="16" t="s">
        <v>74</v>
      </c>
      <c r="B15" s="16" t="s">
        <v>67</v>
      </c>
      <c r="C15" s="81" t="str">
        <f>+'Procedures &amp; Inputs'!I26</f>
        <v>Year 2023</v>
      </c>
      <c r="D15" s="201" t="str">
        <f>+C15</f>
        <v>Year 2023</v>
      </c>
      <c r="E15" s="16" t="s">
        <v>75</v>
      </c>
      <c r="F15" s="16" t="s">
        <v>76</v>
      </c>
      <c r="G15" s="16" t="s">
        <v>77</v>
      </c>
      <c r="H15" s="16" t="s">
        <v>61</v>
      </c>
      <c r="I15" s="16" t="s">
        <v>78</v>
      </c>
      <c r="J15" s="16" t="s">
        <v>76</v>
      </c>
      <c r="K15" s="16" t="s">
        <v>79</v>
      </c>
      <c r="L15" s="16" t="s">
        <v>80</v>
      </c>
      <c r="M15" s="16"/>
      <c r="O15" s="107" t="s">
        <v>81</v>
      </c>
      <c r="P15" s="108" t="s">
        <v>82</v>
      </c>
    </row>
    <row r="16" spans="1:16">
      <c r="A16" s="14">
        <v>1</v>
      </c>
      <c r="B16" s="14"/>
      <c r="C16" s="81"/>
      <c r="D16" s="81"/>
      <c r="E16" s="17"/>
      <c r="F16" s="17"/>
      <c r="G16" s="17"/>
      <c r="H16" s="17"/>
      <c r="I16" s="17"/>
      <c r="J16" s="17"/>
      <c r="K16" s="33"/>
      <c r="L16" s="17"/>
      <c r="M16" s="14"/>
      <c r="O16" s="109"/>
      <c r="P16" s="110"/>
    </row>
    <row r="17" spans="1:16">
      <c r="A17" s="18">
        <f>+A16+1</f>
        <v>2</v>
      </c>
      <c r="B17" s="19" t="s">
        <v>83</v>
      </c>
      <c r="C17" s="81"/>
      <c r="D17" s="81"/>
      <c r="E17" s="87"/>
      <c r="F17" s="20"/>
      <c r="G17" s="20"/>
      <c r="H17" s="20"/>
      <c r="I17" s="20"/>
      <c r="J17" s="20"/>
      <c r="K17" s="32"/>
      <c r="L17" s="21"/>
      <c r="M17" s="22"/>
      <c r="O17" s="109"/>
      <c r="P17" s="110"/>
    </row>
    <row r="18" spans="1:16" ht="14.1" customHeight="1">
      <c r="A18" s="18">
        <f t="shared" ref="A18:A57" si="1">A17+1</f>
        <v>3</v>
      </c>
      <c r="B18" s="44" t="s">
        <v>84</v>
      </c>
      <c r="C18" s="202" t="s">
        <v>85</v>
      </c>
      <c r="D18" s="203" t="s">
        <v>111</v>
      </c>
      <c r="E18" s="88">
        <f>+M8</f>
        <v>45291</v>
      </c>
      <c r="F18" s="76">
        <f>VLOOKUP(C18,'WK TB for Beg Bal'!A:E,5,FALSE)/1000</f>
        <v>107890.46079000001</v>
      </c>
      <c r="G18" s="93">
        <f>-'Historical JD'!F30/1000</f>
        <v>51569</v>
      </c>
      <c r="H18" s="93">
        <f>+O18-G18</f>
        <v>-159459.46079000001</v>
      </c>
      <c r="I18" s="93">
        <v>0</v>
      </c>
      <c r="J18" s="76">
        <f>VLOOKUP(C18,'Wk TB For End Bal'!A:D,4,FALSE)/1000</f>
        <v>0</v>
      </c>
      <c r="K18" s="43" t="s">
        <v>87</v>
      </c>
      <c r="L18" s="76">
        <f>VLOOKUP(D18,'Wk TB For End Bal'!A:D,4,FALSE)/1000</f>
        <v>365936.08664999995</v>
      </c>
      <c r="M18" s="22"/>
      <c r="O18" s="111">
        <f>+J18-F18</f>
        <v>-107890.46079000001</v>
      </c>
      <c r="P18" s="112">
        <f>+G18+H18-O18</f>
        <v>0</v>
      </c>
    </row>
    <row r="19" spans="1:16" ht="14.7" customHeight="1">
      <c r="A19" s="18">
        <f t="shared" si="1"/>
        <v>4</v>
      </c>
      <c r="B19" s="94" t="s">
        <v>88</v>
      </c>
      <c r="C19" s="197" t="s">
        <v>89</v>
      </c>
      <c r="D19" s="204" t="s">
        <v>2872</v>
      </c>
      <c r="E19" s="88">
        <f>+E18</f>
        <v>45291</v>
      </c>
      <c r="F19" s="76">
        <f>VLOOKUP(C19,'WK TB for Beg Bal'!A:E,5,FALSE)/1000</f>
        <v>4998.9465799999998</v>
      </c>
      <c r="G19" s="92">
        <f>+L19</f>
        <v>0</v>
      </c>
      <c r="H19" s="93">
        <f>+O19-G19</f>
        <v>-1498.9363499999999</v>
      </c>
      <c r="I19" s="92">
        <v>0</v>
      </c>
      <c r="J19" s="76">
        <f>VLOOKUP(C19,'Wk TB For End Bal'!A:D,4,FALSE)/1000</f>
        <v>3500.0102299999999</v>
      </c>
      <c r="K19" s="43" t="s">
        <v>87</v>
      </c>
      <c r="L19" s="76">
        <v>0</v>
      </c>
      <c r="M19" s="24"/>
      <c r="O19" s="111">
        <f>+J19-F19</f>
        <v>-1498.9363499999999</v>
      </c>
      <c r="P19" s="112">
        <f>+G19+H19-O19</f>
        <v>0</v>
      </c>
    </row>
    <row r="20" spans="1:16">
      <c r="A20" s="18">
        <f t="shared" si="1"/>
        <v>5</v>
      </c>
      <c r="B20" s="25"/>
      <c r="C20" s="25"/>
      <c r="D20" s="25"/>
      <c r="E20" s="26"/>
      <c r="F20" s="26"/>
      <c r="G20" s="26"/>
      <c r="H20" s="26"/>
      <c r="I20" s="26"/>
      <c r="J20" s="26"/>
      <c r="K20" s="38"/>
      <c r="L20" s="26"/>
      <c r="M20" s="24"/>
      <c r="O20" s="109"/>
      <c r="P20" s="110"/>
    </row>
    <row r="21" spans="1:16" ht="13.2" customHeight="1">
      <c r="A21" s="18">
        <f t="shared" si="1"/>
        <v>6</v>
      </c>
      <c r="B21" s="248" t="s">
        <v>112</v>
      </c>
      <c r="C21" s="248"/>
      <c r="D21" s="248"/>
      <c r="E21" s="248"/>
      <c r="F21" s="248"/>
      <c r="G21" s="248"/>
      <c r="H21" s="248"/>
      <c r="I21" s="248"/>
      <c r="J21" s="248"/>
      <c r="K21" s="248"/>
      <c r="L21" s="86"/>
      <c r="M21" s="86"/>
      <c r="O21" s="109"/>
      <c r="P21" s="110"/>
    </row>
    <row r="22" spans="1:16">
      <c r="A22" s="18">
        <f t="shared" si="1"/>
        <v>7</v>
      </c>
      <c r="B22" s="248"/>
      <c r="C22" s="248"/>
      <c r="D22" s="248"/>
      <c r="E22" s="248"/>
      <c r="F22" s="248"/>
      <c r="G22" s="248"/>
      <c r="H22" s="248"/>
      <c r="I22" s="248"/>
      <c r="J22" s="248"/>
      <c r="K22" s="248"/>
      <c r="L22" s="86"/>
      <c r="M22" s="86"/>
      <c r="O22" s="109"/>
      <c r="P22" s="110"/>
    </row>
    <row r="23" spans="1:16">
      <c r="A23" s="18">
        <f t="shared" si="1"/>
        <v>8</v>
      </c>
      <c r="B23" s="248"/>
      <c r="C23" s="248"/>
      <c r="D23" s="248"/>
      <c r="E23" s="248"/>
      <c r="F23" s="248"/>
      <c r="G23" s="248"/>
      <c r="H23" s="248"/>
      <c r="I23" s="248"/>
      <c r="J23" s="248"/>
      <c r="K23" s="248"/>
      <c r="L23" s="86"/>
      <c r="M23" s="86"/>
      <c r="O23" s="109"/>
      <c r="P23" s="110"/>
    </row>
    <row r="24" spans="1:16">
      <c r="A24" s="18">
        <f t="shared" si="1"/>
        <v>9</v>
      </c>
      <c r="B24" s="25"/>
      <c r="C24" s="25"/>
      <c r="D24" s="25"/>
      <c r="E24" s="190"/>
      <c r="F24" s="190"/>
      <c r="G24" s="190"/>
      <c r="H24" s="190"/>
      <c r="I24" s="190"/>
      <c r="J24" s="190"/>
      <c r="K24" s="190"/>
      <c r="L24" s="190"/>
      <c r="M24" s="190"/>
      <c r="O24" s="109"/>
      <c r="P24" s="110"/>
    </row>
    <row r="25" spans="1:16">
      <c r="A25" s="18">
        <f>+A24+1</f>
        <v>10</v>
      </c>
      <c r="B25" s="19"/>
      <c r="C25" s="19"/>
      <c r="D25" s="19"/>
      <c r="E25" s="190"/>
      <c r="F25" s="190"/>
      <c r="G25" s="190"/>
      <c r="H25" s="190"/>
      <c r="I25" s="190"/>
      <c r="J25" s="190"/>
      <c r="K25" s="190"/>
      <c r="L25" s="190"/>
      <c r="M25" s="190"/>
      <c r="O25" s="109"/>
      <c r="P25" s="110"/>
    </row>
    <row r="26" spans="1:16" ht="15.6" hidden="1" customHeight="1" outlineLevel="1">
      <c r="A26" s="157"/>
      <c r="B26" s="200" t="s">
        <v>91</v>
      </c>
      <c r="C26" s="205" t="s">
        <v>113</v>
      </c>
      <c r="D26" s="200"/>
      <c r="E26" s="158">
        <f>+E19</f>
        <v>45291</v>
      </c>
      <c r="F26" s="159">
        <f>VLOOKUP(C26,'WK TB for Beg Bal'!A:E,5,FALSE)/1000</f>
        <v>0</v>
      </c>
      <c r="G26" s="160">
        <f>+L26</f>
        <v>0</v>
      </c>
      <c r="H26" s="161">
        <f>+O26-G26</f>
        <v>0</v>
      </c>
      <c r="I26" s="160">
        <v>0</v>
      </c>
      <c r="J26" s="159">
        <v>0</v>
      </c>
      <c r="K26" s="162" t="s">
        <v>92</v>
      </c>
      <c r="L26" s="95"/>
      <c r="M26" s="22"/>
      <c r="O26" s="111">
        <f>+J26-F26</f>
        <v>0</v>
      </c>
      <c r="P26" s="112">
        <f>+G26+H26-O26</f>
        <v>0</v>
      </c>
    </row>
    <row r="27" spans="1:16" ht="16.2" hidden="1" customHeight="1" outlineLevel="1">
      <c r="A27" s="157"/>
      <c r="B27" s="200" t="s">
        <v>93</v>
      </c>
      <c r="C27" s="205" t="s">
        <v>114</v>
      </c>
      <c r="D27" s="200"/>
      <c r="E27" s="158">
        <f>+E26</f>
        <v>45291</v>
      </c>
      <c r="F27" s="159">
        <f>VLOOKUP(C27,'WK TB for Beg Bal'!A:E,5,FALSE)/1000</f>
        <v>-1.69502</v>
      </c>
      <c r="G27" s="95">
        <f>+L27</f>
        <v>0</v>
      </c>
      <c r="H27" s="161">
        <f t="shared" ref="H27:H28" si="2">+O27-G27</f>
        <v>1.69502</v>
      </c>
      <c r="I27" s="95">
        <v>0</v>
      </c>
      <c r="J27" s="159">
        <f>VLOOKUP(C27,'Wk TB For End Bal'!A:D,4,FALSE)/1000</f>
        <v>0</v>
      </c>
      <c r="K27" s="163" t="s">
        <v>94</v>
      </c>
      <c r="L27" s="95"/>
      <c r="M27" s="22"/>
      <c r="O27" s="111">
        <f>+J27-F27</f>
        <v>1.69502</v>
      </c>
      <c r="P27" s="112">
        <f t="shared" ref="P27:P29" si="3">+G27+H27-O27</f>
        <v>0</v>
      </c>
    </row>
    <row r="28" spans="1:16" hidden="1" outlineLevel="1">
      <c r="A28" s="157"/>
      <c r="B28" s="200" t="s">
        <v>95</v>
      </c>
      <c r="C28" s="205" t="s">
        <v>115</v>
      </c>
      <c r="D28" s="200"/>
      <c r="E28" s="158">
        <f>+E27</f>
        <v>45291</v>
      </c>
      <c r="F28" s="159">
        <f>VLOOKUP(C28,'WK TB for Beg Bal'!A:E,5,FALSE)/1000</f>
        <v>14607.90566</v>
      </c>
      <c r="G28" s="95">
        <f>+L28</f>
        <v>0</v>
      </c>
      <c r="H28" s="161">
        <f t="shared" si="2"/>
        <v>-2273.1260000000002</v>
      </c>
      <c r="I28" s="95">
        <v>0</v>
      </c>
      <c r="J28" s="159">
        <f>VLOOKUP(C28,'Wk TB For End Bal'!A:D,4,FALSE)/1000</f>
        <v>12334.77966</v>
      </c>
      <c r="K28" s="163" t="s">
        <v>94</v>
      </c>
      <c r="L28" s="95"/>
      <c r="M28" s="22"/>
      <c r="O28" s="111">
        <f>+J28-F28</f>
        <v>-2273.1260000000002</v>
      </c>
      <c r="P28" s="112">
        <f t="shared" si="3"/>
        <v>0</v>
      </c>
    </row>
    <row r="29" spans="1:16" ht="16.2" customHeight="1" collapsed="1">
      <c r="A29" s="18">
        <f>+A25+1</f>
        <v>11</v>
      </c>
      <c r="B29" s="19" t="s">
        <v>96</v>
      </c>
      <c r="C29" s="19"/>
      <c r="D29" s="19"/>
      <c r="E29" s="88">
        <f>+E19</f>
        <v>45291</v>
      </c>
      <c r="F29" s="26">
        <f>SUM(F26:F28)</f>
        <v>14606.210640000001</v>
      </c>
      <c r="G29" s="26">
        <f>SUM(G26:G28)</f>
        <v>0</v>
      </c>
      <c r="H29" s="26">
        <f t="shared" ref="H29:J29" si="4">SUM(H26:H28)</f>
        <v>-2271.4309800000001</v>
      </c>
      <c r="I29" s="26">
        <f t="shared" si="4"/>
        <v>0</v>
      </c>
      <c r="J29" s="26">
        <f t="shared" si="4"/>
        <v>12334.77966</v>
      </c>
      <c r="K29" s="43" t="s">
        <v>87</v>
      </c>
      <c r="L29" s="26">
        <f>SUM(L26:L28)</f>
        <v>0</v>
      </c>
      <c r="M29" s="22"/>
      <c r="O29" s="111">
        <f>+J29-F29</f>
        <v>-2271.430980000001</v>
      </c>
      <c r="P29" s="112">
        <f t="shared" si="3"/>
        <v>0</v>
      </c>
    </row>
    <row r="30" spans="1:16">
      <c r="A30" s="18">
        <f t="shared" si="1"/>
        <v>12</v>
      </c>
      <c r="B30" s="22"/>
      <c r="C30" s="22"/>
      <c r="D30" s="22"/>
      <c r="E30" s="22"/>
      <c r="F30" s="26"/>
      <c r="G30" s="26"/>
      <c r="H30" s="26"/>
      <c r="I30" s="26"/>
      <c r="J30" s="26"/>
      <c r="K30" s="39"/>
      <c r="L30" s="26"/>
      <c r="M30" s="22"/>
      <c r="O30" s="109"/>
      <c r="P30" s="110"/>
    </row>
    <row r="31" spans="1:16" ht="16.2" customHeight="1">
      <c r="A31" s="18">
        <f t="shared" si="1"/>
        <v>13</v>
      </c>
      <c r="B31" s="249" t="s">
        <v>97</v>
      </c>
      <c r="C31" s="249"/>
      <c r="D31" s="249"/>
      <c r="E31" s="249"/>
      <c r="F31" s="249"/>
      <c r="G31" s="249"/>
      <c r="H31" s="249"/>
      <c r="I31" s="249"/>
      <c r="J31" s="249"/>
      <c r="K31" s="249"/>
      <c r="L31" s="26"/>
      <c r="M31" s="22"/>
      <c r="O31" s="109"/>
      <c r="P31" s="110"/>
    </row>
    <row r="32" spans="1:16">
      <c r="A32" s="18">
        <f t="shared" si="1"/>
        <v>14</v>
      </c>
      <c r="B32" s="249"/>
      <c r="C32" s="249"/>
      <c r="D32" s="249"/>
      <c r="E32" s="249"/>
      <c r="F32" s="249"/>
      <c r="G32" s="249"/>
      <c r="H32" s="249"/>
      <c r="I32" s="249"/>
      <c r="J32" s="249"/>
      <c r="K32" s="249"/>
      <c r="L32" s="50"/>
      <c r="M32" s="50"/>
      <c r="O32" s="109"/>
      <c r="P32" s="110"/>
    </row>
    <row r="33" spans="1:16">
      <c r="A33" s="18">
        <f t="shared" si="1"/>
        <v>15</v>
      </c>
      <c r="B33" s="22"/>
      <c r="C33" s="22"/>
      <c r="D33" s="22"/>
      <c r="E33" s="50"/>
      <c r="F33" s="50"/>
      <c r="G33" s="50"/>
      <c r="H33" s="50"/>
      <c r="I33" s="50"/>
      <c r="J33" s="50"/>
      <c r="K33" s="50"/>
      <c r="L33" s="50"/>
      <c r="M33" s="50"/>
      <c r="O33" s="109"/>
      <c r="P33" s="110"/>
    </row>
    <row r="34" spans="1:16">
      <c r="A34" s="18">
        <f t="shared" si="1"/>
        <v>16</v>
      </c>
      <c r="B34" s="26"/>
      <c r="C34" s="26"/>
      <c r="D34" s="26"/>
      <c r="F34" s="26"/>
      <c r="G34" s="26"/>
      <c r="H34" s="26"/>
      <c r="I34" s="26"/>
      <c r="J34" s="26"/>
      <c r="K34" s="38"/>
      <c r="L34" s="26"/>
      <c r="M34" s="26"/>
      <c r="O34" s="109"/>
      <c r="P34" s="110"/>
    </row>
    <row r="35" spans="1:16">
      <c r="A35" s="18">
        <f t="shared" si="1"/>
        <v>17</v>
      </c>
      <c r="B35" s="19" t="s">
        <v>98</v>
      </c>
      <c r="C35" s="19"/>
      <c r="D35" s="19"/>
      <c r="E35" s="5"/>
      <c r="F35" s="37"/>
      <c r="G35" s="37"/>
      <c r="H35" s="37"/>
      <c r="I35" s="37"/>
      <c r="J35" s="37"/>
      <c r="K35" s="40"/>
      <c r="L35" s="37"/>
      <c r="M35" s="26"/>
      <c r="O35" s="109"/>
      <c r="P35" s="110"/>
    </row>
    <row r="36" spans="1:16" hidden="1" outlineLevel="1">
      <c r="A36" s="157"/>
      <c r="B36" s="205" t="s">
        <v>116</v>
      </c>
      <c r="C36" s="164" t="s">
        <v>117</v>
      </c>
      <c r="D36" s="200"/>
      <c r="E36" s="165"/>
      <c r="F36" s="159">
        <f>+'WK TB for Beg Bal'!E393</f>
        <v>0</v>
      </c>
      <c r="G36" s="160">
        <f t="shared" ref="G36" si="5">+L36</f>
        <v>0</v>
      </c>
      <c r="H36" s="161">
        <f t="shared" ref="H36" si="6">+O36-G36</f>
        <v>0</v>
      </c>
      <c r="I36" s="97"/>
      <c r="J36" s="159">
        <v>0</v>
      </c>
      <c r="K36" s="166"/>
      <c r="L36" s="97"/>
      <c r="M36" s="26"/>
      <c r="O36" s="111">
        <f>+J36-F36</f>
        <v>0</v>
      </c>
      <c r="P36" s="112">
        <f t="shared" ref="P36:P42" si="7">+G36+H36-O36</f>
        <v>0</v>
      </c>
    </row>
    <row r="37" spans="1:16" hidden="1" outlineLevel="1">
      <c r="A37" s="157"/>
      <c r="B37" s="205" t="s">
        <v>118</v>
      </c>
      <c r="C37" s="149" t="s">
        <v>119</v>
      </c>
      <c r="D37" s="200"/>
      <c r="E37" s="165"/>
      <c r="F37" s="159">
        <f>+'WK TB for Beg Bal'!E394/1000</f>
        <v>1490.7673400000001</v>
      </c>
      <c r="G37" s="160">
        <f t="shared" ref="G37" si="8">+L37</f>
        <v>0</v>
      </c>
      <c r="H37" s="161">
        <f t="shared" ref="H37" si="9">+O37-G37</f>
        <v>-1490.7673400000001</v>
      </c>
      <c r="I37" s="97"/>
      <c r="J37" s="159">
        <f>VLOOKUP(C37,'Wk TB For End Bal'!A:D,4,FALSE)/1000</f>
        <v>0</v>
      </c>
      <c r="K37" s="166"/>
      <c r="L37" s="97"/>
      <c r="M37" s="26"/>
      <c r="O37" s="111">
        <f>+J37-F37</f>
        <v>-1490.7673400000001</v>
      </c>
      <c r="P37" s="112">
        <f t="shared" si="7"/>
        <v>0</v>
      </c>
    </row>
    <row r="38" spans="1:16" s="51" customFormat="1" ht="14.7" customHeight="1" collapsed="1">
      <c r="A38" s="18">
        <f>+A35+1</f>
        <v>18</v>
      </c>
      <c r="B38" s="48" t="s">
        <v>101</v>
      </c>
      <c r="C38" s="48"/>
      <c r="D38" s="48"/>
      <c r="E38" s="88">
        <f>+E29</f>
        <v>45291</v>
      </c>
      <c r="F38" s="49">
        <f>SUM(F36:F37)</f>
        <v>1490.7673400000001</v>
      </c>
      <c r="G38" s="49">
        <f t="shared" ref="G38:J38" si="10">SUM(G36:G37)</f>
        <v>0</v>
      </c>
      <c r="H38" s="49">
        <f t="shared" si="10"/>
        <v>-1490.7673400000001</v>
      </c>
      <c r="I38" s="49">
        <f t="shared" si="10"/>
        <v>0</v>
      </c>
      <c r="J38" s="49">
        <f t="shared" si="10"/>
        <v>0</v>
      </c>
      <c r="K38" s="43" t="s">
        <v>87</v>
      </c>
      <c r="L38" s="49">
        <f t="shared" ref="L38" si="11">SUM(L36:L37)</f>
        <v>0</v>
      </c>
      <c r="M38" s="46"/>
      <c r="O38" s="111">
        <f>+J38-F38</f>
        <v>-1490.7673400000001</v>
      </c>
      <c r="P38" s="112">
        <f t="shared" si="7"/>
        <v>0</v>
      </c>
    </row>
    <row r="39" spans="1:16" s="51" customFormat="1" ht="14.7" customHeight="1">
      <c r="A39" s="18">
        <f t="shared" si="1"/>
        <v>19</v>
      </c>
      <c r="B39" s="48"/>
      <c r="C39" s="48"/>
      <c r="D39" s="48"/>
      <c r="E39" s="45"/>
      <c r="F39" s="49"/>
      <c r="G39" s="49"/>
      <c r="H39" s="49"/>
      <c r="I39" s="49"/>
      <c r="J39" s="49"/>
      <c r="K39" s="43"/>
      <c r="L39" s="49"/>
      <c r="M39" s="46"/>
      <c r="O39" s="111"/>
      <c r="P39" s="113"/>
    </row>
    <row r="40" spans="1:16" s="51" customFormat="1" ht="14.7" hidden="1" customHeight="1" outlineLevel="1">
      <c r="A40" s="157"/>
      <c r="B40" s="206"/>
      <c r="C40" s="206" t="s">
        <v>120</v>
      </c>
      <c r="D40" s="167"/>
      <c r="E40" s="168"/>
      <c r="F40" s="96"/>
      <c r="G40" s="96"/>
      <c r="H40" s="96"/>
      <c r="I40" s="96"/>
      <c r="J40" s="96"/>
      <c r="K40" s="162"/>
      <c r="L40" s="96"/>
      <c r="M40" s="46"/>
      <c r="O40" s="111">
        <f>+J40-F40</f>
        <v>0</v>
      </c>
      <c r="P40" s="112">
        <f t="shared" si="7"/>
        <v>0</v>
      </c>
    </row>
    <row r="41" spans="1:16" s="51" customFormat="1" ht="14.7" hidden="1" customHeight="1" outlineLevel="1">
      <c r="A41" s="157"/>
      <c r="B41" s="167" t="s">
        <v>104</v>
      </c>
      <c r="C41" s="205" t="s">
        <v>121</v>
      </c>
      <c r="D41" s="167"/>
      <c r="E41" s="168"/>
      <c r="F41" s="159">
        <f>VLOOKUP(C41,'WK TB for Beg Bal'!A:E,5,FALSE)/1000</f>
        <v>903.47203000000002</v>
      </c>
      <c r="G41" s="160">
        <f t="shared" ref="G41" si="12">+L41</f>
        <v>0</v>
      </c>
      <c r="H41" s="161">
        <f t="shared" ref="H41" si="13">+O41-G41</f>
        <v>124.87879999999984</v>
      </c>
      <c r="I41" s="97"/>
      <c r="J41" s="159">
        <f>VLOOKUP(C41,'Wk TB For End Bal'!A:D,4,FALSE)/1000</f>
        <v>1028.3508299999999</v>
      </c>
      <c r="K41" s="162"/>
      <c r="L41" s="96"/>
      <c r="M41" s="46"/>
      <c r="O41" s="111">
        <f>+J41-F41</f>
        <v>124.87879999999984</v>
      </c>
      <c r="P41" s="112">
        <f t="shared" si="7"/>
        <v>0</v>
      </c>
    </row>
    <row r="42" spans="1:16" collapsed="1">
      <c r="A42" s="18">
        <f>+A39+1</f>
        <v>20</v>
      </c>
      <c r="B42" s="1" t="s">
        <v>122</v>
      </c>
      <c r="E42" s="89">
        <f>+E38</f>
        <v>45291</v>
      </c>
      <c r="F42" s="49">
        <f>SUM(F40:F41)</f>
        <v>903.47203000000002</v>
      </c>
      <c r="G42" s="49">
        <f t="shared" ref="G42" si="14">SUM(G40:G41)</f>
        <v>0</v>
      </c>
      <c r="H42" s="49">
        <f t="shared" ref="H42" si="15">SUM(H40:H41)</f>
        <v>124.87879999999984</v>
      </c>
      <c r="I42" s="49">
        <f t="shared" ref="I42" si="16">SUM(I40:I41)</f>
        <v>0</v>
      </c>
      <c r="J42" s="49">
        <f t="shared" ref="J42" si="17">SUM(J40:J41)</f>
        <v>1028.3508299999999</v>
      </c>
      <c r="K42" s="47" t="s">
        <v>87</v>
      </c>
      <c r="L42" s="49">
        <f t="shared" ref="L42" si="18">SUM(L40:L41)</f>
        <v>0</v>
      </c>
      <c r="M42" s="26"/>
      <c r="O42" s="111">
        <f>+J42-F42</f>
        <v>124.87879999999984</v>
      </c>
      <c r="P42" s="112">
        <f t="shared" si="7"/>
        <v>0</v>
      </c>
    </row>
    <row r="43" spans="1:16">
      <c r="A43" s="18">
        <f t="shared" si="1"/>
        <v>21</v>
      </c>
      <c r="B43" s="23"/>
      <c r="C43" s="23"/>
      <c r="D43" s="23"/>
      <c r="E43" s="35"/>
      <c r="F43" s="36"/>
      <c r="G43" s="26"/>
      <c r="H43" s="26"/>
      <c r="I43" s="26"/>
      <c r="J43" s="36"/>
      <c r="K43" s="47"/>
      <c r="L43" s="26"/>
      <c r="M43" s="26"/>
      <c r="O43" s="109"/>
      <c r="P43" s="110"/>
    </row>
    <row r="44" spans="1:16" ht="14.4" thickBot="1">
      <c r="A44" s="18">
        <f t="shared" si="1"/>
        <v>22</v>
      </c>
      <c r="M44" s="26"/>
      <c r="O44" s="114"/>
      <c r="P44" s="115"/>
    </row>
    <row r="45" spans="1:16" ht="13.2" customHeight="1">
      <c r="A45" s="18">
        <f t="shared" si="1"/>
        <v>23</v>
      </c>
      <c r="B45" s="247" t="s">
        <v>107</v>
      </c>
      <c r="C45" s="247"/>
      <c r="D45" s="247"/>
      <c r="E45" s="247"/>
      <c r="F45" s="247"/>
      <c r="G45" s="247"/>
      <c r="H45" s="247"/>
      <c r="I45" s="247"/>
      <c r="J45" s="247"/>
      <c r="K45" s="247"/>
      <c r="L45" s="247"/>
      <c r="M45" s="38"/>
    </row>
    <row r="46" spans="1:16">
      <c r="A46" s="18">
        <f t="shared" si="1"/>
        <v>24</v>
      </c>
      <c r="B46" s="84"/>
      <c r="C46" s="84"/>
      <c r="D46" s="84"/>
      <c r="E46" s="84"/>
      <c r="F46" s="84"/>
      <c r="G46" s="84"/>
      <c r="H46" s="84"/>
      <c r="I46" s="84"/>
      <c r="J46" s="84"/>
      <c r="K46" s="84"/>
      <c r="L46" s="38"/>
      <c r="M46" s="38"/>
    </row>
    <row r="47" spans="1:16">
      <c r="A47" s="18">
        <f t="shared" si="1"/>
        <v>25</v>
      </c>
      <c r="B47" s="25"/>
      <c r="C47" s="25"/>
      <c r="D47" s="25"/>
      <c r="E47" s="25"/>
      <c r="F47" s="25"/>
      <c r="G47" s="25"/>
      <c r="H47" s="25"/>
      <c r="I47" s="25"/>
      <c r="J47" s="25"/>
      <c r="K47" s="38"/>
      <c r="L47" s="38"/>
      <c r="M47" s="38"/>
    </row>
    <row r="48" spans="1:16">
      <c r="A48" s="18">
        <f t="shared" si="1"/>
        <v>26</v>
      </c>
      <c r="B48" s="25"/>
      <c r="C48" s="25"/>
      <c r="D48" s="25"/>
      <c r="E48" s="25"/>
      <c r="F48" s="25"/>
      <c r="G48" s="25"/>
      <c r="H48" s="25"/>
      <c r="I48" s="25"/>
      <c r="J48" s="25"/>
      <c r="K48" s="20"/>
      <c r="L48" s="20"/>
      <c r="M48" s="26"/>
    </row>
    <row r="49" spans="1:13">
      <c r="A49" s="18">
        <f t="shared" si="1"/>
        <v>27</v>
      </c>
      <c r="B49" s="25"/>
      <c r="C49" s="25"/>
      <c r="D49" s="25"/>
      <c r="E49" s="89"/>
      <c r="F49" s="119"/>
      <c r="G49" s="119"/>
      <c r="H49" s="119"/>
      <c r="I49" s="119"/>
      <c r="J49" s="119"/>
      <c r="K49" s="20"/>
      <c r="L49" s="20"/>
      <c r="M49" s="26"/>
    </row>
    <row r="50" spans="1:13">
      <c r="A50" s="18">
        <f t="shared" si="1"/>
        <v>28</v>
      </c>
      <c r="B50" s="25"/>
      <c r="C50" s="25"/>
      <c r="D50" s="25"/>
      <c r="E50" s="89"/>
      <c r="F50" s="119"/>
      <c r="G50" s="119"/>
      <c r="H50" s="119"/>
      <c r="I50" s="119"/>
      <c r="J50" s="119"/>
      <c r="K50" s="20"/>
      <c r="L50" s="20"/>
      <c r="M50" s="26"/>
    </row>
    <row r="51" spans="1:13">
      <c r="A51" s="18">
        <f t="shared" si="1"/>
        <v>29</v>
      </c>
      <c r="B51" s="25"/>
      <c r="C51" s="25"/>
      <c r="D51" s="25"/>
      <c r="E51" s="89"/>
      <c r="F51" s="119"/>
      <c r="G51" s="119"/>
      <c r="H51" s="119"/>
      <c r="I51" s="119"/>
      <c r="J51" s="119"/>
      <c r="K51" s="20"/>
      <c r="L51" s="20"/>
      <c r="M51" s="26"/>
    </row>
    <row r="52" spans="1:13">
      <c r="A52" s="18">
        <f t="shared" si="1"/>
        <v>30</v>
      </c>
      <c r="B52" s="25"/>
      <c r="C52" s="25"/>
      <c r="D52" s="25"/>
      <c r="E52" s="89"/>
      <c r="F52" s="119"/>
      <c r="G52" s="119"/>
      <c r="H52" s="119"/>
      <c r="I52" s="119"/>
      <c r="J52" s="119"/>
      <c r="K52" s="20"/>
      <c r="L52" s="20"/>
      <c r="M52" s="26"/>
    </row>
    <row r="53" spans="1:13">
      <c r="A53" s="18">
        <f t="shared" si="1"/>
        <v>31</v>
      </c>
      <c r="B53" s="25"/>
      <c r="C53" s="25"/>
      <c r="D53" s="25"/>
      <c r="E53" s="89"/>
      <c r="F53" s="119"/>
      <c r="G53" s="119"/>
      <c r="H53" s="119"/>
      <c r="I53" s="119"/>
      <c r="J53" s="119"/>
      <c r="K53" s="20"/>
      <c r="L53" s="20"/>
      <c r="M53" s="26"/>
    </row>
    <row r="54" spans="1:13">
      <c r="A54" s="18">
        <f t="shared" si="1"/>
        <v>32</v>
      </c>
    </row>
    <row r="55" spans="1:13">
      <c r="A55" s="18">
        <f t="shared" si="1"/>
        <v>33</v>
      </c>
    </row>
    <row r="56" spans="1:13">
      <c r="A56" s="18">
        <f t="shared" si="1"/>
        <v>34</v>
      </c>
    </row>
    <row r="57" spans="1:13" ht="14.4" thickBot="1">
      <c r="A57" s="29">
        <f t="shared" si="1"/>
        <v>35</v>
      </c>
      <c r="B57" s="30"/>
      <c r="C57" s="30"/>
      <c r="D57" s="30"/>
      <c r="E57" s="30"/>
      <c r="F57" s="30"/>
      <c r="G57" s="30"/>
      <c r="H57" s="30"/>
      <c r="I57" s="30"/>
      <c r="J57" s="30"/>
      <c r="K57" s="30"/>
      <c r="L57" s="30"/>
      <c r="M57" s="30"/>
    </row>
    <row r="58" spans="1:13">
      <c r="A58" s="1" t="s">
        <v>108</v>
      </c>
      <c r="L58" s="1" t="s">
        <v>109</v>
      </c>
    </row>
  </sheetData>
  <mergeCells count="4">
    <mergeCell ref="B45:L45"/>
    <mergeCell ref="B31:K32"/>
    <mergeCell ref="F3:I6"/>
    <mergeCell ref="B21:K23"/>
  </mergeCells>
  <pageMargins left="0.7" right="0.7" top="0.75" bottom="0.75" header="0.3" footer="0.3"/>
  <pageSetup fitToWidth="4" fitToHeight="4" orientation="portrait" r:id="rId1"/>
  <headerFooter>
    <oddHeader xml:space="preserve">&amp;RDEF’s Response to OPC POD 1 (1-26)
Q7
Page &amp;P of &amp;N
</oddHeader>
    <oddFooter>&amp;R20240025-OPCPOD1-00004231</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F74CBC7-1238-486C-9014-FD341E8038E3}">
  <sheetPr>
    <tabColor rgb="FF0070C0"/>
  </sheetPr>
  <dimension ref="A1"/>
  <sheetViews>
    <sheetView tabSelected="1" workbookViewId="0">
      <selection activeCell="I44" sqref="I44"/>
    </sheetView>
  </sheetViews>
  <sheetFormatPr defaultRowHeight="13.2"/>
  <sheetData/>
  <pageMargins left="0.7" right="0.7" top="0.75" bottom="0.75" header="0.3" footer="0.3"/>
  <pageSetup orientation="portrait" r:id="rId1"/>
  <headerFooter>
    <oddHeader xml:space="preserve">&amp;RDEF’s Response to OPC POD 1 (1-26)
Q7
Page &amp;P of &amp;N
</oddHeader>
    <oddFooter>&amp;R20240025-OPCPOD1-00004231</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3E031B-B10A-4585-BD61-28BA51EEE4D5}">
  <sheetPr>
    <tabColor theme="2" tint="-9.9978637043366805E-2"/>
  </sheetPr>
  <dimension ref="A2:BA1590"/>
  <sheetViews>
    <sheetView tabSelected="1" workbookViewId="0">
      <pane xSplit="1" ySplit="3" topLeftCell="B4" activePane="bottomRight" state="frozen"/>
      <selection activeCell="I44" sqref="I44"/>
      <selection pane="topRight" activeCell="I44" sqref="I44"/>
      <selection pane="bottomLeft" activeCell="I44" sqref="I44"/>
      <selection pane="bottomRight" activeCell="I44" sqref="I44"/>
    </sheetView>
  </sheetViews>
  <sheetFormatPr defaultColWidth="8.77734375" defaultRowHeight="10.199999999999999" outlineLevelCol="1"/>
  <cols>
    <col min="1" max="1" width="45.109375" style="52" customWidth="1"/>
    <col min="2" max="13" width="13.109375" style="53" hidden="1" customWidth="1" outlineLevel="1"/>
    <col min="14" max="14" width="13.109375" style="53" bestFit="1" customWidth="1" collapsed="1"/>
    <col min="15" max="26" width="13.109375" style="53" hidden="1" customWidth="1" outlineLevel="1"/>
    <col min="27" max="27" width="13.109375" style="53" bestFit="1" customWidth="1" collapsed="1"/>
    <col min="28" max="39" width="13.109375" style="53" hidden="1" customWidth="1" outlineLevel="1"/>
    <col min="40" max="40" width="13.109375" style="53" bestFit="1" customWidth="1" collapsed="1"/>
    <col min="41" max="52" width="13.109375" style="53" hidden="1" customWidth="1" outlineLevel="1"/>
    <col min="53" max="53" width="13.109375" style="53" bestFit="1" customWidth="1" collapsed="1"/>
    <col min="54" max="16384" width="8.77734375" style="53"/>
  </cols>
  <sheetData>
    <row r="2" spans="1:53">
      <c r="B2" s="54"/>
      <c r="C2" s="54"/>
      <c r="D2" s="54"/>
      <c r="E2" s="54"/>
      <c r="F2" s="54"/>
      <c r="G2" s="54"/>
      <c r="H2" s="54"/>
      <c r="I2" s="54"/>
      <c r="J2" s="54"/>
      <c r="K2" s="54"/>
      <c r="L2" s="54"/>
      <c r="M2" s="54"/>
      <c r="O2" s="54"/>
      <c r="P2" s="54"/>
      <c r="Q2" s="54"/>
      <c r="R2" s="54"/>
      <c r="S2" s="54"/>
      <c r="T2" s="54"/>
      <c r="U2" s="54"/>
      <c r="V2" s="54"/>
      <c r="W2" s="54"/>
      <c r="X2" s="54"/>
      <c r="Y2" s="54"/>
      <c r="Z2" s="54"/>
      <c r="AB2" s="54"/>
      <c r="AC2" s="54"/>
      <c r="AD2" s="54"/>
      <c r="AE2" s="54"/>
      <c r="AF2" s="54"/>
      <c r="AG2" s="54"/>
      <c r="AH2" s="54"/>
      <c r="AI2" s="54"/>
      <c r="AJ2" s="54"/>
      <c r="AK2" s="54"/>
      <c r="AL2" s="54"/>
      <c r="AM2" s="54"/>
    </row>
    <row r="3" spans="1:53" s="55" customFormat="1" ht="13.2">
      <c r="A3" s="52"/>
      <c r="N3"/>
      <c r="AA3"/>
      <c r="AN3"/>
    </row>
    <row r="4" spans="1:53" s="55" customFormat="1">
      <c r="A4" s="56" t="s">
        <v>2959</v>
      </c>
      <c r="B4" s="55" t="s">
        <v>147</v>
      </c>
      <c r="C4" s="55" t="s">
        <v>148</v>
      </c>
      <c r="D4" s="55" t="s">
        <v>149</v>
      </c>
      <c r="E4" s="55" t="s">
        <v>150</v>
      </c>
      <c r="F4" s="55" t="s">
        <v>151</v>
      </c>
      <c r="G4" s="55" t="s">
        <v>152</v>
      </c>
      <c r="H4" s="55" t="s">
        <v>153</v>
      </c>
      <c r="I4" s="55" t="s">
        <v>154</v>
      </c>
      <c r="J4" s="55" t="s">
        <v>155</v>
      </c>
      <c r="K4" s="55" t="s">
        <v>156</v>
      </c>
      <c r="L4" s="55" t="s">
        <v>157</v>
      </c>
      <c r="M4" s="55" t="s">
        <v>158</v>
      </c>
      <c r="N4" s="55" t="s">
        <v>31</v>
      </c>
      <c r="O4" s="55" t="s">
        <v>159</v>
      </c>
      <c r="P4" s="55" t="s">
        <v>160</v>
      </c>
      <c r="Q4" s="55" t="s">
        <v>161</v>
      </c>
      <c r="R4" s="55" t="s">
        <v>162</v>
      </c>
      <c r="S4" s="55" t="s">
        <v>163</v>
      </c>
      <c r="T4" s="55" t="s">
        <v>164</v>
      </c>
      <c r="U4" s="55" t="s">
        <v>165</v>
      </c>
      <c r="V4" s="55" t="s">
        <v>166</v>
      </c>
      <c r="W4" s="55" t="s">
        <v>167</v>
      </c>
      <c r="X4" s="55" t="s">
        <v>168</v>
      </c>
      <c r="Y4" s="55" t="s">
        <v>169</v>
      </c>
      <c r="Z4" s="55" t="s">
        <v>170</v>
      </c>
      <c r="AA4" s="55" t="s">
        <v>28</v>
      </c>
      <c r="AB4" s="55" t="s">
        <v>171</v>
      </c>
      <c r="AC4" s="55" t="s">
        <v>172</v>
      </c>
      <c r="AD4" s="55" t="s">
        <v>173</v>
      </c>
      <c r="AE4" s="55" t="s">
        <v>174</v>
      </c>
      <c r="AF4" s="55" t="s">
        <v>175</v>
      </c>
      <c r="AG4" s="55" t="s">
        <v>176</v>
      </c>
      <c r="AH4" s="55" t="s">
        <v>177</v>
      </c>
      <c r="AI4" s="55" t="s">
        <v>178</v>
      </c>
      <c r="AJ4" s="55" t="s">
        <v>179</v>
      </c>
      <c r="AK4" s="55" t="s">
        <v>180</v>
      </c>
      <c r="AL4" s="55" t="s">
        <v>181</v>
      </c>
      <c r="AM4" s="55" t="s">
        <v>182</v>
      </c>
      <c r="AN4" s="55" t="s">
        <v>25</v>
      </c>
      <c r="AO4" s="55" t="s">
        <v>183</v>
      </c>
      <c r="AP4" s="55" t="s">
        <v>184</v>
      </c>
      <c r="AQ4" s="55" t="s">
        <v>185</v>
      </c>
      <c r="AR4" s="55" t="s">
        <v>186</v>
      </c>
      <c r="AS4" s="55" t="s">
        <v>187</v>
      </c>
      <c r="AT4" s="55" t="s">
        <v>188</v>
      </c>
      <c r="AU4" s="55" t="s">
        <v>189</v>
      </c>
      <c r="AV4" s="55" t="s">
        <v>190</v>
      </c>
      <c r="AW4" s="55" t="s">
        <v>191</v>
      </c>
      <c r="AX4" s="55" t="s">
        <v>192</v>
      </c>
      <c r="AY4" s="55" t="s">
        <v>193</v>
      </c>
      <c r="AZ4" s="55" t="s">
        <v>194</v>
      </c>
      <c r="BA4" s="55" t="s">
        <v>22</v>
      </c>
    </row>
    <row r="5" spans="1:53" s="55" customFormat="1">
      <c r="A5" s="56"/>
    </row>
    <row r="6" spans="1:53">
      <c r="A6" s="57" t="s">
        <v>195</v>
      </c>
    </row>
    <row r="7" spans="1:53">
      <c r="A7" s="52" t="s">
        <v>196</v>
      </c>
    </row>
    <row r="8" spans="1:53">
      <c r="A8" s="52" t="s">
        <v>197</v>
      </c>
    </row>
    <row r="9" spans="1:53">
      <c r="A9" s="52" t="s">
        <v>198</v>
      </c>
    </row>
    <row r="10" spans="1:53">
      <c r="A10" s="52" t="s">
        <v>199</v>
      </c>
    </row>
    <row r="11" spans="1:53">
      <c r="A11" s="52" t="s">
        <v>200</v>
      </c>
    </row>
    <row r="12" spans="1:53">
      <c r="A12" s="52" t="s">
        <v>201</v>
      </c>
      <c r="B12" s="53">
        <v>1493412000</v>
      </c>
      <c r="C12" s="53">
        <v>1493412000</v>
      </c>
      <c r="D12" s="53">
        <v>1493412000</v>
      </c>
      <c r="E12" s="53">
        <v>1493412000</v>
      </c>
      <c r="F12" s="53">
        <v>1493412000</v>
      </c>
      <c r="G12" s="53">
        <v>1493412000</v>
      </c>
      <c r="H12" s="53">
        <v>1493412000</v>
      </c>
      <c r="I12" s="53">
        <v>1493412000</v>
      </c>
      <c r="J12" s="53">
        <v>1493412000</v>
      </c>
      <c r="K12" s="53">
        <v>1493412000</v>
      </c>
      <c r="L12" s="53">
        <v>1493412000</v>
      </c>
      <c r="M12" s="53">
        <v>1493412000</v>
      </c>
      <c r="N12" s="53">
        <v>1493412000</v>
      </c>
      <c r="O12" s="53">
        <v>1493412000</v>
      </c>
      <c r="P12" s="53">
        <v>1493412000</v>
      </c>
      <c r="Q12" s="53">
        <v>1493412000</v>
      </c>
      <c r="R12" s="53">
        <v>1493412000</v>
      </c>
      <c r="S12" s="53">
        <v>1493412000</v>
      </c>
      <c r="T12" s="53">
        <v>1493412000</v>
      </c>
      <c r="U12" s="53">
        <v>1493412000</v>
      </c>
      <c r="V12" s="53">
        <v>1493412000</v>
      </c>
      <c r="W12" s="53">
        <v>1493412000</v>
      </c>
      <c r="X12" s="53">
        <v>1493412000</v>
      </c>
      <c r="Y12" s="53">
        <v>1493412000</v>
      </c>
      <c r="Z12" s="53">
        <v>1493412000</v>
      </c>
      <c r="AA12" s="53">
        <v>1493412000</v>
      </c>
      <c r="AB12" s="53">
        <v>1493412000</v>
      </c>
      <c r="AC12" s="53">
        <v>1493412000</v>
      </c>
      <c r="AD12" s="53">
        <v>1493412000</v>
      </c>
      <c r="AE12" s="53">
        <v>1493412000</v>
      </c>
      <c r="AF12" s="53">
        <v>1493412000</v>
      </c>
      <c r="AG12" s="53">
        <v>1493412000</v>
      </c>
      <c r="AH12" s="53">
        <v>1493412000</v>
      </c>
      <c r="AI12" s="53">
        <v>1493412000</v>
      </c>
      <c r="AJ12" s="53">
        <v>1493412000</v>
      </c>
      <c r="AK12" s="53">
        <v>1493412000</v>
      </c>
      <c r="AL12" s="53">
        <v>1493412000</v>
      </c>
      <c r="AM12" s="53">
        <v>1493412000</v>
      </c>
      <c r="AN12" s="53">
        <v>1493412000</v>
      </c>
      <c r="AO12" s="53">
        <v>1493412000</v>
      </c>
      <c r="AP12" s="53">
        <v>1493412000</v>
      </c>
      <c r="AQ12" s="53">
        <v>1493412000</v>
      </c>
      <c r="AR12" s="53">
        <v>1493412000</v>
      </c>
      <c r="AS12" s="53">
        <v>1493412000</v>
      </c>
      <c r="AT12" s="53">
        <v>1493412000</v>
      </c>
      <c r="AU12" s="53">
        <v>1493412000</v>
      </c>
      <c r="AV12" s="53">
        <v>1493412000</v>
      </c>
      <c r="AW12" s="53">
        <v>1493412000</v>
      </c>
      <c r="AX12" s="53">
        <v>1493412000</v>
      </c>
      <c r="AY12" s="53">
        <v>1493412000</v>
      </c>
      <c r="AZ12" s="53">
        <v>1493412000</v>
      </c>
      <c r="BA12" s="53">
        <v>1493412000</v>
      </c>
    </row>
    <row r="13" spans="1:53">
      <c r="A13" s="52" t="s">
        <v>202</v>
      </c>
      <c r="B13" s="53">
        <v>1493412000</v>
      </c>
      <c r="C13" s="53">
        <v>1493412000</v>
      </c>
      <c r="D13" s="53">
        <v>1493412000</v>
      </c>
      <c r="E13" s="53">
        <v>1493412000</v>
      </c>
      <c r="F13" s="53">
        <v>1493412000</v>
      </c>
      <c r="G13" s="53">
        <v>1493412000</v>
      </c>
      <c r="H13" s="53">
        <v>1493412000</v>
      </c>
      <c r="I13" s="53">
        <v>1493412000</v>
      </c>
      <c r="J13" s="53">
        <v>1493412000</v>
      </c>
      <c r="K13" s="53">
        <v>1493412000</v>
      </c>
      <c r="L13" s="53">
        <v>1493412000</v>
      </c>
      <c r="M13" s="53">
        <v>1493412000</v>
      </c>
      <c r="N13" s="53">
        <v>1493412000</v>
      </c>
      <c r="O13" s="53">
        <v>1493412000</v>
      </c>
      <c r="P13" s="53">
        <v>1493412000</v>
      </c>
      <c r="Q13" s="53">
        <v>1493412000</v>
      </c>
      <c r="R13" s="53">
        <v>1493412000</v>
      </c>
      <c r="S13" s="53">
        <v>1493412000</v>
      </c>
      <c r="T13" s="53">
        <v>1493412000</v>
      </c>
      <c r="U13" s="53">
        <v>1493412000</v>
      </c>
      <c r="V13" s="53">
        <v>1493412000</v>
      </c>
      <c r="W13" s="53">
        <v>1493412000</v>
      </c>
      <c r="X13" s="53">
        <v>1493412000</v>
      </c>
      <c r="Y13" s="53">
        <v>1493412000</v>
      </c>
      <c r="Z13" s="53">
        <v>1493412000</v>
      </c>
      <c r="AA13" s="53">
        <v>1493412000</v>
      </c>
      <c r="AB13" s="53">
        <v>1493412000</v>
      </c>
      <c r="AC13" s="53">
        <v>1493412000</v>
      </c>
      <c r="AD13" s="53">
        <v>1493412000</v>
      </c>
      <c r="AE13" s="53">
        <v>1493412000</v>
      </c>
      <c r="AF13" s="53">
        <v>1493412000</v>
      </c>
      <c r="AG13" s="53">
        <v>1493412000</v>
      </c>
      <c r="AH13" s="53">
        <v>1493412000</v>
      </c>
      <c r="AI13" s="53">
        <v>1493412000</v>
      </c>
      <c r="AJ13" s="53">
        <v>1493412000</v>
      </c>
      <c r="AK13" s="53">
        <v>1493412000</v>
      </c>
      <c r="AL13" s="53">
        <v>1493412000</v>
      </c>
      <c r="AM13" s="53">
        <v>1493412000</v>
      </c>
      <c r="AN13" s="53">
        <v>1493412000</v>
      </c>
      <c r="AO13" s="53">
        <v>1493412000</v>
      </c>
      <c r="AP13" s="53">
        <v>1493412000</v>
      </c>
      <c r="AQ13" s="53">
        <v>1493412000</v>
      </c>
      <c r="AR13" s="53">
        <v>1493412000</v>
      </c>
      <c r="AS13" s="53">
        <v>1493412000</v>
      </c>
      <c r="AT13" s="53">
        <v>1493412000</v>
      </c>
      <c r="AU13" s="53">
        <v>1493412000</v>
      </c>
      <c r="AV13" s="53">
        <v>1493412000</v>
      </c>
      <c r="AW13" s="53">
        <v>1493412000</v>
      </c>
      <c r="AX13" s="53">
        <v>1493412000</v>
      </c>
      <c r="AY13" s="53">
        <v>1493412000</v>
      </c>
      <c r="AZ13" s="53">
        <v>1493412000</v>
      </c>
      <c r="BA13" s="53">
        <v>1493412000</v>
      </c>
    </row>
    <row r="14" spans="1:53">
      <c r="A14" s="52" t="s">
        <v>203</v>
      </c>
      <c r="B14" s="53">
        <v>1670012000</v>
      </c>
      <c r="C14" s="53">
        <v>1670012000</v>
      </c>
      <c r="D14" s="53">
        <v>1670012000</v>
      </c>
      <c r="E14" s="53">
        <v>1670012000</v>
      </c>
      <c r="F14" s="53">
        <v>1670012000</v>
      </c>
      <c r="G14" s="53">
        <v>1670012000</v>
      </c>
      <c r="H14" s="53">
        <v>1670012000</v>
      </c>
      <c r="I14" s="53">
        <v>1670012000</v>
      </c>
      <c r="J14" s="53">
        <v>1670012000</v>
      </c>
      <c r="K14" s="53">
        <v>1670012000</v>
      </c>
      <c r="L14" s="53">
        <v>1670012000</v>
      </c>
      <c r="M14" s="53">
        <v>1670012000</v>
      </c>
      <c r="N14" s="53">
        <v>1670012000</v>
      </c>
      <c r="O14" s="53">
        <v>1670012000</v>
      </c>
      <c r="P14" s="53">
        <v>1670012000</v>
      </c>
      <c r="Q14" s="53">
        <v>1670012000</v>
      </c>
      <c r="R14" s="53">
        <v>1670012000</v>
      </c>
      <c r="S14" s="53">
        <v>1670012000</v>
      </c>
      <c r="T14" s="53">
        <v>1670012000</v>
      </c>
      <c r="U14" s="53">
        <v>1670012000</v>
      </c>
      <c r="V14" s="53">
        <v>1670012000</v>
      </c>
      <c r="W14" s="53">
        <v>1670012000</v>
      </c>
      <c r="X14" s="53">
        <v>1670012000</v>
      </c>
      <c r="Y14" s="53">
        <v>1670012000</v>
      </c>
      <c r="Z14" s="53">
        <v>1670012000</v>
      </c>
      <c r="AA14" s="53">
        <v>1670012000</v>
      </c>
      <c r="AB14" s="53">
        <v>1670012000</v>
      </c>
      <c r="AC14" s="53">
        <v>1670012000</v>
      </c>
      <c r="AD14" s="53">
        <v>1670012000</v>
      </c>
      <c r="AE14" s="53">
        <v>1670012000</v>
      </c>
      <c r="AF14" s="53">
        <v>1670012000</v>
      </c>
      <c r="AG14" s="53">
        <v>1670012000</v>
      </c>
      <c r="AH14" s="53">
        <v>1670012000</v>
      </c>
      <c r="AI14" s="53">
        <v>1670012000</v>
      </c>
      <c r="AJ14" s="53">
        <v>1670012000</v>
      </c>
      <c r="AK14" s="53">
        <v>1670012000</v>
      </c>
      <c r="AL14" s="53">
        <v>1670012000</v>
      </c>
      <c r="AM14" s="53">
        <v>1670012000</v>
      </c>
      <c r="AN14" s="53">
        <v>1670012000</v>
      </c>
      <c r="AO14" s="53">
        <v>1670012000</v>
      </c>
      <c r="AP14" s="53">
        <v>1670012000</v>
      </c>
      <c r="AQ14" s="53">
        <v>1670012000</v>
      </c>
      <c r="AR14" s="53">
        <v>1670012000</v>
      </c>
      <c r="AS14" s="53">
        <v>1670012000</v>
      </c>
      <c r="AT14" s="53">
        <v>1670012000</v>
      </c>
      <c r="AU14" s="53">
        <v>1670012000</v>
      </c>
      <c r="AV14" s="53">
        <v>1670012000</v>
      </c>
      <c r="AW14" s="53">
        <v>1670012000</v>
      </c>
      <c r="AX14" s="53">
        <v>1670012000</v>
      </c>
      <c r="AY14" s="53">
        <v>1670012000</v>
      </c>
      <c r="AZ14" s="53">
        <v>1670012000</v>
      </c>
      <c r="BA14" s="53">
        <v>1670012000</v>
      </c>
    </row>
    <row r="15" spans="1:53">
      <c r="A15" s="52" t="s">
        <v>204</v>
      </c>
      <c r="B15" s="53">
        <v>1670013000</v>
      </c>
      <c r="C15" s="53">
        <v>1670013000</v>
      </c>
      <c r="D15" s="53">
        <v>1670013000</v>
      </c>
      <c r="E15" s="53">
        <v>1670013000</v>
      </c>
      <c r="F15" s="53">
        <v>1670013000</v>
      </c>
      <c r="G15" s="53">
        <v>1670013000</v>
      </c>
      <c r="H15" s="53">
        <v>1670013000</v>
      </c>
      <c r="I15" s="53">
        <v>1670013000</v>
      </c>
      <c r="J15" s="53">
        <v>1670013000</v>
      </c>
      <c r="K15" s="53">
        <v>1670013000</v>
      </c>
      <c r="L15" s="53">
        <v>1670013000</v>
      </c>
      <c r="M15" s="53">
        <v>1670013000</v>
      </c>
      <c r="N15" s="53">
        <v>1670013000</v>
      </c>
      <c r="O15" s="53">
        <v>1670013000</v>
      </c>
      <c r="P15" s="53">
        <v>1670013000</v>
      </c>
      <c r="Q15" s="53">
        <v>1670013000</v>
      </c>
      <c r="R15" s="53">
        <v>1670013000</v>
      </c>
      <c r="S15" s="53">
        <v>1670013000</v>
      </c>
      <c r="T15" s="53">
        <v>1670013000</v>
      </c>
      <c r="U15" s="53">
        <v>1670013000</v>
      </c>
      <c r="V15" s="53">
        <v>1670013000</v>
      </c>
      <c r="W15" s="53">
        <v>1670013000</v>
      </c>
      <c r="X15" s="53">
        <v>1670013000</v>
      </c>
      <c r="Y15" s="53">
        <v>1670013000</v>
      </c>
      <c r="Z15" s="53">
        <v>1670013000</v>
      </c>
      <c r="AA15" s="53">
        <v>1670013000</v>
      </c>
      <c r="AB15" s="53">
        <v>1670013000</v>
      </c>
      <c r="AC15" s="53">
        <v>1670013000</v>
      </c>
      <c r="AD15" s="53">
        <v>1670013000</v>
      </c>
      <c r="AE15" s="53">
        <v>1670013000</v>
      </c>
      <c r="AF15" s="53">
        <v>1670013000</v>
      </c>
      <c r="AG15" s="53">
        <v>1670013000</v>
      </c>
      <c r="AH15" s="53">
        <v>1670013000</v>
      </c>
      <c r="AI15" s="53">
        <v>1670013000</v>
      </c>
      <c r="AJ15" s="53">
        <v>1670013000</v>
      </c>
      <c r="AK15" s="53">
        <v>1670013000</v>
      </c>
      <c r="AL15" s="53">
        <v>1670013000</v>
      </c>
      <c r="AM15" s="53">
        <v>1670013000</v>
      </c>
      <c r="AN15" s="53">
        <v>1670013000</v>
      </c>
      <c r="AO15" s="53">
        <v>1670013000</v>
      </c>
      <c r="AP15" s="53">
        <v>1670013000</v>
      </c>
      <c r="AQ15" s="53">
        <v>1670013000</v>
      </c>
      <c r="AR15" s="53">
        <v>1670013000</v>
      </c>
      <c r="AS15" s="53">
        <v>1670013000</v>
      </c>
      <c r="AT15" s="53">
        <v>1670013000</v>
      </c>
      <c r="AU15" s="53">
        <v>1670013000</v>
      </c>
      <c r="AV15" s="53">
        <v>1670013000</v>
      </c>
      <c r="AW15" s="53">
        <v>1670013000</v>
      </c>
      <c r="AX15" s="53">
        <v>1670013000</v>
      </c>
      <c r="AY15" s="53">
        <v>1670013000</v>
      </c>
      <c r="AZ15" s="53">
        <v>1670013000</v>
      </c>
      <c r="BA15" s="53">
        <v>1670013000</v>
      </c>
    </row>
    <row r="16" spans="1:53">
      <c r="A16" s="52" t="s">
        <v>205</v>
      </c>
      <c r="B16" s="53">
        <v>1000</v>
      </c>
      <c r="C16" s="53">
        <v>1000</v>
      </c>
      <c r="D16" s="53">
        <v>1000</v>
      </c>
      <c r="E16" s="53">
        <v>1000</v>
      </c>
      <c r="F16" s="53">
        <v>1000</v>
      </c>
      <c r="G16" s="53">
        <v>1000</v>
      </c>
      <c r="H16" s="53">
        <v>1000</v>
      </c>
      <c r="I16" s="53">
        <v>1000</v>
      </c>
      <c r="J16" s="53">
        <v>1000</v>
      </c>
      <c r="K16" s="53">
        <v>1000</v>
      </c>
      <c r="L16" s="53">
        <v>1000</v>
      </c>
      <c r="M16" s="53">
        <v>1000</v>
      </c>
      <c r="N16" s="53">
        <v>1000</v>
      </c>
      <c r="O16" s="53">
        <v>1000</v>
      </c>
      <c r="P16" s="53">
        <v>1000</v>
      </c>
      <c r="Q16" s="53">
        <v>1000</v>
      </c>
      <c r="R16" s="53">
        <v>1000</v>
      </c>
      <c r="S16" s="53">
        <v>1000</v>
      </c>
      <c r="T16" s="53">
        <v>1000</v>
      </c>
      <c r="U16" s="53">
        <v>1000</v>
      </c>
      <c r="V16" s="53">
        <v>1000</v>
      </c>
      <c r="W16" s="53">
        <v>1000</v>
      </c>
      <c r="X16" s="53">
        <v>1000</v>
      </c>
      <c r="Y16" s="53">
        <v>1000</v>
      </c>
      <c r="Z16" s="53">
        <v>1000</v>
      </c>
      <c r="AA16" s="53">
        <v>1000</v>
      </c>
      <c r="AB16" s="53">
        <v>1000</v>
      </c>
      <c r="AC16" s="53">
        <v>1000</v>
      </c>
      <c r="AD16" s="53">
        <v>1000</v>
      </c>
      <c r="AE16" s="53">
        <v>1000</v>
      </c>
      <c r="AF16" s="53">
        <v>1000</v>
      </c>
      <c r="AG16" s="53">
        <v>1000</v>
      </c>
      <c r="AH16" s="53">
        <v>1000</v>
      </c>
      <c r="AI16" s="53">
        <v>1000</v>
      </c>
      <c r="AJ16" s="53">
        <v>1000</v>
      </c>
      <c r="AK16" s="53">
        <v>1000</v>
      </c>
      <c r="AL16" s="53">
        <v>1000</v>
      </c>
      <c r="AM16" s="53">
        <v>1000</v>
      </c>
      <c r="AN16" s="53">
        <v>1000</v>
      </c>
      <c r="AO16" s="53">
        <v>1000</v>
      </c>
      <c r="AP16" s="53">
        <v>1000</v>
      </c>
      <c r="AQ16" s="53">
        <v>1000</v>
      </c>
      <c r="AR16" s="53">
        <v>1000</v>
      </c>
      <c r="AS16" s="53">
        <v>1000</v>
      </c>
      <c r="AT16" s="53">
        <v>1000</v>
      </c>
      <c r="AU16" s="53">
        <v>1000</v>
      </c>
      <c r="AV16" s="53">
        <v>1000</v>
      </c>
      <c r="AW16" s="53">
        <v>1000</v>
      </c>
      <c r="AX16" s="53">
        <v>1000</v>
      </c>
      <c r="AY16" s="53">
        <v>1000</v>
      </c>
      <c r="AZ16" s="53">
        <v>1000</v>
      </c>
      <c r="BA16" s="53">
        <v>1000</v>
      </c>
    </row>
    <row r="17" spans="1:53">
      <c r="A17" s="52" t="s">
        <v>206</v>
      </c>
    </row>
    <row r="18" spans="1:53">
      <c r="A18" s="52" t="s">
        <v>207</v>
      </c>
    </row>
    <row r="19" spans="1:53">
      <c r="A19" s="52" t="s">
        <v>208</v>
      </c>
      <c r="B19" s="53">
        <v>1000</v>
      </c>
      <c r="C19" s="53">
        <v>1000</v>
      </c>
      <c r="D19" s="53">
        <v>1000</v>
      </c>
      <c r="E19" s="53">
        <v>1000</v>
      </c>
      <c r="F19" s="53">
        <v>1000</v>
      </c>
      <c r="G19" s="53">
        <v>1000</v>
      </c>
      <c r="H19" s="53">
        <v>1000</v>
      </c>
      <c r="I19" s="53">
        <v>1000</v>
      </c>
      <c r="J19" s="53">
        <v>1000</v>
      </c>
      <c r="K19" s="53">
        <v>1000</v>
      </c>
      <c r="L19" s="53">
        <v>1000</v>
      </c>
      <c r="M19" s="53">
        <v>1000</v>
      </c>
      <c r="N19" s="53">
        <v>1000</v>
      </c>
      <c r="O19" s="53">
        <v>1000</v>
      </c>
      <c r="P19" s="53">
        <v>1000</v>
      </c>
      <c r="Q19" s="53">
        <v>1000</v>
      </c>
      <c r="R19" s="53">
        <v>1000</v>
      </c>
      <c r="S19" s="53">
        <v>1000</v>
      </c>
      <c r="T19" s="53">
        <v>1000</v>
      </c>
      <c r="U19" s="53">
        <v>1000</v>
      </c>
      <c r="V19" s="53">
        <v>1000</v>
      </c>
      <c r="W19" s="53">
        <v>1000</v>
      </c>
      <c r="X19" s="53">
        <v>1000</v>
      </c>
      <c r="Y19" s="53">
        <v>1000</v>
      </c>
      <c r="Z19" s="53">
        <v>1000</v>
      </c>
      <c r="AA19" s="53">
        <v>1000</v>
      </c>
      <c r="AB19" s="53">
        <v>1000</v>
      </c>
      <c r="AC19" s="53">
        <v>1000</v>
      </c>
      <c r="AD19" s="53">
        <v>1000</v>
      </c>
      <c r="AE19" s="53">
        <v>1000</v>
      </c>
      <c r="AF19" s="53">
        <v>1000</v>
      </c>
      <c r="AG19" s="53">
        <v>1000</v>
      </c>
      <c r="AH19" s="53">
        <v>1000</v>
      </c>
      <c r="AI19" s="53">
        <v>1000</v>
      </c>
      <c r="AJ19" s="53">
        <v>1000</v>
      </c>
      <c r="AK19" s="53">
        <v>1000</v>
      </c>
      <c r="AL19" s="53">
        <v>1000</v>
      </c>
      <c r="AM19" s="53">
        <v>1000</v>
      </c>
      <c r="AN19" s="53">
        <v>1000</v>
      </c>
      <c r="AO19" s="53">
        <v>1000</v>
      </c>
      <c r="AP19" s="53">
        <v>1000</v>
      </c>
      <c r="AQ19" s="53">
        <v>1000</v>
      </c>
      <c r="AR19" s="53">
        <v>1000</v>
      </c>
      <c r="AS19" s="53">
        <v>1000</v>
      </c>
      <c r="AT19" s="53">
        <v>1000</v>
      </c>
      <c r="AU19" s="53">
        <v>1000</v>
      </c>
      <c r="AV19" s="53">
        <v>1000</v>
      </c>
      <c r="AW19" s="53">
        <v>1000</v>
      </c>
      <c r="AX19" s="53">
        <v>1000</v>
      </c>
      <c r="AY19" s="53">
        <v>1000</v>
      </c>
      <c r="AZ19" s="53">
        <v>1000</v>
      </c>
      <c r="BA19" s="53">
        <v>1000</v>
      </c>
    </row>
    <row r="20" spans="1:53">
      <c r="A20" s="52" t="s">
        <v>209</v>
      </c>
      <c r="B20" s="53">
        <v>0</v>
      </c>
      <c r="C20" s="53">
        <v>0</v>
      </c>
      <c r="D20" s="53">
        <v>0</v>
      </c>
      <c r="E20" s="53">
        <v>0</v>
      </c>
      <c r="F20" s="53">
        <v>0</v>
      </c>
      <c r="G20" s="53">
        <v>0</v>
      </c>
      <c r="H20" s="53">
        <v>0</v>
      </c>
      <c r="I20" s="53">
        <v>0</v>
      </c>
      <c r="J20" s="53">
        <v>0</v>
      </c>
      <c r="K20" s="53">
        <v>0</v>
      </c>
      <c r="L20" s="53">
        <v>0</v>
      </c>
      <c r="M20" s="53">
        <v>0</v>
      </c>
      <c r="N20" s="53">
        <v>0</v>
      </c>
      <c r="O20" s="53">
        <v>0</v>
      </c>
      <c r="P20" s="53">
        <v>0</v>
      </c>
      <c r="Q20" s="53">
        <v>0</v>
      </c>
      <c r="R20" s="53">
        <v>0</v>
      </c>
      <c r="S20" s="53">
        <v>0</v>
      </c>
      <c r="T20" s="53">
        <v>0</v>
      </c>
      <c r="U20" s="53">
        <v>0</v>
      </c>
      <c r="V20" s="53">
        <v>0</v>
      </c>
      <c r="W20" s="53">
        <v>0</v>
      </c>
      <c r="X20" s="53">
        <v>0</v>
      </c>
      <c r="Y20" s="53">
        <v>0</v>
      </c>
      <c r="Z20" s="53">
        <v>0</v>
      </c>
      <c r="AA20" s="53">
        <v>0</v>
      </c>
      <c r="AB20" s="53">
        <v>0</v>
      </c>
      <c r="AC20" s="53">
        <v>0</v>
      </c>
      <c r="AD20" s="53">
        <v>0</v>
      </c>
      <c r="AE20" s="53">
        <v>0</v>
      </c>
      <c r="AF20" s="53">
        <v>0</v>
      </c>
      <c r="AG20" s="53">
        <v>0</v>
      </c>
      <c r="AH20" s="53">
        <v>0</v>
      </c>
      <c r="AI20" s="53">
        <v>0</v>
      </c>
      <c r="AJ20" s="53">
        <v>0</v>
      </c>
      <c r="AK20" s="53">
        <v>0</v>
      </c>
      <c r="AL20" s="53">
        <v>0</v>
      </c>
      <c r="AM20" s="53">
        <v>0</v>
      </c>
      <c r="AN20" s="53">
        <v>0</v>
      </c>
      <c r="AO20" s="53">
        <v>0</v>
      </c>
      <c r="AP20" s="53">
        <v>0</v>
      </c>
      <c r="AQ20" s="53">
        <v>0</v>
      </c>
      <c r="AR20" s="53">
        <v>0</v>
      </c>
      <c r="AS20" s="53">
        <v>0</v>
      </c>
      <c r="AT20" s="53">
        <v>0</v>
      </c>
      <c r="AU20" s="53">
        <v>0</v>
      </c>
      <c r="AV20" s="53">
        <v>0</v>
      </c>
      <c r="AW20" s="53">
        <v>0</v>
      </c>
      <c r="AX20" s="53">
        <v>0</v>
      </c>
      <c r="AY20" s="53">
        <v>0</v>
      </c>
      <c r="AZ20" s="53">
        <v>0</v>
      </c>
      <c r="BA20" s="53">
        <v>0</v>
      </c>
    </row>
    <row r="21" spans="1:53">
      <c r="A21" s="52" t="s">
        <v>210</v>
      </c>
      <c r="B21" s="53">
        <v>36000</v>
      </c>
      <c r="C21" s="53">
        <v>36000</v>
      </c>
      <c r="D21" s="53">
        <v>36000</v>
      </c>
      <c r="E21" s="53">
        <v>36000</v>
      </c>
      <c r="F21" s="53">
        <v>36000</v>
      </c>
      <c r="G21" s="53">
        <v>36000</v>
      </c>
      <c r="H21" s="53">
        <v>36000</v>
      </c>
      <c r="I21" s="53">
        <v>36000</v>
      </c>
      <c r="J21" s="53">
        <v>36000</v>
      </c>
      <c r="K21" s="53">
        <v>36000</v>
      </c>
      <c r="L21" s="53">
        <v>36000</v>
      </c>
      <c r="M21" s="53">
        <v>36000</v>
      </c>
      <c r="N21" s="53">
        <v>36000</v>
      </c>
      <c r="O21" s="53">
        <v>36000</v>
      </c>
      <c r="P21" s="53">
        <v>36000</v>
      </c>
      <c r="Q21" s="53">
        <v>36000</v>
      </c>
      <c r="R21" s="53">
        <v>36000</v>
      </c>
      <c r="S21" s="53">
        <v>36000</v>
      </c>
      <c r="T21" s="53">
        <v>36000</v>
      </c>
      <c r="U21" s="53">
        <v>36000</v>
      </c>
      <c r="V21" s="53">
        <v>36000</v>
      </c>
      <c r="W21" s="53">
        <v>36000</v>
      </c>
      <c r="X21" s="53">
        <v>36000</v>
      </c>
      <c r="Y21" s="53">
        <v>36000</v>
      </c>
      <c r="Z21" s="53">
        <v>36000</v>
      </c>
      <c r="AA21" s="53">
        <v>36000</v>
      </c>
      <c r="AB21" s="53">
        <v>36000</v>
      </c>
      <c r="AC21" s="53">
        <v>36000</v>
      </c>
      <c r="AD21" s="53">
        <v>36000</v>
      </c>
      <c r="AE21" s="53">
        <v>36000</v>
      </c>
      <c r="AF21" s="53">
        <v>36000</v>
      </c>
      <c r="AG21" s="53">
        <v>36000</v>
      </c>
      <c r="AH21" s="53">
        <v>36000</v>
      </c>
      <c r="AI21" s="53">
        <v>36000</v>
      </c>
      <c r="AJ21" s="53">
        <v>36000</v>
      </c>
      <c r="AK21" s="53">
        <v>36000</v>
      </c>
      <c r="AL21" s="53">
        <v>36000</v>
      </c>
      <c r="AM21" s="53">
        <v>36000</v>
      </c>
      <c r="AN21" s="53">
        <v>36000</v>
      </c>
      <c r="AO21" s="53">
        <v>36000</v>
      </c>
      <c r="AP21" s="53">
        <v>36000</v>
      </c>
      <c r="AQ21" s="53">
        <v>36000</v>
      </c>
      <c r="AR21" s="53">
        <v>36000</v>
      </c>
      <c r="AS21" s="53">
        <v>36000</v>
      </c>
      <c r="AT21" s="53">
        <v>36000</v>
      </c>
      <c r="AU21" s="53">
        <v>36000</v>
      </c>
      <c r="AV21" s="53">
        <v>36000</v>
      </c>
      <c r="AW21" s="53">
        <v>36000</v>
      </c>
      <c r="AX21" s="53">
        <v>36000</v>
      </c>
      <c r="AY21" s="53">
        <v>36000</v>
      </c>
      <c r="AZ21" s="53">
        <v>36000</v>
      </c>
      <c r="BA21" s="53">
        <v>36000</v>
      </c>
    </row>
    <row r="22" spans="1:53">
      <c r="A22" s="52" t="s">
        <v>211</v>
      </c>
      <c r="B22" s="53">
        <v>202212000</v>
      </c>
      <c r="C22" s="53">
        <v>202212000</v>
      </c>
      <c r="D22" s="53">
        <v>202212000</v>
      </c>
      <c r="E22" s="53">
        <v>202212000</v>
      </c>
      <c r="F22" s="53">
        <v>202212000</v>
      </c>
      <c r="G22" s="53">
        <v>202212000</v>
      </c>
      <c r="H22" s="53">
        <v>202212000</v>
      </c>
      <c r="I22" s="53">
        <v>202212000</v>
      </c>
      <c r="J22" s="53">
        <v>202212000</v>
      </c>
      <c r="K22" s="53">
        <v>202212000</v>
      </c>
      <c r="L22" s="53">
        <v>202212000</v>
      </c>
      <c r="M22" s="53">
        <v>202212000</v>
      </c>
      <c r="N22" s="53">
        <v>202212000</v>
      </c>
      <c r="O22" s="53">
        <v>202212000</v>
      </c>
      <c r="P22" s="53">
        <v>202212000</v>
      </c>
      <c r="Q22" s="53">
        <v>202212000</v>
      </c>
      <c r="R22" s="53">
        <v>202212000</v>
      </c>
      <c r="S22" s="53">
        <v>202212000</v>
      </c>
      <c r="T22" s="53">
        <v>202212000</v>
      </c>
      <c r="U22" s="53">
        <v>202212000</v>
      </c>
      <c r="V22" s="53">
        <v>202212000</v>
      </c>
      <c r="W22" s="53">
        <v>202212000</v>
      </c>
      <c r="X22" s="53">
        <v>202212000</v>
      </c>
      <c r="Y22" s="53">
        <v>202212000</v>
      </c>
      <c r="Z22" s="53">
        <v>202212000</v>
      </c>
      <c r="AA22" s="53">
        <v>202212000</v>
      </c>
      <c r="AB22" s="53">
        <v>202212000</v>
      </c>
      <c r="AC22" s="53">
        <v>202212000</v>
      </c>
      <c r="AD22" s="53">
        <v>202212000</v>
      </c>
      <c r="AE22" s="53">
        <v>202212000</v>
      </c>
      <c r="AF22" s="53">
        <v>202212000</v>
      </c>
      <c r="AG22" s="53">
        <v>202212000</v>
      </c>
      <c r="AH22" s="53">
        <v>202212000</v>
      </c>
      <c r="AI22" s="53">
        <v>202212000</v>
      </c>
      <c r="AJ22" s="53">
        <v>202212000</v>
      </c>
      <c r="AK22" s="53">
        <v>202212000</v>
      </c>
      <c r="AL22" s="53">
        <v>202212000</v>
      </c>
      <c r="AM22" s="53">
        <v>202212000</v>
      </c>
      <c r="AN22" s="53">
        <v>202212000</v>
      </c>
      <c r="AO22" s="53">
        <v>202212000</v>
      </c>
      <c r="AP22" s="53">
        <v>202212000</v>
      </c>
      <c r="AQ22" s="53">
        <v>202212000</v>
      </c>
      <c r="AR22" s="53">
        <v>202212000</v>
      </c>
      <c r="AS22" s="53">
        <v>202212000</v>
      </c>
      <c r="AT22" s="53">
        <v>202212000</v>
      </c>
      <c r="AU22" s="53">
        <v>202212000</v>
      </c>
      <c r="AV22" s="53">
        <v>202212000</v>
      </c>
      <c r="AW22" s="53">
        <v>202212000</v>
      </c>
      <c r="AX22" s="53">
        <v>202212000</v>
      </c>
      <c r="AY22" s="53">
        <v>202212000</v>
      </c>
      <c r="AZ22" s="53">
        <v>202212000</v>
      </c>
      <c r="BA22" s="53">
        <v>202212000</v>
      </c>
    </row>
    <row r="23" spans="1:53">
      <c r="A23" s="52" t="s">
        <v>212</v>
      </c>
      <c r="B23" s="53">
        <v>49000</v>
      </c>
      <c r="C23" s="53">
        <v>50000</v>
      </c>
      <c r="D23" s="53">
        <v>51000</v>
      </c>
      <c r="E23" s="53">
        <v>52000</v>
      </c>
      <c r="F23" s="53">
        <v>53000</v>
      </c>
      <c r="G23" s="53">
        <v>54000</v>
      </c>
      <c r="H23" s="53">
        <v>55000</v>
      </c>
      <c r="I23" s="53">
        <v>56000</v>
      </c>
      <c r="J23" s="53">
        <v>57000</v>
      </c>
      <c r="K23" s="53">
        <v>58000</v>
      </c>
      <c r="L23" s="53">
        <v>59000</v>
      </c>
      <c r="M23" s="53">
        <v>60000</v>
      </c>
      <c r="N23" s="53">
        <v>60000</v>
      </c>
      <c r="O23" s="53">
        <v>61000</v>
      </c>
      <c r="P23" s="53">
        <v>62000</v>
      </c>
      <c r="Q23" s="53">
        <v>63000</v>
      </c>
      <c r="R23" s="53">
        <v>64000</v>
      </c>
      <c r="S23" s="53">
        <v>65000</v>
      </c>
      <c r="T23" s="53">
        <v>66000</v>
      </c>
      <c r="U23" s="53">
        <v>67000</v>
      </c>
      <c r="V23" s="53">
        <v>68000</v>
      </c>
      <c r="W23" s="53">
        <v>69000</v>
      </c>
      <c r="X23" s="53">
        <v>70000</v>
      </c>
      <c r="Y23" s="53">
        <v>71000</v>
      </c>
      <c r="Z23" s="53">
        <v>72000</v>
      </c>
      <c r="AA23" s="53">
        <v>72000</v>
      </c>
      <c r="AB23" s="53">
        <v>73000</v>
      </c>
      <c r="AC23" s="53">
        <v>74000</v>
      </c>
      <c r="AD23" s="53">
        <v>75000</v>
      </c>
      <c r="AE23" s="53">
        <v>76000</v>
      </c>
      <c r="AF23" s="53">
        <v>77000</v>
      </c>
      <c r="AG23" s="53">
        <v>78000</v>
      </c>
      <c r="AH23" s="53">
        <v>79000</v>
      </c>
      <c r="AI23" s="53">
        <v>80000</v>
      </c>
      <c r="AJ23" s="53">
        <v>81000</v>
      </c>
      <c r="AK23" s="53">
        <v>82000</v>
      </c>
      <c r="AL23" s="53">
        <v>83000</v>
      </c>
      <c r="AM23" s="53">
        <v>84000</v>
      </c>
      <c r="AN23" s="53">
        <v>84000</v>
      </c>
      <c r="AO23" s="53">
        <v>85000</v>
      </c>
      <c r="AP23" s="53">
        <v>86000</v>
      </c>
      <c r="AQ23" s="53">
        <v>87000</v>
      </c>
      <c r="AR23" s="53">
        <v>88000</v>
      </c>
      <c r="AS23" s="53">
        <v>89000</v>
      </c>
      <c r="AT23" s="53">
        <v>90000</v>
      </c>
      <c r="AU23" s="53">
        <v>91000</v>
      </c>
      <c r="AV23" s="53">
        <v>92000</v>
      </c>
      <c r="AW23" s="53">
        <v>93000</v>
      </c>
      <c r="AX23" s="53">
        <v>94000</v>
      </c>
      <c r="AY23" s="53">
        <v>95000</v>
      </c>
      <c r="AZ23" s="53">
        <v>96000</v>
      </c>
      <c r="BA23" s="53">
        <v>96000</v>
      </c>
    </row>
    <row r="24" spans="1:53">
      <c r="A24" s="52" t="s">
        <v>213</v>
      </c>
      <c r="B24" s="53">
        <v>202401000</v>
      </c>
      <c r="C24" s="53">
        <v>202402000</v>
      </c>
      <c r="D24" s="53">
        <v>202403000</v>
      </c>
      <c r="E24" s="53">
        <v>202404000</v>
      </c>
      <c r="F24" s="53">
        <v>202405000</v>
      </c>
      <c r="G24" s="53">
        <v>202406000</v>
      </c>
      <c r="H24" s="53">
        <v>202407000</v>
      </c>
      <c r="I24" s="53">
        <v>202408000</v>
      </c>
      <c r="J24" s="53">
        <v>202409000</v>
      </c>
      <c r="K24" s="53">
        <v>202410000</v>
      </c>
      <c r="L24" s="53">
        <v>202411000</v>
      </c>
      <c r="M24" s="53">
        <v>202412000</v>
      </c>
      <c r="N24" s="53">
        <v>202412000</v>
      </c>
      <c r="O24" s="53">
        <v>202501000</v>
      </c>
      <c r="P24" s="53">
        <v>202502000</v>
      </c>
      <c r="Q24" s="53">
        <v>202503000</v>
      </c>
      <c r="R24" s="53">
        <v>202504000</v>
      </c>
      <c r="S24" s="53">
        <v>202505000</v>
      </c>
      <c r="T24" s="53">
        <v>202506000</v>
      </c>
      <c r="U24" s="53">
        <v>202507000</v>
      </c>
      <c r="V24" s="53">
        <v>202508000</v>
      </c>
      <c r="W24" s="53">
        <v>202509000</v>
      </c>
      <c r="X24" s="53">
        <v>202510000</v>
      </c>
      <c r="Y24" s="53">
        <v>202511000</v>
      </c>
      <c r="Z24" s="53">
        <v>202512000</v>
      </c>
      <c r="AA24" s="53">
        <v>202512000</v>
      </c>
      <c r="AB24" s="53">
        <v>202601000</v>
      </c>
      <c r="AC24" s="53">
        <v>202602000</v>
      </c>
      <c r="AD24" s="53">
        <v>202603000</v>
      </c>
      <c r="AE24" s="53">
        <v>202604000</v>
      </c>
      <c r="AF24" s="53">
        <v>202605000</v>
      </c>
      <c r="AG24" s="53">
        <v>202606000</v>
      </c>
      <c r="AH24" s="53">
        <v>202607000</v>
      </c>
      <c r="AI24" s="53">
        <v>202608000</v>
      </c>
      <c r="AJ24" s="53">
        <v>202609000</v>
      </c>
      <c r="AK24" s="53">
        <v>202610000</v>
      </c>
      <c r="AL24" s="53">
        <v>202611000</v>
      </c>
      <c r="AM24" s="53">
        <v>202612000</v>
      </c>
      <c r="AN24" s="53">
        <v>202612000</v>
      </c>
      <c r="AO24" s="53">
        <v>202701000</v>
      </c>
      <c r="AP24" s="53">
        <v>202702000</v>
      </c>
      <c r="AQ24" s="53">
        <v>202703000</v>
      </c>
      <c r="AR24" s="53">
        <v>202704000</v>
      </c>
      <c r="AS24" s="53">
        <v>202705000</v>
      </c>
      <c r="AT24" s="53">
        <v>202706000</v>
      </c>
      <c r="AU24" s="53">
        <v>202707000</v>
      </c>
      <c r="AV24" s="53">
        <v>202708000</v>
      </c>
      <c r="AW24" s="53">
        <v>202709000</v>
      </c>
      <c r="AX24" s="53">
        <v>202710000</v>
      </c>
      <c r="AY24" s="53">
        <v>202711000</v>
      </c>
      <c r="AZ24" s="53">
        <v>202712000</v>
      </c>
      <c r="BA24" s="53">
        <v>202712000</v>
      </c>
    </row>
    <row r="25" spans="1:53">
      <c r="A25" s="52" t="s">
        <v>214</v>
      </c>
      <c r="B25" s="53">
        <v>48000</v>
      </c>
      <c r="C25" s="53">
        <v>49000</v>
      </c>
      <c r="D25" s="53">
        <v>50000</v>
      </c>
      <c r="E25" s="53">
        <v>51000</v>
      </c>
      <c r="F25" s="53">
        <v>52000</v>
      </c>
      <c r="G25" s="53">
        <v>53000</v>
      </c>
      <c r="H25" s="53">
        <v>54000</v>
      </c>
      <c r="I25" s="53">
        <v>55000</v>
      </c>
      <c r="J25" s="53">
        <v>56000</v>
      </c>
      <c r="K25" s="53">
        <v>57000</v>
      </c>
      <c r="L25" s="53">
        <v>58000</v>
      </c>
      <c r="M25" s="53">
        <v>59000</v>
      </c>
      <c r="N25" s="53">
        <v>59000</v>
      </c>
      <c r="O25" s="53">
        <v>60000</v>
      </c>
      <c r="P25" s="53">
        <v>61000</v>
      </c>
      <c r="Q25" s="53">
        <v>62000</v>
      </c>
      <c r="R25" s="53">
        <v>63000</v>
      </c>
      <c r="S25" s="53">
        <v>64000</v>
      </c>
      <c r="T25" s="53">
        <v>65000</v>
      </c>
      <c r="U25" s="53">
        <v>66000</v>
      </c>
      <c r="V25" s="53">
        <v>67000</v>
      </c>
      <c r="W25" s="53">
        <v>68000</v>
      </c>
      <c r="X25" s="53">
        <v>69000</v>
      </c>
      <c r="Y25" s="53">
        <v>70000</v>
      </c>
      <c r="Z25" s="53">
        <v>71000</v>
      </c>
      <c r="AA25" s="53">
        <v>71000</v>
      </c>
      <c r="AB25" s="53">
        <v>72000</v>
      </c>
      <c r="AC25" s="53">
        <v>73000</v>
      </c>
      <c r="AD25" s="53">
        <v>74000</v>
      </c>
      <c r="AE25" s="53">
        <v>75000</v>
      </c>
      <c r="AF25" s="53">
        <v>76000</v>
      </c>
      <c r="AG25" s="53">
        <v>77000</v>
      </c>
      <c r="AH25" s="53">
        <v>78000</v>
      </c>
      <c r="AI25" s="53">
        <v>79000</v>
      </c>
      <c r="AJ25" s="53">
        <v>80000</v>
      </c>
      <c r="AK25" s="53">
        <v>81000</v>
      </c>
      <c r="AL25" s="53">
        <v>82000</v>
      </c>
      <c r="AM25" s="53">
        <v>83000</v>
      </c>
      <c r="AN25" s="53">
        <v>83000</v>
      </c>
      <c r="AO25" s="53">
        <v>84000</v>
      </c>
      <c r="AP25" s="53">
        <v>85000</v>
      </c>
      <c r="AQ25" s="53">
        <v>86000</v>
      </c>
      <c r="AR25" s="53">
        <v>87000</v>
      </c>
      <c r="AS25" s="53">
        <v>88000</v>
      </c>
      <c r="AT25" s="53">
        <v>89000</v>
      </c>
      <c r="AU25" s="53">
        <v>90000</v>
      </c>
      <c r="AV25" s="53">
        <v>91000</v>
      </c>
      <c r="AW25" s="53">
        <v>92000</v>
      </c>
      <c r="AX25" s="53">
        <v>93000</v>
      </c>
      <c r="AY25" s="53">
        <v>94000</v>
      </c>
      <c r="AZ25" s="53">
        <v>95000</v>
      </c>
      <c r="BA25" s="53">
        <v>95000</v>
      </c>
    </row>
    <row r="26" spans="1:53">
      <c r="A26" s="52" t="s">
        <v>215</v>
      </c>
      <c r="B26" s="53">
        <v>48000</v>
      </c>
      <c r="C26" s="53">
        <v>49000</v>
      </c>
      <c r="D26" s="53">
        <v>50000</v>
      </c>
      <c r="E26" s="53">
        <v>51000</v>
      </c>
      <c r="F26" s="53">
        <v>52000</v>
      </c>
      <c r="G26" s="53">
        <v>53000</v>
      </c>
      <c r="H26" s="53">
        <v>54000</v>
      </c>
      <c r="I26" s="53">
        <v>55000</v>
      </c>
      <c r="J26" s="53">
        <v>56000</v>
      </c>
      <c r="K26" s="53">
        <v>57000</v>
      </c>
      <c r="L26" s="53">
        <v>58000</v>
      </c>
      <c r="M26" s="53">
        <v>59000</v>
      </c>
      <c r="N26" s="53">
        <v>59000</v>
      </c>
      <c r="O26" s="53">
        <v>60000</v>
      </c>
      <c r="P26" s="53">
        <v>61000</v>
      </c>
      <c r="Q26" s="53">
        <v>62000</v>
      </c>
      <c r="R26" s="53">
        <v>63000</v>
      </c>
      <c r="S26" s="53">
        <v>64000</v>
      </c>
      <c r="T26" s="53">
        <v>65000</v>
      </c>
      <c r="U26" s="53">
        <v>66000</v>
      </c>
      <c r="V26" s="53">
        <v>67000</v>
      </c>
      <c r="W26" s="53">
        <v>68000</v>
      </c>
      <c r="X26" s="53">
        <v>69000</v>
      </c>
      <c r="Y26" s="53">
        <v>70000</v>
      </c>
      <c r="Z26" s="53">
        <v>71000</v>
      </c>
      <c r="AA26" s="53">
        <v>71000</v>
      </c>
      <c r="AB26" s="53">
        <v>72000</v>
      </c>
      <c r="AC26" s="53">
        <v>73000</v>
      </c>
      <c r="AD26" s="53">
        <v>74000</v>
      </c>
      <c r="AE26" s="53">
        <v>75000</v>
      </c>
      <c r="AF26" s="53">
        <v>76000</v>
      </c>
      <c r="AG26" s="53">
        <v>77000</v>
      </c>
      <c r="AH26" s="53">
        <v>78000</v>
      </c>
      <c r="AI26" s="53">
        <v>79000</v>
      </c>
      <c r="AJ26" s="53">
        <v>80000</v>
      </c>
      <c r="AK26" s="53">
        <v>81000</v>
      </c>
      <c r="AL26" s="53">
        <v>82000</v>
      </c>
      <c r="AM26" s="53">
        <v>83000</v>
      </c>
      <c r="AN26" s="53">
        <v>83000</v>
      </c>
      <c r="AO26" s="53">
        <v>84000</v>
      </c>
      <c r="AP26" s="53">
        <v>85000</v>
      </c>
      <c r="AQ26" s="53">
        <v>86000</v>
      </c>
      <c r="AR26" s="53">
        <v>87000</v>
      </c>
      <c r="AS26" s="53">
        <v>88000</v>
      </c>
      <c r="AT26" s="53">
        <v>89000</v>
      </c>
      <c r="AU26" s="53">
        <v>90000</v>
      </c>
      <c r="AV26" s="53">
        <v>91000</v>
      </c>
      <c r="AW26" s="53">
        <v>92000</v>
      </c>
      <c r="AX26" s="53">
        <v>93000</v>
      </c>
      <c r="AY26" s="53">
        <v>94000</v>
      </c>
      <c r="AZ26" s="53">
        <v>95000</v>
      </c>
      <c r="BA26" s="53">
        <v>95000</v>
      </c>
    </row>
    <row r="27" spans="1:53">
      <c r="A27" s="52" t="s">
        <v>216</v>
      </c>
      <c r="B27" s="53">
        <v>202312000</v>
      </c>
      <c r="C27" s="53">
        <v>202401000</v>
      </c>
      <c r="D27" s="53">
        <v>202402000</v>
      </c>
      <c r="E27" s="53">
        <v>202403000</v>
      </c>
      <c r="F27" s="53">
        <v>202404000</v>
      </c>
      <c r="G27" s="53">
        <v>202405000</v>
      </c>
      <c r="H27" s="53">
        <v>202406000</v>
      </c>
      <c r="I27" s="53">
        <v>202407000</v>
      </c>
      <c r="J27" s="53">
        <v>202408000</v>
      </c>
      <c r="K27" s="53">
        <v>202409000</v>
      </c>
      <c r="L27" s="53">
        <v>202410000</v>
      </c>
      <c r="M27" s="53">
        <v>202411000</v>
      </c>
      <c r="N27" s="53">
        <v>202411000</v>
      </c>
      <c r="O27" s="53">
        <v>202412000</v>
      </c>
      <c r="P27" s="53">
        <v>202501000</v>
      </c>
      <c r="Q27" s="53">
        <v>202502000</v>
      </c>
      <c r="R27" s="53">
        <v>202503000</v>
      </c>
      <c r="S27" s="53">
        <v>202504000</v>
      </c>
      <c r="T27" s="53">
        <v>202505000</v>
      </c>
      <c r="U27" s="53">
        <v>202506000</v>
      </c>
      <c r="V27" s="53">
        <v>202507000</v>
      </c>
      <c r="W27" s="53">
        <v>202508000</v>
      </c>
      <c r="X27" s="53">
        <v>202509000</v>
      </c>
      <c r="Y27" s="53">
        <v>202510000</v>
      </c>
      <c r="Z27" s="53">
        <v>202511000</v>
      </c>
      <c r="AA27" s="53">
        <v>202511000</v>
      </c>
      <c r="AB27" s="53">
        <v>202512000</v>
      </c>
      <c r="AC27" s="53">
        <v>202601000</v>
      </c>
      <c r="AD27" s="53">
        <v>202602000</v>
      </c>
      <c r="AE27" s="53">
        <v>202603000</v>
      </c>
      <c r="AF27" s="53">
        <v>202604000</v>
      </c>
      <c r="AG27" s="53">
        <v>202605000</v>
      </c>
      <c r="AH27" s="53">
        <v>202606000</v>
      </c>
      <c r="AI27" s="53">
        <v>202607000</v>
      </c>
      <c r="AJ27" s="53">
        <v>202608000</v>
      </c>
      <c r="AK27" s="53">
        <v>202609000</v>
      </c>
      <c r="AL27" s="53">
        <v>202610000</v>
      </c>
      <c r="AM27" s="53">
        <v>202611000</v>
      </c>
      <c r="AN27" s="53">
        <v>202611000</v>
      </c>
      <c r="AO27" s="53">
        <v>202612000</v>
      </c>
      <c r="AP27" s="53">
        <v>202701000</v>
      </c>
      <c r="AQ27" s="53">
        <v>202702000</v>
      </c>
      <c r="AR27" s="53">
        <v>202703000</v>
      </c>
      <c r="AS27" s="53">
        <v>202704000</v>
      </c>
      <c r="AT27" s="53">
        <v>202705000</v>
      </c>
      <c r="AU27" s="53">
        <v>202706000</v>
      </c>
      <c r="AV27" s="53">
        <v>202707000</v>
      </c>
      <c r="AW27" s="53">
        <v>202708000</v>
      </c>
      <c r="AX27" s="53">
        <v>202709000</v>
      </c>
      <c r="AY27" s="53">
        <v>202710000</v>
      </c>
      <c r="AZ27" s="53">
        <v>202711000</v>
      </c>
      <c r="BA27" s="53">
        <v>202711000</v>
      </c>
    </row>
    <row r="28" spans="1:53">
      <c r="A28" s="52" t="s">
        <v>217</v>
      </c>
      <c r="B28" s="53">
        <v>202401000</v>
      </c>
      <c r="C28" s="53">
        <v>202401000</v>
      </c>
      <c r="D28" s="53">
        <v>202401000</v>
      </c>
      <c r="E28" s="53">
        <v>202401000</v>
      </c>
      <c r="F28" s="53">
        <v>202401000</v>
      </c>
      <c r="G28" s="53">
        <v>202401000</v>
      </c>
      <c r="H28" s="53">
        <v>202401000</v>
      </c>
      <c r="I28" s="53">
        <v>202401000</v>
      </c>
      <c r="J28" s="53">
        <v>202401000</v>
      </c>
      <c r="K28" s="53">
        <v>202401000</v>
      </c>
      <c r="L28" s="53">
        <v>202401000</v>
      </c>
      <c r="M28" s="53">
        <v>202401000</v>
      </c>
      <c r="N28" s="53">
        <v>202401000</v>
      </c>
      <c r="O28" s="53">
        <v>202501000</v>
      </c>
      <c r="P28" s="53">
        <v>202501000</v>
      </c>
      <c r="Q28" s="53">
        <v>202501000</v>
      </c>
      <c r="R28" s="53">
        <v>202501000</v>
      </c>
      <c r="S28" s="53">
        <v>202501000</v>
      </c>
      <c r="T28" s="53">
        <v>202501000</v>
      </c>
      <c r="U28" s="53">
        <v>202501000</v>
      </c>
      <c r="V28" s="53">
        <v>202501000</v>
      </c>
      <c r="W28" s="53">
        <v>202501000</v>
      </c>
      <c r="X28" s="53">
        <v>202501000</v>
      </c>
      <c r="Y28" s="53">
        <v>202501000</v>
      </c>
      <c r="Z28" s="53">
        <v>202501000</v>
      </c>
      <c r="AA28" s="53">
        <v>202501000</v>
      </c>
      <c r="AB28" s="53">
        <v>202601000</v>
      </c>
      <c r="AC28" s="53">
        <v>202601000</v>
      </c>
      <c r="AD28" s="53">
        <v>202601000</v>
      </c>
      <c r="AE28" s="53">
        <v>202601000</v>
      </c>
      <c r="AF28" s="53">
        <v>202601000</v>
      </c>
      <c r="AG28" s="53">
        <v>202601000</v>
      </c>
      <c r="AH28" s="53">
        <v>202601000</v>
      </c>
      <c r="AI28" s="53">
        <v>202601000</v>
      </c>
      <c r="AJ28" s="53">
        <v>202601000</v>
      </c>
      <c r="AK28" s="53">
        <v>202601000</v>
      </c>
      <c r="AL28" s="53">
        <v>202601000</v>
      </c>
      <c r="AM28" s="53">
        <v>202601000</v>
      </c>
      <c r="AN28" s="53">
        <v>202601000</v>
      </c>
      <c r="AO28" s="53">
        <v>202701000</v>
      </c>
      <c r="AP28" s="53">
        <v>202701000</v>
      </c>
      <c r="AQ28" s="53">
        <v>202701000</v>
      </c>
      <c r="AR28" s="53">
        <v>202701000</v>
      </c>
      <c r="AS28" s="53">
        <v>202701000</v>
      </c>
      <c r="AT28" s="53">
        <v>202701000</v>
      </c>
      <c r="AU28" s="53">
        <v>202701000</v>
      </c>
      <c r="AV28" s="53">
        <v>202701000</v>
      </c>
      <c r="AW28" s="53">
        <v>202701000</v>
      </c>
      <c r="AX28" s="53">
        <v>202701000</v>
      </c>
      <c r="AY28" s="53">
        <v>202701000</v>
      </c>
      <c r="AZ28" s="53">
        <v>202701000</v>
      </c>
      <c r="BA28" s="53">
        <v>202701000</v>
      </c>
    </row>
    <row r="29" spans="1:53">
      <c r="A29" s="52" t="s">
        <v>218</v>
      </c>
      <c r="B29" s="53">
        <v>202312000</v>
      </c>
      <c r="C29" s="53">
        <v>202312000</v>
      </c>
      <c r="D29" s="53">
        <v>202312000</v>
      </c>
      <c r="E29" s="53">
        <v>202312000</v>
      </c>
      <c r="F29" s="53">
        <v>202312000</v>
      </c>
      <c r="G29" s="53">
        <v>202312000</v>
      </c>
      <c r="H29" s="53">
        <v>202312000</v>
      </c>
      <c r="I29" s="53">
        <v>202312000</v>
      </c>
      <c r="J29" s="53">
        <v>202312000</v>
      </c>
      <c r="K29" s="53">
        <v>202312000</v>
      </c>
      <c r="L29" s="53">
        <v>202312000</v>
      </c>
      <c r="M29" s="53">
        <v>202312000</v>
      </c>
      <c r="N29" s="53">
        <v>202312000</v>
      </c>
      <c r="O29" s="53">
        <v>202412000</v>
      </c>
      <c r="P29" s="53">
        <v>202412000</v>
      </c>
      <c r="Q29" s="53">
        <v>202412000</v>
      </c>
      <c r="R29" s="53">
        <v>202412000</v>
      </c>
      <c r="S29" s="53">
        <v>202412000</v>
      </c>
      <c r="T29" s="53">
        <v>202412000</v>
      </c>
      <c r="U29" s="53">
        <v>202412000</v>
      </c>
      <c r="V29" s="53">
        <v>202412000</v>
      </c>
      <c r="W29" s="53">
        <v>202412000</v>
      </c>
      <c r="X29" s="53">
        <v>202412000</v>
      </c>
      <c r="Y29" s="53">
        <v>202412000</v>
      </c>
      <c r="Z29" s="53">
        <v>202412000</v>
      </c>
      <c r="AA29" s="53">
        <v>202412000</v>
      </c>
      <c r="AB29" s="53">
        <v>202512000</v>
      </c>
      <c r="AC29" s="53">
        <v>202512000</v>
      </c>
      <c r="AD29" s="53">
        <v>202512000</v>
      </c>
      <c r="AE29" s="53">
        <v>202512000</v>
      </c>
      <c r="AF29" s="53">
        <v>202512000</v>
      </c>
      <c r="AG29" s="53">
        <v>202512000</v>
      </c>
      <c r="AH29" s="53">
        <v>202512000</v>
      </c>
      <c r="AI29" s="53">
        <v>202512000</v>
      </c>
      <c r="AJ29" s="53">
        <v>202512000</v>
      </c>
      <c r="AK29" s="53">
        <v>202512000</v>
      </c>
      <c r="AL29" s="53">
        <v>202512000</v>
      </c>
      <c r="AM29" s="53">
        <v>202512000</v>
      </c>
      <c r="AN29" s="53">
        <v>202512000</v>
      </c>
      <c r="AO29" s="53">
        <v>202612000</v>
      </c>
      <c r="AP29" s="53">
        <v>202612000</v>
      </c>
      <c r="AQ29" s="53">
        <v>202612000</v>
      </c>
      <c r="AR29" s="53">
        <v>202612000</v>
      </c>
      <c r="AS29" s="53">
        <v>202612000</v>
      </c>
      <c r="AT29" s="53">
        <v>202612000</v>
      </c>
      <c r="AU29" s="53">
        <v>202612000</v>
      </c>
      <c r="AV29" s="53">
        <v>202612000</v>
      </c>
      <c r="AW29" s="53">
        <v>202612000</v>
      </c>
      <c r="AX29" s="53">
        <v>202612000</v>
      </c>
      <c r="AY29" s="53">
        <v>202612000</v>
      </c>
      <c r="AZ29" s="53">
        <v>202612000</v>
      </c>
      <c r="BA29" s="53">
        <v>202612000</v>
      </c>
    </row>
    <row r="30" spans="1:53">
      <c r="A30" s="52" t="s">
        <v>219</v>
      </c>
      <c r="B30" s="53">
        <v>1000</v>
      </c>
      <c r="C30" s="53">
        <v>0</v>
      </c>
      <c r="D30" s="53">
        <v>0</v>
      </c>
      <c r="E30" s="53">
        <v>0</v>
      </c>
      <c r="F30" s="53">
        <v>0</v>
      </c>
      <c r="G30" s="53">
        <v>0</v>
      </c>
      <c r="H30" s="53">
        <v>0</v>
      </c>
      <c r="I30" s="53">
        <v>0</v>
      </c>
      <c r="J30" s="53">
        <v>0</v>
      </c>
      <c r="K30" s="53">
        <v>0</v>
      </c>
      <c r="L30" s="53">
        <v>0</v>
      </c>
      <c r="M30" s="53">
        <v>0</v>
      </c>
      <c r="N30" s="53">
        <v>0</v>
      </c>
      <c r="O30" s="53">
        <v>1000</v>
      </c>
      <c r="P30" s="53">
        <v>0</v>
      </c>
      <c r="Q30" s="53">
        <v>0</v>
      </c>
      <c r="R30" s="53">
        <v>0</v>
      </c>
      <c r="S30" s="53">
        <v>0</v>
      </c>
      <c r="T30" s="53">
        <v>0</v>
      </c>
      <c r="U30" s="53">
        <v>0</v>
      </c>
      <c r="V30" s="53">
        <v>0</v>
      </c>
      <c r="W30" s="53">
        <v>0</v>
      </c>
      <c r="X30" s="53">
        <v>0</v>
      </c>
      <c r="Y30" s="53">
        <v>0</v>
      </c>
      <c r="Z30" s="53">
        <v>0</v>
      </c>
      <c r="AA30" s="53">
        <v>0</v>
      </c>
      <c r="AB30" s="53">
        <v>1000</v>
      </c>
      <c r="AC30" s="53">
        <v>0</v>
      </c>
      <c r="AD30" s="53">
        <v>0</v>
      </c>
      <c r="AE30" s="53">
        <v>0</v>
      </c>
      <c r="AF30" s="53">
        <v>0</v>
      </c>
      <c r="AG30" s="53">
        <v>0</v>
      </c>
      <c r="AH30" s="53">
        <v>0</v>
      </c>
      <c r="AI30" s="53">
        <v>0</v>
      </c>
      <c r="AJ30" s="53">
        <v>0</v>
      </c>
      <c r="AK30" s="53">
        <v>0</v>
      </c>
      <c r="AL30" s="53">
        <v>0</v>
      </c>
      <c r="AM30" s="53">
        <v>0</v>
      </c>
      <c r="AN30" s="53">
        <v>0</v>
      </c>
      <c r="AO30" s="53">
        <v>1000</v>
      </c>
      <c r="AP30" s="53">
        <v>0</v>
      </c>
      <c r="AQ30" s="53">
        <v>0</v>
      </c>
      <c r="AR30" s="53">
        <v>0</v>
      </c>
      <c r="AS30" s="53">
        <v>0</v>
      </c>
      <c r="AT30" s="53">
        <v>0</v>
      </c>
      <c r="AU30" s="53">
        <v>0</v>
      </c>
      <c r="AV30" s="53">
        <v>0</v>
      </c>
      <c r="AW30" s="53">
        <v>0</v>
      </c>
      <c r="AX30" s="53">
        <v>0</v>
      </c>
      <c r="AY30" s="53">
        <v>0</v>
      </c>
      <c r="AZ30" s="53">
        <v>0</v>
      </c>
      <c r="BA30" s="53">
        <v>0</v>
      </c>
    </row>
    <row r="31" spans="1:53">
      <c r="A31" s="52" t="s">
        <v>220</v>
      </c>
    </row>
    <row r="32" spans="1:53">
      <c r="A32" s="52" t="s">
        <v>221</v>
      </c>
      <c r="B32" s="53">
        <v>0</v>
      </c>
      <c r="C32" s="53">
        <v>0</v>
      </c>
      <c r="D32" s="53">
        <v>0</v>
      </c>
      <c r="E32" s="53">
        <v>0</v>
      </c>
      <c r="F32" s="53">
        <v>0</v>
      </c>
      <c r="G32" s="53">
        <v>0</v>
      </c>
      <c r="H32" s="53">
        <v>0</v>
      </c>
      <c r="I32" s="53">
        <v>0</v>
      </c>
      <c r="J32" s="53">
        <v>0</v>
      </c>
      <c r="K32" s="53">
        <v>0</v>
      </c>
      <c r="L32" s="53">
        <v>0</v>
      </c>
      <c r="M32" s="53">
        <v>0</v>
      </c>
      <c r="N32" s="53">
        <v>0</v>
      </c>
      <c r="O32" s="53">
        <v>0</v>
      </c>
      <c r="P32" s="53">
        <v>0</v>
      </c>
      <c r="Q32" s="53">
        <v>0</v>
      </c>
      <c r="R32" s="53">
        <v>0</v>
      </c>
      <c r="S32" s="53">
        <v>0</v>
      </c>
      <c r="T32" s="53">
        <v>0</v>
      </c>
      <c r="U32" s="53">
        <v>0</v>
      </c>
      <c r="V32" s="53">
        <v>0</v>
      </c>
      <c r="W32" s="53">
        <v>0</v>
      </c>
      <c r="X32" s="53">
        <v>0</v>
      </c>
      <c r="Y32" s="53">
        <v>0</v>
      </c>
      <c r="Z32" s="53">
        <v>0</v>
      </c>
      <c r="AA32" s="53">
        <v>0</v>
      </c>
      <c r="AB32" s="53">
        <v>0</v>
      </c>
      <c r="AC32" s="53">
        <v>0</v>
      </c>
      <c r="AD32" s="53">
        <v>0</v>
      </c>
      <c r="AE32" s="53">
        <v>0</v>
      </c>
      <c r="AF32" s="53">
        <v>0</v>
      </c>
      <c r="AG32" s="53">
        <v>0</v>
      </c>
      <c r="AH32" s="53">
        <v>0</v>
      </c>
      <c r="AI32" s="53">
        <v>0</v>
      </c>
      <c r="AJ32" s="53">
        <v>0</v>
      </c>
      <c r="AK32" s="53">
        <v>0</v>
      </c>
      <c r="AL32" s="53">
        <v>0</v>
      </c>
      <c r="AM32" s="53">
        <v>0</v>
      </c>
      <c r="AN32" s="53">
        <v>0</v>
      </c>
      <c r="AO32" s="53">
        <v>0</v>
      </c>
      <c r="AP32" s="53">
        <v>0</v>
      </c>
      <c r="AQ32" s="53">
        <v>0</v>
      </c>
      <c r="AR32" s="53">
        <v>0</v>
      </c>
      <c r="AS32" s="53">
        <v>0</v>
      </c>
      <c r="AT32" s="53">
        <v>0</v>
      </c>
      <c r="AU32" s="53">
        <v>0</v>
      </c>
      <c r="AV32" s="53">
        <v>0</v>
      </c>
      <c r="AW32" s="53">
        <v>0</v>
      </c>
      <c r="AX32" s="53">
        <v>0</v>
      </c>
      <c r="AY32" s="53">
        <v>0</v>
      </c>
      <c r="AZ32" s="53">
        <v>0</v>
      </c>
      <c r="BA32" s="53">
        <v>0</v>
      </c>
    </row>
    <row r="33" spans="1:53">
      <c r="A33" s="52" t="s">
        <v>222</v>
      </c>
      <c r="B33" s="53">
        <v>0</v>
      </c>
      <c r="C33" s="53">
        <v>0</v>
      </c>
      <c r="D33" s="53">
        <v>0</v>
      </c>
      <c r="E33" s="53">
        <v>0</v>
      </c>
      <c r="F33" s="53">
        <v>0</v>
      </c>
      <c r="G33" s="53">
        <v>0</v>
      </c>
      <c r="H33" s="53">
        <v>0</v>
      </c>
      <c r="I33" s="53">
        <v>0</v>
      </c>
      <c r="J33" s="53">
        <v>0</v>
      </c>
      <c r="K33" s="53">
        <v>0</v>
      </c>
      <c r="L33" s="53">
        <v>0</v>
      </c>
      <c r="M33" s="53">
        <v>0</v>
      </c>
      <c r="N33" s="53">
        <v>0</v>
      </c>
      <c r="O33" s="53">
        <v>0</v>
      </c>
      <c r="P33" s="53">
        <v>0</v>
      </c>
      <c r="Q33" s="53">
        <v>0</v>
      </c>
      <c r="R33" s="53">
        <v>0</v>
      </c>
      <c r="S33" s="53">
        <v>0</v>
      </c>
      <c r="T33" s="53">
        <v>0</v>
      </c>
      <c r="U33" s="53">
        <v>0</v>
      </c>
      <c r="V33" s="53">
        <v>0</v>
      </c>
      <c r="W33" s="53">
        <v>0</v>
      </c>
      <c r="X33" s="53">
        <v>0</v>
      </c>
      <c r="Y33" s="53">
        <v>0</v>
      </c>
      <c r="Z33" s="53">
        <v>0</v>
      </c>
      <c r="AA33" s="53">
        <v>0</v>
      </c>
      <c r="AB33" s="53">
        <v>0</v>
      </c>
      <c r="AC33" s="53">
        <v>0</v>
      </c>
      <c r="AD33" s="53">
        <v>0</v>
      </c>
      <c r="AE33" s="53">
        <v>0</v>
      </c>
      <c r="AF33" s="53">
        <v>0</v>
      </c>
      <c r="AG33" s="53">
        <v>0</v>
      </c>
      <c r="AH33" s="53">
        <v>0</v>
      </c>
      <c r="AI33" s="53">
        <v>0</v>
      </c>
      <c r="AJ33" s="53">
        <v>0</v>
      </c>
      <c r="AK33" s="53">
        <v>0</v>
      </c>
      <c r="AL33" s="53">
        <v>0</v>
      </c>
      <c r="AM33" s="53">
        <v>0</v>
      </c>
      <c r="AN33" s="53">
        <v>0</v>
      </c>
      <c r="AO33" s="53">
        <v>0</v>
      </c>
      <c r="AP33" s="53">
        <v>0</v>
      </c>
      <c r="AQ33" s="53">
        <v>0</v>
      </c>
      <c r="AR33" s="53">
        <v>0</v>
      </c>
      <c r="AS33" s="53">
        <v>0</v>
      </c>
      <c r="AT33" s="53">
        <v>0</v>
      </c>
      <c r="AU33" s="53">
        <v>0</v>
      </c>
      <c r="AV33" s="53">
        <v>0</v>
      </c>
      <c r="AW33" s="53">
        <v>0</v>
      </c>
      <c r="AX33" s="53">
        <v>0</v>
      </c>
      <c r="AY33" s="53">
        <v>0</v>
      </c>
      <c r="AZ33" s="53">
        <v>0</v>
      </c>
      <c r="BA33" s="53">
        <v>0</v>
      </c>
    </row>
    <row r="34" spans="1:53">
      <c r="A34" s="52" t="s">
        <v>223</v>
      </c>
      <c r="B34" s="53">
        <v>1000</v>
      </c>
      <c r="C34" s="53">
        <v>1000</v>
      </c>
      <c r="D34" s="53">
        <v>1000</v>
      </c>
      <c r="E34" s="53">
        <v>1000</v>
      </c>
      <c r="F34" s="53">
        <v>1000</v>
      </c>
      <c r="G34" s="53">
        <v>1000</v>
      </c>
      <c r="H34" s="53">
        <v>1000</v>
      </c>
      <c r="I34" s="53">
        <v>1000</v>
      </c>
      <c r="J34" s="53">
        <v>1000</v>
      </c>
      <c r="K34" s="53">
        <v>1000</v>
      </c>
      <c r="L34" s="53">
        <v>1000</v>
      </c>
      <c r="M34" s="53">
        <v>1000</v>
      </c>
      <c r="N34" s="53">
        <v>1000</v>
      </c>
      <c r="O34" s="53">
        <v>1000</v>
      </c>
      <c r="P34" s="53">
        <v>1000</v>
      </c>
      <c r="Q34" s="53">
        <v>1000</v>
      </c>
      <c r="R34" s="53">
        <v>1000</v>
      </c>
      <c r="S34" s="53">
        <v>1000</v>
      </c>
      <c r="T34" s="53">
        <v>1000</v>
      </c>
      <c r="U34" s="53">
        <v>1000</v>
      </c>
      <c r="V34" s="53">
        <v>1000</v>
      </c>
      <c r="W34" s="53">
        <v>1000</v>
      </c>
      <c r="X34" s="53">
        <v>1000</v>
      </c>
      <c r="Y34" s="53">
        <v>1000</v>
      </c>
      <c r="Z34" s="53">
        <v>1000</v>
      </c>
      <c r="AA34" s="53">
        <v>1000</v>
      </c>
      <c r="AB34" s="53">
        <v>1000</v>
      </c>
      <c r="AC34" s="53">
        <v>1000</v>
      </c>
      <c r="AD34" s="53">
        <v>1000</v>
      </c>
      <c r="AE34" s="53">
        <v>1000</v>
      </c>
      <c r="AF34" s="53">
        <v>1000</v>
      </c>
      <c r="AG34" s="53">
        <v>1000</v>
      </c>
      <c r="AH34" s="53">
        <v>1000</v>
      </c>
      <c r="AI34" s="53">
        <v>1000</v>
      </c>
      <c r="AJ34" s="53">
        <v>1000</v>
      </c>
      <c r="AK34" s="53">
        <v>1000</v>
      </c>
      <c r="AL34" s="53">
        <v>1000</v>
      </c>
      <c r="AM34" s="53">
        <v>1000</v>
      </c>
      <c r="AN34" s="53">
        <v>1000</v>
      </c>
      <c r="AO34" s="53">
        <v>1000</v>
      </c>
      <c r="AP34" s="53">
        <v>1000</v>
      </c>
      <c r="AQ34" s="53">
        <v>1000</v>
      </c>
      <c r="AR34" s="53">
        <v>1000</v>
      </c>
      <c r="AS34" s="53">
        <v>1000</v>
      </c>
      <c r="AT34" s="53">
        <v>1000</v>
      </c>
      <c r="AU34" s="53">
        <v>1000</v>
      </c>
      <c r="AV34" s="53">
        <v>1000</v>
      </c>
      <c r="AW34" s="53">
        <v>1000</v>
      </c>
      <c r="AX34" s="53">
        <v>1000</v>
      </c>
      <c r="AY34" s="53">
        <v>1000</v>
      </c>
      <c r="AZ34" s="53">
        <v>1000</v>
      </c>
      <c r="BA34" s="53">
        <v>1000</v>
      </c>
    </row>
    <row r="35" spans="1:53">
      <c r="A35" s="52" t="s">
        <v>224</v>
      </c>
      <c r="B35" s="53">
        <v>1000</v>
      </c>
      <c r="C35" s="53">
        <v>1000</v>
      </c>
      <c r="D35" s="53">
        <v>1000</v>
      </c>
      <c r="E35" s="53">
        <v>1000</v>
      </c>
      <c r="F35" s="53">
        <v>1000</v>
      </c>
      <c r="G35" s="53">
        <v>1000</v>
      </c>
      <c r="H35" s="53">
        <v>1000</v>
      </c>
      <c r="I35" s="53">
        <v>1000</v>
      </c>
      <c r="J35" s="53">
        <v>1000</v>
      </c>
      <c r="K35" s="53">
        <v>1000</v>
      </c>
      <c r="L35" s="53">
        <v>1000</v>
      </c>
      <c r="M35" s="53">
        <v>1000</v>
      </c>
      <c r="N35" s="53">
        <v>1000</v>
      </c>
      <c r="O35" s="53">
        <v>1000</v>
      </c>
      <c r="P35" s="53">
        <v>1000</v>
      </c>
      <c r="Q35" s="53">
        <v>1000</v>
      </c>
      <c r="R35" s="53">
        <v>1000</v>
      </c>
      <c r="S35" s="53">
        <v>1000</v>
      </c>
      <c r="T35" s="53">
        <v>1000</v>
      </c>
      <c r="U35" s="53">
        <v>1000</v>
      </c>
      <c r="V35" s="53">
        <v>1000</v>
      </c>
      <c r="W35" s="53">
        <v>1000</v>
      </c>
      <c r="X35" s="53">
        <v>1000</v>
      </c>
      <c r="Y35" s="53">
        <v>1000</v>
      </c>
      <c r="Z35" s="53">
        <v>1000</v>
      </c>
      <c r="AA35" s="53">
        <v>1000</v>
      </c>
      <c r="AB35" s="53">
        <v>1000</v>
      </c>
      <c r="AC35" s="53">
        <v>1000</v>
      </c>
      <c r="AD35" s="53">
        <v>1000</v>
      </c>
      <c r="AE35" s="53">
        <v>1000</v>
      </c>
      <c r="AF35" s="53">
        <v>1000</v>
      </c>
      <c r="AG35" s="53">
        <v>1000</v>
      </c>
      <c r="AH35" s="53">
        <v>1000</v>
      </c>
      <c r="AI35" s="53">
        <v>1000</v>
      </c>
      <c r="AJ35" s="53">
        <v>1000</v>
      </c>
      <c r="AK35" s="53">
        <v>1000</v>
      </c>
      <c r="AL35" s="53">
        <v>1000</v>
      </c>
      <c r="AM35" s="53">
        <v>1000</v>
      </c>
      <c r="AN35" s="53">
        <v>1000</v>
      </c>
      <c r="AO35" s="53">
        <v>1000</v>
      </c>
      <c r="AP35" s="53">
        <v>1000</v>
      </c>
      <c r="AQ35" s="53">
        <v>1000</v>
      </c>
      <c r="AR35" s="53">
        <v>1000</v>
      </c>
      <c r="AS35" s="53">
        <v>1000</v>
      </c>
      <c r="AT35" s="53">
        <v>1000</v>
      </c>
      <c r="AU35" s="53">
        <v>1000</v>
      </c>
      <c r="AV35" s="53">
        <v>1000</v>
      </c>
      <c r="AW35" s="53">
        <v>1000</v>
      </c>
      <c r="AX35" s="53">
        <v>1000</v>
      </c>
      <c r="AY35" s="53">
        <v>1000</v>
      </c>
      <c r="AZ35" s="53">
        <v>1000</v>
      </c>
      <c r="BA35" s="53">
        <v>1000</v>
      </c>
    </row>
    <row r="36" spans="1:53">
      <c r="A36" s="52" t="s">
        <v>225</v>
      </c>
      <c r="B36" s="53">
        <v>0</v>
      </c>
      <c r="C36" s="53">
        <v>0</v>
      </c>
      <c r="D36" s="53">
        <v>0</v>
      </c>
      <c r="E36" s="53">
        <v>0</v>
      </c>
      <c r="F36" s="53">
        <v>0</v>
      </c>
      <c r="G36" s="53">
        <v>0</v>
      </c>
      <c r="H36" s="53">
        <v>0</v>
      </c>
      <c r="I36" s="53">
        <v>0</v>
      </c>
      <c r="J36" s="53">
        <v>0</v>
      </c>
      <c r="K36" s="53">
        <v>0</v>
      </c>
      <c r="L36" s="53">
        <v>0</v>
      </c>
      <c r="M36" s="53">
        <v>0</v>
      </c>
      <c r="N36" s="53">
        <v>0</v>
      </c>
      <c r="O36" s="53">
        <v>0</v>
      </c>
      <c r="P36" s="53">
        <v>0</v>
      </c>
      <c r="Q36" s="53">
        <v>0</v>
      </c>
      <c r="R36" s="53">
        <v>0</v>
      </c>
      <c r="S36" s="53">
        <v>0</v>
      </c>
      <c r="T36" s="53">
        <v>0</v>
      </c>
      <c r="U36" s="53">
        <v>0</v>
      </c>
      <c r="V36" s="53">
        <v>0</v>
      </c>
      <c r="W36" s="53">
        <v>0</v>
      </c>
      <c r="X36" s="53">
        <v>0</v>
      </c>
      <c r="Y36" s="53">
        <v>0</v>
      </c>
      <c r="Z36" s="53">
        <v>0</v>
      </c>
      <c r="AA36" s="53">
        <v>0</v>
      </c>
      <c r="AB36" s="53">
        <v>0</v>
      </c>
      <c r="AC36" s="53">
        <v>0</v>
      </c>
      <c r="AD36" s="53">
        <v>0</v>
      </c>
      <c r="AE36" s="53">
        <v>0</v>
      </c>
      <c r="AF36" s="53">
        <v>0</v>
      </c>
      <c r="AG36" s="53">
        <v>0</v>
      </c>
      <c r="AH36" s="53">
        <v>0</v>
      </c>
      <c r="AI36" s="53">
        <v>0</v>
      </c>
      <c r="AJ36" s="53">
        <v>0</v>
      </c>
      <c r="AK36" s="53">
        <v>0</v>
      </c>
      <c r="AL36" s="53">
        <v>0</v>
      </c>
      <c r="AM36" s="53">
        <v>0</v>
      </c>
      <c r="AN36" s="53">
        <v>0</v>
      </c>
      <c r="AO36" s="53">
        <v>0</v>
      </c>
      <c r="AP36" s="53">
        <v>0</v>
      </c>
      <c r="AQ36" s="53">
        <v>0</v>
      </c>
      <c r="AR36" s="53">
        <v>0</v>
      </c>
      <c r="AS36" s="53">
        <v>0</v>
      </c>
      <c r="AT36" s="53">
        <v>0</v>
      </c>
      <c r="AU36" s="53">
        <v>0</v>
      </c>
      <c r="AV36" s="53">
        <v>0</v>
      </c>
      <c r="AW36" s="53">
        <v>0</v>
      </c>
      <c r="AX36" s="53">
        <v>0</v>
      </c>
      <c r="AY36" s="53">
        <v>0</v>
      </c>
      <c r="AZ36" s="53">
        <v>0</v>
      </c>
      <c r="BA36" s="53">
        <v>0</v>
      </c>
    </row>
    <row r="37" spans="1:53">
      <c r="A37" s="52" t="s">
        <v>226</v>
      </c>
    </row>
    <row r="38" spans="1:53">
      <c r="A38" s="52" t="s">
        <v>227</v>
      </c>
      <c r="B38" s="53">
        <v>1000</v>
      </c>
      <c r="C38" s="53">
        <v>2000</v>
      </c>
      <c r="D38" s="53">
        <v>3000</v>
      </c>
      <c r="E38" s="53">
        <v>4000</v>
      </c>
      <c r="F38" s="53">
        <v>5000</v>
      </c>
      <c r="G38" s="53">
        <v>6000</v>
      </c>
      <c r="H38" s="53">
        <v>7000</v>
      </c>
      <c r="I38" s="53">
        <v>8000</v>
      </c>
      <c r="J38" s="53">
        <v>9000</v>
      </c>
      <c r="K38" s="53">
        <v>10000</v>
      </c>
      <c r="L38" s="53">
        <v>11000</v>
      </c>
      <c r="M38" s="53">
        <v>12000</v>
      </c>
      <c r="N38" s="53">
        <v>12000</v>
      </c>
      <c r="O38" s="53">
        <v>1000</v>
      </c>
      <c r="P38" s="53">
        <v>2000</v>
      </c>
      <c r="Q38" s="53">
        <v>3000</v>
      </c>
      <c r="R38" s="53">
        <v>4000</v>
      </c>
      <c r="S38" s="53">
        <v>5000</v>
      </c>
      <c r="T38" s="53">
        <v>6000</v>
      </c>
      <c r="U38" s="53">
        <v>7000</v>
      </c>
      <c r="V38" s="53">
        <v>8000</v>
      </c>
      <c r="W38" s="53">
        <v>9000</v>
      </c>
      <c r="X38" s="53">
        <v>10000</v>
      </c>
      <c r="Y38" s="53">
        <v>11000</v>
      </c>
      <c r="Z38" s="53">
        <v>12000</v>
      </c>
      <c r="AA38" s="53">
        <v>12000</v>
      </c>
      <c r="AB38" s="53">
        <v>1000</v>
      </c>
      <c r="AC38" s="53">
        <v>2000</v>
      </c>
      <c r="AD38" s="53">
        <v>3000</v>
      </c>
      <c r="AE38" s="53">
        <v>4000</v>
      </c>
      <c r="AF38" s="53">
        <v>5000</v>
      </c>
      <c r="AG38" s="53">
        <v>6000</v>
      </c>
      <c r="AH38" s="53">
        <v>7000</v>
      </c>
      <c r="AI38" s="53">
        <v>8000</v>
      </c>
      <c r="AJ38" s="53">
        <v>9000</v>
      </c>
      <c r="AK38" s="53">
        <v>10000</v>
      </c>
      <c r="AL38" s="53">
        <v>11000</v>
      </c>
      <c r="AM38" s="53">
        <v>12000</v>
      </c>
      <c r="AN38" s="53">
        <v>12000</v>
      </c>
      <c r="AO38" s="53">
        <v>1000</v>
      </c>
      <c r="AP38" s="53">
        <v>2000</v>
      </c>
      <c r="AQ38" s="53">
        <v>3000</v>
      </c>
      <c r="AR38" s="53">
        <v>4000</v>
      </c>
      <c r="AS38" s="53">
        <v>5000</v>
      </c>
      <c r="AT38" s="53">
        <v>6000</v>
      </c>
      <c r="AU38" s="53">
        <v>7000</v>
      </c>
      <c r="AV38" s="53">
        <v>8000</v>
      </c>
      <c r="AW38" s="53">
        <v>9000</v>
      </c>
      <c r="AX38" s="53">
        <v>10000</v>
      </c>
      <c r="AY38" s="53">
        <v>11000</v>
      </c>
      <c r="AZ38" s="53">
        <v>12000</v>
      </c>
      <c r="BA38" s="53">
        <v>12000</v>
      </c>
    </row>
    <row r="39" spans="1:53">
      <c r="A39" s="52" t="s">
        <v>228</v>
      </c>
      <c r="B39" s="53">
        <v>1000</v>
      </c>
      <c r="C39" s="53">
        <v>1000</v>
      </c>
      <c r="D39" s="53">
        <v>1000</v>
      </c>
      <c r="E39" s="53">
        <v>1000</v>
      </c>
      <c r="F39" s="53">
        <v>1000</v>
      </c>
      <c r="G39" s="53">
        <v>1000</v>
      </c>
      <c r="H39" s="53">
        <v>1000</v>
      </c>
      <c r="I39" s="53">
        <v>1000</v>
      </c>
      <c r="J39" s="53">
        <v>1000</v>
      </c>
      <c r="K39" s="53">
        <v>1000</v>
      </c>
      <c r="L39" s="53">
        <v>1000</v>
      </c>
      <c r="M39" s="53">
        <v>1000</v>
      </c>
      <c r="N39" s="53">
        <v>1000</v>
      </c>
      <c r="O39" s="53">
        <v>1000</v>
      </c>
      <c r="P39" s="53">
        <v>1000</v>
      </c>
      <c r="Q39" s="53">
        <v>1000</v>
      </c>
      <c r="R39" s="53">
        <v>1000</v>
      </c>
      <c r="S39" s="53">
        <v>1000</v>
      </c>
      <c r="T39" s="53">
        <v>1000</v>
      </c>
      <c r="U39" s="53">
        <v>1000</v>
      </c>
      <c r="V39" s="53">
        <v>1000</v>
      </c>
      <c r="W39" s="53">
        <v>1000</v>
      </c>
      <c r="X39" s="53">
        <v>1000</v>
      </c>
      <c r="Y39" s="53">
        <v>1000</v>
      </c>
      <c r="Z39" s="53">
        <v>1000</v>
      </c>
      <c r="AA39" s="53">
        <v>1000</v>
      </c>
      <c r="AB39" s="53">
        <v>1000</v>
      </c>
      <c r="AC39" s="53">
        <v>1000</v>
      </c>
      <c r="AD39" s="53">
        <v>1000</v>
      </c>
      <c r="AE39" s="53">
        <v>1000</v>
      </c>
      <c r="AF39" s="53">
        <v>1000</v>
      </c>
      <c r="AG39" s="53">
        <v>1000</v>
      </c>
      <c r="AH39" s="53">
        <v>1000</v>
      </c>
      <c r="AI39" s="53">
        <v>1000</v>
      </c>
      <c r="AJ39" s="53">
        <v>1000</v>
      </c>
      <c r="AK39" s="53">
        <v>1000</v>
      </c>
      <c r="AL39" s="53">
        <v>1000</v>
      </c>
      <c r="AM39" s="53">
        <v>1000</v>
      </c>
      <c r="AN39" s="53">
        <v>1000</v>
      </c>
      <c r="AO39" s="53">
        <v>1000</v>
      </c>
      <c r="AP39" s="53">
        <v>1000</v>
      </c>
      <c r="AQ39" s="53">
        <v>1000</v>
      </c>
      <c r="AR39" s="53">
        <v>1000</v>
      </c>
      <c r="AS39" s="53">
        <v>1000</v>
      </c>
      <c r="AT39" s="53">
        <v>1000</v>
      </c>
      <c r="AU39" s="53">
        <v>1000</v>
      </c>
      <c r="AV39" s="53">
        <v>1000</v>
      </c>
      <c r="AW39" s="53">
        <v>1000</v>
      </c>
      <c r="AX39" s="53">
        <v>1000</v>
      </c>
      <c r="AY39" s="53">
        <v>1000</v>
      </c>
      <c r="AZ39" s="53">
        <v>1000</v>
      </c>
      <c r="BA39" s="53">
        <v>1000</v>
      </c>
    </row>
    <row r="40" spans="1:53">
      <c r="A40" s="52" t="s">
        <v>229</v>
      </c>
      <c r="B40" s="53">
        <v>1000</v>
      </c>
      <c r="C40" s="53">
        <v>1000</v>
      </c>
      <c r="D40" s="53">
        <v>1000</v>
      </c>
      <c r="E40" s="53">
        <v>1000</v>
      </c>
      <c r="F40" s="53">
        <v>1000</v>
      </c>
      <c r="G40" s="53">
        <v>1000</v>
      </c>
      <c r="H40" s="53">
        <v>1000</v>
      </c>
      <c r="I40" s="53">
        <v>1000</v>
      </c>
      <c r="J40" s="53">
        <v>1000</v>
      </c>
      <c r="K40" s="53">
        <v>1000</v>
      </c>
      <c r="L40" s="53">
        <v>1000</v>
      </c>
      <c r="M40" s="53">
        <v>1000</v>
      </c>
      <c r="N40" s="53">
        <v>1000</v>
      </c>
      <c r="O40" s="53">
        <v>1000</v>
      </c>
      <c r="P40" s="53">
        <v>1000</v>
      </c>
      <c r="Q40" s="53">
        <v>1000</v>
      </c>
      <c r="R40" s="53">
        <v>1000</v>
      </c>
      <c r="S40" s="53">
        <v>1000</v>
      </c>
      <c r="T40" s="53">
        <v>1000</v>
      </c>
      <c r="U40" s="53">
        <v>1000</v>
      </c>
      <c r="V40" s="53">
        <v>1000</v>
      </c>
      <c r="W40" s="53">
        <v>1000</v>
      </c>
      <c r="X40" s="53">
        <v>1000</v>
      </c>
      <c r="Y40" s="53">
        <v>1000</v>
      </c>
      <c r="Z40" s="53">
        <v>1000</v>
      </c>
      <c r="AA40" s="53">
        <v>1000</v>
      </c>
      <c r="AB40" s="53">
        <v>1000</v>
      </c>
      <c r="AC40" s="53">
        <v>1000</v>
      </c>
      <c r="AD40" s="53">
        <v>1000</v>
      </c>
      <c r="AE40" s="53">
        <v>1000</v>
      </c>
      <c r="AF40" s="53">
        <v>1000</v>
      </c>
      <c r="AG40" s="53">
        <v>1000</v>
      </c>
      <c r="AH40" s="53">
        <v>1000</v>
      </c>
      <c r="AI40" s="53">
        <v>1000</v>
      </c>
      <c r="AJ40" s="53">
        <v>1000</v>
      </c>
      <c r="AK40" s="53">
        <v>1000</v>
      </c>
      <c r="AL40" s="53">
        <v>1000</v>
      </c>
      <c r="AM40" s="53">
        <v>1000</v>
      </c>
      <c r="AN40" s="53">
        <v>1000</v>
      </c>
      <c r="AO40" s="53">
        <v>1000</v>
      </c>
      <c r="AP40" s="53">
        <v>1000</v>
      </c>
      <c r="AQ40" s="53">
        <v>1000</v>
      </c>
      <c r="AR40" s="53">
        <v>1000</v>
      </c>
      <c r="AS40" s="53">
        <v>1000</v>
      </c>
      <c r="AT40" s="53">
        <v>1000</v>
      </c>
      <c r="AU40" s="53">
        <v>1000</v>
      </c>
      <c r="AV40" s="53">
        <v>1000</v>
      </c>
      <c r="AW40" s="53">
        <v>1000</v>
      </c>
      <c r="AX40" s="53">
        <v>1000</v>
      </c>
      <c r="AY40" s="53">
        <v>1000</v>
      </c>
      <c r="AZ40" s="53">
        <v>1000</v>
      </c>
      <c r="BA40" s="53">
        <v>1000</v>
      </c>
    </row>
    <row r="41" spans="1:53">
      <c r="A41" s="52" t="s">
        <v>230</v>
      </c>
      <c r="B41" s="53">
        <v>0</v>
      </c>
      <c r="C41" s="53">
        <v>0</v>
      </c>
      <c r="D41" s="53">
        <v>0</v>
      </c>
      <c r="E41" s="53">
        <v>0</v>
      </c>
      <c r="F41" s="53">
        <v>0</v>
      </c>
      <c r="G41" s="53">
        <v>0</v>
      </c>
      <c r="H41" s="53">
        <v>0</v>
      </c>
      <c r="I41" s="53">
        <v>0</v>
      </c>
      <c r="J41" s="53">
        <v>0</v>
      </c>
      <c r="K41" s="53">
        <v>0</v>
      </c>
      <c r="L41" s="53">
        <v>0</v>
      </c>
      <c r="M41" s="53">
        <v>0</v>
      </c>
      <c r="N41" s="53">
        <v>0</v>
      </c>
      <c r="O41" s="53">
        <v>0</v>
      </c>
      <c r="P41" s="53">
        <v>0</v>
      </c>
      <c r="Q41" s="53">
        <v>0</v>
      </c>
      <c r="R41" s="53">
        <v>0</v>
      </c>
      <c r="S41" s="53">
        <v>0</v>
      </c>
      <c r="T41" s="53">
        <v>0</v>
      </c>
      <c r="U41" s="53">
        <v>0</v>
      </c>
      <c r="V41" s="53">
        <v>0</v>
      </c>
      <c r="W41" s="53">
        <v>0</v>
      </c>
      <c r="X41" s="53">
        <v>0</v>
      </c>
      <c r="Y41" s="53">
        <v>0</v>
      </c>
      <c r="Z41" s="53">
        <v>0</v>
      </c>
      <c r="AA41" s="53">
        <v>0</v>
      </c>
      <c r="AB41" s="53">
        <v>0</v>
      </c>
      <c r="AC41" s="53">
        <v>0</v>
      </c>
      <c r="AD41" s="53">
        <v>0</v>
      </c>
      <c r="AE41" s="53">
        <v>0</v>
      </c>
      <c r="AF41" s="53">
        <v>0</v>
      </c>
      <c r="AG41" s="53">
        <v>0</v>
      </c>
      <c r="AH41" s="53">
        <v>0</v>
      </c>
      <c r="AI41" s="53">
        <v>0</v>
      </c>
      <c r="AJ41" s="53">
        <v>0</v>
      </c>
      <c r="AK41" s="53">
        <v>0</v>
      </c>
      <c r="AL41" s="53">
        <v>0</v>
      </c>
      <c r="AM41" s="53">
        <v>0</v>
      </c>
      <c r="AN41" s="53">
        <v>0</v>
      </c>
      <c r="AO41" s="53">
        <v>0</v>
      </c>
      <c r="AP41" s="53">
        <v>0</v>
      </c>
      <c r="AQ41" s="53">
        <v>0</v>
      </c>
      <c r="AR41" s="53">
        <v>0</v>
      </c>
      <c r="AS41" s="53">
        <v>0</v>
      </c>
      <c r="AT41" s="53">
        <v>0</v>
      </c>
      <c r="AU41" s="53">
        <v>0</v>
      </c>
      <c r="AV41" s="53">
        <v>0</v>
      </c>
      <c r="AW41" s="53">
        <v>0</v>
      </c>
      <c r="AX41" s="53">
        <v>0</v>
      </c>
      <c r="AY41" s="53">
        <v>0</v>
      </c>
      <c r="AZ41" s="53">
        <v>0</v>
      </c>
      <c r="BA41" s="53">
        <v>0</v>
      </c>
    </row>
    <row r="42" spans="1:53">
      <c r="A42" s="52" t="s">
        <v>231</v>
      </c>
      <c r="B42" s="53">
        <v>0</v>
      </c>
      <c r="C42" s="53">
        <v>0</v>
      </c>
      <c r="D42" s="53">
        <v>0</v>
      </c>
      <c r="E42" s="53">
        <v>0</v>
      </c>
      <c r="F42" s="53">
        <v>0</v>
      </c>
      <c r="G42" s="53">
        <v>0</v>
      </c>
      <c r="H42" s="53">
        <v>0</v>
      </c>
      <c r="I42" s="53">
        <v>0</v>
      </c>
      <c r="J42" s="53">
        <v>0</v>
      </c>
      <c r="K42" s="53">
        <v>0</v>
      </c>
      <c r="L42" s="53">
        <v>0</v>
      </c>
      <c r="M42" s="53">
        <v>0</v>
      </c>
      <c r="N42" s="53">
        <v>0</v>
      </c>
      <c r="O42" s="53">
        <v>0</v>
      </c>
      <c r="P42" s="53">
        <v>0</v>
      </c>
      <c r="Q42" s="53">
        <v>0</v>
      </c>
      <c r="R42" s="53">
        <v>0</v>
      </c>
      <c r="S42" s="53">
        <v>0</v>
      </c>
      <c r="T42" s="53">
        <v>0</v>
      </c>
      <c r="U42" s="53">
        <v>0</v>
      </c>
      <c r="V42" s="53">
        <v>0</v>
      </c>
      <c r="W42" s="53">
        <v>0</v>
      </c>
      <c r="X42" s="53">
        <v>0</v>
      </c>
      <c r="Y42" s="53">
        <v>0</v>
      </c>
      <c r="Z42" s="53">
        <v>0</v>
      </c>
      <c r="AA42" s="53">
        <v>0</v>
      </c>
      <c r="AB42" s="53">
        <v>0</v>
      </c>
      <c r="AC42" s="53">
        <v>0</v>
      </c>
      <c r="AD42" s="53">
        <v>0</v>
      </c>
      <c r="AE42" s="53">
        <v>0</v>
      </c>
      <c r="AF42" s="53">
        <v>0</v>
      </c>
      <c r="AG42" s="53">
        <v>0</v>
      </c>
      <c r="AH42" s="53">
        <v>0</v>
      </c>
      <c r="AI42" s="53">
        <v>0</v>
      </c>
      <c r="AJ42" s="53">
        <v>0</v>
      </c>
      <c r="AK42" s="53">
        <v>0</v>
      </c>
      <c r="AL42" s="53">
        <v>0</v>
      </c>
      <c r="AM42" s="53">
        <v>0</v>
      </c>
      <c r="AN42" s="53">
        <v>0</v>
      </c>
      <c r="AO42" s="53">
        <v>0</v>
      </c>
      <c r="AP42" s="53">
        <v>0</v>
      </c>
      <c r="AQ42" s="53">
        <v>0</v>
      </c>
      <c r="AR42" s="53">
        <v>0</v>
      </c>
      <c r="AS42" s="53">
        <v>0</v>
      </c>
      <c r="AT42" s="53">
        <v>0</v>
      </c>
      <c r="AU42" s="53">
        <v>0</v>
      </c>
      <c r="AV42" s="53">
        <v>0</v>
      </c>
      <c r="AW42" s="53">
        <v>0</v>
      </c>
      <c r="AX42" s="53">
        <v>0</v>
      </c>
      <c r="AY42" s="53">
        <v>0</v>
      </c>
      <c r="AZ42" s="53">
        <v>0</v>
      </c>
      <c r="BA42" s="53">
        <v>0</v>
      </c>
    </row>
    <row r="43" spans="1:53">
      <c r="A43" s="52" t="s">
        <v>232</v>
      </c>
      <c r="B43" s="53">
        <v>0</v>
      </c>
      <c r="C43" s="53">
        <v>0</v>
      </c>
      <c r="D43" s="53">
        <v>0</v>
      </c>
      <c r="E43" s="53">
        <v>0</v>
      </c>
      <c r="F43" s="53">
        <v>0</v>
      </c>
      <c r="G43" s="53">
        <v>0</v>
      </c>
      <c r="H43" s="53">
        <v>0</v>
      </c>
      <c r="I43" s="53">
        <v>0</v>
      </c>
      <c r="J43" s="53">
        <v>0</v>
      </c>
      <c r="K43" s="53">
        <v>0</v>
      </c>
      <c r="L43" s="53">
        <v>0</v>
      </c>
      <c r="M43" s="53">
        <v>0</v>
      </c>
      <c r="N43" s="53">
        <v>0</v>
      </c>
      <c r="O43" s="53">
        <v>0</v>
      </c>
      <c r="P43" s="53">
        <v>0</v>
      </c>
      <c r="Q43" s="53">
        <v>0</v>
      </c>
      <c r="R43" s="53">
        <v>0</v>
      </c>
      <c r="S43" s="53">
        <v>0</v>
      </c>
      <c r="T43" s="53">
        <v>0</v>
      </c>
      <c r="U43" s="53">
        <v>0</v>
      </c>
      <c r="V43" s="53">
        <v>0</v>
      </c>
      <c r="W43" s="53">
        <v>0</v>
      </c>
      <c r="X43" s="53">
        <v>0</v>
      </c>
      <c r="Y43" s="53">
        <v>0</v>
      </c>
      <c r="Z43" s="53">
        <v>0</v>
      </c>
      <c r="AA43" s="53">
        <v>0</v>
      </c>
      <c r="AB43" s="53">
        <v>0</v>
      </c>
      <c r="AC43" s="53">
        <v>0</v>
      </c>
      <c r="AD43" s="53">
        <v>0</v>
      </c>
      <c r="AE43" s="53">
        <v>0</v>
      </c>
      <c r="AF43" s="53">
        <v>0</v>
      </c>
      <c r="AG43" s="53">
        <v>0</v>
      </c>
      <c r="AH43" s="53">
        <v>0</v>
      </c>
      <c r="AI43" s="53">
        <v>0</v>
      </c>
      <c r="AJ43" s="53">
        <v>0</v>
      </c>
      <c r="AK43" s="53">
        <v>0</v>
      </c>
      <c r="AL43" s="53">
        <v>0</v>
      </c>
      <c r="AM43" s="53">
        <v>0</v>
      </c>
      <c r="AN43" s="53">
        <v>0</v>
      </c>
      <c r="AO43" s="53">
        <v>0</v>
      </c>
      <c r="AP43" s="53">
        <v>0</v>
      </c>
      <c r="AQ43" s="53">
        <v>0</v>
      </c>
      <c r="AR43" s="53">
        <v>0</v>
      </c>
      <c r="AS43" s="53">
        <v>0</v>
      </c>
      <c r="AT43" s="53">
        <v>0</v>
      </c>
      <c r="AU43" s="53">
        <v>0</v>
      </c>
      <c r="AV43" s="53">
        <v>0</v>
      </c>
      <c r="AW43" s="53">
        <v>0</v>
      </c>
      <c r="AX43" s="53">
        <v>0</v>
      </c>
      <c r="AY43" s="53">
        <v>0</v>
      </c>
      <c r="AZ43" s="53">
        <v>0</v>
      </c>
      <c r="BA43" s="53">
        <v>0</v>
      </c>
    </row>
    <row r="44" spans="1:53">
      <c r="A44" s="52" t="s">
        <v>233</v>
      </c>
      <c r="B44" s="53">
        <v>0</v>
      </c>
      <c r="C44" s="53">
        <v>0</v>
      </c>
      <c r="D44" s="53">
        <v>0</v>
      </c>
      <c r="E44" s="53">
        <v>0</v>
      </c>
      <c r="F44" s="53">
        <v>0</v>
      </c>
      <c r="G44" s="53">
        <v>0</v>
      </c>
      <c r="H44" s="53">
        <v>0</v>
      </c>
      <c r="I44" s="53">
        <v>0</v>
      </c>
      <c r="J44" s="53">
        <v>0</v>
      </c>
      <c r="K44" s="53">
        <v>0</v>
      </c>
      <c r="L44" s="53">
        <v>0</v>
      </c>
      <c r="M44" s="53">
        <v>0</v>
      </c>
      <c r="N44" s="53">
        <v>0</v>
      </c>
      <c r="O44" s="53">
        <v>0</v>
      </c>
      <c r="P44" s="53">
        <v>0</v>
      </c>
      <c r="Q44" s="53">
        <v>0</v>
      </c>
      <c r="R44" s="53">
        <v>0</v>
      </c>
      <c r="S44" s="53">
        <v>0</v>
      </c>
      <c r="T44" s="53">
        <v>0</v>
      </c>
      <c r="U44" s="53">
        <v>0</v>
      </c>
      <c r="V44" s="53">
        <v>0</v>
      </c>
      <c r="W44" s="53">
        <v>0</v>
      </c>
      <c r="X44" s="53">
        <v>0</v>
      </c>
      <c r="Y44" s="53">
        <v>0</v>
      </c>
      <c r="Z44" s="53">
        <v>0</v>
      </c>
      <c r="AA44" s="53">
        <v>0</v>
      </c>
      <c r="AB44" s="53">
        <v>0</v>
      </c>
      <c r="AC44" s="53">
        <v>0</v>
      </c>
      <c r="AD44" s="53">
        <v>0</v>
      </c>
      <c r="AE44" s="53">
        <v>0</v>
      </c>
      <c r="AF44" s="53">
        <v>0</v>
      </c>
      <c r="AG44" s="53">
        <v>0</v>
      </c>
      <c r="AH44" s="53">
        <v>0</v>
      </c>
      <c r="AI44" s="53">
        <v>0</v>
      </c>
      <c r="AJ44" s="53">
        <v>0</v>
      </c>
      <c r="AK44" s="53">
        <v>0</v>
      </c>
      <c r="AL44" s="53">
        <v>0</v>
      </c>
      <c r="AM44" s="53">
        <v>0</v>
      </c>
      <c r="AN44" s="53">
        <v>0</v>
      </c>
      <c r="AO44" s="53">
        <v>0</v>
      </c>
      <c r="AP44" s="53">
        <v>0</v>
      </c>
      <c r="AQ44" s="53">
        <v>0</v>
      </c>
      <c r="AR44" s="53">
        <v>0</v>
      </c>
      <c r="AS44" s="53">
        <v>0</v>
      </c>
      <c r="AT44" s="53">
        <v>0</v>
      </c>
      <c r="AU44" s="53">
        <v>0</v>
      </c>
      <c r="AV44" s="53">
        <v>0</v>
      </c>
      <c r="AW44" s="53">
        <v>0</v>
      </c>
      <c r="AX44" s="53">
        <v>0</v>
      </c>
      <c r="AY44" s="53">
        <v>0</v>
      </c>
      <c r="AZ44" s="53">
        <v>0</v>
      </c>
      <c r="BA44" s="53">
        <v>0</v>
      </c>
    </row>
    <row r="45" spans="1:53">
      <c r="A45" s="52" t="s">
        <v>234</v>
      </c>
      <c r="B45" s="53">
        <v>1000</v>
      </c>
      <c r="C45" s="53">
        <v>1000</v>
      </c>
      <c r="D45" s="53">
        <v>1000</v>
      </c>
      <c r="E45" s="53">
        <v>1000</v>
      </c>
      <c r="F45" s="53">
        <v>1000</v>
      </c>
      <c r="G45" s="53">
        <v>1000</v>
      </c>
      <c r="H45" s="53">
        <v>1000</v>
      </c>
      <c r="I45" s="53">
        <v>1000</v>
      </c>
      <c r="J45" s="53">
        <v>1000</v>
      </c>
      <c r="K45" s="53">
        <v>1000</v>
      </c>
      <c r="L45" s="53">
        <v>1000</v>
      </c>
      <c r="M45" s="53">
        <v>1000</v>
      </c>
      <c r="N45" s="53">
        <v>1000</v>
      </c>
      <c r="O45" s="53">
        <v>1000</v>
      </c>
      <c r="P45" s="53">
        <v>1000</v>
      </c>
      <c r="Q45" s="53">
        <v>1000</v>
      </c>
      <c r="R45" s="53">
        <v>1000</v>
      </c>
      <c r="S45" s="53">
        <v>1000</v>
      </c>
      <c r="T45" s="53">
        <v>1000</v>
      </c>
      <c r="U45" s="53">
        <v>1000</v>
      </c>
      <c r="V45" s="53">
        <v>1000</v>
      </c>
      <c r="W45" s="53">
        <v>1000</v>
      </c>
      <c r="X45" s="53">
        <v>1000</v>
      </c>
      <c r="Y45" s="53">
        <v>1000</v>
      </c>
      <c r="Z45" s="53">
        <v>1000</v>
      </c>
      <c r="AA45" s="53">
        <v>1000</v>
      </c>
      <c r="AB45" s="53">
        <v>1000</v>
      </c>
      <c r="AC45" s="53">
        <v>1000</v>
      </c>
      <c r="AD45" s="53">
        <v>1000</v>
      </c>
      <c r="AE45" s="53">
        <v>1000</v>
      </c>
      <c r="AF45" s="53">
        <v>1000</v>
      </c>
      <c r="AG45" s="53">
        <v>1000</v>
      </c>
      <c r="AH45" s="53">
        <v>1000</v>
      </c>
      <c r="AI45" s="53">
        <v>1000</v>
      </c>
      <c r="AJ45" s="53">
        <v>1000</v>
      </c>
      <c r="AK45" s="53">
        <v>1000</v>
      </c>
      <c r="AL45" s="53">
        <v>1000</v>
      </c>
      <c r="AM45" s="53">
        <v>1000</v>
      </c>
      <c r="AN45" s="53">
        <v>1000</v>
      </c>
      <c r="AO45" s="53">
        <v>1000</v>
      </c>
      <c r="AP45" s="53">
        <v>1000</v>
      </c>
      <c r="AQ45" s="53">
        <v>1000</v>
      </c>
      <c r="AR45" s="53">
        <v>1000</v>
      </c>
      <c r="AS45" s="53">
        <v>1000</v>
      </c>
      <c r="AT45" s="53">
        <v>1000</v>
      </c>
      <c r="AU45" s="53">
        <v>1000</v>
      </c>
      <c r="AV45" s="53">
        <v>1000</v>
      </c>
      <c r="AW45" s="53">
        <v>1000</v>
      </c>
      <c r="AX45" s="53">
        <v>1000</v>
      </c>
      <c r="AY45" s="53">
        <v>1000</v>
      </c>
      <c r="AZ45" s="53">
        <v>1000</v>
      </c>
      <c r="BA45" s="53">
        <v>1000</v>
      </c>
    </row>
    <row r="46" spans="1:53">
      <c r="A46" s="52" t="s">
        <v>235</v>
      </c>
    </row>
    <row r="47" spans="1:53">
      <c r="A47" s="52" t="s">
        <v>236</v>
      </c>
      <c r="B47" s="53">
        <v>0</v>
      </c>
      <c r="C47" s="53">
        <v>0</v>
      </c>
      <c r="D47" s="53">
        <v>0</v>
      </c>
      <c r="E47" s="53">
        <v>0</v>
      </c>
      <c r="F47" s="53">
        <v>0</v>
      </c>
      <c r="G47" s="53">
        <v>0</v>
      </c>
      <c r="H47" s="53">
        <v>0</v>
      </c>
      <c r="I47" s="53">
        <v>0</v>
      </c>
      <c r="J47" s="53">
        <v>0</v>
      </c>
      <c r="K47" s="53">
        <v>0</v>
      </c>
      <c r="L47" s="53">
        <v>0</v>
      </c>
      <c r="M47" s="53">
        <v>0</v>
      </c>
      <c r="N47" s="53">
        <v>0</v>
      </c>
      <c r="O47" s="53">
        <v>0</v>
      </c>
      <c r="P47" s="53">
        <v>0</v>
      </c>
      <c r="Q47" s="53">
        <v>0</v>
      </c>
      <c r="R47" s="53">
        <v>0</v>
      </c>
      <c r="S47" s="53">
        <v>0</v>
      </c>
      <c r="T47" s="53">
        <v>0</v>
      </c>
      <c r="U47" s="53">
        <v>0</v>
      </c>
      <c r="V47" s="53">
        <v>0</v>
      </c>
      <c r="W47" s="53">
        <v>0</v>
      </c>
      <c r="X47" s="53">
        <v>0</v>
      </c>
      <c r="Y47" s="53">
        <v>0</v>
      </c>
      <c r="Z47" s="53">
        <v>0</v>
      </c>
      <c r="AA47" s="53">
        <v>0</v>
      </c>
      <c r="AB47" s="53">
        <v>0</v>
      </c>
      <c r="AC47" s="53">
        <v>0</v>
      </c>
      <c r="AD47" s="53">
        <v>0</v>
      </c>
      <c r="AE47" s="53">
        <v>0</v>
      </c>
      <c r="AF47" s="53">
        <v>0</v>
      </c>
      <c r="AG47" s="53">
        <v>0</v>
      </c>
      <c r="AH47" s="53">
        <v>0</v>
      </c>
      <c r="AI47" s="53">
        <v>0</v>
      </c>
      <c r="AJ47" s="53">
        <v>0</v>
      </c>
      <c r="AK47" s="53">
        <v>0</v>
      </c>
      <c r="AL47" s="53">
        <v>0</v>
      </c>
      <c r="AM47" s="53">
        <v>0</v>
      </c>
      <c r="AN47" s="53">
        <v>0</v>
      </c>
      <c r="AO47" s="53">
        <v>0</v>
      </c>
      <c r="AP47" s="53">
        <v>0</v>
      </c>
      <c r="AQ47" s="53">
        <v>0</v>
      </c>
      <c r="AR47" s="53">
        <v>0</v>
      </c>
      <c r="AS47" s="53">
        <v>0</v>
      </c>
      <c r="AT47" s="53">
        <v>0</v>
      </c>
      <c r="AU47" s="53">
        <v>0</v>
      </c>
      <c r="AV47" s="53">
        <v>0</v>
      </c>
      <c r="AW47" s="53">
        <v>0</v>
      </c>
      <c r="AX47" s="53">
        <v>0</v>
      </c>
      <c r="AY47" s="53">
        <v>0</v>
      </c>
      <c r="AZ47" s="53">
        <v>0</v>
      </c>
      <c r="BA47" s="53">
        <v>0</v>
      </c>
    </row>
    <row r="48" spans="1:53">
      <c r="A48" s="52" t="s">
        <v>237</v>
      </c>
    </row>
    <row r="49" spans="1:53">
      <c r="A49" s="52" t="s">
        <v>238</v>
      </c>
      <c r="B49" s="53">
        <v>0</v>
      </c>
      <c r="C49" s="53">
        <v>0</v>
      </c>
      <c r="D49" s="53">
        <v>0</v>
      </c>
      <c r="E49" s="53">
        <v>0</v>
      </c>
      <c r="F49" s="53">
        <v>0</v>
      </c>
      <c r="G49" s="53">
        <v>0</v>
      </c>
      <c r="H49" s="53">
        <v>0</v>
      </c>
      <c r="I49" s="53">
        <v>0</v>
      </c>
      <c r="J49" s="53">
        <v>0</v>
      </c>
      <c r="K49" s="53">
        <v>0</v>
      </c>
      <c r="L49" s="53">
        <v>0</v>
      </c>
      <c r="M49" s="53">
        <v>0</v>
      </c>
      <c r="N49" s="53">
        <v>0</v>
      </c>
      <c r="O49" s="53">
        <v>0</v>
      </c>
      <c r="P49" s="53">
        <v>0</v>
      </c>
      <c r="Q49" s="53">
        <v>0</v>
      </c>
      <c r="R49" s="53">
        <v>0</v>
      </c>
      <c r="S49" s="53">
        <v>0</v>
      </c>
      <c r="T49" s="53">
        <v>0</v>
      </c>
      <c r="U49" s="53">
        <v>0</v>
      </c>
      <c r="V49" s="53">
        <v>0</v>
      </c>
      <c r="W49" s="53">
        <v>0</v>
      </c>
      <c r="X49" s="53">
        <v>0</v>
      </c>
      <c r="Y49" s="53">
        <v>0</v>
      </c>
      <c r="Z49" s="53">
        <v>0</v>
      </c>
      <c r="AA49" s="53">
        <v>0</v>
      </c>
      <c r="AB49" s="53">
        <v>0</v>
      </c>
      <c r="AC49" s="53">
        <v>0</v>
      </c>
      <c r="AD49" s="53">
        <v>0</v>
      </c>
      <c r="AE49" s="53">
        <v>0</v>
      </c>
      <c r="AF49" s="53">
        <v>0</v>
      </c>
      <c r="AG49" s="53">
        <v>0</v>
      </c>
      <c r="AH49" s="53">
        <v>0</v>
      </c>
      <c r="AI49" s="53">
        <v>0</v>
      </c>
      <c r="AJ49" s="53">
        <v>0</v>
      </c>
      <c r="AK49" s="53">
        <v>0</v>
      </c>
      <c r="AL49" s="53">
        <v>0</v>
      </c>
      <c r="AM49" s="53">
        <v>0</v>
      </c>
      <c r="AN49" s="53">
        <v>0</v>
      </c>
      <c r="AO49" s="53">
        <v>0</v>
      </c>
      <c r="AP49" s="53">
        <v>0</v>
      </c>
      <c r="AQ49" s="53">
        <v>0</v>
      </c>
      <c r="AR49" s="53">
        <v>0</v>
      </c>
      <c r="AS49" s="53">
        <v>0</v>
      </c>
      <c r="AT49" s="53">
        <v>0</v>
      </c>
      <c r="AU49" s="53">
        <v>0</v>
      </c>
      <c r="AV49" s="53">
        <v>0</v>
      </c>
      <c r="AW49" s="53">
        <v>0</v>
      </c>
      <c r="AX49" s="53">
        <v>0</v>
      </c>
      <c r="AY49" s="53">
        <v>0</v>
      </c>
      <c r="AZ49" s="53">
        <v>0</v>
      </c>
      <c r="BA49" s="53">
        <v>0</v>
      </c>
    </row>
    <row r="50" spans="1:53">
      <c r="A50" s="52" t="s">
        <v>239</v>
      </c>
      <c r="B50" s="53">
        <v>0</v>
      </c>
      <c r="C50" s="53">
        <v>0</v>
      </c>
      <c r="D50" s="53">
        <v>0</v>
      </c>
      <c r="E50" s="53">
        <v>0</v>
      </c>
      <c r="F50" s="53">
        <v>0</v>
      </c>
      <c r="G50" s="53">
        <v>0</v>
      </c>
      <c r="H50" s="53">
        <v>0</v>
      </c>
      <c r="I50" s="53">
        <v>0</v>
      </c>
      <c r="J50" s="53">
        <v>0</v>
      </c>
      <c r="K50" s="53">
        <v>0</v>
      </c>
      <c r="L50" s="53">
        <v>0</v>
      </c>
      <c r="M50" s="53">
        <v>0</v>
      </c>
      <c r="N50" s="53">
        <v>0</v>
      </c>
      <c r="O50" s="53">
        <v>0</v>
      </c>
      <c r="P50" s="53">
        <v>0</v>
      </c>
      <c r="Q50" s="53">
        <v>0</v>
      </c>
      <c r="R50" s="53">
        <v>0</v>
      </c>
      <c r="S50" s="53">
        <v>0</v>
      </c>
      <c r="T50" s="53">
        <v>0</v>
      </c>
      <c r="U50" s="53">
        <v>0</v>
      </c>
      <c r="V50" s="53">
        <v>0</v>
      </c>
      <c r="W50" s="53">
        <v>0</v>
      </c>
      <c r="X50" s="53">
        <v>0</v>
      </c>
      <c r="Y50" s="53">
        <v>0</v>
      </c>
      <c r="Z50" s="53">
        <v>0</v>
      </c>
      <c r="AA50" s="53">
        <v>0</v>
      </c>
      <c r="AB50" s="53">
        <v>0</v>
      </c>
      <c r="AC50" s="53">
        <v>0</v>
      </c>
      <c r="AD50" s="53">
        <v>0</v>
      </c>
      <c r="AE50" s="53">
        <v>0</v>
      </c>
      <c r="AF50" s="53">
        <v>0</v>
      </c>
      <c r="AG50" s="53">
        <v>0</v>
      </c>
      <c r="AH50" s="53">
        <v>0</v>
      </c>
      <c r="AI50" s="53">
        <v>0</v>
      </c>
      <c r="AJ50" s="53">
        <v>0</v>
      </c>
      <c r="AK50" s="53">
        <v>0</v>
      </c>
      <c r="AL50" s="53">
        <v>0</v>
      </c>
      <c r="AM50" s="53">
        <v>0</v>
      </c>
      <c r="AN50" s="53">
        <v>0</v>
      </c>
      <c r="AO50" s="53">
        <v>0</v>
      </c>
      <c r="AP50" s="53">
        <v>0</v>
      </c>
      <c r="AQ50" s="53">
        <v>0</v>
      </c>
      <c r="AR50" s="53">
        <v>0</v>
      </c>
      <c r="AS50" s="53">
        <v>0</v>
      </c>
      <c r="AT50" s="53">
        <v>0</v>
      </c>
      <c r="AU50" s="53">
        <v>0</v>
      </c>
      <c r="AV50" s="53">
        <v>0</v>
      </c>
      <c r="AW50" s="53">
        <v>0</v>
      </c>
      <c r="AX50" s="53">
        <v>0</v>
      </c>
      <c r="AY50" s="53">
        <v>0</v>
      </c>
      <c r="AZ50" s="53">
        <v>0</v>
      </c>
      <c r="BA50" s="53">
        <v>0</v>
      </c>
    </row>
    <row r="51" spans="1:53">
      <c r="A51" s="52" t="s">
        <v>240</v>
      </c>
      <c r="B51" s="53">
        <v>0</v>
      </c>
      <c r="C51" s="53">
        <v>0</v>
      </c>
      <c r="D51" s="53">
        <v>0</v>
      </c>
      <c r="E51" s="53">
        <v>0</v>
      </c>
      <c r="F51" s="53">
        <v>0</v>
      </c>
      <c r="G51" s="53">
        <v>0</v>
      </c>
      <c r="H51" s="53">
        <v>0</v>
      </c>
      <c r="I51" s="53">
        <v>0</v>
      </c>
      <c r="J51" s="53">
        <v>0</v>
      </c>
      <c r="K51" s="53">
        <v>0</v>
      </c>
      <c r="L51" s="53">
        <v>0</v>
      </c>
      <c r="M51" s="53">
        <v>0</v>
      </c>
      <c r="N51" s="53">
        <v>0</v>
      </c>
      <c r="O51" s="53">
        <v>0</v>
      </c>
      <c r="P51" s="53">
        <v>0</v>
      </c>
      <c r="Q51" s="53">
        <v>0</v>
      </c>
      <c r="R51" s="53">
        <v>0</v>
      </c>
      <c r="S51" s="53">
        <v>0</v>
      </c>
      <c r="T51" s="53">
        <v>0</v>
      </c>
      <c r="U51" s="53">
        <v>0</v>
      </c>
      <c r="V51" s="53">
        <v>0</v>
      </c>
      <c r="W51" s="53">
        <v>0</v>
      </c>
      <c r="X51" s="53">
        <v>0</v>
      </c>
      <c r="Y51" s="53">
        <v>0</v>
      </c>
      <c r="Z51" s="53">
        <v>0</v>
      </c>
      <c r="AA51" s="53">
        <v>0</v>
      </c>
      <c r="AB51" s="53">
        <v>0</v>
      </c>
      <c r="AC51" s="53">
        <v>0</v>
      </c>
      <c r="AD51" s="53">
        <v>0</v>
      </c>
      <c r="AE51" s="53">
        <v>0</v>
      </c>
      <c r="AF51" s="53">
        <v>0</v>
      </c>
      <c r="AG51" s="53">
        <v>0</v>
      </c>
      <c r="AH51" s="53">
        <v>0</v>
      </c>
      <c r="AI51" s="53">
        <v>0</v>
      </c>
      <c r="AJ51" s="53">
        <v>0</v>
      </c>
      <c r="AK51" s="53">
        <v>0</v>
      </c>
      <c r="AL51" s="53">
        <v>0</v>
      </c>
      <c r="AM51" s="53">
        <v>0</v>
      </c>
      <c r="AN51" s="53">
        <v>0</v>
      </c>
      <c r="AO51" s="53">
        <v>0</v>
      </c>
      <c r="AP51" s="53">
        <v>0</v>
      </c>
      <c r="AQ51" s="53">
        <v>0</v>
      </c>
      <c r="AR51" s="53">
        <v>0</v>
      </c>
      <c r="AS51" s="53">
        <v>0</v>
      </c>
      <c r="AT51" s="53">
        <v>0</v>
      </c>
      <c r="AU51" s="53">
        <v>0</v>
      </c>
      <c r="AV51" s="53">
        <v>0</v>
      </c>
      <c r="AW51" s="53">
        <v>0</v>
      </c>
      <c r="AX51" s="53">
        <v>0</v>
      </c>
      <c r="AY51" s="53">
        <v>0</v>
      </c>
      <c r="AZ51" s="53">
        <v>0</v>
      </c>
      <c r="BA51" s="53">
        <v>0</v>
      </c>
    </row>
    <row r="52" spans="1:53">
      <c r="A52" s="52" t="s">
        <v>241</v>
      </c>
    </row>
    <row r="53" spans="1:53">
      <c r="A53" s="52" t="s">
        <v>242</v>
      </c>
      <c r="B53" s="53">
        <v>0</v>
      </c>
      <c r="C53" s="53">
        <v>0</v>
      </c>
      <c r="D53" s="53">
        <v>0</v>
      </c>
      <c r="E53" s="53">
        <v>0</v>
      </c>
      <c r="F53" s="53">
        <v>0</v>
      </c>
      <c r="G53" s="53">
        <v>0</v>
      </c>
      <c r="H53" s="53">
        <v>0</v>
      </c>
      <c r="I53" s="53">
        <v>0</v>
      </c>
      <c r="J53" s="53">
        <v>0</v>
      </c>
      <c r="K53" s="53">
        <v>0</v>
      </c>
      <c r="L53" s="53">
        <v>0</v>
      </c>
      <c r="M53" s="53">
        <v>0</v>
      </c>
      <c r="N53" s="53">
        <v>0</v>
      </c>
      <c r="O53" s="53">
        <v>0</v>
      </c>
      <c r="P53" s="53">
        <v>0</v>
      </c>
      <c r="Q53" s="53">
        <v>0</v>
      </c>
      <c r="R53" s="53">
        <v>0</v>
      </c>
      <c r="S53" s="53">
        <v>0</v>
      </c>
      <c r="T53" s="53">
        <v>0</v>
      </c>
      <c r="U53" s="53">
        <v>0</v>
      </c>
      <c r="V53" s="53">
        <v>0</v>
      </c>
      <c r="W53" s="53">
        <v>0</v>
      </c>
      <c r="X53" s="53">
        <v>0</v>
      </c>
      <c r="Y53" s="53">
        <v>0</v>
      </c>
      <c r="Z53" s="53">
        <v>0</v>
      </c>
      <c r="AA53" s="53">
        <v>0</v>
      </c>
      <c r="AB53" s="53">
        <v>0</v>
      </c>
      <c r="AC53" s="53">
        <v>0</v>
      </c>
      <c r="AD53" s="53">
        <v>0</v>
      </c>
      <c r="AE53" s="53">
        <v>0</v>
      </c>
      <c r="AF53" s="53">
        <v>0</v>
      </c>
      <c r="AG53" s="53">
        <v>0</v>
      </c>
      <c r="AH53" s="53">
        <v>0</v>
      </c>
      <c r="AI53" s="53">
        <v>0</v>
      </c>
      <c r="AJ53" s="53">
        <v>0</v>
      </c>
      <c r="AK53" s="53">
        <v>0</v>
      </c>
      <c r="AL53" s="53">
        <v>0</v>
      </c>
      <c r="AM53" s="53">
        <v>0</v>
      </c>
      <c r="AN53" s="53">
        <v>0</v>
      </c>
      <c r="AO53" s="53">
        <v>0</v>
      </c>
      <c r="AP53" s="53">
        <v>0</v>
      </c>
      <c r="AQ53" s="53">
        <v>0</v>
      </c>
      <c r="AR53" s="53">
        <v>0</v>
      </c>
      <c r="AS53" s="53">
        <v>0</v>
      </c>
      <c r="AT53" s="53">
        <v>0</v>
      </c>
      <c r="AU53" s="53">
        <v>0</v>
      </c>
      <c r="AV53" s="53">
        <v>0</v>
      </c>
      <c r="AW53" s="53">
        <v>0</v>
      </c>
      <c r="AX53" s="53">
        <v>0</v>
      </c>
      <c r="AY53" s="53">
        <v>0</v>
      </c>
      <c r="AZ53" s="53">
        <v>0</v>
      </c>
      <c r="BA53" s="53">
        <v>0</v>
      </c>
    </row>
    <row r="54" spans="1:53">
      <c r="A54" s="52" t="s">
        <v>243</v>
      </c>
    </row>
    <row r="55" spans="1:53">
      <c r="A55" s="52" t="s">
        <v>244</v>
      </c>
      <c r="B55" s="53">
        <v>0</v>
      </c>
      <c r="C55" s="53">
        <v>0</v>
      </c>
      <c r="D55" s="53">
        <v>0</v>
      </c>
      <c r="E55" s="53">
        <v>0</v>
      </c>
      <c r="F55" s="53">
        <v>0</v>
      </c>
      <c r="G55" s="53">
        <v>0</v>
      </c>
      <c r="H55" s="53">
        <v>0</v>
      </c>
      <c r="I55" s="53">
        <v>0</v>
      </c>
      <c r="J55" s="53">
        <v>0</v>
      </c>
      <c r="K55" s="53">
        <v>0</v>
      </c>
      <c r="L55" s="53">
        <v>0</v>
      </c>
      <c r="M55" s="53">
        <v>0</v>
      </c>
      <c r="N55" s="53">
        <v>0</v>
      </c>
      <c r="O55" s="53">
        <v>0</v>
      </c>
      <c r="P55" s="53">
        <v>0</v>
      </c>
      <c r="Q55" s="53">
        <v>0</v>
      </c>
      <c r="R55" s="53">
        <v>0</v>
      </c>
      <c r="S55" s="53">
        <v>0</v>
      </c>
      <c r="T55" s="53">
        <v>0</v>
      </c>
      <c r="U55" s="53">
        <v>0</v>
      </c>
      <c r="V55" s="53">
        <v>0</v>
      </c>
      <c r="W55" s="53">
        <v>0</v>
      </c>
      <c r="X55" s="53">
        <v>0</v>
      </c>
      <c r="Y55" s="53">
        <v>0</v>
      </c>
      <c r="Z55" s="53">
        <v>0</v>
      </c>
      <c r="AA55" s="53">
        <v>0</v>
      </c>
      <c r="AB55" s="53">
        <v>0</v>
      </c>
      <c r="AC55" s="53">
        <v>0</v>
      </c>
      <c r="AD55" s="53">
        <v>0</v>
      </c>
      <c r="AE55" s="53">
        <v>0</v>
      </c>
      <c r="AF55" s="53">
        <v>0</v>
      </c>
      <c r="AG55" s="53">
        <v>0</v>
      </c>
      <c r="AH55" s="53">
        <v>0</v>
      </c>
      <c r="AI55" s="53">
        <v>0</v>
      </c>
      <c r="AJ55" s="53">
        <v>0</v>
      </c>
      <c r="AK55" s="53">
        <v>0</v>
      </c>
      <c r="AL55" s="53">
        <v>0</v>
      </c>
      <c r="AM55" s="53">
        <v>0</v>
      </c>
      <c r="AN55" s="53">
        <v>0</v>
      </c>
      <c r="AO55" s="53">
        <v>0</v>
      </c>
      <c r="AP55" s="53">
        <v>0</v>
      </c>
      <c r="AQ55" s="53">
        <v>0</v>
      </c>
      <c r="AR55" s="53">
        <v>0</v>
      </c>
      <c r="AS55" s="53">
        <v>0</v>
      </c>
      <c r="AT55" s="53">
        <v>0</v>
      </c>
      <c r="AU55" s="53">
        <v>0</v>
      </c>
      <c r="AV55" s="53">
        <v>0</v>
      </c>
      <c r="AW55" s="53">
        <v>0</v>
      </c>
      <c r="AX55" s="53">
        <v>0</v>
      </c>
      <c r="AY55" s="53">
        <v>0</v>
      </c>
      <c r="AZ55" s="53">
        <v>0</v>
      </c>
      <c r="BA55" s="53">
        <v>0</v>
      </c>
    </row>
    <row r="56" spans="1:53">
      <c r="A56" s="52" t="s">
        <v>245</v>
      </c>
      <c r="B56" s="53">
        <v>0</v>
      </c>
      <c r="C56" s="53">
        <v>0</v>
      </c>
      <c r="D56" s="53">
        <v>0</v>
      </c>
      <c r="E56" s="53">
        <v>0</v>
      </c>
      <c r="F56" s="53">
        <v>0</v>
      </c>
      <c r="G56" s="53">
        <v>0</v>
      </c>
      <c r="H56" s="53">
        <v>0</v>
      </c>
      <c r="I56" s="53">
        <v>0</v>
      </c>
      <c r="J56" s="53">
        <v>0</v>
      </c>
      <c r="K56" s="53">
        <v>0</v>
      </c>
      <c r="L56" s="53">
        <v>0</v>
      </c>
      <c r="M56" s="53">
        <v>0</v>
      </c>
      <c r="N56" s="53">
        <v>0</v>
      </c>
      <c r="O56" s="53">
        <v>0</v>
      </c>
      <c r="P56" s="53">
        <v>0</v>
      </c>
      <c r="Q56" s="53">
        <v>0</v>
      </c>
      <c r="R56" s="53">
        <v>0</v>
      </c>
      <c r="S56" s="53">
        <v>0</v>
      </c>
      <c r="T56" s="53">
        <v>0</v>
      </c>
      <c r="U56" s="53">
        <v>0</v>
      </c>
      <c r="V56" s="53">
        <v>0</v>
      </c>
      <c r="W56" s="53">
        <v>0</v>
      </c>
      <c r="X56" s="53">
        <v>0</v>
      </c>
      <c r="Y56" s="53">
        <v>0</v>
      </c>
      <c r="Z56" s="53">
        <v>0</v>
      </c>
      <c r="AA56" s="53">
        <v>0</v>
      </c>
      <c r="AB56" s="53">
        <v>0</v>
      </c>
      <c r="AC56" s="53">
        <v>0</v>
      </c>
      <c r="AD56" s="53">
        <v>0</v>
      </c>
      <c r="AE56" s="53">
        <v>0</v>
      </c>
      <c r="AF56" s="53">
        <v>0</v>
      </c>
      <c r="AG56" s="53">
        <v>0</v>
      </c>
      <c r="AH56" s="53">
        <v>0</v>
      </c>
      <c r="AI56" s="53">
        <v>0</v>
      </c>
      <c r="AJ56" s="53">
        <v>0</v>
      </c>
      <c r="AK56" s="53">
        <v>0</v>
      </c>
      <c r="AL56" s="53">
        <v>0</v>
      </c>
      <c r="AM56" s="53">
        <v>0</v>
      </c>
      <c r="AN56" s="53">
        <v>0</v>
      </c>
      <c r="AO56" s="53">
        <v>0</v>
      </c>
      <c r="AP56" s="53">
        <v>0</v>
      </c>
      <c r="AQ56" s="53">
        <v>0</v>
      </c>
      <c r="AR56" s="53">
        <v>0</v>
      </c>
      <c r="AS56" s="53">
        <v>0</v>
      </c>
      <c r="AT56" s="53">
        <v>0</v>
      </c>
      <c r="AU56" s="53">
        <v>0</v>
      </c>
      <c r="AV56" s="53">
        <v>0</v>
      </c>
      <c r="AW56" s="53">
        <v>0</v>
      </c>
      <c r="AX56" s="53">
        <v>0</v>
      </c>
      <c r="AY56" s="53">
        <v>0</v>
      </c>
      <c r="AZ56" s="53">
        <v>0</v>
      </c>
      <c r="BA56" s="53">
        <v>0</v>
      </c>
    </row>
    <row r="57" spans="1:53">
      <c r="A57" s="52" t="s">
        <v>246</v>
      </c>
    </row>
    <row r="58" spans="1:53">
      <c r="A58" s="52" t="s">
        <v>247</v>
      </c>
      <c r="B58" s="53">
        <v>0</v>
      </c>
      <c r="C58" s="53">
        <v>0</v>
      </c>
      <c r="D58" s="53">
        <v>0</v>
      </c>
      <c r="E58" s="53">
        <v>0</v>
      </c>
      <c r="F58" s="53">
        <v>0</v>
      </c>
      <c r="G58" s="53">
        <v>0</v>
      </c>
      <c r="H58" s="53">
        <v>0</v>
      </c>
      <c r="I58" s="53">
        <v>0</v>
      </c>
      <c r="J58" s="53">
        <v>0</v>
      </c>
      <c r="K58" s="53">
        <v>0</v>
      </c>
      <c r="L58" s="53">
        <v>0</v>
      </c>
      <c r="M58" s="53">
        <v>0</v>
      </c>
      <c r="N58" s="53">
        <v>0</v>
      </c>
      <c r="O58" s="53">
        <v>0</v>
      </c>
      <c r="P58" s="53">
        <v>0</v>
      </c>
      <c r="Q58" s="53">
        <v>0</v>
      </c>
      <c r="R58" s="53">
        <v>0</v>
      </c>
      <c r="S58" s="53">
        <v>0</v>
      </c>
      <c r="T58" s="53">
        <v>0</v>
      </c>
      <c r="U58" s="53">
        <v>0</v>
      </c>
      <c r="V58" s="53">
        <v>0</v>
      </c>
      <c r="W58" s="53">
        <v>0</v>
      </c>
      <c r="X58" s="53">
        <v>0</v>
      </c>
      <c r="Y58" s="53">
        <v>0</v>
      </c>
      <c r="Z58" s="53">
        <v>0</v>
      </c>
      <c r="AA58" s="53">
        <v>0</v>
      </c>
      <c r="AB58" s="53">
        <v>0</v>
      </c>
      <c r="AC58" s="53">
        <v>0</v>
      </c>
      <c r="AD58" s="53">
        <v>0</v>
      </c>
      <c r="AE58" s="53">
        <v>0</v>
      </c>
      <c r="AF58" s="53">
        <v>0</v>
      </c>
      <c r="AG58" s="53">
        <v>0</v>
      </c>
      <c r="AH58" s="53">
        <v>0</v>
      </c>
      <c r="AI58" s="53">
        <v>0</v>
      </c>
      <c r="AJ58" s="53">
        <v>0</v>
      </c>
      <c r="AK58" s="53">
        <v>0</v>
      </c>
      <c r="AL58" s="53">
        <v>0</v>
      </c>
      <c r="AM58" s="53">
        <v>0</v>
      </c>
      <c r="AN58" s="53">
        <v>0</v>
      </c>
      <c r="AO58" s="53">
        <v>0</v>
      </c>
      <c r="AP58" s="53">
        <v>0</v>
      </c>
      <c r="AQ58" s="53">
        <v>0</v>
      </c>
      <c r="AR58" s="53">
        <v>0</v>
      </c>
      <c r="AS58" s="53">
        <v>0</v>
      </c>
      <c r="AT58" s="53">
        <v>0</v>
      </c>
      <c r="AU58" s="53">
        <v>0</v>
      </c>
      <c r="AV58" s="53">
        <v>0</v>
      </c>
      <c r="AW58" s="53">
        <v>0</v>
      </c>
      <c r="AX58" s="53">
        <v>0</v>
      </c>
      <c r="AY58" s="53">
        <v>0</v>
      </c>
      <c r="AZ58" s="53">
        <v>0</v>
      </c>
      <c r="BA58" s="53">
        <v>0</v>
      </c>
    </row>
    <row r="59" spans="1:53">
      <c r="A59" s="52" t="s">
        <v>248</v>
      </c>
      <c r="B59" s="53">
        <v>0</v>
      </c>
      <c r="C59" s="53">
        <v>0</v>
      </c>
      <c r="D59" s="53">
        <v>0</v>
      </c>
      <c r="E59" s="53">
        <v>0</v>
      </c>
      <c r="F59" s="53">
        <v>0</v>
      </c>
      <c r="G59" s="53">
        <v>0</v>
      </c>
      <c r="H59" s="53">
        <v>0</v>
      </c>
      <c r="I59" s="53">
        <v>0</v>
      </c>
      <c r="J59" s="53">
        <v>0</v>
      </c>
      <c r="K59" s="53">
        <v>0</v>
      </c>
      <c r="L59" s="53">
        <v>0</v>
      </c>
      <c r="M59" s="53">
        <v>0</v>
      </c>
      <c r="N59" s="53">
        <v>0</v>
      </c>
      <c r="O59" s="53">
        <v>0</v>
      </c>
      <c r="P59" s="53">
        <v>0</v>
      </c>
      <c r="Q59" s="53">
        <v>0</v>
      </c>
      <c r="R59" s="53">
        <v>0</v>
      </c>
      <c r="S59" s="53">
        <v>0</v>
      </c>
      <c r="T59" s="53">
        <v>0</v>
      </c>
      <c r="U59" s="53">
        <v>0</v>
      </c>
      <c r="V59" s="53">
        <v>0</v>
      </c>
      <c r="W59" s="53">
        <v>0</v>
      </c>
      <c r="X59" s="53">
        <v>0</v>
      </c>
      <c r="Y59" s="53">
        <v>0</v>
      </c>
      <c r="Z59" s="53">
        <v>0</v>
      </c>
      <c r="AA59" s="53">
        <v>0</v>
      </c>
      <c r="AB59" s="53">
        <v>0</v>
      </c>
      <c r="AC59" s="53">
        <v>0</v>
      </c>
      <c r="AD59" s="53">
        <v>0</v>
      </c>
      <c r="AE59" s="53">
        <v>0</v>
      </c>
      <c r="AF59" s="53">
        <v>0</v>
      </c>
      <c r="AG59" s="53">
        <v>0</v>
      </c>
      <c r="AH59" s="53">
        <v>0</v>
      </c>
      <c r="AI59" s="53">
        <v>0</v>
      </c>
      <c r="AJ59" s="53">
        <v>0</v>
      </c>
      <c r="AK59" s="53">
        <v>0</v>
      </c>
      <c r="AL59" s="53">
        <v>0</v>
      </c>
      <c r="AM59" s="53">
        <v>0</v>
      </c>
      <c r="AN59" s="53">
        <v>0</v>
      </c>
      <c r="AO59" s="53">
        <v>0</v>
      </c>
      <c r="AP59" s="53">
        <v>0</v>
      </c>
      <c r="AQ59" s="53">
        <v>0</v>
      </c>
      <c r="AR59" s="53">
        <v>0</v>
      </c>
      <c r="AS59" s="53">
        <v>0</v>
      </c>
      <c r="AT59" s="53">
        <v>0</v>
      </c>
      <c r="AU59" s="53">
        <v>0</v>
      </c>
      <c r="AV59" s="53">
        <v>0</v>
      </c>
      <c r="AW59" s="53">
        <v>0</v>
      </c>
      <c r="AX59" s="53">
        <v>0</v>
      </c>
      <c r="AY59" s="53">
        <v>0</v>
      </c>
      <c r="AZ59" s="53">
        <v>0</v>
      </c>
      <c r="BA59" s="53">
        <v>0</v>
      </c>
    </row>
    <row r="60" spans="1:53">
      <c r="A60" s="52" t="s">
        <v>249</v>
      </c>
      <c r="B60" s="53">
        <v>0</v>
      </c>
      <c r="C60" s="53">
        <v>0</v>
      </c>
      <c r="D60" s="53">
        <v>0</v>
      </c>
      <c r="E60" s="53">
        <v>0</v>
      </c>
      <c r="F60" s="53">
        <v>0</v>
      </c>
      <c r="G60" s="53">
        <v>0</v>
      </c>
      <c r="H60" s="53">
        <v>0</v>
      </c>
      <c r="I60" s="53">
        <v>0</v>
      </c>
      <c r="J60" s="53">
        <v>0</v>
      </c>
      <c r="K60" s="53">
        <v>0</v>
      </c>
      <c r="L60" s="53">
        <v>0</v>
      </c>
      <c r="M60" s="53">
        <v>0</v>
      </c>
      <c r="N60" s="53">
        <v>0</v>
      </c>
      <c r="O60" s="53">
        <v>0</v>
      </c>
      <c r="P60" s="53">
        <v>0</v>
      </c>
      <c r="Q60" s="53">
        <v>0</v>
      </c>
      <c r="R60" s="53">
        <v>0</v>
      </c>
      <c r="S60" s="53">
        <v>0</v>
      </c>
      <c r="T60" s="53">
        <v>0</v>
      </c>
      <c r="U60" s="53">
        <v>0</v>
      </c>
      <c r="V60" s="53">
        <v>0</v>
      </c>
      <c r="W60" s="53">
        <v>0</v>
      </c>
      <c r="X60" s="53">
        <v>0</v>
      </c>
      <c r="Y60" s="53">
        <v>0</v>
      </c>
      <c r="Z60" s="53">
        <v>0</v>
      </c>
      <c r="AA60" s="53">
        <v>0</v>
      </c>
      <c r="AB60" s="53">
        <v>0</v>
      </c>
      <c r="AC60" s="53">
        <v>0</v>
      </c>
      <c r="AD60" s="53">
        <v>0</v>
      </c>
      <c r="AE60" s="53">
        <v>0</v>
      </c>
      <c r="AF60" s="53">
        <v>0</v>
      </c>
      <c r="AG60" s="53">
        <v>0</v>
      </c>
      <c r="AH60" s="53">
        <v>0</v>
      </c>
      <c r="AI60" s="53">
        <v>0</v>
      </c>
      <c r="AJ60" s="53">
        <v>0</v>
      </c>
      <c r="AK60" s="53">
        <v>0</v>
      </c>
      <c r="AL60" s="53">
        <v>0</v>
      </c>
      <c r="AM60" s="53">
        <v>0</v>
      </c>
      <c r="AN60" s="53">
        <v>0</v>
      </c>
      <c r="AO60" s="53">
        <v>0</v>
      </c>
      <c r="AP60" s="53">
        <v>0</v>
      </c>
      <c r="AQ60" s="53">
        <v>0</v>
      </c>
      <c r="AR60" s="53">
        <v>0</v>
      </c>
      <c r="AS60" s="53">
        <v>0</v>
      </c>
      <c r="AT60" s="53">
        <v>0</v>
      </c>
      <c r="AU60" s="53">
        <v>0</v>
      </c>
      <c r="AV60" s="53">
        <v>0</v>
      </c>
      <c r="AW60" s="53">
        <v>0</v>
      </c>
      <c r="AX60" s="53">
        <v>0</v>
      </c>
      <c r="AY60" s="53">
        <v>0</v>
      </c>
      <c r="AZ60" s="53">
        <v>0</v>
      </c>
      <c r="BA60" s="53">
        <v>0</v>
      </c>
    </row>
    <row r="61" spans="1:53">
      <c r="A61" s="52" t="s">
        <v>250</v>
      </c>
    </row>
    <row r="62" spans="1:53">
      <c r="A62" s="52" t="s">
        <v>251</v>
      </c>
      <c r="B62" s="53">
        <v>0</v>
      </c>
      <c r="C62" s="53">
        <v>0</v>
      </c>
      <c r="D62" s="53">
        <v>0</v>
      </c>
      <c r="E62" s="53">
        <v>0</v>
      </c>
      <c r="F62" s="53">
        <v>0</v>
      </c>
      <c r="G62" s="53">
        <v>0</v>
      </c>
      <c r="H62" s="53">
        <v>0</v>
      </c>
      <c r="I62" s="53">
        <v>0</v>
      </c>
      <c r="J62" s="53">
        <v>0</v>
      </c>
      <c r="K62" s="53">
        <v>0</v>
      </c>
      <c r="L62" s="53">
        <v>0</v>
      </c>
      <c r="M62" s="53">
        <v>0</v>
      </c>
      <c r="N62" s="53">
        <v>0</v>
      </c>
      <c r="O62" s="53">
        <v>0</v>
      </c>
      <c r="P62" s="53">
        <v>0</v>
      </c>
      <c r="Q62" s="53">
        <v>0</v>
      </c>
      <c r="R62" s="53">
        <v>0</v>
      </c>
      <c r="S62" s="53">
        <v>0</v>
      </c>
      <c r="T62" s="53">
        <v>0</v>
      </c>
      <c r="U62" s="53">
        <v>0</v>
      </c>
      <c r="V62" s="53">
        <v>0</v>
      </c>
      <c r="W62" s="53">
        <v>0</v>
      </c>
      <c r="X62" s="53">
        <v>0</v>
      </c>
      <c r="Y62" s="53">
        <v>0</v>
      </c>
      <c r="Z62" s="53">
        <v>0</v>
      </c>
      <c r="AA62" s="53">
        <v>0</v>
      </c>
      <c r="AB62" s="53">
        <v>0</v>
      </c>
      <c r="AC62" s="53">
        <v>0</v>
      </c>
      <c r="AD62" s="53">
        <v>0</v>
      </c>
      <c r="AE62" s="53">
        <v>0</v>
      </c>
      <c r="AF62" s="53">
        <v>0</v>
      </c>
      <c r="AG62" s="53">
        <v>0</v>
      </c>
      <c r="AH62" s="53">
        <v>0</v>
      </c>
      <c r="AI62" s="53">
        <v>0</v>
      </c>
      <c r="AJ62" s="53">
        <v>0</v>
      </c>
      <c r="AK62" s="53">
        <v>0</v>
      </c>
      <c r="AL62" s="53">
        <v>0</v>
      </c>
      <c r="AM62" s="53">
        <v>0</v>
      </c>
      <c r="AN62" s="53">
        <v>0</v>
      </c>
      <c r="AO62" s="53">
        <v>0</v>
      </c>
      <c r="AP62" s="53">
        <v>0</v>
      </c>
      <c r="AQ62" s="53">
        <v>0</v>
      </c>
      <c r="AR62" s="53">
        <v>0</v>
      </c>
      <c r="AS62" s="53">
        <v>0</v>
      </c>
      <c r="AT62" s="53">
        <v>0</v>
      </c>
      <c r="AU62" s="53">
        <v>0</v>
      </c>
      <c r="AV62" s="53">
        <v>0</v>
      </c>
      <c r="AW62" s="53">
        <v>0</v>
      </c>
      <c r="AX62" s="53">
        <v>0</v>
      </c>
      <c r="AY62" s="53">
        <v>0</v>
      </c>
      <c r="AZ62" s="53">
        <v>0</v>
      </c>
      <c r="BA62" s="53">
        <v>0</v>
      </c>
    </row>
    <row r="63" spans="1:53">
      <c r="A63" s="52" t="s">
        <v>252</v>
      </c>
    </row>
    <row r="64" spans="1:53">
      <c r="A64" s="52" t="s">
        <v>253</v>
      </c>
      <c r="B64" s="53">
        <v>0</v>
      </c>
      <c r="C64" s="53">
        <v>0</v>
      </c>
      <c r="D64" s="53">
        <v>0</v>
      </c>
      <c r="E64" s="53">
        <v>0</v>
      </c>
      <c r="F64" s="53">
        <v>0</v>
      </c>
      <c r="G64" s="53">
        <v>0</v>
      </c>
      <c r="H64" s="53">
        <v>0</v>
      </c>
      <c r="I64" s="53">
        <v>0</v>
      </c>
      <c r="J64" s="53">
        <v>0</v>
      </c>
      <c r="K64" s="53">
        <v>0</v>
      </c>
      <c r="L64" s="53">
        <v>0</v>
      </c>
      <c r="M64" s="53">
        <v>0</v>
      </c>
      <c r="N64" s="53">
        <v>0</v>
      </c>
      <c r="O64" s="53">
        <v>0</v>
      </c>
      <c r="P64" s="53">
        <v>0</v>
      </c>
      <c r="Q64" s="53">
        <v>0</v>
      </c>
      <c r="R64" s="53">
        <v>0</v>
      </c>
      <c r="S64" s="53">
        <v>0</v>
      </c>
      <c r="T64" s="53">
        <v>0</v>
      </c>
      <c r="U64" s="53">
        <v>0</v>
      </c>
      <c r="V64" s="53">
        <v>0</v>
      </c>
      <c r="W64" s="53">
        <v>0</v>
      </c>
      <c r="X64" s="53">
        <v>0</v>
      </c>
      <c r="Y64" s="53">
        <v>0</v>
      </c>
      <c r="Z64" s="53">
        <v>0</v>
      </c>
      <c r="AA64" s="53">
        <v>0</v>
      </c>
      <c r="AB64" s="53">
        <v>0</v>
      </c>
      <c r="AC64" s="53">
        <v>0</v>
      </c>
      <c r="AD64" s="53">
        <v>0</v>
      </c>
      <c r="AE64" s="53">
        <v>0</v>
      </c>
      <c r="AF64" s="53">
        <v>0</v>
      </c>
      <c r="AG64" s="53">
        <v>0</v>
      </c>
      <c r="AH64" s="53">
        <v>0</v>
      </c>
      <c r="AI64" s="53">
        <v>0</v>
      </c>
      <c r="AJ64" s="53">
        <v>0</v>
      </c>
      <c r="AK64" s="53">
        <v>0</v>
      </c>
      <c r="AL64" s="53">
        <v>0</v>
      </c>
      <c r="AM64" s="53">
        <v>0</v>
      </c>
      <c r="AN64" s="53">
        <v>0</v>
      </c>
      <c r="AO64" s="53">
        <v>0</v>
      </c>
      <c r="AP64" s="53">
        <v>0</v>
      </c>
      <c r="AQ64" s="53">
        <v>0</v>
      </c>
      <c r="AR64" s="53">
        <v>0</v>
      </c>
      <c r="AS64" s="53">
        <v>0</v>
      </c>
      <c r="AT64" s="53">
        <v>0</v>
      </c>
      <c r="AU64" s="53">
        <v>0</v>
      </c>
      <c r="AV64" s="53">
        <v>0</v>
      </c>
      <c r="AW64" s="53">
        <v>0</v>
      </c>
      <c r="AX64" s="53">
        <v>0</v>
      </c>
      <c r="AY64" s="53">
        <v>0</v>
      </c>
      <c r="AZ64" s="53">
        <v>0</v>
      </c>
      <c r="BA64" s="53">
        <v>0</v>
      </c>
    </row>
    <row r="65" spans="1:53">
      <c r="A65" s="52" t="s">
        <v>254</v>
      </c>
    </row>
    <row r="66" spans="1:53">
      <c r="A66" s="52" t="s">
        <v>255</v>
      </c>
    </row>
    <row r="67" spans="1:53">
      <c r="A67" s="57" t="s">
        <v>256</v>
      </c>
    </row>
    <row r="68" spans="1:53">
      <c r="A68" s="52" t="s">
        <v>257</v>
      </c>
    </row>
    <row r="69" spans="1:53">
      <c r="A69" s="57" t="s">
        <v>258</v>
      </c>
    </row>
    <row r="70" spans="1:53">
      <c r="A70" s="52" t="s">
        <v>259</v>
      </c>
      <c r="B70" s="53">
        <v>22850562344.999199</v>
      </c>
      <c r="C70" s="53">
        <v>23058874966.469898</v>
      </c>
      <c r="D70" s="53">
        <v>23213453550.2136</v>
      </c>
      <c r="E70" s="53">
        <v>23259152724.043201</v>
      </c>
      <c r="F70" s="53">
        <v>23320978428.191002</v>
      </c>
      <c r="G70" s="53">
        <v>23666767159.918201</v>
      </c>
      <c r="H70" s="53">
        <v>23715711356.064701</v>
      </c>
      <c r="I70" s="53">
        <v>23765444902.226501</v>
      </c>
      <c r="J70" s="53">
        <v>23892116988.319401</v>
      </c>
      <c r="K70" s="53">
        <v>24064765387.250401</v>
      </c>
      <c r="L70" s="53">
        <v>24173890101.757801</v>
      </c>
      <c r="M70" s="53">
        <v>25053197298.544102</v>
      </c>
      <c r="N70" s="53">
        <v>25053197298.544102</v>
      </c>
      <c r="O70" s="53">
        <v>25135982059.400398</v>
      </c>
      <c r="P70" s="53">
        <v>25177726903.9939</v>
      </c>
      <c r="Q70" s="53">
        <v>25505716797.3148</v>
      </c>
      <c r="R70" s="53">
        <v>25590916384.838299</v>
      </c>
      <c r="S70" s="53">
        <v>25655375040.764099</v>
      </c>
      <c r="T70" s="53">
        <v>25855973658.4561</v>
      </c>
      <c r="U70" s="53">
        <v>25908718821.239899</v>
      </c>
      <c r="V70" s="53">
        <v>25981534804.892899</v>
      </c>
      <c r="W70" s="53">
        <v>26210233742.718201</v>
      </c>
      <c r="X70" s="53">
        <v>26262624612.261501</v>
      </c>
      <c r="Y70" s="53">
        <v>26320153119.810902</v>
      </c>
      <c r="Z70" s="53">
        <v>27843251172.843399</v>
      </c>
      <c r="AA70" s="53">
        <v>27843251172.843399</v>
      </c>
      <c r="AB70" s="53">
        <v>27906677114.107601</v>
      </c>
      <c r="AC70" s="53">
        <v>27953238147.787201</v>
      </c>
      <c r="AD70" s="53">
        <v>28072852876.372601</v>
      </c>
      <c r="AE70" s="53">
        <v>28122381619.733601</v>
      </c>
      <c r="AF70" s="53">
        <v>28219816994.965401</v>
      </c>
      <c r="AG70" s="53">
        <v>28733339832.936199</v>
      </c>
      <c r="AH70" s="53">
        <v>28914668134.1021</v>
      </c>
      <c r="AI70" s="53">
        <v>29009889019.217701</v>
      </c>
      <c r="AJ70" s="53">
        <v>29152289971.119701</v>
      </c>
      <c r="AK70" s="53">
        <v>29226020455.317902</v>
      </c>
      <c r="AL70" s="53">
        <v>29305552659.291698</v>
      </c>
      <c r="AM70" s="53">
        <v>29775293880.265499</v>
      </c>
      <c r="AN70" s="53">
        <v>29775293880.265499</v>
      </c>
      <c r="AO70" s="53">
        <v>29814102943.2015</v>
      </c>
      <c r="AP70" s="53">
        <v>29857021069.2486</v>
      </c>
      <c r="AQ70" s="53">
        <v>30077587834.708698</v>
      </c>
      <c r="AR70" s="53">
        <v>30132521534.358299</v>
      </c>
      <c r="AS70" s="53">
        <v>30206648569.893398</v>
      </c>
      <c r="AT70" s="53">
        <v>30714484850.385399</v>
      </c>
      <c r="AU70" s="53">
        <v>30922851270.168499</v>
      </c>
      <c r="AV70" s="53">
        <v>31001077125.351101</v>
      </c>
      <c r="AW70" s="53">
        <v>31149817494.524799</v>
      </c>
      <c r="AX70" s="53">
        <v>31280753457.7939</v>
      </c>
      <c r="AY70" s="53">
        <v>31361549953.044899</v>
      </c>
      <c r="AZ70" s="53">
        <v>31792560437.456299</v>
      </c>
      <c r="BA70" s="53">
        <v>31792560437.456299</v>
      </c>
    </row>
    <row r="71" spans="1:53">
      <c r="A71" s="52" t="s">
        <v>260</v>
      </c>
      <c r="B71" s="53">
        <v>0</v>
      </c>
      <c r="C71" s="53">
        <v>0</v>
      </c>
      <c r="D71" s="53">
        <v>0</v>
      </c>
      <c r="E71" s="53">
        <v>0</v>
      </c>
      <c r="F71" s="53">
        <v>0</v>
      </c>
      <c r="G71" s="53">
        <v>0</v>
      </c>
      <c r="H71" s="53">
        <v>0</v>
      </c>
      <c r="I71" s="53">
        <v>0</v>
      </c>
      <c r="J71" s="53">
        <v>0</v>
      </c>
      <c r="K71" s="53">
        <v>0</v>
      </c>
      <c r="L71" s="53">
        <v>0</v>
      </c>
      <c r="M71" s="53">
        <v>0</v>
      </c>
      <c r="N71" s="53">
        <v>0</v>
      </c>
      <c r="O71" s="53">
        <v>0</v>
      </c>
      <c r="P71" s="53">
        <v>0</v>
      </c>
      <c r="Q71" s="53">
        <v>0</v>
      </c>
      <c r="R71" s="53">
        <v>0</v>
      </c>
      <c r="S71" s="53">
        <v>0</v>
      </c>
      <c r="T71" s="53">
        <v>0</v>
      </c>
      <c r="U71" s="53">
        <v>0</v>
      </c>
      <c r="V71" s="53">
        <v>0</v>
      </c>
      <c r="W71" s="53">
        <v>0</v>
      </c>
      <c r="X71" s="53">
        <v>0</v>
      </c>
      <c r="Y71" s="53">
        <v>0</v>
      </c>
      <c r="Z71" s="53">
        <v>0</v>
      </c>
      <c r="AA71" s="53">
        <v>0</v>
      </c>
      <c r="AB71" s="53">
        <v>0</v>
      </c>
      <c r="AC71" s="53">
        <v>0</v>
      </c>
      <c r="AD71" s="53">
        <v>0</v>
      </c>
      <c r="AE71" s="53">
        <v>0</v>
      </c>
      <c r="AF71" s="53">
        <v>0</v>
      </c>
      <c r="AG71" s="53">
        <v>0</v>
      </c>
      <c r="AH71" s="53">
        <v>0</v>
      </c>
      <c r="AI71" s="53">
        <v>0</v>
      </c>
      <c r="AJ71" s="53">
        <v>0</v>
      </c>
      <c r="AK71" s="53">
        <v>0</v>
      </c>
      <c r="AL71" s="53">
        <v>0</v>
      </c>
      <c r="AM71" s="53">
        <v>0</v>
      </c>
      <c r="AN71" s="53">
        <v>0</v>
      </c>
      <c r="AO71" s="53">
        <v>0</v>
      </c>
      <c r="AP71" s="53">
        <v>0</v>
      </c>
      <c r="AQ71" s="53">
        <v>0</v>
      </c>
      <c r="AR71" s="53">
        <v>0</v>
      </c>
      <c r="AS71" s="53">
        <v>0</v>
      </c>
      <c r="AT71" s="53">
        <v>0</v>
      </c>
      <c r="AU71" s="53">
        <v>0</v>
      </c>
      <c r="AV71" s="53">
        <v>0</v>
      </c>
      <c r="AW71" s="53">
        <v>0</v>
      </c>
      <c r="AX71" s="53">
        <v>0</v>
      </c>
      <c r="AY71" s="53">
        <v>0</v>
      </c>
      <c r="AZ71" s="53">
        <v>0</v>
      </c>
      <c r="BA71" s="53">
        <v>0</v>
      </c>
    </row>
    <row r="72" spans="1:53">
      <c r="A72" s="52" t="s">
        <v>261</v>
      </c>
      <c r="B72" s="53">
        <v>235782330.40000001</v>
      </c>
      <c r="C72" s="53">
        <v>235782330.40000001</v>
      </c>
      <c r="D72" s="53">
        <v>235782330.40000001</v>
      </c>
      <c r="E72" s="53">
        <v>235782330.40000001</v>
      </c>
      <c r="F72" s="53">
        <v>235782330.40000001</v>
      </c>
      <c r="G72" s="53">
        <v>235782330.40000001</v>
      </c>
      <c r="H72" s="53">
        <v>235782330.40000001</v>
      </c>
      <c r="I72" s="53">
        <v>235782330.40000001</v>
      </c>
      <c r="J72" s="53">
        <v>235782330.40000001</v>
      </c>
      <c r="K72" s="53">
        <v>235782330.40000001</v>
      </c>
      <c r="L72" s="53">
        <v>235782330.40000001</v>
      </c>
      <c r="M72" s="53">
        <v>235782330.40000001</v>
      </c>
      <c r="N72" s="53">
        <v>235782330.40000001</v>
      </c>
      <c r="O72" s="53">
        <v>235782330.40000001</v>
      </c>
      <c r="P72" s="53">
        <v>235782330.40000001</v>
      </c>
      <c r="Q72" s="53">
        <v>235782330.40000001</v>
      </c>
      <c r="R72" s="53">
        <v>235782330.40000001</v>
      </c>
      <c r="S72" s="53">
        <v>235782330.40000001</v>
      </c>
      <c r="T72" s="53">
        <v>235782330.40000001</v>
      </c>
      <c r="U72" s="53">
        <v>235782330.40000001</v>
      </c>
      <c r="V72" s="53">
        <v>235782330.40000001</v>
      </c>
      <c r="W72" s="53">
        <v>235782330.40000001</v>
      </c>
      <c r="X72" s="53">
        <v>235782330.40000001</v>
      </c>
      <c r="Y72" s="53">
        <v>235782330.40000001</v>
      </c>
      <c r="Z72" s="53">
        <v>235782330.40000001</v>
      </c>
      <c r="AA72" s="53">
        <v>235782330.40000001</v>
      </c>
      <c r="AB72" s="53">
        <v>235782330.40000001</v>
      </c>
      <c r="AC72" s="53">
        <v>235782330.40000001</v>
      </c>
      <c r="AD72" s="53">
        <v>235782330.40000001</v>
      </c>
      <c r="AE72" s="53">
        <v>235782330.40000001</v>
      </c>
      <c r="AF72" s="53">
        <v>235782330.40000001</v>
      </c>
      <c r="AG72" s="53">
        <v>235782330.40000001</v>
      </c>
      <c r="AH72" s="53">
        <v>235782330.40000001</v>
      </c>
      <c r="AI72" s="53">
        <v>235782330.40000001</v>
      </c>
      <c r="AJ72" s="53">
        <v>235782330.40000001</v>
      </c>
      <c r="AK72" s="53">
        <v>235782330.40000001</v>
      </c>
      <c r="AL72" s="53">
        <v>235782330.40000001</v>
      </c>
      <c r="AM72" s="53">
        <v>235782330.40000001</v>
      </c>
      <c r="AN72" s="53">
        <v>235782330.40000001</v>
      </c>
      <c r="AO72" s="53">
        <v>235782330.40000001</v>
      </c>
      <c r="AP72" s="53">
        <v>235782330.40000001</v>
      </c>
      <c r="AQ72" s="53">
        <v>235782330.40000001</v>
      </c>
      <c r="AR72" s="53">
        <v>235782330.40000001</v>
      </c>
      <c r="AS72" s="53">
        <v>235782330.40000001</v>
      </c>
      <c r="AT72" s="53">
        <v>235782330.40000001</v>
      </c>
      <c r="AU72" s="53">
        <v>235782330.40000001</v>
      </c>
      <c r="AV72" s="53">
        <v>235782330.40000001</v>
      </c>
      <c r="AW72" s="53">
        <v>235782330.40000001</v>
      </c>
      <c r="AX72" s="53">
        <v>235782330.40000001</v>
      </c>
      <c r="AY72" s="53">
        <v>235782330.40000001</v>
      </c>
      <c r="AZ72" s="53">
        <v>235782330.40000001</v>
      </c>
      <c r="BA72" s="53">
        <v>235782330.40000001</v>
      </c>
    </row>
    <row r="73" spans="1:53">
      <c r="A73" s="52" t="s">
        <v>262</v>
      </c>
      <c r="B73" s="53">
        <v>422472187.15999901</v>
      </c>
      <c r="C73" s="53">
        <v>422472187.15999901</v>
      </c>
      <c r="D73" s="53">
        <v>422472187.15999901</v>
      </c>
      <c r="E73" s="53">
        <v>422472187.15999901</v>
      </c>
      <c r="F73" s="53">
        <v>422472187.15999901</v>
      </c>
      <c r="G73" s="53">
        <v>422472187.15999901</v>
      </c>
      <c r="H73" s="53">
        <v>422472187.15999901</v>
      </c>
      <c r="I73" s="53">
        <v>422472187.15999901</v>
      </c>
      <c r="J73" s="53">
        <v>422472187.15999901</v>
      </c>
      <c r="K73" s="53">
        <v>422472187.15999901</v>
      </c>
      <c r="L73" s="53">
        <v>422472187.15999901</v>
      </c>
      <c r="M73" s="53">
        <v>422472187.15999901</v>
      </c>
      <c r="N73" s="53">
        <v>422472187.15999901</v>
      </c>
      <c r="O73" s="53">
        <v>422472187.15999901</v>
      </c>
      <c r="P73" s="53">
        <v>422472187.15999901</v>
      </c>
      <c r="Q73" s="53">
        <v>422472187.15999901</v>
      </c>
      <c r="R73" s="53">
        <v>422472187.15999901</v>
      </c>
      <c r="S73" s="53">
        <v>422472187.15999901</v>
      </c>
      <c r="T73" s="53">
        <v>422472187.15999901</v>
      </c>
      <c r="U73" s="53">
        <v>422472187.15999901</v>
      </c>
      <c r="V73" s="53">
        <v>422472187.15999901</v>
      </c>
      <c r="W73" s="53">
        <v>422472187.15999901</v>
      </c>
      <c r="X73" s="53">
        <v>422472187.15999901</v>
      </c>
      <c r="Y73" s="53">
        <v>422472187.15999901</v>
      </c>
      <c r="Z73" s="53">
        <v>422472187.15999901</v>
      </c>
      <c r="AA73" s="53">
        <v>422472187.15999901</v>
      </c>
      <c r="AB73" s="53">
        <v>422472187.15999901</v>
      </c>
      <c r="AC73" s="53">
        <v>422472187.15999901</v>
      </c>
      <c r="AD73" s="53">
        <v>422472187.15999901</v>
      </c>
      <c r="AE73" s="53">
        <v>422472187.15999901</v>
      </c>
      <c r="AF73" s="53">
        <v>422472187.15999901</v>
      </c>
      <c r="AG73" s="53">
        <v>422472187.15999901</v>
      </c>
      <c r="AH73" s="53">
        <v>422472187.15999901</v>
      </c>
      <c r="AI73" s="53">
        <v>422472187.15999901</v>
      </c>
      <c r="AJ73" s="53">
        <v>422472187.15999901</v>
      </c>
      <c r="AK73" s="53">
        <v>422472187.15999901</v>
      </c>
      <c r="AL73" s="53">
        <v>422472187.15999901</v>
      </c>
      <c r="AM73" s="53">
        <v>422472187.15999901</v>
      </c>
      <c r="AN73" s="53">
        <v>422472187.15999901</v>
      </c>
      <c r="AO73" s="53">
        <v>422472187.15999901</v>
      </c>
      <c r="AP73" s="53">
        <v>422472187.15999901</v>
      </c>
      <c r="AQ73" s="53">
        <v>422472187.15999901</v>
      </c>
      <c r="AR73" s="53">
        <v>422472187.15999901</v>
      </c>
      <c r="AS73" s="53">
        <v>422472187.15999901</v>
      </c>
      <c r="AT73" s="53">
        <v>422472187.15999901</v>
      </c>
      <c r="AU73" s="53">
        <v>422472187.15999901</v>
      </c>
      <c r="AV73" s="53">
        <v>422472187.15999901</v>
      </c>
      <c r="AW73" s="53">
        <v>422472187.15999901</v>
      </c>
      <c r="AX73" s="53">
        <v>422472187.15999901</v>
      </c>
      <c r="AY73" s="53">
        <v>422472187.15999901</v>
      </c>
      <c r="AZ73" s="53">
        <v>422472187.15999901</v>
      </c>
      <c r="BA73" s="53">
        <v>422472187.15999901</v>
      </c>
    </row>
    <row r="74" spans="1:53">
      <c r="A74" s="52" t="s">
        <v>263</v>
      </c>
      <c r="B74" s="53">
        <v>0</v>
      </c>
      <c r="C74" s="53">
        <v>0</v>
      </c>
      <c r="D74" s="53">
        <v>0</v>
      </c>
      <c r="E74" s="53">
        <v>0</v>
      </c>
      <c r="F74" s="53">
        <v>0</v>
      </c>
      <c r="G74" s="53">
        <v>0</v>
      </c>
      <c r="H74" s="53">
        <v>0</v>
      </c>
      <c r="I74" s="53">
        <v>0</v>
      </c>
      <c r="J74" s="53">
        <v>0</v>
      </c>
      <c r="K74" s="53">
        <v>0</v>
      </c>
      <c r="L74" s="53">
        <v>0</v>
      </c>
      <c r="M74" s="53">
        <v>0</v>
      </c>
      <c r="N74" s="53">
        <v>0</v>
      </c>
      <c r="O74" s="53">
        <v>0</v>
      </c>
      <c r="P74" s="53">
        <v>0</v>
      </c>
      <c r="Q74" s="53">
        <v>0</v>
      </c>
      <c r="R74" s="53">
        <v>0</v>
      </c>
      <c r="S74" s="53">
        <v>0</v>
      </c>
      <c r="T74" s="53">
        <v>0</v>
      </c>
      <c r="U74" s="53">
        <v>0</v>
      </c>
      <c r="V74" s="53">
        <v>0</v>
      </c>
      <c r="W74" s="53">
        <v>0</v>
      </c>
      <c r="X74" s="53">
        <v>0</v>
      </c>
      <c r="Y74" s="53">
        <v>0</v>
      </c>
      <c r="Z74" s="53">
        <v>0</v>
      </c>
      <c r="AA74" s="53">
        <v>0</v>
      </c>
      <c r="AB74" s="53">
        <v>0</v>
      </c>
      <c r="AC74" s="53">
        <v>0</v>
      </c>
      <c r="AD74" s="53">
        <v>0</v>
      </c>
      <c r="AE74" s="53">
        <v>0</v>
      </c>
      <c r="AF74" s="53">
        <v>0</v>
      </c>
      <c r="AG74" s="53">
        <v>0</v>
      </c>
      <c r="AH74" s="53">
        <v>0</v>
      </c>
      <c r="AI74" s="53">
        <v>0</v>
      </c>
      <c r="AJ74" s="53">
        <v>0</v>
      </c>
      <c r="AK74" s="53">
        <v>0</v>
      </c>
      <c r="AL74" s="53">
        <v>0</v>
      </c>
      <c r="AM74" s="53">
        <v>0</v>
      </c>
      <c r="AN74" s="53">
        <v>0</v>
      </c>
      <c r="AO74" s="53">
        <v>0</v>
      </c>
      <c r="AP74" s="53">
        <v>0</v>
      </c>
      <c r="AQ74" s="53">
        <v>0</v>
      </c>
      <c r="AR74" s="53">
        <v>0</v>
      </c>
      <c r="AS74" s="53">
        <v>0</v>
      </c>
      <c r="AT74" s="53">
        <v>0</v>
      </c>
      <c r="AU74" s="53">
        <v>0</v>
      </c>
      <c r="AV74" s="53">
        <v>0</v>
      </c>
      <c r="AW74" s="53">
        <v>0</v>
      </c>
      <c r="AX74" s="53">
        <v>0</v>
      </c>
      <c r="AY74" s="53">
        <v>0</v>
      </c>
      <c r="AZ74" s="53">
        <v>0</v>
      </c>
      <c r="BA74" s="53">
        <v>0</v>
      </c>
    </row>
    <row r="75" spans="1:53">
      <c r="A75" s="52" t="s">
        <v>264</v>
      </c>
      <c r="B75" s="53">
        <v>25397736.120000001</v>
      </c>
      <c r="C75" s="53">
        <v>25397736.120000001</v>
      </c>
      <c r="D75" s="53">
        <v>25397736.120000001</v>
      </c>
      <c r="E75" s="53">
        <v>25397736.120000001</v>
      </c>
      <c r="F75" s="53">
        <v>25397736.120000001</v>
      </c>
      <c r="G75" s="53">
        <v>25397736.120000001</v>
      </c>
      <c r="H75" s="53">
        <v>25397736.120000001</v>
      </c>
      <c r="I75" s="53">
        <v>25397736.120000001</v>
      </c>
      <c r="J75" s="53">
        <v>25397736.120000001</v>
      </c>
      <c r="K75" s="53">
        <v>25397736.120000001</v>
      </c>
      <c r="L75" s="53">
        <v>25397736.120000001</v>
      </c>
      <c r="M75" s="53">
        <v>25397736.120000001</v>
      </c>
      <c r="N75" s="53">
        <v>25397736.120000001</v>
      </c>
      <c r="O75" s="53">
        <v>25397736.120000001</v>
      </c>
      <c r="P75" s="53">
        <v>25397736.120000001</v>
      </c>
      <c r="Q75" s="53">
        <v>25397736.120000001</v>
      </c>
      <c r="R75" s="53">
        <v>25397736.120000001</v>
      </c>
      <c r="S75" s="53">
        <v>25397736.120000001</v>
      </c>
      <c r="T75" s="53">
        <v>25397736.120000001</v>
      </c>
      <c r="U75" s="53">
        <v>25397736.120000001</v>
      </c>
      <c r="V75" s="53">
        <v>25397736.120000001</v>
      </c>
      <c r="W75" s="53">
        <v>25397736.120000001</v>
      </c>
      <c r="X75" s="53">
        <v>25397736.120000001</v>
      </c>
      <c r="Y75" s="53">
        <v>25397736.120000001</v>
      </c>
      <c r="Z75" s="53">
        <v>25397736.120000001</v>
      </c>
      <c r="AA75" s="53">
        <v>25397736.120000001</v>
      </c>
      <c r="AB75" s="53">
        <v>25397736.120000001</v>
      </c>
      <c r="AC75" s="53">
        <v>25397736.120000001</v>
      </c>
      <c r="AD75" s="53">
        <v>25397736.120000001</v>
      </c>
      <c r="AE75" s="53">
        <v>25397736.120000001</v>
      </c>
      <c r="AF75" s="53">
        <v>25397736.120000001</v>
      </c>
      <c r="AG75" s="53">
        <v>25397736.120000001</v>
      </c>
      <c r="AH75" s="53">
        <v>25397736.120000001</v>
      </c>
      <c r="AI75" s="53">
        <v>25397736.120000001</v>
      </c>
      <c r="AJ75" s="53">
        <v>25397736.120000001</v>
      </c>
      <c r="AK75" s="53">
        <v>25397736.120000001</v>
      </c>
      <c r="AL75" s="53">
        <v>25397736.120000001</v>
      </c>
      <c r="AM75" s="53">
        <v>25397736.120000001</v>
      </c>
      <c r="AN75" s="53">
        <v>25397736.120000001</v>
      </c>
      <c r="AO75" s="53">
        <v>25397736.120000001</v>
      </c>
      <c r="AP75" s="53">
        <v>25397736.120000001</v>
      </c>
      <c r="AQ75" s="53">
        <v>25397736.120000001</v>
      </c>
      <c r="AR75" s="53">
        <v>25397736.120000001</v>
      </c>
      <c r="AS75" s="53">
        <v>25397736.120000001</v>
      </c>
      <c r="AT75" s="53">
        <v>25397736.120000001</v>
      </c>
      <c r="AU75" s="53">
        <v>25397736.120000001</v>
      </c>
      <c r="AV75" s="53">
        <v>25397736.120000001</v>
      </c>
      <c r="AW75" s="53">
        <v>25397736.120000001</v>
      </c>
      <c r="AX75" s="53">
        <v>25397736.120000001</v>
      </c>
      <c r="AY75" s="53">
        <v>25397736.120000001</v>
      </c>
      <c r="AZ75" s="53">
        <v>25397736.120000001</v>
      </c>
      <c r="BA75" s="53">
        <v>25397736.120000001</v>
      </c>
    </row>
    <row r="76" spans="1:53">
      <c r="A76" s="52" t="s">
        <v>265</v>
      </c>
      <c r="B76" s="53">
        <v>43263724.819999903</v>
      </c>
      <c r="C76" s="53">
        <v>43263724.819999903</v>
      </c>
      <c r="D76" s="53">
        <v>43263724.819999903</v>
      </c>
      <c r="E76" s="53">
        <v>43263724.819999903</v>
      </c>
      <c r="F76" s="53">
        <v>43263724.819999903</v>
      </c>
      <c r="G76" s="53">
        <v>43263724.819999903</v>
      </c>
      <c r="H76" s="53">
        <v>43263724.819999903</v>
      </c>
      <c r="I76" s="53">
        <v>43263724.819999903</v>
      </c>
      <c r="J76" s="53">
        <v>43263724.819999903</v>
      </c>
      <c r="K76" s="53">
        <v>43263724.819999903</v>
      </c>
      <c r="L76" s="53">
        <v>43263724.819999903</v>
      </c>
      <c r="M76" s="53">
        <v>43263724.819999903</v>
      </c>
      <c r="N76" s="53">
        <v>43263724.819999903</v>
      </c>
      <c r="O76" s="53">
        <v>43263724.819999903</v>
      </c>
      <c r="P76" s="53">
        <v>43263724.819999903</v>
      </c>
      <c r="Q76" s="53">
        <v>43263724.819999903</v>
      </c>
      <c r="R76" s="53">
        <v>43263724.819999903</v>
      </c>
      <c r="S76" s="53">
        <v>43263724.819999903</v>
      </c>
      <c r="T76" s="53">
        <v>43263724.819999903</v>
      </c>
      <c r="U76" s="53">
        <v>43263724.819999903</v>
      </c>
      <c r="V76" s="53">
        <v>43263724.819999903</v>
      </c>
      <c r="W76" s="53">
        <v>43263724.819999903</v>
      </c>
      <c r="X76" s="53">
        <v>43263724.819999903</v>
      </c>
      <c r="Y76" s="53">
        <v>43263724.819999903</v>
      </c>
      <c r="Z76" s="53">
        <v>43263724.819999903</v>
      </c>
      <c r="AA76" s="53">
        <v>43263724.819999903</v>
      </c>
      <c r="AB76" s="53">
        <v>43263724.819999903</v>
      </c>
      <c r="AC76" s="53">
        <v>43263724.819999903</v>
      </c>
      <c r="AD76" s="53">
        <v>43263724.819999903</v>
      </c>
      <c r="AE76" s="53">
        <v>43263724.819999903</v>
      </c>
      <c r="AF76" s="53">
        <v>43263724.819999903</v>
      </c>
      <c r="AG76" s="53">
        <v>43263724.819999903</v>
      </c>
      <c r="AH76" s="53">
        <v>43263724.819999903</v>
      </c>
      <c r="AI76" s="53">
        <v>43263724.819999903</v>
      </c>
      <c r="AJ76" s="53">
        <v>43263724.819999903</v>
      </c>
      <c r="AK76" s="53">
        <v>43263724.819999903</v>
      </c>
      <c r="AL76" s="53">
        <v>43263724.819999903</v>
      </c>
      <c r="AM76" s="53">
        <v>43263724.819999903</v>
      </c>
      <c r="AN76" s="53">
        <v>43263724.819999903</v>
      </c>
      <c r="AO76" s="53">
        <v>43263724.819999903</v>
      </c>
      <c r="AP76" s="53">
        <v>43263724.819999903</v>
      </c>
      <c r="AQ76" s="53">
        <v>43263724.819999903</v>
      </c>
      <c r="AR76" s="53">
        <v>43263724.819999903</v>
      </c>
      <c r="AS76" s="53">
        <v>43263724.819999903</v>
      </c>
      <c r="AT76" s="53">
        <v>43263724.819999903</v>
      </c>
      <c r="AU76" s="53">
        <v>43263724.819999903</v>
      </c>
      <c r="AV76" s="53">
        <v>43263724.819999903</v>
      </c>
      <c r="AW76" s="53">
        <v>43263724.819999903</v>
      </c>
      <c r="AX76" s="53">
        <v>43263724.819999903</v>
      </c>
      <c r="AY76" s="53">
        <v>43263724.819999903</v>
      </c>
      <c r="AZ76" s="53">
        <v>43263724.819999903</v>
      </c>
      <c r="BA76" s="53">
        <v>43263724.819999903</v>
      </c>
    </row>
    <row r="77" spans="1:53">
      <c r="A77" s="52" t="s">
        <v>266</v>
      </c>
      <c r="B77" s="53">
        <v>-2489592.16</v>
      </c>
      <c r="C77" s="53">
        <v>-2489592.16</v>
      </c>
      <c r="D77" s="53">
        <v>-2489592.16</v>
      </c>
      <c r="E77" s="53">
        <v>-2489592.16</v>
      </c>
      <c r="F77" s="53">
        <v>-2489592.16</v>
      </c>
      <c r="G77" s="53">
        <v>-2489592.16</v>
      </c>
      <c r="H77" s="53">
        <v>-2489592.16</v>
      </c>
      <c r="I77" s="53">
        <v>-2489592.16</v>
      </c>
      <c r="J77" s="53">
        <v>-2489592.16</v>
      </c>
      <c r="K77" s="53">
        <v>-2489592.16</v>
      </c>
      <c r="L77" s="53">
        <v>-2489592.16</v>
      </c>
      <c r="M77" s="53">
        <v>-2489592.16</v>
      </c>
      <c r="N77" s="53">
        <v>-2489592.16</v>
      </c>
      <c r="O77" s="53">
        <v>-2489592.16</v>
      </c>
      <c r="P77" s="53">
        <v>-2489592.16</v>
      </c>
      <c r="Q77" s="53">
        <v>-2489592.16</v>
      </c>
      <c r="R77" s="53">
        <v>-2489592.16</v>
      </c>
      <c r="S77" s="53">
        <v>-2489592.16</v>
      </c>
      <c r="T77" s="53">
        <v>-2489592.16</v>
      </c>
      <c r="U77" s="53">
        <v>-2489592.16</v>
      </c>
      <c r="V77" s="53">
        <v>-2489592.16</v>
      </c>
      <c r="W77" s="53">
        <v>-2489592.16</v>
      </c>
      <c r="X77" s="53">
        <v>-2489592.16</v>
      </c>
      <c r="Y77" s="53">
        <v>-2489592.16</v>
      </c>
      <c r="Z77" s="53">
        <v>-2489592.16</v>
      </c>
      <c r="AA77" s="53">
        <v>-2489592.16</v>
      </c>
      <c r="AB77" s="53">
        <v>-2489592.16</v>
      </c>
      <c r="AC77" s="53">
        <v>-2489592.16</v>
      </c>
      <c r="AD77" s="53">
        <v>-2489592.16</v>
      </c>
      <c r="AE77" s="53">
        <v>-2489592.16</v>
      </c>
      <c r="AF77" s="53">
        <v>-2489592.16</v>
      </c>
      <c r="AG77" s="53">
        <v>-2489592.16</v>
      </c>
      <c r="AH77" s="53">
        <v>-2489592.16</v>
      </c>
      <c r="AI77" s="53">
        <v>-2489592.16</v>
      </c>
      <c r="AJ77" s="53">
        <v>-2489592.16</v>
      </c>
      <c r="AK77" s="53">
        <v>-2489592.16</v>
      </c>
      <c r="AL77" s="53">
        <v>-2489592.16</v>
      </c>
      <c r="AM77" s="53">
        <v>-2489592.16</v>
      </c>
      <c r="AN77" s="53">
        <v>-2489592.16</v>
      </c>
      <c r="AO77" s="53">
        <v>-2489592.16</v>
      </c>
      <c r="AP77" s="53">
        <v>-2489592.16</v>
      </c>
      <c r="AQ77" s="53">
        <v>-2489592.16</v>
      </c>
      <c r="AR77" s="53">
        <v>-2489592.16</v>
      </c>
      <c r="AS77" s="53">
        <v>-2489592.16</v>
      </c>
      <c r="AT77" s="53">
        <v>-2489592.16</v>
      </c>
      <c r="AU77" s="53">
        <v>-2489592.16</v>
      </c>
      <c r="AV77" s="53">
        <v>-2489592.16</v>
      </c>
      <c r="AW77" s="53">
        <v>-2489592.16</v>
      </c>
      <c r="AX77" s="53">
        <v>-2489592.16</v>
      </c>
      <c r="AY77" s="53">
        <v>-2489592.16</v>
      </c>
      <c r="AZ77" s="53">
        <v>-2489592.16</v>
      </c>
      <c r="BA77" s="53">
        <v>-2489592.16</v>
      </c>
    </row>
    <row r="78" spans="1:53">
      <c r="A78" s="58" t="s">
        <v>267</v>
      </c>
      <c r="B78" s="134">
        <v>23574988731.339199</v>
      </c>
      <c r="C78" s="134">
        <v>23783301352.809898</v>
      </c>
      <c r="D78" s="134">
        <v>23937879936.5536</v>
      </c>
      <c r="E78" s="134">
        <v>23983579110.383202</v>
      </c>
      <c r="F78" s="134">
        <v>24045404814.530998</v>
      </c>
      <c r="G78" s="134">
        <v>24391193546.258202</v>
      </c>
      <c r="H78" s="134">
        <v>24440137742.404701</v>
      </c>
      <c r="I78" s="134">
        <v>24489871288.566502</v>
      </c>
      <c r="J78" s="134">
        <v>24616543374.659401</v>
      </c>
      <c r="K78" s="134">
        <v>24789191773.590401</v>
      </c>
      <c r="L78" s="134">
        <v>24898316488.097801</v>
      </c>
      <c r="M78" s="134">
        <v>25777623684.884102</v>
      </c>
      <c r="N78" s="134">
        <v>25777623684.884102</v>
      </c>
      <c r="O78" s="134">
        <v>25860408445.740398</v>
      </c>
      <c r="P78" s="134">
        <v>25902153290.3339</v>
      </c>
      <c r="Q78" s="134">
        <v>26230143183.6548</v>
      </c>
      <c r="R78" s="134">
        <v>26315342771.178299</v>
      </c>
      <c r="S78" s="134">
        <v>26379801427.104099</v>
      </c>
      <c r="T78" s="134">
        <v>26580400044.796101</v>
      </c>
      <c r="U78" s="134">
        <v>26633145207.579899</v>
      </c>
      <c r="V78" s="134">
        <v>26705961191.232899</v>
      </c>
      <c r="W78" s="134">
        <v>26934660129.058201</v>
      </c>
      <c r="X78" s="134">
        <v>26987050998.601501</v>
      </c>
      <c r="Y78" s="134">
        <v>27044579506.150902</v>
      </c>
      <c r="Z78" s="134">
        <v>28567677559.183399</v>
      </c>
      <c r="AA78" s="134">
        <v>28567677559.183399</v>
      </c>
      <c r="AB78" s="134">
        <v>28631103500.447601</v>
      </c>
      <c r="AC78" s="134">
        <v>28677664534.127201</v>
      </c>
      <c r="AD78" s="134">
        <v>28797279262.712601</v>
      </c>
      <c r="AE78" s="134">
        <v>28846808006.073601</v>
      </c>
      <c r="AF78" s="134">
        <v>28944243381.305401</v>
      </c>
      <c r="AG78" s="134">
        <v>29457766219.276199</v>
      </c>
      <c r="AH78" s="134">
        <v>29639094520.442101</v>
      </c>
      <c r="AI78" s="134">
        <v>29734315405.557701</v>
      </c>
      <c r="AJ78" s="134">
        <v>29876716357.459702</v>
      </c>
      <c r="AK78" s="134">
        <v>29950446841.657902</v>
      </c>
      <c r="AL78" s="134">
        <v>30029979045.631699</v>
      </c>
      <c r="AM78" s="134">
        <v>30499720266.605499</v>
      </c>
      <c r="AN78" s="134">
        <v>30499720266.605499</v>
      </c>
      <c r="AO78" s="134">
        <v>30538529329.5415</v>
      </c>
      <c r="AP78" s="134">
        <v>30581447455.5886</v>
      </c>
      <c r="AQ78" s="134">
        <v>30802014221.048698</v>
      </c>
      <c r="AR78" s="134">
        <v>30856947920.698299</v>
      </c>
      <c r="AS78" s="134">
        <v>30931074956.233398</v>
      </c>
      <c r="AT78" s="134">
        <v>31438911236.725399</v>
      </c>
      <c r="AU78" s="134">
        <v>31647277656.508499</v>
      </c>
      <c r="AV78" s="134">
        <v>31725503511.691101</v>
      </c>
      <c r="AW78" s="134">
        <v>31874243880.864799</v>
      </c>
      <c r="AX78" s="134">
        <v>32005179844.1339</v>
      </c>
      <c r="AY78" s="134">
        <v>32085976339.384899</v>
      </c>
      <c r="AZ78" s="134">
        <v>32516986823.796299</v>
      </c>
      <c r="BA78" s="134">
        <v>32516986823.796299</v>
      </c>
    </row>
    <row r="79" spans="1:53">
      <c r="A79" s="52" t="s">
        <v>268</v>
      </c>
    </row>
    <row r="80" spans="1:53">
      <c r="A80" s="173" t="s">
        <v>269</v>
      </c>
    </row>
    <row r="81" spans="1:53">
      <c r="A81" s="52" t="s">
        <v>270</v>
      </c>
      <c r="B81" s="53">
        <v>0</v>
      </c>
      <c r="C81" s="53">
        <v>0</v>
      </c>
      <c r="D81" s="53">
        <v>0</v>
      </c>
      <c r="E81" s="53">
        <v>0</v>
      </c>
      <c r="F81" s="53">
        <v>0</v>
      </c>
      <c r="G81" s="53">
        <v>0</v>
      </c>
      <c r="H81" s="53">
        <v>0</v>
      </c>
      <c r="I81" s="53">
        <v>0</v>
      </c>
      <c r="J81" s="53">
        <v>0</v>
      </c>
      <c r="K81" s="53">
        <v>0</v>
      </c>
      <c r="L81" s="53">
        <v>0</v>
      </c>
      <c r="M81" s="53">
        <v>0</v>
      </c>
      <c r="N81" s="53">
        <v>0</v>
      </c>
      <c r="O81" s="53">
        <v>0</v>
      </c>
      <c r="P81" s="53">
        <v>0</v>
      </c>
      <c r="Q81" s="53">
        <v>0</v>
      </c>
      <c r="R81" s="53">
        <v>0</v>
      </c>
      <c r="S81" s="53">
        <v>0</v>
      </c>
      <c r="T81" s="53">
        <v>0</v>
      </c>
      <c r="U81" s="53">
        <v>0</v>
      </c>
      <c r="V81" s="53">
        <v>0</v>
      </c>
      <c r="W81" s="53">
        <v>0</v>
      </c>
      <c r="X81" s="53">
        <v>0</v>
      </c>
      <c r="Y81" s="53">
        <v>0</v>
      </c>
      <c r="Z81" s="53">
        <v>0</v>
      </c>
      <c r="AA81" s="53">
        <v>0</v>
      </c>
      <c r="AB81" s="53">
        <v>0</v>
      </c>
      <c r="AC81" s="53">
        <v>0</v>
      </c>
      <c r="AD81" s="53">
        <v>0</v>
      </c>
      <c r="AE81" s="53">
        <v>0</v>
      </c>
      <c r="AF81" s="53">
        <v>0</v>
      </c>
      <c r="AG81" s="53">
        <v>0</v>
      </c>
      <c r="AH81" s="53">
        <v>0</v>
      </c>
      <c r="AI81" s="53">
        <v>0</v>
      </c>
      <c r="AJ81" s="53">
        <v>0</v>
      </c>
      <c r="AK81" s="53">
        <v>0</v>
      </c>
      <c r="AL81" s="53">
        <v>0</v>
      </c>
      <c r="AM81" s="53">
        <v>0</v>
      </c>
      <c r="AN81" s="53">
        <v>0</v>
      </c>
      <c r="AO81" s="53">
        <v>0</v>
      </c>
      <c r="AP81" s="53">
        <v>0</v>
      </c>
      <c r="AQ81" s="53">
        <v>0</v>
      </c>
      <c r="AR81" s="53">
        <v>0</v>
      </c>
      <c r="AS81" s="53">
        <v>0</v>
      </c>
      <c r="AT81" s="53">
        <v>0</v>
      </c>
      <c r="AU81" s="53">
        <v>0</v>
      </c>
      <c r="AV81" s="53">
        <v>0</v>
      </c>
      <c r="AW81" s="53">
        <v>0</v>
      </c>
      <c r="AX81" s="53">
        <v>0</v>
      </c>
      <c r="AY81" s="53">
        <v>0</v>
      </c>
      <c r="AZ81" s="53">
        <v>0</v>
      </c>
      <c r="BA81" s="53">
        <v>0</v>
      </c>
    </row>
    <row r="82" spans="1:53">
      <c r="A82" s="52" t="s">
        <v>271</v>
      </c>
      <c r="B82" s="53">
        <v>0</v>
      </c>
      <c r="C82" s="53">
        <v>0</v>
      </c>
      <c r="D82" s="53">
        <v>0</v>
      </c>
      <c r="E82" s="53">
        <v>0</v>
      </c>
      <c r="F82" s="53">
        <v>0</v>
      </c>
      <c r="G82" s="53">
        <v>0</v>
      </c>
      <c r="H82" s="53">
        <v>0</v>
      </c>
      <c r="I82" s="53">
        <v>0</v>
      </c>
      <c r="J82" s="53">
        <v>0</v>
      </c>
      <c r="K82" s="53">
        <v>0</v>
      </c>
      <c r="L82" s="53">
        <v>0</v>
      </c>
      <c r="M82" s="53">
        <v>0</v>
      </c>
      <c r="N82" s="53">
        <v>0</v>
      </c>
      <c r="O82" s="53">
        <v>0</v>
      </c>
      <c r="P82" s="53">
        <v>0</v>
      </c>
      <c r="Q82" s="53">
        <v>0</v>
      </c>
      <c r="R82" s="53">
        <v>0</v>
      </c>
      <c r="S82" s="53">
        <v>0</v>
      </c>
      <c r="T82" s="53">
        <v>0</v>
      </c>
      <c r="U82" s="53">
        <v>0</v>
      </c>
      <c r="V82" s="53">
        <v>0</v>
      </c>
      <c r="W82" s="53">
        <v>0</v>
      </c>
      <c r="X82" s="53">
        <v>0</v>
      </c>
      <c r="Y82" s="53">
        <v>0</v>
      </c>
      <c r="Z82" s="53">
        <v>0</v>
      </c>
      <c r="AA82" s="53">
        <v>0</v>
      </c>
      <c r="AB82" s="53">
        <v>0</v>
      </c>
      <c r="AC82" s="53">
        <v>0</v>
      </c>
      <c r="AD82" s="53">
        <v>0</v>
      </c>
      <c r="AE82" s="53">
        <v>0</v>
      </c>
      <c r="AF82" s="53">
        <v>0</v>
      </c>
      <c r="AG82" s="53">
        <v>0</v>
      </c>
      <c r="AH82" s="53">
        <v>0</v>
      </c>
      <c r="AI82" s="53">
        <v>0</v>
      </c>
      <c r="AJ82" s="53">
        <v>0</v>
      </c>
      <c r="AK82" s="53">
        <v>0</v>
      </c>
      <c r="AL82" s="53">
        <v>0</v>
      </c>
      <c r="AM82" s="53">
        <v>0</v>
      </c>
      <c r="AN82" s="53">
        <v>0</v>
      </c>
      <c r="AO82" s="53">
        <v>0</v>
      </c>
      <c r="AP82" s="53">
        <v>0</v>
      </c>
      <c r="AQ82" s="53">
        <v>0</v>
      </c>
      <c r="AR82" s="53">
        <v>0</v>
      </c>
      <c r="AS82" s="53">
        <v>0</v>
      </c>
      <c r="AT82" s="53">
        <v>0</v>
      </c>
      <c r="AU82" s="53">
        <v>0</v>
      </c>
      <c r="AV82" s="53">
        <v>0</v>
      </c>
      <c r="AW82" s="53">
        <v>0</v>
      </c>
      <c r="AX82" s="53">
        <v>0</v>
      </c>
      <c r="AY82" s="53">
        <v>0</v>
      </c>
      <c r="AZ82" s="53">
        <v>0</v>
      </c>
      <c r="BA82" s="53">
        <v>0</v>
      </c>
    </row>
    <row r="83" spans="1:53">
      <c r="A83" s="52" t="s">
        <v>272</v>
      </c>
    </row>
    <row r="84" spans="1:53">
      <c r="A84" s="57" t="s">
        <v>273</v>
      </c>
    </row>
    <row r="85" spans="1:53">
      <c r="A85" s="52" t="s">
        <v>274</v>
      </c>
      <c r="B85" s="53">
        <v>0</v>
      </c>
      <c r="C85" s="53">
        <v>0</v>
      </c>
      <c r="D85" s="53">
        <v>0</v>
      </c>
      <c r="E85" s="53">
        <v>0</v>
      </c>
      <c r="F85" s="53">
        <v>0</v>
      </c>
      <c r="G85" s="53">
        <v>0</v>
      </c>
      <c r="H85" s="53">
        <v>0</v>
      </c>
      <c r="I85" s="53">
        <v>0</v>
      </c>
      <c r="J85" s="53">
        <v>0</v>
      </c>
      <c r="K85" s="53">
        <v>0</v>
      </c>
      <c r="L85" s="53">
        <v>0</v>
      </c>
      <c r="M85" s="53">
        <v>0</v>
      </c>
      <c r="N85" s="53">
        <v>0</v>
      </c>
      <c r="O85" s="53">
        <v>0</v>
      </c>
      <c r="P85" s="53">
        <v>0</v>
      </c>
      <c r="Q85" s="53">
        <v>0</v>
      </c>
      <c r="R85" s="53">
        <v>0</v>
      </c>
      <c r="S85" s="53">
        <v>0</v>
      </c>
      <c r="T85" s="53">
        <v>0</v>
      </c>
      <c r="U85" s="53">
        <v>0</v>
      </c>
      <c r="V85" s="53">
        <v>0</v>
      </c>
      <c r="W85" s="53">
        <v>0</v>
      </c>
      <c r="X85" s="53">
        <v>0</v>
      </c>
      <c r="Y85" s="53">
        <v>0</v>
      </c>
      <c r="Z85" s="53">
        <v>0</v>
      </c>
      <c r="AA85" s="53">
        <v>0</v>
      </c>
      <c r="AB85" s="53">
        <v>0</v>
      </c>
      <c r="AC85" s="53">
        <v>0</v>
      </c>
      <c r="AD85" s="53">
        <v>0</v>
      </c>
      <c r="AE85" s="53">
        <v>0</v>
      </c>
      <c r="AF85" s="53">
        <v>0</v>
      </c>
      <c r="AG85" s="53">
        <v>0</v>
      </c>
      <c r="AH85" s="53">
        <v>0</v>
      </c>
      <c r="AI85" s="53">
        <v>0</v>
      </c>
      <c r="AJ85" s="53">
        <v>0</v>
      </c>
      <c r="AK85" s="53">
        <v>0</v>
      </c>
      <c r="AL85" s="53">
        <v>0</v>
      </c>
      <c r="AM85" s="53">
        <v>0</v>
      </c>
      <c r="AN85" s="53">
        <v>0</v>
      </c>
      <c r="AO85" s="53">
        <v>0</v>
      </c>
      <c r="AP85" s="53">
        <v>0</v>
      </c>
      <c r="AQ85" s="53">
        <v>0</v>
      </c>
      <c r="AR85" s="53">
        <v>0</v>
      </c>
      <c r="AS85" s="53">
        <v>0</v>
      </c>
      <c r="AT85" s="53">
        <v>0</v>
      </c>
      <c r="AU85" s="53">
        <v>0</v>
      </c>
      <c r="AV85" s="53">
        <v>0</v>
      </c>
      <c r="AW85" s="53">
        <v>0</v>
      </c>
      <c r="AX85" s="53">
        <v>0</v>
      </c>
      <c r="AY85" s="53">
        <v>0</v>
      </c>
      <c r="AZ85" s="53">
        <v>0</v>
      </c>
      <c r="BA85" s="53">
        <v>0</v>
      </c>
    </row>
    <row r="86" spans="1:53">
      <c r="A86" s="52" t="s">
        <v>275</v>
      </c>
      <c r="B86" s="53">
        <v>0</v>
      </c>
      <c r="C86" s="53">
        <v>0</v>
      </c>
      <c r="D86" s="53">
        <v>0</v>
      </c>
      <c r="E86" s="53">
        <v>0</v>
      </c>
      <c r="F86" s="53">
        <v>0</v>
      </c>
      <c r="G86" s="53">
        <v>0</v>
      </c>
      <c r="H86" s="53">
        <v>0</v>
      </c>
      <c r="I86" s="53">
        <v>0</v>
      </c>
      <c r="J86" s="53">
        <v>0</v>
      </c>
      <c r="K86" s="53">
        <v>0</v>
      </c>
      <c r="L86" s="53">
        <v>0</v>
      </c>
      <c r="M86" s="53">
        <v>0</v>
      </c>
      <c r="N86" s="53">
        <v>0</v>
      </c>
      <c r="O86" s="53">
        <v>0</v>
      </c>
      <c r="P86" s="53">
        <v>0</v>
      </c>
      <c r="Q86" s="53">
        <v>0</v>
      </c>
      <c r="R86" s="53">
        <v>0</v>
      </c>
      <c r="S86" s="53">
        <v>0</v>
      </c>
      <c r="T86" s="53">
        <v>0</v>
      </c>
      <c r="U86" s="53">
        <v>0</v>
      </c>
      <c r="V86" s="53">
        <v>0</v>
      </c>
      <c r="W86" s="53">
        <v>0</v>
      </c>
      <c r="X86" s="53">
        <v>0</v>
      </c>
      <c r="Y86" s="53">
        <v>0</v>
      </c>
      <c r="Z86" s="53">
        <v>0</v>
      </c>
      <c r="AA86" s="53">
        <v>0</v>
      </c>
      <c r="AB86" s="53">
        <v>0</v>
      </c>
      <c r="AC86" s="53">
        <v>0</v>
      </c>
      <c r="AD86" s="53">
        <v>0</v>
      </c>
      <c r="AE86" s="53">
        <v>0</v>
      </c>
      <c r="AF86" s="53">
        <v>0</v>
      </c>
      <c r="AG86" s="53">
        <v>0</v>
      </c>
      <c r="AH86" s="53">
        <v>0</v>
      </c>
      <c r="AI86" s="53">
        <v>0</v>
      </c>
      <c r="AJ86" s="53">
        <v>0</v>
      </c>
      <c r="AK86" s="53">
        <v>0</v>
      </c>
      <c r="AL86" s="53">
        <v>0</v>
      </c>
      <c r="AM86" s="53">
        <v>0</v>
      </c>
      <c r="AN86" s="53">
        <v>0</v>
      </c>
      <c r="AO86" s="53">
        <v>0</v>
      </c>
      <c r="AP86" s="53">
        <v>0</v>
      </c>
      <c r="AQ86" s="53">
        <v>0</v>
      </c>
      <c r="AR86" s="53">
        <v>0</v>
      </c>
      <c r="AS86" s="53">
        <v>0</v>
      </c>
      <c r="AT86" s="53">
        <v>0</v>
      </c>
      <c r="AU86" s="53">
        <v>0</v>
      </c>
      <c r="AV86" s="53">
        <v>0</v>
      </c>
      <c r="AW86" s="53">
        <v>0</v>
      </c>
      <c r="AX86" s="53">
        <v>0</v>
      </c>
      <c r="AY86" s="53">
        <v>0</v>
      </c>
      <c r="AZ86" s="53">
        <v>0</v>
      </c>
      <c r="BA86" s="53">
        <v>0</v>
      </c>
    </row>
    <row r="87" spans="1:53">
      <c r="A87" s="52" t="s">
        <v>276</v>
      </c>
      <c r="B87" s="53">
        <v>-13.73</v>
      </c>
      <c r="C87" s="53">
        <v>-13.73</v>
      </c>
      <c r="D87" s="53">
        <v>-13.73</v>
      </c>
      <c r="E87" s="53">
        <v>-13.73</v>
      </c>
      <c r="F87" s="53">
        <v>-13.73</v>
      </c>
      <c r="G87" s="53">
        <v>-13.73</v>
      </c>
      <c r="H87" s="53">
        <v>-13.73</v>
      </c>
      <c r="I87" s="53">
        <v>-13.73</v>
      </c>
      <c r="J87" s="53">
        <v>-13.73</v>
      </c>
      <c r="K87" s="53">
        <v>-13.73</v>
      </c>
      <c r="L87" s="53">
        <v>-13.73</v>
      </c>
      <c r="M87" s="53">
        <v>-13.73</v>
      </c>
      <c r="N87" s="53">
        <v>-13.73</v>
      </c>
      <c r="O87" s="53">
        <v>-13.73</v>
      </c>
      <c r="P87" s="53">
        <v>-13.73</v>
      </c>
      <c r="Q87" s="53">
        <v>-13.73</v>
      </c>
      <c r="R87" s="53">
        <v>-13.73</v>
      </c>
      <c r="S87" s="53">
        <v>-13.73</v>
      </c>
      <c r="T87" s="53">
        <v>-13.73</v>
      </c>
      <c r="U87" s="53">
        <v>-13.73</v>
      </c>
      <c r="V87" s="53">
        <v>-13.73</v>
      </c>
      <c r="W87" s="53">
        <v>-13.73</v>
      </c>
      <c r="X87" s="53">
        <v>-13.73</v>
      </c>
      <c r="Y87" s="53">
        <v>-13.73</v>
      </c>
      <c r="Z87" s="53">
        <v>-13.73</v>
      </c>
      <c r="AA87" s="53">
        <v>-13.73</v>
      </c>
      <c r="AB87" s="53">
        <v>-13.73</v>
      </c>
      <c r="AC87" s="53">
        <v>-13.73</v>
      </c>
      <c r="AD87" s="53">
        <v>-13.73</v>
      </c>
      <c r="AE87" s="53">
        <v>-13.73</v>
      </c>
      <c r="AF87" s="53">
        <v>-13.73</v>
      </c>
      <c r="AG87" s="53">
        <v>-13.73</v>
      </c>
      <c r="AH87" s="53">
        <v>-13.73</v>
      </c>
      <c r="AI87" s="53">
        <v>-13.73</v>
      </c>
      <c r="AJ87" s="53">
        <v>-13.73</v>
      </c>
      <c r="AK87" s="53">
        <v>-13.73</v>
      </c>
      <c r="AL87" s="53">
        <v>-13.73</v>
      </c>
      <c r="AM87" s="53">
        <v>-13.73</v>
      </c>
      <c r="AN87" s="53">
        <v>-13.73</v>
      </c>
      <c r="AO87" s="53">
        <v>-13.73</v>
      </c>
      <c r="AP87" s="53">
        <v>-13.73</v>
      </c>
      <c r="AQ87" s="53">
        <v>-13.73</v>
      </c>
      <c r="AR87" s="53">
        <v>-13.73</v>
      </c>
      <c r="AS87" s="53">
        <v>-13.73</v>
      </c>
      <c r="AT87" s="53">
        <v>-13.73</v>
      </c>
      <c r="AU87" s="53">
        <v>-13.73</v>
      </c>
      <c r="AV87" s="53">
        <v>-13.73</v>
      </c>
      <c r="AW87" s="53">
        <v>-13.73</v>
      </c>
      <c r="AX87" s="53">
        <v>-13.73</v>
      </c>
      <c r="AY87" s="53">
        <v>-13.73</v>
      </c>
      <c r="AZ87" s="53">
        <v>-13.73</v>
      </c>
      <c r="BA87" s="53">
        <v>-13.73</v>
      </c>
    </row>
    <row r="88" spans="1:53">
      <c r="A88" s="52" t="s">
        <v>277</v>
      </c>
      <c r="B88" s="53">
        <v>129702876.8</v>
      </c>
      <c r="C88" s="53">
        <v>129702876.8</v>
      </c>
      <c r="D88" s="53">
        <v>129702876.8</v>
      </c>
      <c r="E88" s="53">
        <v>129702876.8</v>
      </c>
      <c r="F88" s="53">
        <v>129702876.8</v>
      </c>
      <c r="G88" s="53">
        <v>129702876.8</v>
      </c>
      <c r="H88" s="53">
        <v>129702876.8</v>
      </c>
      <c r="I88" s="53">
        <v>129702876.8</v>
      </c>
      <c r="J88" s="53">
        <v>129702876.8</v>
      </c>
      <c r="K88" s="53">
        <v>129702876.8</v>
      </c>
      <c r="L88" s="53">
        <v>129702876.8</v>
      </c>
      <c r="M88" s="53">
        <v>129702876.8</v>
      </c>
      <c r="N88" s="53">
        <v>129702876.8</v>
      </c>
      <c r="O88" s="53">
        <v>129702876.8</v>
      </c>
      <c r="P88" s="53">
        <v>129702876.8</v>
      </c>
      <c r="Q88" s="53">
        <v>129702876.8</v>
      </c>
      <c r="R88" s="53">
        <v>129702876.8</v>
      </c>
      <c r="S88" s="53">
        <v>129702876.8</v>
      </c>
      <c r="T88" s="53">
        <v>129702876.8</v>
      </c>
      <c r="U88" s="53">
        <v>129702876.8</v>
      </c>
      <c r="V88" s="53">
        <v>129702876.8</v>
      </c>
      <c r="W88" s="53">
        <v>129702876.8</v>
      </c>
      <c r="X88" s="53">
        <v>129702876.8</v>
      </c>
      <c r="Y88" s="53">
        <v>129702876.8</v>
      </c>
      <c r="Z88" s="53">
        <v>129702876.8</v>
      </c>
      <c r="AA88" s="53">
        <v>129702876.8</v>
      </c>
      <c r="AB88" s="53">
        <v>129702876.8</v>
      </c>
      <c r="AC88" s="53">
        <v>129702876.8</v>
      </c>
      <c r="AD88" s="53">
        <v>129702876.8</v>
      </c>
      <c r="AE88" s="53">
        <v>129702876.8</v>
      </c>
      <c r="AF88" s="53">
        <v>129702876.8</v>
      </c>
      <c r="AG88" s="53">
        <v>129702876.8</v>
      </c>
      <c r="AH88" s="53">
        <v>129702876.8</v>
      </c>
      <c r="AI88" s="53">
        <v>129702876.8</v>
      </c>
      <c r="AJ88" s="53">
        <v>129702876.8</v>
      </c>
      <c r="AK88" s="53">
        <v>129702876.8</v>
      </c>
      <c r="AL88" s="53">
        <v>129702876.8</v>
      </c>
      <c r="AM88" s="53">
        <v>129702876.8</v>
      </c>
      <c r="AN88" s="53">
        <v>129702876.8</v>
      </c>
      <c r="AO88" s="53">
        <v>129702876.8</v>
      </c>
      <c r="AP88" s="53">
        <v>129702876.8</v>
      </c>
      <c r="AQ88" s="53">
        <v>129702876.8</v>
      </c>
      <c r="AR88" s="53">
        <v>129702876.8</v>
      </c>
      <c r="AS88" s="53">
        <v>129702876.8</v>
      </c>
      <c r="AT88" s="53">
        <v>129702876.8</v>
      </c>
      <c r="AU88" s="53">
        <v>129702876.8</v>
      </c>
      <c r="AV88" s="53">
        <v>129702876.8</v>
      </c>
      <c r="AW88" s="53">
        <v>129702876.8</v>
      </c>
      <c r="AX88" s="53">
        <v>129702876.8</v>
      </c>
      <c r="AY88" s="53">
        <v>129702876.8</v>
      </c>
      <c r="AZ88" s="53">
        <v>129702876.8</v>
      </c>
      <c r="BA88" s="53">
        <v>129702876.8</v>
      </c>
    </row>
    <row r="89" spans="1:53">
      <c r="A89" s="58" t="s">
        <v>278</v>
      </c>
      <c r="B89" s="134">
        <v>129702863.06999999</v>
      </c>
      <c r="C89" s="134">
        <v>129702863.06999999</v>
      </c>
      <c r="D89" s="134">
        <v>129702863.06999999</v>
      </c>
      <c r="E89" s="134">
        <v>129702863.06999999</v>
      </c>
      <c r="F89" s="134">
        <v>129702863.06999999</v>
      </c>
      <c r="G89" s="134">
        <v>129702863.06999999</v>
      </c>
      <c r="H89" s="134">
        <v>129702863.06999999</v>
      </c>
      <c r="I89" s="134">
        <v>129702863.06999999</v>
      </c>
      <c r="J89" s="134">
        <v>129702863.06999999</v>
      </c>
      <c r="K89" s="134">
        <v>129702863.06999999</v>
      </c>
      <c r="L89" s="134">
        <v>129702863.06999999</v>
      </c>
      <c r="M89" s="134">
        <v>129702863.06999999</v>
      </c>
      <c r="N89" s="134">
        <v>129702863.06999999</v>
      </c>
      <c r="O89" s="134">
        <v>129702863.06999999</v>
      </c>
      <c r="P89" s="134">
        <v>129702863.06999999</v>
      </c>
      <c r="Q89" s="134">
        <v>129702863.06999999</v>
      </c>
      <c r="R89" s="134">
        <v>129702863.06999999</v>
      </c>
      <c r="S89" s="134">
        <v>129702863.06999999</v>
      </c>
      <c r="T89" s="134">
        <v>129702863.06999999</v>
      </c>
      <c r="U89" s="134">
        <v>129702863.06999999</v>
      </c>
      <c r="V89" s="134">
        <v>129702863.06999999</v>
      </c>
      <c r="W89" s="134">
        <v>129702863.06999999</v>
      </c>
      <c r="X89" s="134">
        <v>129702863.06999999</v>
      </c>
      <c r="Y89" s="134">
        <v>129702863.06999999</v>
      </c>
      <c r="Z89" s="134">
        <v>129702863.06999999</v>
      </c>
      <c r="AA89" s="134">
        <v>129702863.06999999</v>
      </c>
      <c r="AB89" s="134">
        <v>129702863.06999999</v>
      </c>
      <c r="AC89" s="134">
        <v>129702863.06999999</v>
      </c>
      <c r="AD89" s="134">
        <v>129702863.06999999</v>
      </c>
      <c r="AE89" s="134">
        <v>129702863.06999999</v>
      </c>
      <c r="AF89" s="134">
        <v>129702863.06999999</v>
      </c>
      <c r="AG89" s="134">
        <v>129702863.06999999</v>
      </c>
      <c r="AH89" s="134">
        <v>129702863.06999999</v>
      </c>
      <c r="AI89" s="134">
        <v>129702863.06999999</v>
      </c>
      <c r="AJ89" s="134">
        <v>129702863.06999999</v>
      </c>
      <c r="AK89" s="134">
        <v>129702863.06999999</v>
      </c>
      <c r="AL89" s="134">
        <v>129702863.06999999</v>
      </c>
      <c r="AM89" s="134">
        <v>129702863.06999999</v>
      </c>
      <c r="AN89" s="134">
        <v>129702863.06999999</v>
      </c>
      <c r="AO89" s="134">
        <v>129702863.06999999</v>
      </c>
      <c r="AP89" s="134">
        <v>129702863.06999999</v>
      </c>
      <c r="AQ89" s="134">
        <v>129702863.06999999</v>
      </c>
      <c r="AR89" s="134">
        <v>129702863.06999999</v>
      </c>
      <c r="AS89" s="134">
        <v>129702863.06999999</v>
      </c>
      <c r="AT89" s="134">
        <v>129702863.06999999</v>
      </c>
      <c r="AU89" s="134">
        <v>129702863.06999999</v>
      </c>
      <c r="AV89" s="134">
        <v>129702863.06999999</v>
      </c>
      <c r="AW89" s="134">
        <v>129702863.06999999</v>
      </c>
      <c r="AX89" s="134">
        <v>129702863.06999999</v>
      </c>
      <c r="AY89" s="134">
        <v>129702863.06999999</v>
      </c>
      <c r="AZ89" s="134">
        <v>129702863.06999999</v>
      </c>
      <c r="BA89" s="134">
        <v>129702863.06999999</v>
      </c>
    </row>
    <row r="90" spans="1:53">
      <c r="A90" s="52" t="s">
        <v>279</v>
      </c>
    </row>
    <row r="91" spans="1:53">
      <c r="A91" s="57" t="s">
        <v>280</v>
      </c>
    </row>
    <row r="92" spans="1:53">
      <c r="A92" s="52" t="s">
        <v>281</v>
      </c>
      <c r="B92" s="53">
        <v>3580458572.0399899</v>
      </c>
      <c r="C92" s="53">
        <v>3580458572.0399899</v>
      </c>
      <c r="D92" s="53">
        <v>3580458572.0399899</v>
      </c>
      <c r="E92" s="53">
        <v>3580458572.0399899</v>
      </c>
      <c r="F92" s="53">
        <v>3580458572.0399899</v>
      </c>
      <c r="G92" s="53">
        <v>3580458572.0399899</v>
      </c>
      <c r="H92" s="53">
        <v>3580458572.0399899</v>
      </c>
      <c r="I92" s="53">
        <v>3580458572.0399899</v>
      </c>
      <c r="J92" s="53">
        <v>3580458572.0399899</v>
      </c>
      <c r="K92" s="53">
        <v>3580458572.0399899</v>
      </c>
      <c r="L92" s="53">
        <v>3580458572.0399899</v>
      </c>
      <c r="M92" s="53">
        <v>3580458572.0399899</v>
      </c>
      <c r="N92" s="53">
        <v>3580458572.0399899</v>
      </c>
      <c r="O92" s="53">
        <v>3580458572.0399899</v>
      </c>
      <c r="P92" s="53">
        <v>3580458572.0399899</v>
      </c>
      <c r="Q92" s="53">
        <v>3580458572.0399899</v>
      </c>
      <c r="R92" s="53">
        <v>3580458572.0399899</v>
      </c>
      <c r="S92" s="53">
        <v>3580458572.0399899</v>
      </c>
      <c r="T92" s="53">
        <v>3580458572.0399899</v>
      </c>
      <c r="U92" s="53">
        <v>3580458572.0399899</v>
      </c>
      <c r="V92" s="53">
        <v>3580458572.0399899</v>
      </c>
      <c r="W92" s="53">
        <v>3580458572.0399899</v>
      </c>
      <c r="X92" s="53">
        <v>3580458572.0399899</v>
      </c>
      <c r="Y92" s="53">
        <v>3580458572.0399899</v>
      </c>
      <c r="Z92" s="53">
        <v>3580458572.0399899</v>
      </c>
      <c r="AA92" s="53">
        <v>3580458572.0399899</v>
      </c>
      <c r="AB92" s="53">
        <v>3580458572.0399899</v>
      </c>
      <c r="AC92" s="53">
        <v>3580458572.0399899</v>
      </c>
      <c r="AD92" s="53">
        <v>3580458572.0399899</v>
      </c>
      <c r="AE92" s="53">
        <v>3580458572.0399899</v>
      </c>
      <c r="AF92" s="53">
        <v>3580458572.0399899</v>
      </c>
      <c r="AG92" s="53">
        <v>3580458572.0399899</v>
      </c>
      <c r="AH92" s="53">
        <v>3580458572.0399899</v>
      </c>
      <c r="AI92" s="53">
        <v>3580458572.0399899</v>
      </c>
      <c r="AJ92" s="53">
        <v>3580458572.0399899</v>
      </c>
      <c r="AK92" s="53">
        <v>3580458572.0399899</v>
      </c>
      <c r="AL92" s="53">
        <v>3580458572.0399899</v>
      </c>
      <c r="AM92" s="53">
        <v>3580458572.0399899</v>
      </c>
      <c r="AN92" s="53">
        <v>3580458572.0399899</v>
      </c>
      <c r="AO92" s="53">
        <v>3580458572.0399899</v>
      </c>
      <c r="AP92" s="53">
        <v>3580458572.0399899</v>
      </c>
      <c r="AQ92" s="53">
        <v>3580458572.0399899</v>
      </c>
      <c r="AR92" s="53">
        <v>3580458572.0399899</v>
      </c>
      <c r="AS92" s="53">
        <v>3580458572.0399899</v>
      </c>
      <c r="AT92" s="53">
        <v>3580458572.0399899</v>
      </c>
      <c r="AU92" s="53">
        <v>3580458572.0399899</v>
      </c>
      <c r="AV92" s="53">
        <v>3580458572.0399899</v>
      </c>
      <c r="AW92" s="53">
        <v>3580458572.0399899</v>
      </c>
      <c r="AX92" s="53">
        <v>3580458572.0399899</v>
      </c>
      <c r="AY92" s="53">
        <v>3580458572.0399899</v>
      </c>
      <c r="AZ92" s="53">
        <v>3580458572.0399899</v>
      </c>
      <c r="BA92" s="53">
        <v>3580458572.0399899</v>
      </c>
    </row>
    <row r="93" spans="1:53">
      <c r="A93" s="52" t="s">
        <v>282</v>
      </c>
      <c r="B93" s="53">
        <v>0</v>
      </c>
      <c r="C93" s="53">
        <v>0</v>
      </c>
      <c r="D93" s="53">
        <v>0</v>
      </c>
      <c r="E93" s="53">
        <v>0</v>
      </c>
      <c r="F93" s="53">
        <v>0</v>
      </c>
      <c r="G93" s="53">
        <v>0</v>
      </c>
      <c r="H93" s="53">
        <v>0</v>
      </c>
      <c r="I93" s="53">
        <v>0</v>
      </c>
      <c r="J93" s="53">
        <v>0</v>
      </c>
      <c r="K93" s="53">
        <v>0</v>
      </c>
      <c r="L93" s="53">
        <v>0</v>
      </c>
      <c r="M93" s="53">
        <v>0</v>
      </c>
      <c r="N93" s="53">
        <v>0</v>
      </c>
      <c r="O93" s="53">
        <v>0</v>
      </c>
      <c r="P93" s="53">
        <v>0</v>
      </c>
      <c r="Q93" s="53">
        <v>0</v>
      </c>
      <c r="R93" s="53">
        <v>0</v>
      </c>
      <c r="S93" s="53">
        <v>0</v>
      </c>
      <c r="T93" s="53">
        <v>0</v>
      </c>
      <c r="U93" s="53">
        <v>0</v>
      </c>
      <c r="V93" s="53">
        <v>0</v>
      </c>
      <c r="W93" s="53">
        <v>0</v>
      </c>
      <c r="X93" s="53">
        <v>0</v>
      </c>
      <c r="Y93" s="53">
        <v>0</v>
      </c>
      <c r="Z93" s="53">
        <v>0</v>
      </c>
      <c r="AA93" s="53">
        <v>0</v>
      </c>
      <c r="AB93" s="53">
        <v>0</v>
      </c>
      <c r="AC93" s="53">
        <v>0</v>
      </c>
      <c r="AD93" s="53">
        <v>0</v>
      </c>
      <c r="AE93" s="53">
        <v>0</v>
      </c>
      <c r="AF93" s="53">
        <v>0</v>
      </c>
      <c r="AG93" s="53">
        <v>0</v>
      </c>
      <c r="AH93" s="53">
        <v>0</v>
      </c>
      <c r="AI93" s="53">
        <v>0</v>
      </c>
      <c r="AJ93" s="53">
        <v>0</v>
      </c>
      <c r="AK93" s="53">
        <v>0</v>
      </c>
      <c r="AL93" s="53">
        <v>0</v>
      </c>
      <c r="AM93" s="53">
        <v>0</v>
      </c>
      <c r="AN93" s="53">
        <v>0</v>
      </c>
      <c r="AO93" s="53">
        <v>0</v>
      </c>
      <c r="AP93" s="53">
        <v>0</v>
      </c>
      <c r="AQ93" s="53">
        <v>0</v>
      </c>
      <c r="AR93" s="53">
        <v>0</v>
      </c>
      <c r="AS93" s="53">
        <v>0</v>
      </c>
      <c r="AT93" s="53">
        <v>0</v>
      </c>
      <c r="AU93" s="53">
        <v>0</v>
      </c>
      <c r="AV93" s="53">
        <v>0</v>
      </c>
      <c r="AW93" s="53">
        <v>0</v>
      </c>
      <c r="AX93" s="53">
        <v>0</v>
      </c>
      <c r="AY93" s="53">
        <v>0</v>
      </c>
      <c r="AZ93" s="53">
        <v>0</v>
      </c>
      <c r="BA93" s="53">
        <v>0</v>
      </c>
    </row>
    <row r="94" spans="1:53">
      <c r="A94" s="52" t="s">
        <v>283</v>
      </c>
      <c r="B94" s="53">
        <v>0</v>
      </c>
      <c r="C94" s="53">
        <v>0</v>
      </c>
      <c r="D94" s="53">
        <v>0</v>
      </c>
      <c r="E94" s="53">
        <v>0</v>
      </c>
      <c r="F94" s="53">
        <v>0</v>
      </c>
      <c r="G94" s="53">
        <v>0</v>
      </c>
      <c r="H94" s="53">
        <v>0</v>
      </c>
      <c r="I94" s="53">
        <v>0</v>
      </c>
      <c r="J94" s="53">
        <v>0</v>
      </c>
      <c r="K94" s="53">
        <v>0</v>
      </c>
      <c r="L94" s="53">
        <v>0</v>
      </c>
      <c r="M94" s="53">
        <v>0</v>
      </c>
      <c r="N94" s="53">
        <v>0</v>
      </c>
      <c r="O94" s="53">
        <v>0</v>
      </c>
      <c r="P94" s="53">
        <v>0</v>
      </c>
      <c r="Q94" s="53">
        <v>0</v>
      </c>
      <c r="R94" s="53">
        <v>0</v>
      </c>
      <c r="S94" s="53">
        <v>0</v>
      </c>
      <c r="T94" s="53">
        <v>0</v>
      </c>
      <c r="U94" s="53">
        <v>0</v>
      </c>
      <c r="V94" s="53">
        <v>0</v>
      </c>
      <c r="W94" s="53">
        <v>0</v>
      </c>
      <c r="X94" s="53">
        <v>0</v>
      </c>
      <c r="Y94" s="53">
        <v>0</v>
      </c>
      <c r="Z94" s="53">
        <v>0</v>
      </c>
      <c r="AA94" s="53">
        <v>0</v>
      </c>
      <c r="AB94" s="53">
        <v>0</v>
      </c>
      <c r="AC94" s="53">
        <v>0</v>
      </c>
      <c r="AD94" s="53">
        <v>0</v>
      </c>
      <c r="AE94" s="53">
        <v>0</v>
      </c>
      <c r="AF94" s="53">
        <v>0</v>
      </c>
      <c r="AG94" s="53">
        <v>0</v>
      </c>
      <c r="AH94" s="53">
        <v>0</v>
      </c>
      <c r="AI94" s="53">
        <v>0</v>
      </c>
      <c r="AJ94" s="53">
        <v>0</v>
      </c>
      <c r="AK94" s="53">
        <v>0</v>
      </c>
      <c r="AL94" s="53">
        <v>0</v>
      </c>
      <c r="AM94" s="53">
        <v>0</v>
      </c>
      <c r="AN94" s="53">
        <v>0</v>
      </c>
      <c r="AO94" s="53">
        <v>0</v>
      </c>
      <c r="AP94" s="53">
        <v>0</v>
      </c>
      <c r="AQ94" s="53">
        <v>0</v>
      </c>
      <c r="AR94" s="53">
        <v>0</v>
      </c>
      <c r="AS94" s="53">
        <v>0</v>
      </c>
      <c r="AT94" s="53">
        <v>0</v>
      </c>
      <c r="AU94" s="53">
        <v>0</v>
      </c>
      <c r="AV94" s="53">
        <v>0</v>
      </c>
      <c r="AW94" s="53">
        <v>0</v>
      </c>
      <c r="AX94" s="53">
        <v>0</v>
      </c>
      <c r="AY94" s="53">
        <v>0</v>
      </c>
      <c r="AZ94" s="53">
        <v>0</v>
      </c>
      <c r="BA94" s="53">
        <v>0</v>
      </c>
    </row>
    <row r="95" spans="1:53">
      <c r="A95" s="58" t="s">
        <v>284</v>
      </c>
      <c r="B95" s="53">
        <v>3580458572.0399899</v>
      </c>
      <c r="C95" s="53">
        <v>3580458572.0399899</v>
      </c>
      <c r="D95" s="53">
        <v>3580458572.0399899</v>
      </c>
      <c r="E95" s="53">
        <v>3580458572.0399899</v>
      </c>
      <c r="F95" s="53">
        <v>3580458572.0399899</v>
      </c>
      <c r="G95" s="53">
        <v>3580458572.0399899</v>
      </c>
      <c r="H95" s="53">
        <v>3580458572.0399899</v>
      </c>
      <c r="I95" s="53">
        <v>3580458572.0399899</v>
      </c>
      <c r="J95" s="53">
        <v>3580458572.0399899</v>
      </c>
      <c r="K95" s="53">
        <v>3580458572.0399899</v>
      </c>
      <c r="L95" s="53">
        <v>3580458572.0399899</v>
      </c>
      <c r="M95" s="53">
        <v>3580458572.0399899</v>
      </c>
      <c r="N95" s="53">
        <v>3580458572.0399899</v>
      </c>
      <c r="O95" s="53">
        <v>3580458572.0399899</v>
      </c>
      <c r="P95" s="53">
        <v>3580458572.0399899</v>
      </c>
      <c r="Q95" s="53">
        <v>3580458572.0399899</v>
      </c>
      <c r="R95" s="53">
        <v>3580458572.0399899</v>
      </c>
      <c r="S95" s="53">
        <v>3580458572.0399899</v>
      </c>
      <c r="T95" s="53">
        <v>3580458572.0399899</v>
      </c>
      <c r="U95" s="53">
        <v>3580458572.0399899</v>
      </c>
      <c r="V95" s="53">
        <v>3580458572.0399899</v>
      </c>
      <c r="W95" s="53">
        <v>3580458572.0399899</v>
      </c>
      <c r="X95" s="53">
        <v>3580458572.0399899</v>
      </c>
      <c r="Y95" s="53">
        <v>3580458572.0399899</v>
      </c>
      <c r="Z95" s="53">
        <v>3580458572.0399899</v>
      </c>
      <c r="AA95" s="53">
        <v>3580458572.0399899</v>
      </c>
      <c r="AB95" s="53">
        <v>3580458572.0399899</v>
      </c>
      <c r="AC95" s="53">
        <v>3580458572.0399899</v>
      </c>
      <c r="AD95" s="53">
        <v>3580458572.0399899</v>
      </c>
      <c r="AE95" s="53">
        <v>3580458572.0399899</v>
      </c>
      <c r="AF95" s="53">
        <v>3580458572.0399899</v>
      </c>
      <c r="AG95" s="53">
        <v>3580458572.0399899</v>
      </c>
      <c r="AH95" s="53">
        <v>3580458572.0399899</v>
      </c>
      <c r="AI95" s="53">
        <v>3580458572.0399899</v>
      </c>
      <c r="AJ95" s="53">
        <v>3580458572.0399899</v>
      </c>
      <c r="AK95" s="53">
        <v>3580458572.0399899</v>
      </c>
      <c r="AL95" s="53">
        <v>3580458572.0399899</v>
      </c>
      <c r="AM95" s="53">
        <v>3580458572.0399899</v>
      </c>
      <c r="AN95" s="53">
        <v>3580458572.0399899</v>
      </c>
      <c r="AO95" s="53">
        <v>3580458572.0399899</v>
      </c>
      <c r="AP95" s="53">
        <v>3580458572.0399899</v>
      </c>
      <c r="AQ95" s="53">
        <v>3580458572.0399899</v>
      </c>
      <c r="AR95" s="53">
        <v>3580458572.0399899</v>
      </c>
      <c r="AS95" s="53">
        <v>3580458572.0399899</v>
      </c>
      <c r="AT95" s="53">
        <v>3580458572.0399899</v>
      </c>
      <c r="AU95" s="53">
        <v>3580458572.0399899</v>
      </c>
      <c r="AV95" s="53">
        <v>3580458572.0399899</v>
      </c>
      <c r="AW95" s="53">
        <v>3580458572.0399899</v>
      </c>
      <c r="AX95" s="53">
        <v>3580458572.0399899</v>
      </c>
      <c r="AY95" s="53">
        <v>3580458572.0399899</v>
      </c>
      <c r="AZ95" s="53">
        <v>3580458572.0399899</v>
      </c>
      <c r="BA95" s="53">
        <v>3580458572.0399899</v>
      </c>
    </row>
    <row r="96" spans="1:53">
      <c r="A96" s="52" t="s">
        <v>285</v>
      </c>
    </row>
    <row r="97" spans="1:53">
      <c r="A97" s="57" t="s">
        <v>286</v>
      </c>
    </row>
    <row r="98" spans="1:53">
      <c r="A98" s="52" t="s">
        <v>287</v>
      </c>
      <c r="B98" s="53">
        <v>1524130640.82428</v>
      </c>
      <c r="C98" s="53">
        <v>1501274691.9495599</v>
      </c>
      <c r="D98" s="53">
        <v>1541263231.3294799</v>
      </c>
      <c r="E98" s="53">
        <v>1714880944.9763801</v>
      </c>
      <c r="F98" s="53">
        <v>1851651329.12537</v>
      </c>
      <c r="G98" s="53">
        <v>1696508932.2260499</v>
      </c>
      <c r="H98" s="53">
        <v>1851352086.84323</v>
      </c>
      <c r="I98" s="53">
        <v>1987645354.61764</v>
      </c>
      <c r="J98" s="53">
        <v>2057337737.7588201</v>
      </c>
      <c r="K98" s="53">
        <v>2062605117.3436301</v>
      </c>
      <c r="L98" s="53">
        <v>2129824762.5617499</v>
      </c>
      <c r="M98" s="53">
        <v>1355562070.30604</v>
      </c>
      <c r="N98" s="53">
        <v>1355562070.30604</v>
      </c>
      <c r="O98" s="53">
        <v>1470904221.88977</v>
      </c>
      <c r="P98" s="53">
        <v>1648141039.83305</v>
      </c>
      <c r="Q98" s="53">
        <v>1535953903.1640999</v>
      </c>
      <c r="R98" s="53">
        <v>1665999867.1715701</v>
      </c>
      <c r="S98" s="53">
        <v>1824441206.1947</v>
      </c>
      <c r="T98" s="53">
        <v>1834962217.3258801</v>
      </c>
      <c r="U98" s="53">
        <v>2004941177.3264599</v>
      </c>
      <c r="V98" s="53">
        <v>2169960838.5454202</v>
      </c>
      <c r="W98" s="53">
        <v>2096916155.1655099</v>
      </c>
      <c r="X98" s="53">
        <v>2272520371.9239302</v>
      </c>
      <c r="Y98" s="53">
        <v>2444296198.4889798</v>
      </c>
      <c r="Z98" s="53">
        <v>1014120205.91371</v>
      </c>
      <c r="AA98" s="53">
        <v>1014120205.91371</v>
      </c>
      <c r="AB98" s="53">
        <v>1144137942.4823301</v>
      </c>
      <c r="AC98" s="53">
        <v>1294206962.5899999</v>
      </c>
      <c r="AD98" s="53">
        <v>1376839661.3993399</v>
      </c>
      <c r="AE98" s="53">
        <v>1529347043.2595799</v>
      </c>
      <c r="AF98" s="53">
        <v>1631681627.7995601</v>
      </c>
      <c r="AG98" s="53">
        <v>1310578730.06969</v>
      </c>
      <c r="AH98" s="53">
        <v>1316549149.81039</v>
      </c>
      <c r="AI98" s="53">
        <v>1456995593.51933</v>
      </c>
      <c r="AJ98" s="53">
        <v>1529088933.2107401</v>
      </c>
      <c r="AK98" s="53">
        <v>1673004233.5976701</v>
      </c>
      <c r="AL98" s="53">
        <v>1809260526.6717899</v>
      </c>
      <c r="AM98" s="53">
        <v>1459424050.23402</v>
      </c>
      <c r="AN98" s="53">
        <v>1459424050.23402</v>
      </c>
      <c r="AO98" s="53">
        <v>1606709243.4549301</v>
      </c>
      <c r="AP98" s="53">
        <v>1755118547.6411901</v>
      </c>
      <c r="AQ98" s="53">
        <v>1738042782.87976</v>
      </c>
      <c r="AR98" s="53">
        <v>1879772057.7997999</v>
      </c>
      <c r="AS98" s="53">
        <v>2004423731.2412601</v>
      </c>
      <c r="AT98" s="53">
        <v>1682632440.6294799</v>
      </c>
      <c r="AU98" s="53">
        <v>1659828566.7271099</v>
      </c>
      <c r="AV98" s="53">
        <v>1804896561.2042601</v>
      </c>
      <c r="AW98" s="53">
        <v>1854834270.7446301</v>
      </c>
      <c r="AX98" s="53">
        <v>1942505617.2788799</v>
      </c>
      <c r="AY98" s="53">
        <v>2080370393.0668199</v>
      </c>
      <c r="AZ98" s="53">
        <v>1846887164.28777</v>
      </c>
      <c r="BA98" s="53">
        <v>1846887164.28777</v>
      </c>
    </row>
    <row r="99" spans="1:53">
      <c r="A99" s="52" t="s">
        <v>288</v>
      </c>
      <c r="B99" s="53">
        <v>0</v>
      </c>
      <c r="C99" s="53">
        <v>0</v>
      </c>
      <c r="D99" s="53">
        <v>0</v>
      </c>
      <c r="E99" s="53">
        <v>0</v>
      </c>
      <c r="F99" s="53">
        <v>0</v>
      </c>
      <c r="G99" s="53">
        <v>0</v>
      </c>
      <c r="H99" s="53">
        <v>0</v>
      </c>
      <c r="I99" s="53">
        <v>0</v>
      </c>
      <c r="J99" s="53">
        <v>0</v>
      </c>
      <c r="K99" s="53">
        <v>0</v>
      </c>
      <c r="L99" s="53">
        <v>0</v>
      </c>
      <c r="M99" s="53">
        <v>0</v>
      </c>
      <c r="N99" s="53">
        <v>0</v>
      </c>
      <c r="O99" s="53">
        <v>0</v>
      </c>
      <c r="P99" s="53">
        <v>0</v>
      </c>
      <c r="Q99" s="53">
        <v>0</v>
      </c>
      <c r="R99" s="53">
        <v>0</v>
      </c>
      <c r="S99" s="53">
        <v>0</v>
      </c>
      <c r="T99" s="53">
        <v>0</v>
      </c>
      <c r="U99" s="53">
        <v>0</v>
      </c>
      <c r="V99" s="53">
        <v>0</v>
      </c>
      <c r="W99" s="53">
        <v>0</v>
      </c>
      <c r="X99" s="53">
        <v>0</v>
      </c>
      <c r="Y99" s="53">
        <v>0</v>
      </c>
      <c r="Z99" s="53">
        <v>0</v>
      </c>
      <c r="AA99" s="53">
        <v>0</v>
      </c>
      <c r="AB99" s="53">
        <v>0</v>
      </c>
      <c r="AC99" s="53">
        <v>0</v>
      </c>
      <c r="AD99" s="53">
        <v>0</v>
      </c>
      <c r="AE99" s="53">
        <v>0</v>
      </c>
      <c r="AF99" s="53">
        <v>0</v>
      </c>
      <c r="AG99" s="53">
        <v>0</v>
      </c>
      <c r="AH99" s="53">
        <v>0</v>
      </c>
      <c r="AI99" s="53">
        <v>0</v>
      </c>
      <c r="AJ99" s="53">
        <v>0</v>
      </c>
      <c r="AK99" s="53">
        <v>0</v>
      </c>
      <c r="AL99" s="53">
        <v>0</v>
      </c>
      <c r="AM99" s="53">
        <v>0</v>
      </c>
      <c r="AN99" s="53">
        <v>0</v>
      </c>
      <c r="AO99" s="53">
        <v>0</v>
      </c>
      <c r="AP99" s="53">
        <v>0</v>
      </c>
      <c r="AQ99" s="53">
        <v>0</v>
      </c>
      <c r="AR99" s="53">
        <v>0</v>
      </c>
      <c r="AS99" s="53">
        <v>0</v>
      </c>
      <c r="AT99" s="53">
        <v>0</v>
      </c>
      <c r="AU99" s="53">
        <v>0</v>
      </c>
      <c r="AV99" s="53">
        <v>0</v>
      </c>
      <c r="AW99" s="53">
        <v>0</v>
      </c>
      <c r="AX99" s="53">
        <v>0</v>
      </c>
      <c r="AY99" s="53">
        <v>0</v>
      </c>
      <c r="AZ99" s="53">
        <v>0</v>
      </c>
      <c r="BA99" s="53">
        <v>0</v>
      </c>
    </row>
    <row r="100" spans="1:53">
      <c r="A100" s="52" t="s">
        <v>289</v>
      </c>
      <c r="B100" s="53">
        <v>57834787.140000001</v>
      </c>
      <c r="C100" s="53">
        <v>57834787.140000001</v>
      </c>
      <c r="D100" s="53">
        <v>57834787.140000001</v>
      </c>
      <c r="E100" s="53">
        <v>57834787.140000001</v>
      </c>
      <c r="F100" s="53">
        <v>57834787.140000001</v>
      </c>
      <c r="G100" s="53">
        <v>57834787.140000001</v>
      </c>
      <c r="H100" s="53">
        <v>57834787.140000001</v>
      </c>
      <c r="I100" s="53">
        <v>57834787.140000001</v>
      </c>
      <c r="J100" s="53">
        <v>57834787.140000001</v>
      </c>
      <c r="K100" s="53">
        <v>57834787.140000001</v>
      </c>
      <c r="L100" s="53">
        <v>57834787.140000001</v>
      </c>
      <c r="M100" s="53">
        <v>57834787.140000001</v>
      </c>
      <c r="N100" s="53">
        <v>57834787.140000001</v>
      </c>
      <c r="O100" s="53">
        <v>57834787.140000001</v>
      </c>
      <c r="P100" s="53">
        <v>57834787.140000001</v>
      </c>
      <c r="Q100" s="53">
        <v>57834787.140000001</v>
      </c>
      <c r="R100" s="53">
        <v>57834787.140000001</v>
      </c>
      <c r="S100" s="53">
        <v>57834787.140000001</v>
      </c>
      <c r="T100" s="53">
        <v>57834787.140000001</v>
      </c>
      <c r="U100" s="53">
        <v>57834787.140000001</v>
      </c>
      <c r="V100" s="53">
        <v>57834787.140000001</v>
      </c>
      <c r="W100" s="53">
        <v>57834787.140000001</v>
      </c>
      <c r="X100" s="53">
        <v>57834787.140000001</v>
      </c>
      <c r="Y100" s="53">
        <v>57834787.140000001</v>
      </c>
      <c r="Z100" s="53">
        <v>57834787.140000001</v>
      </c>
      <c r="AA100" s="53">
        <v>57834787.140000001</v>
      </c>
      <c r="AB100" s="53">
        <v>57834787.140000001</v>
      </c>
      <c r="AC100" s="53">
        <v>57834787.140000001</v>
      </c>
      <c r="AD100" s="53">
        <v>57834787.140000001</v>
      </c>
      <c r="AE100" s="53">
        <v>57834787.140000001</v>
      </c>
      <c r="AF100" s="53">
        <v>57834787.140000001</v>
      </c>
      <c r="AG100" s="53">
        <v>57834787.140000001</v>
      </c>
      <c r="AH100" s="53">
        <v>57834787.140000001</v>
      </c>
      <c r="AI100" s="53">
        <v>57834787.140000001</v>
      </c>
      <c r="AJ100" s="53">
        <v>57834787.140000001</v>
      </c>
      <c r="AK100" s="53">
        <v>57834787.140000001</v>
      </c>
      <c r="AL100" s="53">
        <v>57834787.140000001</v>
      </c>
      <c r="AM100" s="53">
        <v>57834787.140000001</v>
      </c>
      <c r="AN100" s="53">
        <v>57834787.140000001</v>
      </c>
      <c r="AO100" s="53">
        <v>57834787.140000001</v>
      </c>
      <c r="AP100" s="53">
        <v>57834787.140000001</v>
      </c>
      <c r="AQ100" s="53">
        <v>57834787.140000001</v>
      </c>
      <c r="AR100" s="53">
        <v>57834787.140000001</v>
      </c>
      <c r="AS100" s="53">
        <v>57834787.140000001</v>
      </c>
      <c r="AT100" s="53">
        <v>57834787.140000001</v>
      </c>
      <c r="AU100" s="53">
        <v>57834787.140000001</v>
      </c>
      <c r="AV100" s="53">
        <v>57834787.140000001</v>
      </c>
      <c r="AW100" s="53">
        <v>57834787.140000001</v>
      </c>
      <c r="AX100" s="53">
        <v>57834787.140000001</v>
      </c>
      <c r="AY100" s="53">
        <v>57834787.140000001</v>
      </c>
      <c r="AZ100" s="53">
        <v>57834787.140000001</v>
      </c>
      <c r="BA100" s="53">
        <v>57834787.140000001</v>
      </c>
    </row>
    <row r="101" spans="1:53">
      <c r="A101" s="52" t="s">
        <v>290</v>
      </c>
      <c r="B101" s="53">
        <v>0</v>
      </c>
      <c r="C101" s="53">
        <v>0</v>
      </c>
      <c r="D101" s="53">
        <v>0</v>
      </c>
      <c r="E101" s="53">
        <v>0</v>
      </c>
      <c r="F101" s="53">
        <v>0</v>
      </c>
      <c r="G101" s="53">
        <v>0</v>
      </c>
      <c r="H101" s="53">
        <v>0</v>
      </c>
      <c r="I101" s="53">
        <v>0</v>
      </c>
      <c r="J101" s="53">
        <v>0</v>
      </c>
      <c r="K101" s="53">
        <v>0</v>
      </c>
      <c r="L101" s="53">
        <v>0</v>
      </c>
      <c r="M101" s="53">
        <v>0</v>
      </c>
      <c r="N101" s="53">
        <v>0</v>
      </c>
      <c r="O101" s="53">
        <v>0</v>
      </c>
      <c r="P101" s="53">
        <v>0</v>
      </c>
      <c r="Q101" s="53">
        <v>0</v>
      </c>
      <c r="R101" s="53">
        <v>0</v>
      </c>
      <c r="S101" s="53">
        <v>0</v>
      </c>
      <c r="T101" s="53">
        <v>0</v>
      </c>
      <c r="U101" s="53">
        <v>0</v>
      </c>
      <c r="V101" s="53">
        <v>0</v>
      </c>
      <c r="W101" s="53">
        <v>0</v>
      </c>
      <c r="X101" s="53">
        <v>0</v>
      </c>
      <c r="Y101" s="53">
        <v>0</v>
      </c>
      <c r="Z101" s="53">
        <v>0</v>
      </c>
      <c r="AA101" s="53">
        <v>0</v>
      </c>
      <c r="AB101" s="53">
        <v>0</v>
      </c>
      <c r="AC101" s="53">
        <v>0</v>
      </c>
      <c r="AD101" s="53">
        <v>0</v>
      </c>
      <c r="AE101" s="53">
        <v>0</v>
      </c>
      <c r="AF101" s="53">
        <v>0</v>
      </c>
      <c r="AG101" s="53">
        <v>0</v>
      </c>
      <c r="AH101" s="53">
        <v>0</v>
      </c>
      <c r="AI101" s="53">
        <v>0</v>
      </c>
      <c r="AJ101" s="53">
        <v>0</v>
      </c>
      <c r="AK101" s="53">
        <v>0</v>
      </c>
      <c r="AL101" s="53">
        <v>0</v>
      </c>
      <c r="AM101" s="53">
        <v>0</v>
      </c>
      <c r="AN101" s="53">
        <v>0</v>
      </c>
      <c r="AO101" s="53">
        <v>0</v>
      </c>
      <c r="AP101" s="53">
        <v>0</v>
      </c>
      <c r="AQ101" s="53">
        <v>0</v>
      </c>
      <c r="AR101" s="53">
        <v>0</v>
      </c>
      <c r="AS101" s="53">
        <v>0</v>
      </c>
      <c r="AT101" s="53">
        <v>0</v>
      </c>
      <c r="AU101" s="53">
        <v>0</v>
      </c>
      <c r="AV101" s="53">
        <v>0</v>
      </c>
      <c r="AW101" s="53">
        <v>0</v>
      </c>
      <c r="AX101" s="53">
        <v>0</v>
      </c>
      <c r="AY101" s="53">
        <v>0</v>
      </c>
      <c r="AZ101" s="53">
        <v>0</v>
      </c>
      <c r="BA101" s="53">
        <v>0</v>
      </c>
    </row>
    <row r="102" spans="1:53">
      <c r="A102" s="52" t="s">
        <v>291</v>
      </c>
      <c r="B102" s="53">
        <v>0</v>
      </c>
      <c r="C102" s="53">
        <v>0</v>
      </c>
      <c r="D102" s="53">
        <v>0</v>
      </c>
      <c r="E102" s="53">
        <v>0</v>
      </c>
      <c r="F102" s="53">
        <v>0</v>
      </c>
      <c r="G102" s="53">
        <v>0</v>
      </c>
      <c r="H102" s="53">
        <v>0</v>
      </c>
      <c r="I102" s="53">
        <v>0</v>
      </c>
      <c r="J102" s="53">
        <v>0</v>
      </c>
      <c r="K102" s="53">
        <v>0</v>
      </c>
      <c r="L102" s="53">
        <v>0</v>
      </c>
      <c r="M102" s="53">
        <v>0</v>
      </c>
      <c r="N102" s="53">
        <v>0</v>
      </c>
      <c r="O102" s="53">
        <v>0</v>
      </c>
      <c r="P102" s="53">
        <v>0</v>
      </c>
      <c r="Q102" s="53">
        <v>0</v>
      </c>
      <c r="R102" s="53">
        <v>0</v>
      </c>
      <c r="S102" s="53">
        <v>0</v>
      </c>
      <c r="T102" s="53">
        <v>0</v>
      </c>
      <c r="U102" s="53">
        <v>0</v>
      </c>
      <c r="V102" s="53">
        <v>0</v>
      </c>
      <c r="W102" s="53">
        <v>0</v>
      </c>
      <c r="X102" s="53">
        <v>0</v>
      </c>
      <c r="Y102" s="53">
        <v>0</v>
      </c>
      <c r="Z102" s="53">
        <v>0</v>
      </c>
      <c r="AA102" s="53">
        <v>0</v>
      </c>
      <c r="AB102" s="53">
        <v>0</v>
      </c>
      <c r="AC102" s="53">
        <v>0</v>
      </c>
      <c r="AD102" s="53">
        <v>0</v>
      </c>
      <c r="AE102" s="53">
        <v>0</v>
      </c>
      <c r="AF102" s="53">
        <v>0</v>
      </c>
      <c r="AG102" s="53">
        <v>0</v>
      </c>
      <c r="AH102" s="53">
        <v>0</v>
      </c>
      <c r="AI102" s="53">
        <v>0</v>
      </c>
      <c r="AJ102" s="53">
        <v>0</v>
      </c>
      <c r="AK102" s="53">
        <v>0</v>
      </c>
      <c r="AL102" s="53">
        <v>0</v>
      </c>
      <c r="AM102" s="53">
        <v>0</v>
      </c>
      <c r="AN102" s="53">
        <v>0</v>
      </c>
      <c r="AO102" s="53">
        <v>0</v>
      </c>
      <c r="AP102" s="53">
        <v>0</v>
      </c>
      <c r="AQ102" s="53">
        <v>0</v>
      </c>
      <c r="AR102" s="53">
        <v>0</v>
      </c>
      <c r="AS102" s="53">
        <v>0</v>
      </c>
      <c r="AT102" s="53">
        <v>0</v>
      </c>
      <c r="AU102" s="53">
        <v>0</v>
      </c>
      <c r="AV102" s="53">
        <v>0</v>
      </c>
      <c r="AW102" s="53">
        <v>0</v>
      </c>
      <c r="AX102" s="53">
        <v>0</v>
      </c>
      <c r="AY102" s="53">
        <v>0</v>
      </c>
      <c r="AZ102" s="53">
        <v>0</v>
      </c>
      <c r="BA102" s="53">
        <v>0</v>
      </c>
    </row>
    <row r="103" spans="1:53">
      <c r="A103" s="52" t="s">
        <v>292</v>
      </c>
      <c r="B103" s="53">
        <v>0</v>
      </c>
      <c r="C103" s="53">
        <v>0</v>
      </c>
      <c r="D103" s="53">
        <v>0</v>
      </c>
      <c r="E103" s="53">
        <v>0</v>
      </c>
      <c r="F103" s="53">
        <v>0</v>
      </c>
      <c r="G103" s="53">
        <v>0</v>
      </c>
      <c r="H103" s="53">
        <v>0</v>
      </c>
      <c r="I103" s="53">
        <v>0</v>
      </c>
      <c r="J103" s="53">
        <v>0</v>
      </c>
      <c r="K103" s="53">
        <v>0</v>
      </c>
      <c r="L103" s="53">
        <v>0</v>
      </c>
      <c r="M103" s="53">
        <v>0</v>
      </c>
      <c r="N103" s="53">
        <v>0</v>
      </c>
      <c r="O103" s="53">
        <v>0</v>
      </c>
      <c r="P103" s="53">
        <v>0</v>
      </c>
      <c r="Q103" s="53">
        <v>0</v>
      </c>
      <c r="R103" s="53">
        <v>0</v>
      </c>
      <c r="S103" s="53">
        <v>0</v>
      </c>
      <c r="T103" s="53">
        <v>0</v>
      </c>
      <c r="U103" s="53">
        <v>0</v>
      </c>
      <c r="V103" s="53">
        <v>0</v>
      </c>
      <c r="W103" s="53">
        <v>0</v>
      </c>
      <c r="X103" s="53">
        <v>0</v>
      </c>
      <c r="Y103" s="53">
        <v>0</v>
      </c>
      <c r="Z103" s="53">
        <v>0</v>
      </c>
      <c r="AA103" s="53">
        <v>0</v>
      </c>
      <c r="AB103" s="53">
        <v>0</v>
      </c>
      <c r="AC103" s="53">
        <v>0</v>
      </c>
      <c r="AD103" s="53">
        <v>0</v>
      </c>
      <c r="AE103" s="53">
        <v>0</v>
      </c>
      <c r="AF103" s="53">
        <v>0</v>
      </c>
      <c r="AG103" s="53">
        <v>0</v>
      </c>
      <c r="AH103" s="53">
        <v>0</v>
      </c>
      <c r="AI103" s="53">
        <v>0</v>
      </c>
      <c r="AJ103" s="53">
        <v>0</v>
      </c>
      <c r="AK103" s="53">
        <v>0</v>
      </c>
      <c r="AL103" s="53">
        <v>0</v>
      </c>
      <c r="AM103" s="53">
        <v>0</v>
      </c>
      <c r="AN103" s="53">
        <v>0</v>
      </c>
      <c r="AO103" s="53">
        <v>0</v>
      </c>
      <c r="AP103" s="53">
        <v>0</v>
      </c>
      <c r="AQ103" s="53">
        <v>0</v>
      </c>
      <c r="AR103" s="53">
        <v>0</v>
      </c>
      <c r="AS103" s="53">
        <v>0</v>
      </c>
      <c r="AT103" s="53">
        <v>0</v>
      </c>
      <c r="AU103" s="53">
        <v>0</v>
      </c>
      <c r="AV103" s="53">
        <v>0</v>
      </c>
      <c r="AW103" s="53">
        <v>0</v>
      </c>
      <c r="AX103" s="53">
        <v>0</v>
      </c>
      <c r="AY103" s="53">
        <v>0</v>
      </c>
      <c r="AZ103" s="53">
        <v>0</v>
      </c>
      <c r="BA103" s="53">
        <v>0</v>
      </c>
    </row>
    <row r="104" spans="1:53">
      <c r="A104" s="52" t="s">
        <v>293</v>
      </c>
      <c r="B104" s="53">
        <v>0</v>
      </c>
      <c r="C104" s="53">
        <v>0</v>
      </c>
      <c r="D104" s="53">
        <v>0</v>
      </c>
      <c r="E104" s="53">
        <v>0</v>
      </c>
      <c r="F104" s="53">
        <v>0</v>
      </c>
      <c r="G104" s="53">
        <v>0</v>
      </c>
      <c r="H104" s="53">
        <v>0</v>
      </c>
      <c r="I104" s="53">
        <v>0</v>
      </c>
      <c r="J104" s="53">
        <v>0</v>
      </c>
      <c r="K104" s="53">
        <v>0</v>
      </c>
      <c r="L104" s="53">
        <v>0</v>
      </c>
      <c r="M104" s="53">
        <v>0</v>
      </c>
      <c r="N104" s="53">
        <v>0</v>
      </c>
      <c r="O104" s="53">
        <v>0</v>
      </c>
      <c r="P104" s="53">
        <v>0</v>
      </c>
      <c r="Q104" s="53">
        <v>0</v>
      </c>
      <c r="R104" s="53">
        <v>0</v>
      </c>
      <c r="S104" s="53">
        <v>0</v>
      </c>
      <c r="T104" s="53">
        <v>0</v>
      </c>
      <c r="U104" s="53">
        <v>0</v>
      </c>
      <c r="V104" s="53">
        <v>0</v>
      </c>
      <c r="W104" s="53">
        <v>0</v>
      </c>
      <c r="X104" s="53">
        <v>0</v>
      </c>
      <c r="Y104" s="53">
        <v>0</v>
      </c>
      <c r="Z104" s="53">
        <v>0</v>
      </c>
      <c r="AA104" s="53">
        <v>0</v>
      </c>
      <c r="AB104" s="53">
        <v>0</v>
      </c>
      <c r="AC104" s="53">
        <v>0</v>
      </c>
      <c r="AD104" s="53">
        <v>0</v>
      </c>
      <c r="AE104" s="53">
        <v>0</v>
      </c>
      <c r="AF104" s="53">
        <v>0</v>
      </c>
      <c r="AG104" s="53">
        <v>0</v>
      </c>
      <c r="AH104" s="53">
        <v>0</v>
      </c>
      <c r="AI104" s="53">
        <v>0</v>
      </c>
      <c r="AJ104" s="53">
        <v>0</v>
      </c>
      <c r="AK104" s="53">
        <v>0</v>
      </c>
      <c r="AL104" s="53">
        <v>0</v>
      </c>
      <c r="AM104" s="53">
        <v>0</v>
      </c>
      <c r="AN104" s="53">
        <v>0</v>
      </c>
      <c r="AO104" s="53">
        <v>0</v>
      </c>
      <c r="AP104" s="53">
        <v>0</v>
      </c>
      <c r="AQ104" s="53">
        <v>0</v>
      </c>
      <c r="AR104" s="53">
        <v>0</v>
      </c>
      <c r="AS104" s="53">
        <v>0</v>
      </c>
      <c r="AT104" s="53">
        <v>0</v>
      </c>
      <c r="AU104" s="53">
        <v>0</v>
      </c>
      <c r="AV104" s="53">
        <v>0</v>
      </c>
      <c r="AW104" s="53">
        <v>0</v>
      </c>
      <c r="AX104" s="53">
        <v>0</v>
      </c>
      <c r="AY104" s="53">
        <v>0</v>
      </c>
      <c r="AZ104" s="53">
        <v>0</v>
      </c>
      <c r="BA104" s="53">
        <v>0</v>
      </c>
    </row>
    <row r="105" spans="1:53">
      <c r="A105" s="52" t="s">
        <v>294</v>
      </c>
      <c r="B105" s="53">
        <v>0</v>
      </c>
      <c r="C105" s="53">
        <v>0</v>
      </c>
      <c r="D105" s="53">
        <v>0</v>
      </c>
      <c r="E105" s="53">
        <v>0</v>
      </c>
      <c r="F105" s="53">
        <v>0</v>
      </c>
      <c r="G105" s="53">
        <v>0</v>
      </c>
      <c r="H105" s="53">
        <v>0</v>
      </c>
      <c r="I105" s="53">
        <v>0</v>
      </c>
      <c r="J105" s="53">
        <v>0</v>
      </c>
      <c r="K105" s="53">
        <v>0</v>
      </c>
      <c r="L105" s="53">
        <v>0</v>
      </c>
      <c r="M105" s="53">
        <v>0</v>
      </c>
      <c r="N105" s="53">
        <v>0</v>
      </c>
      <c r="O105" s="53">
        <v>0</v>
      </c>
      <c r="P105" s="53">
        <v>0</v>
      </c>
      <c r="Q105" s="53">
        <v>0</v>
      </c>
      <c r="R105" s="53">
        <v>0</v>
      </c>
      <c r="S105" s="53">
        <v>0</v>
      </c>
      <c r="T105" s="53">
        <v>0</v>
      </c>
      <c r="U105" s="53">
        <v>0</v>
      </c>
      <c r="V105" s="53">
        <v>0</v>
      </c>
      <c r="W105" s="53">
        <v>0</v>
      </c>
      <c r="X105" s="53">
        <v>0</v>
      </c>
      <c r="Y105" s="53">
        <v>0</v>
      </c>
      <c r="Z105" s="53">
        <v>0</v>
      </c>
      <c r="AA105" s="53">
        <v>0</v>
      </c>
      <c r="AB105" s="53">
        <v>0</v>
      </c>
      <c r="AC105" s="53">
        <v>0</v>
      </c>
      <c r="AD105" s="53">
        <v>0</v>
      </c>
      <c r="AE105" s="53">
        <v>0</v>
      </c>
      <c r="AF105" s="53">
        <v>0</v>
      </c>
      <c r="AG105" s="53">
        <v>0</v>
      </c>
      <c r="AH105" s="53">
        <v>0</v>
      </c>
      <c r="AI105" s="53">
        <v>0</v>
      </c>
      <c r="AJ105" s="53">
        <v>0</v>
      </c>
      <c r="AK105" s="53">
        <v>0</v>
      </c>
      <c r="AL105" s="53">
        <v>0</v>
      </c>
      <c r="AM105" s="53">
        <v>0</v>
      </c>
      <c r="AN105" s="53">
        <v>0</v>
      </c>
      <c r="AO105" s="53">
        <v>0</v>
      </c>
      <c r="AP105" s="53">
        <v>0</v>
      </c>
      <c r="AQ105" s="53">
        <v>0</v>
      </c>
      <c r="AR105" s="53">
        <v>0</v>
      </c>
      <c r="AS105" s="53">
        <v>0</v>
      </c>
      <c r="AT105" s="53">
        <v>0</v>
      </c>
      <c r="AU105" s="53">
        <v>0</v>
      </c>
      <c r="AV105" s="53">
        <v>0</v>
      </c>
      <c r="AW105" s="53">
        <v>0</v>
      </c>
      <c r="AX105" s="53">
        <v>0</v>
      </c>
      <c r="AY105" s="53">
        <v>0</v>
      </c>
      <c r="AZ105" s="53">
        <v>0</v>
      </c>
      <c r="BA105" s="53">
        <v>0</v>
      </c>
    </row>
    <row r="106" spans="1:53">
      <c r="A106" s="52" t="s">
        <v>295</v>
      </c>
      <c r="B106" s="53">
        <v>0</v>
      </c>
      <c r="C106" s="53">
        <v>0</v>
      </c>
      <c r="D106" s="53">
        <v>0</v>
      </c>
      <c r="E106" s="53">
        <v>0</v>
      </c>
      <c r="F106" s="53">
        <v>0</v>
      </c>
      <c r="G106" s="53">
        <v>0</v>
      </c>
      <c r="H106" s="53">
        <v>0</v>
      </c>
      <c r="I106" s="53">
        <v>0</v>
      </c>
      <c r="J106" s="53">
        <v>0</v>
      </c>
      <c r="K106" s="53">
        <v>0</v>
      </c>
      <c r="L106" s="53">
        <v>0</v>
      </c>
      <c r="M106" s="53">
        <v>0</v>
      </c>
      <c r="N106" s="53">
        <v>0</v>
      </c>
      <c r="O106" s="53">
        <v>0</v>
      </c>
      <c r="P106" s="53">
        <v>0</v>
      </c>
      <c r="Q106" s="53">
        <v>0</v>
      </c>
      <c r="R106" s="53">
        <v>0</v>
      </c>
      <c r="S106" s="53">
        <v>0</v>
      </c>
      <c r="T106" s="53">
        <v>0</v>
      </c>
      <c r="U106" s="53">
        <v>0</v>
      </c>
      <c r="V106" s="53">
        <v>0</v>
      </c>
      <c r="W106" s="53">
        <v>0</v>
      </c>
      <c r="X106" s="53">
        <v>0</v>
      </c>
      <c r="Y106" s="53">
        <v>0</v>
      </c>
      <c r="Z106" s="53">
        <v>0</v>
      </c>
      <c r="AA106" s="53">
        <v>0</v>
      </c>
      <c r="AB106" s="53">
        <v>0</v>
      </c>
      <c r="AC106" s="53">
        <v>0</v>
      </c>
      <c r="AD106" s="53">
        <v>0</v>
      </c>
      <c r="AE106" s="53">
        <v>0</v>
      </c>
      <c r="AF106" s="53">
        <v>0</v>
      </c>
      <c r="AG106" s="53">
        <v>0</v>
      </c>
      <c r="AH106" s="53">
        <v>0</v>
      </c>
      <c r="AI106" s="53">
        <v>0</v>
      </c>
      <c r="AJ106" s="53">
        <v>0</v>
      </c>
      <c r="AK106" s="53">
        <v>0</v>
      </c>
      <c r="AL106" s="53">
        <v>0</v>
      </c>
      <c r="AM106" s="53">
        <v>0</v>
      </c>
      <c r="AN106" s="53">
        <v>0</v>
      </c>
      <c r="AO106" s="53">
        <v>0</v>
      </c>
      <c r="AP106" s="53">
        <v>0</v>
      </c>
      <c r="AQ106" s="53">
        <v>0</v>
      </c>
      <c r="AR106" s="53">
        <v>0</v>
      </c>
      <c r="AS106" s="53">
        <v>0</v>
      </c>
      <c r="AT106" s="53">
        <v>0</v>
      </c>
      <c r="AU106" s="53">
        <v>0</v>
      </c>
      <c r="AV106" s="53">
        <v>0</v>
      </c>
      <c r="AW106" s="53">
        <v>0</v>
      </c>
      <c r="AX106" s="53">
        <v>0</v>
      </c>
      <c r="AY106" s="53">
        <v>0</v>
      </c>
      <c r="AZ106" s="53">
        <v>0</v>
      </c>
      <c r="BA106" s="53">
        <v>0</v>
      </c>
    </row>
    <row r="107" spans="1:53">
      <c r="A107" s="52" t="s">
        <v>296</v>
      </c>
      <c r="B107" s="53">
        <v>0</v>
      </c>
      <c r="C107" s="53">
        <v>0</v>
      </c>
      <c r="D107" s="53">
        <v>0</v>
      </c>
      <c r="E107" s="53">
        <v>0</v>
      </c>
      <c r="F107" s="53">
        <v>0</v>
      </c>
      <c r="G107" s="53">
        <v>0</v>
      </c>
      <c r="H107" s="53">
        <v>0</v>
      </c>
      <c r="I107" s="53">
        <v>0</v>
      </c>
      <c r="J107" s="53">
        <v>0</v>
      </c>
      <c r="K107" s="53">
        <v>0</v>
      </c>
      <c r="L107" s="53">
        <v>0</v>
      </c>
      <c r="M107" s="53">
        <v>0</v>
      </c>
      <c r="N107" s="53">
        <v>0</v>
      </c>
      <c r="O107" s="53">
        <v>0</v>
      </c>
      <c r="P107" s="53">
        <v>0</v>
      </c>
      <c r="Q107" s="53">
        <v>0</v>
      </c>
      <c r="R107" s="53">
        <v>0</v>
      </c>
      <c r="S107" s="53">
        <v>0</v>
      </c>
      <c r="T107" s="53">
        <v>0</v>
      </c>
      <c r="U107" s="53">
        <v>0</v>
      </c>
      <c r="V107" s="53">
        <v>0</v>
      </c>
      <c r="W107" s="53">
        <v>0</v>
      </c>
      <c r="X107" s="53">
        <v>0</v>
      </c>
      <c r="Y107" s="53">
        <v>0</v>
      </c>
      <c r="Z107" s="53">
        <v>0</v>
      </c>
      <c r="AA107" s="53">
        <v>0</v>
      </c>
      <c r="AB107" s="53">
        <v>0</v>
      </c>
      <c r="AC107" s="53">
        <v>0</v>
      </c>
      <c r="AD107" s="53">
        <v>0</v>
      </c>
      <c r="AE107" s="53">
        <v>0</v>
      </c>
      <c r="AF107" s="53">
        <v>0</v>
      </c>
      <c r="AG107" s="53">
        <v>0</v>
      </c>
      <c r="AH107" s="53">
        <v>0</v>
      </c>
      <c r="AI107" s="53">
        <v>0</v>
      </c>
      <c r="AJ107" s="53">
        <v>0</v>
      </c>
      <c r="AK107" s="53">
        <v>0</v>
      </c>
      <c r="AL107" s="53">
        <v>0</v>
      </c>
      <c r="AM107" s="53">
        <v>0</v>
      </c>
      <c r="AN107" s="53">
        <v>0</v>
      </c>
      <c r="AO107" s="53">
        <v>0</v>
      </c>
      <c r="AP107" s="53">
        <v>0</v>
      </c>
      <c r="AQ107" s="53">
        <v>0</v>
      </c>
      <c r="AR107" s="53">
        <v>0</v>
      </c>
      <c r="AS107" s="53">
        <v>0</v>
      </c>
      <c r="AT107" s="53">
        <v>0</v>
      </c>
      <c r="AU107" s="53">
        <v>0</v>
      </c>
      <c r="AV107" s="53">
        <v>0</v>
      </c>
      <c r="AW107" s="53">
        <v>0</v>
      </c>
      <c r="AX107" s="53">
        <v>0</v>
      </c>
      <c r="AY107" s="53">
        <v>0</v>
      </c>
      <c r="AZ107" s="53">
        <v>0</v>
      </c>
      <c r="BA107" s="53">
        <v>0</v>
      </c>
    </row>
    <row r="108" spans="1:53">
      <c r="A108" s="58" t="s">
        <v>297</v>
      </c>
      <c r="B108" s="134">
        <v>1581965427.9642799</v>
      </c>
      <c r="C108" s="134">
        <v>1559109479.08956</v>
      </c>
      <c r="D108" s="134">
        <v>1599098018.46948</v>
      </c>
      <c r="E108" s="134">
        <v>1772715732.11638</v>
      </c>
      <c r="F108" s="134">
        <v>1909486116.2653699</v>
      </c>
      <c r="G108" s="134">
        <v>1754343719.36605</v>
      </c>
      <c r="H108" s="134">
        <v>1909186873.9832201</v>
      </c>
      <c r="I108" s="134">
        <v>2045480141.7576399</v>
      </c>
      <c r="J108" s="134">
        <v>2115172524.8988199</v>
      </c>
      <c r="K108" s="134">
        <v>2120439904.4836299</v>
      </c>
      <c r="L108" s="134">
        <v>2187659549.7017498</v>
      </c>
      <c r="M108" s="134">
        <v>1413396857.4460399</v>
      </c>
      <c r="N108" s="134">
        <v>1413396857.4460399</v>
      </c>
      <c r="O108" s="134">
        <v>1528739009.0297699</v>
      </c>
      <c r="P108" s="134">
        <v>1705975826.9730501</v>
      </c>
      <c r="Q108" s="134">
        <v>1593788690.3041</v>
      </c>
      <c r="R108" s="134">
        <v>1723834654.3115699</v>
      </c>
      <c r="S108" s="134">
        <v>1882275993.3347001</v>
      </c>
      <c r="T108" s="134">
        <v>1892797004.4658799</v>
      </c>
      <c r="U108" s="134">
        <v>2062775964.46646</v>
      </c>
      <c r="V108" s="134">
        <v>2227795625.68542</v>
      </c>
      <c r="W108" s="134">
        <v>2154750942.30551</v>
      </c>
      <c r="X108" s="134">
        <v>2330355159.06393</v>
      </c>
      <c r="Y108" s="134">
        <v>2502130985.6289802</v>
      </c>
      <c r="Z108" s="134">
        <v>1071954993.05371</v>
      </c>
      <c r="AA108" s="134">
        <v>1071954993.05371</v>
      </c>
      <c r="AB108" s="134">
        <v>1201972729.62233</v>
      </c>
      <c r="AC108" s="134">
        <v>1352041749.73</v>
      </c>
      <c r="AD108" s="134">
        <v>1434674448.53934</v>
      </c>
      <c r="AE108" s="134">
        <v>1587181830.39958</v>
      </c>
      <c r="AF108" s="134">
        <v>1689516414.9395599</v>
      </c>
      <c r="AG108" s="134">
        <v>1368413517.2096801</v>
      </c>
      <c r="AH108" s="134">
        <v>1374383936.9503901</v>
      </c>
      <c r="AI108" s="134">
        <v>1514830380.6593299</v>
      </c>
      <c r="AJ108" s="134">
        <v>1586923720.35074</v>
      </c>
      <c r="AK108" s="134">
        <v>1730839020.7376699</v>
      </c>
      <c r="AL108" s="134">
        <v>1867095313.81179</v>
      </c>
      <c r="AM108" s="134">
        <v>1517258837.3740201</v>
      </c>
      <c r="AN108" s="134">
        <v>1517258837.3740201</v>
      </c>
      <c r="AO108" s="134">
        <v>1664544030.5949299</v>
      </c>
      <c r="AP108" s="134">
        <v>1812953334.7811899</v>
      </c>
      <c r="AQ108" s="134">
        <v>1795877570.0197599</v>
      </c>
      <c r="AR108" s="134">
        <v>1937606844.9398</v>
      </c>
      <c r="AS108" s="134">
        <v>2062258518.3812599</v>
      </c>
      <c r="AT108" s="134">
        <v>1740467227.76948</v>
      </c>
      <c r="AU108" s="134">
        <v>1717663353.86711</v>
      </c>
      <c r="AV108" s="134">
        <v>1862731348.34426</v>
      </c>
      <c r="AW108" s="134">
        <v>1912669057.88463</v>
      </c>
      <c r="AX108" s="134">
        <v>2000340404.41888</v>
      </c>
      <c r="AY108" s="134">
        <v>2138205180.20682</v>
      </c>
      <c r="AZ108" s="134">
        <v>1904721951.4277699</v>
      </c>
      <c r="BA108" s="134">
        <v>1904721951.4277699</v>
      </c>
    </row>
    <row r="109" spans="1:53">
      <c r="A109" s="52" t="s">
        <v>298</v>
      </c>
    </row>
    <row r="110" spans="1:53">
      <c r="A110" s="57" t="s">
        <v>299</v>
      </c>
    </row>
    <row r="111" spans="1:53">
      <c r="A111" s="52" t="s">
        <v>300</v>
      </c>
      <c r="B111" s="53">
        <v>-6330290318.1728401</v>
      </c>
      <c r="C111" s="53">
        <v>-6371190222.5039701</v>
      </c>
      <c r="D111" s="53">
        <v>-6421024045.6990299</v>
      </c>
      <c r="E111" s="53">
        <v>-6480412674.4687595</v>
      </c>
      <c r="F111" s="53">
        <v>-6540656909.7484598</v>
      </c>
      <c r="G111" s="53">
        <v>-6585137261.4475498</v>
      </c>
      <c r="H111" s="53">
        <v>-6646592691.18929</v>
      </c>
      <c r="I111" s="53">
        <v>-6677258349.12146</v>
      </c>
      <c r="J111" s="53">
        <v>-6730378273.6155005</v>
      </c>
      <c r="K111" s="53">
        <v>-6780272133.4243202</v>
      </c>
      <c r="L111" s="53">
        <v>-6828219834.8615599</v>
      </c>
      <c r="M111" s="53">
        <v>-6796411420.5136099</v>
      </c>
      <c r="N111" s="53">
        <v>-6796411420.5136099</v>
      </c>
      <c r="O111" s="53">
        <v>-6857654654.0871496</v>
      </c>
      <c r="P111" s="53">
        <v>-6922755491.30054</v>
      </c>
      <c r="Q111" s="53">
        <v>-6979156157.1363497</v>
      </c>
      <c r="R111" s="53">
        <v>-7041366593.31991</v>
      </c>
      <c r="S111" s="53">
        <v>-7107605428.19384</v>
      </c>
      <c r="T111" s="53">
        <v>-7157837432.1289101</v>
      </c>
      <c r="U111" s="53">
        <v>-7222317921.9081697</v>
      </c>
      <c r="V111" s="53">
        <v>-7288352198.4744596</v>
      </c>
      <c r="W111" s="53">
        <v>-7292130911.7150402</v>
      </c>
      <c r="X111" s="53">
        <v>-7360597392.1014605</v>
      </c>
      <c r="Y111" s="53">
        <v>-7429409405.6825304</v>
      </c>
      <c r="Z111" s="53">
        <v>-7366445680.0222797</v>
      </c>
      <c r="AA111" s="53">
        <v>-7366445680.0222797</v>
      </c>
      <c r="AB111" s="53">
        <v>-7437585329.9966297</v>
      </c>
      <c r="AC111" s="53">
        <v>-7510165388.0265999</v>
      </c>
      <c r="AD111" s="53">
        <v>-7574459692.8628502</v>
      </c>
      <c r="AE111" s="53">
        <v>-7646597783.3138599</v>
      </c>
      <c r="AF111" s="53">
        <v>-7714873787.0702696</v>
      </c>
      <c r="AG111" s="53">
        <v>-7774564464.0459805</v>
      </c>
      <c r="AH111" s="53">
        <v>-7833358166.4743404</v>
      </c>
      <c r="AI111" s="53">
        <v>-7906287352.7897902</v>
      </c>
      <c r="AJ111" s="53">
        <v>-7973599063.3966503</v>
      </c>
      <c r="AK111" s="53">
        <v>-8048969208.4924097</v>
      </c>
      <c r="AL111" s="53">
        <v>-8124674474.9273596</v>
      </c>
      <c r="AM111" s="53">
        <v>-8108280061.5947905</v>
      </c>
      <c r="AN111" s="53">
        <v>-8108280061.5947905</v>
      </c>
      <c r="AO111" s="53">
        <v>-8185627930.1851997</v>
      </c>
      <c r="AP111" s="53">
        <v>-8261470062.1506701</v>
      </c>
      <c r="AQ111" s="53">
        <v>-8330931490.2457895</v>
      </c>
      <c r="AR111" s="53">
        <v>-8407048465.5719805</v>
      </c>
      <c r="AS111" s="53">
        <v>-8482263335.6681204</v>
      </c>
      <c r="AT111" s="53">
        <v>-8545738250.4839497</v>
      </c>
      <c r="AU111" s="53">
        <v>-8609742004.6276703</v>
      </c>
      <c r="AV111" s="53">
        <v>-8686951247.9939995</v>
      </c>
      <c r="AW111" s="53">
        <v>-8757878875.5612507</v>
      </c>
      <c r="AX111" s="53">
        <v>-8831826631.0351505</v>
      </c>
      <c r="AY111" s="53">
        <v>-8911339296.1011791</v>
      </c>
      <c r="AZ111" s="53">
        <v>-8978324069.3063393</v>
      </c>
      <c r="BA111" s="53">
        <v>-8978324069.3063393</v>
      </c>
    </row>
    <row r="112" spans="1:53">
      <c r="A112" s="52" t="s">
        <v>301</v>
      </c>
      <c r="B112" s="53">
        <v>591381</v>
      </c>
      <c r="C112" s="53">
        <v>591381</v>
      </c>
      <c r="D112" s="53">
        <v>591381</v>
      </c>
      <c r="E112" s="53">
        <v>591381</v>
      </c>
      <c r="F112" s="53">
        <v>591381</v>
      </c>
      <c r="G112" s="53">
        <v>591381</v>
      </c>
      <c r="H112" s="53">
        <v>591381</v>
      </c>
      <c r="I112" s="53">
        <v>591381</v>
      </c>
      <c r="J112" s="53">
        <v>591381</v>
      </c>
      <c r="K112" s="53">
        <v>591381</v>
      </c>
      <c r="L112" s="53">
        <v>591381</v>
      </c>
      <c r="M112" s="53">
        <v>591381</v>
      </c>
      <c r="N112" s="53">
        <v>591381</v>
      </c>
      <c r="O112" s="53">
        <v>591381</v>
      </c>
      <c r="P112" s="53">
        <v>591381</v>
      </c>
      <c r="Q112" s="53">
        <v>591381</v>
      </c>
      <c r="R112" s="53">
        <v>591381</v>
      </c>
      <c r="S112" s="53">
        <v>591381</v>
      </c>
      <c r="T112" s="53">
        <v>591381</v>
      </c>
      <c r="U112" s="53">
        <v>591381</v>
      </c>
      <c r="V112" s="53">
        <v>591381</v>
      </c>
      <c r="W112" s="53">
        <v>591381</v>
      </c>
      <c r="X112" s="53">
        <v>591381</v>
      </c>
      <c r="Y112" s="53">
        <v>591381</v>
      </c>
      <c r="Z112" s="53">
        <v>591381</v>
      </c>
      <c r="AA112" s="53">
        <v>591381</v>
      </c>
      <c r="AB112" s="53">
        <v>591381</v>
      </c>
      <c r="AC112" s="53">
        <v>591381</v>
      </c>
      <c r="AD112" s="53">
        <v>591381</v>
      </c>
      <c r="AE112" s="53">
        <v>591381</v>
      </c>
      <c r="AF112" s="53">
        <v>591381</v>
      </c>
      <c r="AG112" s="53">
        <v>591381</v>
      </c>
      <c r="AH112" s="53">
        <v>591381</v>
      </c>
      <c r="AI112" s="53">
        <v>591381</v>
      </c>
      <c r="AJ112" s="53">
        <v>591381</v>
      </c>
      <c r="AK112" s="53">
        <v>591381</v>
      </c>
      <c r="AL112" s="53">
        <v>591381</v>
      </c>
      <c r="AM112" s="53">
        <v>591381</v>
      </c>
      <c r="AN112" s="53">
        <v>591381</v>
      </c>
      <c r="AO112" s="53">
        <v>591381</v>
      </c>
      <c r="AP112" s="53">
        <v>591381</v>
      </c>
      <c r="AQ112" s="53">
        <v>591381</v>
      </c>
      <c r="AR112" s="53">
        <v>591381</v>
      </c>
      <c r="AS112" s="53">
        <v>591381</v>
      </c>
      <c r="AT112" s="53">
        <v>591381</v>
      </c>
      <c r="AU112" s="53">
        <v>591381</v>
      </c>
      <c r="AV112" s="53">
        <v>591381</v>
      </c>
      <c r="AW112" s="53">
        <v>591381</v>
      </c>
      <c r="AX112" s="53">
        <v>591381</v>
      </c>
      <c r="AY112" s="53">
        <v>591381</v>
      </c>
      <c r="AZ112" s="53">
        <v>591381</v>
      </c>
      <c r="BA112" s="53">
        <v>591381</v>
      </c>
    </row>
    <row r="113" spans="1:53">
      <c r="A113" s="52" t="s">
        <v>302</v>
      </c>
      <c r="B113" s="53">
        <v>0</v>
      </c>
      <c r="C113" s="53">
        <v>0</v>
      </c>
      <c r="D113" s="53">
        <v>0</v>
      </c>
      <c r="E113" s="53">
        <v>0</v>
      </c>
      <c r="F113" s="53">
        <v>0</v>
      </c>
      <c r="G113" s="53">
        <v>0</v>
      </c>
      <c r="H113" s="53">
        <v>0</v>
      </c>
      <c r="I113" s="53">
        <v>0</v>
      </c>
      <c r="J113" s="53">
        <v>0</v>
      </c>
      <c r="K113" s="53">
        <v>0</v>
      </c>
      <c r="L113" s="53">
        <v>0</v>
      </c>
      <c r="M113" s="53">
        <v>0</v>
      </c>
      <c r="N113" s="53">
        <v>0</v>
      </c>
      <c r="O113" s="53">
        <v>0</v>
      </c>
      <c r="P113" s="53">
        <v>0</v>
      </c>
      <c r="Q113" s="53">
        <v>0</v>
      </c>
      <c r="R113" s="53">
        <v>0</v>
      </c>
      <c r="S113" s="53">
        <v>0</v>
      </c>
      <c r="T113" s="53">
        <v>0</v>
      </c>
      <c r="U113" s="53">
        <v>0</v>
      </c>
      <c r="V113" s="53">
        <v>0</v>
      </c>
      <c r="W113" s="53">
        <v>0</v>
      </c>
      <c r="X113" s="53">
        <v>0</v>
      </c>
      <c r="Y113" s="53">
        <v>0</v>
      </c>
      <c r="Z113" s="53">
        <v>0</v>
      </c>
      <c r="AA113" s="53">
        <v>0</v>
      </c>
      <c r="AB113" s="53">
        <v>0</v>
      </c>
      <c r="AC113" s="53">
        <v>0</v>
      </c>
      <c r="AD113" s="53">
        <v>0</v>
      </c>
      <c r="AE113" s="53">
        <v>0</v>
      </c>
      <c r="AF113" s="53">
        <v>0</v>
      </c>
      <c r="AG113" s="53">
        <v>0</v>
      </c>
      <c r="AH113" s="53">
        <v>0</v>
      </c>
      <c r="AI113" s="53">
        <v>0</v>
      </c>
      <c r="AJ113" s="53">
        <v>0</v>
      </c>
      <c r="AK113" s="53">
        <v>0</v>
      </c>
      <c r="AL113" s="53">
        <v>0</v>
      </c>
      <c r="AM113" s="53">
        <v>0</v>
      </c>
      <c r="AN113" s="53">
        <v>0</v>
      </c>
      <c r="AO113" s="53">
        <v>0</v>
      </c>
      <c r="AP113" s="53">
        <v>0</v>
      </c>
      <c r="AQ113" s="53">
        <v>0</v>
      </c>
      <c r="AR113" s="53">
        <v>0</v>
      </c>
      <c r="AS113" s="53">
        <v>0</v>
      </c>
      <c r="AT113" s="53">
        <v>0</v>
      </c>
      <c r="AU113" s="53">
        <v>0</v>
      </c>
      <c r="AV113" s="53">
        <v>0</v>
      </c>
      <c r="AW113" s="53">
        <v>0</v>
      </c>
      <c r="AX113" s="53">
        <v>0</v>
      </c>
      <c r="AY113" s="53">
        <v>0</v>
      </c>
      <c r="AZ113" s="53">
        <v>0</v>
      </c>
      <c r="BA113" s="53">
        <v>0</v>
      </c>
    </row>
    <row r="114" spans="1:53">
      <c r="A114" s="52" t="s">
        <v>303</v>
      </c>
      <c r="B114" s="53">
        <v>0</v>
      </c>
      <c r="C114" s="53">
        <v>0</v>
      </c>
      <c r="D114" s="53">
        <v>0</v>
      </c>
      <c r="E114" s="53">
        <v>0</v>
      </c>
      <c r="F114" s="53">
        <v>0</v>
      </c>
      <c r="G114" s="53">
        <v>0</v>
      </c>
      <c r="H114" s="53">
        <v>0</v>
      </c>
      <c r="I114" s="53">
        <v>0</v>
      </c>
      <c r="J114" s="53">
        <v>0</v>
      </c>
      <c r="K114" s="53">
        <v>0</v>
      </c>
      <c r="L114" s="53">
        <v>0</v>
      </c>
      <c r="M114" s="53">
        <v>0</v>
      </c>
      <c r="N114" s="53">
        <v>0</v>
      </c>
      <c r="O114" s="53">
        <v>0</v>
      </c>
      <c r="P114" s="53">
        <v>0</v>
      </c>
      <c r="Q114" s="53">
        <v>0</v>
      </c>
      <c r="R114" s="53">
        <v>0</v>
      </c>
      <c r="S114" s="53">
        <v>0</v>
      </c>
      <c r="T114" s="53">
        <v>0</v>
      </c>
      <c r="U114" s="53">
        <v>0</v>
      </c>
      <c r="V114" s="53">
        <v>0</v>
      </c>
      <c r="W114" s="53">
        <v>0</v>
      </c>
      <c r="X114" s="53">
        <v>0</v>
      </c>
      <c r="Y114" s="53">
        <v>0</v>
      </c>
      <c r="Z114" s="53">
        <v>0</v>
      </c>
      <c r="AA114" s="53">
        <v>0</v>
      </c>
      <c r="AB114" s="53">
        <v>0</v>
      </c>
      <c r="AC114" s="53">
        <v>0</v>
      </c>
      <c r="AD114" s="53">
        <v>0</v>
      </c>
      <c r="AE114" s="53">
        <v>0</v>
      </c>
      <c r="AF114" s="53">
        <v>0</v>
      </c>
      <c r="AG114" s="53">
        <v>0</v>
      </c>
      <c r="AH114" s="53">
        <v>0</v>
      </c>
      <c r="AI114" s="53">
        <v>0</v>
      </c>
      <c r="AJ114" s="53">
        <v>0</v>
      </c>
      <c r="AK114" s="53">
        <v>0</v>
      </c>
      <c r="AL114" s="53">
        <v>0</v>
      </c>
      <c r="AM114" s="53">
        <v>0</v>
      </c>
      <c r="AN114" s="53">
        <v>0</v>
      </c>
      <c r="AO114" s="53">
        <v>0</v>
      </c>
      <c r="AP114" s="53">
        <v>0</v>
      </c>
      <c r="AQ114" s="53">
        <v>0</v>
      </c>
      <c r="AR114" s="53">
        <v>0</v>
      </c>
      <c r="AS114" s="53">
        <v>0</v>
      </c>
      <c r="AT114" s="53">
        <v>0</v>
      </c>
      <c r="AU114" s="53">
        <v>0</v>
      </c>
      <c r="AV114" s="53">
        <v>0</v>
      </c>
      <c r="AW114" s="53">
        <v>0</v>
      </c>
      <c r="AX114" s="53">
        <v>0</v>
      </c>
      <c r="AY114" s="53">
        <v>0</v>
      </c>
      <c r="AZ114" s="53">
        <v>0</v>
      </c>
      <c r="BA114" s="53">
        <v>0</v>
      </c>
    </row>
    <row r="115" spans="1:53">
      <c r="A115" s="52" t="s">
        <v>304</v>
      </c>
      <c r="B115" s="53">
        <v>-175964024.561997</v>
      </c>
      <c r="C115" s="53">
        <v>-177636882.44562301</v>
      </c>
      <c r="D115" s="53">
        <v>-178760334.77757201</v>
      </c>
      <c r="E115" s="53">
        <v>-179849667.57644099</v>
      </c>
      <c r="F115" s="53">
        <v>-180192339.91630399</v>
      </c>
      <c r="G115" s="53">
        <v>-180537099.69732299</v>
      </c>
      <c r="H115" s="53">
        <v>-180883959.635463</v>
      </c>
      <c r="I115" s="53">
        <v>-181232932.52414599</v>
      </c>
      <c r="J115" s="53">
        <v>-181584031.23473099</v>
      </c>
      <c r="K115" s="53">
        <v>-181937268.71698099</v>
      </c>
      <c r="L115" s="53">
        <v>-182292657.999549</v>
      </c>
      <c r="M115" s="53">
        <v>-182650212.190449</v>
      </c>
      <c r="N115" s="53">
        <v>-182650212.190449</v>
      </c>
      <c r="O115" s="53">
        <v>-183009944.47754699</v>
      </c>
      <c r="P115" s="53">
        <v>-183371868.12904599</v>
      </c>
      <c r="Q115" s="53">
        <v>-183735996.493972</v>
      </c>
      <c r="R115" s="53">
        <v>-184102343.00266901</v>
      </c>
      <c r="S115" s="53">
        <v>-184470921.167294</v>
      </c>
      <c r="T115" s="53">
        <v>-184841744.58231601</v>
      </c>
      <c r="U115" s="53">
        <v>-185214826.925017</v>
      </c>
      <c r="V115" s="53">
        <v>-185590181.95599401</v>
      </c>
      <c r="W115" s="53">
        <v>-185967823.51967201</v>
      </c>
      <c r="X115" s="53">
        <v>-186347765.544808</v>
      </c>
      <c r="Y115" s="53">
        <v>-186730022.04501</v>
      </c>
      <c r="Z115" s="53">
        <v>-187114607.119252</v>
      </c>
      <c r="AA115" s="53">
        <v>-187114607.119252</v>
      </c>
      <c r="AB115" s="53">
        <v>-187501534.952393</v>
      </c>
      <c r="AC115" s="53">
        <v>-187890819.81570199</v>
      </c>
      <c r="AD115" s="53">
        <v>-188282476.067384</v>
      </c>
      <c r="AE115" s="53">
        <v>-188676518.15310699</v>
      </c>
      <c r="AF115" s="53">
        <v>-189072960.60653901</v>
      </c>
      <c r="AG115" s="53">
        <v>-189471818.04988101</v>
      </c>
      <c r="AH115" s="53">
        <v>-189873105.194408</v>
      </c>
      <c r="AI115" s="53">
        <v>-190276836.84101099</v>
      </c>
      <c r="AJ115" s="53">
        <v>-190683027.880741</v>
      </c>
      <c r="AK115" s="53">
        <v>-191091693.295362</v>
      </c>
      <c r="AL115" s="53">
        <v>-191502848.15790099</v>
      </c>
      <c r="AM115" s="53">
        <v>-191916507.63320401</v>
      </c>
      <c r="AN115" s="53">
        <v>-191916507.63320401</v>
      </c>
      <c r="AO115" s="53">
        <v>-192332686.978497</v>
      </c>
      <c r="AP115" s="53">
        <v>-192751401.54394701</v>
      </c>
      <c r="AQ115" s="53">
        <v>-193172666.77322799</v>
      </c>
      <c r="AR115" s="53">
        <v>-193172661.77999899</v>
      </c>
      <c r="AS115" s="53">
        <v>-193172661.77999899</v>
      </c>
      <c r="AT115" s="53">
        <v>-193172661.77999899</v>
      </c>
      <c r="AU115" s="53">
        <v>-193172661.77999899</v>
      </c>
      <c r="AV115" s="53">
        <v>-193172661.77999899</v>
      </c>
      <c r="AW115" s="53">
        <v>-193172661.77999899</v>
      </c>
      <c r="AX115" s="53">
        <v>-193172661.77999899</v>
      </c>
      <c r="AY115" s="53">
        <v>-193172661.77999899</v>
      </c>
      <c r="AZ115" s="53">
        <v>-193172661.77999899</v>
      </c>
      <c r="BA115" s="53">
        <v>-193172661.77999899</v>
      </c>
    </row>
    <row r="116" spans="1:53">
      <c r="A116" s="52" t="s">
        <v>305</v>
      </c>
      <c r="B116" s="53">
        <v>-164150594.739999</v>
      </c>
      <c r="C116" s="53">
        <v>-164150594.739999</v>
      </c>
      <c r="D116" s="53">
        <v>-164150594.739999</v>
      </c>
      <c r="E116" s="53">
        <v>-164150594.739999</v>
      </c>
      <c r="F116" s="53">
        <v>-164150594.739999</v>
      </c>
      <c r="G116" s="53">
        <v>-164150594.739999</v>
      </c>
      <c r="H116" s="53">
        <v>-164150594.739999</v>
      </c>
      <c r="I116" s="53">
        <v>-164150594.739999</v>
      </c>
      <c r="J116" s="53">
        <v>-164150594.739999</v>
      </c>
      <c r="K116" s="53">
        <v>-164150594.739999</v>
      </c>
      <c r="L116" s="53">
        <v>-164150594.739999</v>
      </c>
      <c r="M116" s="53">
        <v>-164150594.739999</v>
      </c>
      <c r="N116" s="53">
        <v>-164150594.739999</v>
      </c>
      <c r="O116" s="53">
        <v>-164150594.739999</v>
      </c>
      <c r="P116" s="53">
        <v>-164150594.739999</v>
      </c>
      <c r="Q116" s="53">
        <v>-164150594.739999</v>
      </c>
      <c r="R116" s="53">
        <v>-164150594.739999</v>
      </c>
      <c r="S116" s="53">
        <v>-164150594.739999</v>
      </c>
      <c r="T116" s="53">
        <v>-164150594.739999</v>
      </c>
      <c r="U116" s="53">
        <v>-164150594.739999</v>
      </c>
      <c r="V116" s="53">
        <v>-164150594.739999</v>
      </c>
      <c r="W116" s="53">
        <v>-164150594.739999</v>
      </c>
      <c r="X116" s="53">
        <v>-164150594.739999</v>
      </c>
      <c r="Y116" s="53">
        <v>-164150594.739999</v>
      </c>
      <c r="Z116" s="53">
        <v>-164150594.739999</v>
      </c>
      <c r="AA116" s="53">
        <v>-164150594.739999</v>
      </c>
      <c r="AB116" s="53">
        <v>-164150594.739999</v>
      </c>
      <c r="AC116" s="53">
        <v>-164150594.739999</v>
      </c>
      <c r="AD116" s="53">
        <v>-164150594.739999</v>
      </c>
      <c r="AE116" s="53">
        <v>-164150594.739999</v>
      </c>
      <c r="AF116" s="53">
        <v>-164150594.739999</v>
      </c>
      <c r="AG116" s="53">
        <v>-164150594.739999</v>
      </c>
      <c r="AH116" s="53">
        <v>-164150594.739999</v>
      </c>
      <c r="AI116" s="53">
        <v>-164150594.739999</v>
      </c>
      <c r="AJ116" s="53">
        <v>-164150594.739999</v>
      </c>
      <c r="AK116" s="53">
        <v>-164150594.739999</v>
      </c>
      <c r="AL116" s="53">
        <v>-164150594.739999</v>
      </c>
      <c r="AM116" s="53">
        <v>-164150594.739999</v>
      </c>
      <c r="AN116" s="53">
        <v>-164150594.739999</v>
      </c>
      <c r="AO116" s="53">
        <v>-164150594.739999</v>
      </c>
      <c r="AP116" s="53">
        <v>-164150594.739999</v>
      </c>
      <c r="AQ116" s="53">
        <v>-164150594.739999</v>
      </c>
      <c r="AR116" s="53">
        <v>-164150594.739999</v>
      </c>
      <c r="AS116" s="53">
        <v>-164150594.739999</v>
      </c>
      <c r="AT116" s="53">
        <v>-164150594.739999</v>
      </c>
      <c r="AU116" s="53">
        <v>-164150594.739999</v>
      </c>
      <c r="AV116" s="53">
        <v>-164150594.739999</v>
      </c>
      <c r="AW116" s="53">
        <v>-164150594.739999</v>
      </c>
      <c r="AX116" s="53">
        <v>-164150594.739999</v>
      </c>
      <c r="AY116" s="53">
        <v>-164150594.739999</v>
      </c>
      <c r="AZ116" s="53">
        <v>-164150594.739999</v>
      </c>
      <c r="BA116" s="53">
        <v>-164150594.739999</v>
      </c>
    </row>
    <row r="117" spans="1:53">
      <c r="A117" s="52" t="s">
        <v>306</v>
      </c>
      <c r="B117" s="53">
        <v>-322058749.00999999</v>
      </c>
      <c r="C117" s="53">
        <v>-322058749.00999999</v>
      </c>
      <c r="D117" s="53">
        <v>-322058749.00999999</v>
      </c>
      <c r="E117" s="53">
        <v>-322058749.00999999</v>
      </c>
      <c r="F117" s="53">
        <v>-322058749.00999999</v>
      </c>
      <c r="G117" s="53">
        <v>-322058749.00999999</v>
      </c>
      <c r="H117" s="53">
        <v>-322058749.00999999</v>
      </c>
      <c r="I117" s="53">
        <v>-322058749.00999999</v>
      </c>
      <c r="J117" s="53">
        <v>-322058749.00999999</v>
      </c>
      <c r="K117" s="53">
        <v>-322058749.00999999</v>
      </c>
      <c r="L117" s="53">
        <v>-322058749.00999999</v>
      </c>
      <c r="M117" s="53">
        <v>-322058749.00999999</v>
      </c>
      <c r="N117" s="53">
        <v>-322058749.00999999</v>
      </c>
      <c r="O117" s="53">
        <v>-322058749.00999999</v>
      </c>
      <c r="P117" s="53">
        <v>-322058749.00999999</v>
      </c>
      <c r="Q117" s="53">
        <v>-322058749.00999999</v>
      </c>
      <c r="R117" s="53">
        <v>-322058749.00999999</v>
      </c>
      <c r="S117" s="53">
        <v>-322058749.00999999</v>
      </c>
      <c r="T117" s="53">
        <v>-322058749.00999999</v>
      </c>
      <c r="U117" s="53">
        <v>-322058749.00999999</v>
      </c>
      <c r="V117" s="53">
        <v>-322058749.00999999</v>
      </c>
      <c r="W117" s="53">
        <v>-322058749.00999999</v>
      </c>
      <c r="X117" s="53">
        <v>-322058749.00999999</v>
      </c>
      <c r="Y117" s="53">
        <v>-322058749.00999999</v>
      </c>
      <c r="Z117" s="53">
        <v>-322058749.00999999</v>
      </c>
      <c r="AA117" s="53">
        <v>-322058749.00999999</v>
      </c>
      <c r="AB117" s="53">
        <v>-322058749.00999999</v>
      </c>
      <c r="AC117" s="53">
        <v>-322058749.00999999</v>
      </c>
      <c r="AD117" s="53">
        <v>-322058749.00999999</v>
      </c>
      <c r="AE117" s="53">
        <v>-322058749.00999999</v>
      </c>
      <c r="AF117" s="53">
        <v>-322058749.00999999</v>
      </c>
      <c r="AG117" s="53">
        <v>-322058749.00999999</v>
      </c>
      <c r="AH117" s="53">
        <v>-322058749.00999999</v>
      </c>
      <c r="AI117" s="53">
        <v>-322058749.00999999</v>
      </c>
      <c r="AJ117" s="53">
        <v>-322058749.00999999</v>
      </c>
      <c r="AK117" s="53">
        <v>-322058749.00999999</v>
      </c>
      <c r="AL117" s="53">
        <v>-322058749.00999999</v>
      </c>
      <c r="AM117" s="53">
        <v>-322058749.00999999</v>
      </c>
      <c r="AN117" s="53">
        <v>-322058749.00999999</v>
      </c>
      <c r="AO117" s="53">
        <v>-322058749.00999999</v>
      </c>
      <c r="AP117" s="53">
        <v>-322058749.00999999</v>
      </c>
      <c r="AQ117" s="53">
        <v>-322058749.00999999</v>
      </c>
      <c r="AR117" s="53">
        <v>-322058749.00999999</v>
      </c>
      <c r="AS117" s="53">
        <v>-322058749.00999999</v>
      </c>
      <c r="AT117" s="53">
        <v>-322058749.00999999</v>
      </c>
      <c r="AU117" s="53">
        <v>-322058749.00999999</v>
      </c>
      <c r="AV117" s="53">
        <v>-322058749.00999999</v>
      </c>
      <c r="AW117" s="53">
        <v>-322058749.00999999</v>
      </c>
      <c r="AX117" s="53">
        <v>-322058749.00999999</v>
      </c>
      <c r="AY117" s="53">
        <v>-322058749.00999999</v>
      </c>
      <c r="AZ117" s="53">
        <v>-322058749.00999999</v>
      </c>
      <c r="BA117" s="53">
        <v>-322058749.00999999</v>
      </c>
    </row>
    <row r="118" spans="1:53">
      <c r="A118" s="52" t="s">
        <v>307</v>
      </c>
      <c r="B118" s="53">
        <v>-1682762</v>
      </c>
      <c r="C118" s="53">
        <v>-1682762</v>
      </c>
      <c r="D118" s="53">
        <v>-1682762</v>
      </c>
      <c r="E118" s="53">
        <v>-1682762</v>
      </c>
      <c r="F118" s="53">
        <v>-1682762</v>
      </c>
      <c r="G118" s="53">
        <v>-1682762</v>
      </c>
      <c r="H118" s="53">
        <v>-1682762</v>
      </c>
      <c r="I118" s="53">
        <v>-1682762</v>
      </c>
      <c r="J118" s="53">
        <v>-1682762</v>
      </c>
      <c r="K118" s="53">
        <v>-1682762</v>
      </c>
      <c r="L118" s="53">
        <v>-1682762</v>
      </c>
      <c r="M118" s="53">
        <v>-1682762</v>
      </c>
      <c r="N118" s="53">
        <v>-1682762</v>
      </c>
      <c r="O118" s="53">
        <v>-1682762</v>
      </c>
      <c r="P118" s="53">
        <v>-1682762</v>
      </c>
      <c r="Q118" s="53">
        <v>-1682762</v>
      </c>
      <c r="R118" s="53">
        <v>-1682762</v>
      </c>
      <c r="S118" s="53">
        <v>-1682762</v>
      </c>
      <c r="T118" s="53">
        <v>-1682762</v>
      </c>
      <c r="U118" s="53">
        <v>-1682762</v>
      </c>
      <c r="V118" s="53">
        <v>-1682762</v>
      </c>
      <c r="W118" s="53">
        <v>-1682762</v>
      </c>
      <c r="X118" s="53">
        <v>-1682762</v>
      </c>
      <c r="Y118" s="53">
        <v>-1682762</v>
      </c>
      <c r="Z118" s="53">
        <v>-1682762</v>
      </c>
      <c r="AA118" s="53">
        <v>-1682762</v>
      </c>
      <c r="AB118" s="53">
        <v>-1682762</v>
      </c>
      <c r="AC118" s="53">
        <v>-1682762</v>
      </c>
      <c r="AD118" s="53">
        <v>-1682762</v>
      </c>
      <c r="AE118" s="53">
        <v>-1682762</v>
      </c>
      <c r="AF118" s="53">
        <v>-1682762</v>
      </c>
      <c r="AG118" s="53">
        <v>-1682762</v>
      </c>
      <c r="AH118" s="53">
        <v>-1682762</v>
      </c>
      <c r="AI118" s="53">
        <v>-1682762</v>
      </c>
      <c r="AJ118" s="53">
        <v>-1682762</v>
      </c>
      <c r="AK118" s="53">
        <v>-1682762</v>
      </c>
      <c r="AL118" s="53">
        <v>-1682762</v>
      </c>
      <c r="AM118" s="53">
        <v>-1682762</v>
      </c>
      <c r="AN118" s="53">
        <v>-1682762</v>
      </c>
      <c r="AO118" s="53">
        <v>-1682762</v>
      </c>
      <c r="AP118" s="53">
        <v>-1682762</v>
      </c>
      <c r="AQ118" s="53">
        <v>-1682762</v>
      </c>
      <c r="AR118" s="53">
        <v>-1682762</v>
      </c>
      <c r="AS118" s="53">
        <v>-1682762</v>
      </c>
      <c r="AT118" s="53">
        <v>-1682762</v>
      </c>
      <c r="AU118" s="53">
        <v>-1682762</v>
      </c>
      <c r="AV118" s="53">
        <v>-1682762</v>
      </c>
      <c r="AW118" s="53">
        <v>-1682762</v>
      </c>
      <c r="AX118" s="53">
        <v>-1682762</v>
      </c>
      <c r="AY118" s="53">
        <v>-1682762</v>
      </c>
      <c r="AZ118" s="53">
        <v>-1682762</v>
      </c>
      <c r="BA118" s="53">
        <v>-1682762</v>
      </c>
    </row>
    <row r="119" spans="1:53">
      <c r="A119" s="52" t="s">
        <v>308</v>
      </c>
      <c r="B119" s="53">
        <v>-24601329.84</v>
      </c>
      <c r="C119" s="53">
        <v>-24601329.84</v>
      </c>
      <c r="D119" s="53">
        <v>-24601329.84</v>
      </c>
      <c r="E119" s="53">
        <v>-24601329.84</v>
      </c>
      <c r="F119" s="53">
        <v>-24601329.84</v>
      </c>
      <c r="G119" s="53">
        <v>-24601329.84</v>
      </c>
      <c r="H119" s="53">
        <v>-24601329.84</v>
      </c>
      <c r="I119" s="53">
        <v>-24601329.84</v>
      </c>
      <c r="J119" s="53">
        <v>-24601329.84</v>
      </c>
      <c r="K119" s="53">
        <v>-24601329.84</v>
      </c>
      <c r="L119" s="53">
        <v>-24601329.84</v>
      </c>
      <c r="M119" s="53">
        <v>-24601329.84</v>
      </c>
      <c r="N119" s="53">
        <v>-24601329.84</v>
      </c>
      <c r="O119" s="53">
        <v>-24601329.84</v>
      </c>
      <c r="P119" s="53">
        <v>-24601329.84</v>
      </c>
      <c r="Q119" s="53">
        <v>-24601329.84</v>
      </c>
      <c r="R119" s="53">
        <v>-24601329.84</v>
      </c>
      <c r="S119" s="53">
        <v>-24601329.84</v>
      </c>
      <c r="T119" s="53">
        <v>-24601329.84</v>
      </c>
      <c r="U119" s="53">
        <v>-24601329.84</v>
      </c>
      <c r="V119" s="53">
        <v>-24601329.84</v>
      </c>
      <c r="W119" s="53">
        <v>-24601329.84</v>
      </c>
      <c r="X119" s="53">
        <v>-24601329.84</v>
      </c>
      <c r="Y119" s="53">
        <v>-24601329.84</v>
      </c>
      <c r="Z119" s="53">
        <v>-24601329.84</v>
      </c>
      <c r="AA119" s="53">
        <v>-24601329.84</v>
      </c>
      <c r="AB119" s="53">
        <v>-24601329.84</v>
      </c>
      <c r="AC119" s="53">
        <v>-24601329.84</v>
      </c>
      <c r="AD119" s="53">
        <v>-24601329.84</v>
      </c>
      <c r="AE119" s="53">
        <v>-24601329.84</v>
      </c>
      <c r="AF119" s="53">
        <v>-24601329.84</v>
      </c>
      <c r="AG119" s="53">
        <v>-24601329.84</v>
      </c>
      <c r="AH119" s="53">
        <v>-24601329.84</v>
      </c>
      <c r="AI119" s="53">
        <v>-24601329.84</v>
      </c>
      <c r="AJ119" s="53">
        <v>-24601329.84</v>
      </c>
      <c r="AK119" s="53">
        <v>-24601329.84</v>
      </c>
      <c r="AL119" s="53">
        <v>-24601329.84</v>
      </c>
      <c r="AM119" s="53">
        <v>-24601329.84</v>
      </c>
      <c r="AN119" s="53">
        <v>-24601329.84</v>
      </c>
      <c r="AO119" s="53">
        <v>-24601329.84</v>
      </c>
      <c r="AP119" s="53">
        <v>-24601329.84</v>
      </c>
      <c r="AQ119" s="53">
        <v>-24601329.84</v>
      </c>
      <c r="AR119" s="53">
        <v>-24601329.84</v>
      </c>
      <c r="AS119" s="53">
        <v>-24601329.84</v>
      </c>
      <c r="AT119" s="53">
        <v>-24601329.84</v>
      </c>
      <c r="AU119" s="53">
        <v>-24601329.84</v>
      </c>
      <c r="AV119" s="53">
        <v>-24601329.84</v>
      </c>
      <c r="AW119" s="53">
        <v>-24601329.84</v>
      </c>
      <c r="AX119" s="53">
        <v>-24601329.84</v>
      </c>
      <c r="AY119" s="53">
        <v>-24601329.84</v>
      </c>
      <c r="AZ119" s="53">
        <v>-24601329.84</v>
      </c>
      <c r="BA119" s="53">
        <v>-24601329.84</v>
      </c>
    </row>
    <row r="120" spans="1:53">
      <c r="A120" s="52" t="s">
        <v>309</v>
      </c>
      <c r="B120" s="53">
        <v>-23354011</v>
      </c>
      <c r="C120" s="53">
        <v>-23354011</v>
      </c>
      <c r="D120" s="53">
        <v>-23354011</v>
      </c>
      <c r="E120" s="53">
        <v>-23354011</v>
      </c>
      <c r="F120" s="53">
        <v>-23354011</v>
      </c>
      <c r="G120" s="53">
        <v>-23354011</v>
      </c>
      <c r="H120" s="53">
        <v>-23354011</v>
      </c>
      <c r="I120" s="53">
        <v>-23354011</v>
      </c>
      <c r="J120" s="53">
        <v>-23354011</v>
      </c>
      <c r="K120" s="53">
        <v>-23354011</v>
      </c>
      <c r="L120" s="53">
        <v>-23354011</v>
      </c>
      <c r="M120" s="53">
        <v>-23354011</v>
      </c>
      <c r="N120" s="53">
        <v>-23354011</v>
      </c>
      <c r="O120" s="53">
        <v>-23354011</v>
      </c>
      <c r="P120" s="53">
        <v>-23354011</v>
      </c>
      <c r="Q120" s="53">
        <v>-23354011</v>
      </c>
      <c r="R120" s="53">
        <v>-23354011</v>
      </c>
      <c r="S120" s="53">
        <v>-23354011</v>
      </c>
      <c r="T120" s="53">
        <v>-23354011</v>
      </c>
      <c r="U120" s="53">
        <v>-23354011</v>
      </c>
      <c r="V120" s="53">
        <v>-23354011</v>
      </c>
      <c r="W120" s="53">
        <v>-23354011</v>
      </c>
      <c r="X120" s="53">
        <v>-23354011</v>
      </c>
      <c r="Y120" s="53">
        <v>-23354011</v>
      </c>
      <c r="Z120" s="53">
        <v>-23354011</v>
      </c>
      <c r="AA120" s="53">
        <v>-23354011</v>
      </c>
      <c r="AB120" s="53">
        <v>-23354011</v>
      </c>
      <c r="AC120" s="53">
        <v>-23354011</v>
      </c>
      <c r="AD120" s="53">
        <v>-23354011</v>
      </c>
      <c r="AE120" s="53">
        <v>-23354011</v>
      </c>
      <c r="AF120" s="53">
        <v>-23354011</v>
      </c>
      <c r="AG120" s="53">
        <v>-23354011</v>
      </c>
      <c r="AH120" s="53">
        <v>-23354011</v>
      </c>
      <c r="AI120" s="53">
        <v>-23354011</v>
      </c>
      <c r="AJ120" s="53">
        <v>-23354011</v>
      </c>
      <c r="AK120" s="53">
        <v>-23354011</v>
      </c>
      <c r="AL120" s="53">
        <v>-23354011</v>
      </c>
      <c r="AM120" s="53">
        <v>-23354011</v>
      </c>
      <c r="AN120" s="53">
        <v>-23354011</v>
      </c>
      <c r="AO120" s="53">
        <v>-23354011</v>
      </c>
      <c r="AP120" s="53">
        <v>-23354011</v>
      </c>
      <c r="AQ120" s="53">
        <v>-23354011</v>
      </c>
      <c r="AR120" s="53">
        <v>-23354011</v>
      </c>
      <c r="AS120" s="53">
        <v>-23354011</v>
      </c>
      <c r="AT120" s="53">
        <v>-23354011</v>
      </c>
      <c r="AU120" s="53">
        <v>-23354011</v>
      </c>
      <c r="AV120" s="53">
        <v>-23354011</v>
      </c>
      <c r="AW120" s="53">
        <v>-23354011</v>
      </c>
      <c r="AX120" s="53">
        <v>-23354011</v>
      </c>
      <c r="AY120" s="53">
        <v>-23354011</v>
      </c>
      <c r="AZ120" s="53">
        <v>-23354011</v>
      </c>
      <c r="BA120" s="53">
        <v>-23354011</v>
      </c>
    </row>
    <row r="121" spans="1:53">
      <c r="A121" s="52" t="s">
        <v>310</v>
      </c>
      <c r="B121" s="53">
        <v>-406957.1</v>
      </c>
      <c r="C121" s="53">
        <v>-406957.1</v>
      </c>
      <c r="D121" s="53">
        <v>-406957.1</v>
      </c>
      <c r="E121" s="53">
        <v>-406957.1</v>
      </c>
      <c r="F121" s="53">
        <v>-406957.1</v>
      </c>
      <c r="G121" s="53">
        <v>-406957.1</v>
      </c>
      <c r="H121" s="53">
        <v>-406957.1</v>
      </c>
      <c r="I121" s="53">
        <v>-406957.1</v>
      </c>
      <c r="J121" s="53">
        <v>-406957.1</v>
      </c>
      <c r="K121" s="53">
        <v>-406957.1</v>
      </c>
      <c r="L121" s="53">
        <v>-406957.1</v>
      </c>
      <c r="M121" s="53">
        <v>-406957.1</v>
      </c>
      <c r="N121" s="53">
        <v>-406957.1</v>
      </c>
      <c r="O121" s="53">
        <v>-406957.1</v>
      </c>
      <c r="P121" s="53">
        <v>-406957.1</v>
      </c>
      <c r="Q121" s="53">
        <v>-406957.1</v>
      </c>
      <c r="R121" s="53">
        <v>-406957.1</v>
      </c>
      <c r="S121" s="53">
        <v>-406957.1</v>
      </c>
      <c r="T121" s="53">
        <v>-406957.1</v>
      </c>
      <c r="U121" s="53">
        <v>-406957.1</v>
      </c>
      <c r="V121" s="53">
        <v>-406957.1</v>
      </c>
      <c r="W121" s="53">
        <v>-406957.1</v>
      </c>
      <c r="X121" s="53">
        <v>-406957.1</v>
      </c>
      <c r="Y121" s="53">
        <v>-406957.1</v>
      </c>
      <c r="Z121" s="53">
        <v>-406957.1</v>
      </c>
      <c r="AA121" s="53">
        <v>-406957.1</v>
      </c>
      <c r="AB121" s="53">
        <v>-406957.1</v>
      </c>
      <c r="AC121" s="53">
        <v>-406957.1</v>
      </c>
      <c r="AD121" s="53">
        <v>-406957.1</v>
      </c>
      <c r="AE121" s="53">
        <v>-406957.1</v>
      </c>
      <c r="AF121" s="53">
        <v>-406957.1</v>
      </c>
      <c r="AG121" s="53">
        <v>-406957.1</v>
      </c>
      <c r="AH121" s="53">
        <v>-406957.1</v>
      </c>
      <c r="AI121" s="53">
        <v>-406957.1</v>
      </c>
      <c r="AJ121" s="53">
        <v>-406957.1</v>
      </c>
      <c r="AK121" s="53">
        <v>-406957.1</v>
      </c>
      <c r="AL121" s="53">
        <v>-406957.1</v>
      </c>
      <c r="AM121" s="53">
        <v>-406957.1</v>
      </c>
      <c r="AN121" s="53">
        <v>-406957.1</v>
      </c>
      <c r="AO121" s="53">
        <v>-406957.1</v>
      </c>
      <c r="AP121" s="53">
        <v>-406957.1</v>
      </c>
      <c r="AQ121" s="53">
        <v>-406957.1</v>
      </c>
      <c r="AR121" s="53">
        <v>-406957.1</v>
      </c>
      <c r="AS121" s="53">
        <v>-406957.1</v>
      </c>
      <c r="AT121" s="53">
        <v>-406957.1</v>
      </c>
      <c r="AU121" s="53">
        <v>-406957.1</v>
      </c>
      <c r="AV121" s="53">
        <v>-406957.1</v>
      </c>
      <c r="AW121" s="53">
        <v>-406957.1</v>
      </c>
      <c r="AX121" s="53">
        <v>-406957.1</v>
      </c>
      <c r="AY121" s="53">
        <v>-406957.1</v>
      </c>
      <c r="AZ121" s="53">
        <v>-406957.1</v>
      </c>
      <c r="BA121" s="53">
        <v>-406957.1</v>
      </c>
    </row>
    <row r="122" spans="1:53">
      <c r="A122" s="52" t="s">
        <v>311</v>
      </c>
      <c r="B122" s="53">
        <v>-7546604.4900000002</v>
      </c>
      <c r="C122" s="53">
        <v>-7546604.4900000002</v>
      </c>
      <c r="D122" s="53">
        <v>-7546604.4900000002</v>
      </c>
      <c r="E122" s="53">
        <v>-7546604.4900000002</v>
      </c>
      <c r="F122" s="53">
        <v>-7546604.4900000002</v>
      </c>
      <c r="G122" s="53">
        <v>-7546604.4900000002</v>
      </c>
      <c r="H122" s="53">
        <v>-7546604.4900000002</v>
      </c>
      <c r="I122" s="53">
        <v>-7546604.4900000002</v>
      </c>
      <c r="J122" s="53">
        <v>-7546604.4900000002</v>
      </c>
      <c r="K122" s="53">
        <v>-7546604.4900000002</v>
      </c>
      <c r="L122" s="53">
        <v>-7546604.4900000002</v>
      </c>
      <c r="M122" s="53">
        <v>-7546604.4900000002</v>
      </c>
      <c r="N122" s="53">
        <v>-7546604.4900000002</v>
      </c>
      <c r="O122" s="53">
        <v>-7546604.4900000002</v>
      </c>
      <c r="P122" s="53">
        <v>-7546604.4900000002</v>
      </c>
      <c r="Q122" s="53">
        <v>-7546604.4900000002</v>
      </c>
      <c r="R122" s="53">
        <v>-7546604.4900000002</v>
      </c>
      <c r="S122" s="53">
        <v>-7546604.4900000002</v>
      </c>
      <c r="T122" s="53">
        <v>-7546604.4900000002</v>
      </c>
      <c r="U122" s="53">
        <v>-7546604.4900000002</v>
      </c>
      <c r="V122" s="53">
        <v>-7546604.4900000002</v>
      </c>
      <c r="W122" s="53">
        <v>-7546604.4900000002</v>
      </c>
      <c r="X122" s="53">
        <v>-7546604.4900000002</v>
      </c>
      <c r="Y122" s="53">
        <v>-7546604.4900000002</v>
      </c>
      <c r="Z122" s="53">
        <v>-7546604.4900000002</v>
      </c>
      <c r="AA122" s="53">
        <v>-7546604.4900000002</v>
      </c>
      <c r="AB122" s="53">
        <v>-7546604.4900000002</v>
      </c>
      <c r="AC122" s="53">
        <v>-7546604.4900000002</v>
      </c>
      <c r="AD122" s="53">
        <v>-7546604.4900000002</v>
      </c>
      <c r="AE122" s="53">
        <v>-7546604.4900000002</v>
      </c>
      <c r="AF122" s="53">
        <v>-7546604.4900000002</v>
      </c>
      <c r="AG122" s="53">
        <v>-7546604.4900000002</v>
      </c>
      <c r="AH122" s="53">
        <v>-7546604.4900000002</v>
      </c>
      <c r="AI122" s="53">
        <v>-7546604.4900000002</v>
      </c>
      <c r="AJ122" s="53">
        <v>-7546604.4900000002</v>
      </c>
      <c r="AK122" s="53">
        <v>-7546604.4900000002</v>
      </c>
      <c r="AL122" s="53">
        <v>-7546604.4900000002</v>
      </c>
      <c r="AM122" s="53">
        <v>-7546604.4900000002</v>
      </c>
      <c r="AN122" s="53">
        <v>-7546604.4900000002</v>
      </c>
      <c r="AO122" s="53">
        <v>-7546604.4900000002</v>
      </c>
      <c r="AP122" s="53">
        <v>-7546604.4900000002</v>
      </c>
      <c r="AQ122" s="53">
        <v>-7546604.4900000002</v>
      </c>
      <c r="AR122" s="53">
        <v>-7546604.4900000002</v>
      </c>
      <c r="AS122" s="53">
        <v>-7546604.4900000002</v>
      </c>
      <c r="AT122" s="53">
        <v>-7546604.4900000002</v>
      </c>
      <c r="AU122" s="53">
        <v>-7546604.4900000002</v>
      </c>
      <c r="AV122" s="53">
        <v>-7546604.4900000002</v>
      </c>
      <c r="AW122" s="53">
        <v>-7546604.4900000002</v>
      </c>
      <c r="AX122" s="53">
        <v>-7546604.4900000002</v>
      </c>
      <c r="AY122" s="53">
        <v>-7546604.4900000002</v>
      </c>
      <c r="AZ122" s="53">
        <v>-7546604.4900000002</v>
      </c>
      <c r="BA122" s="53">
        <v>-7546604.4900000002</v>
      </c>
    </row>
    <row r="123" spans="1:53">
      <c r="A123" s="52" t="s">
        <v>312</v>
      </c>
      <c r="B123" s="53">
        <v>-162980100.36000001</v>
      </c>
      <c r="C123" s="53">
        <v>-162980100.36000001</v>
      </c>
      <c r="D123" s="53">
        <v>-162980100.36000001</v>
      </c>
      <c r="E123" s="53">
        <v>-162980100.36000001</v>
      </c>
      <c r="F123" s="53">
        <v>-162980100.36000001</v>
      </c>
      <c r="G123" s="53">
        <v>-162980100.36000001</v>
      </c>
      <c r="H123" s="53">
        <v>-162980100.36000001</v>
      </c>
      <c r="I123" s="53">
        <v>-162980100.36000001</v>
      </c>
      <c r="J123" s="53">
        <v>-162980100.36000001</v>
      </c>
      <c r="K123" s="53">
        <v>-162980100.36000001</v>
      </c>
      <c r="L123" s="53">
        <v>-162980100.36000001</v>
      </c>
      <c r="M123" s="53">
        <v>-162980100.36000001</v>
      </c>
      <c r="N123" s="53">
        <v>-162980100.36000001</v>
      </c>
      <c r="O123" s="53">
        <v>-162980100.36000001</v>
      </c>
      <c r="P123" s="53">
        <v>-162980100.36000001</v>
      </c>
      <c r="Q123" s="53">
        <v>-162980100.36000001</v>
      </c>
      <c r="R123" s="53">
        <v>-162980100.36000001</v>
      </c>
      <c r="S123" s="53">
        <v>-162980100.36000001</v>
      </c>
      <c r="T123" s="53">
        <v>-162980100.36000001</v>
      </c>
      <c r="U123" s="53">
        <v>-162980100.36000001</v>
      </c>
      <c r="V123" s="53">
        <v>-162980100.36000001</v>
      </c>
      <c r="W123" s="53">
        <v>-162980100.36000001</v>
      </c>
      <c r="X123" s="53">
        <v>-162980100.36000001</v>
      </c>
      <c r="Y123" s="53">
        <v>-162980100.36000001</v>
      </c>
      <c r="Z123" s="53">
        <v>-162980100.36000001</v>
      </c>
      <c r="AA123" s="53">
        <v>-162980100.36000001</v>
      </c>
      <c r="AB123" s="53">
        <v>-162980100.36000001</v>
      </c>
      <c r="AC123" s="53">
        <v>-162980100.36000001</v>
      </c>
      <c r="AD123" s="53">
        <v>-162980100.36000001</v>
      </c>
      <c r="AE123" s="53">
        <v>-162980100.36000001</v>
      </c>
      <c r="AF123" s="53">
        <v>-162980100.36000001</v>
      </c>
      <c r="AG123" s="53">
        <v>-162980100.36000001</v>
      </c>
      <c r="AH123" s="53">
        <v>-162980100.36000001</v>
      </c>
      <c r="AI123" s="53">
        <v>-162980100.36000001</v>
      </c>
      <c r="AJ123" s="53">
        <v>-162980100.36000001</v>
      </c>
      <c r="AK123" s="53">
        <v>-162980100.36000001</v>
      </c>
      <c r="AL123" s="53">
        <v>-162980100.36000001</v>
      </c>
      <c r="AM123" s="53">
        <v>-162980100.36000001</v>
      </c>
      <c r="AN123" s="53">
        <v>-162980100.36000001</v>
      </c>
      <c r="AO123" s="53">
        <v>-162980100.36000001</v>
      </c>
      <c r="AP123" s="53">
        <v>-162980100.36000001</v>
      </c>
      <c r="AQ123" s="53">
        <v>-162980100.36000001</v>
      </c>
      <c r="AR123" s="53">
        <v>-162980100.36000001</v>
      </c>
      <c r="AS123" s="53">
        <v>-162980100.36000001</v>
      </c>
      <c r="AT123" s="53">
        <v>-162980100.36000001</v>
      </c>
      <c r="AU123" s="53">
        <v>-162980100.36000001</v>
      </c>
      <c r="AV123" s="53">
        <v>-162980100.36000001</v>
      </c>
      <c r="AW123" s="53">
        <v>-162980100.36000001</v>
      </c>
      <c r="AX123" s="53">
        <v>-162980100.36000001</v>
      </c>
      <c r="AY123" s="53">
        <v>-162980100.36000001</v>
      </c>
      <c r="AZ123" s="53">
        <v>-162980100.36000001</v>
      </c>
      <c r="BA123" s="53">
        <v>-162980100.36000001</v>
      </c>
    </row>
    <row r="124" spans="1:53">
      <c r="A124" s="52" t="s">
        <v>313</v>
      </c>
      <c r="B124" s="53">
        <v>0</v>
      </c>
      <c r="C124" s="53">
        <v>0</v>
      </c>
      <c r="D124" s="53">
        <v>0</v>
      </c>
      <c r="E124" s="53">
        <v>0</v>
      </c>
      <c r="F124" s="53">
        <v>0</v>
      </c>
      <c r="G124" s="53">
        <v>0</v>
      </c>
      <c r="H124" s="53">
        <v>0</v>
      </c>
      <c r="I124" s="53">
        <v>0</v>
      </c>
      <c r="J124" s="53">
        <v>0</v>
      </c>
      <c r="K124" s="53">
        <v>0</v>
      </c>
      <c r="L124" s="53">
        <v>0</v>
      </c>
      <c r="M124" s="53">
        <v>0</v>
      </c>
      <c r="N124" s="53">
        <v>0</v>
      </c>
      <c r="O124" s="53">
        <v>0</v>
      </c>
      <c r="P124" s="53">
        <v>0</v>
      </c>
      <c r="Q124" s="53">
        <v>0</v>
      </c>
      <c r="R124" s="53">
        <v>0</v>
      </c>
      <c r="S124" s="53">
        <v>0</v>
      </c>
      <c r="T124" s="53">
        <v>0</v>
      </c>
      <c r="U124" s="53">
        <v>0</v>
      </c>
      <c r="V124" s="53">
        <v>0</v>
      </c>
      <c r="W124" s="53">
        <v>0</v>
      </c>
      <c r="X124" s="53">
        <v>0</v>
      </c>
      <c r="Y124" s="53">
        <v>0</v>
      </c>
      <c r="Z124" s="53">
        <v>0</v>
      </c>
      <c r="AA124" s="53">
        <v>0</v>
      </c>
      <c r="AB124" s="53">
        <v>0</v>
      </c>
      <c r="AC124" s="53">
        <v>0</v>
      </c>
      <c r="AD124" s="53">
        <v>0</v>
      </c>
      <c r="AE124" s="53">
        <v>0</v>
      </c>
      <c r="AF124" s="53">
        <v>0</v>
      </c>
      <c r="AG124" s="53">
        <v>0</v>
      </c>
      <c r="AH124" s="53">
        <v>0</v>
      </c>
      <c r="AI124" s="53">
        <v>0</v>
      </c>
      <c r="AJ124" s="53">
        <v>0</v>
      </c>
      <c r="AK124" s="53">
        <v>0</v>
      </c>
      <c r="AL124" s="53">
        <v>0</v>
      </c>
      <c r="AM124" s="53">
        <v>0</v>
      </c>
      <c r="AN124" s="53">
        <v>0</v>
      </c>
      <c r="AO124" s="53">
        <v>0</v>
      </c>
      <c r="AP124" s="53">
        <v>0</v>
      </c>
      <c r="AQ124" s="53">
        <v>0</v>
      </c>
      <c r="AR124" s="53">
        <v>0</v>
      </c>
      <c r="AS124" s="53">
        <v>0</v>
      </c>
      <c r="AT124" s="53">
        <v>0</v>
      </c>
      <c r="AU124" s="53">
        <v>0</v>
      </c>
      <c r="AV124" s="53">
        <v>0</v>
      </c>
      <c r="AW124" s="53">
        <v>0</v>
      </c>
      <c r="AX124" s="53">
        <v>0</v>
      </c>
      <c r="AY124" s="53">
        <v>0</v>
      </c>
      <c r="AZ124" s="53">
        <v>0</v>
      </c>
      <c r="BA124" s="53">
        <v>0</v>
      </c>
    </row>
    <row r="125" spans="1:53">
      <c r="A125" s="52" t="s">
        <v>314</v>
      </c>
      <c r="B125" s="53">
        <v>-4149505.3899999899</v>
      </c>
      <c r="C125" s="53">
        <v>-4149505.3899999899</v>
      </c>
      <c r="D125" s="53">
        <v>-4149505.3899999899</v>
      </c>
      <c r="E125" s="53">
        <v>-4149505.3899999899</v>
      </c>
      <c r="F125" s="53">
        <v>-4149505.3899999899</v>
      </c>
      <c r="G125" s="53">
        <v>-4149505.3899999899</v>
      </c>
      <c r="H125" s="53">
        <v>-4149505.3899999899</v>
      </c>
      <c r="I125" s="53">
        <v>-4149505.3899999899</v>
      </c>
      <c r="J125" s="53">
        <v>-4149505.3899999899</v>
      </c>
      <c r="K125" s="53">
        <v>-4149505.3899999899</v>
      </c>
      <c r="L125" s="53">
        <v>-4149505.3899999899</v>
      </c>
      <c r="M125" s="53">
        <v>-4149505.3899999899</v>
      </c>
      <c r="N125" s="53">
        <v>-4149505.3899999899</v>
      </c>
      <c r="O125" s="53">
        <v>-4149505.3899999899</v>
      </c>
      <c r="P125" s="53">
        <v>-4149505.3899999899</v>
      </c>
      <c r="Q125" s="53">
        <v>-4149505.3899999899</v>
      </c>
      <c r="R125" s="53">
        <v>-4149505.3899999899</v>
      </c>
      <c r="S125" s="53">
        <v>-4149505.3899999899</v>
      </c>
      <c r="T125" s="53">
        <v>-4149505.3899999899</v>
      </c>
      <c r="U125" s="53">
        <v>-4149505.3899999899</v>
      </c>
      <c r="V125" s="53">
        <v>-4149505.3899999899</v>
      </c>
      <c r="W125" s="53">
        <v>-4149505.3899999899</v>
      </c>
      <c r="X125" s="53">
        <v>-4149505.3899999899</v>
      </c>
      <c r="Y125" s="53">
        <v>-4149505.3899999899</v>
      </c>
      <c r="Z125" s="53">
        <v>-4149505.3899999899</v>
      </c>
      <c r="AA125" s="53">
        <v>-4149505.3899999899</v>
      </c>
      <c r="AB125" s="53">
        <v>-4149505.3899999899</v>
      </c>
      <c r="AC125" s="53">
        <v>-4149505.3899999899</v>
      </c>
      <c r="AD125" s="53">
        <v>-4149505.3899999899</v>
      </c>
      <c r="AE125" s="53">
        <v>-4149505.3899999899</v>
      </c>
      <c r="AF125" s="53">
        <v>-4149505.3899999899</v>
      </c>
      <c r="AG125" s="53">
        <v>-4149505.3899999899</v>
      </c>
      <c r="AH125" s="53">
        <v>-4149505.3899999899</v>
      </c>
      <c r="AI125" s="53">
        <v>-4149505.3899999899</v>
      </c>
      <c r="AJ125" s="53">
        <v>-4149505.3899999899</v>
      </c>
      <c r="AK125" s="53">
        <v>-4149505.3899999899</v>
      </c>
      <c r="AL125" s="53">
        <v>-4149505.3899999899</v>
      </c>
      <c r="AM125" s="53">
        <v>-4149505.3899999899</v>
      </c>
      <c r="AN125" s="53">
        <v>-4149505.3899999899</v>
      </c>
      <c r="AO125" s="53">
        <v>-4149505.3899999899</v>
      </c>
      <c r="AP125" s="53">
        <v>-4149505.3899999899</v>
      </c>
      <c r="AQ125" s="53">
        <v>-4149505.3899999899</v>
      </c>
      <c r="AR125" s="53">
        <v>-4149505.3899999899</v>
      </c>
      <c r="AS125" s="53">
        <v>-4149505.3899999899</v>
      </c>
      <c r="AT125" s="53">
        <v>-4149505.3899999899</v>
      </c>
      <c r="AU125" s="53">
        <v>-4149505.3899999899</v>
      </c>
      <c r="AV125" s="53">
        <v>-4149505.3899999899</v>
      </c>
      <c r="AW125" s="53">
        <v>-4149505.3899999899</v>
      </c>
      <c r="AX125" s="53">
        <v>-4149505.3899999899</v>
      </c>
      <c r="AY125" s="53">
        <v>-4149505.3899999899</v>
      </c>
      <c r="AZ125" s="53">
        <v>-4149505.3899999899</v>
      </c>
      <c r="BA125" s="53">
        <v>-4149505.3899999899</v>
      </c>
    </row>
    <row r="126" spans="1:53">
      <c r="A126" s="52" t="s">
        <v>315</v>
      </c>
      <c r="B126" s="53">
        <v>0</v>
      </c>
      <c r="C126" s="53">
        <v>0</v>
      </c>
      <c r="D126" s="53">
        <v>0</v>
      </c>
      <c r="E126" s="53">
        <v>0</v>
      </c>
      <c r="F126" s="53">
        <v>0</v>
      </c>
      <c r="G126" s="53">
        <v>0</v>
      </c>
      <c r="H126" s="53">
        <v>0</v>
      </c>
      <c r="I126" s="53">
        <v>0</v>
      </c>
      <c r="J126" s="53">
        <v>0</v>
      </c>
      <c r="K126" s="53">
        <v>0</v>
      </c>
      <c r="L126" s="53">
        <v>0</v>
      </c>
      <c r="M126" s="53">
        <v>0</v>
      </c>
      <c r="N126" s="53">
        <v>0</v>
      </c>
      <c r="O126" s="53">
        <v>0</v>
      </c>
      <c r="P126" s="53">
        <v>0</v>
      </c>
      <c r="Q126" s="53">
        <v>0</v>
      </c>
      <c r="R126" s="53">
        <v>0</v>
      </c>
      <c r="S126" s="53">
        <v>0</v>
      </c>
      <c r="T126" s="53">
        <v>0</v>
      </c>
      <c r="U126" s="53">
        <v>0</v>
      </c>
      <c r="V126" s="53">
        <v>0</v>
      </c>
      <c r="W126" s="53">
        <v>0</v>
      </c>
      <c r="X126" s="53">
        <v>0</v>
      </c>
      <c r="Y126" s="53">
        <v>0</v>
      </c>
      <c r="Z126" s="53">
        <v>0</v>
      </c>
      <c r="AA126" s="53">
        <v>0</v>
      </c>
      <c r="AB126" s="53">
        <v>0</v>
      </c>
      <c r="AC126" s="53">
        <v>0</v>
      </c>
      <c r="AD126" s="53">
        <v>0</v>
      </c>
      <c r="AE126" s="53">
        <v>0</v>
      </c>
      <c r="AF126" s="53">
        <v>0</v>
      </c>
      <c r="AG126" s="53">
        <v>0</v>
      </c>
      <c r="AH126" s="53">
        <v>0</v>
      </c>
      <c r="AI126" s="53">
        <v>0</v>
      </c>
      <c r="AJ126" s="53">
        <v>0</v>
      </c>
      <c r="AK126" s="53">
        <v>0</v>
      </c>
      <c r="AL126" s="53">
        <v>0</v>
      </c>
      <c r="AM126" s="53">
        <v>0</v>
      </c>
      <c r="AN126" s="53">
        <v>0</v>
      </c>
      <c r="AO126" s="53">
        <v>0</v>
      </c>
      <c r="AP126" s="53">
        <v>0</v>
      </c>
      <c r="AQ126" s="53">
        <v>0</v>
      </c>
      <c r="AR126" s="53">
        <v>0</v>
      </c>
      <c r="AS126" s="53">
        <v>0</v>
      </c>
      <c r="AT126" s="53">
        <v>0</v>
      </c>
      <c r="AU126" s="53">
        <v>0</v>
      </c>
      <c r="AV126" s="53">
        <v>0</v>
      </c>
      <c r="AW126" s="53">
        <v>0</v>
      </c>
      <c r="AX126" s="53">
        <v>0</v>
      </c>
      <c r="AY126" s="53">
        <v>0</v>
      </c>
      <c r="AZ126" s="53">
        <v>0</v>
      </c>
      <c r="BA126" s="53">
        <v>0</v>
      </c>
    </row>
    <row r="127" spans="1:53">
      <c r="A127" s="52" t="s">
        <v>316</v>
      </c>
      <c r="B127" s="53">
        <v>-171490625.63999999</v>
      </c>
      <c r="C127" s="53">
        <v>-171490625.63999999</v>
      </c>
      <c r="D127" s="53">
        <v>-171490625.63999999</v>
      </c>
      <c r="E127" s="53">
        <v>-171490625.63999999</v>
      </c>
      <c r="F127" s="53">
        <v>-171490625.63999999</v>
      </c>
      <c r="G127" s="53">
        <v>-171490625.63999999</v>
      </c>
      <c r="H127" s="53">
        <v>-171490625.63999999</v>
      </c>
      <c r="I127" s="53">
        <v>-171490625.63999999</v>
      </c>
      <c r="J127" s="53">
        <v>-171490625.63999999</v>
      </c>
      <c r="K127" s="53">
        <v>-171490625.63999999</v>
      </c>
      <c r="L127" s="53">
        <v>-171490625.63999999</v>
      </c>
      <c r="M127" s="53">
        <v>-171490625.63999999</v>
      </c>
      <c r="N127" s="53">
        <v>-171490625.63999999</v>
      </c>
      <c r="O127" s="53">
        <v>-171490625.63999999</v>
      </c>
      <c r="P127" s="53">
        <v>-171490625.63999999</v>
      </c>
      <c r="Q127" s="53">
        <v>-171490625.63999999</v>
      </c>
      <c r="R127" s="53">
        <v>-171490625.63999999</v>
      </c>
      <c r="S127" s="53">
        <v>-171490625.63999999</v>
      </c>
      <c r="T127" s="53">
        <v>-171490625.63999999</v>
      </c>
      <c r="U127" s="53">
        <v>-171490625.63999999</v>
      </c>
      <c r="V127" s="53">
        <v>-171490625.63999999</v>
      </c>
      <c r="W127" s="53">
        <v>-171490625.63999999</v>
      </c>
      <c r="X127" s="53">
        <v>-171490625.63999999</v>
      </c>
      <c r="Y127" s="53">
        <v>-171490625.63999999</v>
      </c>
      <c r="Z127" s="53">
        <v>-171490625.63999999</v>
      </c>
      <c r="AA127" s="53">
        <v>-171490625.63999999</v>
      </c>
      <c r="AB127" s="53">
        <v>-171490625.63999999</v>
      </c>
      <c r="AC127" s="53">
        <v>-171490625.63999999</v>
      </c>
      <c r="AD127" s="53">
        <v>-171490625.63999999</v>
      </c>
      <c r="AE127" s="53">
        <v>-171490625.63999999</v>
      </c>
      <c r="AF127" s="53">
        <v>-171490625.63999999</v>
      </c>
      <c r="AG127" s="53">
        <v>-171490625.63999999</v>
      </c>
      <c r="AH127" s="53">
        <v>-171490625.63999999</v>
      </c>
      <c r="AI127" s="53">
        <v>-171490625.63999999</v>
      </c>
      <c r="AJ127" s="53">
        <v>-171490625.63999999</v>
      </c>
      <c r="AK127" s="53">
        <v>-171490625.63999999</v>
      </c>
      <c r="AL127" s="53">
        <v>-171490625.63999999</v>
      </c>
      <c r="AM127" s="53">
        <v>-171490625.63999999</v>
      </c>
      <c r="AN127" s="53">
        <v>-171490625.63999999</v>
      </c>
      <c r="AO127" s="53">
        <v>-171490625.63999999</v>
      </c>
      <c r="AP127" s="53">
        <v>-171490625.63999999</v>
      </c>
      <c r="AQ127" s="53">
        <v>-171490625.63999999</v>
      </c>
      <c r="AR127" s="53">
        <v>-171490625.63999999</v>
      </c>
      <c r="AS127" s="53">
        <v>-171490625.63999999</v>
      </c>
      <c r="AT127" s="53">
        <v>-171490625.63999999</v>
      </c>
      <c r="AU127" s="53">
        <v>-171490625.63999999</v>
      </c>
      <c r="AV127" s="53">
        <v>-171490625.63999999</v>
      </c>
      <c r="AW127" s="53">
        <v>-171490625.63999999</v>
      </c>
      <c r="AX127" s="53">
        <v>-171490625.63999999</v>
      </c>
      <c r="AY127" s="53">
        <v>-171490625.63999999</v>
      </c>
      <c r="AZ127" s="53">
        <v>-171490625.63999999</v>
      </c>
      <c r="BA127" s="53">
        <v>-171490625.63999999</v>
      </c>
    </row>
    <row r="128" spans="1:53">
      <c r="A128" s="52" t="s">
        <v>317</v>
      </c>
      <c r="B128" s="53">
        <v>369709788.27999997</v>
      </c>
      <c r="C128" s="53">
        <v>369709788.27999997</v>
      </c>
      <c r="D128" s="53">
        <v>369709788.27999997</v>
      </c>
      <c r="E128" s="53">
        <v>369709788.27999997</v>
      </c>
      <c r="F128" s="53">
        <v>369709788.27999997</v>
      </c>
      <c r="G128" s="53">
        <v>369709788.27999997</v>
      </c>
      <c r="H128" s="53">
        <v>369709788.27999997</v>
      </c>
      <c r="I128" s="53">
        <v>369709788.27999997</v>
      </c>
      <c r="J128" s="53">
        <v>369709788.27999997</v>
      </c>
      <c r="K128" s="53">
        <v>369709788.27999997</v>
      </c>
      <c r="L128" s="53">
        <v>369709788.27999997</v>
      </c>
      <c r="M128" s="53">
        <v>369709788.27999997</v>
      </c>
      <c r="N128" s="53">
        <v>369709788.27999997</v>
      </c>
      <c r="O128" s="53">
        <v>369709788.27999997</v>
      </c>
      <c r="P128" s="53">
        <v>369709788.27999997</v>
      </c>
      <c r="Q128" s="53">
        <v>369709788.27999997</v>
      </c>
      <c r="R128" s="53">
        <v>369709788.27999997</v>
      </c>
      <c r="S128" s="53">
        <v>369709788.27999997</v>
      </c>
      <c r="T128" s="53">
        <v>369709788.27999997</v>
      </c>
      <c r="U128" s="53">
        <v>369709788.27999997</v>
      </c>
      <c r="V128" s="53">
        <v>369709788.27999997</v>
      </c>
      <c r="W128" s="53">
        <v>369709788.27999997</v>
      </c>
      <c r="X128" s="53">
        <v>369709788.27999997</v>
      </c>
      <c r="Y128" s="53">
        <v>369709788.27999997</v>
      </c>
      <c r="Z128" s="53">
        <v>369709788.27999997</v>
      </c>
      <c r="AA128" s="53">
        <v>369709788.27999997</v>
      </c>
      <c r="AB128" s="53">
        <v>369709788.27999997</v>
      </c>
      <c r="AC128" s="53">
        <v>369709788.27999997</v>
      </c>
      <c r="AD128" s="53">
        <v>369709788.27999997</v>
      </c>
      <c r="AE128" s="53">
        <v>369709788.27999997</v>
      </c>
      <c r="AF128" s="53">
        <v>369709788.27999997</v>
      </c>
      <c r="AG128" s="53">
        <v>369709788.27999997</v>
      </c>
      <c r="AH128" s="53">
        <v>369709788.27999997</v>
      </c>
      <c r="AI128" s="53">
        <v>369709788.27999997</v>
      </c>
      <c r="AJ128" s="53">
        <v>369709788.27999997</v>
      </c>
      <c r="AK128" s="53">
        <v>369709788.27999997</v>
      </c>
      <c r="AL128" s="53">
        <v>369709788.27999997</v>
      </c>
      <c r="AM128" s="53">
        <v>369709788.27999997</v>
      </c>
      <c r="AN128" s="53">
        <v>369709788.27999997</v>
      </c>
      <c r="AO128" s="53">
        <v>369709788.27999997</v>
      </c>
      <c r="AP128" s="53">
        <v>369709788.27999997</v>
      </c>
      <c r="AQ128" s="53">
        <v>369709788.27999997</v>
      </c>
      <c r="AR128" s="53">
        <v>369709788.27999997</v>
      </c>
      <c r="AS128" s="53">
        <v>369709788.27999997</v>
      </c>
      <c r="AT128" s="53">
        <v>369709788.27999997</v>
      </c>
      <c r="AU128" s="53">
        <v>369709788.27999997</v>
      </c>
      <c r="AV128" s="53">
        <v>369709788.27999997</v>
      </c>
      <c r="AW128" s="53">
        <v>369709788.27999997</v>
      </c>
      <c r="AX128" s="53">
        <v>369709788.27999997</v>
      </c>
      <c r="AY128" s="53">
        <v>369709788.27999997</v>
      </c>
      <c r="AZ128" s="53">
        <v>369709788.27999997</v>
      </c>
      <c r="BA128" s="53">
        <v>369709788.27999997</v>
      </c>
    </row>
    <row r="129" spans="1:53">
      <c r="A129" s="52" t="s">
        <v>318</v>
      </c>
      <c r="B129" s="53">
        <v>0</v>
      </c>
      <c r="C129" s="53">
        <v>0</v>
      </c>
      <c r="D129" s="53">
        <v>0</v>
      </c>
      <c r="E129" s="53">
        <v>0</v>
      </c>
      <c r="F129" s="53">
        <v>0</v>
      </c>
      <c r="G129" s="53">
        <v>0</v>
      </c>
      <c r="H129" s="53">
        <v>0</v>
      </c>
      <c r="I129" s="53">
        <v>0</v>
      </c>
      <c r="J129" s="53">
        <v>0</v>
      </c>
      <c r="K129" s="53">
        <v>0</v>
      </c>
      <c r="L129" s="53">
        <v>0</v>
      </c>
      <c r="M129" s="53">
        <v>0</v>
      </c>
      <c r="N129" s="53">
        <v>0</v>
      </c>
      <c r="O129" s="53">
        <v>0</v>
      </c>
      <c r="P129" s="53">
        <v>0</v>
      </c>
      <c r="Q129" s="53">
        <v>0</v>
      </c>
      <c r="R129" s="53">
        <v>0</v>
      </c>
      <c r="S129" s="53">
        <v>0</v>
      </c>
      <c r="T129" s="53">
        <v>0</v>
      </c>
      <c r="U129" s="53">
        <v>0</v>
      </c>
      <c r="V129" s="53">
        <v>0</v>
      </c>
      <c r="W129" s="53">
        <v>0</v>
      </c>
      <c r="X129" s="53">
        <v>0</v>
      </c>
      <c r="Y129" s="53">
        <v>0</v>
      </c>
      <c r="Z129" s="53">
        <v>0</v>
      </c>
      <c r="AA129" s="53">
        <v>0</v>
      </c>
      <c r="AB129" s="53">
        <v>0</v>
      </c>
      <c r="AC129" s="53">
        <v>0</v>
      </c>
      <c r="AD129" s="53">
        <v>0</v>
      </c>
      <c r="AE129" s="53">
        <v>0</v>
      </c>
      <c r="AF129" s="53">
        <v>0</v>
      </c>
      <c r="AG129" s="53">
        <v>0</v>
      </c>
      <c r="AH129" s="53">
        <v>0</v>
      </c>
      <c r="AI129" s="53">
        <v>0</v>
      </c>
      <c r="AJ129" s="53">
        <v>0</v>
      </c>
      <c r="AK129" s="53">
        <v>0</v>
      </c>
      <c r="AL129" s="53">
        <v>0</v>
      </c>
      <c r="AM129" s="53">
        <v>0</v>
      </c>
      <c r="AN129" s="53">
        <v>0</v>
      </c>
      <c r="AO129" s="53">
        <v>0</v>
      </c>
      <c r="AP129" s="53">
        <v>0</v>
      </c>
      <c r="AQ129" s="53">
        <v>0</v>
      </c>
      <c r="AR129" s="53">
        <v>0</v>
      </c>
      <c r="AS129" s="53">
        <v>0</v>
      </c>
      <c r="AT129" s="53">
        <v>0</v>
      </c>
      <c r="AU129" s="53">
        <v>0</v>
      </c>
      <c r="AV129" s="53">
        <v>0</v>
      </c>
      <c r="AW129" s="53">
        <v>0</v>
      </c>
      <c r="AX129" s="53">
        <v>0</v>
      </c>
      <c r="AY129" s="53">
        <v>0</v>
      </c>
      <c r="AZ129" s="53">
        <v>0</v>
      </c>
      <c r="BA129" s="53">
        <v>0</v>
      </c>
    </row>
    <row r="130" spans="1:53">
      <c r="A130" s="52" t="s">
        <v>319</v>
      </c>
      <c r="B130" s="53">
        <v>991.98</v>
      </c>
      <c r="C130" s="53">
        <v>991.98</v>
      </c>
      <c r="D130" s="53">
        <v>991.98</v>
      </c>
      <c r="E130" s="53">
        <v>991.98</v>
      </c>
      <c r="F130" s="53">
        <v>991.98</v>
      </c>
      <c r="G130" s="53">
        <v>991.98</v>
      </c>
      <c r="H130" s="53">
        <v>991.98</v>
      </c>
      <c r="I130" s="53">
        <v>991.98</v>
      </c>
      <c r="J130" s="53">
        <v>991.98</v>
      </c>
      <c r="K130" s="53">
        <v>991.98</v>
      </c>
      <c r="L130" s="53">
        <v>991.98</v>
      </c>
      <c r="M130" s="53">
        <v>991.98</v>
      </c>
      <c r="N130" s="53">
        <v>991.98</v>
      </c>
      <c r="O130" s="53">
        <v>991.98</v>
      </c>
      <c r="P130" s="53">
        <v>991.98</v>
      </c>
      <c r="Q130" s="53">
        <v>991.98</v>
      </c>
      <c r="R130" s="53">
        <v>991.98</v>
      </c>
      <c r="S130" s="53">
        <v>991.98</v>
      </c>
      <c r="T130" s="53">
        <v>991.98</v>
      </c>
      <c r="U130" s="53">
        <v>991.98</v>
      </c>
      <c r="V130" s="53">
        <v>991.98</v>
      </c>
      <c r="W130" s="53">
        <v>991.98</v>
      </c>
      <c r="X130" s="53">
        <v>991.98</v>
      </c>
      <c r="Y130" s="53">
        <v>991.98</v>
      </c>
      <c r="Z130" s="53">
        <v>991.98</v>
      </c>
      <c r="AA130" s="53">
        <v>991.98</v>
      </c>
      <c r="AB130" s="53">
        <v>991.98</v>
      </c>
      <c r="AC130" s="53">
        <v>991.98</v>
      </c>
      <c r="AD130" s="53">
        <v>991.98</v>
      </c>
      <c r="AE130" s="53">
        <v>991.98</v>
      </c>
      <c r="AF130" s="53">
        <v>991.98</v>
      </c>
      <c r="AG130" s="53">
        <v>991.98</v>
      </c>
      <c r="AH130" s="53">
        <v>991.98</v>
      </c>
      <c r="AI130" s="53">
        <v>991.98</v>
      </c>
      <c r="AJ130" s="53">
        <v>991.98</v>
      </c>
      <c r="AK130" s="53">
        <v>991.98</v>
      </c>
      <c r="AL130" s="53">
        <v>991.98</v>
      </c>
      <c r="AM130" s="53">
        <v>991.98</v>
      </c>
      <c r="AN130" s="53">
        <v>991.98</v>
      </c>
      <c r="AO130" s="53">
        <v>991.98</v>
      </c>
      <c r="AP130" s="53">
        <v>991.98</v>
      </c>
      <c r="AQ130" s="53">
        <v>991.98</v>
      </c>
      <c r="AR130" s="53">
        <v>991.98</v>
      </c>
      <c r="AS130" s="53">
        <v>991.98</v>
      </c>
      <c r="AT130" s="53">
        <v>991.98</v>
      </c>
      <c r="AU130" s="53">
        <v>991.98</v>
      </c>
      <c r="AV130" s="53">
        <v>991.98</v>
      </c>
      <c r="AW130" s="53">
        <v>991.98</v>
      </c>
      <c r="AX130" s="53">
        <v>991.98</v>
      </c>
      <c r="AY130" s="53">
        <v>991.98</v>
      </c>
      <c r="AZ130" s="53">
        <v>991.98</v>
      </c>
      <c r="BA130" s="53">
        <v>991.98</v>
      </c>
    </row>
    <row r="131" spans="1:53">
      <c r="A131" s="58" t="s">
        <v>320</v>
      </c>
      <c r="B131" s="134">
        <v>-7018373421.0448399</v>
      </c>
      <c r="C131" s="134">
        <v>-7060946183.2595901</v>
      </c>
      <c r="D131" s="134">
        <v>-7111903458.7866096</v>
      </c>
      <c r="E131" s="134">
        <v>-7172381420.3551998</v>
      </c>
      <c r="F131" s="134">
        <v>-7232968327.9747696</v>
      </c>
      <c r="G131" s="134">
        <v>-7277793439.4548702</v>
      </c>
      <c r="H131" s="134">
        <v>-7339595729.1347504</v>
      </c>
      <c r="I131" s="134">
        <v>-7370610359.9556103</v>
      </c>
      <c r="J131" s="134">
        <v>-7424081383.1602297</v>
      </c>
      <c r="K131" s="134">
        <v>-7474328480.4512997</v>
      </c>
      <c r="L131" s="134">
        <v>-7522631571.1711102</v>
      </c>
      <c r="M131" s="134">
        <v>-7491180711.01406</v>
      </c>
      <c r="N131" s="134">
        <v>-7491180711.01406</v>
      </c>
      <c r="O131" s="134">
        <v>-7552783676.8746901</v>
      </c>
      <c r="P131" s="134">
        <v>-7618246437.7395897</v>
      </c>
      <c r="Q131" s="134">
        <v>-7675011231.94032</v>
      </c>
      <c r="R131" s="134">
        <v>-7737588014.6325798</v>
      </c>
      <c r="S131" s="134">
        <v>-7804195427.6711302</v>
      </c>
      <c r="T131" s="134">
        <v>-7854798255.0212297</v>
      </c>
      <c r="U131" s="134">
        <v>-7919651827.1431904</v>
      </c>
      <c r="V131" s="134">
        <v>-7986061458.7404604</v>
      </c>
      <c r="W131" s="134">
        <v>-7990217813.5447102</v>
      </c>
      <c r="X131" s="134">
        <v>-8059064235.9562702</v>
      </c>
      <c r="Y131" s="134">
        <v>-8128258506.0375404</v>
      </c>
      <c r="Z131" s="134">
        <v>-8065679365.4515305</v>
      </c>
      <c r="AA131" s="134">
        <v>-8065679365.4515305</v>
      </c>
      <c r="AB131" s="134">
        <v>-8137205943.2590199</v>
      </c>
      <c r="AC131" s="134">
        <v>-8210175286.1522999</v>
      </c>
      <c r="AD131" s="134">
        <v>-8274861247.2402401</v>
      </c>
      <c r="AE131" s="134">
        <v>-8347393379.7769699</v>
      </c>
      <c r="AF131" s="134">
        <v>-8416065825.9868097</v>
      </c>
      <c r="AG131" s="134">
        <v>-8476155360.4058599</v>
      </c>
      <c r="AH131" s="134">
        <v>-8535350349.9787502</v>
      </c>
      <c r="AI131" s="134">
        <v>-8608683267.9408092</v>
      </c>
      <c r="AJ131" s="134">
        <v>-8676401169.5873909</v>
      </c>
      <c r="AK131" s="134">
        <v>-8752179980.0977707</v>
      </c>
      <c r="AL131" s="134">
        <v>-8828296401.3952599</v>
      </c>
      <c r="AM131" s="134">
        <v>-8812315647.5380001</v>
      </c>
      <c r="AN131" s="134">
        <v>-8812315647.5380001</v>
      </c>
      <c r="AO131" s="134">
        <v>-8890079695.4736996</v>
      </c>
      <c r="AP131" s="134">
        <v>-8966340542.0046196</v>
      </c>
      <c r="AQ131" s="134">
        <v>-9036223235.3290195</v>
      </c>
      <c r="AR131" s="134">
        <v>-9112340205.6619797</v>
      </c>
      <c r="AS131" s="134">
        <v>-9187555075.7581196</v>
      </c>
      <c r="AT131" s="134">
        <v>-9251029990.5739594</v>
      </c>
      <c r="AU131" s="134">
        <v>-9315033744.7176704</v>
      </c>
      <c r="AV131" s="134">
        <v>-9392242988.0840092</v>
      </c>
      <c r="AW131" s="134">
        <v>-9463170615.6512508</v>
      </c>
      <c r="AX131" s="134">
        <v>-9537118371.1251602</v>
      </c>
      <c r="AY131" s="134">
        <v>-9616631036.1911793</v>
      </c>
      <c r="AZ131" s="134">
        <v>-9683615809.3963394</v>
      </c>
      <c r="BA131" s="134">
        <v>-9683615809.3963394</v>
      </c>
    </row>
    <row r="132" spans="1:53">
      <c r="A132" s="52" t="s">
        <v>321</v>
      </c>
    </row>
    <row r="133" spans="1:53">
      <c r="A133" s="57" t="s">
        <v>322</v>
      </c>
    </row>
    <row r="134" spans="1:53">
      <c r="A134" s="52" t="s">
        <v>323</v>
      </c>
      <c r="B134" s="53">
        <v>-210915237.47</v>
      </c>
      <c r="C134" s="53">
        <v>-210915237.47</v>
      </c>
      <c r="D134" s="53">
        <v>-210915237.47</v>
      </c>
      <c r="E134" s="53">
        <v>-210915237.47</v>
      </c>
      <c r="F134" s="53">
        <v>-210915237.47</v>
      </c>
      <c r="G134" s="53">
        <v>-210915237.47</v>
      </c>
      <c r="H134" s="53">
        <v>-210915237.47</v>
      </c>
      <c r="I134" s="53">
        <v>-210915237.47</v>
      </c>
      <c r="J134" s="53">
        <v>-210915237.47</v>
      </c>
      <c r="K134" s="53">
        <v>-210915237.47</v>
      </c>
      <c r="L134" s="53">
        <v>-210915237.47</v>
      </c>
      <c r="M134" s="53">
        <v>-210915237.47</v>
      </c>
      <c r="N134" s="53">
        <v>-210915237.47</v>
      </c>
      <c r="O134" s="53">
        <v>-210915237.47</v>
      </c>
      <c r="P134" s="53">
        <v>-210915237.47</v>
      </c>
      <c r="Q134" s="53">
        <v>-210915237.47</v>
      </c>
      <c r="R134" s="53">
        <v>-210915237.47</v>
      </c>
      <c r="S134" s="53">
        <v>-210915237.47</v>
      </c>
      <c r="T134" s="53">
        <v>-210915237.47</v>
      </c>
      <c r="U134" s="53">
        <v>-210915237.47</v>
      </c>
      <c r="V134" s="53">
        <v>-210915237.47</v>
      </c>
      <c r="W134" s="53">
        <v>-210915237.47</v>
      </c>
      <c r="X134" s="53">
        <v>-210915237.47</v>
      </c>
      <c r="Y134" s="53">
        <v>-210915237.47</v>
      </c>
      <c r="Z134" s="53">
        <v>-210915237.47</v>
      </c>
      <c r="AA134" s="53">
        <v>-210915237.47</v>
      </c>
      <c r="AB134" s="53">
        <v>-210915237.47</v>
      </c>
      <c r="AC134" s="53">
        <v>-210915237.47</v>
      </c>
      <c r="AD134" s="53">
        <v>-210915237.47</v>
      </c>
      <c r="AE134" s="53">
        <v>-210915237.47</v>
      </c>
      <c r="AF134" s="53">
        <v>-210915237.47</v>
      </c>
      <c r="AG134" s="53">
        <v>-210915237.47</v>
      </c>
      <c r="AH134" s="53">
        <v>-210915237.47</v>
      </c>
      <c r="AI134" s="53">
        <v>-210915237.47</v>
      </c>
      <c r="AJ134" s="53">
        <v>-210915237.47</v>
      </c>
      <c r="AK134" s="53">
        <v>-210915237.47</v>
      </c>
      <c r="AL134" s="53">
        <v>-210915237.47</v>
      </c>
      <c r="AM134" s="53">
        <v>-210915237.47</v>
      </c>
      <c r="AN134" s="53">
        <v>-210915237.47</v>
      </c>
      <c r="AO134" s="53">
        <v>-210915237.47</v>
      </c>
      <c r="AP134" s="53">
        <v>-210915237.47</v>
      </c>
      <c r="AQ134" s="53">
        <v>-210915237.47</v>
      </c>
      <c r="AR134" s="53">
        <v>-210915237.47</v>
      </c>
      <c r="AS134" s="53">
        <v>-210915237.47</v>
      </c>
      <c r="AT134" s="53">
        <v>-210915237.47</v>
      </c>
      <c r="AU134" s="53">
        <v>-210915237.47</v>
      </c>
      <c r="AV134" s="53">
        <v>-210915237.47</v>
      </c>
      <c r="AW134" s="53">
        <v>-210915237.47</v>
      </c>
      <c r="AX134" s="53">
        <v>-210915237.47</v>
      </c>
      <c r="AY134" s="53">
        <v>-210915237.47</v>
      </c>
      <c r="AZ134" s="53">
        <v>-210915237.47</v>
      </c>
      <c r="BA134" s="53">
        <v>-210915237.47</v>
      </c>
    </row>
    <row r="135" spans="1:53">
      <c r="A135" s="58" t="s">
        <v>324</v>
      </c>
      <c r="B135" s="134">
        <v>-210915237.47</v>
      </c>
      <c r="C135" s="134">
        <v>-210915237.47</v>
      </c>
      <c r="D135" s="134">
        <v>-210915237.47</v>
      </c>
      <c r="E135" s="134">
        <v>-210915237.47</v>
      </c>
      <c r="F135" s="134">
        <v>-210915237.47</v>
      </c>
      <c r="G135" s="134">
        <v>-210915237.47</v>
      </c>
      <c r="H135" s="134">
        <v>-210915237.47</v>
      </c>
      <c r="I135" s="134">
        <v>-210915237.47</v>
      </c>
      <c r="J135" s="134">
        <v>-210915237.47</v>
      </c>
      <c r="K135" s="134">
        <v>-210915237.47</v>
      </c>
      <c r="L135" s="134">
        <v>-210915237.47</v>
      </c>
      <c r="M135" s="134">
        <v>-210915237.47</v>
      </c>
      <c r="N135" s="134">
        <v>-210915237.47</v>
      </c>
      <c r="O135" s="134">
        <v>-210915237.47</v>
      </c>
      <c r="P135" s="134">
        <v>-210915237.47</v>
      </c>
      <c r="Q135" s="134">
        <v>-210915237.47</v>
      </c>
      <c r="R135" s="134">
        <v>-210915237.47</v>
      </c>
      <c r="S135" s="134">
        <v>-210915237.47</v>
      </c>
      <c r="T135" s="134">
        <v>-210915237.47</v>
      </c>
      <c r="U135" s="134">
        <v>-210915237.47</v>
      </c>
      <c r="V135" s="134">
        <v>-210915237.47</v>
      </c>
      <c r="W135" s="134">
        <v>-210915237.47</v>
      </c>
      <c r="X135" s="134">
        <v>-210915237.47</v>
      </c>
      <c r="Y135" s="134">
        <v>-210915237.47</v>
      </c>
      <c r="Z135" s="134">
        <v>-210915237.47</v>
      </c>
      <c r="AA135" s="134">
        <v>-210915237.47</v>
      </c>
      <c r="AB135" s="134">
        <v>-210915237.47</v>
      </c>
      <c r="AC135" s="134">
        <v>-210915237.47</v>
      </c>
      <c r="AD135" s="134">
        <v>-210915237.47</v>
      </c>
      <c r="AE135" s="134">
        <v>-210915237.47</v>
      </c>
      <c r="AF135" s="134">
        <v>-210915237.47</v>
      </c>
      <c r="AG135" s="134">
        <v>-210915237.47</v>
      </c>
      <c r="AH135" s="134">
        <v>-210915237.47</v>
      </c>
      <c r="AI135" s="134">
        <v>-210915237.47</v>
      </c>
      <c r="AJ135" s="134">
        <v>-210915237.47</v>
      </c>
      <c r="AK135" s="134">
        <v>-210915237.47</v>
      </c>
      <c r="AL135" s="134">
        <v>-210915237.47</v>
      </c>
      <c r="AM135" s="134">
        <v>-210915237.47</v>
      </c>
      <c r="AN135" s="134">
        <v>-210915237.47</v>
      </c>
      <c r="AO135" s="134">
        <v>-210915237.47</v>
      </c>
      <c r="AP135" s="134">
        <v>-210915237.47</v>
      </c>
      <c r="AQ135" s="134">
        <v>-210915237.47</v>
      </c>
      <c r="AR135" s="134">
        <v>-210915237.47</v>
      </c>
      <c r="AS135" s="134">
        <v>-210915237.47</v>
      </c>
      <c r="AT135" s="134">
        <v>-210915237.47</v>
      </c>
      <c r="AU135" s="134">
        <v>-210915237.47</v>
      </c>
      <c r="AV135" s="134">
        <v>-210915237.47</v>
      </c>
      <c r="AW135" s="134">
        <v>-210915237.47</v>
      </c>
      <c r="AX135" s="134">
        <v>-210915237.47</v>
      </c>
      <c r="AY135" s="134">
        <v>-210915237.47</v>
      </c>
      <c r="AZ135" s="134">
        <v>-210915237.47</v>
      </c>
      <c r="BA135" s="134">
        <v>-210915237.47</v>
      </c>
    </row>
    <row r="136" spans="1:53">
      <c r="A136" s="52" t="s">
        <v>325</v>
      </c>
    </row>
    <row r="137" spans="1:53">
      <c r="A137" s="57" t="s">
        <v>326</v>
      </c>
    </row>
    <row r="138" spans="1:53">
      <c r="A138" s="52" t="s">
        <v>327</v>
      </c>
      <c r="B138" s="53">
        <v>20325435.300000001</v>
      </c>
      <c r="C138" s="53">
        <v>20325435.300000001</v>
      </c>
      <c r="D138" s="53">
        <v>20325435.300000001</v>
      </c>
      <c r="E138" s="53">
        <v>20325435.300000001</v>
      </c>
      <c r="F138" s="53">
        <v>20325435.300000001</v>
      </c>
      <c r="G138" s="53">
        <v>20325435.300000001</v>
      </c>
      <c r="H138" s="53">
        <v>20325435.300000001</v>
      </c>
      <c r="I138" s="53">
        <v>20325435.300000001</v>
      </c>
      <c r="J138" s="53">
        <v>20325435.300000001</v>
      </c>
      <c r="K138" s="53">
        <v>20325435.300000001</v>
      </c>
      <c r="L138" s="53">
        <v>20325435.300000001</v>
      </c>
      <c r="M138" s="53">
        <v>20325435.300000001</v>
      </c>
      <c r="N138" s="53">
        <v>20325435.300000001</v>
      </c>
      <c r="O138" s="53">
        <v>20325435.300000001</v>
      </c>
      <c r="P138" s="53">
        <v>20325435.300000001</v>
      </c>
      <c r="Q138" s="53">
        <v>20325435.300000001</v>
      </c>
      <c r="R138" s="53">
        <v>20325435.300000001</v>
      </c>
      <c r="S138" s="53">
        <v>20325435.300000001</v>
      </c>
      <c r="T138" s="53">
        <v>20325435.300000001</v>
      </c>
      <c r="U138" s="53">
        <v>20325435.300000001</v>
      </c>
      <c r="V138" s="53">
        <v>20325435.300000001</v>
      </c>
      <c r="W138" s="53">
        <v>20325435.300000001</v>
      </c>
      <c r="X138" s="53">
        <v>20325435.300000001</v>
      </c>
      <c r="Y138" s="53">
        <v>20325435.300000001</v>
      </c>
      <c r="Z138" s="53">
        <v>20325435.300000001</v>
      </c>
      <c r="AA138" s="53">
        <v>20325435.300000001</v>
      </c>
      <c r="AB138" s="53">
        <v>20325435.300000001</v>
      </c>
      <c r="AC138" s="53">
        <v>20325435.300000001</v>
      </c>
      <c r="AD138" s="53">
        <v>20325435.300000001</v>
      </c>
      <c r="AE138" s="53">
        <v>20325435.300000001</v>
      </c>
      <c r="AF138" s="53">
        <v>20325435.300000001</v>
      </c>
      <c r="AG138" s="53">
        <v>20325435.300000001</v>
      </c>
      <c r="AH138" s="53">
        <v>20325435.300000001</v>
      </c>
      <c r="AI138" s="53">
        <v>20325435.300000001</v>
      </c>
      <c r="AJ138" s="53">
        <v>20325435.300000001</v>
      </c>
      <c r="AK138" s="53">
        <v>20325435.300000001</v>
      </c>
      <c r="AL138" s="53">
        <v>20325435.300000001</v>
      </c>
      <c r="AM138" s="53">
        <v>20325435.300000001</v>
      </c>
      <c r="AN138" s="53">
        <v>20325435.300000001</v>
      </c>
      <c r="AO138" s="53">
        <v>20325435.300000001</v>
      </c>
      <c r="AP138" s="53">
        <v>20325435.300000001</v>
      </c>
      <c r="AQ138" s="53">
        <v>20325435.300000001</v>
      </c>
      <c r="AR138" s="53">
        <v>20325435.300000001</v>
      </c>
      <c r="AS138" s="53">
        <v>20325435.300000001</v>
      </c>
      <c r="AT138" s="53">
        <v>20325435.300000001</v>
      </c>
      <c r="AU138" s="53">
        <v>20325435.300000001</v>
      </c>
      <c r="AV138" s="53">
        <v>20325435.300000001</v>
      </c>
      <c r="AW138" s="53">
        <v>20325435.300000001</v>
      </c>
      <c r="AX138" s="53">
        <v>20325435.300000001</v>
      </c>
      <c r="AY138" s="53">
        <v>20325435.300000001</v>
      </c>
      <c r="AZ138" s="53">
        <v>20325435.300000001</v>
      </c>
      <c r="BA138" s="53">
        <v>20325435.300000001</v>
      </c>
    </row>
    <row r="139" spans="1:53">
      <c r="A139" s="58" t="s">
        <v>328</v>
      </c>
      <c r="B139" s="134">
        <v>20325435.300000001</v>
      </c>
      <c r="C139" s="134">
        <v>20325435.300000001</v>
      </c>
      <c r="D139" s="134">
        <v>20325435.300000001</v>
      </c>
      <c r="E139" s="134">
        <v>20325435.300000001</v>
      </c>
      <c r="F139" s="134">
        <v>20325435.300000001</v>
      </c>
      <c r="G139" s="134">
        <v>20325435.300000001</v>
      </c>
      <c r="H139" s="134">
        <v>20325435.300000001</v>
      </c>
      <c r="I139" s="134">
        <v>20325435.300000001</v>
      </c>
      <c r="J139" s="134">
        <v>20325435.300000001</v>
      </c>
      <c r="K139" s="134">
        <v>20325435.300000001</v>
      </c>
      <c r="L139" s="134">
        <v>20325435.300000001</v>
      </c>
      <c r="M139" s="134">
        <v>20325435.300000001</v>
      </c>
      <c r="N139" s="134">
        <v>20325435.300000001</v>
      </c>
      <c r="O139" s="134">
        <v>20325435.300000001</v>
      </c>
      <c r="P139" s="134">
        <v>20325435.300000001</v>
      </c>
      <c r="Q139" s="134">
        <v>20325435.300000001</v>
      </c>
      <c r="R139" s="134">
        <v>20325435.300000001</v>
      </c>
      <c r="S139" s="134">
        <v>20325435.300000001</v>
      </c>
      <c r="T139" s="134">
        <v>20325435.300000001</v>
      </c>
      <c r="U139" s="134">
        <v>20325435.300000001</v>
      </c>
      <c r="V139" s="134">
        <v>20325435.300000001</v>
      </c>
      <c r="W139" s="134">
        <v>20325435.300000001</v>
      </c>
      <c r="X139" s="134">
        <v>20325435.300000001</v>
      </c>
      <c r="Y139" s="134">
        <v>20325435.300000001</v>
      </c>
      <c r="Z139" s="134">
        <v>20325435.300000001</v>
      </c>
      <c r="AA139" s="134">
        <v>20325435.300000001</v>
      </c>
      <c r="AB139" s="134">
        <v>20325435.300000001</v>
      </c>
      <c r="AC139" s="134">
        <v>20325435.300000001</v>
      </c>
      <c r="AD139" s="134">
        <v>20325435.300000001</v>
      </c>
      <c r="AE139" s="134">
        <v>20325435.300000001</v>
      </c>
      <c r="AF139" s="134">
        <v>20325435.300000001</v>
      </c>
      <c r="AG139" s="134">
        <v>20325435.300000001</v>
      </c>
      <c r="AH139" s="134">
        <v>20325435.300000001</v>
      </c>
      <c r="AI139" s="134">
        <v>20325435.300000001</v>
      </c>
      <c r="AJ139" s="134">
        <v>20325435.300000001</v>
      </c>
      <c r="AK139" s="134">
        <v>20325435.300000001</v>
      </c>
      <c r="AL139" s="134">
        <v>20325435.300000001</v>
      </c>
      <c r="AM139" s="134">
        <v>20325435.300000001</v>
      </c>
      <c r="AN139" s="134">
        <v>20325435.300000001</v>
      </c>
      <c r="AO139" s="134">
        <v>20325435.300000001</v>
      </c>
      <c r="AP139" s="134">
        <v>20325435.300000001</v>
      </c>
      <c r="AQ139" s="134">
        <v>20325435.300000001</v>
      </c>
      <c r="AR139" s="134">
        <v>20325435.300000001</v>
      </c>
      <c r="AS139" s="134">
        <v>20325435.300000001</v>
      </c>
      <c r="AT139" s="134">
        <v>20325435.300000001</v>
      </c>
      <c r="AU139" s="134">
        <v>20325435.300000001</v>
      </c>
      <c r="AV139" s="134">
        <v>20325435.300000001</v>
      </c>
      <c r="AW139" s="134">
        <v>20325435.300000001</v>
      </c>
      <c r="AX139" s="134">
        <v>20325435.300000001</v>
      </c>
      <c r="AY139" s="134">
        <v>20325435.300000001</v>
      </c>
      <c r="AZ139" s="134">
        <v>20325435.300000001</v>
      </c>
      <c r="BA139" s="134">
        <v>20325435.300000001</v>
      </c>
    </row>
    <row r="140" spans="1:53">
      <c r="A140" s="52" t="s">
        <v>329</v>
      </c>
    </row>
    <row r="141" spans="1:53">
      <c r="A141" s="57" t="s">
        <v>330</v>
      </c>
    </row>
    <row r="142" spans="1:53">
      <c r="A142" s="52" t="s">
        <v>331</v>
      </c>
      <c r="B142" s="53">
        <v>-7251613.5499999998</v>
      </c>
      <c r="C142" s="53">
        <v>-7251613.5499999998</v>
      </c>
      <c r="D142" s="53">
        <v>-7251613.5499999998</v>
      </c>
      <c r="E142" s="53">
        <v>-7251613.5499999998</v>
      </c>
      <c r="F142" s="53">
        <v>-7251613.5499999998</v>
      </c>
      <c r="G142" s="53">
        <v>-7251613.5499999998</v>
      </c>
      <c r="H142" s="53">
        <v>-7251613.5499999998</v>
      </c>
      <c r="I142" s="53">
        <v>-7251613.5499999998</v>
      </c>
      <c r="J142" s="53">
        <v>-7251613.5499999998</v>
      </c>
      <c r="K142" s="53">
        <v>-7251613.5499999998</v>
      </c>
      <c r="L142" s="53">
        <v>-7251613.5499999998</v>
      </c>
      <c r="M142" s="53">
        <v>-7251613.5499999998</v>
      </c>
      <c r="N142" s="53">
        <v>-7251613.5499999998</v>
      </c>
      <c r="O142" s="53">
        <v>-7251613.5499999998</v>
      </c>
      <c r="P142" s="53">
        <v>-7251613.5499999998</v>
      </c>
      <c r="Q142" s="53">
        <v>-7251613.5499999998</v>
      </c>
      <c r="R142" s="53">
        <v>-7251613.5499999998</v>
      </c>
      <c r="S142" s="53">
        <v>-7251613.5499999998</v>
      </c>
      <c r="T142" s="53">
        <v>-7251613.5499999998</v>
      </c>
      <c r="U142" s="53">
        <v>-7251613.5499999998</v>
      </c>
      <c r="V142" s="53">
        <v>-7251613.5499999998</v>
      </c>
      <c r="W142" s="53">
        <v>-7251613.5499999998</v>
      </c>
      <c r="X142" s="53">
        <v>-7251613.5499999998</v>
      </c>
      <c r="Y142" s="53">
        <v>-7251613.5499999998</v>
      </c>
      <c r="Z142" s="53">
        <v>-7251613.5499999998</v>
      </c>
      <c r="AA142" s="53">
        <v>-7251613.5499999998</v>
      </c>
      <c r="AB142" s="53">
        <v>-7251613.5499999998</v>
      </c>
      <c r="AC142" s="53">
        <v>-7251613.5499999998</v>
      </c>
      <c r="AD142" s="53">
        <v>-7251613.5499999998</v>
      </c>
      <c r="AE142" s="53">
        <v>-7251613.5499999998</v>
      </c>
      <c r="AF142" s="53">
        <v>-7251613.5499999998</v>
      </c>
      <c r="AG142" s="53">
        <v>-7251613.5499999998</v>
      </c>
      <c r="AH142" s="53">
        <v>-7251613.5499999998</v>
      </c>
      <c r="AI142" s="53">
        <v>-7251613.5499999998</v>
      </c>
      <c r="AJ142" s="53">
        <v>-7251613.5499999998</v>
      </c>
      <c r="AK142" s="53">
        <v>-7251613.5499999998</v>
      </c>
      <c r="AL142" s="53">
        <v>-7251613.5499999998</v>
      </c>
      <c r="AM142" s="53">
        <v>-7251613.5499999998</v>
      </c>
      <c r="AN142" s="53">
        <v>-7251613.5499999998</v>
      </c>
      <c r="AO142" s="53">
        <v>-7251613.5499999998</v>
      </c>
      <c r="AP142" s="53">
        <v>-7251613.5499999998</v>
      </c>
      <c r="AQ142" s="53">
        <v>-7251613.5499999998</v>
      </c>
      <c r="AR142" s="53">
        <v>-7251613.5499999998</v>
      </c>
      <c r="AS142" s="53">
        <v>-7251613.5499999998</v>
      </c>
      <c r="AT142" s="53">
        <v>-7251613.5499999998</v>
      </c>
      <c r="AU142" s="53">
        <v>-7251613.5499999998</v>
      </c>
      <c r="AV142" s="53">
        <v>-7251613.5499999998</v>
      </c>
      <c r="AW142" s="53">
        <v>-7251613.5499999998</v>
      </c>
      <c r="AX142" s="53">
        <v>-7251613.5499999998</v>
      </c>
      <c r="AY142" s="53">
        <v>-7251613.5499999998</v>
      </c>
      <c r="AZ142" s="53">
        <v>-7251613.5499999998</v>
      </c>
      <c r="BA142" s="53">
        <v>-7251613.5499999998</v>
      </c>
    </row>
    <row r="143" spans="1:53">
      <c r="A143" s="58" t="s">
        <v>332</v>
      </c>
      <c r="B143" s="134">
        <v>-7251613.5499999998</v>
      </c>
      <c r="C143" s="134">
        <v>-7251613.5499999998</v>
      </c>
      <c r="D143" s="134">
        <v>-7251613.5499999998</v>
      </c>
      <c r="E143" s="134">
        <v>-7251613.5499999998</v>
      </c>
      <c r="F143" s="134">
        <v>-7251613.5499999998</v>
      </c>
      <c r="G143" s="134">
        <v>-7251613.5499999998</v>
      </c>
      <c r="H143" s="134">
        <v>-7251613.5499999998</v>
      </c>
      <c r="I143" s="134">
        <v>-7251613.5499999998</v>
      </c>
      <c r="J143" s="134">
        <v>-7251613.5499999998</v>
      </c>
      <c r="K143" s="134">
        <v>-7251613.5499999998</v>
      </c>
      <c r="L143" s="134">
        <v>-7251613.5499999998</v>
      </c>
      <c r="M143" s="134">
        <v>-7251613.5499999998</v>
      </c>
      <c r="N143" s="134">
        <v>-7251613.5499999998</v>
      </c>
      <c r="O143" s="134">
        <v>-7251613.5499999998</v>
      </c>
      <c r="P143" s="134">
        <v>-7251613.5499999998</v>
      </c>
      <c r="Q143" s="134">
        <v>-7251613.5499999998</v>
      </c>
      <c r="R143" s="134">
        <v>-7251613.5499999998</v>
      </c>
      <c r="S143" s="134">
        <v>-7251613.5499999998</v>
      </c>
      <c r="T143" s="134">
        <v>-7251613.5499999998</v>
      </c>
      <c r="U143" s="134">
        <v>-7251613.5499999998</v>
      </c>
      <c r="V143" s="134">
        <v>-7251613.5499999998</v>
      </c>
      <c r="W143" s="134">
        <v>-7251613.5499999998</v>
      </c>
      <c r="X143" s="134">
        <v>-7251613.5499999998</v>
      </c>
      <c r="Y143" s="134">
        <v>-7251613.5499999998</v>
      </c>
      <c r="Z143" s="134">
        <v>-7251613.5499999998</v>
      </c>
      <c r="AA143" s="134">
        <v>-7251613.5499999998</v>
      </c>
      <c r="AB143" s="134">
        <v>-7251613.5499999998</v>
      </c>
      <c r="AC143" s="134">
        <v>-7251613.5499999998</v>
      </c>
      <c r="AD143" s="134">
        <v>-7251613.5499999998</v>
      </c>
      <c r="AE143" s="134">
        <v>-7251613.5499999998</v>
      </c>
      <c r="AF143" s="134">
        <v>-7251613.5499999998</v>
      </c>
      <c r="AG143" s="134">
        <v>-7251613.5499999998</v>
      </c>
      <c r="AH143" s="134">
        <v>-7251613.5499999998</v>
      </c>
      <c r="AI143" s="134">
        <v>-7251613.5499999998</v>
      </c>
      <c r="AJ143" s="134">
        <v>-7251613.5499999998</v>
      </c>
      <c r="AK143" s="134">
        <v>-7251613.5499999998</v>
      </c>
      <c r="AL143" s="134">
        <v>-7251613.5499999998</v>
      </c>
      <c r="AM143" s="134">
        <v>-7251613.5499999998</v>
      </c>
      <c r="AN143" s="134">
        <v>-7251613.5499999998</v>
      </c>
      <c r="AO143" s="134">
        <v>-7251613.5499999998</v>
      </c>
      <c r="AP143" s="134">
        <v>-7251613.5499999998</v>
      </c>
      <c r="AQ143" s="134">
        <v>-7251613.5499999998</v>
      </c>
      <c r="AR143" s="134">
        <v>-7251613.5499999998</v>
      </c>
      <c r="AS143" s="134">
        <v>-7251613.5499999998</v>
      </c>
      <c r="AT143" s="134">
        <v>-7251613.5499999998</v>
      </c>
      <c r="AU143" s="134">
        <v>-7251613.5499999998</v>
      </c>
      <c r="AV143" s="134">
        <v>-7251613.5499999998</v>
      </c>
      <c r="AW143" s="134">
        <v>-7251613.5499999998</v>
      </c>
      <c r="AX143" s="134">
        <v>-7251613.5499999998</v>
      </c>
      <c r="AY143" s="134">
        <v>-7251613.5499999998</v>
      </c>
      <c r="AZ143" s="134">
        <v>-7251613.5499999998</v>
      </c>
      <c r="BA143" s="134">
        <v>-7251613.5499999998</v>
      </c>
    </row>
    <row r="144" spans="1:53">
      <c r="A144" s="52" t="s">
        <v>333</v>
      </c>
    </row>
    <row r="145" spans="1:53">
      <c r="A145" s="57" t="s">
        <v>334</v>
      </c>
    </row>
    <row r="146" spans="1:53">
      <c r="A146" s="52" t="s">
        <v>335</v>
      </c>
      <c r="B146" s="53">
        <v>2531240</v>
      </c>
      <c r="C146" s="53">
        <v>2531240</v>
      </c>
      <c r="D146" s="53">
        <v>2531240</v>
      </c>
      <c r="E146" s="53">
        <v>2531240</v>
      </c>
      <c r="F146" s="53">
        <v>2531240</v>
      </c>
      <c r="G146" s="53">
        <v>2531240</v>
      </c>
      <c r="H146" s="53">
        <v>2531240</v>
      </c>
      <c r="I146" s="53">
        <v>2531240</v>
      </c>
      <c r="J146" s="53">
        <v>2531240</v>
      </c>
      <c r="K146" s="53">
        <v>2531240</v>
      </c>
      <c r="L146" s="53">
        <v>2531240</v>
      </c>
      <c r="M146" s="53">
        <v>2531240</v>
      </c>
      <c r="N146" s="53">
        <v>2531240</v>
      </c>
      <c r="O146" s="53">
        <v>2531240</v>
      </c>
      <c r="P146" s="53">
        <v>2531240</v>
      </c>
      <c r="Q146" s="53">
        <v>2531240</v>
      </c>
      <c r="R146" s="53">
        <v>2531240</v>
      </c>
      <c r="S146" s="53">
        <v>2531240</v>
      </c>
      <c r="T146" s="53">
        <v>2531240</v>
      </c>
      <c r="U146" s="53">
        <v>2531240</v>
      </c>
      <c r="V146" s="53">
        <v>2531240</v>
      </c>
      <c r="W146" s="53">
        <v>2531240</v>
      </c>
      <c r="X146" s="53">
        <v>2531240</v>
      </c>
      <c r="Y146" s="53">
        <v>2531240</v>
      </c>
      <c r="Z146" s="53">
        <v>2531240</v>
      </c>
      <c r="AA146" s="53">
        <v>2531240</v>
      </c>
      <c r="AB146" s="53">
        <v>2531240</v>
      </c>
      <c r="AC146" s="53">
        <v>2531240</v>
      </c>
      <c r="AD146" s="53">
        <v>2531240</v>
      </c>
      <c r="AE146" s="53">
        <v>2531240</v>
      </c>
      <c r="AF146" s="53">
        <v>2531240</v>
      </c>
      <c r="AG146" s="53">
        <v>2531240</v>
      </c>
      <c r="AH146" s="53">
        <v>2531240</v>
      </c>
      <c r="AI146" s="53">
        <v>2531240</v>
      </c>
      <c r="AJ146" s="53">
        <v>2531240</v>
      </c>
      <c r="AK146" s="53">
        <v>2531240</v>
      </c>
      <c r="AL146" s="53">
        <v>2531240</v>
      </c>
      <c r="AM146" s="53">
        <v>2531240</v>
      </c>
      <c r="AN146" s="53">
        <v>2531240</v>
      </c>
      <c r="AO146" s="53">
        <v>2531240</v>
      </c>
      <c r="AP146" s="53">
        <v>2531240</v>
      </c>
      <c r="AQ146" s="53">
        <v>2531240</v>
      </c>
      <c r="AR146" s="53">
        <v>2531240</v>
      </c>
      <c r="AS146" s="53">
        <v>2531240</v>
      </c>
      <c r="AT146" s="53">
        <v>2531240</v>
      </c>
      <c r="AU146" s="53">
        <v>2531240</v>
      </c>
      <c r="AV146" s="53">
        <v>2531240</v>
      </c>
      <c r="AW146" s="53">
        <v>2531240</v>
      </c>
      <c r="AX146" s="53">
        <v>2531240</v>
      </c>
      <c r="AY146" s="53">
        <v>2531240</v>
      </c>
      <c r="AZ146" s="53">
        <v>2531240</v>
      </c>
      <c r="BA146" s="53">
        <v>2531240</v>
      </c>
    </row>
    <row r="147" spans="1:53">
      <c r="A147" s="58" t="s">
        <v>336</v>
      </c>
      <c r="B147" s="134">
        <v>2531240</v>
      </c>
      <c r="C147" s="134">
        <v>2531240</v>
      </c>
      <c r="D147" s="134">
        <v>2531240</v>
      </c>
      <c r="E147" s="134">
        <v>2531240</v>
      </c>
      <c r="F147" s="134">
        <v>2531240</v>
      </c>
      <c r="G147" s="134">
        <v>2531240</v>
      </c>
      <c r="H147" s="134">
        <v>2531240</v>
      </c>
      <c r="I147" s="134">
        <v>2531240</v>
      </c>
      <c r="J147" s="134">
        <v>2531240</v>
      </c>
      <c r="K147" s="134">
        <v>2531240</v>
      </c>
      <c r="L147" s="134">
        <v>2531240</v>
      </c>
      <c r="M147" s="134">
        <v>2531240</v>
      </c>
      <c r="N147" s="134">
        <v>2531240</v>
      </c>
      <c r="O147" s="134">
        <v>2531240</v>
      </c>
      <c r="P147" s="134">
        <v>2531240</v>
      </c>
      <c r="Q147" s="134">
        <v>2531240</v>
      </c>
      <c r="R147" s="134">
        <v>2531240</v>
      </c>
      <c r="S147" s="134">
        <v>2531240</v>
      </c>
      <c r="T147" s="134">
        <v>2531240</v>
      </c>
      <c r="U147" s="134">
        <v>2531240</v>
      </c>
      <c r="V147" s="134">
        <v>2531240</v>
      </c>
      <c r="W147" s="134">
        <v>2531240</v>
      </c>
      <c r="X147" s="134">
        <v>2531240</v>
      </c>
      <c r="Y147" s="134">
        <v>2531240</v>
      </c>
      <c r="Z147" s="134">
        <v>2531240</v>
      </c>
      <c r="AA147" s="134">
        <v>2531240</v>
      </c>
      <c r="AB147" s="134">
        <v>2531240</v>
      </c>
      <c r="AC147" s="134">
        <v>2531240</v>
      </c>
      <c r="AD147" s="134">
        <v>2531240</v>
      </c>
      <c r="AE147" s="134">
        <v>2531240</v>
      </c>
      <c r="AF147" s="134">
        <v>2531240</v>
      </c>
      <c r="AG147" s="134">
        <v>2531240</v>
      </c>
      <c r="AH147" s="134">
        <v>2531240</v>
      </c>
      <c r="AI147" s="134">
        <v>2531240</v>
      </c>
      <c r="AJ147" s="134">
        <v>2531240</v>
      </c>
      <c r="AK147" s="134">
        <v>2531240</v>
      </c>
      <c r="AL147" s="134">
        <v>2531240</v>
      </c>
      <c r="AM147" s="134">
        <v>2531240</v>
      </c>
      <c r="AN147" s="134">
        <v>2531240</v>
      </c>
      <c r="AO147" s="134">
        <v>2531240</v>
      </c>
      <c r="AP147" s="134">
        <v>2531240</v>
      </c>
      <c r="AQ147" s="134">
        <v>2531240</v>
      </c>
      <c r="AR147" s="134">
        <v>2531240</v>
      </c>
      <c r="AS147" s="134">
        <v>2531240</v>
      </c>
      <c r="AT147" s="134">
        <v>2531240</v>
      </c>
      <c r="AU147" s="134">
        <v>2531240</v>
      </c>
      <c r="AV147" s="134">
        <v>2531240</v>
      </c>
      <c r="AW147" s="134">
        <v>2531240</v>
      </c>
      <c r="AX147" s="134">
        <v>2531240</v>
      </c>
      <c r="AY147" s="134">
        <v>2531240</v>
      </c>
      <c r="AZ147" s="134">
        <v>2531240</v>
      </c>
      <c r="BA147" s="134">
        <v>2531240</v>
      </c>
    </row>
    <row r="148" spans="1:53">
      <c r="A148" s="52" t="s">
        <v>337</v>
      </c>
    </row>
    <row r="149" spans="1:53">
      <c r="A149" s="57" t="s">
        <v>338</v>
      </c>
    </row>
    <row r="150" spans="1:53">
      <c r="A150" s="52" t="s">
        <v>339</v>
      </c>
      <c r="B150" s="53">
        <v>-2510576.9</v>
      </c>
      <c r="C150" s="53">
        <v>-2510576.9</v>
      </c>
      <c r="D150" s="53">
        <v>-2510576.9</v>
      </c>
      <c r="E150" s="53">
        <v>-2510576.9</v>
      </c>
      <c r="F150" s="53">
        <v>-2510576.9</v>
      </c>
      <c r="G150" s="53">
        <v>-2510576.9</v>
      </c>
      <c r="H150" s="53">
        <v>-2510576.9</v>
      </c>
      <c r="I150" s="53">
        <v>-2510576.9</v>
      </c>
      <c r="J150" s="53">
        <v>-2510576.9</v>
      </c>
      <c r="K150" s="53">
        <v>-2510576.9</v>
      </c>
      <c r="L150" s="53">
        <v>-2510576.9</v>
      </c>
      <c r="M150" s="53">
        <v>-2510576.9</v>
      </c>
      <c r="N150" s="53">
        <v>-2510576.9</v>
      </c>
      <c r="O150" s="53">
        <v>-2510576.9</v>
      </c>
      <c r="P150" s="53">
        <v>-2510576.9</v>
      </c>
      <c r="Q150" s="53">
        <v>-2510576.9</v>
      </c>
      <c r="R150" s="53">
        <v>-2510576.9</v>
      </c>
      <c r="S150" s="53">
        <v>-2510576.9</v>
      </c>
      <c r="T150" s="53">
        <v>-2510576.9</v>
      </c>
      <c r="U150" s="53">
        <v>-2510576.9</v>
      </c>
      <c r="V150" s="53">
        <v>-2510576.9</v>
      </c>
      <c r="W150" s="53">
        <v>-2510576.9</v>
      </c>
      <c r="X150" s="53">
        <v>-2510576.9</v>
      </c>
      <c r="Y150" s="53">
        <v>-2510576.9</v>
      </c>
      <c r="Z150" s="53">
        <v>-2510576.9</v>
      </c>
      <c r="AA150" s="53">
        <v>-2510576.9</v>
      </c>
      <c r="AB150" s="53">
        <v>-2510576.9</v>
      </c>
      <c r="AC150" s="53">
        <v>-2510576.9</v>
      </c>
      <c r="AD150" s="53">
        <v>-2510576.9</v>
      </c>
      <c r="AE150" s="53">
        <v>-2510576.9</v>
      </c>
      <c r="AF150" s="53">
        <v>-2510576.9</v>
      </c>
      <c r="AG150" s="53">
        <v>-2510576.9</v>
      </c>
      <c r="AH150" s="53">
        <v>-2510576.9</v>
      </c>
      <c r="AI150" s="53">
        <v>-2510576.9</v>
      </c>
      <c r="AJ150" s="53">
        <v>-2510576.9</v>
      </c>
      <c r="AK150" s="53">
        <v>-2510576.9</v>
      </c>
      <c r="AL150" s="53">
        <v>-2510576.9</v>
      </c>
      <c r="AM150" s="53">
        <v>-2510576.9</v>
      </c>
      <c r="AN150" s="53">
        <v>-2510576.9</v>
      </c>
      <c r="AO150" s="53">
        <v>-2510576.9</v>
      </c>
      <c r="AP150" s="53">
        <v>-2510576.9</v>
      </c>
      <c r="AQ150" s="53">
        <v>-2510576.9</v>
      </c>
      <c r="AR150" s="53">
        <v>-2510576.9</v>
      </c>
      <c r="AS150" s="53">
        <v>-2510576.9</v>
      </c>
      <c r="AT150" s="53">
        <v>-2510576.9</v>
      </c>
      <c r="AU150" s="53">
        <v>-2510576.9</v>
      </c>
      <c r="AV150" s="53">
        <v>-2510576.9</v>
      </c>
      <c r="AW150" s="53">
        <v>-2510576.9</v>
      </c>
      <c r="AX150" s="53">
        <v>-2510576.9</v>
      </c>
      <c r="AY150" s="53">
        <v>-2510576.9</v>
      </c>
      <c r="AZ150" s="53">
        <v>-2510576.9</v>
      </c>
      <c r="BA150" s="53">
        <v>-2510576.9</v>
      </c>
    </row>
    <row r="151" spans="1:53">
      <c r="A151" s="58" t="s">
        <v>340</v>
      </c>
      <c r="B151" s="53">
        <v>-2510576.9</v>
      </c>
      <c r="C151" s="53">
        <v>-2510576.9</v>
      </c>
      <c r="D151" s="53">
        <v>-2510576.9</v>
      </c>
      <c r="E151" s="53">
        <v>-2510576.9</v>
      </c>
      <c r="F151" s="53">
        <v>-2510576.9</v>
      </c>
      <c r="G151" s="53">
        <v>-2510576.9</v>
      </c>
      <c r="H151" s="53">
        <v>-2510576.9</v>
      </c>
      <c r="I151" s="53">
        <v>-2510576.9</v>
      </c>
      <c r="J151" s="53">
        <v>-2510576.9</v>
      </c>
      <c r="K151" s="53">
        <v>-2510576.9</v>
      </c>
      <c r="L151" s="53">
        <v>-2510576.9</v>
      </c>
      <c r="M151" s="53">
        <v>-2510576.9</v>
      </c>
      <c r="N151" s="53">
        <v>-2510576.9</v>
      </c>
      <c r="O151" s="53">
        <v>-2510576.9</v>
      </c>
      <c r="P151" s="53">
        <v>-2510576.9</v>
      </c>
      <c r="Q151" s="53">
        <v>-2510576.9</v>
      </c>
      <c r="R151" s="53">
        <v>-2510576.9</v>
      </c>
      <c r="S151" s="53">
        <v>-2510576.9</v>
      </c>
      <c r="T151" s="53">
        <v>-2510576.9</v>
      </c>
      <c r="U151" s="53">
        <v>-2510576.9</v>
      </c>
      <c r="V151" s="53">
        <v>-2510576.9</v>
      </c>
      <c r="W151" s="53">
        <v>-2510576.9</v>
      </c>
      <c r="X151" s="53">
        <v>-2510576.9</v>
      </c>
      <c r="Y151" s="53">
        <v>-2510576.9</v>
      </c>
      <c r="Z151" s="53">
        <v>-2510576.9</v>
      </c>
      <c r="AA151" s="53">
        <v>-2510576.9</v>
      </c>
      <c r="AB151" s="53">
        <v>-2510576.9</v>
      </c>
      <c r="AC151" s="53">
        <v>-2510576.9</v>
      </c>
      <c r="AD151" s="53">
        <v>-2510576.9</v>
      </c>
      <c r="AE151" s="53">
        <v>-2510576.9</v>
      </c>
      <c r="AF151" s="53">
        <v>-2510576.9</v>
      </c>
      <c r="AG151" s="53">
        <v>-2510576.9</v>
      </c>
      <c r="AH151" s="53">
        <v>-2510576.9</v>
      </c>
      <c r="AI151" s="53">
        <v>-2510576.9</v>
      </c>
      <c r="AJ151" s="53">
        <v>-2510576.9</v>
      </c>
      <c r="AK151" s="53">
        <v>-2510576.9</v>
      </c>
      <c r="AL151" s="53">
        <v>-2510576.9</v>
      </c>
      <c r="AM151" s="53">
        <v>-2510576.9</v>
      </c>
      <c r="AN151" s="53">
        <v>-2510576.9</v>
      </c>
      <c r="AO151" s="53">
        <v>-2510576.9</v>
      </c>
      <c r="AP151" s="53">
        <v>-2510576.9</v>
      </c>
      <c r="AQ151" s="53">
        <v>-2510576.9</v>
      </c>
      <c r="AR151" s="53">
        <v>-2510576.9</v>
      </c>
      <c r="AS151" s="53">
        <v>-2510576.9</v>
      </c>
      <c r="AT151" s="53">
        <v>-2510576.9</v>
      </c>
      <c r="AU151" s="53">
        <v>-2510576.9</v>
      </c>
      <c r="AV151" s="53">
        <v>-2510576.9</v>
      </c>
      <c r="AW151" s="53">
        <v>-2510576.9</v>
      </c>
      <c r="AX151" s="53">
        <v>-2510576.9</v>
      </c>
      <c r="AY151" s="53">
        <v>-2510576.9</v>
      </c>
      <c r="AZ151" s="53">
        <v>-2510576.9</v>
      </c>
      <c r="BA151" s="53">
        <v>-2510576.9</v>
      </c>
    </row>
    <row r="152" spans="1:53">
      <c r="A152" s="52" t="s">
        <v>341</v>
      </c>
    </row>
    <row r="153" spans="1:53">
      <c r="A153" s="57" t="s">
        <v>342</v>
      </c>
    </row>
    <row r="154" spans="1:53">
      <c r="A154" s="52" t="s">
        <v>343</v>
      </c>
      <c r="B154" s="53">
        <v>0</v>
      </c>
      <c r="C154" s="53">
        <v>0</v>
      </c>
      <c r="D154" s="53">
        <v>0</v>
      </c>
      <c r="E154" s="53">
        <v>0</v>
      </c>
      <c r="F154" s="53">
        <v>0</v>
      </c>
      <c r="G154" s="53">
        <v>0</v>
      </c>
      <c r="H154" s="53">
        <v>0</v>
      </c>
      <c r="I154" s="53">
        <v>0</v>
      </c>
      <c r="J154" s="53">
        <v>0</v>
      </c>
      <c r="K154" s="53">
        <v>0</v>
      </c>
      <c r="L154" s="53">
        <v>0</v>
      </c>
      <c r="M154" s="53">
        <v>0</v>
      </c>
      <c r="N154" s="53">
        <v>0</v>
      </c>
      <c r="O154" s="53">
        <v>0</v>
      </c>
      <c r="P154" s="53">
        <v>0</v>
      </c>
      <c r="Q154" s="53">
        <v>0</v>
      </c>
      <c r="R154" s="53">
        <v>0</v>
      </c>
      <c r="S154" s="53">
        <v>0</v>
      </c>
      <c r="T154" s="53">
        <v>0</v>
      </c>
      <c r="U154" s="53">
        <v>0</v>
      </c>
      <c r="V154" s="53">
        <v>0</v>
      </c>
      <c r="W154" s="53">
        <v>0</v>
      </c>
      <c r="X154" s="53">
        <v>0</v>
      </c>
      <c r="Y154" s="53">
        <v>0</v>
      </c>
      <c r="Z154" s="53">
        <v>0</v>
      </c>
      <c r="AA154" s="53">
        <v>0</v>
      </c>
      <c r="AB154" s="53">
        <v>0</v>
      </c>
      <c r="AC154" s="53">
        <v>0</v>
      </c>
      <c r="AD154" s="53">
        <v>0</v>
      </c>
      <c r="AE154" s="53">
        <v>0</v>
      </c>
      <c r="AF154" s="53">
        <v>0</v>
      </c>
      <c r="AG154" s="53">
        <v>0</v>
      </c>
      <c r="AH154" s="53">
        <v>0</v>
      </c>
      <c r="AI154" s="53">
        <v>0</v>
      </c>
      <c r="AJ154" s="53">
        <v>0</v>
      </c>
      <c r="AK154" s="53">
        <v>0</v>
      </c>
      <c r="AL154" s="53">
        <v>0</v>
      </c>
      <c r="AM154" s="53">
        <v>0</v>
      </c>
      <c r="AN154" s="53">
        <v>0</v>
      </c>
      <c r="AO154" s="53">
        <v>0</v>
      </c>
      <c r="AP154" s="53">
        <v>0</v>
      </c>
      <c r="AQ154" s="53">
        <v>0</v>
      </c>
      <c r="AR154" s="53">
        <v>0</v>
      </c>
      <c r="AS154" s="53">
        <v>0</v>
      </c>
      <c r="AT154" s="53">
        <v>0</v>
      </c>
      <c r="AU154" s="53">
        <v>0</v>
      </c>
      <c r="AV154" s="53">
        <v>0</v>
      </c>
      <c r="AW154" s="53">
        <v>0</v>
      </c>
      <c r="AX154" s="53">
        <v>0</v>
      </c>
      <c r="AY154" s="53">
        <v>0</v>
      </c>
      <c r="AZ154" s="53">
        <v>0</v>
      </c>
      <c r="BA154" s="53">
        <v>0</v>
      </c>
    </row>
    <row r="155" spans="1:53">
      <c r="A155" s="58" t="s">
        <v>344</v>
      </c>
      <c r="B155" s="134">
        <v>0</v>
      </c>
      <c r="C155" s="134">
        <v>0</v>
      </c>
      <c r="D155" s="134">
        <v>0</v>
      </c>
      <c r="E155" s="134">
        <v>0</v>
      </c>
      <c r="F155" s="134">
        <v>0</v>
      </c>
      <c r="G155" s="134">
        <v>0</v>
      </c>
      <c r="H155" s="134">
        <v>0</v>
      </c>
      <c r="I155" s="134">
        <v>0</v>
      </c>
      <c r="J155" s="134">
        <v>0</v>
      </c>
      <c r="K155" s="134">
        <v>0</v>
      </c>
      <c r="L155" s="134">
        <v>0</v>
      </c>
      <c r="M155" s="134">
        <v>0</v>
      </c>
      <c r="N155" s="134">
        <v>0</v>
      </c>
      <c r="O155" s="134">
        <v>0</v>
      </c>
      <c r="P155" s="134">
        <v>0</v>
      </c>
      <c r="Q155" s="134">
        <v>0</v>
      </c>
      <c r="R155" s="134">
        <v>0</v>
      </c>
      <c r="S155" s="134">
        <v>0</v>
      </c>
      <c r="T155" s="134">
        <v>0</v>
      </c>
      <c r="U155" s="134">
        <v>0</v>
      </c>
      <c r="V155" s="134">
        <v>0</v>
      </c>
      <c r="W155" s="134">
        <v>0</v>
      </c>
      <c r="X155" s="134">
        <v>0</v>
      </c>
      <c r="Y155" s="134">
        <v>0</v>
      </c>
      <c r="Z155" s="134">
        <v>0</v>
      </c>
      <c r="AA155" s="134">
        <v>0</v>
      </c>
      <c r="AB155" s="134">
        <v>0</v>
      </c>
      <c r="AC155" s="134">
        <v>0</v>
      </c>
      <c r="AD155" s="134">
        <v>0</v>
      </c>
      <c r="AE155" s="134">
        <v>0</v>
      </c>
      <c r="AF155" s="134">
        <v>0</v>
      </c>
      <c r="AG155" s="134">
        <v>0</v>
      </c>
      <c r="AH155" s="134">
        <v>0</v>
      </c>
      <c r="AI155" s="134">
        <v>0</v>
      </c>
      <c r="AJ155" s="134">
        <v>0</v>
      </c>
      <c r="AK155" s="134">
        <v>0</v>
      </c>
      <c r="AL155" s="134">
        <v>0</v>
      </c>
      <c r="AM155" s="134">
        <v>0</v>
      </c>
      <c r="AN155" s="134">
        <v>0</v>
      </c>
      <c r="AO155" s="134">
        <v>0</v>
      </c>
      <c r="AP155" s="134">
        <v>0</v>
      </c>
      <c r="AQ155" s="134">
        <v>0</v>
      </c>
      <c r="AR155" s="134">
        <v>0</v>
      </c>
      <c r="AS155" s="134">
        <v>0</v>
      </c>
      <c r="AT155" s="134">
        <v>0</v>
      </c>
      <c r="AU155" s="134">
        <v>0</v>
      </c>
      <c r="AV155" s="134">
        <v>0</v>
      </c>
      <c r="AW155" s="134">
        <v>0</v>
      </c>
      <c r="AX155" s="134">
        <v>0</v>
      </c>
      <c r="AY155" s="134">
        <v>0</v>
      </c>
      <c r="AZ155" s="134">
        <v>0</v>
      </c>
      <c r="BA155" s="134">
        <v>0</v>
      </c>
    </row>
    <row r="156" spans="1:53">
      <c r="A156" s="52" t="s">
        <v>345</v>
      </c>
    </row>
    <row r="157" spans="1:53">
      <c r="A157" s="57" t="s">
        <v>346</v>
      </c>
    </row>
    <row r="158" spans="1:53">
      <c r="A158" s="52" t="s">
        <v>347</v>
      </c>
      <c r="B158" s="53">
        <v>22215015.949999899</v>
      </c>
      <c r="C158" s="53">
        <v>22215015.949999899</v>
      </c>
      <c r="D158" s="53">
        <v>22215015.949999899</v>
      </c>
      <c r="E158" s="53">
        <v>22215015.949999899</v>
      </c>
      <c r="F158" s="53">
        <v>22215015.949999899</v>
      </c>
      <c r="G158" s="53">
        <v>22215015.949999899</v>
      </c>
      <c r="H158" s="53">
        <v>22215015.949999899</v>
      </c>
      <c r="I158" s="53">
        <v>22215015.949999899</v>
      </c>
      <c r="J158" s="53">
        <v>22215015.949999899</v>
      </c>
      <c r="K158" s="53">
        <v>22215015.949999899</v>
      </c>
      <c r="L158" s="53">
        <v>22215015.949999899</v>
      </c>
      <c r="M158" s="53">
        <v>22215015.949999899</v>
      </c>
      <c r="N158" s="53">
        <v>22215015.949999899</v>
      </c>
      <c r="O158" s="53">
        <v>22215015.949999899</v>
      </c>
      <c r="P158" s="53">
        <v>22215015.949999899</v>
      </c>
      <c r="Q158" s="53">
        <v>22215015.949999899</v>
      </c>
      <c r="R158" s="53">
        <v>22215015.949999899</v>
      </c>
      <c r="S158" s="53">
        <v>22215015.949999899</v>
      </c>
      <c r="T158" s="53">
        <v>22215015.949999899</v>
      </c>
      <c r="U158" s="53">
        <v>22215015.949999899</v>
      </c>
      <c r="V158" s="53">
        <v>22215015.949999899</v>
      </c>
      <c r="W158" s="53">
        <v>22215015.949999899</v>
      </c>
      <c r="X158" s="53">
        <v>22215015.949999899</v>
      </c>
      <c r="Y158" s="53">
        <v>22215015.949999899</v>
      </c>
      <c r="Z158" s="53">
        <v>22215015.949999899</v>
      </c>
      <c r="AA158" s="53">
        <v>22215015.949999899</v>
      </c>
      <c r="AB158" s="53">
        <v>22215015.949999899</v>
      </c>
      <c r="AC158" s="53">
        <v>22215015.949999899</v>
      </c>
      <c r="AD158" s="53">
        <v>22215015.949999899</v>
      </c>
      <c r="AE158" s="53">
        <v>22215015.949999899</v>
      </c>
      <c r="AF158" s="53">
        <v>22215015.949999899</v>
      </c>
      <c r="AG158" s="53">
        <v>22215015.949999899</v>
      </c>
      <c r="AH158" s="53">
        <v>22215015.949999899</v>
      </c>
      <c r="AI158" s="53">
        <v>22215015.949999899</v>
      </c>
      <c r="AJ158" s="53">
        <v>22215015.949999899</v>
      </c>
      <c r="AK158" s="53">
        <v>22215015.949999899</v>
      </c>
      <c r="AL158" s="53">
        <v>22215015.949999899</v>
      </c>
      <c r="AM158" s="53">
        <v>22215015.949999899</v>
      </c>
      <c r="AN158" s="53">
        <v>22215015.949999899</v>
      </c>
      <c r="AO158" s="53">
        <v>22215015.949999899</v>
      </c>
      <c r="AP158" s="53">
        <v>22215015.949999899</v>
      </c>
      <c r="AQ158" s="53">
        <v>22215015.949999899</v>
      </c>
      <c r="AR158" s="53">
        <v>22215015.949999899</v>
      </c>
      <c r="AS158" s="53">
        <v>22215015.949999899</v>
      </c>
      <c r="AT158" s="53">
        <v>22215015.949999899</v>
      </c>
      <c r="AU158" s="53">
        <v>22215015.949999899</v>
      </c>
      <c r="AV158" s="53">
        <v>22215015.949999899</v>
      </c>
      <c r="AW158" s="53">
        <v>22215015.949999899</v>
      </c>
      <c r="AX158" s="53">
        <v>22215015.949999899</v>
      </c>
      <c r="AY158" s="53">
        <v>22215015.949999899</v>
      </c>
      <c r="AZ158" s="53">
        <v>22215015.949999899</v>
      </c>
      <c r="BA158" s="53">
        <v>22215015.949999899</v>
      </c>
    </row>
    <row r="159" spans="1:53">
      <c r="A159" s="52" t="s">
        <v>348</v>
      </c>
      <c r="B159" s="53">
        <v>459776.89</v>
      </c>
      <c r="C159" s="53">
        <v>459776.89</v>
      </c>
      <c r="D159" s="53">
        <v>459776.89</v>
      </c>
      <c r="E159" s="53">
        <v>459776.89</v>
      </c>
      <c r="F159" s="53">
        <v>459776.89</v>
      </c>
      <c r="G159" s="53">
        <v>459776.89</v>
      </c>
      <c r="H159" s="53">
        <v>459776.89</v>
      </c>
      <c r="I159" s="53">
        <v>459776.89</v>
      </c>
      <c r="J159" s="53">
        <v>459776.89</v>
      </c>
      <c r="K159" s="53">
        <v>459776.89</v>
      </c>
      <c r="L159" s="53">
        <v>459776.89</v>
      </c>
      <c r="M159" s="53">
        <v>459776.89</v>
      </c>
      <c r="N159" s="53">
        <v>459776.89</v>
      </c>
      <c r="O159" s="53">
        <v>459776.89</v>
      </c>
      <c r="P159" s="53">
        <v>459776.89</v>
      </c>
      <c r="Q159" s="53">
        <v>459776.89</v>
      </c>
      <c r="R159" s="53">
        <v>459776.89</v>
      </c>
      <c r="S159" s="53">
        <v>459776.89</v>
      </c>
      <c r="T159" s="53">
        <v>459776.89</v>
      </c>
      <c r="U159" s="53">
        <v>459776.89</v>
      </c>
      <c r="V159" s="53">
        <v>459776.89</v>
      </c>
      <c r="W159" s="53">
        <v>459776.89</v>
      </c>
      <c r="X159" s="53">
        <v>459776.89</v>
      </c>
      <c r="Y159" s="53">
        <v>459776.89</v>
      </c>
      <c r="Z159" s="53">
        <v>459776.89</v>
      </c>
      <c r="AA159" s="53">
        <v>459776.89</v>
      </c>
      <c r="AB159" s="53">
        <v>459776.89</v>
      </c>
      <c r="AC159" s="53">
        <v>459776.89</v>
      </c>
      <c r="AD159" s="53">
        <v>459776.89</v>
      </c>
      <c r="AE159" s="53">
        <v>459776.89</v>
      </c>
      <c r="AF159" s="53">
        <v>459776.89</v>
      </c>
      <c r="AG159" s="53">
        <v>459776.89</v>
      </c>
      <c r="AH159" s="53">
        <v>459776.89</v>
      </c>
      <c r="AI159" s="53">
        <v>459776.89</v>
      </c>
      <c r="AJ159" s="53">
        <v>459776.89</v>
      </c>
      <c r="AK159" s="53">
        <v>459776.89</v>
      </c>
      <c r="AL159" s="53">
        <v>459776.89</v>
      </c>
      <c r="AM159" s="53">
        <v>459776.89</v>
      </c>
      <c r="AN159" s="53">
        <v>459776.89</v>
      </c>
      <c r="AO159" s="53">
        <v>459776.89</v>
      </c>
      <c r="AP159" s="53">
        <v>459776.89</v>
      </c>
      <c r="AQ159" s="53">
        <v>459776.89</v>
      </c>
      <c r="AR159" s="53">
        <v>459776.89</v>
      </c>
      <c r="AS159" s="53">
        <v>459776.89</v>
      </c>
      <c r="AT159" s="53">
        <v>459776.89</v>
      </c>
      <c r="AU159" s="53">
        <v>459776.89</v>
      </c>
      <c r="AV159" s="53">
        <v>459776.89</v>
      </c>
      <c r="AW159" s="53">
        <v>459776.89</v>
      </c>
      <c r="AX159" s="53">
        <v>459776.89</v>
      </c>
      <c r="AY159" s="53">
        <v>459776.89</v>
      </c>
      <c r="AZ159" s="53">
        <v>459776.89</v>
      </c>
      <c r="BA159" s="53">
        <v>459776.89</v>
      </c>
    </row>
    <row r="160" spans="1:53">
      <c r="A160" s="52" t="s">
        <v>349</v>
      </c>
      <c r="B160" s="53">
        <v>278986.53000000003</v>
      </c>
      <c r="C160" s="53">
        <v>278986.53000000003</v>
      </c>
      <c r="D160" s="53">
        <v>278986.53000000003</v>
      </c>
      <c r="E160" s="53">
        <v>278986.53000000003</v>
      </c>
      <c r="F160" s="53">
        <v>278986.53000000003</v>
      </c>
      <c r="G160" s="53">
        <v>278986.53000000003</v>
      </c>
      <c r="H160" s="53">
        <v>278986.53000000003</v>
      </c>
      <c r="I160" s="53">
        <v>278986.53000000003</v>
      </c>
      <c r="J160" s="53">
        <v>278986.53000000003</v>
      </c>
      <c r="K160" s="53">
        <v>278986.53000000003</v>
      </c>
      <c r="L160" s="53">
        <v>278986.53000000003</v>
      </c>
      <c r="M160" s="53">
        <v>278986.53000000003</v>
      </c>
      <c r="N160" s="53">
        <v>278986.53000000003</v>
      </c>
      <c r="O160" s="53">
        <v>278986.53000000003</v>
      </c>
      <c r="P160" s="53">
        <v>278986.53000000003</v>
      </c>
      <c r="Q160" s="53">
        <v>278986.53000000003</v>
      </c>
      <c r="R160" s="53">
        <v>278986.53000000003</v>
      </c>
      <c r="S160" s="53">
        <v>278986.53000000003</v>
      </c>
      <c r="T160" s="53">
        <v>278986.53000000003</v>
      </c>
      <c r="U160" s="53">
        <v>278986.53000000003</v>
      </c>
      <c r="V160" s="53">
        <v>278986.53000000003</v>
      </c>
      <c r="W160" s="53">
        <v>278986.53000000003</v>
      </c>
      <c r="X160" s="53">
        <v>278986.53000000003</v>
      </c>
      <c r="Y160" s="53">
        <v>278986.53000000003</v>
      </c>
      <c r="Z160" s="53">
        <v>278986.53000000003</v>
      </c>
      <c r="AA160" s="53">
        <v>278986.53000000003</v>
      </c>
      <c r="AB160" s="53">
        <v>278986.53000000003</v>
      </c>
      <c r="AC160" s="53">
        <v>278986.53000000003</v>
      </c>
      <c r="AD160" s="53">
        <v>278986.53000000003</v>
      </c>
      <c r="AE160" s="53">
        <v>278986.53000000003</v>
      </c>
      <c r="AF160" s="53">
        <v>278986.53000000003</v>
      </c>
      <c r="AG160" s="53">
        <v>278986.53000000003</v>
      </c>
      <c r="AH160" s="53">
        <v>278986.53000000003</v>
      </c>
      <c r="AI160" s="53">
        <v>278986.53000000003</v>
      </c>
      <c r="AJ160" s="53">
        <v>278986.53000000003</v>
      </c>
      <c r="AK160" s="53">
        <v>278986.53000000003</v>
      </c>
      <c r="AL160" s="53">
        <v>278986.53000000003</v>
      </c>
      <c r="AM160" s="53">
        <v>278986.53000000003</v>
      </c>
      <c r="AN160" s="53">
        <v>278986.53000000003</v>
      </c>
      <c r="AO160" s="53">
        <v>278986.53000000003</v>
      </c>
      <c r="AP160" s="53">
        <v>278986.53000000003</v>
      </c>
      <c r="AQ160" s="53">
        <v>278986.53000000003</v>
      </c>
      <c r="AR160" s="53">
        <v>278986.53000000003</v>
      </c>
      <c r="AS160" s="53">
        <v>278986.53000000003</v>
      </c>
      <c r="AT160" s="53">
        <v>278986.53000000003</v>
      </c>
      <c r="AU160" s="53">
        <v>278986.53000000003</v>
      </c>
      <c r="AV160" s="53">
        <v>278986.53000000003</v>
      </c>
      <c r="AW160" s="53">
        <v>278986.53000000003</v>
      </c>
      <c r="AX160" s="53">
        <v>278986.53000000003</v>
      </c>
      <c r="AY160" s="53">
        <v>278986.53000000003</v>
      </c>
      <c r="AZ160" s="53">
        <v>278986.53000000003</v>
      </c>
      <c r="BA160" s="53">
        <v>278986.53000000003</v>
      </c>
    </row>
    <row r="161" spans="1:53">
      <c r="A161" s="58" t="s">
        <v>350</v>
      </c>
      <c r="B161" s="134">
        <v>22953779.3699999</v>
      </c>
      <c r="C161" s="134">
        <v>22953779.3699999</v>
      </c>
      <c r="D161" s="134">
        <v>22953779.3699999</v>
      </c>
      <c r="E161" s="134">
        <v>22953779.3699999</v>
      </c>
      <c r="F161" s="134">
        <v>22953779.3699999</v>
      </c>
      <c r="G161" s="134">
        <v>22953779.3699999</v>
      </c>
      <c r="H161" s="134">
        <v>22953779.3699999</v>
      </c>
      <c r="I161" s="134">
        <v>22953779.3699999</v>
      </c>
      <c r="J161" s="134">
        <v>22953779.3699999</v>
      </c>
      <c r="K161" s="134">
        <v>22953779.3699999</v>
      </c>
      <c r="L161" s="134">
        <v>22953779.3699999</v>
      </c>
      <c r="M161" s="134">
        <v>22953779.3699999</v>
      </c>
      <c r="N161" s="134">
        <v>22953779.3699999</v>
      </c>
      <c r="O161" s="134">
        <v>22953779.3699999</v>
      </c>
      <c r="P161" s="134">
        <v>22953779.3699999</v>
      </c>
      <c r="Q161" s="134">
        <v>22953779.3699999</v>
      </c>
      <c r="R161" s="134">
        <v>22953779.3699999</v>
      </c>
      <c r="S161" s="134">
        <v>22953779.3699999</v>
      </c>
      <c r="T161" s="134">
        <v>22953779.3699999</v>
      </c>
      <c r="U161" s="134">
        <v>22953779.3699999</v>
      </c>
      <c r="V161" s="134">
        <v>22953779.3699999</v>
      </c>
      <c r="W161" s="134">
        <v>22953779.3699999</v>
      </c>
      <c r="X161" s="134">
        <v>22953779.3699999</v>
      </c>
      <c r="Y161" s="134">
        <v>22953779.3699999</v>
      </c>
      <c r="Z161" s="134">
        <v>22953779.3699999</v>
      </c>
      <c r="AA161" s="134">
        <v>22953779.3699999</v>
      </c>
      <c r="AB161" s="134">
        <v>22953779.3699999</v>
      </c>
      <c r="AC161" s="134">
        <v>22953779.3699999</v>
      </c>
      <c r="AD161" s="134">
        <v>22953779.3699999</v>
      </c>
      <c r="AE161" s="134">
        <v>22953779.3699999</v>
      </c>
      <c r="AF161" s="134">
        <v>22953779.3699999</v>
      </c>
      <c r="AG161" s="134">
        <v>22953779.3699999</v>
      </c>
      <c r="AH161" s="134">
        <v>22953779.3699999</v>
      </c>
      <c r="AI161" s="134">
        <v>22953779.3699999</v>
      </c>
      <c r="AJ161" s="134">
        <v>22953779.3699999</v>
      </c>
      <c r="AK161" s="134">
        <v>22953779.3699999</v>
      </c>
      <c r="AL161" s="134">
        <v>22953779.3699999</v>
      </c>
      <c r="AM161" s="134">
        <v>22953779.3699999</v>
      </c>
      <c r="AN161" s="134">
        <v>22953779.3699999</v>
      </c>
      <c r="AO161" s="134">
        <v>22953779.3699999</v>
      </c>
      <c r="AP161" s="134">
        <v>22953779.3699999</v>
      </c>
      <c r="AQ161" s="134">
        <v>22953779.3699999</v>
      </c>
      <c r="AR161" s="134">
        <v>22953779.3699999</v>
      </c>
      <c r="AS161" s="134">
        <v>22953779.3699999</v>
      </c>
      <c r="AT161" s="134">
        <v>22953779.3699999</v>
      </c>
      <c r="AU161" s="134">
        <v>22953779.3699999</v>
      </c>
      <c r="AV161" s="134">
        <v>22953779.3699999</v>
      </c>
      <c r="AW161" s="134">
        <v>22953779.3699999</v>
      </c>
      <c r="AX161" s="134">
        <v>22953779.3699999</v>
      </c>
      <c r="AY161" s="134">
        <v>22953779.3699999</v>
      </c>
      <c r="AZ161" s="134">
        <v>22953779.3699999</v>
      </c>
      <c r="BA161" s="134">
        <v>22953779.3699999</v>
      </c>
    </row>
    <row r="162" spans="1:53">
      <c r="A162" s="52" t="s">
        <v>351</v>
      </c>
    </row>
    <row r="163" spans="1:53">
      <c r="A163" s="57" t="s">
        <v>352</v>
      </c>
    </row>
    <row r="164" spans="1:53">
      <c r="A164" s="52" t="s">
        <v>353</v>
      </c>
      <c r="B164" s="53">
        <v>-11704521.990667401</v>
      </c>
      <c r="C164" s="53">
        <v>-11800663.9232498</v>
      </c>
      <c r="D164" s="53">
        <v>-11896805.8558321</v>
      </c>
      <c r="E164" s="53">
        <v>-11992947.788414501</v>
      </c>
      <c r="F164" s="53">
        <v>-12089089.7209969</v>
      </c>
      <c r="G164" s="53">
        <v>-12185231.6535792</v>
      </c>
      <c r="H164" s="53">
        <v>-12281373.5861616</v>
      </c>
      <c r="I164" s="53">
        <v>-12377515.518743999</v>
      </c>
      <c r="J164" s="53">
        <v>-12473657.451326299</v>
      </c>
      <c r="K164" s="53">
        <v>-12569799.3839087</v>
      </c>
      <c r="L164" s="53">
        <v>-12665941.316491099</v>
      </c>
      <c r="M164" s="53">
        <v>-12762083.249073399</v>
      </c>
      <c r="N164" s="53">
        <v>-12762083.249073399</v>
      </c>
      <c r="O164" s="53">
        <v>-12858225.1816558</v>
      </c>
      <c r="P164" s="53">
        <v>-12954367.1142381</v>
      </c>
      <c r="Q164" s="53">
        <v>-13050509.046820501</v>
      </c>
      <c r="R164" s="53">
        <v>-13146650.9794029</v>
      </c>
      <c r="S164" s="53">
        <v>-13242792.9119852</v>
      </c>
      <c r="T164" s="53">
        <v>-13338934.844567601</v>
      </c>
      <c r="U164" s="53">
        <v>-13435076.77715</v>
      </c>
      <c r="V164" s="53">
        <v>-13530117.4194098</v>
      </c>
      <c r="W164" s="53">
        <v>-13625158.061669501</v>
      </c>
      <c r="X164" s="53">
        <v>-13720198.703929299</v>
      </c>
      <c r="Y164" s="53">
        <v>-13815239.3461891</v>
      </c>
      <c r="Z164" s="53">
        <v>-13907134.808305999</v>
      </c>
      <c r="AA164" s="53">
        <v>-13907134.808305999</v>
      </c>
      <c r="AB164" s="53">
        <v>-13997097.806673</v>
      </c>
      <c r="AC164" s="53">
        <v>-14087060.805039899</v>
      </c>
      <c r="AD164" s="53">
        <v>-14177023.803406799</v>
      </c>
      <c r="AE164" s="53">
        <v>-14266986.801773701</v>
      </c>
      <c r="AF164" s="53">
        <v>-14356949.800140699</v>
      </c>
      <c r="AG164" s="53">
        <v>-14446912.798507599</v>
      </c>
      <c r="AH164" s="53">
        <v>-14536875.796874501</v>
      </c>
      <c r="AI164" s="53">
        <v>-14626838.795241499</v>
      </c>
      <c r="AJ164" s="53">
        <v>-14716801.793608399</v>
      </c>
      <c r="AK164" s="53">
        <v>-14806764.791975301</v>
      </c>
      <c r="AL164" s="53">
        <v>-14896727.790342201</v>
      </c>
      <c r="AM164" s="53">
        <v>-14986690.788709201</v>
      </c>
      <c r="AN164" s="53">
        <v>-14986690.788709201</v>
      </c>
      <c r="AO164" s="53">
        <v>-15076653.787076101</v>
      </c>
      <c r="AP164" s="53">
        <v>-15166616.785443</v>
      </c>
      <c r="AQ164" s="53">
        <v>-15256579.7838099</v>
      </c>
      <c r="AR164" s="53">
        <v>-15346542.782176901</v>
      </c>
      <c r="AS164" s="53">
        <v>-15436505.7805438</v>
      </c>
      <c r="AT164" s="53">
        <v>-15526468.7789107</v>
      </c>
      <c r="AU164" s="53">
        <v>-15616431.777277701</v>
      </c>
      <c r="AV164" s="53">
        <v>-15706394.7756446</v>
      </c>
      <c r="AW164" s="53">
        <v>-15796357.7740115</v>
      </c>
      <c r="AX164" s="53">
        <v>-15886320.7723784</v>
      </c>
      <c r="AY164" s="53">
        <v>-15976283.7707454</v>
      </c>
      <c r="AZ164" s="53">
        <v>-16066246.7691123</v>
      </c>
      <c r="BA164" s="53">
        <v>-16066246.7691123</v>
      </c>
    </row>
    <row r="165" spans="1:53">
      <c r="A165" s="52" t="s">
        <v>354</v>
      </c>
      <c r="B165" s="53">
        <v>0</v>
      </c>
      <c r="C165" s="53">
        <v>0</v>
      </c>
      <c r="D165" s="53">
        <v>0</v>
      </c>
      <c r="E165" s="53">
        <v>0</v>
      </c>
      <c r="F165" s="53">
        <v>0</v>
      </c>
      <c r="G165" s="53">
        <v>0</v>
      </c>
      <c r="H165" s="53">
        <v>0</v>
      </c>
      <c r="I165" s="53">
        <v>0</v>
      </c>
      <c r="J165" s="53">
        <v>0</v>
      </c>
      <c r="K165" s="53">
        <v>0</v>
      </c>
      <c r="L165" s="53">
        <v>0</v>
      </c>
      <c r="M165" s="53">
        <v>0</v>
      </c>
      <c r="N165" s="53">
        <v>0</v>
      </c>
      <c r="O165" s="53">
        <v>0</v>
      </c>
      <c r="P165" s="53">
        <v>0</v>
      </c>
      <c r="Q165" s="53">
        <v>0</v>
      </c>
      <c r="R165" s="53">
        <v>0</v>
      </c>
      <c r="S165" s="53">
        <v>0</v>
      </c>
      <c r="T165" s="53">
        <v>0</v>
      </c>
      <c r="U165" s="53">
        <v>0</v>
      </c>
      <c r="V165" s="53">
        <v>0</v>
      </c>
      <c r="W165" s="53">
        <v>0</v>
      </c>
      <c r="X165" s="53">
        <v>0</v>
      </c>
      <c r="Y165" s="53">
        <v>0</v>
      </c>
      <c r="Z165" s="53">
        <v>0</v>
      </c>
      <c r="AA165" s="53">
        <v>0</v>
      </c>
      <c r="AB165" s="53">
        <v>0</v>
      </c>
      <c r="AC165" s="53">
        <v>0</v>
      </c>
      <c r="AD165" s="53">
        <v>0</v>
      </c>
      <c r="AE165" s="53">
        <v>0</v>
      </c>
      <c r="AF165" s="53">
        <v>0</v>
      </c>
      <c r="AG165" s="53">
        <v>0</v>
      </c>
      <c r="AH165" s="53">
        <v>0</v>
      </c>
      <c r="AI165" s="53">
        <v>0</v>
      </c>
      <c r="AJ165" s="53">
        <v>0</v>
      </c>
      <c r="AK165" s="53">
        <v>0</v>
      </c>
      <c r="AL165" s="53">
        <v>0</v>
      </c>
      <c r="AM165" s="53">
        <v>0</v>
      </c>
      <c r="AN165" s="53">
        <v>0</v>
      </c>
      <c r="AO165" s="53">
        <v>0</v>
      </c>
      <c r="AP165" s="53">
        <v>0</v>
      </c>
      <c r="AQ165" s="53">
        <v>0</v>
      </c>
      <c r="AR165" s="53">
        <v>0</v>
      </c>
      <c r="AS165" s="53">
        <v>0</v>
      </c>
      <c r="AT165" s="53">
        <v>0</v>
      </c>
      <c r="AU165" s="53">
        <v>0</v>
      </c>
      <c r="AV165" s="53">
        <v>0</v>
      </c>
      <c r="AW165" s="53">
        <v>0</v>
      </c>
      <c r="AX165" s="53">
        <v>0</v>
      </c>
      <c r="AY165" s="53">
        <v>0</v>
      </c>
      <c r="AZ165" s="53">
        <v>0</v>
      </c>
      <c r="BA165" s="53">
        <v>0</v>
      </c>
    </row>
    <row r="166" spans="1:53">
      <c r="A166" s="58" t="s">
        <v>355</v>
      </c>
      <c r="B166" s="134">
        <v>-11704521.990667401</v>
      </c>
      <c r="C166" s="134">
        <v>-11800663.9232498</v>
      </c>
      <c r="D166" s="134">
        <v>-11896805.8558321</v>
      </c>
      <c r="E166" s="134">
        <v>-11992947.788414501</v>
      </c>
      <c r="F166" s="134">
        <v>-12089089.7209969</v>
      </c>
      <c r="G166" s="134">
        <v>-12185231.6535792</v>
      </c>
      <c r="H166" s="134">
        <v>-12281373.5861616</v>
      </c>
      <c r="I166" s="134">
        <v>-12377515.518743999</v>
      </c>
      <c r="J166" s="134">
        <v>-12473657.451326299</v>
      </c>
      <c r="K166" s="134">
        <v>-12569799.3839087</v>
      </c>
      <c r="L166" s="134">
        <v>-12665941.316491099</v>
      </c>
      <c r="M166" s="134">
        <v>-12762083.249073399</v>
      </c>
      <c r="N166" s="134">
        <v>-12762083.249073399</v>
      </c>
      <c r="O166" s="134">
        <v>-12858225.1816558</v>
      </c>
      <c r="P166" s="134">
        <v>-12954367.1142381</v>
      </c>
      <c r="Q166" s="134">
        <v>-13050509.046820501</v>
      </c>
      <c r="R166" s="134">
        <v>-13146650.9794029</v>
      </c>
      <c r="S166" s="134">
        <v>-13242792.9119852</v>
      </c>
      <c r="T166" s="134">
        <v>-13338934.844567601</v>
      </c>
      <c r="U166" s="134">
        <v>-13435076.77715</v>
      </c>
      <c r="V166" s="134">
        <v>-13530117.4194098</v>
      </c>
      <c r="W166" s="134">
        <v>-13625158.061669501</v>
      </c>
      <c r="X166" s="134">
        <v>-13720198.703929299</v>
      </c>
      <c r="Y166" s="134">
        <v>-13815239.3461891</v>
      </c>
      <c r="Z166" s="134">
        <v>-13907134.808305999</v>
      </c>
      <c r="AA166" s="134">
        <v>-13907134.808305999</v>
      </c>
      <c r="AB166" s="134">
        <v>-13997097.806673</v>
      </c>
      <c r="AC166" s="134">
        <v>-14087060.805039899</v>
      </c>
      <c r="AD166" s="134">
        <v>-14177023.803406799</v>
      </c>
      <c r="AE166" s="134">
        <v>-14266986.801773701</v>
      </c>
      <c r="AF166" s="134">
        <v>-14356949.800140699</v>
      </c>
      <c r="AG166" s="134">
        <v>-14446912.798507599</v>
      </c>
      <c r="AH166" s="134">
        <v>-14536875.796874501</v>
      </c>
      <c r="AI166" s="134">
        <v>-14626838.795241499</v>
      </c>
      <c r="AJ166" s="134">
        <v>-14716801.793608399</v>
      </c>
      <c r="AK166" s="134">
        <v>-14806764.791975301</v>
      </c>
      <c r="AL166" s="134">
        <v>-14896727.790342201</v>
      </c>
      <c r="AM166" s="134">
        <v>-14986690.788709201</v>
      </c>
      <c r="AN166" s="134">
        <v>-14986690.788709201</v>
      </c>
      <c r="AO166" s="134">
        <v>-15076653.787076101</v>
      </c>
      <c r="AP166" s="134">
        <v>-15166616.785443</v>
      </c>
      <c r="AQ166" s="134">
        <v>-15256579.7838099</v>
      </c>
      <c r="AR166" s="134">
        <v>-15346542.782176901</v>
      </c>
      <c r="AS166" s="134">
        <v>-15436505.7805438</v>
      </c>
      <c r="AT166" s="134">
        <v>-15526468.7789107</v>
      </c>
      <c r="AU166" s="134">
        <v>-15616431.777277701</v>
      </c>
      <c r="AV166" s="134">
        <v>-15706394.7756446</v>
      </c>
      <c r="AW166" s="134">
        <v>-15796357.7740115</v>
      </c>
      <c r="AX166" s="134">
        <v>-15886320.7723784</v>
      </c>
      <c r="AY166" s="134">
        <v>-15976283.7707454</v>
      </c>
      <c r="AZ166" s="134">
        <v>-16066246.7691123</v>
      </c>
      <c r="BA166" s="134">
        <v>-16066246.7691123</v>
      </c>
    </row>
    <row r="167" spans="1:53">
      <c r="A167" s="52" t="s">
        <v>356</v>
      </c>
    </row>
    <row r="168" spans="1:53">
      <c r="A168" s="57" t="s">
        <v>357</v>
      </c>
    </row>
    <row r="169" spans="1:53">
      <c r="A169" s="52" t="s">
        <v>358</v>
      </c>
      <c r="B169" s="53">
        <v>0</v>
      </c>
      <c r="C169" s="53">
        <v>0</v>
      </c>
      <c r="D169" s="53">
        <v>0</v>
      </c>
      <c r="E169" s="53">
        <v>0</v>
      </c>
      <c r="F169" s="53">
        <v>0</v>
      </c>
      <c r="G169" s="53">
        <v>0</v>
      </c>
      <c r="H169" s="53">
        <v>0</v>
      </c>
      <c r="I169" s="53">
        <v>0</v>
      </c>
      <c r="J169" s="53">
        <v>0</v>
      </c>
      <c r="K169" s="53">
        <v>0</v>
      </c>
      <c r="L169" s="53">
        <v>0</v>
      </c>
      <c r="M169" s="53">
        <v>0</v>
      </c>
      <c r="N169" s="53">
        <v>0</v>
      </c>
      <c r="O169" s="53">
        <v>0</v>
      </c>
      <c r="P169" s="53">
        <v>0</v>
      </c>
      <c r="Q169" s="53">
        <v>0</v>
      </c>
      <c r="R169" s="53">
        <v>0</v>
      </c>
      <c r="S169" s="53">
        <v>0</v>
      </c>
      <c r="T169" s="53">
        <v>0</v>
      </c>
      <c r="U169" s="53">
        <v>0</v>
      </c>
      <c r="V169" s="53">
        <v>0</v>
      </c>
      <c r="W169" s="53">
        <v>0</v>
      </c>
      <c r="X169" s="53">
        <v>0</v>
      </c>
      <c r="Y169" s="53">
        <v>0</v>
      </c>
      <c r="Z169" s="53">
        <v>0</v>
      </c>
      <c r="AA169" s="53">
        <v>0</v>
      </c>
      <c r="AB169" s="53">
        <v>0</v>
      </c>
      <c r="AC169" s="53">
        <v>0</v>
      </c>
      <c r="AD169" s="53">
        <v>0</v>
      </c>
      <c r="AE169" s="53">
        <v>0</v>
      </c>
      <c r="AF169" s="53">
        <v>0</v>
      </c>
      <c r="AG169" s="53">
        <v>0</v>
      </c>
      <c r="AH169" s="53">
        <v>0</v>
      </c>
      <c r="AI169" s="53">
        <v>0</v>
      </c>
      <c r="AJ169" s="53">
        <v>0</v>
      </c>
      <c r="AK169" s="53">
        <v>0</v>
      </c>
      <c r="AL169" s="53">
        <v>0</v>
      </c>
      <c r="AM169" s="53">
        <v>0</v>
      </c>
      <c r="AN169" s="53">
        <v>0</v>
      </c>
      <c r="AO169" s="53">
        <v>0</v>
      </c>
      <c r="AP169" s="53">
        <v>0</v>
      </c>
      <c r="AQ169" s="53">
        <v>0</v>
      </c>
      <c r="AR169" s="53">
        <v>0</v>
      </c>
      <c r="AS169" s="53">
        <v>0</v>
      </c>
      <c r="AT169" s="53">
        <v>0</v>
      </c>
      <c r="AU169" s="53">
        <v>0</v>
      </c>
      <c r="AV169" s="53">
        <v>0</v>
      </c>
      <c r="AW169" s="53">
        <v>0</v>
      </c>
      <c r="AX169" s="53">
        <v>0</v>
      </c>
      <c r="AY169" s="53">
        <v>0</v>
      </c>
      <c r="AZ169" s="53">
        <v>0</v>
      </c>
      <c r="BA169" s="53">
        <v>0</v>
      </c>
    </row>
    <row r="170" spans="1:53">
      <c r="A170" s="52" t="s">
        <v>359</v>
      </c>
      <c r="B170" s="53">
        <v>0</v>
      </c>
      <c r="C170" s="53">
        <v>0</v>
      </c>
      <c r="D170" s="53">
        <v>0</v>
      </c>
      <c r="E170" s="53">
        <v>0</v>
      </c>
      <c r="F170" s="53">
        <v>0</v>
      </c>
      <c r="G170" s="53">
        <v>0</v>
      </c>
      <c r="H170" s="53">
        <v>0</v>
      </c>
      <c r="I170" s="53">
        <v>0</v>
      </c>
      <c r="J170" s="53">
        <v>0</v>
      </c>
      <c r="K170" s="53">
        <v>0</v>
      </c>
      <c r="L170" s="53">
        <v>0</v>
      </c>
      <c r="M170" s="53">
        <v>0</v>
      </c>
      <c r="N170" s="53">
        <v>0</v>
      </c>
      <c r="O170" s="53">
        <v>0</v>
      </c>
      <c r="P170" s="53">
        <v>0</v>
      </c>
      <c r="Q170" s="53">
        <v>0</v>
      </c>
      <c r="R170" s="53">
        <v>0</v>
      </c>
      <c r="S170" s="53">
        <v>0</v>
      </c>
      <c r="T170" s="53">
        <v>0</v>
      </c>
      <c r="U170" s="53">
        <v>0</v>
      </c>
      <c r="V170" s="53">
        <v>0</v>
      </c>
      <c r="W170" s="53">
        <v>0</v>
      </c>
      <c r="X170" s="53">
        <v>0</v>
      </c>
      <c r="Y170" s="53">
        <v>0</v>
      </c>
      <c r="Z170" s="53">
        <v>0</v>
      </c>
      <c r="AA170" s="53">
        <v>0</v>
      </c>
      <c r="AB170" s="53">
        <v>0</v>
      </c>
      <c r="AC170" s="53">
        <v>0</v>
      </c>
      <c r="AD170" s="53">
        <v>0</v>
      </c>
      <c r="AE170" s="53">
        <v>0</v>
      </c>
      <c r="AF170" s="53">
        <v>0</v>
      </c>
      <c r="AG170" s="53">
        <v>0</v>
      </c>
      <c r="AH170" s="53">
        <v>0</v>
      </c>
      <c r="AI170" s="53">
        <v>0</v>
      </c>
      <c r="AJ170" s="53">
        <v>0</v>
      </c>
      <c r="AK170" s="53">
        <v>0</v>
      </c>
      <c r="AL170" s="53">
        <v>0</v>
      </c>
      <c r="AM170" s="53">
        <v>0</v>
      </c>
      <c r="AN170" s="53">
        <v>0</v>
      </c>
      <c r="AO170" s="53">
        <v>0</v>
      </c>
      <c r="AP170" s="53">
        <v>0</v>
      </c>
      <c r="AQ170" s="53">
        <v>0</v>
      </c>
      <c r="AR170" s="53">
        <v>0</v>
      </c>
      <c r="AS170" s="53">
        <v>0</v>
      </c>
      <c r="AT170" s="53">
        <v>0</v>
      </c>
      <c r="AU170" s="53">
        <v>0</v>
      </c>
      <c r="AV170" s="53">
        <v>0</v>
      </c>
      <c r="AW170" s="53">
        <v>0</v>
      </c>
      <c r="AX170" s="53">
        <v>0</v>
      </c>
      <c r="AY170" s="53">
        <v>0</v>
      </c>
      <c r="AZ170" s="53">
        <v>0</v>
      </c>
      <c r="BA170" s="53">
        <v>0</v>
      </c>
    </row>
    <row r="171" spans="1:53">
      <c r="A171" s="52" t="s">
        <v>360</v>
      </c>
      <c r="B171" s="53">
        <v>6697564.1700000698</v>
      </c>
      <c r="C171" s="53">
        <v>6697564.1700000698</v>
      </c>
      <c r="D171" s="53">
        <v>6697564.1700000698</v>
      </c>
      <c r="E171" s="53">
        <v>6697564.1700000698</v>
      </c>
      <c r="F171" s="53">
        <v>6697564.1700000698</v>
      </c>
      <c r="G171" s="53">
        <v>6697564.1700000698</v>
      </c>
      <c r="H171" s="53">
        <v>6697564.1700000698</v>
      </c>
      <c r="I171" s="53">
        <v>6697564.1700000698</v>
      </c>
      <c r="J171" s="53">
        <v>6697564.1700000698</v>
      </c>
      <c r="K171" s="53">
        <v>6697564.1700000698</v>
      </c>
      <c r="L171" s="53">
        <v>6697564.1700000698</v>
      </c>
      <c r="M171" s="53">
        <v>6697564.1700000698</v>
      </c>
      <c r="N171" s="53">
        <v>6697564.1700000698</v>
      </c>
      <c r="O171" s="53">
        <v>6697564.1700000698</v>
      </c>
      <c r="P171" s="53">
        <v>6697564.1700000698</v>
      </c>
      <c r="Q171" s="53">
        <v>6697564.1700000698</v>
      </c>
      <c r="R171" s="53">
        <v>6697564.1700000698</v>
      </c>
      <c r="S171" s="53">
        <v>6697564.1700000698</v>
      </c>
      <c r="T171" s="53">
        <v>6697564.1700000698</v>
      </c>
      <c r="U171" s="53">
        <v>6697564.1700000698</v>
      </c>
      <c r="V171" s="53">
        <v>6697564.1700000698</v>
      </c>
      <c r="W171" s="53">
        <v>6697564.1700000698</v>
      </c>
      <c r="X171" s="53">
        <v>6697564.1700000698</v>
      </c>
      <c r="Y171" s="53">
        <v>6697564.1700000698</v>
      </c>
      <c r="Z171" s="53">
        <v>6697564.1700000698</v>
      </c>
      <c r="AA171" s="53">
        <v>6697564.1700000698</v>
      </c>
      <c r="AB171" s="53">
        <v>6697564.1700000698</v>
      </c>
      <c r="AC171" s="53">
        <v>6697564.1700000698</v>
      </c>
      <c r="AD171" s="53">
        <v>6697564.1700000698</v>
      </c>
      <c r="AE171" s="53">
        <v>6697564.1700000698</v>
      </c>
      <c r="AF171" s="53">
        <v>6697564.1700000698</v>
      </c>
      <c r="AG171" s="53">
        <v>6697564.1700000698</v>
      </c>
      <c r="AH171" s="53">
        <v>6697564.1700000698</v>
      </c>
      <c r="AI171" s="53">
        <v>6697564.1700000698</v>
      </c>
      <c r="AJ171" s="53">
        <v>6697564.1700000698</v>
      </c>
      <c r="AK171" s="53">
        <v>6697564.1700000698</v>
      </c>
      <c r="AL171" s="53">
        <v>6697564.1700000698</v>
      </c>
      <c r="AM171" s="53">
        <v>6697564.1700000698</v>
      </c>
      <c r="AN171" s="53">
        <v>6697564.1700000698</v>
      </c>
      <c r="AO171" s="53">
        <v>6697564.1700000698</v>
      </c>
      <c r="AP171" s="53">
        <v>6697564.1700000698</v>
      </c>
      <c r="AQ171" s="53">
        <v>6697564.1700000698</v>
      </c>
      <c r="AR171" s="53">
        <v>6697564.1700000698</v>
      </c>
      <c r="AS171" s="53">
        <v>6697564.1700000698</v>
      </c>
      <c r="AT171" s="53">
        <v>6697564.1700000698</v>
      </c>
      <c r="AU171" s="53">
        <v>6697564.1700000698</v>
      </c>
      <c r="AV171" s="53">
        <v>6697564.1700000698</v>
      </c>
      <c r="AW171" s="53">
        <v>6697564.1700000698</v>
      </c>
      <c r="AX171" s="53">
        <v>6697564.1700000698</v>
      </c>
      <c r="AY171" s="53">
        <v>6697564.1700000698</v>
      </c>
      <c r="AZ171" s="53">
        <v>6697564.1700000698</v>
      </c>
      <c r="BA171" s="53">
        <v>6697564.1700000698</v>
      </c>
    </row>
    <row r="172" spans="1:53">
      <c r="A172" s="52" t="s">
        <v>361</v>
      </c>
      <c r="B172" s="53">
        <v>-144446.879999995</v>
      </c>
      <c r="C172" s="53">
        <v>-144446.879999995</v>
      </c>
      <c r="D172" s="53">
        <v>-144446.879999995</v>
      </c>
      <c r="E172" s="53">
        <v>-144446.879999995</v>
      </c>
      <c r="F172" s="53">
        <v>-144446.879999995</v>
      </c>
      <c r="G172" s="53">
        <v>-144446.879999995</v>
      </c>
      <c r="H172" s="53">
        <v>-144446.879999995</v>
      </c>
      <c r="I172" s="53">
        <v>-144446.879999995</v>
      </c>
      <c r="J172" s="53">
        <v>-144446.879999995</v>
      </c>
      <c r="K172" s="53">
        <v>-144446.879999995</v>
      </c>
      <c r="L172" s="53">
        <v>-144446.879999995</v>
      </c>
      <c r="M172" s="53">
        <v>-144446.879999995</v>
      </c>
      <c r="N172" s="53">
        <v>-144446.879999995</v>
      </c>
      <c r="O172" s="53">
        <v>-144446.879999995</v>
      </c>
      <c r="P172" s="53">
        <v>-144446.879999995</v>
      </c>
      <c r="Q172" s="53">
        <v>-144446.879999995</v>
      </c>
      <c r="R172" s="53">
        <v>-144446.879999995</v>
      </c>
      <c r="S172" s="53">
        <v>-144446.879999995</v>
      </c>
      <c r="T172" s="53">
        <v>-144446.879999995</v>
      </c>
      <c r="U172" s="53">
        <v>-144446.879999995</v>
      </c>
      <c r="V172" s="53">
        <v>-144446.879999995</v>
      </c>
      <c r="W172" s="53">
        <v>-144446.879999995</v>
      </c>
      <c r="X172" s="53">
        <v>-144446.879999995</v>
      </c>
      <c r="Y172" s="53">
        <v>-144446.879999995</v>
      </c>
      <c r="Z172" s="53">
        <v>-144446.879999995</v>
      </c>
      <c r="AA172" s="53">
        <v>-144446.879999995</v>
      </c>
      <c r="AB172" s="53">
        <v>-144446.879999995</v>
      </c>
      <c r="AC172" s="53">
        <v>-144446.879999995</v>
      </c>
      <c r="AD172" s="53">
        <v>-144446.879999995</v>
      </c>
      <c r="AE172" s="53">
        <v>-144446.879999995</v>
      </c>
      <c r="AF172" s="53">
        <v>-144446.879999995</v>
      </c>
      <c r="AG172" s="53">
        <v>-144446.879999995</v>
      </c>
      <c r="AH172" s="53">
        <v>-144446.879999995</v>
      </c>
      <c r="AI172" s="53">
        <v>-144446.879999995</v>
      </c>
      <c r="AJ172" s="53">
        <v>-144446.879999995</v>
      </c>
      <c r="AK172" s="53">
        <v>-144446.879999995</v>
      </c>
      <c r="AL172" s="53">
        <v>-144446.879999995</v>
      </c>
      <c r="AM172" s="53">
        <v>-144446.879999995</v>
      </c>
      <c r="AN172" s="53">
        <v>-144446.879999995</v>
      </c>
      <c r="AO172" s="53">
        <v>-144446.879999995</v>
      </c>
      <c r="AP172" s="53">
        <v>-144446.879999995</v>
      </c>
      <c r="AQ172" s="53">
        <v>-144446.879999995</v>
      </c>
      <c r="AR172" s="53">
        <v>-144446.879999995</v>
      </c>
      <c r="AS172" s="53">
        <v>-144446.879999995</v>
      </c>
      <c r="AT172" s="53">
        <v>-144446.879999995</v>
      </c>
      <c r="AU172" s="53">
        <v>-144446.879999995</v>
      </c>
      <c r="AV172" s="53">
        <v>-144446.879999995</v>
      </c>
      <c r="AW172" s="53">
        <v>-144446.879999995</v>
      </c>
      <c r="AX172" s="53">
        <v>-144446.879999995</v>
      </c>
      <c r="AY172" s="53">
        <v>-144446.879999995</v>
      </c>
      <c r="AZ172" s="53">
        <v>-144446.879999995</v>
      </c>
      <c r="BA172" s="53">
        <v>-144446.879999995</v>
      </c>
    </row>
    <row r="173" spans="1:53">
      <c r="A173" s="52" t="s">
        <v>362</v>
      </c>
      <c r="B173" s="53">
        <v>0</v>
      </c>
      <c r="C173" s="53">
        <v>0</v>
      </c>
      <c r="D173" s="53">
        <v>0</v>
      </c>
      <c r="E173" s="53">
        <v>0</v>
      </c>
      <c r="F173" s="53">
        <v>0</v>
      </c>
      <c r="G173" s="53">
        <v>0</v>
      </c>
      <c r="H173" s="53">
        <v>0</v>
      </c>
      <c r="I173" s="53">
        <v>0</v>
      </c>
      <c r="J173" s="53">
        <v>0</v>
      </c>
      <c r="K173" s="53">
        <v>0</v>
      </c>
      <c r="L173" s="53">
        <v>0</v>
      </c>
      <c r="M173" s="53">
        <v>0</v>
      </c>
      <c r="N173" s="53">
        <v>0</v>
      </c>
      <c r="O173" s="53">
        <v>0</v>
      </c>
      <c r="P173" s="53">
        <v>0</v>
      </c>
      <c r="Q173" s="53">
        <v>0</v>
      </c>
      <c r="R173" s="53">
        <v>0</v>
      </c>
      <c r="S173" s="53">
        <v>0</v>
      </c>
      <c r="T173" s="53">
        <v>0</v>
      </c>
      <c r="U173" s="53">
        <v>0</v>
      </c>
      <c r="V173" s="53">
        <v>0</v>
      </c>
      <c r="W173" s="53">
        <v>0</v>
      </c>
      <c r="X173" s="53">
        <v>0</v>
      </c>
      <c r="Y173" s="53">
        <v>0</v>
      </c>
      <c r="Z173" s="53">
        <v>0</v>
      </c>
      <c r="AA173" s="53">
        <v>0</v>
      </c>
      <c r="AB173" s="53">
        <v>0</v>
      </c>
      <c r="AC173" s="53">
        <v>0</v>
      </c>
      <c r="AD173" s="53">
        <v>0</v>
      </c>
      <c r="AE173" s="53">
        <v>0</v>
      </c>
      <c r="AF173" s="53">
        <v>0</v>
      </c>
      <c r="AG173" s="53">
        <v>0</v>
      </c>
      <c r="AH173" s="53">
        <v>0</v>
      </c>
      <c r="AI173" s="53">
        <v>0</v>
      </c>
      <c r="AJ173" s="53">
        <v>0</v>
      </c>
      <c r="AK173" s="53">
        <v>0</v>
      </c>
      <c r="AL173" s="53">
        <v>0</v>
      </c>
      <c r="AM173" s="53">
        <v>0</v>
      </c>
      <c r="AN173" s="53">
        <v>0</v>
      </c>
      <c r="AO173" s="53">
        <v>0</v>
      </c>
      <c r="AP173" s="53">
        <v>0</v>
      </c>
      <c r="AQ173" s="53">
        <v>0</v>
      </c>
      <c r="AR173" s="53">
        <v>0</v>
      </c>
      <c r="AS173" s="53">
        <v>0</v>
      </c>
      <c r="AT173" s="53">
        <v>0</v>
      </c>
      <c r="AU173" s="53">
        <v>0</v>
      </c>
      <c r="AV173" s="53">
        <v>0</v>
      </c>
      <c r="AW173" s="53">
        <v>0</v>
      </c>
      <c r="AX173" s="53">
        <v>0</v>
      </c>
      <c r="AY173" s="53">
        <v>0</v>
      </c>
      <c r="AZ173" s="53">
        <v>0</v>
      </c>
      <c r="BA173" s="53">
        <v>0</v>
      </c>
    </row>
    <row r="174" spans="1:53">
      <c r="A174" s="52" t="s">
        <v>363</v>
      </c>
      <c r="B174" s="53">
        <v>0</v>
      </c>
      <c r="C174" s="53">
        <v>0</v>
      </c>
      <c r="D174" s="53">
        <v>0</v>
      </c>
      <c r="E174" s="53">
        <v>0</v>
      </c>
      <c r="F174" s="53">
        <v>0</v>
      </c>
      <c r="G174" s="53">
        <v>0</v>
      </c>
      <c r="H174" s="53">
        <v>0</v>
      </c>
      <c r="I174" s="53">
        <v>0</v>
      </c>
      <c r="J174" s="53">
        <v>0</v>
      </c>
      <c r="K174" s="53">
        <v>0</v>
      </c>
      <c r="L174" s="53">
        <v>0</v>
      </c>
      <c r="M174" s="53">
        <v>0</v>
      </c>
      <c r="N174" s="53">
        <v>0</v>
      </c>
      <c r="O174" s="53">
        <v>0</v>
      </c>
      <c r="P174" s="53">
        <v>0</v>
      </c>
      <c r="Q174" s="53">
        <v>0</v>
      </c>
      <c r="R174" s="53">
        <v>0</v>
      </c>
      <c r="S174" s="53">
        <v>0</v>
      </c>
      <c r="T174" s="53">
        <v>0</v>
      </c>
      <c r="U174" s="53">
        <v>0</v>
      </c>
      <c r="V174" s="53">
        <v>0</v>
      </c>
      <c r="W174" s="53">
        <v>0</v>
      </c>
      <c r="X174" s="53">
        <v>0</v>
      </c>
      <c r="Y174" s="53">
        <v>0</v>
      </c>
      <c r="Z174" s="53">
        <v>0</v>
      </c>
      <c r="AA174" s="53">
        <v>0</v>
      </c>
      <c r="AB174" s="53">
        <v>0</v>
      </c>
      <c r="AC174" s="53">
        <v>0</v>
      </c>
      <c r="AD174" s="53">
        <v>0</v>
      </c>
      <c r="AE174" s="53">
        <v>0</v>
      </c>
      <c r="AF174" s="53">
        <v>0</v>
      </c>
      <c r="AG174" s="53">
        <v>0</v>
      </c>
      <c r="AH174" s="53">
        <v>0</v>
      </c>
      <c r="AI174" s="53">
        <v>0</v>
      </c>
      <c r="AJ174" s="53">
        <v>0</v>
      </c>
      <c r="AK174" s="53">
        <v>0</v>
      </c>
      <c r="AL174" s="53">
        <v>0</v>
      </c>
      <c r="AM174" s="53">
        <v>0</v>
      </c>
      <c r="AN174" s="53">
        <v>0</v>
      </c>
      <c r="AO174" s="53">
        <v>0</v>
      </c>
      <c r="AP174" s="53">
        <v>0</v>
      </c>
      <c r="AQ174" s="53">
        <v>0</v>
      </c>
      <c r="AR174" s="53">
        <v>0</v>
      </c>
      <c r="AS174" s="53">
        <v>0</v>
      </c>
      <c r="AT174" s="53">
        <v>0</v>
      </c>
      <c r="AU174" s="53">
        <v>0</v>
      </c>
      <c r="AV174" s="53">
        <v>0</v>
      </c>
      <c r="AW174" s="53">
        <v>0</v>
      </c>
      <c r="AX174" s="53">
        <v>0</v>
      </c>
      <c r="AY174" s="53">
        <v>0</v>
      </c>
      <c r="AZ174" s="53">
        <v>0</v>
      </c>
      <c r="BA174" s="53">
        <v>0</v>
      </c>
    </row>
    <row r="175" spans="1:53">
      <c r="A175" s="58" t="s">
        <v>364</v>
      </c>
      <c r="B175" s="53">
        <v>6553117.2900000801</v>
      </c>
      <c r="C175" s="53">
        <v>6553117.2900000801</v>
      </c>
      <c r="D175" s="53">
        <v>6553117.2900000801</v>
      </c>
      <c r="E175" s="53">
        <v>6553117.2900000801</v>
      </c>
      <c r="F175" s="53">
        <v>6553117.2900000801</v>
      </c>
      <c r="G175" s="53">
        <v>6553117.2900000801</v>
      </c>
      <c r="H175" s="53">
        <v>6553117.2900000801</v>
      </c>
      <c r="I175" s="53">
        <v>6553117.2900000801</v>
      </c>
      <c r="J175" s="53">
        <v>6553117.2900000801</v>
      </c>
      <c r="K175" s="53">
        <v>6553117.2900000801</v>
      </c>
      <c r="L175" s="53">
        <v>6553117.2900000801</v>
      </c>
      <c r="M175" s="53">
        <v>6553117.2900000801</v>
      </c>
      <c r="N175" s="53">
        <v>6553117.2900000801</v>
      </c>
      <c r="O175" s="53">
        <v>6553117.2900000801</v>
      </c>
      <c r="P175" s="53">
        <v>6553117.2900000801</v>
      </c>
      <c r="Q175" s="53">
        <v>6553117.2900000801</v>
      </c>
      <c r="R175" s="53">
        <v>6553117.2900000801</v>
      </c>
      <c r="S175" s="53">
        <v>6553117.2900000801</v>
      </c>
      <c r="T175" s="53">
        <v>6553117.2900000801</v>
      </c>
      <c r="U175" s="53">
        <v>6553117.2900000801</v>
      </c>
      <c r="V175" s="53">
        <v>6553117.2900000801</v>
      </c>
      <c r="W175" s="53">
        <v>6553117.2900000801</v>
      </c>
      <c r="X175" s="53">
        <v>6553117.2900000801</v>
      </c>
      <c r="Y175" s="53">
        <v>6553117.2900000801</v>
      </c>
      <c r="Z175" s="53">
        <v>6553117.2900000801</v>
      </c>
      <c r="AA175" s="53">
        <v>6553117.2900000801</v>
      </c>
      <c r="AB175" s="53">
        <v>6553117.2900000801</v>
      </c>
      <c r="AC175" s="53">
        <v>6553117.2900000801</v>
      </c>
      <c r="AD175" s="53">
        <v>6553117.2900000801</v>
      </c>
      <c r="AE175" s="53">
        <v>6553117.2900000801</v>
      </c>
      <c r="AF175" s="53">
        <v>6553117.2900000801</v>
      </c>
      <c r="AG175" s="53">
        <v>6553117.2900000801</v>
      </c>
      <c r="AH175" s="53">
        <v>6553117.2900000801</v>
      </c>
      <c r="AI175" s="53">
        <v>6553117.2900000801</v>
      </c>
      <c r="AJ175" s="53">
        <v>6553117.2900000801</v>
      </c>
      <c r="AK175" s="53">
        <v>6553117.2900000801</v>
      </c>
      <c r="AL175" s="53">
        <v>6553117.2900000801</v>
      </c>
      <c r="AM175" s="53">
        <v>6553117.2900000801</v>
      </c>
      <c r="AN175" s="53">
        <v>6553117.2900000801</v>
      </c>
      <c r="AO175" s="53">
        <v>6553117.2900000801</v>
      </c>
      <c r="AP175" s="53">
        <v>6553117.2900000801</v>
      </c>
      <c r="AQ175" s="53">
        <v>6553117.2900000801</v>
      </c>
      <c r="AR175" s="53">
        <v>6553117.2900000801</v>
      </c>
      <c r="AS175" s="53">
        <v>6553117.2900000801</v>
      </c>
      <c r="AT175" s="53">
        <v>6553117.2900000801</v>
      </c>
      <c r="AU175" s="53">
        <v>6553117.2900000801</v>
      </c>
      <c r="AV175" s="53">
        <v>6553117.2900000801</v>
      </c>
      <c r="AW175" s="53">
        <v>6553117.2900000801</v>
      </c>
      <c r="AX175" s="53">
        <v>6553117.2900000801</v>
      </c>
      <c r="AY175" s="53">
        <v>6553117.2900000801</v>
      </c>
      <c r="AZ175" s="53">
        <v>6553117.2900000801</v>
      </c>
      <c r="BA175" s="53">
        <v>6553117.2900000801</v>
      </c>
    </row>
    <row r="176" spans="1:53">
      <c r="A176" s="52" t="s">
        <v>365</v>
      </c>
    </row>
    <row r="177" spans="1:53">
      <c r="A177" s="57" t="s">
        <v>366</v>
      </c>
    </row>
    <row r="178" spans="1:53">
      <c r="A178" s="52" t="s">
        <v>367</v>
      </c>
      <c r="B178" s="53">
        <v>0</v>
      </c>
      <c r="C178" s="53">
        <v>0</v>
      </c>
      <c r="D178" s="53">
        <v>0</v>
      </c>
      <c r="E178" s="53">
        <v>0</v>
      </c>
      <c r="F178" s="53">
        <v>0</v>
      </c>
      <c r="G178" s="53">
        <v>0</v>
      </c>
      <c r="H178" s="53">
        <v>0</v>
      </c>
      <c r="I178" s="53">
        <v>0</v>
      </c>
      <c r="J178" s="53">
        <v>0</v>
      </c>
      <c r="K178" s="53">
        <v>0</v>
      </c>
      <c r="L178" s="53">
        <v>0</v>
      </c>
      <c r="M178" s="53">
        <v>0</v>
      </c>
      <c r="N178" s="53">
        <v>0</v>
      </c>
      <c r="O178" s="53">
        <v>0</v>
      </c>
      <c r="P178" s="53">
        <v>0</v>
      </c>
      <c r="Q178" s="53">
        <v>0</v>
      </c>
      <c r="R178" s="53">
        <v>0</v>
      </c>
      <c r="S178" s="53">
        <v>0</v>
      </c>
      <c r="T178" s="53">
        <v>0</v>
      </c>
      <c r="U178" s="53">
        <v>0</v>
      </c>
      <c r="V178" s="53">
        <v>0</v>
      </c>
      <c r="W178" s="53">
        <v>0</v>
      </c>
      <c r="X178" s="53">
        <v>0</v>
      </c>
      <c r="Y178" s="53">
        <v>0</v>
      </c>
      <c r="Z178" s="53">
        <v>0</v>
      </c>
      <c r="AA178" s="53">
        <v>0</v>
      </c>
      <c r="AB178" s="53">
        <v>0</v>
      </c>
      <c r="AC178" s="53">
        <v>0</v>
      </c>
      <c r="AD178" s="53">
        <v>0</v>
      </c>
      <c r="AE178" s="53">
        <v>0</v>
      </c>
      <c r="AF178" s="53">
        <v>0</v>
      </c>
      <c r="AG178" s="53">
        <v>0</v>
      </c>
      <c r="AH178" s="53">
        <v>0</v>
      </c>
      <c r="AI178" s="53">
        <v>0</v>
      </c>
      <c r="AJ178" s="53">
        <v>0</v>
      </c>
      <c r="AK178" s="53">
        <v>0</v>
      </c>
      <c r="AL178" s="53">
        <v>0</v>
      </c>
      <c r="AM178" s="53">
        <v>0</v>
      </c>
      <c r="AN178" s="53">
        <v>0</v>
      </c>
      <c r="AO178" s="53">
        <v>0</v>
      </c>
      <c r="AP178" s="53">
        <v>0</v>
      </c>
      <c r="AQ178" s="53">
        <v>0</v>
      </c>
      <c r="AR178" s="53">
        <v>0</v>
      </c>
      <c r="AS178" s="53">
        <v>0</v>
      </c>
      <c r="AT178" s="53">
        <v>0</v>
      </c>
      <c r="AU178" s="53">
        <v>0</v>
      </c>
      <c r="AV178" s="53">
        <v>0</v>
      </c>
      <c r="AW178" s="53">
        <v>0</v>
      </c>
      <c r="AX178" s="53">
        <v>0</v>
      </c>
      <c r="AY178" s="53">
        <v>0</v>
      </c>
      <c r="AZ178" s="53">
        <v>0</v>
      </c>
      <c r="BA178" s="53">
        <v>0</v>
      </c>
    </row>
    <row r="179" spans="1:53">
      <c r="A179" s="52" t="s">
        <v>368</v>
      </c>
      <c r="B179" s="53">
        <v>1362872.04</v>
      </c>
      <c r="C179" s="53">
        <v>1362872.04</v>
      </c>
      <c r="D179" s="53">
        <v>1362872.04</v>
      </c>
      <c r="E179" s="53">
        <v>1362872.04</v>
      </c>
      <c r="F179" s="53">
        <v>1362872.04</v>
      </c>
      <c r="G179" s="53">
        <v>1362872.04</v>
      </c>
      <c r="H179" s="53">
        <v>1362872.04</v>
      </c>
      <c r="I179" s="53">
        <v>1362872.04</v>
      </c>
      <c r="J179" s="53">
        <v>1362872.04</v>
      </c>
      <c r="K179" s="53">
        <v>1362872.04</v>
      </c>
      <c r="L179" s="53">
        <v>1362872.04</v>
      </c>
      <c r="M179" s="53">
        <v>1362872.04</v>
      </c>
      <c r="N179" s="53">
        <v>1362872.04</v>
      </c>
      <c r="O179" s="53">
        <v>1362872.04</v>
      </c>
      <c r="P179" s="53">
        <v>1362872.04</v>
      </c>
      <c r="Q179" s="53">
        <v>1362872.04</v>
      </c>
      <c r="R179" s="53">
        <v>1362872.04</v>
      </c>
      <c r="S179" s="53">
        <v>1362872.04</v>
      </c>
      <c r="T179" s="53">
        <v>1362872.04</v>
      </c>
      <c r="U179" s="53">
        <v>1362872.04</v>
      </c>
      <c r="V179" s="53">
        <v>1362872.04</v>
      </c>
      <c r="W179" s="53">
        <v>1362872.04</v>
      </c>
      <c r="X179" s="53">
        <v>1362872.04</v>
      </c>
      <c r="Y179" s="53">
        <v>1362872.04</v>
      </c>
      <c r="Z179" s="53">
        <v>1362872.04</v>
      </c>
      <c r="AA179" s="53">
        <v>1362872.04</v>
      </c>
      <c r="AB179" s="53">
        <v>1362872.04</v>
      </c>
      <c r="AC179" s="53">
        <v>1362872.04</v>
      </c>
      <c r="AD179" s="53">
        <v>1362872.04</v>
      </c>
      <c r="AE179" s="53">
        <v>1362872.04</v>
      </c>
      <c r="AF179" s="53">
        <v>1362872.04</v>
      </c>
      <c r="AG179" s="53">
        <v>1362872.04</v>
      </c>
      <c r="AH179" s="53">
        <v>1362872.04</v>
      </c>
      <c r="AI179" s="53">
        <v>1362872.04</v>
      </c>
      <c r="AJ179" s="53">
        <v>1362872.04</v>
      </c>
      <c r="AK179" s="53">
        <v>1362872.04</v>
      </c>
      <c r="AL179" s="53">
        <v>1362872.04</v>
      </c>
      <c r="AM179" s="53">
        <v>1362872.04</v>
      </c>
      <c r="AN179" s="53">
        <v>1362872.04</v>
      </c>
      <c r="AO179" s="53">
        <v>1362872.04</v>
      </c>
      <c r="AP179" s="53">
        <v>1362872.04</v>
      </c>
      <c r="AQ179" s="53">
        <v>1362872.04</v>
      </c>
      <c r="AR179" s="53">
        <v>1362872.04</v>
      </c>
      <c r="AS179" s="53">
        <v>1362872.04</v>
      </c>
      <c r="AT179" s="53">
        <v>1362872.04</v>
      </c>
      <c r="AU179" s="53">
        <v>1362872.04</v>
      </c>
      <c r="AV179" s="53">
        <v>1362872.04</v>
      </c>
      <c r="AW179" s="53">
        <v>1362872.04</v>
      </c>
      <c r="AX179" s="53">
        <v>1362872.04</v>
      </c>
      <c r="AY179" s="53">
        <v>1362872.04</v>
      </c>
      <c r="AZ179" s="53">
        <v>1362872.04</v>
      </c>
      <c r="BA179" s="53">
        <v>1362872.04</v>
      </c>
    </row>
    <row r="180" spans="1:53">
      <c r="A180" s="52" t="s">
        <v>369</v>
      </c>
      <c r="B180" s="53">
        <v>0</v>
      </c>
      <c r="C180" s="53">
        <v>0</v>
      </c>
      <c r="D180" s="53">
        <v>0</v>
      </c>
      <c r="E180" s="53">
        <v>0</v>
      </c>
      <c r="F180" s="53">
        <v>0</v>
      </c>
      <c r="G180" s="53">
        <v>0</v>
      </c>
      <c r="H180" s="53">
        <v>0</v>
      </c>
      <c r="I180" s="53">
        <v>0</v>
      </c>
      <c r="J180" s="53">
        <v>0</v>
      </c>
      <c r="K180" s="53">
        <v>0</v>
      </c>
      <c r="L180" s="53">
        <v>0</v>
      </c>
      <c r="M180" s="53">
        <v>0</v>
      </c>
      <c r="N180" s="53">
        <v>0</v>
      </c>
      <c r="O180" s="53">
        <v>0</v>
      </c>
      <c r="P180" s="53">
        <v>0</v>
      </c>
      <c r="Q180" s="53">
        <v>0</v>
      </c>
      <c r="R180" s="53">
        <v>0</v>
      </c>
      <c r="S180" s="53">
        <v>0</v>
      </c>
      <c r="T180" s="53">
        <v>0</v>
      </c>
      <c r="U180" s="53">
        <v>0</v>
      </c>
      <c r="V180" s="53">
        <v>0</v>
      </c>
      <c r="W180" s="53">
        <v>0</v>
      </c>
      <c r="X180" s="53">
        <v>0</v>
      </c>
      <c r="Y180" s="53">
        <v>0</v>
      </c>
      <c r="Z180" s="53">
        <v>0</v>
      </c>
      <c r="AA180" s="53">
        <v>0</v>
      </c>
      <c r="AB180" s="53">
        <v>0</v>
      </c>
      <c r="AC180" s="53">
        <v>0</v>
      </c>
      <c r="AD180" s="53">
        <v>0</v>
      </c>
      <c r="AE180" s="53">
        <v>0</v>
      </c>
      <c r="AF180" s="53">
        <v>0</v>
      </c>
      <c r="AG180" s="53">
        <v>0</v>
      </c>
      <c r="AH180" s="53">
        <v>0</v>
      </c>
      <c r="AI180" s="53">
        <v>0</v>
      </c>
      <c r="AJ180" s="53">
        <v>0</v>
      </c>
      <c r="AK180" s="53">
        <v>0</v>
      </c>
      <c r="AL180" s="53">
        <v>0</v>
      </c>
      <c r="AM180" s="53">
        <v>0</v>
      </c>
      <c r="AN180" s="53">
        <v>0</v>
      </c>
      <c r="AO180" s="53">
        <v>0</v>
      </c>
      <c r="AP180" s="53">
        <v>0</v>
      </c>
      <c r="AQ180" s="53">
        <v>0</v>
      </c>
      <c r="AR180" s="53">
        <v>0</v>
      </c>
      <c r="AS180" s="53">
        <v>0</v>
      </c>
      <c r="AT180" s="53">
        <v>0</v>
      </c>
      <c r="AU180" s="53">
        <v>0</v>
      </c>
      <c r="AV180" s="53">
        <v>0</v>
      </c>
      <c r="AW180" s="53">
        <v>0</v>
      </c>
      <c r="AX180" s="53">
        <v>0</v>
      </c>
      <c r="AY180" s="53">
        <v>0</v>
      </c>
      <c r="AZ180" s="53">
        <v>0</v>
      </c>
      <c r="BA180" s="53">
        <v>0</v>
      </c>
    </row>
    <row r="181" spans="1:53">
      <c r="A181" s="58" t="s">
        <v>370</v>
      </c>
      <c r="B181" s="134">
        <v>1362872.04</v>
      </c>
      <c r="C181" s="134">
        <v>1362872.04</v>
      </c>
      <c r="D181" s="134">
        <v>1362872.04</v>
      </c>
      <c r="E181" s="134">
        <v>1362872.04</v>
      </c>
      <c r="F181" s="134">
        <v>1362872.04</v>
      </c>
      <c r="G181" s="134">
        <v>1362872.04</v>
      </c>
      <c r="H181" s="134">
        <v>1362872.04</v>
      </c>
      <c r="I181" s="134">
        <v>1362872.04</v>
      </c>
      <c r="J181" s="134">
        <v>1362872.04</v>
      </c>
      <c r="K181" s="134">
        <v>1362872.04</v>
      </c>
      <c r="L181" s="134">
        <v>1362872.04</v>
      </c>
      <c r="M181" s="134">
        <v>1362872.04</v>
      </c>
      <c r="N181" s="134">
        <v>1362872.04</v>
      </c>
      <c r="O181" s="134">
        <v>1362872.04</v>
      </c>
      <c r="P181" s="134">
        <v>1362872.04</v>
      </c>
      <c r="Q181" s="134">
        <v>1362872.04</v>
      </c>
      <c r="R181" s="134">
        <v>1362872.04</v>
      </c>
      <c r="S181" s="134">
        <v>1362872.04</v>
      </c>
      <c r="T181" s="134">
        <v>1362872.04</v>
      </c>
      <c r="U181" s="134">
        <v>1362872.04</v>
      </c>
      <c r="V181" s="134">
        <v>1362872.04</v>
      </c>
      <c r="W181" s="134">
        <v>1362872.04</v>
      </c>
      <c r="X181" s="134">
        <v>1362872.04</v>
      </c>
      <c r="Y181" s="134">
        <v>1362872.04</v>
      </c>
      <c r="Z181" s="134">
        <v>1362872.04</v>
      </c>
      <c r="AA181" s="134">
        <v>1362872.04</v>
      </c>
      <c r="AB181" s="134">
        <v>1362872.04</v>
      </c>
      <c r="AC181" s="134">
        <v>1362872.04</v>
      </c>
      <c r="AD181" s="134">
        <v>1362872.04</v>
      </c>
      <c r="AE181" s="134">
        <v>1362872.04</v>
      </c>
      <c r="AF181" s="134">
        <v>1362872.04</v>
      </c>
      <c r="AG181" s="134">
        <v>1362872.04</v>
      </c>
      <c r="AH181" s="134">
        <v>1362872.04</v>
      </c>
      <c r="AI181" s="134">
        <v>1362872.04</v>
      </c>
      <c r="AJ181" s="134">
        <v>1362872.04</v>
      </c>
      <c r="AK181" s="134">
        <v>1362872.04</v>
      </c>
      <c r="AL181" s="134">
        <v>1362872.04</v>
      </c>
      <c r="AM181" s="134">
        <v>1362872.04</v>
      </c>
      <c r="AN181" s="134">
        <v>1362872.04</v>
      </c>
      <c r="AO181" s="134">
        <v>1362872.04</v>
      </c>
      <c r="AP181" s="134">
        <v>1362872.04</v>
      </c>
      <c r="AQ181" s="134">
        <v>1362872.04</v>
      </c>
      <c r="AR181" s="134">
        <v>1362872.04</v>
      </c>
      <c r="AS181" s="134">
        <v>1362872.04</v>
      </c>
      <c r="AT181" s="134">
        <v>1362872.04</v>
      </c>
      <c r="AU181" s="134">
        <v>1362872.04</v>
      </c>
      <c r="AV181" s="134">
        <v>1362872.04</v>
      </c>
      <c r="AW181" s="134">
        <v>1362872.04</v>
      </c>
      <c r="AX181" s="134">
        <v>1362872.04</v>
      </c>
      <c r="AY181" s="134">
        <v>1362872.04</v>
      </c>
      <c r="AZ181" s="134">
        <v>1362872.04</v>
      </c>
      <c r="BA181" s="134">
        <v>1362872.04</v>
      </c>
    </row>
    <row r="182" spans="1:53">
      <c r="A182" s="52" t="s">
        <v>371</v>
      </c>
    </row>
    <row r="183" spans="1:53">
      <c r="A183" s="57" t="s">
        <v>372</v>
      </c>
    </row>
    <row r="184" spans="1:53">
      <c r="A184" s="52" t="s">
        <v>373</v>
      </c>
      <c r="B184" s="53">
        <v>0</v>
      </c>
      <c r="C184" s="53">
        <v>0</v>
      </c>
      <c r="D184" s="53">
        <v>0</v>
      </c>
      <c r="E184" s="53">
        <v>0</v>
      </c>
      <c r="F184" s="53">
        <v>0</v>
      </c>
      <c r="G184" s="53">
        <v>0</v>
      </c>
      <c r="H184" s="53">
        <v>0</v>
      </c>
      <c r="I184" s="53">
        <v>0</v>
      </c>
      <c r="J184" s="53">
        <v>0</v>
      </c>
      <c r="K184" s="53">
        <v>0</v>
      </c>
      <c r="L184" s="53">
        <v>0</v>
      </c>
      <c r="M184" s="53">
        <v>0</v>
      </c>
      <c r="N184" s="53">
        <v>0</v>
      </c>
      <c r="O184" s="53">
        <v>0</v>
      </c>
      <c r="P184" s="53">
        <v>0</v>
      </c>
      <c r="Q184" s="53">
        <v>0</v>
      </c>
      <c r="R184" s="53">
        <v>0</v>
      </c>
      <c r="S184" s="53">
        <v>0</v>
      </c>
      <c r="T184" s="53">
        <v>0</v>
      </c>
      <c r="U184" s="53">
        <v>0</v>
      </c>
      <c r="V184" s="53">
        <v>0</v>
      </c>
      <c r="W184" s="53">
        <v>0</v>
      </c>
      <c r="X184" s="53">
        <v>0</v>
      </c>
      <c r="Y184" s="53">
        <v>0</v>
      </c>
      <c r="Z184" s="53">
        <v>0</v>
      </c>
      <c r="AA184" s="53">
        <v>0</v>
      </c>
      <c r="AB184" s="53">
        <v>0</v>
      </c>
      <c r="AC184" s="53">
        <v>0</v>
      </c>
      <c r="AD184" s="53">
        <v>0</v>
      </c>
      <c r="AE184" s="53">
        <v>0</v>
      </c>
      <c r="AF184" s="53">
        <v>0</v>
      </c>
      <c r="AG184" s="53">
        <v>0</v>
      </c>
      <c r="AH184" s="53">
        <v>0</v>
      </c>
      <c r="AI184" s="53">
        <v>0</v>
      </c>
      <c r="AJ184" s="53">
        <v>0</v>
      </c>
      <c r="AK184" s="53">
        <v>0</v>
      </c>
      <c r="AL184" s="53">
        <v>0</v>
      </c>
      <c r="AM184" s="53">
        <v>0</v>
      </c>
      <c r="AN184" s="53">
        <v>0</v>
      </c>
      <c r="AO184" s="53">
        <v>0</v>
      </c>
      <c r="AP184" s="53">
        <v>0</v>
      </c>
      <c r="AQ184" s="53">
        <v>0</v>
      </c>
      <c r="AR184" s="53">
        <v>0</v>
      </c>
      <c r="AS184" s="53">
        <v>0</v>
      </c>
      <c r="AT184" s="53">
        <v>0</v>
      </c>
      <c r="AU184" s="53">
        <v>0</v>
      </c>
      <c r="AV184" s="53">
        <v>0</v>
      </c>
      <c r="AW184" s="53">
        <v>0</v>
      </c>
      <c r="AX184" s="53">
        <v>0</v>
      </c>
      <c r="AY184" s="53">
        <v>0</v>
      </c>
      <c r="AZ184" s="53">
        <v>0</v>
      </c>
      <c r="BA184" s="53">
        <v>0</v>
      </c>
    </row>
    <row r="185" spans="1:53">
      <c r="A185" s="52" t="s">
        <v>374</v>
      </c>
      <c r="B185" s="53">
        <v>24950157.170000002</v>
      </c>
      <c r="C185" s="53">
        <v>24950157.170000002</v>
      </c>
      <c r="D185" s="53">
        <v>24950157.170000002</v>
      </c>
      <c r="E185" s="53">
        <v>24950157.170000002</v>
      </c>
      <c r="F185" s="53">
        <v>24950157.170000002</v>
      </c>
      <c r="G185" s="53">
        <v>24950157.170000002</v>
      </c>
      <c r="H185" s="53">
        <v>24950157.170000002</v>
      </c>
      <c r="I185" s="53">
        <v>24950157.170000002</v>
      </c>
      <c r="J185" s="53">
        <v>24950157.170000002</v>
      </c>
      <c r="K185" s="53">
        <v>24950157.170000002</v>
      </c>
      <c r="L185" s="53">
        <v>24950157.170000002</v>
      </c>
      <c r="M185" s="53">
        <v>24950157.170000002</v>
      </c>
      <c r="N185" s="53">
        <v>24950157.170000002</v>
      </c>
      <c r="O185" s="53">
        <v>24950157.170000002</v>
      </c>
      <c r="P185" s="53">
        <v>24950157.170000002</v>
      </c>
      <c r="Q185" s="53">
        <v>24950157.170000002</v>
      </c>
      <c r="R185" s="53">
        <v>24950157.170000002</v>
      </c>
      <c r="S185" s="53">
        <v>24950157.170000002</v>
      </c>
      <c r="T185" s="53">
        <v>24950157.170000002</v>
      </c>
      <c r="U185" s="53">
        <v>24950157.170000002</v>
      </c>
      <c r="V185" s="53">
        <v>24950157.170000002</v>
      </c>
      <c r="W185" s="53">
        <v>24950157.170000002</v>
      </c>
      <c r="X185" s="53">
        <v>24950157.170000002</v>
      </c>
      <c r="Y185" s="53">
        <v>24950157.170000002</v>
      </c>
      <c r="Z185" s="53">
        <v>24950157.170000002</v>
      </c>
      <c r="AA185" s="53">
        <v>24950157.170000002</v>
      </c>
      <c r="AB185" s="53">
        <v>24950157.170000002</v>
      </c>
      <c r="AC185" s="53">
        <v>24950157.170000002</v>
      </c>
      <c r="AD185" s="53">
        <v>24950157.170000002</v>
      </c>
      <c r="AE185" s="53">
        <v>24950157.170000002</v>
      </c>
      <c r="AF185" s="53">
        <v>24950157.170000002</v>
      </c>
      <c r="AG185" s="53">
        <v>24950157.170000002</v>
      </c>
      <c r="AH185" s="53">
        <v>24950157.170000002</v>
      </c>
      <c r="AI185" s="53">
        <v>24950157.170000002</v>
      </c>
      <c r="AJ185" s="53">
        <v>24950157.170000002</v>
      </c>
      <c r="AK185" s="53">
        <v>24950157.170000002</v>
      </c>
      <c r="AL185" s="53">
        <v>24950157.170000002</v>
      </c>
      <c r="AM185" s="53">
        <v>24950157.170000002</v>
      </c>
      <c r="AN185" s="53">
        <v>24950157.170000002</v>
      </c>
      <c r="AO185" s="53">
        <v>24950157.170000002</v>
      </c>
      <c r="AP185" s="53">
        <v>24950157.170000002</v>
      </c>
      <c r="AQ185" s="53">
        <v>24950157.170000002</v>
      </c>
      <c r="AR185" s="53">
        <v>24950157.170000002</v>
      </c>
      <c r="AS185" s="53">
        <v>24950157.170000002</v>
      </c>
      <c r="AT185" s="53">
        <v>24950157.170000002</v>
      </c>
      <c r="AU185" s="53">
        <v>24950157.170000002</v>
      </c>
      <c r="AV185" s="53">
        <v>24950157.170000002</v>
      </c>
      <c r="AW185" s="53">
        <v>24950157.170000002</v>
      </c>
      <c r="AX185" s="53">
        <v>24950157.170000002</v>
      </c>
      <c r="AY185" s="53">
        <v>24950157.170000002</v>
      </c>
      <c r="AZ185" s="53">
        <v>24950157.170000002</v>
      </c>
      <c r="BA185" s="53">
        <v>24950157.170000002</v>
      </c>
    </row>
    <row r="186" spans="1:53">
      <c r="A186" s="52" t="s">
        <v>375</v>
      </c>
      <c r="B186" s="53">
        <v>18939905.02</v>
      </c>
      <c r="C186" s="53">
        <v>18939905.02</v>
      </c>
      <c r="D186" s="53">
        <v>18939905.02</v>
      </c>
      <c r="E186" s="53">
        <v>18939905.02</v>
      </c>
      <c r="F186" s="53">
        <v>18939905.02</v>
      </c>
      <c r="G186" s="53">
        <v>18939905.02</v>
      </c>
      <c r="H186" s="53">
        <v>18939905.02</v>
      </c>
      <c r="I186" s="53">
        <v>18939905.02</v>
      </c>
      <c r="J186" s="53">
        <v>18939905.02</v>
      </c>
      <c r="K186" s="53">
        <v>18939905.02</v>
      </c>
      <c r="L186" s="53">
        <v>18939905.02</v>
      </c>
      <c r="M186" s="53">
        <v>18939905.02</v>
      </c>
      <c r="N186" s="53">
        <v>18939905.02</v>
      </c>
      <c r="O186" s="53">
        <v>18939905.02</v>
      </c>
      <c r="P186" s="53">
        <v>18939905.02</v>
      </c>
      <c r="Q186" s="53">
        <v>18939905.02</v>
      </c>
      <c r="R186" s="53">
        <v>18939905.02</v>
      </c>
      <c r="S186" s="53">
        <v>18939905.02</v>
      </c>
      <c r="T186" s="53">
        <v>18939905.02</v>
      </c>
      <c r="U186" s="53">
        <v>18939905.02</v>
      </c>
      <c r="V186" s="53">
        <v>18939905.02</v>
      </c>
      <c r="W186" s="53">
        <v>18939905.02</v>
      </c>
      <c r="X186" s="53">
        <v>18939905.02</v>
      </c>
      <c r="Y186" s="53">
        <v>18939905.02</v>
      </c>
      <c r="Z186" s="53">
        <v>18939905.02</v>
      </c>
      <c r="AA186" s="53">
        <v>18939905.02</v>
      </c>
      <c r="AB186" s="53">
        <v>18939905.02</v>
      </c>
      <c r="AC186" s="53">
        <v>18939905.02</v>
      </c>
      <c r="AD186" s="53">
        <v>18939905.02</v>
      </c>
      <c r="AE186" s="53">
        <v>18939905.02</v>
      </c>
      <c r="AF186" s="53">
        <v>18939905.02</v>
      </c>
      <c r="AG186" s="53">
        <v>18939905.02</v>
      </c>
      <c r="AH186" s="53">
        <v>18939905.02</v>
      </c>
      <c r="AI186" s="53">
        <v>18939905.02</v>
      </c>
      <c r="AJ186" s="53">
        <v>18939905.02</v>
      </c>
      <c r="AK186" s="53">
        <v>18939905.02</v>
      </c>
      <c r="AL186" s="53">
        <v>18939905.02</v>
      </c>
      <c r="AM186" s="53">
        <v>18939905.02</v>
      </c>
      <c r="AN186" s="53">
        <v>18939905.02</v>
      </c>
      <c r="AO186" s="53">
        <v>18939905.02</v>
      </c>
      <c r="AP186" s="53">
        <v>18939905.02</v>
      </c>
      <c r="AQ186" s="53">
        <v>18939905.02</v>
      </c>
      <c r="AR186" s="53">
        <v>18939905.02</v>
      </c>
      <c r="AS186" s="53">
        <v>18939905.02</v>
      </c>
      <c r="AT186" s="53">
        <v>18939905.02</v>
      </c>
      <c r="AU186" s="53">
        <v>18939905.02</v>
      </c>
      <c r="AV186" s="53">
        <v>18939905.02</v>
      </c>
      <c r="AW186" s="53">
        <v>18939905.02</v>
      </c>
      <c r="AX186" s="53">
        <v>18939905.02</v>
      </c>
      <c r="AY186" s="53">
        <v>18939905.02</v>
      </c>
      <c r="AZ186" s="53">
        <v>18939905.02</v>
      </c>
      <c r="BA186" s="53">
        <v>18939905.02</v>
      </c>
    </row>
    <row r="187" spans="1:53">
      <c r="A187" s="52" t="s">
        <v>376</v>
      </c>
      <c r="B187" s="53">
        <v>196687699.03999999</v>
      </c>
      <c r="C187" s="53">
        <v>196687699.03999999</v>
      </c>
      <c r="D187" s="53">
        <v>196687699.03999999</v>
      </c>
      <c r="E187" s="53">
        <v>196687699.03999999</v>
      </c>
      <c r="F187" s="53">
        <v>196687699.03999999</v>
      </c>
      <c r="G187" s="53">
        <v>196687699.03999999</v>
      </c>
      <c r="H187" s="53">
        <v>196687699.03999999</v>
      </c>
      <c r="I187" s="53">
        <v>196687699.03999999</v>
      </c>
      <c r="J187" s="53">
        <v>196687699.03999999</v>
      </c>
      <c r="K187" s="53">
        <v>196687699.03999999</v>
      </c>
      <c r="L187" s="53">
        <v>196687699.03999999</v>
      </c>
      <c r="M187" s="53">
        <v>196687699.03999999</v>
      </c>
      <c r="N187" s="53">
        <v>196687699.03999999</v>
      </c>
      <c r="O187" s="53">
        <v>196687699.03999999</v>
      </c>
      <c r="P187" s="53">
        <v>196687699.03999999</v>
      </c>
      <c r="Q187" s="53">
        <v>196687699.03999999</v>
      </c>
      <c r="R187" s="53">
        <v>196687699.03999999</v>
      </c>
      <c r="S187" s="53">
        <v>196687699.03999999</v>
      </c>
      <c r="T187" s="53">
        <v>196687699.03999999</v>
      </c>
      <c r="U187" s="53">
        <v>196687699.03999999</v>
      </c>
      <c r="V187" s="53">
        <v>196687699.03999999</v>
      </c>
      <c r="W187" s="53">
        <v>196687699.03999999</v>
      </c>
      <c r="X187" s="53">
        <v>196687699.03999999</v>
      </c>
      <c r="Y187" s="53">
        <v>196687699.03999999</v>
      </c>
      <c r="Z187" s="53">
        <v>196687699.03999999</v>
      </c>
      <c r="AA187" s="53">
        <v>196687699.03999999</v>
      </c>
      <c r="AB187" s="53">
        <v>196687699.03999999</v>
      </c>
      <c r="AC187" s="53">
        <v>196687699.03999999</v>
      </c>
      <c r="AD187" s="53">
        <v>196687699.03999999</v>
      </c>
      <c r="AE187" s="53">
        <v>196687699.03999999</v>
      </c>
      <c r="AF187" s="53">
        <v>196687699.03999999</v>
      </c>
      <c r="AG187" s="53">
        <v>196687699.03999999</v>
      </c>
      <c r="AH187" s="53">
        <v>196687699.03999999</v>
      </c>
      <c r="AI187" s="53">
        <v>196687699.03999999</v>
      </c>
      <c r="AJ187" s="53">
        <v>196687699.03999999</v>
      </c>
      <c r="AK187" s="53">
        <v>196687699.03999999</v>
      </c>
      <c r="AL187" s="53">
        <v>196687699.03999999</v>
      </c>
      <c r="AM187" s="53">
        <v>196687699.03999999</v>
      </c>
      <c r="AN187" s="53">
        <v>196687699.03999999</v>
      </c>
      <c r="AO187" s="53">
        <v>196687699.03999999</v>
      </c>
      <c r="AP187" s="53">
        <v>196687699.03999999</v>
      </c>
      <c r="AQ187" s="53">
        <v>196687699.03999999</v>
      </c>
      <c r="AR187" s="53">
        <v>196687699.03999999</v>
      </c>
      <c r="AS187" s="53">
        <v>196687699.03999999</v>
      </c>
      <c r="AT187" s="53">
        <v>196687699.03999999</v>
      </c>
      <c r="AU187" s="53">
        <v>196687699.03999999</v>
      </c>
      <c r="AV187" s="53">
        <v>196687699.03999999</v>
      </c>
      <c r="AW187" s="53">
        <v>196687699.03999999</v>
      </c>
      <c r="AX187" s="53">
        <v>196687699.03999999</v>
      </c>
      <c r="AY187" s="53">
        <v>196687699.03999999</v>
      </c>
      <c r="AZ187" s="53">
        <v>196687699.03999999</v>
      </c>
      <c r="BA187" s="53">
        <v>196687699.03999999</v>
      </c>
    </row>
    <row r="188" spans="1:53">
      <c r="A188" s="52" t="s">
        <v>377</v>
      </c>
      <c r="B188" s="53">
        <v>0</v>
      </c>
      <c r="C188" s="53">
        <v>0</v>
      </c>
      <c r="D188" s="53">
        <v>0</v>
      </c>
      <c r="E188" s="53">
        <v>0</v>
      </c>
      <c r="F188" s="53">
        <v>0</v>
      </c>
      <c r="G188" s="53">
        <v>0</v>
      </c>
      <c r="H188" s="53">
        <v>0</v>
      </c>
      <c r="I188" s="53">
        <v>0</v>
      </c>
      <c r="J188" s="53">
        <v>0</v>
      </c>
      <c r="K188" s="53">
        <v>0</v>
      </c>
      <c r="L188" s="53">
        <v>0</v>
      </c>
      <c r="M188" s="53">
        <v>0</v>
      </c>
      <c r="N188" s="53">
        <v>0</v>
      </c>
      <c r="O188" s="53">
        <v>0</v>
      </c>
      <c r="P188" s="53">
        <v>0</v>
      </c>
      <c r="Q188" s="53">
        <v>0</v>
      </c>
      <c r="R188" s="53">
        <v>0</v>
      </c>
      <c r="S188" s="53">
        <v>0</v>
      </c>
      <c r="T188" s="53">
        <v>0</v>
      </c>
      <c r="U188" s="53">
        <v>0</v>
      </c>
      <c r="V188" s="53">
        <v>0</v>
      </c>
      <c r="W188" s="53">
        <v>0</v>
      </c>
      <c r="X188" s="53">
        <v>0</v>
      </c>
      <c r="Y188" s="53">
        <v>0</v>
      </c>
      <c r="Z188" s="53">
        <v>0</v>
      </c>
      <c r="AA188" s="53">
        <v>0</v>
      </c>
      <c r="AB188" s="53">
        <v>0</v>
      </c>
      <c r="AC188" s="53">
        <v>0</v>
      </c>
      <c r="AD188" s="53">
        <v>0</v>
      </c>
      <c r="AE188" s="53">
        <v>0</v>
      </c>
      <c r="AF188" s="53">
        <v>0</v>
      </c>
      <c r="AG188" s="53">
        <v>0</v>
      </c>
      <c r="AH188" s="53">
        <v>0</v>
      </c>
      <c r="AI188" s="53">
        <v>0</v>
      </c>
      <c r="AJ188" s="53">
        <v>0</v>
      </c>
      <c r="AK188" s="53">
        <v>0</v>
      </c>
      <c r="AL188" s="53">
        <v>0</v>
      </c>
      <c r="AM188" s="53">
        <v>0</v>
      </c>
      <c r="AN188" s="53">
        <v>0</v>
      </c>
      <c r="AO188" s="53">
        <v>0</v>
      </c>
      <c r="AP188" s="53">
        <v>0</v>
      </c>
      <c r="AQ188" s="53">
        <v>0</v>
      </c>
      <c r="AR188" s="53">
        <v>0</v>
      </c>
      <c r="AS188" s="53">
        <v>0</v>
      </c>
      <c r="AT188" s="53">
        <v>0</v>
      </c>
      <c r="AU188" s="53">
        <v>0</v>
      </c>
      <c r="AV188" s="53">
        <v>0</v>
      </c>
      <c r="AW188" s="53">
        <v>0</v>
      </c>
      <c r="AX188" s="53">
        <v>0</v>
      </c>
      <c r="AY188" s="53">
        <v>0</v>
      </c>
      <c r="AZ188" s="53">
        <v>0</v>
      </c>
      <c r="BA188" s="53">
        <v>0</v>
      </c>
    </row>
    <row r="189" spans="1:53">
      <c r="A189" s="52" t="s">
        <v>378</v>
      </c>
      <c r="B189" s="53">
        <v>43765394.359999999</v>
      </c>
      <c r="C189" s="53">
        <v>43765394.359999999</v>
      </c>
      <c r="D189" s="53">
        <v>43765394.359999999</v>
      </c>
      <c r="E189" s="53">
        <v>43765394.359999999</v>
      </c>
      <c r="F189" s="53">
        <v>43765394.359999999</v>
      </c>
      <c r="G189" s="53">
        <v>43765394.359999999</v>
      </c>
      <c r="H189" s="53">
        <v>43765394.359999999</v>
      </c>
      <c r="I189" s="53">
        <v>43765394.359999999</v>
      </c>
      <c r="J189" s="53">
        <v>43765394.359999999</v>
      </c>
      <c r="K189" s="53">
        <v>43765394.359999999</v>
      </c>
      <c r="L189" s="53">
        <v>43765394.359999999</v>
      </c>
      <c r="M189" s="53">
        <v>43765394.359999999</v>
      </c>
      <c r="N189" s="53">
        <v>43765394.359999999</v>
      </c>
      <c r="O189" s="53">
        <v>43765394.359999999</v>
      </c>
      <c r="P189" s="53">
        <v>43765394.359999999</v>
      </c>
      <c r="Q189" s="53">
        <v>43765394.359999999</v>
      </c>
      <c r="R189" s="53">
        <v>43765394.359999999</v>
      </c>
      <c r="S189" s="53">
        <v>43765394.359999999</v>
      </c>
      <c r="T189" s="53">
        <v>43765394.359999999</v>
      </c>
      <c r="U189" s="53">
        <v>43765394.359999999</v>
      </c>
      <c r="V189" s="53">
        <v>43765394.359999999</v>
      </c>
      <c r="W189" s="53">
        <v>43765394.359999999</v>
      </c>
      <c r="X189" s="53">
        <v>43765394.359999999</v>
      </c>
      <c r="Y189" s="53">
        <v>43765394.359999999</v>
      </c>
      <c r="Z189" s="53">
        <v>43765394.359999999</v>
      </c>
      <c r="AA189" s="53">
        <v>43765394.359999999</v>
      </c>
      <c r="AB189" s="53">
        <v>43765394.359999999</v>
      </c>
      <c r="AC189" s="53">
        <v>43765394.359999999</v>
      </c>
      <c r="AD189" s="53">
        <v>43765394.359999999</v>
      </c>
      <c r="AE189" s="53">
        <v>43765394.359999999</v>
      </c>
      <c r="AF189" s="53">
        <v>43765394.359999999</v>
      </c>
      <c r="AG189" s="53">
        <v>43765394.359999999</v>
      </c>
      <c r="AH189" s="53">
        <v>43765394.359999999</v>
      </c>
      <c r="AI189" s="53">
        <v>43765394.359999999</v>
      </c>
      <c r="AJ189" s="53">
        <v>43765394.359999999</v>
      </c>
      <c r="AK189" s="53">
        <v>43765394.359999999</v>
      </c>
      <c r="AL189" s="53">
        <v>43765394.359999999</v>
      </c>
      <c r="AM189" s="53">
        <v>43765394.359999999</v>
      </c>
      <c r="AN189" s="53">
        <v>43765394.359999999</v>
      </c>
      <c r="AO189" s="53">
        <v>43765394.359999999</v>
      </c>
      <c r="AP189" s="53">
        <v>43765394.359999999</v>
      </c>
      <c r="AQ189" s="53">
        <v>43765394.359999999</v>
      </c>
      <c r="AR189" s="53">
        <v>43765394.359999999</v>
      </c>
      <c r="AS189" s="53">
        <v>43765394.359999999</v>
      </c>
      <c r="AT189" s="53">
        <v>43765394.359999999</v>
      </c>
      <c r="AU189" s="53">
        <v>43765394.359999999</v>
      </c>
      <c r="AV189" s="53">
        <v>43765394.359999999</v>
      </c>
      <c r="AW189" s="53">
        <v>43765394.359999999</v>
      </c>
      <c r="AX189" s="53">
        <v>43765394.359999999</v>
      </c>
      <c r="AY189" s="53">
        <v>43765394.359999999</v>
      </c>
      <c r="AZ189" s="53">
        <v>43765394.359999999</v>
      </c>
      <c r="BA189" s="53">
        <v>43765394.359999999</v>
      </c>
    </row>
    <row r="190" spans="1:53">
      <c r="A190" s="52" t="s">
        <v>379</v>
      </c>
      <c r="B190" s="53">
        <v>77675184.819999903</v>
      </c>
      <c r="C190" s="53">
        <v>77675184.819999903</v>
      </c>
      <c r="D190" s="53">
        <v>77675184.819999903</v>
      </c>
      <c r="E190" s="53">
        <v>77675184.819999903</v>
      </c>
      <c r="F190" s="53">
        <v>77675184.819999903</v>
      </c>
      <c r="G190" s="53">
        <v>77675184.819999903</v>
      </c>
      <c r="H190" s="53">
        <v>77675184.819999799</v>
      </c>
      <c r="I190" s="53">
        <v>77675184.819999799</v>
      </c>
      <c r="J190" s="53">
        <v>77675184.819999799</v>
      </c>
      <c r="K190" s="53">
        <v>77675184.819999799</v>
      </c>
      <c r="L190" s="53">
        <v>77675184.819999799</v>
      </c>
      <c r="M190" s="53">
        <v>77675184.819999799</v>
      </c>
      <c r="N190" s="53">
        <v>77675184.819999799</v>
      </c>
      <c r="O190" s="53">
        <v>77675184.819999799</v>
      </c>
      <c r="P190" s="53">
        <v>77675184.819999903</v>
      </c>
      <c r="Q190" s="53">
        <v>77675184.819999903</v>
      </c>
      <c r="R190" s="53">
        <v>77675184.819999903</v>
      </c>
      <c r="S190" s="53">
        <v>77675184.819999903</v>
      </c>
      <c r="T190" s="53">
        <v>77675184.819999903</v>
      </c>
      <c r="U190" s="53">
        <v>77675184.819999903</v>
      </c>
      <c r="V190" s="53">
        <v>77675184.819999993</v>
      </c>
      <c r="W190" s="53">
        <v>77675184.819999993</v>
      </c>
      <c r="X190" s="53">
        <v>77675184.819999993</v>
      </c>
      <c r="Y190" s="53">
        <v>77675184.819999993</v>
      </c>
      <c r="Z190" s="53">
        <v>77675184.819999993</v>
      </c>
      <c r="AA190" s="53">
        <v>77675184.819999993</v>
      </c>
      <c r="AB190" s="53">
        <v>77675184.819999993</v>
      </c>
      <c r="AC190" s="53">
        <v>77675184.819999993</v>
      </c>
      <c r="AD190" s="53">
        <v>77675184.820000097</v>
      </c>
      <c r="AE190" s="53">
        <v>77675184.820000097</v>
      </c>
      <c r="AF190" s="53">
        <v>77675184.820000097</v>
      </c>
      <c r="AG190" s="53">
        <v>77675184.820000097</v>
      </c>
      <c r="AH190" s="53">
        <v>77675184.820000097</v>
      </c>
      <c r="AI190" s="53">
        <v>77675184.820000097</v>
      </c>
      <c r="AJ190" s="53">
        <v>77675184.820000097</v>
      </c>
      <c r="AK190" s="53">
        <v>77675184.820000201</v>
      </c>
      <c r="AL190" s="53">
        <v>77675184.820000201</v>
      </c>
      <c r="AM190" s="53">
        <v>77675184.820000201</v>
      </c>
      <c r="AN190" s="53">
        <v>77675184.820000201</v>
      </c>
      <c r="AO190" s="53">
        <v>77675184.820000201</v>
      </c>
      <c r="AP190" s="53">
        <v>77675184.820000201</v>
      </c>
      <c r="AQ190" s="53">
        <v>77675184.820000201</v>
      </c>
      <c r="AR190" s="53">
        <v>77675184.820000201</v>
      </c>
      <c r="AS190" s="53">
        <v>77675184.820000201</v>
      </c>
      <c r="AT190" s="53">
        <v>77675184.820000201</v>
      </c>
      <c r="AU190" s="53">
        <v>77675184.820000201</v>
      </c>
      <c r="AV190" s="53">
        <v>77675184.820000201</v>
      </c>
      <c r="AW190" s="53">
        <v>77675184.820000201</v>
      </c>
      <c r="AX190" s="53">
        <v>77675184.820000201</v>
      </c>
      <c r="AY190" s="53">
        <v>77675184.820000201</v>
      </c>
      <c r="AZ190" s="53">
        <v>77675184.820000201</v>
      </c>
      <c r="BA190" s="53">
        <v>77675184.820000201</v>
      </c>
    </row>
    <row r="191" spans="1:53">
      <c r="A191" s="52" t="s">
        <v>380</v>
      </c>
      <c r="B191" s="53">
        <v>21099551.25</v>
      </c>
      <c r="C191" s="53">
        <v>21099551.25</v>
      </c>
      <c r="D191" s="53">
        <v>21099551.25</v>
      </c>
      <c r="E191" s="53">
        <v>21099551.25</v>
      </c>
      <c r="F191" s="53">
        <v>21099551.25</v>
      </c>
      <c r="G191" s="53">
        <v>21099551.25</v>
      </c>
      <c r="H191" s="53">
        <v>21099551.25</v>
      </c>
      <c r="I191" s="53">
        <v>21099551.25</v>
      </c>
      <c r="J191" s="53">
        <v>21099551.25</v>
      </c>
      <c r="K191" s="53">
        <v>21099551.25</v>
      </c>
      <c r="L191" s="53">
        <v>21099551.25</v>
      </c>
      <c r="M191" s="53">
        <v>21099551.25</v>
      </c>
      <c r="N191" s="53">
        <v>21099551.25</v>
      </c>
      <c r="O191" s="53">
        <v>21099551.25</v>
      </c>
      <c r="P191" s="53">
        <v>21099551.25</v>
      </c>
      <c r="Q191" s="53">
        <v>21099551.25</v>
      </c>
      <c r="R191" s="53">
        <v>21099551.25</v>
      </c>
      <c r="S191" s="53">
        <v>21099551.25</v>
      </c>
      <c r="T191" s="53">
        <v>21099551.25</v>
      </c>
      <c r="U191" s="53">
        <v>21099551.25</v>
      </c>
      <c r="V191" s="53">
        <v>21099551.25</v>
      </c>
      <c r="W191" s="53">
        <v>21099551.25</v>
      </c>
      <c r="X191" s="53">
        <v>21099551.25</v>
      </c>
      <c r="Y191" s="53">
        <v>21099551.25</v>
      </c>
      <c r="Z191" s="53">
        <v>21099551.25</v>
      </c>
      <c r="AA191" s="53">
        <v>21099551.25</v>
      </c>
      <c r="AB191" s="53">
        <v>21099551.25</v>
      </c>
      <c r="AC191" s="53">
        <v>21099551.25</v>
      </c>
      <c r="AD191" s="53">
        <v>21099551.25</v>
      </c>
      <c r="AE191" s="53">
        <v>21099551.25</v>
      </c>
      <c r="AF191" s="53">
        <v>21099551.25</v>
      </c>
      <c r="AG191" s="53">
        <v>21099551.25</v>
      </c>
      <c r="AH191" s="53">
        <v>21099551.25</v>
      </c>
      <c r="AI191" s="53">
        <v>21099551.25</v>
      </c>
      <c r="AJ191" s="53">
        <v>21099551.25</v>
      </c>
      <c r="AK191" s="53">
        <v>21099551.25</v>
      </c>
      <c r="AL191" s="53">
        <v>21099551.25</v>
      </c>
      <c r="AM191" s="53">
        <v>21099551.25</v>
      </c>
      <c r="AN191" s="53">
        <v>21099551.25</v>
      </c>
      <c r="AO191" s="53">
        <v>21099551.25</v>
      </c>
      <c r="AP191" s="53">
        <v>21099551.25</v>
      </c>
      <c r="AQ191" s="53">
        <v>21099551.25</v>
      </c>
      <c r="AR191" s="53">
        <v>21099551.25</v>
      </c>
      <c r="AS191" s="53">
        <v>21099551.25</v>
      </c>
      <c r="AT191" s="53">
        <v>21099551.25</v>
      </c>
      <c r="AU191" s="53">
        <v>21099551.25</v>
      </c>
      <c r="AV191" s="53">
        <v>21099551.25</v>
      </c>
      <c r="AW191" s="53">
        <v>21099551.25</v>
      </c>
      <c r="AX191" s="53">
        <v>21099551.25</v>
      </c>
      <c r="AY191" s="53">
        <v>21099551.25</v>
      </c>
      <c r="AZ191" s="53">
        <v>21099551.25</v>
      </c>
      <c r="BA191" s="53">
        <v>21099551.25</v>
      </c>
    </row>
    <row r="192" spans="1:53">
      <c r="A192" s="52" t="s">
        <v>381</v>
      </c>
      <c r="B192" s="53">
        <v>-2679992.0299999998</v>
      </c>
      <c r="C192" s="53">
        <v>-2679992.0299999998</v>
      </c>
      <c r="D192" s="53">
        <v>-2679992.0299999998</v>
      </c>
      <c r="E192" s="53">
        <v>-2679992.0299999998</v>
      </c>
      <c r="F192" s="53">
        <v>-2679992.0299999998</v>
      </c>
      <c r="G192" s="53">
        <v>-2679992.0299999998</v>
      </c>
      <c r="H192" s="53">
        <v>-2679992.0299999998</v>
      </c>
      <c r="I192" s="53">
        <v>-2679992.0299999998</v>
      </c>
      <c r="J192" s="53">
        <v>-2679992.0299999998</v>
      </c>
      <c r="K192" s="53">
        <v>-2679992.0299999998</v>
      </c>
      <c r="L192" s="53">
        <v>-2679992.0299999998</v>
      </c>
      <c r="M192" s="53">
        <v>-2679992.0299999998</v>
      </c>
      <c r="N192" s="53">
        <v>-2679992.0299999998</v>
      </c>
      <c r="O192" s="53">
        <v>-2679992.0299999998</v>
      </c>
      <c r="P192" s="53">
        <v>-2679992.0299999998</v>
      </c>
      <c r="Q192" s="53">
        <v>-2679992.0299999998</v>
      </c>
      <c r="R192" s="53">
        <v>-2679992.0299999998</v>
      </c>
      <c r="S192" s="53">
        <v>-2679992.0299999998</v>
      </c>
      <c r="T192" s="53">
        <v>-2679992.0299999998</v>
      </c>
      <c r="U192" s="53">
        <v>-2679992.0299999998</v>
      </c>
      <c r="V192" s="53">
        <v>-2679992.0299999998</v>
      </c>
      <c r="W192" s="53">
        <v>-2679992.0299999998</v>
      </c>
      <c r="X192" s="53">
        <v>-2679992.0299999998</v>
      </c>
      <c r="Y192" s="53">
        <v>-2679992.0299999998</v>
      </c>
      <c r="Z192" s="53">
        <v>-2679992.0299999998</v>
      </c>
      <c r="AA192" s="53">
        <v>-2679992.0299999998</v>
      </c>
      <c r="AB192" s="53">
        <v>-2679992.0299999998</v>
      </c>
      <c r="AC192" s="53">
        <v>-2679992.0299999998</v>
      </c>
      <c r="AD192" s="53">
        <v>-2679992.0299999998</v>
      </c>
      <c r="AE192" s="53">
        <v>-2679992.0299999998</v>
      </c>
      <c r="AF192" s="53">
        <v>-2679992.0299999998</v>
      </c>
      <c r="AG192" s="53">
        <v>-2679992.0299999998</v>
      </c>
      <c r="AH192" s="53">
        <v>-2679992.0299999998</v>
      </c>
      <c r="AI192" s="53">
        <v>-2679992.0299999998</v>
      </c>
      <c r="AJ192" s="53">
        <v>-2679992.0299999998</v>
      </c>
      <c r="AK192" s="53">
        <v>-2679992.0299999998</v>
      </c>
      <c r="AL192" s="53">
        <v>-2679992.0299999998</v>
      </c>
      <c r="AM192" s="53">
        <v>-2679992.0299999998</v>
      </c>
      <c r="AN192" s="53">
        <v>-2679992.0299999998</v>
      </c>
      <c r="AO192" s="53">
        <v>-2679992.0299999998</v>
      </c>
      <c r="AP192" s="53">
        <v>-2679992.0299999998</v>
      </c>
      <c r="AQ192" s="53">
        <v>-2679992.0299999998</v>
      </c>
      <c r="AR192" s="53">
        <v>-2679992.0299999998</v>
      </c>
      <c r="AS192" s="53">
        <v>-2679992.0299999998</v>
      </c>
      <c r="AT192" s="53">
        <v>-2679992.0299999998</v>
      </c>
      <c r="AU192" s="53">
        <v>-2679992.0299999998</v>
      </c>
      <c r="AV192" s="53">
        <v>-2679992.0299999998</v>
      </c>
      <c r="AW192" s="53">
        <v>-2679992.0299999998</v>
      </c>
      <c r="AX192" s="53">
        <v>-2679992.0299999998</v>
      </c>
      <c r="AY192" s="53">
        <v>-2679992.0299999998</v>
      </c>
      <c r="AZ192" s="53">
        <v>-2679992.0299999998</v>
      </c>
      <c r="BA192" s="53">
        <v>-2679992.0299999998</v>
      </c>
    </row>
    <row r="193" spans="1:53">
      <c r="A193" s="52" t="s">
        <v>382</v>
      </c>
      <c r="B193" s="53">
        <v>0</v>
      </c>
      <c r="C193" s="53">
        <v>0</v>
      </c>
      <c r="D193" s="53">
        <v>0</v>
      </c>
      <c r="E193" s="53">
        <v>0</v>
      </c>
      <c r="F193" s="53">
        <v>0</v>
      </c>
      <c r="G193" s="53">
        <v>0</v>
      </c>
      <c r="H193" s="53">
        <v>0</v>
      </c>
      <c r="I193" s="53">
        <v>0</v>
      </c>
      <c r="J193" s="53">
        <v>0</v>
      </c>
      <c r="K193" s="53">
        <v>0</v>
      </c>
      <c r="L193" s="53">
        <v>0</v>
      </c>
      <c r="M193" s="53">
        <v>0</v>
      </c>
      <c r="N193" s="53">
        <v>0</v>
      </c>
      <c r="O193" s="53">
        <v>0</v>
      </c>
      <c r="P193" s="53">
        <v>0</v>
      </c>
      <c r="Q193" s="53">
        <v>0</v>
      </c>
      <c r="R193" s="53">
        <v>0</v>
      </c>
      <c r="S193" s="53">
        <v>0</v>
      </c>
      <c r="T193" s="53">
        <v>0</v>
      </c>
      <c r="U193" s="53">
        <v>0</v>
      </c>
      <c r="V193" s="53">
        <v>0</v>
      </c>
      <c r="W193" s="53">
        <v>0</v>
      </c>
      <c r="X193" s="53">
        <v>0</v>
      </c>
      <c r="Y193" s="53">
        <v>0</v>
      </c>
      <c r="Z193" s="53">
        <v>0</v>
      </c>
      <c r="AA193" s="53">
        <v>0</v>
      </c>
      <c r="AB193" s="53">
        <v>0</v>
      </c>
      <c r="AC193" s="53">
        <v>0</v>
      </c>
      <c r="AD193" s="53">
        <v>0</v>
      </c>
      <c r="AE193" s="53">
        <v>0</v>
      </c>
      <c r="AF193" s="53">
        <v>0</v>
      </c>
      <c r="AG193" s="53">
        <v>0</v>
      </c>
      <c r="AH193" s="53">
        <v>0</v>
      </c>
      <c r="AI193" s="53">
        <v>0</v>
      </c>
      <c r="AJ193" s="53">
        <v>0</v>
      </c>
      <c r="AK193" s="53">
        <v>0</v>
      </c>
      <c r="AL193" s="53">
        <v>0</v>
      </c>
      <c r="AM193" s="53">
        <v>0</v>
      </c>
      <c r="AN193" s="53">
        <v>0</v>
      </c>
      <c r="AO193" s="53">
        <v>0</v>
      </c>
      <c r="AP193" s="53">
        <v>0</v>
      </c>
      <c r="AQ193" s="53">
        <v>0</v>
      </c>
      <c r="AR193" s="53">
        <v>0</v>
      </c>
      <c r="AS193" s="53">
        <v>0</v>
      </c>
      <c r="AT193" s="53">
        <v>0</v>
      </c>
      <c r="AU193" s="53">
        <v>0</v>
      </c>
      <c r="AV193" s="53">
        <v>0</v>
      </c>
      <c r="AW193" s="53">
        <v>0</v>
      </c>
      <c r="AX193" s="53">
        <v>0</v>
      </c>
      <c r="AY193" s="53">
        <v>0</v>
      </c>
      <c r="AZ193" s="53">
        <v>0</v>
      </c>
      <c r="BA193" s="53">
        <v>0</v>
      </c>
    </row>
    <row r="194" spans="1:53">
      <c r="A194" s="52" t="s">
        <v>383</v>
      </c>
      <c r="B194" s="53">
        <v>-19415104.27</v>
      </c>
      <c r="C194" s="53">
        <v>-19415104.27</v>
      </c>
      <c r="D194" s="53">
        <v>-19415104.27</v>
      </c>
      <c r="E194" s="53">
        <v>-19415104.27</v>
      </c>
      <c r="F194" s="53">
        <v>-19415104.27</v>
      </c>
      <c r="G194" s="53">
        <v>-19415104.27</v>
      </c>
      <c r="H194" s="53">
        <v>-19415104.27</v>
      </c>
      <c r="I194" s="53">
        <v>-19415104.27</v>
      </c>
      <c r="J194" s="53">
        <v>-19415104.27</v>
      </c>
      <c r="K194" s="53">
        <v>-19415104.27</v>
      </c>
      <c r="L194" s="53">
        <v>-19415104.27</v>
      </c>
      <c r="M194" s="53">
        <v>-19415104.27</v>
      </c>
      <c r="N194" s="53">
        <v>-19415104.27</v>
      </c>
      <c r="O194" s="53">
        <v>-19415104.27</v>
      </c>
      <c r="P194" s="53">
        <v>-19415104.27</v>
      </c>
      <c r="Q194" s="53">
        <v>-19415104.27</v>
      </c>
      <c r="R194" s="53">
        <v>-19415104.27</v>
      </c>
      <c r="S194" s="53">
        <v>-19415104.27</v>
      </c>
      <c r="T194" s="53">
        <v>-19415104.27</v>
      </c>
      <c r="U194" s="53">
        <v>-19415104.27</v>
      </c>
      <c r="V194" s="53">
        <v>-19415104.27</v>
      </c>
      <c r="W194" s="53">
        <v>-19415104.27</v>
      </c>
      <c r="X194" s="53">
        <v>-19415104.27</v>
      </c>
      <c r="Y194" s="53">
        <v>-19415104.27</v>
      </c>
      <c r="Z194" s="53">
        <v>-19415104.27</v>
      </c>
      <c r="AA194" s="53">
        <v>-19415104.27</v>
      </c>
      <c r="AB194" s="53">
        <v>-19415104.27</v>
      </c>
      <c r="AC194" s="53">
        <v>-19415104.27</v>
      </c>
      <c r="AD194" s="53">
        <v>-19415104.27</v>
      </c>
      <c r="AE194" s="53">
        <v>-19415104.27</v>
      </c>
      <c r="AF194" s="53">
        <v>-19415104.27</v>
      </c>
      <c r="AG194" s="53">
        <v>-19415104.27</v>
      </c>
      <c r="AH194" s="53">
        <v>-19415104.27</v>
      </c>
      <c r="AI194" s="53">
        <v>-19415104.27</v>
      </c>
      <c r="AJ194" s="53">
        <v>-19415104.27</v>
      </c>
      <c r="AK194" s="53">
        <v>-19415104.27</v>
      </c>
      <c r="AL194" s="53">
        <v>-19415104.27</v>
      </c>
      <c r="AM194" s="53">
        <v>-19415104.27</v>
      </c>
      <c r="AN194" s="53">
        <v>-19415104.27</v>
      </c>
      <c r="AO194" s="53">
        <v>-19415104.27</v>
      </c>
      <c r="AP194" s="53">
        <v>-19415104.27</v>
      </c>
      <c r="AQ194" s="53">
        <v>-19415104.27</v>
      </c>
      <c r="AR194" s="53">
        <v>-19415104.27</v>
      </c>
      <c r="AS194" s="53">
        <v>-19415104.27</v>
      </c>
      <c r="AT194" s="53">
        <v>-19415104.27</v>
      </c>
      <c r="AU194" s="53">
        <v>-19415104.27</v>
      </c>
      <c r="AV194" s="53">
        <v>-19415104.27</v>
      </c>
      <c r="AW194" s="53">
        <v>-19415104.27</v>
      </c>
      <c r="AX194" s="53">
        <v>-19415104.27</v>
      </c>
      <c r="AY194" s="53">
        <v>-19415104.27</v>
      </c>
      <c r="AZ194" s="53">
        <v>-19415104.27</v>
      </c>
      <c r="BA194" s="53">
        <v>-19415104.27</v>
      </c>
    </row>
    <row r="195" spans="1:53">
      <c r="A195" s="52" t="s">
        <v>384</v>
      </c>
      <c r="B195" s="53">
        <v>293033167.13999999</v>
      </c>
      <c r="C195" s="53">
        <v>293033167.13999999</v>
      </c>
      <c r="D195" s="53">
        <v>293033167.13999999</v>
      </c>
      <c r="E195" s="53">
        <v>293033167.13999999</v>
      </c>
      <c r="F195" s="53">
        <v>293033167.13999999</v>
      </c>
      <c r="G195" s="53">
        <v>293033167.13999999</v>
      </c>
      <c r="H195" s="53">
        <v>293033167.13999999</v>
      </c>
      <c r="I195" s="53">
        <v>293033167.13999999</v>
      </c>
      <c r="J195" s="53">
        <v>293033167.13999999</v>
      </c>
      <c r="K195" s="53">
        <v>293033167.13999999</v>
      </c>
      <c r="L195" s="53">
        <v>293033167.13999999</v>
      </c>
      <c r="M195" s="53">
        <v>293033167.13999999</v>
      </c>
      <c r="N195" s="53">
        <v>293033167.13999999</v>
      </c>
      <c r="O195" s="53">
        <v>293033167.13999999</v>
      </c>
      <c r="P195" s="53">
        <v>293033167.13999999</v>
      </c>
      <c r="Q195" s="53">
        <v>293033167.13999999</v>
      </c>
      <c r="R195" s="53">
        <v>293033167.13999999</v>
      </c>
      <c r="S195" s="53">
        <v>293033167.13999999</v>
      </c>
      <c r="T195" s="53">
        <v>293033167.13999999</v>
      </c>
      <c r="U195" s="53">
        <v>293033167.13999999</v>
      </c>
      <c r="V195" s="53">
        <v>293033167.13999999</v>
      </c>
      <c r="W195" s="53">
        <v>293033167.13999999</v>
      </c>
      <c r="X195" s="53">
        <v>293033167.13999999</v>
      </c>
      <c r="Y195" s="53">
        <v>293033167.13999999</v>
      </c>
      <c r="Z195" s="53">
        <v>293033167.13999999</v>
      </c>
      <c r="AA195" s="53">
        <v>293033167.13999999</v>
      </c>
      <c r="AB195" s="53">
        <v>293033167.13999999</v>
      </c>
      <c r="AC195" s="53">
        <v>293033167.13999999</v>
      </c>
      <c r="AD195" s="53">
        <v>293033167.13999999</v>
      </c>
      <c r="AE195" s="53">
        <v>293033167.13999999</v>
      </c>
      <c r="AF195" s="53">
        <v>293033167.13999999</v>
      </c>
      <c r="AG195" s="53">
        <v>293033167.13999999</v>
      </c>
      <c r="AH195" s="53">
        <v>293033167.13999999</v>
      </c>
      <c r="AI195" s="53">
        <v>293033167.13999999</v>
      </c>
      <c r="AJ195" s="53">
        <v>293033167.13999999</v>
      </c>
      <c r="AK195" s="53">
        <v>293033167.13999999</v>
      </c>
      <c r="AL195" s="53">
        <v>293033167.13999999</v>
      </c>
      <c r="AM195" s="53">
        <v>293033167.13999999</v>
      </c>
      <c r="AN195" s="53">
        <v>293033167.13999999</v>
      </c>
      <c r="AO195" s="53">
        <v>293033167.13999999</v>
      </c>
      <c r="AP195" s="53">
        <v>293033167.13999999</v>
      </c>
      <c r="AQ195" s="53">
        <v>293033167.13999999</v>
      </c>
      <c r="AR195" s="53">
        <v>293033167.13999999</v>
      </c>
      <c r="AS195" s="53">
        <v>293033167.13999999</v>
      </c>
      <c r="AT195" s="53">
        <v>293033167.13999999</v>
      </c>
      <c r="AU195" s="53">
        <v>293033167.13999999</v>
      </c>
      <c r="AV195" s="53">
        <v>293033167.13999999</v>
      </c>
      <c r="AW195" s="53">
        <v>293033167.13999999</v>
      </c>
      <c r="AX195" s="53">
        <v>293033167.13999999</v>
      </c>
      <c r="AY195" s="53">
        <v>293033167.13999999</v>
      </c>
      <c r="AZ195" s="53">
        <v>293033167.13999999</v>
      </c>
      <c r="BA195" s="53">
        <v>293033167.13999999</v>
      </c>
    </row>
    <row r="196" spans="1:53">
      <c r="A196" s="52" t="s">
        <v>385</v>
      </c>
      <c r="B196" s="53">
        <v>-56369673.7266666</v>
      </c>
      <c r="C196" s="53">
        <v>-61933840.393333301</v>
      </c>
      <c r="D196" s="53">
        <v>-67498007.060000002</v>
      </c>
      <c r="E196" s="53">
        <v>-73062173.7266666</v>
      </c>
      <c r="F196" s="53">
        <v>-78626340.393333301</v>
      </c>
      <c r="G196" s="53">
        <v>-84190507.060000002</v>
      </c>
      <c r="H196" s="53">
        <v>-89754673.726666704</v>
      </c>
      <c r="I196" s="53">
        <v>-95318840.393333301</v>
      </c>
      <c r="J196" s="53">
        <v>-100883007.06</v>
      </c>
      <c r="K196" s="53">
        <v>-106447173.726666</v>
      </c>
      <c r="L196" s="53">
        <v>-112011340.393333</v>
      </c>
      <c r="M196" s="53">
        <v>-117575507.06</v>
      </c>
      <c r="N196" s="53">
        <v>-117575507.06</v>
      </c>
      <c r="O196" s="53">
        <v>-121829173.726666</v>
      </c>
      <c r="P196" s="53">
        <v>-126082840.393333</v>
      </c>
      <c r="Q196" s="53">
        <v>-130336507.06</v>
      </c>
      <c r="R196" s="53">
        <v>-134590173.726666</v>
      </c>
      <c r="S196" s="53">
        <v>-138843840.39333299</v>
      </c>
      <c r="T196" s="53">
        <v>-143097507.06</v>
      </c>
      <c r="U196" s="53">
        <v>-147351173.726666</v>
      </c>
      <c r="V196" s="53">
        <v>-151604840.39333299</v>
      </c>
      <c r="W196" s="53">
        <v>-155858507.06</v>
      </c>
      <c r="X196" s="53">
        <v>-160112173.726666</v>
      </c>
      <c r="Y196" s="53">
        <v>-164365840.39333299</v>
      </c>
      <c r="Z196" s="53">
        <v>-168619507.06</v>
      </c>
      <c r="AA196" s="53">
        <v>-168619507.06</v>
      </c>
      <c r="AB196" s="53">
        <v>-171706173.726666</v>
      </c>
      <c r="AC196" s="53">
        <v>-174792840.39333299</v>
      </c>
      <c r="AD196" s="53">
        <v>-177879507.05999899</v>
      </c>
      <c r="AE196" s="53">
        <v>-180966173.726666</v>
      </c>
      <c r="AF196" s="53">
        <v>-184052840.39333299</v>
      </c>
      <c r="AG196" s="53">
        <v>-187139507.05999899</v>
      </c>
      <c r="AH196" s="53">
        <v>-190226173.726666</v>
      </c>
      <c r="AI196" s="53">
        <v>-193312840.39333299</v>
      </c>
      <c r="AJ196" s="53">
        <v>-196399507.05999899</v>
      </c>
      <c r="AK196" s="53">
        <v>-199486173.726666</v>
      </c>
      <c r="AL196" s="53">
        <v>-202572840.39333299</v>
      </c>
      <c r="AM196" s="53">
        <v>-205659507.05999899</v>
      </c>
      <c r="AN196" s="53">
        <v>-205659507.05999899</v>
      </c>
      <c r="AO196" s="53">
        <v>-205659507.05999899</v>
      </c>
      <c r="AP196" s="53">
        <v>-205659507.05999899</v>
      </c>
      <c r="AQ196" s="53">
        <v>-205659507.05999899</v>
      </c>
      <c r="AR196" s="53">
        <v>-205659507.05999899</v>
      </c>
      <c r="AS196" s="53">
        <v>-205659507.05999899</v>
      </c>
      <c r="AT196" s="53">
        <v>-205659507.05999899</v>
      </c>
      <c r="AU196" s="53">
        <v>-205659507.05999899</v>
      </c>
      <c r="AV196" s="53">
        <v>-205659507.05999899</v>
      </c>
      <c r="AW196" s="53">
        <v>-205659507.05999899</v>
      </c>
      <c r="AX196" s="53">
        <v>-205659507.05999899</v>
      </c>
      <c r="AY196" s="53">
        <v>-205659507.05999899</v>
      </c>
      <c r="AZ196" s="53">
        <v>-205659507.05999899</v>
      </c>
      <c r="BA196" s="53">
        <v>-205659507.05999899</v>
      </c>
    </row>
    <row r="197" spans="1:53">
      <c r="A197" s="58" t="s">
        <v>386</v>
      </c>
      <c r="B197" s="134">
        <v>597686288.77333295</v>
      </c>
      <c r="C197" s="134">
        <v>592122122.10666597</v>
      </c>
      <c r="D197" s="134">
        <v>586557955.43999898</v>
      </c>
      <c r="E197" s="134">
        <v>580993788.77333295</v>
      </c>
      <c r="F197" s="134">
        <v>575429622.10666597</v>
      </c>
      <c r="G197" s="134">
        <v>569865455.43999898</v>
      </c>
      <c r="H197" s="134">
        <v>564301288.77333295</v>
      </c>
      <c r="I197" s="134">
        <v>558737122.10666597</v>
      </c>
      <c r="J197" s="134">
        <v>553172955.43999898</v>
      </c>
      <c r="K197" s="134">
        <v>547608788.77333295</v>
      </c>
      <c r="L197" s="134">
        <v>542044622.10666597</v>
      </c>
      <c r="M197" s="134">
        <v>536480455.43999898</v>
      </c>
      <c r="N197" s="134">
        <v>536480455.43999898</v>
      </c>
      <c r="O197" s="134">
        <v>532226788.77333301</v>
      </c>
      <c r="P197" s="134">
        <v>527973122.10666603</v>
      </c>
      <c r="Q197" s="134">
        <v>523719455.43999898</v>
      </c>
      <c r="R197" s="134">
        <v>519465788.77333301</v>
      </c>
      <c r="S197" s="134">
        <v>515212122.10666603</v>
      </c>
      <c r="T197" s="134">
        <v>510958455.43999898</v>
      </c>
      <c r="U197" s="134">
        <v>506704788.77333301</v>
      </c>
      <c r="V197" s="134">
        <v>502451122.10666603</v>
      </c>
      <c r="W197" s="134">
        <v>498197455.43999898</v>
      </c>
      <c r="X197" s="134">
        <v>493943788.77333301</v>
      </c>
      <c r="Y197" s="134">
        <v>489690122.10666603</v>
      </c>
      <c r="Z197" s="134">
        <v>485436455.44</v>
      </c>
      <c r="AA197" s="134">
        <v>485436455.44</v>
      </c>
      <c r="AB197" s="134">
        <v>482349788.77333301</v>
      </c>
      <c r="AC197" s="134">
        <v>479263122.10666603</v>
      </c>
      <c r="AD197" s="134">
        <v>476176455.44</v>
      </c>
      <c r="AE197" s="134">
        <v>473089788.77333301</v>
      </c>
      <c r="AF197" s="134">
        <v>470003122.10666603</v>
      </c>
      <c r="AG197" s="134">
        <v>466916455.44</v>
      </c>
      <c r="AH197" s="134">
        <v>463829788.77333301</v>
      </c>
      <c r="AI197" s="134">
        <v>460743122.10666603</v>
      </c>
      <c r="AJ197" s="134">
        <v>457656455.44</v>
      </c>
      <c r="AK197" s="134">
        <v>454569788.77333301</v>
      </c>
      <c r="AL197" s="134">
        <v>451483122.10666603</v>
      </c>
      <c r="AM197" s="134">
        <v>448396455.44</v>
      </c>
      <c r="AN197" s="134">
        <v>448396455.44</v>
      </c>
      <c r="AO197" s="134">
        <v>448396455.44</v>
      </c>
      <c r="AP197" s="134">
        <v>448396455.44</v>
      </c>
      <c r="AQ197" s="134">
        <v>448396455.44</v>
      </c>
      <c r="AR197" s="134">
        <v>448396455.44</v>
      </c>
      <c r="AS197" s="134">
        <v>448396455.44</v>
      </c>
      <c r="AT197" s="134">
        <v>448396455.44</v>
      </c>
      <c r="AU197" s="134">
        <v>448396455.44</v>
      </c>
      <c r="AV197" s="134">
        <v>448396455.44</v>
      </c>
      <c r="AW197" s="134">
        <v>448396455.44</v>
      </c>
      <c r="AX197" s="134">
        <v>448396455.44</v>
      </c>
      <c r="AY197" s="134">
        <v>448396455.44</v>
      </c>
      <c r="AZ197" s="134">
        <v>448396455.44</v>
      </c>
      <c r="BA197" s="134">
        <v>448396455.44</v>
      </c>
    </row>
    <row r="198" spans="1:53">
      <c r="A198" s="52" t="s">
        <v>387</v>
      </c>
    </row>
    <row r="199" spans="1:53">
      <c r="A199" s="57" t="s">
        <v>388</v>
      </c>
    </row>
    <row r="200" spans="1:53">
      <c r="A200" s="52" t="s">
        <v>389</v>
      </c>
      <c r="B200" s="53">
        <v>-4535110.6900000004</v>
      </c>
      <c r="C200" s="53">
        <v>-4535110.6900000004</v>
      </c>
      <c r="D200" s="53">
        <v>-4535110.6900000004</v>
      </c>
      <c r="E200" s="53">
        <v>-4535110.6900000004</v>
      </c>
      <c r="F200" s="53">
        <v>-4535110.6900000004</v>
      </c>
      <c r="G200" s="53">
        <v>-4535110.6900000004</v>
      </c>
      <c r="H200" s="53">
        <v>-4535110.6900000004</v>
      </c>
      <c r="I200" s="53">
        <v>-4535110.6900000004</v>
      </c>
      <c r="J200" s="53">
        <v>-4535110.6900000004</v>
      </c>
      <c r="K200" s="53">
        <v>-4535110.6900000004</v>
      </c>
      <c r="L200" s="53">
        <v>-4535110.6900000004</v>
      </c>
      <c r="M200" s="53">
        <v>-4535110.6900000004</v>
      </c>
      <c r="N200" s="53">
        <v>-4535110.6900000004</v>
      </c>
      <c r="O200" s="53">
        <v>-4535110.6900000004</v>
      </c>
      <c r="P200" s="53">
        <v>-4535110.6900000004</v>
      </c>
      <c r="Q200" s="53">
        <v>-4535110.6900000004</v>
      </c>
      <c r="R200" s="53">
        <v>-4535110.6900000004</v>
      </c>
      <c r="S200" s="53">
        <v>-4535110.6900000004</v>
      </c>
      <c r="T200" s="53">
        <v>-4535110.6900000004</v>
      </c>
      <c r="U200" s="53">
        <v>-4535110.6900000004</v>
      </c>
      <c r="V200" s="53">
        <v>-4535110.6900000004</v>
      </c>
      <c r="W200" s="53">
        <v>-4535110.6900000004</v>
      </c>
      <c r="X200" s="53">
        <v>-4535110.6900000004</v>
      </c>
      <c r="Y200" s="53">
        <v>-4535110.6900000004</v>
      </c>
      <c r="Z200" s="53">
        <v>-4535110.6900000004</v>
      </c>
      <c r="AA200" s="53">
        <v>-4535110.6900000004</v>
      </c>
      <c r="AB200" s="53">
        <v>-4535110.6900000004</v>
      </c>
      <c r="AC200" s="53">
        <v>-4535110.6900000004</v>
      </c>
      <c r="AD200" s="53">
        <v>-4535110.6900000004</v>
      </c>
      <c r="AE200" s="53">
        <v>-4535110.6900000004</v>
      </c>
      <c r="AF200" s="53">
        <v>-4535110.6900000004</v>
      </c>
      <c r="AG200" s="53">
        <v>-4535110.6900000004</v>
      </c>
      <c r="AH200" s="53">
        <v>-4535110.6900000004</v>
      </c>
      <c r="AI200" s="53">
        <v>-4535110.6900000004</v>
      </c>
      <c r="AJ200" s="53">
        <v>-4535110.6900000004</v>
      </c>
      <c r="AK200" s="53">
        <v>-4535110.6900000004</v>
      </c>
      <c r="AL200" s="53">
        <v>-4535110.6900000004</v>
      </c>
      <c r="AM200" s="53">
        <v>-4535110.6900000004</v>
      </c>
      <c r="AN200" s="53">
        <v>-4535110.6900000004</v>
      </c>
      <c r="AO200" s="53">
        <v>-4535110.6900000004</v>
      </c>
      <c r="AP200" s="53">
        <v>-4535110.6900000004</v>
      </c>
      <c r="AQ200" s="53">
        <v>-4535110.6900000004</v>
      </c>
      <c r="AR200" s="53">
        <v>-4535110.6900000004</v>
      </c>
      <c r="AS200" s="53">
        <v>-4535110.6900000004</v>
      </c>
      <c r="AT200" s="53">
        <v>-4535110.6900000004</v>
      </c>
      <c r="AU200" s="53">
        <v>-4535110.6900000004</v>
      </c>
      <c r="AV200" s="53">
        <v>-4535110.6900000004</v>
      </c>
      <c r="AW200" s="53">
        <v>-4535110.6900000004</v>
      </c>
      <c r="AX200" s="53">
        <v>-4535110.6900000004</v>
      </c>
      <c r="AY200" s="53">
        <v>-4535110.6900000004</v>
      </c>
      <c r="AZ200" s="53">
        <v>-4535110.6900000004</v>
      </c>
      <c r="BA200" s="53">
        <v>-4535110.6900000004</v>
      </c>
    </row>
    <row r="201" spans="1:53">
      <c r="A201" s="52" t="s">
        <v>390</v>
      </c>
      <c r="B201" s="53">
        <v>4947389.5871187998</v>
      </c>
      <c r="C201" s="53">
        <v>6041147.6427426701</v>
      </c>
      <c r="D201" s="53">
        <v>6690185.5571366204</v>
      </c>
      <c r="E201" s="53">
        <v>7595966.8772211503</v>
      </c>
      <c r="F201" s="53">
        <v>8701652.1622276902</v>
      </c>
      <c r="G201" s="53">
        <v>8899693.4845759496</v>
      </c>
      <c r="H201" s="53">
        <v>10006970.6891325</v>
      </c>
      <c r="I201" s="53">
        <v>11117982.3140318</v>
      </c>
      <c r="J201" s="53">
        <v>11347953.3822533</v>
      </c>
      <c r="K201" s="53">
        <v>12463480.559622699</v>
      </c>
      <c r="L201" s="53">
        <v>13585567.729145501</v>
      </c>
      <c r="M201" s="53">
        <v>13587153.5233461</v>
      </c>
      <c r="N201" s="53">
        <v>13587153.5233461</v>
      </c>
      <c r="O201" s="53">
        <v>14725505.007702701</v>
      </c>
      <c r="P201" s="53">
        <v>15866915.5912746</v>
      </c>
      <c r="Q201" s="53">
        <v>16543981.4302822</v>
      </c>
      <c r="R201" s="53">
        <v>17493595.6137814</v>
      </c>
      <c r="S201" s="53">
        <v>18645351.863412801</v>
      </c>
      <c r="T201" s="53">
        <v>18896973.393292598</v>
      </c>
      <c r="U201" s="53">
        <v>20049638.571414299</v>
      </c>
      <c r="V201" s="53">
        <v>21205379.637740299</v>
      </c>
      <c r="W201" s="53">
        <v>21458837.778712898</v>
      </c>
      <c r="X201" s="53">
        <v>22618300.308537301</v>
      </c>
      <c r="Y201" s="53">
        <v>23783653.908285599</v>
      </c>
      <c r="Z201" s="53">
        <v>23802376.090555001</v>
      </c>
      <c r="AA201" s="53">
        <v>23802376.090555001</v>
      </c>
      <c r="AB201" s="53">
        <v>24981194.441723999</v>
      </c>
      <c r="AC201" s="53">
        <v>26163072.486026399</v>
      </c>
      <c r="AD201" s="53">
        <v>26869832.937888201</v>
      </c>
      <c r="AE201" s="53">
        <v>27855646.6862773</v>
      </c>
      <c r="AF201" s="53">
        <v>29047925.0775126</v>
      </c>
      <c r="AG201" s="53">
        <v>29320306.4880068</v>
      </c>
      <c r="AH201" s="53">
        <v>30513523.1255874</v>
      </c>
      <c r="AI201" s="53">
        <v>31709837.9029941</v>
      </c>
      <c r="AJ201" s="53">
        <v>31984075.169305</v>
      </c>
      <c r="AK201" s="53">
        <v>33184140.615598999</v>
      </c>
      <c r="AL201" s="53">
        <v>34390119.178511404</v>
      </c>
      <c r="AM201" s="53">
        <v>34424453.682342902</v>
      </c>
      <c r="AN201" s="53">
        <v>34424453.682342902</v>
      </c>
      <c r="AO201" s="53">
        <v>35659305.058941498</v>
      </c>
      <c r="AP201" s="53">
        <v>36897289.044895202</v>
      </c>
      <c r="AQ201" s="53">
        <v>37649832.382878996</v>
      </c>
      <c r="AR201" s="53">
        <v>38687305.508885898</v>
      </c>
      <c r="AS201" s="53">
        <v>39935869.7363097</v>
      </c>
      <c r="AT201" s="53">
        <v>40243725.598256297</v>
      </c>
      <c r="AU201" s="53">
        <v>41493319.683472201</v>
      </c>
      <c r="AV201" s="53">
        <v>42746085.744421199</v>
      </c>
      <c r="AW201" s="53">
        <v>43055857.6805581</v>
      </c>
      <c r="AX201" s="53">
        <v>44312466.624419898</v>
      </c>
      <c r="AY201" s="53">
        <v>45575062.964198202</v>
      </c>
      <c r="AZ201" s="53">
        <v>45639473.906758703</v>
      </c>
      <c r="BA201" s="53">
        <v>45639473.906758703</v>
      </c>
    </row>
    <row r="202" spans="1:53">
      <c r="A202" s="52" t="s">
        <v>391</v>
      </c>
      <c r="B202" s="53">
        <v>0</v>
      </c>
      <c r="C202" s="53">
        <v>0</v>
      </c>
      <c r="D202" s="53">
        <v>0</v>
      </c>
      <c r="E202" s="53">
        <v>0</v>
      </c>
      <c r="F202" s="53">
        <v>0</v>
      </c>
      <c r="G202" s="53">
        <v>0</v>
      </c>
      <c r="H202" s="53">
        <v>0</v>
      </c>
      <c r="I202" s="53">
        <v>0</v>
      </c>
      <c r="J202" s="53">
        <v>0</v>
      </c>
      <c r="K202" s="53">
        <v>0</v>
      </c>
      <c r="L202" s="53">
        <v>0</v>
      </c>
      <c r="M202" s="53">
        <v>0</v>
      </c>
      <c r="N202" s="53">
        <v>0</v>
      </c>
      <c r="O202" s="53">
        <v>0</v>
      </c>
      <c r="P202" s="53">
        <v>0</v>
      </c>
      <c r="Q202" s="53">
        <v>0</v>
      </c>
      <c r="R202" s="53">
        <v>0</v>
      </c>
      <c r="S202" s="53">
        <v>0</v>
      </c>
      <c r="T202" s="53">
        <v>0</v>
      </c>
      <c r="U202" s="53">
        <v>0</v>
      </c>
      <c r="V202" s="53">
        <v>0</v>
      </c>
      <c r="W202" s="53">
        <v>0</v>
      </c>
      <c r="X202" s="53">
        <v>0</v>
      </c>
      <c r="Y202" s="53">
        <v>0</v>
      </c>
      <c r="Z202" s="53">
        <v>0</v>
      </c>
      <c r="AA202" s="53">
        <v>0</v>
      </c>
      <c r="AB202" s="53">
        <v>0</v>
      </c>
      <c r="AC202" s="53">
        <v>0</v>
      </c>
      <c r="AD202" s="53">
        <v>0</v>
      </c>
      <c r="AE202" s="53">
        <v>0</v>
      </c>
      <c r="AF202" s="53">
        <v>0</v>
      </c>
      <c r="AG202" s="53">
        <v>0</v>
      </c>
      <c r="AH202" s="53">
        <v>0</v>
      </c>
      <c r="AI202" s="53">
        <v>0</v>
      </c>
      <c r="AJ202" s="53">
        <v>0</v>
      </c>
      <c r="AK202" s="53">
        <v>0</v>
      </c>
      <c r="AL202" s="53">
        <v>0</v>
      </c>
      <c r="AM202" s="53">
        <v>0</v>
      </c>
      <c r="AN202" s="53">
        <v>0</v>
      </c>
      <c r="AO202" s="53">
        <v>0</v>
      </c>
      <c r="AP202" s="53">
        <v>0</v>
      </c>
      <c r="AQ202" s="53">
        <v>0</v>
      </c>
      <c r="AR202" s="53">
        <v>0</v>
      </c>
      <c r="AS202" s="53">
        <v>0</v>
      </c>
      <c r="AT202" s="53">
        <v>0</v>
      </c>
      <c r="AU202" s="53">
        <v>0</v>
      </c>
      <c r="AV202" s="53">
        <v>0</v>
      </c>
      <c r="AW202" s="53">
        <v>0</v>
      </c>
      <c r="AX202" s="53">
        <v>0</v>
      </c>
      <c r="AY202" s="53">
        <v>0</v>
      </c>
      <c r="AZ202" s="53">
        <v>0</v>
      </c>
      <c r="BA202" s="53">
        <v>0</v>
      </c>
    </row>
    <row r="203" spans="1:53">
      <c r="A203" s="52" t="s">
        <v>392</v>
      </c>
      <c r="B203" s="53">
        <v>0</v>
      </c>
      <c r="C203" s="53">
        <v>0</v>
      </c>
      <c r="D203" s="53">
        <v>0</v>
      </c>
      <c r="E203" s="53">
        <v>0</v>
      </c>
      <c r="F203" s="53">
        <v>0</v>
      </c>
      <c r="G203" s="53">
        <v>0</v>
      </c>
      <c r="H203" s="53">
        <v>0</v>
      </c>
      <c r="I203" s="53">
        <v>0</v>
      </c>
      <c r="J203" s="53">
        <v>0</v>
      </c>
      <c r="K203" s="53">
        <v>0</v>
      </c>
      <c r="L203" s="53">
        <v>0</v>
      </c>
      <c r="M203" s="53">
        <v>0</v>
      </c>
      <c r="N203" s="53">
        <v>0</v>
      </c>
      <c r="O203" s="53">
        <v>0</v>
      </c>
      <c r="P203" s="53">
        <v>0</v>
      </c>
      <c r="Q203" s="53">
        <v>0</v>
      </c>
      <c r="R203" s="53">
        <v>0</v>
      </c>
      <c r="S203" s="53">
        <v>0</v>
      </c>
      <c r="T203" s="53">
        <v>0</v>
      </c>
      <c r="U203" s="53">
        <v>0</v>
      </c>
      <c r="V203" s="53">
        <v>0</v>
      </c>
      <c r="W203" s="53">
        <v>0</v>
      </c>
      <c r="X203" s="53">
        <v>0</v>
      </c>
      <c r="Y203" s="53">
        <v>0</v>
      </c>
      <c r="Z203" s="53">
        <v>0</v>
      </c>
      <c r="AA203" s="53">
        <v>0</v>
      </c>
      <c r="AB203" s="53">
        <v>0</v>
      </c>
      <c r="AC203" s="53">
        <v>0</v>
      </c>
      <c r="AD203" s="53">
        <v>0</v>
      </c>
      <c r="AE203" s="53">
        <v>0</v>
      </c>
      <c r="AF203" s="53">
        <v>0</v>
      </c>
      <c r="AG203" s="53">
        <v>0</v>
      </c>
      <c r="AH203" s="53">
        <v>0</v>
      </c>
      <c r="AI203" s="53">
        <v>0</v>
      </c>
      <c r="AJ203" s="53">
        <v>0</v>
      </c>
      <c r="AK203" s="53">
        <v>0</v>
      </c>
      <c r="AL203" s="53">
        <v>0</v>
      </c>
      <c r="AM203" s="53">
        <v>0</v>
      </c>
      <c r="AN203" s="53">
        <v>0</v>
      </c>
      <c r="AO203" s="53">
        <v>0</v>
      </c>
      <c r="AP203" s="53">
        <v>0</v>
      </c>
      <c r="AQ203" s="53">
        <v>0</v>
      </c>
      <c r="AR203" s="53">
        <v>0</v>
      </c>
      <c r="AS203" s="53">
        <v>0</v>
      </c>
      <c r="AT203" s="53">
        <v>0</v>
      </c>
      <c r="AU203" s="53">
        <v>0</v>
      </c>
      <c r="AV203" s="53">
        <v>0</v>
      </c>
      <c r="AW203" s="53">
        <v>0</v>
      </c>
      <c r="AX203" s="53">
        <v>0</v>
      </c>
      <c r="AY203" s="53">
        <v>0</v>
      </c>
      <c r="AZ203" s="53">
        <v>0</v>
      </c>
      <c r="BA203" s="53">
        <v>0</v>
      </c>
    </row>
    <row r="204" spans="1:53">
      <c r="A204" s="52" t="s">
        <v>393</v>
      </c>
      <c r="B204" s="53">
        <v>11454829.050000001</v>
      </c>
      <c r="C204" s="53">
        <v>11454829.050000001</v>
      </c>
      <c r="D204" s="53">
        <v>11454829.050000001</v>
      </c>
      <c r="E204" s="53">
        <v>11454829.050000001</v>
      </c>
      <c r="F204" s="53">
        <v>11454829.050000001</v>
      </c>
      <c r="G204" s="53">
        <v>11454829.050000001</v>
      </c>
      <c r="H204" s="53">
        <v>11454829.050000001</v>
      </c>
      <c r="I204" s="53">
        <v>11454829.050000001</v>
      </c>
      <c r="J204" s="53">
        <v>11454829.050000001</v>
      </c>
      <c r="K204" s="53">
        <v>11454829.050000001</v>
      </c>
      <c r="L204" s="53">
        <v>11454829.050000001</v>
      </c>
      <c r="M204" s="53">
        <v>11454829.050000001</v>
      </c>
      <c r="N204" s="53">
        <v>11454829.050000001</v>
      </c>
      <c r="O204" s="53">
        <v>11454829.050000001</v>
      </c>
      <c r="P204" s="53">
        <v>11454829.050000001</v>
      </c>
      <c r="Q204" s="53">
        <v>11454829.050000001</v>
      </c>
      <c r="R204" s="53">
        <v>11454829.050000001</v>
      </c>
      <c r="S204" s="53">
        <v>11454829.050000001</v>
      </c>
      <c r="T204" s="53">
        <v>11454829.050000001</v>
      </c>
      <c r="U204" s="53">
        <v>11454829.050000001</v>
      </c>
      <c r="V204" s="53">
        <v>11454829.050000001</v>
      </c>
      <c r="W204" s="53">
        <v>11454829.050000001</v>
      </c>
      <c r="X204" s="53">
        <v>11454829.050000001</v>
      </c>
      <c r="Y204" s="53">
        <v>11454829.050000001</v>
      </c>
      <c r="Z204" s="53">
        <v>11454829.050000001</v>
      </c>
      <c r="AA204" s="53">
        <v>11454829.050000001</v>
      </c>
      <c r="AB204" s="53">
        <v>11454829.050000001</v>
      </c>
      <c r="AC204" s="53">
        <v>11454829.050000001</v>
      </c>
      <c r="AD204" s="53">
        <v>11454829.050000001</v>
      </c>
      <c r="AE204" s="53">
        <v>11454829.050000001</v>
      </c>
      <c r="AF204" s="53">
        <v>11454829.050000001</v>
      </c>
      <c r="AG204" s="53">
        <v>11454829.050000001</v>
      </c>
      <c r="AH204" s="53">
        <v>11454829.050000001</v>
      </c>
      <c r="AI204" s="53">
        <v>11454829.050000001</v>
      </c>
      <c r="AJ204" s="53">
        <v>11454829.050000001</v>
      </c>
      <c r="AK204" s="53">
        <v>11454829.050000001</v>
      </c>
      <c r="AL204" s="53">
        <v>11454829.050000001</v>
      </c>
      <c r="AM204" s="53">
        <v>11454829.050000001</v>
      </c>
      <c r="AN204" s="53">
        <v>11454829.050000001</v>
      </c>
      <c r="AO204" s="53">
        <v>11454829.050000001</v>
      </c>
      <c r="AP204" s="53">
        <v>11454829.050000001</v>
      </c>
      <c r="AQ204" s="53">
        <v>11454829.050000001</v>
      </c>
      <c r="AR204" s="53">
        <v>11454829.050000001</v>
      </c>
      <c r="AS204" s="53">
        <v>11454829.050000001</v>
      </c>
      <c r="AT204" s="53">
        <v>11454829.050000001</v>
      </c>
      <c r="AU204" s="53">
        <v>11454829.050000001</v>
      </c>
      <c r="AV204" s="53">
        <v>11454829.050000001</v>
      </c>
      <c r="AW204" s="53">
        <v>11454829.050000001</v>
      </c>
      <c r="AX204" s="53">
        <v>11454829.050000001</v>
      </c>
      <c r="AY204" s="53">
        <v>11454829.050000001</v>
      </c>
      <c r="AZ204" s="53">
        <v>11454829.050000001</v>
      </c>
      <c r="BA204" s="53">
        <v>11454829.050000001</v>
      </c>
    </row>
    <row r="205" spans="1:53">
      <c r="A205" s="52" t="s">
        <v>394</v>
      </c>
      <c r="B205" s="53">
        <v>7511.47</v>
      </c>
      <c r="C205" s="53">
        <v>7511.47</v>
      </c>
      <c r="D205" s="53">
        <v>7511.47</v>
      </c>
      <c r="E205" s="53">
        <v>7511.47</v>
      </c>
      <c r="F205" s="53">
        <v>7511.47</v>
      </c>
      <c r="G205" s="53">
        <v>7511.47</v>
      </c>
      <c r="H205" s="53">
        <v>7511.47</v>
      </c>
      <c r="I205" s="53">
        <v>7511.47</v>
      </c>
      <c r="J205" s="53">
        <v>7511.47</v>
      </c>
      <c r="K205" s="53">
        <v>7511.47</v>
      </c>
      <c r="L205" s="53">
        <v>7511.47</v>
      </c>
      <c r="M205" s="53">
        <v>7511.47</v>
      </c>
      <c r="N205" s="53">
        <v>7511.47</v>
      </c>
      <c r="O205" s="53">
        <v>7511.47</v>
      </c>
      <c r="P205" s="53">
        <v>7511.47</v>
      </c>
      <c r="Q205" s="53">
        <v>7511.47</v>
      </c>
      <c r="R205" s="53">
        <v>7511.47</v>
      </c>
      <c r="S205" s="53">
        <v>7511.47</v>
      </c>
      <c r="T205" s="53">
        <v>7511.47</v>
      </c>
      <c r="U205" s="53">
        <v>7511.47</v>
      </c>
      <c r="V205" s="53">
        <v>7511.47</v>
      </c>
      <c r="W205" s="53">
        <v>7511.47</v>
      </c>
      <c r="X205" s="53">
        <v>7511.47</v>
      </c>
      <c r="Y205" s="53">
        <v>7511.47</v>
      </c>
      <c r="Z205" s="53">
        <v>7511.47</v>
      </c>
      <c r="AA205" s="53">
        <v>7511.47</v>
      </c>
      <c r="AB205" s="53">
        <v>7511.47</v>
      </c>
      <c r="AC205" s="53">
        <v>7511.47</v>
      </c>
      <c r="AD205" s="53">
        <v>7511.47</v>
      </c>
      <c r="AE205" s="53">
        <v>7511.47</v>
      </c>
      <c r="AF205" s="53">
        <v>7511.47</v>
      </c>
      <c r="AG205" s="53">
        <v>7511.47</v>
      </c>
      <c r="AH205" s="53">
        <v>7511.47</v>
      </c>
      <c r="AI205" s="53">
        <v>7511.47</v>
      </c>
      <c r="AJ205" s="53">
        <v>7511.47</v>
      </c>
      <c r="AK205" s="53">
        <v>7511.47</v>
      </c>
      <c r="AL205" s="53">
        <v>7511.47</v>
      </c>
      <c r="AM205" s="53">
        <v>7511.47</v>
      </c>
      <c r="AN205" s="53">
        <v>7511.47</v>
      </c>
      <c r="AO205" s="53">
        <v>7511.47</v>
      </c>
      <c r="AP205" s="53">
        <v>7511.47</v>
      </c>
      <c r="AQ205" s="53">
        <v>7511.47</v>
      </c>
      <c r="AR205" s="53">
        <v>7511.47</v>
      </c>
      <c r="AS205" s="53">
        <v>7511.47</v>
      </c>
      <c r="AT205" s="53">
        <v>7511.47</v>
      </c>
      <c r="AU205" s="53">
        <v>7511.47</v>
      </c>
      <c r="AV205" s="53">
        <v>7511.47</v>
      </c>
      <c r="AW205" s="53">
        <v>7511.47</v>
      </c>
      <c r="AX205" s="53">
        <v>7511.47</v>
      </c>
      <c r="AY205" s="53">
        <v>7511.47</v>
      </c>
      <c r="AZ205" s="53">
        <v>7511.47</v>
      </c>
      <c r="BA205" s="53">
        <v>7511.47</v>
      </c>
    </row>
    <row r="206" spans="1:53">
      <c r="A206" s="52" t="s">
        <v>395</v>
      </c>
      <c r="B206" s="53">
        <v>8626.5499999999993</v>
      </c>
      <c r="C206" s="53">
        <v>8626.5499999999993</v>
      </c>
      <c r="D206" s="53">
        <v>8626.5499999999993</v>
      </c>
      <c r="E206" s="53">
        <v>8626.5499999999993</v>
      </c>
      <c r="F206" s="53">
        <v>8626.5499999999993</v>
      </c>
      <c r="G206" s="53">
        <v>8626.5499999999993</v>
      </c>
      <c r="H206" s="53">
        <v>8626.5499999999993</v>
      </c>
      <c r="I206" s="53">
        <v>8626.5499999999993</v>
      </c>
      <c r="J206" s="53">
        <v>8626.5499999999993</v>
      </c>
      <c r="K206" s="53">
        <v>8626.5499999999993</v>
      </c>
      <c r="L206" s="53">
        <v>8626.5499999999993</v>
      </c>
      <c r="M206" s="53">
        <v>8626.5499999999993</v>
      </c>
      <c r="N206" s="53">
        <v>8626.5499999999993</v>
      </c>
      <c r="O206" s="53">
        <v>8626.5499999999993</v>
      </c>
      <c r="P206" s="53">
        <v>8626.5499999999993</v>
      </c>
      <c r="Q206" s="53">
        <v>8626.5499999999993</v>
      </c>
      <c r="R206" s="53">
        <v>8626.5499999999993</v>
      </c>
      <c r="S206" s="53">
        <v>8626.5499999999993</v>
      </c>
      <c r="T206" s="53">
        <v>8626.5499999999993</v>
      </c>
      <c r="U206" s="53">
        <v>8626.5499999999993</v>
      </c>
      <c r="V206" s="53">
        <v>8626.5499999999993</v>
      </c>
      <c r="W206" s="53">
        <v>8626.5499999999993</v>
      </c>
      <c r="X206" s="53">
        <v>8626.5499999999993</v>
      </c>
      <c r="Y206" s="53">
        <v>8626.5499999999993</v>
      </c>
      <c r="Z206" s="53">
        <v>8626.5499999999993</v>
      </c>
      <c r="AA206" s="53">
        <v>8626.5499999999993</v>
      </c>
      <c r="AB206" s="53">
        <v>8626.5499999999993</v>
      </c>
      <c r="AC206" s="53">
        <v>8626.5499999999993</v>
      </c>
      <c r="AD206" s="53">
        <v>8626.5499999999993</v>
      </c>
      <c r="AE206" s="53">
        <v>8626.5499999999993</v>
      </c>
      <c r="AF206" s="53">
        <v>8626.5499999999993</v>
      </c>
      <c r="AG206" s="53">
        <v>8626.5499999999993</v>
      </c>
      <c r="AH206" s="53">
        <v>8626.5499999999993</v>
      </c>
      <c r="AI206" s="53">
        <v>8626.5499999999993</v>
      </c>
      <c r="AJ206" s="53">
        <v>8626.5499999999993</v>
      </c>
      <c r="AK206" s="53">
        <v>8626.5499999999993</v>
      </c>
      <c r="AL206" s="53">
        <v>8626.5499999999993</v>
      </c>
      <c r="AM206" s="53">
        <v>8626.5499999999993</v>
      </c>
      <c r="AN206" s="53">
        <v>8626.5499999999993</v>
      </c>
      <c r="AO206" s="53">
        <v>8626.5499999999993</v>
      </c>
      <c r="AP206" s="53">
        <v>8626.5499999999993</v>
      </c>
      <c r="AQ206" s="53">
        <v>8626.5499999999993</v>
      </c>
      <c r="AR206" s="53">
        <v>8626.5499999999993</v>
      </c>
      <c r="AS206" s="53">
        <v>8626.5499999999993</v>
      </c>
      <c r="AT206" s="53">
        <v>8626.5499999999993</v>
      </c>
      <c r="AU206" s="53">
        <v>8626.5499999999993</v>
      </c>
      <c r="AV206" s="53">
        <v>8626.5499999999993</v>
      </c>
      <c r="AW206" s="53">
        <v>8626.5499999999993</v>
      </c>
      <c r="AX206" s="53">
        <v>8626.5499999999993</v>
      </c>
      <c r="AY206" s="53">
        <v>8626.5499999999993</v>
      </c>
      <c r="AZ206" s="53">
        <v>8626.5499999999993</v>
      </c>
      <c r="BA206" s="53">
        <v>8626.5499999999993</v>
      </c>
    </row>
    <row r="207" spans="1:53">
      <c r="A207" s="52" t="s">
        <v>396</v>
      </c>
      <c r="B207" s="53">
        <v>0</v>
      </c>
      <c r="C207" s="53">
        <v>0</v>
      </c>
      <c r="D207" s="53">
        <v>0</v>
      </c>
      <c r="E207" s="53">
        <v>0</v>
      </c>
      <c r="F207" s="53">
        <v>0</v>
      </c>
      <c r="G207" s="53">
        <v>0</v>
      </c>
      <c r="H207" s="53">
        <v>0</v>
      </c>
      <c r="I207" s="53">
        <v>0</v>
      </c>
      <c r="J207" s="53">
        <v>0</v>
      </c>
      <c r="K207" s="53">
        <v>0</v>
      </c>
      <c r="L207" s="53">
        <v>0</v>
      </c>
      <c r="M207" s="53">
        <v>0</v>
      </c>
      <c r="N207" s="53">
        <v>0</v>
      </c>
      <c r="O207" s="53">
        <v>0</v>
      </c>
      <c r="P207" s="53">
        <v>0</v>
      </c>
      <c r="Q207" s="53">
        <v>0</v>
      </c>
      <c r="R207" s="53">
        <v>0</v>
      </c>
      <c r="S207" s="53">
        <v>0</v>
      </c>
      <c r="T207" s="53">
        <v>0</v>
      </c>
      <c r="U207" s="53">
        <v>0</v>
      </c>
      <c r="V207" s="53">
        <v>0</v>
      </c>
      <c r="W207" s="53">
        <v>0</v>
      </c>
      <c r="X207" s="53">
        <v>0</v>
      </c>
      <c r="Y207" s="53">
        <v>0</v>
      </c>
      <c r="Z207" s="53">
        <v>0</v>
      </c>
      <c r="AA207" s="53">
        <v>0</v>
      </c>
      <c r="AB207" s="53">
        <v>0</v>
      </c>
      <c r="AC207" s="53">
        <v>0</v>
      </c>
      <c r="AD207" s="53">
        <v>0</v>
      </c>
      <c r="AE207" s="53">
        <v>0</v>
      </c>
      <c r="AF207" s="53">
        <v>0</v>
      </c>
      <c r="AG207" s="53">
        <v>0</v>
      </c>
      <c r="AH207" s="53">
        <v>0</v>
      </c>
      <c r="AI207" s="53">
        <v>0</v>
      </c>
      <c r="AJ207" s="53">
        <v>0</v>
      </c>
      <c r="AK207" s="53">
        <v>0</v>
      </c>
      <c r="AL207" s="53">
        <v>0</v>
      </c>
      <c r="AM207" s="53">
        <v>0</v>
      </c>
      <c r="AN207" s="53">
        <v>0</v>
      </c>
      <c r="AO207" s="53">
        <v>0</v>
      </c>
      <c r="AP207" s="53">
        <v>0</v>
      </c>
      <c r="AQ207" s="53">
        <v>0</v>
      </c>
      <c r="AR207" s="53">
        <v>0</v>
      </c>
      <c r="AS207" s="53">
        <v>0</v>
      </c>
      <c r="AT207" s="53">
        <v>0</v>
      </c>
      <c r="AU207" s="53">
        <v>0</v>
      </c>
      <c r="AV207" s="53">
        <v>0</v>
      </c>
      <c r="AW207" s="53">
        <v>0</v>
      </c>
      <c r="AX207" s="53">
        <v>0</v>
      </c>
      <c r="AY207" s="53">
        <v>0</v>
      </c>
      <c r="AZ207" s="53">
        <v>0</v>
      </c>
      <c r="BA207" s="53">
        <v>0</v>
      </c>
    </row>
    <row r="208" spans="1:53">
      <c r="A208" s="52" t="s">
        <v>397</v>
      </c>
      <c r="B208" s="53">
        <v>-1710136.59</v>
      </c>
      <c r="C208" s="53">
        <v>-1710136.59</v>
      </c>
      <c r="D208" s="53">
        <v>-1710136.59</v>
      </c>
      <c r="E208" s="53">
        <v>-1710136.59</v>
      </c>
      <c r="F208" s="53">
        <v>-1710136.59</v>
      </c>
      <c r="G208" s="53">
        <v>-1710136.59</v>
      </c>
      <c r="H208" s="53">
        <v>-1710136.59</v>
      </c>
      <c r="I208" s="53">
        <v>-1710136.59</v>
      </c>
      <c r="J208" s="53">
        <v>-1710136.59</v>
      </c>
      <c r="K208" s="53">
        <v>-1710136.59</v>
      </c>
      <c r="L208" s="53">
        <v>-1710136.59</v>
      </c>
      <c r="M208" s="53">
        <v>-1710136.59</v>
      </c>
      <c r="N208" s="53">
        <v>-1710136.59</v>
      </c>
      <c r="O208" s="53">
        <v>-1710136.59</v>
      </c>
      <c r="P208" s="53">
        <v>-1710136.59</v>
      </c>
      <c r="Q208" s="53">
        <v>-1710136.59</v>
      </c>
      <c r="R208" s="53">
        <v>-1710136.59</v>
      </c>
      <c r="S208" s="53">
        <v>-1710136.59</v>
      </c>
      <c r="T208" s="53">
        <v>-1710136.59</v>
      </c>
      <c r="U208" s="53">
        <v>-1710136.59</v>
      </c>
      <c r="V208" s="53">
        <v>-1710136.59</v>
      </c>
      <c r="W208" s="53">
        <v>-1710136.59</v>
      </c>
      <c r="X208" s="53">
        <v>-1710136.59</v>
      </c>
      <c r="Y208" s="53">
        <v>-1710136.59</v>
      </c>
      <c r="Z208" s="53">
        <v>-1710136.59</v>
      </c>
      <c r="AA208" s="53">
        <v>-1710136.59</v>
      </c>
      <c r="AB208" s="53">
        <v>-1710136.59</v>
      </c>
      <c r="AC208" s="53">
        <v>-1710136.59</v>
      </c>
      <c r="AD208" s="53">
        <v>-1710136.59</v>
      </c>
      <c r="AE208" s="53">
        <v>-1710136.59</v>
      </c>
      <c r="AF208" s="53">
        <v>-1710136.59</v>
      </c>
      <c r="AG208" s="53">
        <v>-1710136.59</v>
      </c>
      <c r="AH208" s="53">
        <v>-1710136.59</v>
      </c>
      <c r="AI208" s="53">
        <v>-1710136.59</v>
      </c>
      <c r="AJ208" s="53">
        <v>-1710136.59</v>
      </c>
      <c r="AK208" s="53">
        <v>-1710136.59</v>
      </c>
      <c r="AL208" s="53">
        <v>-1710136.59</v>
      </c>
      <c r="AM208" s="53">
        <v>-1710136.59</v>
      </c>
      <c r="AN208" s="53">
        <v>-1710136.59</v>
      </c>
      <c r="AO208" s="53">
        <v>-1710136.59</v>
      </c>
      <c r="AP208" s="53">
        <v>-1710136.59</v>
      </c>
      <c r="AQ208" s="53">
        <v>-1710136.59</v>
      </c>
      <c r="AR208" s="53">
        <v>-1710136.59</v>
      </c>
      <c r="AS208" s="53">
        <v>-1710136.59</v>
      </c>
      <c r="AT208" s="53">
        <v>-1710136.59</v>
      </c>
      <c r="AU208" s="53">
        <v>-1710136.59</v>
      </c>
      <c r="AV208" s="53">
        <v>-1710136.59</v>
      </c>
      <c r="AW208" s="53">
        <v>-1710136.59</v>
      </c>
      <c r="AX208" s="53">
        <v>-1710136.59</v>
      </c>
      <c r="AY208" s="53">
        <v>-1710136.59</v>
      </c>
      <c r="AZ208" s="53">
        <v>-1710136.59</v>
      </c>
      <c r="BA208" s="53">
        <v>-1710136.59</v>
      </c>
    </row>
    <row r="209" spans="1:53">
      <c r="A209" s="52" t="s">
        <v>398</v>
      </c>
      <c r="B209" s="53">
        <v>2605856.4300000002</v>
      </c>
      <c r="C209" s="53">
        <v>2605856.4300000002</v>
      </c>
      <c r="D209" s="53">
        <v>2605856.4300000002</v>
      </c>
      <c r="E209" s="53">
        <v>2605856.4300000002</v>
      </c>
      <c r="F209" s="53">
        <v>2605856.4300000002</v>
      </c>
      <c r="G209" s="53">
        <v>2605856.4300000002</v>
      </c>
      <c r="H209" s="53">
        <v>2605856.4300000002</v>
      </c>
      <c r="I209" s="53">
        <v>2605856.4300000002</v>
      </c>
      <c r="J209" s="53">
        <v>2605856.4300000002</v>
      </c>
      <c r="K209" s="53">
        <v>2605856.4300000002</v>
      </c>
      <c r="L209" s="53">
        <v>2605856.4300000002</v>
      </c>
      <c r="M209" s="53">
        <v>2605856.4300000002</v>
      </c>
      <c r="N209" s="53">
        <v>2605856.4300000002</v>
      </c>
      <c r="O209" s="53">
        <v>2605856.4300000002</v>
      </c>
      <c r="P209" s="53">
        <v>2605856.4300000002</v>
      </c>
      <c r="Q209" s="53">
        <v>2605856.4300000002</v>
      </c>
      <c r="R209" s="53">
        <v>2605856.4300000002</v>
      </c>
      <c r="S209" s="53">
        <v>2605856.4300000002</v>
      </c>
      <c r="T209" s="53">
        <v>2605856.4300000002</v>
      </c>
      <c r="U209" s="53">
        <v>2605856.4300000002</v>
      </c>
      <c r="V209" s="53">
        <v>2605856.4300000002</v>
      </c>
      <c r="W209" s="53">
        <v>2605856.4300000002</v>
      </c>
      <c r="X209" s="53">
        <v>2605856.4300000002</v>
      </c>
      <c r="Y209" s="53">
        <v>2605856.4300000002</v>
      </c>
      <c r="Z209" s="53">
        <v>2605856.4300000002</v>
      </c>
      <c r="AA209" s="53">
        <v>2605856.4300000002</v>
      </c>
      <c r="AB209" s="53">
        <v>2605856.4300000002</v>
      </c>
      <c r="AC209" s="53">
        <v>2605856.4300000002</v>
      </c>
      <c r="AD209" s="53">
        <v>2605856.4300000002</v>
      </c>
      <c r="AE209" s="53">
        <v>2605856.4300000002</v>
      </c>
      <c r="AF209" s="53">
        <v>2605856.4300000002</v>
      </c>
      <c r="AG209" s="53">
        <v>2605856.4300000002</v>
      </c>
      <c r="AH209" s="53">
        <v>2605856.4300000002</v>
      </c>
      <c r="AI209" s="53">
        <v>2605856.4300000002</v>
      </c>
      <c r="AJ209" s="53">
        <v>2605856.4300000002</v>
      </c>
      <c r="AK209" s="53">
        <v>2605856.4300000002</v>
      </c>
      <c r="AL209" s="53">
        <v>2605856.4300000002</v>
      </c>
      <c r="AM209" s="53">
        <v>2605856.4300000002</v>
      </c>
      <c r="AN209" s="53">
        <v>2605856.4300000002</v>
      </c>
      <c r="AO209" s="53">
        <v>2605856.4300000002</v>
      </c>
      <c r="AP209" s="53">
        <v>2605856.4300000002</v>
      </c>
      <c r="AQ209" s="53">
        <v>2605856.4300000002</v>
      </c>
      <c r="AR209" s="53">
        <v>2605856.4300000002</v>
      </c>
      <c r="AS209" s="53">
        <v>2605856.4300000002</v>
      </c>
      <c r="AT209" s="53">
        <v>2605856.4300000002</v>
      </c>
      <c r="AU209" s="53">
        <v>2605856.4300000002</v>
      </c>
      <c r="AV209" s="53">
        <v>2605856.4300000002</v>
      </c>
      <c r="AW209" s="53">
        <v>2605856.4300000002</v>
      </c>
      <c r="AX209" s="53">
        <v>2605856.4300000002</v>
      </c>
      <c r="AY209" s="53">
        <v>2605856.4300000002</v>
      </c>
      <c r="AZ209" s="53">
        <v>2605856.4300000002</v>
      </c>
      <c r="BA209" s="53">
        <v>2605856.4300000002</v>
      </c>
    </row>
    <row r="210" spans="1:53">
      <c r="A210" s="52" t="s">
        <v>399</v>
      </c>
      <c r="B210" s="53">
        <v>0</v>
      </c>
      <c r="C210" s="53">
        <v>0</v>
      </c>
      <c r="D210" s="53">
        <v>0</v>
      </c>
      <c r="E210" s="53">
        <v>0</v>
      </c>
      <c r="F210" s="53">
        <v>0</v>
      </c>
      <c r="G210" s="53">
        <v>0</v>
      </c>
      <c r="H210" s="53">
        <v>0</v>
      </c>
      <c r="I210" s="53">
        <v>0</v>
      </c>
      <c r="J210" s="53">
        <v>0</v>
      </c>
      <c r="K210" s="53">
        <v>0</v>
      </c>
      <c r="L210" s="53">
        <v>0</v>
      </c>
      <c r="M210" s="53">
        <v>0</v>
      </c>
      <c r="N210" s="53">
        <v>0</v>
      </c>
      <c r="O210" s="53">
        <v>0</v>
      </c>
      <c r="P210" s="53">
        <v>0</v>
      </c>
      <c r="Q210" s="53">
        <v>0</v>
      </c>
      <c r="R210" s="53">
        <v>0</v>
      </c>
      <c r="S210" s="53">
        <v>0</v>
      </c>
      <c r="T210" s="53">
        <v>0</v>
      </c>
      <c r="U210" s="53">
        <v>0</v>
      </c>
      <c r="V210" s="53">
        <v>0</v>
      </c>
      <c r="W210" s="53">
        <v>0</v>
      </c>
      <c r="X210" s="53">
        <v>0</v>
      </c>
      <c r="Y210" s="53">
        <v>0</v>
      </c>
      <c r="Z210" s="53">
        <v>0</v>
      </c>
      <c r="AA210" s="53">
        <v>0</v>
      </c>
      <c r="AB210" s="53">
        <v>0</v>
      </c>
      <c r="AC210" s="53">
        <v>0</v>
      </c>
      <c r="AD210" s="53">
        <v>0</v>
      </c>
      <c r="AE210" s="53">
        <v>0</v>
      </c>
      <c r="AF210" s="53">
        <v>0</v>
      </c>
      <c r="AG210" s="53">
        <v>0</v>
      </c>
      <c r="AH210" s="53">
        <v>0</v>
      </c>
      <c r="AI210" s="53">
        <v>0</v>
      </c>
      <c r="AJ210" s="53">
        <v>0</v>
      </c>
      <c r="AK210" s="53">
        <v>0</v>
      </c>
      <c r="AL210" s="53">
        <v>0</v>
      </c>
      <c r="AM210" s="53">
        <v>0</v>
      </c>
      <c r="AN210" s="53">
        <v>0</v>
      </c>
      <c r="AO210" s="53">
        <v>0</v>
      </c>
      <c r="AP210" s="53">
        <v>0</v>
      </c>
      <c r="AQ210" s="53">
        <v>0</v>
      </c>
      <c r="AR210" s="53">
        <v>0</v>
      </c>
      <c r="AS210" s="53">
        <v>0</v>
      </c>
      <c r="AT210" s="53">
        <v>0</v>
      </c>
      <c r="AU210" s="53">
        <v>0</v>
      </c>
      <c r="AV210" s="53">
        <v>0</v>
      </c>
      <c r="AW210" s="53">
        <v>0</v>
      </c>
      <c r="AX210" s="53">
        <v>0</v>
      </c>
      <c r="AY210" s="53">
        <v>0</v>
      </c>
      <c r="AZ210" s="53">
        <v>0</v>
      </c>
      <c r="BA210" s="53">
        <v>0</v>
      </c>
    </row>
    <row r="211" spans="1:53">
      <c r="A211" s="52" t="s">
        <v>400</v>
      </c>
      <c r="B211" s="53">
        <v>0</v>
      </c>
      <c r="C211" s="53">
        <v>0</v>
      </c>
      <c r="D211" s="53">
        <v>0</v>
      </c>
      <c r="E211" s="53">
        <v>0</v>
      </c>
      <c r="F211" s="53">
        <v>0</v>
      </c>
      <c r="G211" s="53">
        <v>0</v>
      </c>
      <c r="H211" s="53">
        <v>0</v>
      </c>
      <c r="I211" s="53">
        <v>0</v>
      </c>
      <c r="J211" s="53">
        <v>0</v>
      </c>
      <c r="K211" s="53">
        <v>0</v>
      </c>
      <c r="L211" s="53">
        <v>0</v>
      </c>
      <c r="M211" s="53">
        <v>0</v>
      </c>
      <c r="N211" s="53">
        <v>0</v>
      </c>
      <c r="O211" s="53">
        <v>0</v>
      </c>
      <c r="P211" s="53">
        <v>0</v>
      </c>
      <c r="Q211" s="53">
        <v>0</v>
      </c>
      <c r="R211" s="53">
        <v>0</v>
      </c>
      <c r="S211" s="53">
        <v>0</v>
      </c>
      <c r="T211" s="53">
        <v>0</v>
      </c>
      <c r="U211" s="53">
        <v>0</v>
      </c>
      <c r="V211" s="53">
        <v>0</v>
      </c>
      <c r="W211" s="53">
        <v>0</v>
      </c>
      <c r="X211" s="53">
        <v>0</v>
      </c>
      <c r="Y211" s="53">
        <v>0</v>
      </c>
      <c r="Z211" s="53">
        <v>0</v>
      </c>
      <c r="AA211" s="53">
        <v>0</v>
      </c>
      <c r="AB211" s="53">
        <v>0</v>
      </c>
      <c r="AC211" s="53">
        <v>0</v>
      </c>
      <c r="AD211" s="53">
        <v>0</v>
      </c>
      <c r="AE211" s="53">
        <v>0</v>
      </c>
      <c r="AF211" s="53">
        <v>0</v>
      </c>
      <c r="AG211" s="53">
        <v>0</v>
      </c>
      <c r="AH211" s="53">
        <v>0</v>
      </c>
      <c r="AI211" s="53">
        <v>0</v>
      </c>
      <c r="AJ211" s="53">
        <v>0</v>
      </c>
      <c r="AK211" s="53">
        <v>0</v>
      </c>
      <c r="AL211" s="53">
        <v>0</v>
      </c>
      <c r="AM211" s="53">
        <v>0</v>
      </c>
      <c r="AN211" s="53">
        <v>0</v>
      </c>
      <c r="AO211" s="53">
        <v>0</v>
      </c>
      <c r="AP211" s="53">
        <v>0</v>
      </c>
      <c r="AQ211" s="53">
        <v>0</v>
      </c>
      <c r="AR211" s="53">
        <v>0</v>
      </c>
      <c r="AS211" s="53">
        <v>0</v>
      </c>
      <c r="AT211" s="53">
        <v>0</v>
      </c>
      <c r="AU211" s="53">
        <v>0</v>
      </c>
      <c r="AV211" s="53">
        <v>0</v>
      </c>
      <c r="AW211" s="53">
        <v>0</v>
      </c>
      <c r="AX211" s="53">
        <v>0</v>
      </c>
      <c r="AY211" s="53">
        <v>0</v>
      </c>
      <c r="AZ211" s="53">
        <v>0</v>
      </c>
      <c r="BA211" s="53">
        <v>0</v>
      </c>
    </row>
    <row r="212" spans="1:53">
      <c r="A212" s="52" t="s">
        <v>401</v>
      </c>
      <c r="B212" s="53">
        <v>0</v>
      </c>
      <c r="C212" s="53">
        <v>0</v>
      </c>
      <c r="D212" s="53">
        <v>0</v>
      </c>
      <c r="E212" s="53">
        <v>0</v>
      </c>
      <c r="F212" s="53">
        <v>0</v>
      </c>
      <c r="G212" s="53">
        <v>0</v>
      </c>
      <c r="H212" s="53">
        <v>0</v>
      </c>
      <c r="I212" s="53">
        <v>0</v>
      </c>
      <c r="J212" s="53">
        <v>0</v>
      </c>
      <c r="K212" s="53">
        <v>0</v>
      </c>
      <c r="L212" s="53">
        <v>0</v>
      </c>
      <c r="M212" s="53">
        <v>0</v>
      </c>
      <c r="N212" s="53">
        <v>0</v>
      </c>
      <c r="O212" s="53">
        <v>0</v>
      </c>
      <c r="P212" s="53">
        <v>0</v>
      </c>
      <c r="Q212" s="53">
        <v>0</v>
      </c>
      <c r="R212" s="53">
        <v>0</v>
      </c>
      <c r="S212" s="53">
        <v>0</v>
      </c>
      <c r="T212" s="53">
        <v>0</v>
      </c>
      <c r="U212" s="53">
        <v>0</v>
      </c>
      <c r="V212" s="53">
        <v>0</v>
      </c>
      <c r="W212" s="53">
        <v>0</v>
      </c>
      <c r="X212" s="53">
        <v>0</v>
      </c>
      <c r="Y212" s="53">
        <v>0</v>
      </c>
      <c r="Z212" s="53">
        <v>0</v>
      </c>
      <c r="AA212" s="53">
        <v>0</v>
      </c>
      <c r="AB212" s="53">
        <v>0</v>
      </c>
      <c r="AC212" s="53">
        <v>0</v>
      </c>
      <c r="AD212" s="53">
        <v>0</v>
      </c>
      <c r="AE212" s="53">
        <v>0</v>
      </c>
      <c r="AF212" s="53">
        <v>0</v>
      </c>
      <c r="AG212" s="53">
        <v>0</v>
      </c>
      <c r="AH212" s="53">
        <v>0</v>
      </c>
      <c r="AI212" s="53">
        <v>0</v>
      </c>
      <c r="AJ212" s="53">
        <v>0</v>
      </c>
      <c r="AK212" s="53">
        <v>0</v>
      </c>
      <c r="AL212" s="53">
        <v>0</v>
      </c>
      <c r="AM212" s="53">
        <v>0</v>
      </c>
      <c r="AN212" s="53">
        <v>0</v>
      </c>
      <c r="AO212" s="53">
        <v>0</v>
      </c>
      <c r="AP212" s="53">
        <v>0</v>
      </c>
      <c r="AQ212" s="53">
        <v>0</v>
      </c>
      <c r="AR212" s="53">
        <v>0</v>
      </c>
      <c r="AS212" s="53">
        <v>0</v>
      </c>
      <c r="AT212" s="53">
        <v>0</v>
      </c>
      <c r="AU212" s="53">
        <v>0</v>
      </c>
      <c r="AV212" s="53">
        <v>0</v>
      </c>
      <c r="AW212" s="53">
        <v>0</v>
      </c>
      <c r="AX212" s="53">
        <v>0</v>
      </c>
      <c r="AY212" s="53">
        <v>0</v>
      </c>
      <c r="AZ212" s="53">
        <v>0</v>
      </c>
      <c r="BA212" s="53">
        <v>0</v>
      </c>
    </row>
    <row r="213" spans="1:53">
      <c r="A213" s="52" t="s">
        <v>402</v>
      </c>
      <c r="B213" s="53">
        <v>-23632785.629999999</v>
      </c>
      <c r="C213" s="53">
        <v>-23632785.629999999</v>
      </c>
      <c r="D213" s="53">
        <v>-23632785.629999999</v>
      </c>
      <c r="E213" s="53">
        <v>-23632785.629999999</v>
      </c>
      <c r="F213" s="53">
        <v>-23632785.629999999</v>
      </c>
      <c r="G213" s="53">
        <v>-23632785.629999999</v>
      </c>
      <c r="H213" s="53">
        <v>-23632785.629999999</v>
      </c>
      <c r="I213" s="53">
        <v>-23632785.629999999</v>
      </c>
      <c r="J213" s="53">
        <v>-23632785.629999999</v>
      </c>
      <c r="K213" s="53">
        <v>-23632785.629999999</v>
      </c>
      <c r="L213" s="53">
        <v>-23632785.629999999</v>
      </c>
      <c r="M213" s="53">
        <v>-23632785.629999999</v>
      </c>
      <c r="N213" s="53">
        <v>-23632785.629999999</v>
      </c>
      <c r="O213" s="53">
        <v>-23632785.629999999</v>
      </c>
      <c r="P213" s="53">
        <v>-23632785.629999999</v>
      </c>
      <c r="Q213" s="53">
        <v>-23632785.629999999</v>
      </c>
      <c r="R213" s="53">
        <v>-23632785.629999999</v>
      </c>
      <c r="S213" s="53">
        <v>-23632785.629999999</v>
      </c>
      <c r="T213" s="53">
        <v>-23632785.629999999</v>
      </c>
      <c r="U213" s="53">
        <v>-23632785.629999999</v>
      </c>
      <c r="V213" s="53">
        <v>-23632785.629999999</v>
      </c>
      <c r="W213" s="53">
        <v>-23632785.629999999</v>
      </c>
      <c r="X213" s="53">
        <v>-23632785.629999999</v>
      </c>
      <c r="Y213" s="53">
        <v>-23632785.629999999</v>
      </c>
      <c r="Z213" s="53">
        <v>-23632785.629999999</v>
      </c>
      <c r="AA213" s="53">
        <v>-23632785.629999999</v>
      </c>
      <c r="AB213" s="53">
        <v>-23632785.629999999</v>
      </c>
      <c r="AC213" s="53">
        <v>-23632785.629999999</v>
      </c>
      <c r="AD213" s="53">
        <v>-23632785.629999999</v>
      </c>
      <c r="AE213" s="53">
        <v>-23632785.629999999</v>
      </c>
      <c r="AF213" s="53">
        <v>-23632785.629999999</v>
      </c>
      <c r="AG213" s="53">
        <v>-23632785.629999999</v>
      </c>
      <c r="AH213" s="53">
        <v>-23632785.629999999</v>
      </c>
      <c r="AI213" s="53">
        <v>-23632785.629999999</v>
      </c>
      <c r="AJ213" s="53">
        <v>-23632785.629999999</v>
      </c>
      <c r="AK213" s="53">
        <v>-23632785.629999999</v>
      </c>
      <c r="AL213" s="53">
        <v>-23632785.629999999</v>
      </c>
      <c r="AM213" s="53">
        <v>-23632785.629999999</v>
      </c>
      <c r="AN213" s="53">
        <v>-23632785.629999999</v>
      </c>
      <c r="AO213" s="53">
        <v>-23632785.629999999</v>
      </c>
      <c r="AP213" s="53">
        <v>-23632785.629999999</v>
      </c>
      <c r="AQ213" s="53">
        <v>-23632785.629999999</v>
      </c>
      <c r="AR213" s="53">
        <v>-23632785.629999999</v>
      </c>
      <c r="AS213" s="53">
        <v>-23632785.629999999</v>
      </c>
      <c r="AT213" s="53">
        <v>-23632785.629999999</v>
      </c>
      <c r="AU213" s="53">
        <v>-23632785.629999999</v>
      </c>
      <c r="AV213" s="53">
        <v>-23632785.629999999</v>
      </c>
      <c r="AW213" s="53">
        <v>-23632785.629999999</v>
      </c>
      <c r="AX213" s="53">
        <v>-23632785.629999999</v>
      </c>
      <c r="AY213" s="53">
        <v>-23632785.629999999</v>
      </c>
      <c r="AZ213" s="53">
        <v>-23632785.629999999</v>
      </c>
      <c r="BA213" s="53">
        <v>-23632785.629999999</v>
      </c>
    </row>
    <row r="214" spans="1:53">
      <c r="A214" s="52" t="s">
        <v>403</v>
      </c>
      <c r="B214" s="53">
        <v>0</v>
      </c>
      <c r="C214" s="53">
        <v>0</v>
      </c>
      <c r="D214" s="53">
        <v>0</v>
      </c>
      <c r="E214" s="53">
        <v>0</v>
      </c>
      <c r="F214" s="53">
        <v>0</v>
      </c>
      <c r="G214" s="53">
        <v>0</v>
      </c>
      <c r="H214" s="53">
        <v>0</v>
      </c>
      <c r="I214" s="53">
        <v>0</v>
      </c>
      <c r="J214" s="53">
        <v>0</v>
      </c>
      <c r="K214" s="53">
        <v>0</v>
      </c>
      <c r="L214" s="53">
        <v>0</v>
      </c>
      <c r="M214" s="53">
        <v>0</v>
      </c>
      <c r="N214" s="53">
        <v>0</v>
      </c>
      <c r="O214" s="53">
        <v>0</v>
      </c>
      <c r="P214" s="53">
        <v>0</v>
      </c>
      <c r="Q214" s="53">
        <v>0</v>
      </c>
      <c r="R214" s="53">
        <v>0</v>
      </c>
      <c r="S214" s="53">
        <v>0</v>
      </c>
      <c r="T214" s="53">
        <v>0</v>
      </c>
      <c r="U214" s="53">
        <v>0</v>
      </c>
      <c r="V214" s="53">
        <v>0</v>
      </c>
      <c r="W214" s="53">
        <v>0</v>
      </c>
      <c r="X214" s="53">
        <v>0</v>
      </c>
      <c r="Y214" s="53">
        <v>0</v>
      </c>
      <c r="Z214" s="53">
        <v>0</v>
      </c>
      <c r="AA214" s="53">
        <v>0</v>
      </c>
      <c r="AB214" s="53">
        <v>0</v>
      </c>
      <c r="AC214" s="53">
        <v>0</v>
      </c>
      <c r="AD214" s="53">
        <v>0</v>
      </c>
      <c r="AE214" s="53">
        <v>0</v>
      </c>
      <c r="AF214" s="53">
        <v>0</v>
      </c>
      <c r="AG214" s="53">
        <v>0</v>
      </c>
      <c r="AH214" s="53">
        <v>0</v>
      </c>
      <c r="AI214" s="53">
        <v>0</v>
      </c>
      <c r="AJ214" s="53">
        <v>0</v>
      </c>
      <c r="AK214" s="53">
        <v>0</v>
      </c>
      <c r="AL214" s="53">
        <v>0</v>
      </c>
      <c r="AM214" s="53">
        <v>0</v>
      </c>
      <c r="AN214" s="53">
        <v>0</v>
      </c>
      <c r="AO214" s="53">
        <v>0</v>
      </c>
      <c r="AP214" s="53">
        <v>0</v>
      </c>
      <c r="AQ214" s="53">
        <v>0</v>
      </c>
      <c r="AR214" s="53">
        <v>0</v>
      </c>
      <c r="AS214" s="53">
        <v>0</v>
      </c>
      <c r="AT214" s="53">
        <v>0</v>
      </c>
      <c r="AU214" s="53">
        <v>0</v>
      </c>
      <c r="AV214" s="53">
        <v>0</v>
      </c>
      <c r="AW214" s="53">
        <v>0</v>
      </c>
      <c r="AX214" s="53">
        <v>0</v>
      </c>
      <c r="AY214" s="53">
        <v>0</v>
      </c>
      <c r="AZ214" s="53">
        <v>0</v>
      </c>
      <c r="BA214" s="53">
        <v>0</v>
      </c>
    </row>
    <row r="215" spans="1:53">
      <c r="A215" s="52" t="s">
        <v>404</v>
      </c>
      <c r="B215" s="53">
        <v>0</v>
      </c>
      <c r="C215" s="53">
        <v>0</v>
      </c>
      <c r="D215" s="53">
        <v>0</v>
      </c>
      <c r="E215" s="53">
        <v>0</v>
      </c>
      <c r="F215" s="53">
        <v>0</v>
      </c>
      <c r="G215" s="53">
        <v>0</v>
      </c>
      <c r="H215" s="53">
        <v>0</v>
      </c>
      <c r="I215" s="53">
        <v>0</v>
      </c>
      <c r="J215" s="53">
        <v>0</v>
      </c>
      <c r="K215" s="53">
        <v>0</v>
      </c>
      <c r="L215" s="53">
        <v>0</v>
      </c>
      <c r="M215" s="53">
        <v>0</v>
      </c>
      <c r="N215" s="53">
        <v>0</v>
      </c>
      <c r="O215" s="53">
        <v>0</v>
      </c>
      <c r="P215" s="53">
        <v>0</v>
      </c>
      <c r="Q215" s="53">
        <v>0</v>
      </c>
      <c r="R215" s="53">
        <v>0</v>
      </c>
      <c r="S215" s="53">
        <v>0</v>
      </c>
      <c r="T215" s="53">
        <v>0</v>
      </c>
      <c r="U215" s="53">
        <v>0</v>
      </c>
      <c r="V215" s="53">
        <v>0</v>
      </c>
      <c r="W215" s="53">
        <v>0</v>
      </c>
      <c r="X215" s="53">
        <v>0</v>
      </c>
      <c r="Y215" s="53">
        <v>0</v>
      </c>
      <c r="Z215" s="53">
        <v>0</v>
      </c>
      <c r="AA215" s="53">
        <v>0</v>
      </c>
      <c r="AB215" s="53">
        <v>0</v>
      </c>
      <c r="AC215" s="53">
        <v>0</v>
      </c>
      <c r="AD215" s="53">
        <v>0</v>
      </c>
      <c r="AE215" s="53">
        <v>0</v>
      </c>
      <c r="AF215" s="53">
        <v>0</v>
      </c>
      <c r="AG215" s="53">
        <v>0</v>
      </c>
      <c r="AH215" s="53">
        <v>0</v>
      </c>
      <c r="AI215" s="53">
        <v>0</v>
      </c>
      <c r="AJ215" s="53">
        <v>0</v>
      </c>
      <c r="AK215" s="53">
        <v>0</v>
      </c>
      <c r="AL215" s="53">
        <v>0</v>
      </c>
      <c r="AM215" s="53">
        <v>0</v>
      </c>
      <c r="AN215" s="53">
        <v>0</v>
      </c>
      <c r="AO215" s="53">
        <v>0</v>
      </c>
      <c r="AP215" s="53">
        <v>0</v>
      </c>
      <c r="AQ215" s="53">
        <v>0</v>
      </c>
      <c r="AR215" s="53">
        <v>0</v>
      </c>
      <c r="AS215" s="53">
        <v>0</v>
      </c>
      <c r="AT215" s="53">
        <v>0</v>
      </c>
      <c r="AU215" s="53">
        <v>0</v>
      </c>
      <c r="AV215" s="53">
        <v>0</v>
      </c>
      <c r="AW215" s="53">
        <v>0</v>
      </c>
      <c r="AX215" s="53">
        <v>0</v>
      </c>
      <c r="AY215" s="53">
        <v>0</v>
      </c>
      <c r="AZ215" s="53">
        <v>0</v>
      </c>
      <c r="BA215" s="53">
        <v>0</v>
      </c>
    </row>
    <row r="216" spans="1:53">
      <c r="A216" s="52" t="s">
        <v>405</v>
      </c>
      <c r="B216" s="53">
        <v>0</v>
      </c>
      <c r="C216" s="53">
        <v>0</v>
      </c>
      <c r="D216" s="53">
        <v>0</v>
      </c>
      <c r="E216" s="53">
        <v>0</v>
      </c>
      <c r="F216" s="53">
        <v>0</v>
      </c>
      <c r="G216" s="53">
        <v>0</v>
      </c>
      <c r="H216" s="53">
        <v>0</v>
      </c>
      <c r="I216" s="53">
        <v>0</v>
      </c>
      <c r="J216" s="53">
        <v>0</v>
      </c>
      <c r="K216" s="53">
        <v>0</v>
      </c>
      <c r="L216" s="53">
        <v>0</v>
      </c>
      <c r="M216" s="53">
        <v>0</v>
      </c>
      <c r="N216" s="53">
        <v>0</v>
      </c>
      <c r="O216" s="53">
        <v>0</v>
      </c>
      <c r="P216" s="53">
        <v>0</v>
      </c>
      <c r="Q216" s="53">
        <v>0</v>
      </c>
      <c r="R216" s="53">
        <v>0</v>
      </c>
      <c r="S216" s="53">
        <v>0</v>
      </c>
      <c r="T216" s="53">
        <v>0</v>
      </c>
      <c r="U216" s="53">
        <v>0</v>
      </c>
      <c r="V216" s="53">
        <v>0</v>
      </c>
      <c r="W216" s="53">
        <v>0</v>
      </c>
      <c r="X216" s="53">
        <v>0</v>
      </c>
      <c r="Y216" s="53">
        <v>0</v>
      </c>
      <c r="Z216" s="53">
        <v>0</v>
      </c>
      <c r="AA216" s="53">
        <v>0</v>
      </c>
      <c r="AB216" s="53">
        <v>0</v>
      </c>
      <c r="AC216" s="53">
        <v>0</v>
      </c>
      <c r="AD216" s="53">
        <v>0</v>
      </c>
      <c r="AE216" s="53">
        <v>0</v>
      </c>
      <c r="AF216" s="53">
        <v>0</v>
      </c>
      <c r="AG216" s="53">
        <v>0</v>
      </c>
      <c r="AH216" s="53">
        <v>0</v>
      </c>
      <c r="AI216" s="53">
        <v>0</v>
      </c>
      <c r="AJ216" s="53">
        <v>0</v>
      </c>
      <c r="AK216" s="53">
        <v>0</v>
      </c>
      <c r="AL216" s="53">
        <v>0</v>
      </c>
      <c r="AM216" s="53">
        <v>0</v>
      </c>
      <c r="AN216" s="53">
        <v>0</v>
      </c>
      <c r="AO216" s="53">
        <v>0</v>
      </c>
      <c r="AP216" s="53">
        <v>0</v>
      </c>
      <c r="AQ216" s="53">
        <v>0</v>
      </c>
      <c r="AR216" s="53">
        <v>0</v>
      </c>
      <c r="AS216" s="53">
        <v>0</v>
      </c>
      <c r="AT216" s="53">
        <v>0</v>
      </c>
      <c r="AU216" s="53">
        <v>0</v>
      </c>
      <c r="AV216" s="53">
        <v>0</v>
      </c>
      <c r="AW216" s="53">
        <v>0</v>
      </c>
      <c r="AX216" s="53">
        <v>0</v>
      </c>
      <c r="AY216" s="53">
        <v>0</v>
      </c>
      <c r="AZ216" s="53">
        <v>0</v>
      </c>
      <c r="BA216" s="53">
        <v>0</v>
      </c>
    </row>
    <row r="217" spans="1:53">
      <c r="A217" s="52" t="s">
        <v>406</v>
      </c>
      <c r="B217" s="53">
        <v>20438219.859999999</v>
      </c>
      <c r="C217" s="53">
        <v>20438219.859999999</v>
      </c>
      <c r="D217" s="53">
        <v>20438219.859999999</v>
      </c>
      <c r="E217" s="53">
        <v>20438219.859999999</v>
      </c>
      <c r="F217" s="53">
        <v>20438219.859999999</v>
      </c>
      <c r="G217" s="53">
        <v>20438219.859999999</v>
      </c>
      <c r="H217" s="53">
        <v>20438219.859999999</v>
      </c>
      <c r="I217" s="53">
        <v>20438219.859999999</v>
      </c>
      <c r="J217" s="53">
        <v>20438219.859999999</v>
      </c>
      <c r="K217" s="53">
        <v>20438219.859999999</v>
      </c>
      <c r="L217" s="53">
        <v>20438219.859999999</v>
      </c>
      <c r="M217" s="53">
        <v>20438219.859999999</v>
      </c>
      <c r="N217" s="53">
        <v>20438219.859999999</v>
      </c>
      <c r="O217" s="53">
        <v>20438219.859999999</v>
      </c>
      <c r="P217" s="53">
        <v>20438219.859999999</v>
      </c>
      <c r="Q217" s="53">
        <v>20438219.859999999</v>
      </c>
      <c r="R217" s="53">
        <v>20438219.859999999</v>
      </c>
      <c r="S217" s="53">
        <v>20438219.859999999</v>
      </c>
      <c r="T217" s="53">
        <v>20438219.859999999</v>
      </c>
      <c r="U217" s="53">
        <v>20438219.859999999</v>
      </c>
      <c r="V217" s="53">
        <v>20438219.859999999</v>
      </c>
      <c r="W217" s="53">
        <v>20438219.859999999</v>
      </c>
      <c r="X217" s="53">
        <v>20438219.859999999</v>
      </c>
      <c r="Y217" s="53">
        <v>20438219.859999999</v>
      </c>
      <c r="Z217" s="53">
        <v>20438219.859999999</v>
      </c>
      <c r="AA217" s="53">
        <v>20438219.859999999</v>
      </c>
      <c r="AB217" s="53">
        <v>20438219.859999999</v>
      </c>
      <c r="AC217" s="53">
        <v>20438219.859999999</v>
      </c>
      <c r="AD217" s="53">
        <v>20438219.859999999</v>
      </c>
      <c r="AE217" s="53">
        <v>20438219.859999999</v>
      </c>
      <c r="AF217" s="53">
        <v>20438219.859999999</v>
      </c>
      <c r="AG217" s="53">
        <v>20438219.859999999</v>
      </c>
      <c r="AH217" s="53">
        <v>20438219.859999999</v>
      </c>
      <c r="AI217" s="53">
        <v>20438219.859999999</v>
      </c>
      <c r="AJ217" s="53">
        <v>20438219.859999999</v>
      </c>
      <c r="AK217" s="53">
        <v>20438219.859999999</v>
      </c>
      <c r="AL217" s="53">
        <v>20438219.859999999</v>
      </c>
      <c r="AM217" s="53">
        <v>20438219.859999999</v>
      </c>
      <c r="AN217" s="53">
        <v>20438219.859999999</v>
      </c>
      <c r="AO217" s="53">
        <v>20438219.859999999</v>
      </c>
      <c r="AP217" s="53">
        <v>20438219.859999999</v>
      </c>
      <c r="AQ217" s="53">
        <v>20438219.859999999</v>
      </c>
      <c r="AR217" s="53">
        <v>20438219.859999999</v>
      </c>
      <c r="AS217" s="53">
        <v>20438219.859999999</v>
      </c>
      <c r="AT217" s="53">
        <v>20438219.859999999</v>
      </c>
      <c r="AU217" s="53">
        <v>20438219.859999999</v>
      </c>
      <c r="AV217" s="53">
        <v>20438219.859999999</v>
      </c>
      <c r="AW217" s="53">
        <v>20438219.859999999</v>
      </c>
      <c r="AX217" s="53">
        <v>20438219.859999999</v>
      </c>
      <c r="AY217" s="53">
        <v>20438219.859999999</v>
      </c>
      <c r="AZ217" s="53">
        <v>20438219.859999999</v>
      </c>
      <c r="BA217" s="53">
        <v>20438219.859999999</v>
      </c>
    </row>
    <row r="218" spans="1:53">
      <c r="A218" s="52" t="s">
        <v>407</v>
      </c>
      <c r="B218" s="53">
        <v>-1932092.8</v>
      </c>
      <c r="C218" s="53">
        <v>-1932092.8</v>
      </c>
      <c r="D218" s="53">
        <v>-1932092.8</v>
      </c>
      <c r="E218" s="53">
        <v>-1932092.8</v>
      </c>
      <c r="F218" s="53">
        <v>-1932092.8</v>
      </c>
      <c r="G218" s="53">
        <v>-1932092.8</v>
      </c>
      <c r="H218" s="53">
        <v>-1932092.8</v>
      </c>
      <c r="I218" s="53">
        <v>-1932092.8</v>
      </c>
      <c r="J218" s="53">
        <v>-1932092.8</v>
      </c>
      <c r="K218" s="53">
        <v>-1932092.8</v>
      </c>
      <c r="L218" s="53">
        <v>-1932092.8</v>
      </c>
      <c r="M218" s="53">
        <v>-1932092.8</v>
      </c>
      <c r="N218" s="53">
        <v>-1932092.8</v>
      </c>
      <c r="O218" s="53">
        <v>-1932092.8</v>
      </c>
      <c r="P218" s="53">
        <v>-1932092.8</v>
      </c>
      <c r="Q218" s="53">
        <v>-1932092.8</v>
      </c>
      <c r="R218" s="53">
        <v>-1932092.8</v>
      </c>
      <c r="S218" s="53">
        <v>-1932092.8</v>
      </c>
      <c r="T218" s="53">
        <v>-1932092.8</v>
      </c>
      <c r="U218" s="53">
        <v>-1932092.8</v>
      </c>
      <c r="V218" s="53">
        <v>-1932092.8</v>
      </c>
      <c r="W218" s="53">
        <v>-1932092.8</v>
      </c>
      <c r="X218" s="53">
        <v>-1932092.8</v>
      </c>
      <c r="Y218" s="53">
        <v>-1932092.8</v>
      </c>
      <c r="Z218" s="53">
        <v>-1932092.8</v>
      </c>
      <c r="AA218" s="53">
        <v>-1932092.8</v>
      </c>
      <c r="AB218" s="53">
        <v>-1932092.8</v>
      </c>
      <c r="AC218" s="53">
        <v>-1932092.8</v>
      </c>
      <c r="AD218" s="53">
        <v>-1932092.8</v>
      </c>
      <c r="AE218" s="53">
        <v>-1932092.8</v>
      </c>
      <c r="AF218" s="53">
        <v>-1932092.8</v>
      </c>
      <c r="AG218" s="53">
        <v>-1932092.8</v>
      </c>
      <c r="AH218" s="53">
        <v>-1932092.8</v>
      </c>
      <c r="AI218" s="53">
        <v>-1932092.8</v>
      </c>
      <c r="AJ218" s="53">
        <v>-1932092.8</v>
      </c>
      <c r="AK218" s="53">
        <v>-1932092.8</v>
      </c>
      <c r="AL218" s="53">
        <v>-1932092.8</v>
      </c>
      <c r="AM218" s="53">
        <v>-1932092.8</v>
      </c>
      <c r="AN218" s="53">
        <v>-1932092.8</v>
      </c>
      <c r="AO218" s="53">
        <v>-1932092.8</v>
      </c>
      <c r="AP218" s="53">
        <v>-1932092.8</v>
      </c>
      <c r="AQ218" s="53">
        <v>-1932092.8</v>
      </c>
      <c r="AR218" s="53">
        <v>-1932092.8</v>
      </c>
      <c r="AS218" s="53">
        <v>-1932092.8</v>
      </c>
      <c r="AT218" s="53">
        <v>-1932092.8</v>
      </c>
      <c r="AU218" s="53">
        <v>-1932092.8</v>
      </c>
      <c r="AV218" s="53">
        <v>-1932092.8</v>
      </c>
      <c r="AW218" s="53">
        <v>-1932092.8</v>
      </c>
      <c r="AX218" s="53">
        <v>-1932092.8</v>
      </c>
      <c r="AY218" s="53">
        <v>-1932092.8</v>
      </c>
      <c r="AZ218" s="53">
        <v>-1932092.8</v>
      </c>
      <c r="BA218" s="53">
        <v>-1932092.8</v>
      </c>
    </row>
    <row r="219" spans="1:53">
      <c r="A219" s="58" t="s">
        <v>408</v>
      </c>
      <c r="B219" s="134">
        <v>7652307.2371188002</v>
      </c>
      <c r="C219" s="134">
        <v>8746065.2927426696</v>
      </c>
      <c r="D219" s="134">
        <v>9395103.2071366198</v>
      </c>
      <c r="E219" s="134">
        <v>10300884.5272211</v>
      </c>
      <c r="F219" s="134">
        <v>11406569.812227599</v>
      </c>
      <c r="G219" s="134">
        <v>11604611.1345759</v>
      </c>
      <c r="H219" s="134">
        <v>12711888.339132501</v>
      </c>
      <c r="I219" s="134">
        <v>13822899.964031801</v>
      </c>
      <c r="J219" s="134">
        <v>14052871.032253399</v>
      </c>
      <c r="K219" s="134">
        <v>15168398.2096227</v>
      </c>
      <c r="L219" s="134">
        <v>16290485.379145499</v>
      </c>
      <c r="M219" s="134">
        <v>16292071.1733461</v>
      </c>
      <c r="N219" s="134">
        <v>16292071.1733461</v>
      </c>
      <c r="O219" s="134">
        <v>17430422.657702699</v>
      </c>
      <c r="P219" s="134">
        <v>18571833.241274599</v>
      </c>
      <c r="Q219" s="134">
        <v>19248899.0802822</v>
      </c>
      <c r="R219" s="134">
        <v>20198513.263781399</v>
      </c>
      <c r="S219" s="134">
        <v>21350269.5134128</v>
      </c>
      <c r="T219" s="134">
        <v>21601891.043292601</v>
      </c>
      <c r="U219" s="134">
        <v>22754556.221414302</v>
      </c>
      <c r="V219" s="134">
        <v>23910297.287740301</v>
      </c>
      <c r="W219" s="134">
        <v>24163755.428712901</v>
      </c>
      <c r="X219" s="134">
        <v>25323217.958537299</v>
      </c>
      <c r="Y219" s="134">
        <v>26488571.558285601</v>
      </c>
      <c r="Z219" s="134">
        <v>26507293.740555</v>
      </c>
      <c r="AA219" s="134">
        <v>26507293.740555</v>
      </c>
      <c r="AB219" s="134">
        <v>27686112.091724001</v>
      </c>
      <c r="AC219" s="134">
        <v>28867990.136026401</v>
      </c>
      <c r="AD219" s="134">
        <v>29574750.5878882</v>
      </c>
      <c r="AE219" s="134">
        <v>30560564.336277299</v>
      </c>
      <c r="AF219" s="134">
        <v>31752842.727512602</v>
      </c>
      <c r="AG219" s="134">
        <v>32025224.138006799</v>
      </c>
      <c r="AH219" s="134">
        <v>33218440.775587399</v>
      </c>
      <c r="AI219" s="134">
        <v>34414755.552994102</v>
      </c>
      <c r="AJ219" s="134">
        <v>34688992.819305003</v>
      </c>
      <c r="AK219" s="134">
        <v>35889058.265598997</v>
      </c>
      <c r="AL219" s="134">
        <v>37095036.828511402</v>
      </c>
      <c r="AM219" s="134">
        <v>37129371.3323429</v>
      </c>
      <c r="AN219" s="134">
        <v>37129371.3323429</v>
      </c>
      <c r="AO219" s="134">
        <v>38364222.708941497</v>
      </c>
      <c r="AP219" s="134">
        <v>39602206.6948952</v>
      </c>
      <c r="AQ219" s="134">
        <v>40354750.032879002</v>
      </c>
      <c r="AR219" s="134">
        <v>41392223.158885904</v>
      </c>
      <c r="AS219" s="134">
        <v>42640787.386309698</v>
      </c>
      <c r="AT219" s="134">
        <v>42948643.248256303</v>
      </c>
      <c r="AU219" s="134">
        <v>44198237.3334722</v>
      </c>
      <c r="AV219" s="134">
        <v>45451003.394421197</v>
      </c>
      <c r="AW219" s="134">
        <v>45760775.330558099</v>
      </c>
      <c r="AX219" s="134">
        <v>47017384.274419896</v>
      </c>
      <c r="AY219" s="134">
        <v>48279980.6141982</v>
      </c>
      <c r="AZ219" s="134">
        <v>48344391.556758702</v>
      </c>
      <c r="BA219" s="134">
        <v>48344391.556758702</v>
      </c>
    </row>
    <row r="220" spans="1:53">
      <c r="A220" s="52" t="s">
        <v>409</v>
      </c>
    </row>
    <row r="221" spans="1:53">
      <c r="A221" s="57" t="s">
        <v>410</v>
      </c>
    </row>
    <row r="222" spans="1:53">
      <c r="A222" s="52" t="s">
        <v>411</v>
      </c>
      <c r="B222" s="53">
        <v>0</v>
      </c>
      <c r="C222" s="53">
        <v>0</v>
      </c>
      <c r="D222" s="53">
        <v>0</v>
      </c>
      <c r="E222" s="53">
        <v>0</v>
      </c>
      <c r="F222" s="53">
        <v>0</v>
      </c>
      <c r="G222" s="53">
        <v>0</v>
      </c>
      <c r="H222" s="53">
        <v>0</v>
      </c>
      <c r="I222" s="53">
        <v>0</v>
      </c>
      <c r="J222" s="53">
        <v>0</v>
      </c>
      <c r="K222" s="53">
        <v>0</v>
      </c>
      <c r="L222" s="53">
        <v>0</v>
      </c>
      <c r="M222" s="53">
        <v>0</v>
      </c>
      <c r="N222" s="53">
        <v>0</v>
      </c>
      <c r="O222" s="53">
        <v>0</v>
      </c>
      <c r="P222" s="53">
        <v>0</v>
      </c>
      <c r="Q222" s="53">
        <v>0</v>
      </c>
      <c r="R222" s="53">
        <v>0</v>
      </c>
      <c r="S222" s="53">
        <v>0</v>
      </c>
      <c r="T222" s="53">
        <v>0</v>
      </c>
      <c r="U222" s="53">
        <v>0</v>
      </c>
      <c r="V222" s="53">
        <v>0</v>
      </c>
      <c r="W222" s="53">
        <v>0</v>
      </c>
      <c r="X222" s="53">
        <v>0</v>
      </c>
      <c r="Y222" s="53">
        <v>0</v>
      </c>
      <c r="Z222" s="53">
        <v>0</v>
      </c>
      <c r="AA222" s="53">
        <v>0</v>
      </c>
      <c r="AB222" s="53">
        <v>0</v>
      </c>
      <c r="AC222" s="53">
        <v>0</v>
      </c>
      <c r="AD222" s="53">
        <v>0</v>
      </c>
      <c r="AE222" s="53">
        <v>0</v>
      </c>
      <c r="AF222" s="53">
        <v>0</v>
      </c>
      <c r="AG222" s="53">
        <v>0</v>
      </c>
      <c r="AH222" s="53">
        <v>0</v>
      </c>
      <c r="AI222" s="53">
        <v>0</v>
      </c>
      <c r="AJ222" s="53">
        <v>0</v>
      </c>
      <c r="AK222" s="53">
        <v>0</v>
      </c>
      <c r="AL222" s="53">
        <v>0</v>
      </c>
      <c r="AM222" s="53">
        <v>0</v>
      </c>
      <c r="AN222" s="53">
        <v>0</v>
      </c>
      <c r="AO222" s="53">
        <v>0</v>
      </c>
      <c r="AP222" s="53">
        <v>0</v>
      </c>
      <c r="AQ222" s="53">
        <v>0</v>
      </c>
      <c r="AR222" s="53">
        <v>0</v>
      </c>
      <c r="AS222" s="53">
        <v>0</v>
      </c>
      <c r="AT222" s="53">
        <v>0</v>
      </c>
      <c r="AU222" s="53">
        <v>0</v>
      </c>
      <c r="AV222" s="53">
        <v>0</v>
      </c>
      <c r="AW222" s="53">
        <v>0</v>
      </c>
      <c r="AX222" s="53">
        <v>0</v>
      </c>
      <c r="AY222" s="53">
        <v>0</v>
      </c>
      <c r="AZ222" s="53">
        <v>0</v>
      </c>
      <c r="BA222" s="53">
        <v>0</v>
      </c>
    </row>
    <row r="223" spans="1:53">
      <c r="A223" s="58" t="s">
        <v>412</v>
      </c>
      <c r="B223" s="134">
        <v>0</v>
      </c>
      <c r="C223" s="134">
        <v>0</v>
      </c>
      <c r="D223" s="134">
        <v>0</v>
      </c>
      <c r="E223" s="134">
        <v>0</v>
      </c>
      <c r="F223" s="134">
        <v>0</v>
      </c>
      <c r="G223" s="134">
        <v>0</v>
      </c>
      <c r="H223" s="134">
        <v>0</v>
      </c>
      <c r="I223" s="134">
        <v>0</v>
      </c>
      <c r="J223" s="134">
        <v>0</v>
      </c>
      <c r="K223" s="134">
        <v>0</v>
      </c>
      <c r="L223" s="134">
        <v>0</v>
      </c>
      <c r="M223" s="134">
        <v>0</v>
      </c>
      <c r="N223" s="134">
        <v>0</v>
      </c>
      <c r="O223" s="134">
        <v>0</v>
      </c>
      <c r="P223" s="134">
        <v>0</v>
      </c>
      <c r="Q223" s="134">
        <v>0</v>
      </c>
      <c r="R223" s="134">
        <v>0</v>
      </c>
      <c r="S223" s="134">
        <v>0</v>
      </c>
      <c r="T223" s="134">
        <v>0</v>
      </c>
      <c r="U223" s="134">
        <v>0</v>
      </c>
      <c r="V223" s="134">
        <v>0</v>
      </c>
      <c r="W223" s="134">
        <v>0</v>
      </c>
      <c r="X223" s="134">
        <v>0</v>
      </c>
      <c r="Y223" s="134">
        <v>0</v>
      </c>
      <c r="Z223" s="134">
        <v>0</v>
      </c>
      <c r="AA223" s="134">
        <v>0</v>
      </c>
      <c r="AB223" s="134">
        <v>0</v>
      </c>
      <c r="AC223" s="134">
        <v>0</v>
      </c>
      <c r="AD223" s="134">
        <v>0</v>
      </c>
      <c r="AE223" s="134">
        <v>0</v>
      </c>
      <c r="AF223" s="134">
        <v>0</v>
      </c>
      <c r="AG223" s="134">
        <v>0</v>
      </c>
      <c r="AH223" s="134">
        <v>0</v>
      </c>
      <c r="AI223" s="134">
        <v>0</v>
      </c>
      <c r="AJ223" s="134">
        <v>0</v>
      </c>
      <c r="AK223" s="134">
        <v>0</v>
      </c>
      <c r="AL223" s="134">
        <v>0</v>
      </c>
      <c r="AM223" s="134">
        <v>0</v>
      </c>
      <c r="AN223" s="134">
        <v>0</v>
      </c>
      <c r="AO223" s="134">
        <v>0</v>
      </c>
      <c r="AP223" s="134">
        <v>0</v>
      </c>
      <c r="AQ223" s="134">
        <v>0</v>
      </c>
      <c r="AR223" s="134">
        <v>0</v>
      </c>
      <c r="AS223" s="134">
        <v>0</v>
      </c>
      <c r="AT223" s="134">
        <v>0</v>
      </c>
      <c r="AU223" s="134">
        <v>0</v>
      </c>
      <c r="AV223" s="134">
        <v>0</v>
      </c>
      <c r="AW223" s="134">
        <v>0</v>
      </c>
      <c r="AX223" s="134">
        <v>0</v>
      </c>
      <c r="AY223" s="134">
        <v>0</v>
      </c>
      <c r="AZ223" s="134">
        <v>0</v>
      </c>
      <c r="BA223" s="134">
        <v>0</v>
      </c>
    </row>
    <row r="224" spans="1:53">
      <c r="A224" s="52" t="s">
        <v>413</v>
      </c>
    </row>
    <row r="225" spans="1:53">
      <c r="A225" s="57" t="s">
        <v>414</v>
      </c>
    </row>
    <row r="226" spans="1:53">
      <c r="A226" s="52" t="s">
        <v>415</v>
      </c>
      <c r="B226" s="53">
        <v>0</v>
      </c>
      <c r="C226" s="53">
        <v>0</v>
      </c>
      <c r="D226" s="53">
        <v>0</v>
      </c>
      <c r="E226" s="53">
        <v>0</v>
      </c>
      <c r="F226" s="53">
        <v>0</v>
      </c>
      <c r="G226" s="53">
        <v>0</v>
      </c>
      <c r="H226" s="53">
        <v>0</v>
      </c>
      <c r="I226" s="53">
        <v>0</v>
      </c>
      <c r="J226" s="53">
        <v>0</v>
      </c>
      <c r="K226" s="53">
        <v>0</v>
      </c>
      <c r="L226" s="53">
        <v>0</v>
      </c>
      <c r="M226" s="53">
        <v>0</v>
      </c>
      <c r="N226" s="53">
        <v>0</v>
      </c>
      <c r="O226" s="53">
        <v>0</v>
      </c>
      <c r="P226" s="53">
        <v>0</v>
      </c>
      <c r="Q226" s="53">
        <v>0</v>
      </c>
      <c r="R226" s="53">
        <v>0</v>
      </c>
      <c r="S226" s="53">
        <v>0</v>
      </c>
      <c r="T226" s="53">
        <v>0</v>
      </c>
      <c r="U226" s="53">
        <v>0</v>
      </c>
      <c r="V226" s="53">
        <v>0</v>
      </c>
      <c r="W226" s="53">
        <v>0</v>
      </c>
      <c r="X226" s="53">
        <v>0</v>
      </c>
      <c r="Y226" s="53">
        <v>0</v>
      </c>
      <c r="Z226" s="53">
        <v>0</v>
      </c>
      <c r="AA226" s="53">
        <v>0</v>
      </c>
      <c r="AB226" s="53">
        <v>0</v>
      </c>
      <c r="AC226" s="53">
        <v>0</v>
      </c>
      <c r="AD226" s="53">
        <v>0</v>
      </c>
      <c r="AE226" s="53">
        <v>0</v>
      </c>
      <c r="AF226" s="53">
        <v>0</v>
      </c>
      <c r="AG226" s="53">
        <v>0</v>
      </c>
      <c r="AH226" s="53">
        <v>0</v>
      </c>
      <c r="AI226" s="53">
        <v>0</v>
      </c>
      <c r="AJ226" s="53">
        <v>0</v>
      </c>
      <c r="AK226" s="53">
        <v>0</v>
      </c>
      <c r="AL226" s="53">
        <v>0</v>
      </c>
      <c r="AM226" s="53">
        <v>0</v>
      </c>
      <c r="AN226" s="53">
        <v>0</v>
      </c>
      <c r="AO226" s="53">
        <v>0</v>
      </c>
      <c r="AP226" s="53">
        <v>0</v>
      </c>
      <c r="AQ226" s="53">
        <v>0</v>
      </c>
      <c r="AR226" s="53">
        <v>0</v>
      </c>
      <c r="AS226" s="53">
        <v>0</v>
      </c>
      <c r="AT226" s="53">
        <v>0</v>
      </c>
      <c r="AU226" s="53">
        <v>0</v>
      </c>
      <c r="AV226" s="53">
        <v>0</v>
      </c>
      <c r="AW226" s="53">
        <v>0</v>
      </c>
      <c r="AX226" s="53">
        <v>0</v>
      </c>
      <c r="AY226" s="53">
        <v>0</v>
      </c>
      <c r="AZ226" s="53">
        <v>0</v>
      </c>
      <c r="BA226" s="53">
        <v>0</v>
      </c>
    </row>
    <row r="227" spans="1:53">
      <c r="A227" s="58" t="s">
        <v>416</v>
      </c>
      <c r="B227" s="134">
        <v>0</v>
      </c>
      <c r="C227" s="134">
        <v>0</v>
      </c>
      <c r="D227" s="134">
        <v>0</v>
      </c>
      <c r="E227" s="134">
        <v>0</v>
      </c>
      <c r="F227" s="134">
        <v>0</v>
      </c>
      <c r="G227" s="134">
        <v>0</v>
      </c>
      <c r="H227" s="134">
        <v>0</v>
      </c>
      <c r="I227" s="134">
        <v>0</v>
      </c>
      <c r="J227" s="134">
        <v>0</v>
      </c>
      <c r="K227" s="134">
        <v>0</v>
      </c>
      <c r="L227" s="134">
        <v>0</v>
      </c>
      <c r="M227" s="134">
        <v>0</v>
      </c>
      <c r="N227" s="134">
        <v>0</v>
      </c>
      <c r="O227" s="134">
        <v>0</v>
      </c>
      <c r="P227" s="134">
        <v>0</v>
      </c>
      <c r="Q227" s="134">
        <v>0</v>
      </c>
      <c r="R227" s="134">
        <v>0</v>
      </c>
      <c r="S227" s="134">
        <v>0</v>
      </c>
      <c r="T227" s="134">
        <v>0</v>
      </c>
      <c r="U227" s="134">
        <v>0</v>
      </c>
      <c r="V227" s="134">
        <v>0</v>
      </c>
      <c r="W227" s="134">
        <v>0</v>
      </c>
      <c r="X227" s="134">
        <v>0</v>
      </c>
      <c r="Y227" s="134">
        <v>0</v>
      </c>
      <c r="Z227" s="134">
        <v>0</v>
      </c>
      <c r="AA227" s="134">
        <v>0</v>
      </c>
      <c r="AB227" s="134">
        <v>0</v>
      </c>
      <c r="AC227" s="134">
        <v>0</v>
      </c>
      <c r="AD227" s="134">
        <v>0</v>
      </c>
      <c r="AE227" s="134">
        <v>0</v>
      </c>
      <c r="AF227" s="134">
        <v>0</v>
      </c>
      <c r="AG227" s="134">
        <v>0</v>
      </c>
      <c r="AH227" s="134">
        <v>0</v>
      </c>
      <c r="AI227" s="134">
        <v>0</v>
      </c>
      <c r="AJ227" s="134">
        <v>0</v>
      </c>
      <c r="AK227" s="134">
        <v>0</v>
      </c>
      <c r="AL227" s="134">
        <v>0</v>
      </c>
      <c r="AM227" s="134">
        <v>0</v>
      </c>
      <c r="AN227" s="134">
        <v>0</v>
      </c>
      <c r="AO227" s="134">
        <v>0</v>
      </c>
      <c r="AP227" s="134">
        <v>0</v>
      </c>
      <c r="AQ227" s="134">
        <v>0</v>
      </c>
      <c r="AR227" s="134">
        <v>0</v>
      </c>
      <c r="AS227" s="134">
        <v>0</v>
      </c>
      <c r="AT227" s="134">
        <v>0</v>
      </c>
      <c r="AU227" s="134">
        <v>0</v>
      </c>
      <c r="AV227" s="134">
        <v>0</v>
      </c>
      <c r="AW227" s="134">
        <v>0</v>
      </c>
      <c r="AX227" s="134">
        <v>0</v>
      </c>
      <c r="AY227" s="134">
        <v>0</v>
      </c>
      <c r="AZ227" s="134">
        <v>0</v>
      </c>
      <c r="BA227" s="134">
        <v>0</v>
      </c>
    </row>
    <row r="228" spans="1:53">
      <c r="A228" s="52" t="s">
        <v>417</v>
      </c>
    </row>
    <row r="229" spans="1:53">
      <c r="A229" s="57" t="s">
        <v>418</v>
      </c>
    </row>
    <row r="230" spans="1:53">
      <c r="A230" s="52" t="s">
        <v>419</v>
      </c>
      <c r="B230" s="53">
        <v>0</v>
      </c>
      <c r="C230" s="53">
        <v>0</v>
      </c>
      <c r="D230" s="53">
        <v>0</v>
      </c>
      <c r="E230" s="53">
        <v>0</v>
      </c>
      <c r="F230" s="53">
        <v>0</v>
      </c>
      <c r="G230" s="53">
        <v>0</v>
      </c>
      <c r="H230" s="53">
        <v>0</v>
      </c>
      <c r="I230" s="53">
        <v>0</v>
      </c>
      <c r="J230" s="53">
        <v>0</v>
      </c>
      <c r="K230" s="53">
        <v>0</v>
      </c>
      <c r="L230" s="53">
        <v>0</v>
      </c>
      <c r="M230" s="53">
        <v>0</v>
      </c>
      <c r="N230" s="53">
        <v>0</v>
      </c>
      <c r="O230" s="53">
        <v>0</v>
      </c>
      <c r="P230" s="53">
        <v>0</v>
      </c>
      <c r="Q230" s="53">
        <v>0</v>
      </c>
      <c r="R230" s="53">
        <v>0</v>
      </c>
      <c r="S230" s="53">
        <v>0</v>
      </c>
      <c r="T230" s="53">
        <v>0</v>
      </c>
      <c r="U230" s="53">
        <v>0</v>
      </c>
      <c r="V230" s="53">
        <v>0</v>
      </c>
      <c r="W230" s="53">
        <v>0</v>
      </c>
      <c r="X230" s="53">
        <v>0</v>
      </c>
      <c r="Y230" s="53">
        <v>0</v>
      </c>
      <c r="Z230" s="53">
        <v>0</v>
      </c>
      <c r="AA230" s="53">
        <v>0</v>
      </c>
      <c r="AB230" s="53">
        <v>0</v>
      </c>
      <c r="AC230" s="53">
        <v>0</v>
      </c>
      <c r="AD230" s="53">
        <v>0</v>
      </c>
      <c r="AE230" s="53">
        <v>0</v>
      </c>
      <c r="AF230" s="53">
        <v>0</v>
      </c>
      <c r="AG230" s="53">
        <v>0</v>
      </c>
      <c r="AH230" s="53">
        <v>0</v>
      </c>
      <c r="AI230" s="53">
        <v>0</v>
      </c>
      <c r="AJ230" s="53">
        <v>0</v>
      </c>
      <c r="AK230" s="53">
        <v>0</v>
      </c>
      <c r="AL230" s="53">
        <v>0</v>
      </c>
      <c r="AM230" s="53">
        <v>0</v>
      </c>
      <c r="AN230" s="53">
        <v>0</v>
      </c>
      <c r="AO230" s="53">
        <v>0</v>
      </c>
      <c r="AP230" s="53">
        <v>0</v>
      </c>
      <c r="AQ230" s="53">
        <v>0</v>
      </c>
      <c r="AR230" s="53">
        <v>0</v>
      </c>
      <c r="AS230" s="53">
        <v>0</v>
      </c>
      <c r="AT230" s="53">
        <v>0</v>
      </c>
      <c r="AU230" s="53">
        <v>0</v>
      </c>
      <c r="AV230" s="53">
        <v>0</v>
      </c>
      <c r="AW230" s="53">
        <v>0</v>
      </c>
      <c r="AX230" s="53">
        <v>0</v>
      </c>
      <c r="AY230" s="53">
        <v>0</v>
      </c>
      <c r="AZ230" s="53">
        <v>0</v>
      </c>
      <c r="BA230" s="53">
        <v>0</v>
      </c>
    </row>
    <row r="231" spans="1:53">
      <c r="A231" s="58" t="s">
        <v>420</v>
      </c>
      <c r="B231" s="134">
        <v>0</v>
      </c>
      <c r="C231" s="134">
        <v>0</v>
      </c>
      <c r="D231" s="134">
        <v>0</v>
      </c>
      <c r="E231" s="134">
        <v>0</v>
      </c>
      <c r="F231" s="134">
        <v>0</v>
      </c>
      <c r="G231" s="134">
        <v>0</v>
      </c>
      <c r="H231" s="134">
        <v>0</v>
      </c>
      <c r="I231" s="134">
        <v>0</v>
      </c>
      <c r="J231" s="134">
        <v>0</v>
      </c>
      <c r="K231" s="134">
        <v>0</v>
      </c>
      <c r="L231" s="134">
        <v>0</v>
      </c>
      <c r="M231" s="134">
        <v>0</v>
      </c>
      <c r="N231" s="134">
        <v>0</v>
      </c>
      <c r="O231" s="134">
        <v>0</v>
      </c>
      <c r="P231" s="134">
        <v>0</v>
      </c>
      <c r="Q231" s="134">
        <v>0</v>
      </c>
      <c r="R231" s="134">
        <v>0</v>
      </c>
      <c r="S231" s="134">
        <v>0</v>
      </c>
      <c r="T231" s="134">
        <v>0</v>
      </c>
      <c r="U231" s="134">
        <v>0</v>
      </c>
      <c r="V231" s="134">
        <v>0</v>
      </c>
      <c r="W231" s="134">
        <v>0</v>
      </c>
      <c r="X231" s="134">
        <v>0</v>
      </c>
      <c r="Y231" s="134">
        <v>0</v>
      </c>
      <c r="Z231" s="134">
        <v>0</v>
      </c>
      <c r="AA231" s="134">
        <v>0</v>
      </c>
      <c r="AB231" s="134">
        <v>0</v>
      </c>
      <c r="AC231" s="134">
        <v>0</v>
      </c>
      <c r="AD231" s="134">
        <v>0</v>
      </c>
      <c r="AE231" s="134">
        <v>0</v>
      </c>
      <c r="AF231" s="134">
        <v>0</v>
      </c>
      <c r="AG231" s="134">
        <v>0</v>
      </c>
      <c r="AH231" s="134">
        <v>0</v>
      </c>
      <c r="AI231" s="134">
        <v>0</v>
      </c>
      <c r="AJ231" s="134">
        <v>0</v>
      </c>
      <c r="AK231" s="134">
        <v>0</v>
      </c>
      <c r="AL231" s="134">
        <v>0</v>
      </c>
      <c r="AM231" s="134">
        <v>0</v>
      </c>
      <c r="AN231" s="134">
        <v>0</v>
      </c>
      <c r="AO231" s="134">
        <v>0</v>
      </c>
      <c r="AP231" s="134">
        <v>0</v>
      </c>
      <c r="AQ231" s="134">
        <v>0</v>
      </c>
      <c r="AR231" s="134">
        <v>0</v>
      </c>
      <c r="AS231" s="134">
        <v>0</v>
      </c>
      <c r="AT231" s="134">
        <v>0</v>
      </c>
      <c r="AU231" s="134">
        <v>0</v>
      </c>
      <c r="AV231" s="134">
        <v>0</v>
      </c>
      <c r="AW231" s="134">
        <v>0</v>
      </c>
      <c r="AX231" s="134">
        <v>0</v>
      </c>
      <c r="AY231" s="134">
        <v>0</v>
      </c>
      <c r="AZ231" s="134">
        <v>0</v>
      </c>
      <c r="BA231" s="134">
        <v>0</v>
      </c>
    </row>
    <row r="232" spans="1:53">
      <c r="A232" s="52" t="s">
        <v>421</v>
      </c>
    </row>
    <row r="233" spans="1:53">
      <c r="A233" s="57" t="s">
        <v>422</v>
      </c>
    </row>
    <row r="234" spans="1:53">
      <c r="A234" s="52" t="s">
        <v>423</v>
      </c>
      <c r="B234" s="53">
        <v>3452561.1499999901</v>
      </c>
      <c r="C234" s="53">
        <v>3452561.1499999901</v>
      </c>
      <c r="D234" s="53">
        <v>3452561.1499999901</v>
      </c>
      <c r="E234" s="53">
        <v>3452561.1499999901</v>
      </c>
      <c r="F234" s="53">
        <v>3452561.1499999901</v>
      </c>
      <c r="G234" s="53">
        <v>3452561.1499999901</v>
      </c>
      <c r="H234" s="53">
        <v>3452561.1499999901</v>
      </c>
      <c r="I234" s="53">
        <v>3452561.1499999901</v>
      </c>
      <c r="J234" s="53">
        <v>3452561.1499999901</v>
      </c>
      <c r="K234" s="53">
        <v>3452561.1499999901</v>
      </c>
      <c r="L234" s="53">
        <v>3452561.1499999901</v>
      </c>
      <c r="M234" s="53">
        <v>3452561.1499999901</v>
      </c>
      <c r="N234" s="53">
        <v>3452561.1499999901</v>
      </c>
      <c r="O234" s="53">
        <v>3452561.1499999901</v>
      </c>
      <c r="P234" s="53">
        <v>3452561.1499999901</v>
      </c>
      <c r="Q234" s="53">
        <v>3452561.1499999901</v>
      </c>
      <c r="R234" s="53">
        <v>3452561.1499999901</v>
      </c>
      <c r="S234" s="53">
        <v>3452561.1499999901</v>
      </c>
      <c r="T234" s="53">
        <v>3452561.1499999901</v>
      </c>
      <c r="U234" s="53">
        <v>3452561.1499999901</v>
      </c>
      <c r="V234" s="53">
        <v>3452561.1499999901</v>
      </c>
      <c r="W234" s="53">
        <v>3452561.1499999901</v>
      </c>
      <c r="X234" s="53">
        <v>3452561.1499999901</v>
      </c>
      <c r="Y234" s="53">
        <v>3452561.1499999901</v>
      </c>
      <c r="Z234" s="53">
        <v>3452561.1499999901</v>
      </c>
      <c r="AA234" s="53">
        <v>3452561.1499999901</v>
      </c>
      <c r="AB234" s="53">
        <v>3452561.1499999901</v>
      </c>
      <c r="AC234" s="53">
        <v>3452561.1499999901</v>
      </c>
      <c r="AD234" s="53">
        <v>3452561.1499999901</v>
      </c>
      <c r="AE234" s="53">
        <v>3452561.1499999901</v>
      </c>
      <c r="AF234" s="53">
        <v>3452561.1499999901</v>
      </c>
      <c r="AG234" s="53">
        <v>3452561.1499999901</v>
      </c>
      <c r="AH234" s="53">
        <v>3452561.1499999901</v>
      </c>
      <c r="AI234" s="53">
        <v>3452561.1499999901</v>
      </c>
      <c r="AJ234" s="53">
        <v>3452561.1499999901</v>
      </c>
      <c r="AK234" s="53">
        <v>3452561.1499999901</v>
      </c>
      <c r="AL234" s="53">
        <v>3452561.1499999901</v>
      </c>
      <c r="AM234" s="53">
        <v>3452561.1499999901</v>
      </c>
      <c r="AN234" s="53">
        <v>3452561.1499999901</v>
      </c>
      <c r="AO234" s="53">
        <v>3452561.1499999901</v>
      </c>
      <c r="AP234" s="53">
        <v>3452561.1499999901</v>
      </c>
      <c r="AQ234" s="53">
        <v>3452561.1499999901</v>
      </c>
      <c r="AR234" s="53">
        <v>3452561.1499999901</v>
      </c>
      <c r="AS234" s="53">
        <v>3452561.1499999901</v>
      </c>
      <c r="AT234" s="53">
        <v>3452561.1499999901</v>
      </c>
      <c r="AU234" s="53">
        <v>3452561.1499999901</v>
      </c>
      <c r="AV234" s="53">
        <v>3452561.1499999901</v>
      </c>
      <c r="AW234" s="53">
        <v>3452561.1499999901</v>
      </c>
      <c r="AX234" s="53">
        <v>3452561.1499999901</v>
      </c>
      <c r="AY234" s="53">
        <v>3452561.1499999901</v>
      </c>
      <c r="AZ234" s="53">
        <v>3452561.1499999901</v>
      </c>
      <c r="BA234" s="53">
        <v>3452561.1499999901</v>
      </c>
    </row>
    <row r="235" spans="1:53">
      <c r="A235" s="52" t="s">
        <v>424</v>
      </c>
      <c r="B235" s="53">
        <v>2379918.62</v>
      </c>
      <c r="C235" s="53">
        <v>2379918.62</v>
      </c>
      <c r="D235" s="53">
        <v>2379918.62</v>
      </c>
      <c r="E235" s="53">
        <v>2379918.62</v>
      </c>
      <c r="F235" s="53">
        <v>2379918.62</v>
      </c>
      <c r="G235" s="53">
        <v>2379918.62</v>
      </c>
      <c r="H235" s="53">
        <v>2379918.62</v>
      </c>
      <c r="I235" s="53">
        <v>2379918.62</v>
      </c>
      <c r="J235" s="53">
        <v>2379918.62</v>
      </c>
      <c r="K235" s="53">
        <v>2379918.62</v>
      </c>
      <c r="L235" s="53">
        <v>2379918.62</v>
      </c>
      <c r="M235" s="53">
        <v>2379918.62</v>
      </c>
      <c r="N235" s="53">
        <v>2379918.62</v>
      </c>
      <c r="O235" s="53">
        <v>2379918.62</v>
      </c>
      <c r="P235" s="53">
        <v>2379918.62</v>
      </c>
      <c r="Q235" s="53">
        <v>2379918.62</v>
      </c>
      <c r="R235" s="53">
        <v>2379918.62</v>
      </c>
      <c r="S235" s="53">
        <v>2379918.62</v>
      </c>
      <c r="T235" s="53">
        <v>2379918.62</v>
      </c>
      <c r="U235" s="53">
        <v>2379918.62</v>
      </c>
      <c r="V235" s="53">
        <v>2379918.62</v>
      </c>
      <c r="W235" s="53">
        <v>2379918.62</v>
      </c>
      <c r="X235" s="53">
        <v>2379918.62</v>
      </c>
      <c r="Y235" s="53">
        <v>2379918.62</v>
      </c>
      <c r="Z235" s="53">
        <v>2379918.62</v>
      </c>
      <c r="AA235" s="53">
        <v>2379918.62</v>
      </c>
      <c r="AB235" s="53">
        <v>2379918.62</v>
      </c>
      <c r="AC235" s="53">
        <v>2379918.62</v>
      </c>
      <c r="AD235" s="53">
        <v>2379918.62</v>
      </c>
      <c r="AE235" s="53">
        <v>2379918.62</v>
      </c>
      <c r="AF235" s="53">
        <v>2379918.62</v>
      </c>
      <c r="AG235" s="53">
        <v>2379918.62</v>
      </c>
      <c r="AH235" s="53">
        <v>2379918.62</v>
      </c>
      <c r="AI235" s="53">
        <v>2379918.62</v>
      </c>
      <c r="AJ235" s="53">
        <v>2379918.62</v>
      </c>
      <c r="AK235" s="53">
        <v>2379918.62</v>
      </c>
      <c r="AL235" s="53">
        <v>2379918.62</v>
      </c>
      <c r="AM235" s="53">
        <v>2379918.62</v>
      </c>
      <c r="AN235" s="53">
        <v>2379918.62</v>
      </c>
      <c r="AO235" s="53">
        <v>2379918.62</v>
      </c>
      <c r="AP235" s="53">
        <v>2379918.62</v>
      </c>
      <c r="AQ235" s="53">
        <v>2379918.62</v>
      </c>
      <c r="AR235" s="53">
        <v>2379918.62</v>
      </c>
      <c r="AS235" s="53">
        <v>2379918.62</v>
      </c>
      <c r="AT235" s="53">
        <v>2379918.62</v>
      </c>
      <c r="AU235" s="53">
        <v>2379918.62</v>
      </c>
      <c r="AV235" s="53">
        <v>2379918.62</v>
      </c>
      <c r="AW235" s="53">
        <v>2379918.62</v>
      </c>
      <c r="AX235" s="53">
        <v>2379918.62</v>
      </c>
      <c r="AY235" s="53">
        <v>2379918.62</v>
      </c>
      <c r="AZ235" s="53">
        <v>2379918.62</v>
      </c>
      <c r="BA235" s="53">
        <v>2379918.62</v>
      </c>
    </row>
    <row r="236" spans="1:53">
      <c r="A236" s="52" t="s">
        <v>425</v>
      </c>
      <c r="B236" s="53">
        <v>0</v>
      </c>
      <c r="C236" s="53">
        <v>0</v>
      </c>
      <c r="D236" s="53">
        <v>0</v>
      </c>
      <c r="E236" s="53">
        <v>0</v>
      </c>
      <c r="F236" s="53">
        <v>0</v>
      </c>
      <c r="G236" s="53">
        <v>0</v>
      </c>
      <c r="H236" s="53">
        <v>0</v>
      </c>
      <c r="I236" s="53">
        <v>0</v>
      </c>
      <c r="J236" s="53">
        <v>0</v>
      </c>
      <c r="K236" s="53">
        <v>0</v>
      </c>
      <c r="L236" s="53">
        <v>0</v>
      </c>
      <c r="M236" s="53">
        <v>0</v>
      </c>
      <c r="N236" s="53">
        <v>0</v>
      </c>
      <c r="O236" s="53">
        <v>0</v>
      </c>
      <c r="P236" s="53">
        <v>0</v>
      </c>
      <c r="Q236" s="53">
        <v>0</v>
      </c>
      <c r="R236" s="53">
        <v>0</v>
      </c>
      <c r="S236" s="53">
        <v>0</v>
      </c>
      <c r="T236" s="53">
        <v>0</v>
      </c>
      <c r="U236" s="53">
        <v>0</v>
      </c>
      <c r="V236" s="53">
        <v>0</v>
      </c>
      <c r="W236" s="53">
        <v>0</v>
      </c>
      <c r="X236" s="53">
        <v>0</v>
      </c>
      <c r="Y236" s="53">
        <v>0</v>
      </c>
      <c r="Z236" s="53">
        <v>0</v>
      </c>
      <c r="AA236" s="53">
        <v>0</v>
      </c>
      <c r="AB236" s="53">
        <v>0</v>
      </c>
      <c r="AC236" s="53">
        <v>0</v>
      </c>
      <c r="AD236" s="53">
        <v>0</v>
      </c>
      <c r="AE236" s="53">
        <v>0</v>
      </c>
      <c r="AF236" s="53">
        <v>0</v>
      </c>
      <c r="AG236" s="53">
        <v>0</v>
      </c>
      <c r="AH236" s="53">
        <v>0</v>
      </c>
      <c r="AI236" s="53">
        <v>0</v>
      </c>
      <c r="AJ236" s="53">
        <v>0</v>
      </c>
      <c r="AK236" s="53">
        <v>0</v>
      </c>
      <c r="AL236" s="53">
        <v>0</v>
      </c>
      <c r="AM236" s="53">
        <v>0</v>
      </c>
      <c r="AN236" s="53">
        <v>0</v>
      </c>
      <c r="AO236" s="53">
        <v>0</v>
      </c>
      <c r="AP236" s="53">
        <v>0</v>
      </c>
      <c r="AQ236" s="53">
        <v>0</v>
      </c>
      <c r="AR236" s="53">
        <v>0</v>
      </c>
      <c r="AS236" s="53">
        <v>0</v>
      </c>
      <c r="AT236" s="53">
        <v>0</v>
      </c>
      <c r="AU236" s="53">
        <v>0</v>
      </c>
      <c r="AV236" s="53">
        <v>0</v>
      </c>
      <c r="AW236" s="53">
        <v>0</v>
      </c>
      <c r="AX236" s="53">
        <v>0</v>
      </c>
      <c r="AY236" s="53">
        <v>0</v>
      </c>
      <c r="AZ236" s="53">
        <v>0</v>
      </c>
      <c r="BA236" s="53">
        <v>0</v>
      </c>
    </row>
    <row r="237" spans="1:53">
      <c r="A237" s="52" t="s">
        <v>426</v>
      </c>
      <c r="B237" s="53">
        <v>0</v>
      </c>
      <c r="C237" s="53">
        <v>0</v>
      </c>
      <c r="D237" s="53">
        <v>0</v>
      </c>
      <c r="E237" s="53">
        <v>0</v>
      </c>
      <c r="F237" s="53">
        <v>0</v>
      </c>
      <c r="G237" s="53">
        <v>0</v>
      </c>
      <c r="H237" s="53">
        <v>0</v>
      </c>
      <c r="I237" s="53">
        <v>0</v>
      </c>
      <c r="J237" s="53">
        <v>0</v>
      </c>
      <c r="K237" s="53">
        <v>0</v>
      </c>
      <c r="L237" s="53">
        <v>0</v>
      </c>
      <c r="M237" s="53">
        <v>0</v>
      </c>
      <c r="N237" s="53">
        <v>0</v>
      </c>
      <c r="O237" s="53">
        <v>0</v>
      </c>
      <c r="P237" s="53">
        <v>0</v>
      </c>
      <c r="Q237" s="53">
        <v>0</v>
      </c>
      <c r="R237" s="53">
        <v>0</v>
      </c>
      <c r="S237" s="53">
        <v>0</v>
      </c>
      <c r="T237" s="53">
        <v>0</v>
      </c>
      <c r="U237" s="53">
        <v>0</v>
      </c>
      <c r="V237" s="53">
        <v>0</v>
      </c>
      <c r="W237" s="53">
        <v>0</v>
      </c>
      <c r="X237" s="53">
        <v>0</v>
      </c>
      <c r="Y237" s="53">
        <v>0</v>
      </c>
      <c r="Z237" s="53">
        <v>0</v>
      </c>
      <c r="AA237" s="53">
        <v>0</v>
      </c>
      <c r="AB237" s="53">
        <v>0</v>
      </c>
      <c r="AC237" s="53">
        <v>0</v>
      </c>
      <c r="AD237" s="53">
        <v>0</v>
      </c>
      <c r="AE237" s="53">
        <v>0</v>
      </c>
      <c r="AF237" s="53">
        <v>0</v>
      </c>
      <c r="AG237" s="53">
        <v>0</v>
      </c>
      <c r="AH237" s="53">
        <v>0</v>
      </c>
      <c r="AI237" s="53">
        <v>0</v>
      </c>
      <c r="AJ237" s="53">
        <v>0</v>
      </c>
      <c r="AK237" s="53">
        <v>0</v>
      </c>
      <c r="AL237" s="53">
        <v>0</v>
      </c>
      <c r="AM237" s="53">
        <v>0</v>
      </c>
      <c r="AN237" s="53">
        <v>0</v>
      </c>
      <c r="AO237" s="53">
        <v>0</v>
      </c>
      <c r="AP237" s="53">
        <v>0</v>
      </c>
      <c r="AQ237" s="53">
        <v>0</v>
      </c>
      <c r="AR237" s="53">
        <v>0</v>
      </c>
      <c r="AS237" s="53">
        <v>0</v>
      </c>
      <c r="AT237" s="53">
        <v>0</v>
      </c>
      <c r="AU237" s="53">
        <v>0</v>
      </c>
      <c r="AV237" s="53">
        <v>0</v>
      </c>
      <c r="AW237" s="53">
        <v>0</v>
      </c>
      <c r="AX237" s="53">
        <v>0</v>
      </c>
      <c r="AY237" s="53">
        <v>0</v>
      </c>
      <c r="AZ237" s="53">
        <v>0</v>
      </c>
      <c r="BA237" s="53">
        <v>0</v>
      </c>
    </row>
    <row r="238" spans="1:53">
      <c r="A238" s="52" t="s">
        <v>427</v>
      </c>
      <c r="B238" s="53">
        <v>16782482.460000001</v>
      </c>
      <c r="C238" s="53">
        <v>16782482.460000001</v>
      </c>
      <c r="D238" s="53">
        <v>16782482.460000001</v>
      </c>
      <c r="E238" s="53">
        <v>16782482.460000001</v>
      </c>
      <c r="F238" s="53">
        <v>16782482.460000001</v>
      </c>
      <c r="G238" s="53">
        <v>16782482.460000001</v>
      </c>
      <c r="H238" s="53">
        <v>16782482.460000001</v>
      </c>
      <c r="I238" s="53">
        <v>16782482.460000001</v>
      </c>
      <c r="J238" s="53">
        <v>16782482.460000001</v>
      </c>
      <c r="K238" s="53">
        <v>16782482.460000001</v>
      </c>
      <c r="L238" s="53">
        <v>16782482.460000001</v>
      </c>
      <c r="M238" s="53">
        <v>16782482.460000001</v>
      </c>
      <c r="N238" s="53">
        <v>16782482.460000001</v>
      </c>
      <c r="O238" s="53">
        <v>16782482.460000001</v>
      </c>
      <c r="P238" s="53">
        <v>16782482.460000001</v>
      </c>
      <c r="Q238" s="53">
        <v>16782482.460000001</v>
      </c>
      <c r="R238" s="53">
        <v>16782482.460000001</v>
      </c>
      <c r="S238" s="53">
        <v>16782482.460000001</v>
      </c>
      <c r="T238" s="53">
        <v>16782482.460000001</v>
      </c>
      <c r="U238" s="53">
        <v>16782482.460000001</v>
      </c>
      <c r="V238" s="53">
        <v>16782482.460000001</v>
      </c>
      <c r="W238" s="53">
        <v>16782482.460000001</v>
      </c>
      <c r="X238" s="53">
        <v>16782482.460000001</v>
      </c>
      <c r="Y238" s="53">
        <v>16782482.460000001</v>
      </c>
      <c r="Z238" s="53">
        <v>16782482.460000001</v>
      </c>
      <c r="AA238" s="53">
        <v>16782482.460000001</v>
      </c>
      <c r="AB238" s="53">
        <v>16782482.460000001</v>
      </c>
      <c r="AC238" s="53">
        <v>16782482.460000001</v>
      </c>
      <c r="AD238" s="53">
        <v>16782482.460000001</v>
      </c>
      <c r="AE238" s="53">
        <v>16782482.460000001</v>
      </c>
      <c r="AF238" s="53">
        <v>16782482.460000001</v>
      </c>
      <c r="AG238" s="53">
        <v>16782482.460000001</v>
      </c>
      <c r="AH238" s="53">
        <v>16782482.460000001</v>
      </c>
      <c r="AI238" s="53">
        <v>16782482.460000001</v>
      </c>
      <c r="AJ238" s="53">
        <v>16782482.460000001</v>
      </c>
      <c r="AK238" s="53">
        <v>16782482.460000001</v>
      </c>
      <c r="AL238" s="53">
        <v>16782482.460000001</v>
      </c>
      <c r="AM238" s="53">
        <v>16782482.460000001</v>
      </c>
      <c r="AN238" s="53">
        <v>16782482.460000001</v>
      </c>
      <c r="AO238" s="53">
        <v>16782482.460000001</v>
      </c>
      <c r="AP238" s="53">
        <v>16782482.460000001</v>
      </c>
      <c r="AQ238" s="53">
        <v>16782482.460000001</v>
      </c>
      <c r="AR238" s="53">
        <v>16782482.460000001</v>
      </c>
      <c r="AS238" s="53">
        <v>16782482.460000001</v>
      </c>
      <c r="AT238" s="53">
        <v>16782482.460000001</v>
      </c>
      <c r="AU238" s="53">
        <v>16782482.460000001</v>
      </c>
      <c r="AV238" s="53">
        <v>16782482.460000001</v>
      </c>
      <c r="AW238" s="53">
        <v>16782482.460000001</v>
      </c>
      <c r="AX238" s="53">
        <v>16782482.460000001</v>
      </c>
      <c r="AY238" s="53">
        <v>16782482.460000001</v>
      </c>
      <c r="AZ238" s="53">
        <v>16782482.460000001</v>
      </c>
      <c r="BA238" s="53">
        <v>16782482.460000001</v>
      </c>
    </row>
    <row r="239" spans="1:53">
      <c r="A239" s="52" t="s">
        <v>428</v>
      </c>
      <c r="B239" s="53">
        <v>1220803.79</v>
      </c>
      <c r="C239" s="53">
        <v>1220803.79</v>
      </c>
      <c r="D239" s="53">
        <v>1220803.79</v>
      </c>
      <c r="E239" s="53">
        <v>1220803.79</v>
      </c>
      <c r="F239" s="53">
        <v>1220803.79</v>
      </c>
      <c r="G239" s="53">
        <v>1220803.79</v>
      </c>
      <c r="H239" s="53">
        <v>1220803.79</v>
      </c>
      <c r="I239" s="53">
        <v>1220803.79</v>
      </c>
      <c r="J239" s="53">
        <v>1220803.79</v>
      </c>
      <c r="K239" s="53">
        <v>1220803.79</v>
      </c>
      <c r="L239" s="53">
        <v>1220803.79</v>
      </c>
      <c r="M239" s="53">
        <v>1220803.79</v>
      </c>
      <c r="N239" s="53">
        <v>1220803.79</v>
      </c>
      <c r="O239" s="53">
        <v>1220803.79</v>
      </c>
      <c r="P239" s="53">
        <v>1220803.79</v>
      </c>
      <c r="Q239" s="53">
        <v>1220803.79</v>
      </c>
      <c r="R239" s="53">
        <v>1220803.79</v>
      </c>
      <c r="S239" s="53">
        <v>1220803.79</v>
      </c>
      <c r="T239" s="53">
        <v>1220803.79</v>
      </c>
      <c r="U239" s="53">
        <v>1220803.79</v>
      </c>
      <c r="V239" s="53">
        <v>1220803.79</v>
      </c>
      <c r="W239" s="53">
        <v>1220803.79</v>
      </c>
      <c r="X239" s="53">
        <v>1220803.79</v>
      </c>
      <c r="Y239" s="53">
        <v>1220803.79</v>
      </c>
      <c r="Z239" s="53">
        <v>1220803.79</v>
      </c>
      <c r="AA239" s="53">
        <v>1220803.79</v>
      </c>
      <c r="AB239" s="53">
        <v>1220803.79</v>
      </c>
      <c r="AC239" s="53">
        <v>1220803.79</v>
      </c>
      <c r="AD239" s="53">
        <v>1220803.79</v>
      </c>
      <c r="AE239" s="53">
        <v>1220803.79</v>
      </c>
      <c r="AF239" s="53">
        <v>1220803.79</v>
      </c>
      <c r="AG239" s="53">
        <v>1220803.79</v>
      </c>
      <c r="AH239" s="53">
        <v>1220803.79</v>
      </c>
      <c r="AI239" s="53">
        <v>1220803.79</v>
      </c>
      <c r="AJ239" s="53">
        <v>1220803.79</v>
      </c>
      <c r="AK239" s="53">
        <v>1220803.79</v>
      </c>
      <c r="AL239" s="53">
        <v>1220803.79</v>
      </c>
      <c r="AM239" s="53">
        <v>1220803.79</v>
      </c>
      <c r="AN239" s="53">
        <v>1220803.79</v>
      </c>
      <c r="AO239" s="53">
        <v>1220803.79</v>
      </c>
      <c r="AP239" s="53">
        <v>1220803.79</v>
      </c>
      <c r="AQ239" s="53">
        <v>1220803.79</v>
      </c>
      <c r="AR239" s="53">
        <v>1220803.79</v>
      </c>
      <c r="AS239" s="53">
        <v>1220803.79</v>
      </c>
      <c r="AT239" s="53">
        <v>1220803.79</v>
      </c>
      <c r="AU239" s="53">
        <v>1220803.79</v>
      </c>
      <c r="AV239" s="53">
        <v>1220803.79</v>
      </c>
      <c r="AW239" s="53">
        <v>1220803.79</v>
      </c>
      <c r="AX239" s="53">
        <v>1220803.79</v>
      </c>
      <c r="AY239" s="53">
        <v>1220803.79</v>
      </c>
      <c r="AZ239" s="53">
        <v>1220803.79</v>
      </c>
      <c r="BA239" s="53">
        <v>1220803.79</v>
      </c>
    </row>
    <row r="240" spans="1:53">
      <c r="A240" s="52" t="s">
        <v>429</v>
      </c>
      <c r="B240" s="53">
        <v>0</v>
      </c>
      <c r="C240" s="53">
        <v>0</v>
      </c>
      <c r="D240" s="53">
        <v>0</v>
      </c>
      <c r="E240" s="53">
        <v>0</v>
      </c>
      <c r="F240" s="53">
        <v>0</v>
      </c>
      <c r="G240" s="53">
        <v>0</v>
      </c>
      <c r="H240" s="53">
        <v>0</v>
      </c>
      <c r="I240" s="53">
        <v>0</v>
      </c>
      <c r="J240" s="53">
        <v>0</v>
      </c>
      <c r="K240" s="53">
        <v>0</v>
      </c>
      <c r="L240" s="53">
        <v>0</v>
      </c>
      <c r="M240" s="53">
        <v>0</v>
      </c>
      <c r="N240" s="53">
        <v>0</v>
      </c>
      <c r="O240" s="53">
        <v>0</v>
      </c>
      <c r="P240" s="53">
        <v>0</v>
      </c>
      <c r="Q240" s="53">
        <v>0</v>
      </c>
      <c r="R240" s="53">
        <v>0</v>
      </c>
      <c r="S240" s="53">
        <v>0</v>
      </c>
      <c r="T240" s="53">
        <v>0</v>
      </c>
      <c r="U240" s="53">
        <v>0</v>
      </c>
      <c r="V240" s="53">
        <v>0</v>
      </c>
      <c r="W240" s="53">
        <v>0</v>
      </c>
      <c r="X240" s="53">
        <v>0</v>
      </c>
      <c r="Y240" s="53">
        <v>0</v>
      </c>
      <c r="Z240" s="53">
        <v>0</v>
      </c>
      <c r="AA240" s="53">
        <v>0</v>
      </c>
      <c r="AB240" s="53">
        <v>0</v>
      </c>
      <c r="AC240" s="53">
        <v>0</v>
      </c>
      <c r="AD240" s="53">
        <v>0</v>
      </c>
      <c r="AE240" s="53">
        <v>0</v>
      </c>
      <c r="AF240" s="53">
        <v>0</v>
      </c>
      <c r="AG240" s="53">
        <v>0</v>
      </c>
      <c r="AH240" s="53">
        <v>0</v>
      </c>
      <c r="AI240" s="53">
        <v>0</v>
      </c>
      <c r="AJ240" s="53">
        <v>0</v>
      </c>
      <c r="AK240" s="53">
        <v>0</v>
      </c>
      <c r="AL240" s="53">
        <v>0</v>
      </c>
      <c r="AM240" s="53">
        <v>0</v>
      </c>
      <c r="AN240" s="53">
        <v>0</v>
      </c>
      <c r="AO240" s="53">
        <v>0</v>
      </c>
      <c r="AP240" s="53">
        <v>0</v>
      </c>
      <c r="AQ240" s="53">
        <v>0</v>
      </c>
      <c r="AR240" s="53">
        <v>0</v>
      </c>
      <c r="AS240" s="53">
        <v>0</v>
      </c>
      <c r="AT240" s="53">
        <v>0</v>
      </c>
      <c r="AU240" s="53">
        <v>0</v>
      </c>
      <c r="AV240" s="53">
        <v>0</v>
      </c>
      <c r="AW240" s="53">
        <v>0</v>
      </c>
      <c r="AX240" s="53">
        <v>0</v>
      </c>
      <c r="AY240" s="53">
        <v>0</v>
      </c>
      <c r="AZ240" s="53">
        <v>0</v>
      </c>
      <c r="BA240" s="53">
        <v>0</v>
      </c>
    </row>
    <row r="241" spans="1:53">
      <c r="A241" s="52" t="s">
        <v>430</v>
      </c>
      <c r="B241" s="53">
        <v>678278724.11106098</v>
      </c>
      <c r="C241" s="53">
        <v>539305001.01149797</v>
      </c>
      <c r="D241" s="53">
        <v>519261471.92337799</v>
      </c>
      <c r="E241" s="53">
        <v>501764619.02895498</v>
      </c>
      <c r="F241" s="53">
        <v>584368593.99737895</v>
      </c>
      <c r="G241" s="53">
        <v>631751272.672701</v>
      </c>
      <c r="H241" s="53">
        <v>636826384.06918895</v>
      </c>
      <c r="I241" s="53">
        <v>730412363.05248106</v>
      </c>
      <c r="J241" s="53">
        <v>621663695.57650101</v>
      </c>
      <c r="K241" s="53">
        <v>505393750.28476202</v>
      </c>
      <c r="L241" s="53">
        <v>474865335.36398798</v>
      </c>
      <c r="M241" s="53">
        <v>481097013.512402</v>
      </c>
      <c r="N241" s="53">
        <v>481097013.512402</v>
      </c>
      <c r="O241" s="53">
        <v>581466205.44461405</v>
      </c>
      <c r="P241" s="53">
        <v>449751819.13375902</v>
      </c>
      <c r="Q241" s="53">
        <v>434281972.67049098</v>
      </c>
      <c r="R241" s="53">
        <v>443735709.93629402</v>
      </c>
      <c r="S241" s="53">
        <v>518305841.04924601</v>
      </c>
      <c r="T241" s="53">
        <v>559404119.88648903</v>
      </c>
      <c r="U241" s="53">
        <v>564592031.08659196</v>
      </c>
      <c r="V241" s="53">
        <v>643814481.02907503</v>
      </c>
      <c r="W241" s="53">
        <v>552372155.77281904</v>
      </c>
      <c r="X241" s="53">
        <v>451093421.33529198</v>
      </c>
      <c r="Y241" s="53">
        <v>426501504.59364301</v>
      </c>
      <c r="Z241" s="53">
        <v>432767064.63899201</v>
      </c>
      <c r="AA241" s="53">
        <v>432767064.63899201</v>
      </c>
      <c r="AB241" s="53">
        <v>577321567.07399499</v>
      </c>
      <c r="AC241" s="53">
        <v>453116012.29359502</v>
      </c>
      <c r="AD241" s="53">
        <v>438490339.67860401</v>
      </c>
      <c r="AE241" s="53">
        <v>447646888.36962801</v>
      </c>
      <c r="AF241" s="53">
        <v>521748951.69928402</v>
      </c>
      <c r="AG241" s="53">
        <v>564505990.55779696</v>
      </c>
      <c r="AH241" s="53">
        <v>569821090.18412697</v>
      </c>
      <c r="AI241" s="53">
        <v>648209003.42184806</v>
      </c>
      <c r="AJ241" s="53">
        <v>557795805.77611303</v>
      </c>
      <c r="AK241" s="53">
        <v>457901653.23947698</v>
      </c>
      <c r="AL241" s="53">
        <v>432109545.45328403</v>
      </c>
      <c r="AM241" s="53">
        <v>438959381.27058601</v>
      </c>
      <c r="AN241" s="53">
        <v>438959381.27058601</v>
      </c>
      <c r="AO241" s="53">
        <v>582936792.72289097</v>
      </c>
      <c r="AP241" s="53">
        <v>459224608.66739601</v>
      </c>
      <c r="AQ241" s="53">
        <v>443913802.52093101</v>
      </c>
      <c r="AR241" s="53">
        <v>452948204.921336</v>
      </c>
      <c r="AS241" s="53">
        <v>527704686.57678902</v>
      </c>
      <c r="AT241" s="53">
        <v>571597495.66972601</v>
      </c>
      <c r="AU241" s="53">
        <v>577342244.67830896</v>
      </c>
      <c r="AV241" s="53">
        <v>655447915.243595</v>
      </c>
      <c r="AW241" s="53">
        <v>565907829.89001298</v>
      </c>
      <c r="AX241" s="53">
        <v>466182682.32853502</v>
      </c>
      <c r="AY241" s="53">
        <v>440701729.07340401</v>
      </c>
      <c r="AZ241" s="53">
        <v>447816162.70092499</v>
      </c>
      <c r="BA241" s="53">
        <v>447816162.70092499</v>
      </c>
    </row>
    <row r="242" spans="1:53">
      <c r="A242" s="52" t="s">
        <v>431</v>
      </c>
      <c r="B242" s="53">
        <v>0</v>
      </c>
      <c r="C242" s="53">
        <v>0</v>
      </c>
      <c r="D242" s="53">
        <v>0</v>
      </c>
      <c r="E242" s="53">
        <v>0</v>
      </c>
      <c r="F242" s="53">
        <v>0</v>
      </c>
      <c r="G242" s="53">
        <v>0</v>
      </c>
      <c r="H242" s="53">
        <v>0</v>
      </c>
      <c r="I242" s="53">
        <v>0</v>
      </c>
      <c r="J242" s="53">
        <v>0</v>
      </c>
      <c r="K242" s="53">
        <v>0</v>
      </c>
      <c r="L242" s="53">
        <v>0</v>
      </c>
      <c r="M242" s="53">
        <v>0</v>
      </c>
      <c r="N242" s="53">
        <v>0</v>
      </c>
      <c r="O242" s="53">
        <v>0</v>
      </c>
      <c r="P242" s="53">
        <v>0</v>
      </c>
      <c r="Q242" s="53">
        <v>0</v>
      </c>
      <c r="R242" s="53">
        <v>0</v>
      </c>
      <c r="S242" s="53">
        <v>0</v>
      </c>
      <c r="T242" s="53">
        <v>0</v>
      </c>
      <c r="U242" s="53">
        <v>0</v>
      </c>
      <c r="V242" s="53">
        <v>0</v>
      </c>
      <c r="W242" s="53">
        <v>0</v>
      </c>
      <c r="X242" s="53">
        <v>0</v>
      </c>
      <c r="Y242" s="53">
        <v>0</v>
      </c>
      <c r="Z242" s="53">
        <v>0</v>
      </c>
      <c r="AA242" s="53">
        <v>0</v>
      </c>
      <c r="AB242" s="53">
        <v>0</v>
      </c>
      <c r="AC242" s="53">
        <v>0</v>
      </c>
      <c r="AD242" s="53">
        <v>0</v>
      </c>
      <c r="AE242" s="53">
        <v>0</v>
      </c>
      <c r="AF242" s="53">
        <v>0</v>
      </c>
      <c r="AG242" s="53">
        <v>0</v>
      </c>
      <c r="AH242" s="53">
        <v>0</v>
      </c>
      <c r="AI242" s="53">
        <v>0</v>
      </c>
      <c r="AJ242" s="53">
        <v>0</v>
      </c>
      <c r="AK242" s="53">
        <v>0</v>
      </c>
      <c r="AL242" s="53">
        <v>0</v>
      </c>
      <c r="AM242" s="53">
        <v>0</v>
      </c>
      <c r="AN242" s="53">
        <v>0</v>
      </c>
      <c r="AO242" s="53">
        <v>0</v>
      </c>
      <c r="AP242" s="53">
        <v>0</v>
      </c>
      <c r="AQ242" s="53">
        <v>0</v>
      </c>
      <c r="AR242" s="53">
        <v>0</v>
      </c>
      <c r="AS242" s="53">
        <v>0</v>
      </c>
      <c r="AT242" s="53">
        <v>0</v>
      </c>
      <c r="AU242" s="53">
        <v>0</v>
      </c>
      <c r="AV242" s="53">
        <v>0</v>
      </c>
      <c r="AW242" s="53">
        <v>0</v>
      </c>
      <c r="AX242" s="53">
        <v>0</v>
      </c>
      <c r="AY242" s="53">
        <v>0</v>
      </c>
      <c r="AZ242" s="53">
        <v>0</v>
      </c>
      <c r="BA242" s="53">
        <v>0</v>
      </c>
    </row>
    <row r="243" spans="1:53">
      <c r="A243" s="52" t="s">
        <v>432</v>
      </c>
      <c r="B243" s="53">
        <v>7710492.0099999998</v>
      </c>
      <c r="C243" s="53">
        <v>7710492.0099999998</v>
      </c>
      <c r="D243" s="53">
        <v>7710492.0099999998</v>
      </c>
      <c r="E243" s="53">
        <v>7710492.0099999998</v>
      </c>
      <c r="F243" s="53">
        <v>7710492.0099999998</v>
      </c>
      <c r="G243" s="53">
        <v>7710492.0099999998</v>
      </c>
      <c r="H243" s="53">
        <v>7710492.0099999998</v>
      </c>
      <c r="I243" s="53">
        <v>7710492.0099999998</v>
      </c>
      <c r="J243" s="53">
        <v>7710492.0099999998</v>
      </c>
      <c r="K243" s="53">
        <v>7710492.0099999998</v>
      </c>
      <c r="L243" s="53">
        <v>7710492.0099999998</v>
      </c>
      <c r="M243" s="53">
        <v>7710492.0099999998</v>
      </c>
      <c r="N243" s="53">
        <v>7710492.0099999998</v>
      </c>
      <c r="O243" s="53">
        <v>7710492.0099999998</v>
      </c>
      <c r="P243" s="53">
        <v>7710492.0099999998</v>
      </c>
      <c r="Q243" s="53">
        <v>7710492.0099999998</v>
      </c>
      <c r="R243" s="53">
        <v>7710492.0099999998</v>
      </c>
      <c r="S243" s="53">
        <v>7710492.0099999998</v>
      </c>
      <c r="T243" s="53">
        <v>7710492.0099999998</v>
      </c>
      <c r="U243" s="53">
        <v>7710492.0099999998</v>
      </c>
      <c r="V243" s="53">
        <v>7710492.0099999998</v>
      </c>
      <c r="W243" s="53">
        <v>7710492.0099999998</v>
      </c>
      <c r="X243" s="53">
        <v>7710492.0099999998</v>
      </c>
      <c r="Y243" s="53">
        <v>7710492.0099999998</v>
      </c>
      <c r="Z243" s="53">
        <v>7710492.0099999998</v>
      </c>
      <c r="AA243" s="53">
        <v>7710492.0099999998</v>
      </c>
      <c r="AB243" s="53">
        <v>7710492.0099999998</v>
      </c>
      <c r="AC243" s="53">
        <v>7710492.0099999998</v>
      </c>
      <c r="AD243" s="53">
        <v>7710492.0099999998</v>
      </c>
      <c r="AE243" s="53">
        <v>7710492.0099999998</v>
      </c>
      <c r="AF243" s="53">
        <v>7710492.0099999998</v>
      </c>
      <c r="AG243" s="53">
        <v>7710492.0099999998</v>
      </c>
      <c r="AH243" s="53">
        <v>7710492.0099999998</v>
      </c>
      <c r="AI243" s="53">
        <v>7710492.0099999998</v>
      </c>
      <c r="AJ243" s="53">
        <v>7710492.0099999998</v>
      </c>
      <c r="AK243" s="53">
        <v>7710492.0099999998</v>
      </c>
      <c r="AL243" s="53">
        <v>7710492.0099999998</v>
      </c>
      <c r="AM243" s="53">
        <v>7710492.0099999998</v>
      </c>
      <c r="AN243" s="53">
        <v>7710492.0099999998</v>
      </c>
      <c r="AO243" s="53">
        <v>7710492.0099999998</v>
      </c>
      <c r="AP243" s="53">
        <v>7710492.0099999998</v>
      </c>
      <c r="AQ243" s="53">
        <v>7710492.0099999998</v>
      </c>
      <c r="AR243" s="53">
        <v>7710492.0099999998</v>
      </c>
      <c r="AS243" s="53">
        <v>7710492.0099999998</v>
      </c>
      <c r="AT243" s="53">
        <v>7710492.0099999998</v>
      </c>
      <c r="AU243" s="53">
        <v>7710492.0099999998</v>
      </c>
      <c r="AV243" s="53">
        <v>7710492.0099999998</v>
      </c>
      <c r="AW243" s="53">
        <v>7710492.0099999998</v>
      </c>
      <c r="AX243" s="53">
        <v>7710492.0099999998</v>
      </c>
      <c r="AY243" s="53">
        <v>7710492.0099999998</v>
      </c>
      <c r="AZ243" s="53">
        <v>7710492.0099999998</v>
      </c>
      <c r="BA243" s="53">
        <v>7710492.0099999998</v>
      </c>
    </row>
    <row r="244" spans="1:53">
      <c r="A244" s="52" t="s">
        <v>433</v>
      </c>
      <c r="B244" s="53">
        <v>561369.27</v>
      </c>
      <c r="C244" s="53">
        <v>561369.27</v>
      </c>
      <c r="D244" s="53">
        <v>561369.27</v>
      </c>
      <c r="E244" s="53">
        <v>561369.27</v>
      </c>
      <c r="F244" s="53">
        <v>561369.27</v>
      </c>
      <c r="G244" s="53">
        <v>561369.27</v>
      </c>
      <c r="H244" s="53">
        <v>561369.27</v>
      </c>
      <c r="I244" s="53">
        <v>561369.27</v>
      </c>
      <c r="J244" s="53">
        <v>561369.27</v>
      </c>
      <c r="K244" s="53">
        <v>561369.27</v>
      </c>
      <c r="L244" s="53">
        <v>561369.27</v>
      </c>
      <c r="M244" s="53">
        <v>561369.27</v>
      </c>
      <c r="N244" s="53">
        <v>561369.27</v>
      </c>
      <c r="O244" s="53">
        <v>561369.27</v>
      </c>
      <c r="P244" s="53">
        <v>561369.27</v>
      </c>
      <c r="Q244" s="53">
        <v>561369.27</v>
      </c>
      <c r="R244" s="53">
        <v>561369.27</v>
      </c>
      <c r="S244" s="53">
        <v>561369.27</v>
      </c>
      <c r="T244" s="53">
        <v>561369.27</v>
      </c>
      <c r="U244" s="53">
        <v>561369.27</v>
      </c>
      <c r="V244" s="53">
        <v>561369.27</v>
      </c>
      <c r="W244" s="53">
        <v>561369.27</v>
      </c>
      <c r="X244" s="53">
        <v>561369.27</v>
      </c>
      <c r="Y244" s="53">
        <v>561369.27</v>
      </c>
      <c r="Z244" s="53">
        <v>561369.27</v>
      </c>
      <c r="AA244" s="53">
        <v>561369.27</v>
      </c>
      <c r="AB244" s="53">
        <v>561369.27</v>
      </c>
      <c r="AC244" s="53">
        <v>561369.27</v>
      </c>
      <c r="AD244" s="53">
        <v>561369.27</v>
      </c>
      <c r="AE244" s="53">
        <v>561369.27</v>
      </c>
      <c r="AF244" s="53">
        <v>561369.27</v>
      </c>
      <c r="AG244" s="53">
        <v>561369.27</v>
      </c>
      <c r="AH244" s="53">
        <v>561369.27</v>
      </c>
      <c r="AI244" s="53">
        <v>561369.27</v>
      </c>
      <c r="AJ244" s="53">
        <v>561369.27</v>
      </c>
      <c r="AK244" s="53">
        <v>561369.27</v>
      </c>
      <c r="AL244" s="53">
        <v>561369.27</v>
      </c>
      <c r="AM244" s="53">
        <v>561369.27</v>
      </c>
      <c r="AN244" s="53">
        <v>561369.27</v>
      </c>
      <c r="AO244" s="53">
        <v>561369.27</v>
      </c>
      <c r="AP244" s="53">
        <v>561369.27</v>
      </c>
      <c r="AQ244" s="53">
        <v>561369.27</v>
      </c>
      <c r="AR244" s="53">
        <v>561369.27</v>
      </c>
      <c r="AS244" s="53">
        <v>561369.27</v>
      </c>
      <c r="AT244" s="53">
        <v>561369.27</v>
      </c>
      <c r="AU244" s="53">
        <v>561369.27</v>
      </c>
      <c r="AV244" s="53">
        <v>561369.27</v>
      </c>
      <c r="AW244" s="53">
        <v>561369.27</v>
      </c>
      <c r="AX244" s="53">
        <v>561369.27</v>
      </c>
      <c r="AY244" s="53">
        <v>561369.27</v>
      </c>
      <c r="AZ244" s="53">
        <v>561369.27</v>
      </c>
      <c r="BA244" s="53">
        <v>561369.27</v>
      </c>
    </row>
    <row r="245" spans="1:53">
      <c r="A245" s="52" t="s">
        <v>434</v>
      </c>
      <c r="B245" s="53">
        <v>24260720.539999999</v>
      </c>
      <c r="C245" s="53">
        <v>24260720.539999999</v>
      </c>
      <c r="D245" s="53">
        <v>24260720.539999999</v>
      </c>
      <c r="E245" s="53">
        <v>24260720.539999999</v>
      </c>
      <c r="F245" s="53">
        <v>24260720.539999999</v>
      </c>
      <c r="G245" s="53">
        <v>24260720.539999999</v>
      </c>
      <c r="H245" s="53">
        <v>24260720.539999999</v>
      </c>
      <c r="I245" s="53">
        <v>24260720.539999999</v>
      </c>
      <c r="J245" s="53">
        <v>24260720.539999999</v>
      </c>
      <c r="K245" s="53">
        <v>24260720.539999999</v>
      </c>
      <c r="L245" s="53">
        <v>24260720.539999999</v>
      </c>
      <c r="M245" s="53">
        <v>24260720.539999999</v>
      </c>
      <c r="N245" s="53">
        <v>24260720.539999999</v>
      </c>
      <c r="O245" s="53">
        <v>24260720.539999999</v>
      </c>
      <c r="P245" s="53">
        <v>24260720.539999999</v>
      </c>
      <c r="Q245" s="53">
        <v>24260720.539999999</v>
      </c>
      <c r="R245" s="53">
        <v>24260720.539999999</v>
      </c>
      <c r="S245" s="53">
        <v>24260720.539999999</v>
      </c>
      <c r="T245" s="53">
        <v>24260720.539999999</v>
      </c>
      <c r="U245" s="53">
        <v>24260720.539999999</v>
      </c>
      <c r="V245" s="53">
        <v>24260720.539999999</v>
      </c>
      <c r="W245" s="53">
        <v>24260720.539999999</v>
      </c>
      <c r="X245" s="53">
        <v>24260720.539999999</v>
      </c>
      <c r="Y245" s="53">
        <v>24260720.539999999</v>
      </c>
      <c r="Z245" s="53">
        <v>24260720.539999999</v>
      </c>
      <c r="AA245" s="53">
        <v>24260720.539999999</v>
      </c>
      <c r="AB245" s="53">
        <v>24260720.539999999</v>
      </c>
      <c r="AC245" s="53">
        <v>24260720.539999999</v>
      </c>
      <c r="AD245" s="53">
        <v>24260720.539999999</v>
      </c>
      <c r="AE245" s="53">
        <v>24260720.539999999</v>
      </c>
      <c r="AF245" s="53">
        <v>24260720.539999999</v>
      </c>
      <c r="AG245" s="53">
        <v>24260720.539999999</v>
      </c>
      <c r="AH245" s="53">
        <v>24260720.539999999</v>
      </c>
      <c r="AI245" s="53">
        <v>24260720.539999999</v>
      </c>
      <c r="AJ245" s="53">
        <v>24260720.539999999</v>
      </c>
      <c r="AK245" s="53">
        <v>24260720.539999999</v>
      </c>
      <c r="AL245" s="53">
        <v>24260720.539999999</v>
      </c>
      <c r="AM245" s="53">
        <v>24260720.539999999</v>
      </c>
      <c r="AN245" s="53">
        <v>24260720.539999999</v>
      </c>
      <c r="AO245" s="53">
        <v>24260720.539999999</v>
      </c>
      <c r="AP245" s="53">
        <v>24260720.539999999</v>
      </c>
      <c r="AQ245" s="53">
        <v>24260720.539999999</v>
      </c>
      <c r="AR245" s="53">
        <v>24260720.539999999</v>
      </c>
      <c r="AS245" s="53">
        <v>24260720.539999999</v>
      </c>
      <c r="AT245" s="53">
        <v>24260720.539999999</v>
      </c>
      <c r="AU245" s="53">
        <v>24260720.539999999</v>
      </c>
      <c r="AV245" s="53">
        <v>24260720.539999999</v>
      </c>
      <c r="AW245" s="53">
        <v>24260720.539999999</v>
      </c>
      <c r="AX245" s="53">
        <v>24260720.539999999</v>
      </c>
      <c r="AY245" s="53">
        <v>24260720.539999999</v>
      </c>
      <c r="AZ245" s="53">
        <v>24260720.539999999</v>
      </c>
      <c r="BA245" s="53">
        <v>24260720.539999999</v>
      </c>
    </row>
    <row r="246" spans="1:53">
      <c r="A246" s="52" t="s">
        <v>435</v>
      </c>
      <c r="B246" s="53">
        <v>4593194.51</v>
      </c>
      <c r="C246" s="53">
        <v>4593194.51</v>
      </c>
      <c r="D246" s="53">
        <v>4593194.51</v>
      </c>
      <c r="E246" s="53">
        <v>4593194.51</v>
      </c>
      <c r="F246" s="53">
        <v>4593194.51</v>
      </c>
      <c r="G246" s="53">
        <v>4593194.51</v>
      </c>
      <c r="H246" s="53">
        <v>4593194.51</v>
      </c>
      <c r="I246" s="53">
        <v>4593194.51</v>
      </c>
      <c r="J246" s="53">
        <v>4593194.51</v>
      </c>
      <c r="K246" s="53">
        <v>4593194.51</v>
      </c>
      <c r="L246" s="53">
        <v>4593194.51</v>
      </c>
      <c r="M246" s="53">
        <v>4593194.51</v>
      </c>
      <c r="N246" s="53">
        <v>4593194.51</v>
      </c>
      <c r="O246" s="53">
        <v>4593194.51</v>
      </c>
      <c r="P246" s="53">
        <v>4593194.51</v>
      </c>
      <c r="Q246" s="53">
        <v>4593194.51</v>
      </c>
      <c r="R246" s="53">
        <v>4593194.51</v>
      </c>
      <c r="S246" s="53">
        <v>4593194.51</v>
      </c>
      <c r="T246" s="53">
        <v>4593194.51</v>
      </c>
      <c r="U246" s="53">
        <v>4593194.51</v>
      </c>
      <c r="V246" s="53">
        <v>4593194.51</v>
      </c>
      <c r="W246" s="53">
        <v>4593194.51</v>
      </c>
      <c r="X246" s="53">
        <v>4593194.51</v>
      </c>
      <c r="Y246" s="53">
        <v>4593194.51</v>
      </c>
      <c r="Z246" s="53">
        <v>4593194.51</v>
      </c>
      <c r="AA246" s="53">
        <v>4593194.51</v>
      </c>
      <c r="AB246" s="53">
        <v>4593194.51</v>
      </c>
      <c r="AC246" s="53">
        <v>4593194.51</v>
      </c>
      <c r="AD246" s="53">
        <v>4593194.51</v>
      </c>
      <c r="AE246" s="53">
        <v>4593194.51</v>
      </c>
      <c r="AF246" s="53">
        <v>4593194.51</v>
      </c>
      <c r="AG246" s="53">
        <v>4593194.51</v>
      </c>
      <c r="AH246" s="53">
        <v>4593194.51</v>
      </c>
      <c r="AI246" s="53">
        <v>4593194.51</v>
      </c>
      <c r="AJ246" s="53">
        <v>4593194.51</v>
      </c>
      <c r="AK246" s="53">
        <v>4593194.51</v>
      </c>
      <c r="AL246" s="53">
        <v>4593194.51</v>
      </c>
      <c r="AM246" s="53">
        <v>4593194.51</v>
      </c>
      <c r="AN246" s="53">
        <v>4593194.51</v>
      </c>
      <c r="AO246" s="53">
        <v>4593194.51</v>
      </c>
      <c r="AP246" s="53">
        <v>4593194.51</v>
      </c>
      <c r="AQ246" s="53">
        <v>4593194.51</v>
      </c>
      <c r="AR246" s="53">
        <v>4593194.51</v>
      </c>
      <c r="AS246" s="53">
        <v>4593194.51</v>
      </c>
      <c r="AT246" s="53">
        <v>4593194.51</v>
      </c>
      <c r="AU246" s="53">
        <v>4593194.51</v>
      </c>
      <c r="AV246" s="53">
        <v>4593194.51</v>
      </c>
      <c r="AW246" s="53">
        <v>4593194.51</v>
      </c>
      <c r="AX246" s="53">
        <v>4593194.51</v>
      </c>
      <c r="AY246" s="53">
        <v>4593194.51</v>
      </c>
      <c r="AZ246" s="53">
        <v>4593194.51</v>
      </c>
      <c r="BA246" s="53">
        <v>4593194.51</v>
      </c>
    </row>
    <row r="247" spans="1:53">
      <c r="A247" s="52" t="s">
        <v>436</v>
      </c>
      <c r="B247" s="53">
        <v>31948246.449999999</v>
      </c>
      <c r="C247" s="53">
        <v>31948246.449999999</v>
      </c>
      <c r="D247" s="53">
        <v>31948246.449999999</v>
      </c>
      <c r="E247" s="53">
        <v>31948246.449999999</v>
      </c>
      <c r="F247" s="53">
        <v>31948246.449999999</v>
      </c>
      <c r="G247" s="53">
        <v>31948246.449999999</v>
      </c>
      <c r="H247" s="53">
        <v>31948246.449999999</v>
      </c>
      <c r="I247" s="53">
        <v>31948246.449999999</v>
      </c>
      <c r="J247" s="53">
        <v>31948246.449999999</v>
      </c>
      <c r="K247" s="53">
        <v>31948246.449999999</v>
      </c>
      <c r="L247" s="53">
        <v>31948246.449999999</v>
      </c>
      <c r="M247" s="53">
        <v>31948246.449999999</v>
      </c>
      <c r="N247" s="53">
        <v>31948246.449999999</v>
      </c>
      <c r="O247" s="53">
        <v>31948246.449999999</v>
      </c>
      <c r="P247" s="53">
        <v>31948246.449999999</v>
      </c>
      <c r="Q247" s="53">
        <v>31948246.449999999</v>
      </c>
      <c r="R247" s="53">
        <v>31948246.449999999</v>
      </c>
      <c r="S247" s="53">
        <v>31948246.449999999</v>
      </c>
      <c r="T247" s="53">
        <v>31948246.449999999</v>
      </c>
      <c r="U247" s="53">
        <v>31948246.449999999</v>
      </c>
      <c r="V247" s="53">
        <v>31948246.449999999</v>
      </c>
      <c r="W247" s="53">
        <v>31948246.449999999</v>
      </c>
      <c r="X247" s="53">
        <v>31948246.449999999</v>
      </c>
      <c r="Y247" s="53">
        <v>31948246.449999999</v>
      </c>
      <c r="Z247" s="53">
        <v>31948246.449999999</v>
      </c>
      <c r="AA247" s="53">
        <v>31948246.449999999</v>
      </c>
      <c r="AB247" s="53">
        <v>31948246.449999999</v>
      </c>
      <c r="AC247" s="53">
        <v>31948246.449999999</v>
      </c>
      <c r="AD247" s="53">
        <v>31948246.449999999</v>
      </c>
      <c r="AE247" s="53">
        <v>31948246.449999999</v>
      </c>
      <c r="AF247" s="53">
        <v>31948246.449999999</v>
      </c>
      <c r="AG247" s="53">
        <v>31948246.449999999</v>
      </c>
      <c r="AH247" s="53">
        <v>31948246.449999999</v>
      </c>
      <c r="AI247" s="53">
        <v>31948246.449999999</v>
      </c>
      <c r="AJ247" s="53">
        <v>31948246.449999999</v>
      </c>
      <c r="AK247" s="53">
        <v>31948246.449999999</v>
      </c>
      <c r="AL247" s="53">
        <v>31948246.449999999</v>
      </c>
      <c r="AM247" s="53">
        <v>31948246.449999999</v>
      </c>
      <c r="AN247" s="53">
        <v>31948246.449999999</v>
      </c>
      <c r="AO247" s="53">
        <v>31948246.449999999</v>
      </c>
      <c r="AP247" s="53">
        <v>31948246.449999999</v>
      </c>
      <c r="AQ247" s="53">
        <v>31948246.449999999</v>
      </c>
      <c r="AR247" s="53">
        <v>31948246.449999999</v>
      </c>
      <c r="AS247" s="53">
        <v>31948246.449999999</v>
      </c>
      <c r="AT247" s="53">
        <v>31948246.449999999</v>
      </c>
      <c r="AU247" s="53">
        <v>31948246.449999999</v>
      </c>
      <c r="AV247" s="53">
        <v>31948246.449999999</v>
      </c>
      <c r="AW247" s="53">
        <v>31948246.449999999</v>
      </c>
      <c r="AX247" s="53">
        <v>31948246.449999999</v>
      </c>
      <c r="AY247" s="53">
        <v>31948246.449999999</v>
      </c>
      <c r="AZ247" s="53">
        <v>31948246.449999999</v>
      </c>
      <c r="BA247" s="53">
        <v>31948246.449999999</v>
      </c>
    </row>
    <row r="248" spans="1:53">
      <c r="A248" s="52" t="s">
        <v>437</v>
      </c>
      <c r="B248" s="53">
        <v>177432.93999999901</v>
      </c>
      <c r="C248" s="53">
        <v>177432.93999999901</v>
      </c>
      <c r="D248" s="53">
        <v>177432.93999999901</v>
      </c>
      <c r="E248" s="53">
        <v>177432.93999999901</v>
      </c>
      <c r="F248" s="53">
        <v>177432.93999999901</v>
      </c>
      <c r="G248" s="53">
        <v>177432.93999999901</v>
      </c>
      <c r="H248" s="53">
        <v>177432.93999999901</v>
      </c>
      <c r="I248" s="53">
        <v>177432.93999999901</v>
      </c>
      <c r="J248" s="53">
        <v>177432.93999999901</v>
      </c>
      <c r="K248" s="53">
        <v>177432.93999999901</v>
      </c>
      <c r="L248" s="53">
        <v>177432.93999999901</v>
      </c>
      <c r="M248" s="53">
        <v>177432.93999999901</v>
      </c>
      <c r="N248" s="53">
        <v>177432.93999999901</v>
      </c>
      <c r="O248" s="53">
        <v>177432.93999999901</v>
      </c>
      <c r="P248" s="53">
        <v>177432.93999999901</v>
      </c>
      <c r="Q248" s="53">
        <v>177432.93999999901</v>
      </c>
      <c r="R248" s="53">
        <v>177432.93999999901</v>
      </c>
      <c r="S248" s="53">
        <v>177432.93999999901</v>
      </c>
      <c r="T248" s="53">
        <v>177432.93999999901</v>
      </c>
      <c r="U248" s="53">
        <v>177432.93999999901</v>
      </c>
      <c r="V248" s="53">
        <v>177432.93999999901</v>
      </c>
      <c r="W248" s="53">
        <v>177432.93999999901</v>
      </c>
      <c r="X248" s="53">
        <v>177432.93999999901</v>
      </c>
      <c r="Y248" s="53">
        <v>177432.93999999901</v>
      </c>
      <c r="Z248" s="53">
        <v>177432.93999999901</v>
      </c>
      <c r="AA248" s="53">
        <v>177432.93999999901</v>
      </c>
      <c r="AB248" s="53">
        <v>177432.93999999901</v>
      </c>
      <c r="AC248" s="53">
        <v>177432.93999999901</v>
      </c>
      <c r="AD248" s="53">
        <v>177432.93999999901</v>
      </c>
      <c r="AE248" s="53">
        <v>177432.93999999901</v>
      </c>
      <c r="AF248" s="53">
        <v>177432.93999999901</v>
      </c>
      <c r="AG248" s="53">
        <v>177432.93999999901</v>
      </c>
      <c r="AH248" s="53">
        <v>177432.93999999901</v>
      </c>
      <c r="AI248" s="53">
        <v>177432.93999999901</v>
      </c>
      <c r="AJ248" s="53">
        <v>177432.93999999901</v>
      </c>
      <c r="AK248" s="53">
        <v>177432.93999999901</v>
      </c>
      <c r="AL248" s="53">
        <v>177432.93999999901</v>
      </c>
      <c r="AM248" s="53">
        <v>177432.93999999901</v>
      </c>
      <c r="AN248" s="53">
        <v>177432.93999999901</v>
      </c>
      <c r="AO248" s="53">
        <v>177432.93999999901</v>
      </c>
      <c r="AP248" s="53">
        <v>177432.93999999901</v>
      </c>
      <c r="AQ248" s="53">
        <v>177432.93999999901</v>
      </c>
      <c r="AR248" s="53">
        <v>177432.93999999901</v>
      </c>
      <c r="AS248" s="53">
        <v>177432.93999999901</v>
      </c>
      <c r="AT248" s="53">
        <v>177432.93999999901</v>
      </c>
      <c r="AU248" s="53">
        <v>177432.93999999901</v>
      </c>
      <c r="AV248" s="53">
        <v>177432.93999999901</v>
      </c>
      <c r="AW248" s="53">
        <v>177432.93999999901</v>
      </c>
      <c r="AX248" s="53">
        <v>177432.93999999901</v>
      </c>
      <c r="AY248" s="53">
        <v>177432.93999999901</v>
      </c>
      <c r="AZ248" s="53">
        <v>177432.93999999901</v>
      </c>
      <c r="BA248" s="53">
        <v>177432.93999999901</v>
      </c>
    </row>
    <row r="249" spans="1:53">
      <c r="A249" s="52" t="s">
        <v>438</v>
      </c>
      <c r="B249" s="53">
        <v>5203569.6499999901</v>
      </c>
      <c r="C249" s="53">
        <v>5203569.6499999901</v>
      </c>
      <c r="D249" s="53">
        <v>5203569.6499999901</v>
      </c>
      <c r="E249" s="53">
        <v>5203569.6499999901</v>
      </c>
      <c r="F249" s="53">
        <v>5203569.6499999901</v>
      </c>
      <c r="G249" s="53">
        <v>5203569.6499999901</v>
      </c>
      <c r="H249" s="53">
        <v>5203569.6499999901</v>
      </c>
      <c r="I249" s="53">
        <v>5203569.6499999901</v>
      </c>
      <c r="J249" s="53">
        <v>5203569.6499999901</v>
      </c>
      <c r="K249" s="53">
        <v>5203569.6499999901</v>
      </c>
      <c r="L249" s="53">
        <v>5203569.6499999901</v>
      </c>
      <c r="M249" s="53">
        <v>5203569.6499999901</v>
      </c>
      <c r="N249" s="53">
        <v>5203569.6499999901</v>
      </c>
      <c r="O249" s="53">
        <v>5203569.6499999901</v>
      </c>
      <c r="P249" s="53">
        <v>5203569.6499999901</v>
      </c>
      <c r="Q249" s="53">
        <v>5203569.6499999901</v>
      </c>
      <c r="R249" s="53">
        <v>5203569.6499999901</v>
      </c>
      <c r="S249" s="53">
        <v>5203569.6499999901</v>
      </c>
      <c r="T249" s="53">
        <v>5203569.6499999901</v>
      </c>
      <c r="U249" s="53">
        <v>5203569.6499999901</v>
      </c>
      <c r="V249" s="53">
        <v>5203569.6499999901</v>
      </c>
      <c r="W249" s="53">
        <v>5203569.6499999901</v>
      </c>
      <c r="X249" s="53">
        <v>5203569.6499999901</v>
      </c>
      <c r="Y249" s="53">
        <v>5203569.6499999901</v>
      </c>
      <c r="Z249" s="53">
        <v>5203569.6499999901</v>
      </c>
      <c r="AA249" s="53">
        <v>5203569.6499999901</v>
      </c>
      <c r="AB249" s="53">
        <v>5203569.6499999901</v>
      </c>
      <c r="AC249" s="53">
        <v>5203569.6499999901</v>
      </c>
      <c r="AD249" s="53">
        <v>5203569.6499999901</v>
      </c>
      <c r="AE249" s="53">
        <v>5203569.6499999901</v>
      </c>
      <c r="AF249" s="53">
        <v>5203569.6499999901</v>
      </c>
      <c r="AG249" s="53">
        <v>5203569.6499999901</v>
      </c>
      <c r="AH249" s="53">
        <v>5203569.6499999901</v>
      </c>
      <c r="AI249" s="53">
        <v>5203569.6499999901</v>
      </c>
      <c r="AJ249" s="53">
        <v>5203569.6499999901</v>
      </c>
      <c r="AK249" s="53">
        <v>5203569.6499999901</v>
      </c>
      <c r="AL249" s="53">
        <v>5203569.6499999901</v>
      </c>
      <c r="AM249" s="53">
        <v>5203569.6499999901</v>
      </c>
      <c r="AN249" s="53">
        <v>5203569.6499999901</v>
      </c>
      <c r="AO249" s="53">
        <v>5203569.6499999901</v>
      </c>
      <c r="AP249" s="53">
        <v>5203569.6499999901</v>
      </c>
      <c r="AQ249" s="53">
        <v>5203569.6499999901</v>
      </c>
      <c r="AR249" s="53">
        <v>5203569.6499999901</v>
      </c>
      <c r="AS249" s="53">
        <v>5203569.6499999901</v>
      </c>
      <c r="AT249" s="53">
        <v>5203569.6499999901</v>
      </c>
      <c r="AU249" s="53">
        <v>5203569.6499999901</v>
      </c>
      <c r="AV249" s="53">
        <v>5203569.6499999901</v>
      </c>
      <c r="AW249" s="53">
        <v>5203569.6499999901</v>
      </c>
      <c r="AX249" s="53">
        <v>5203569.6499999901</v>
      </c>
      <c r="AY249" s="53">
        <v>5203569.6499999901</v>
      </c>
      <c r="AZ249" s="53">
        <v>5203569.6499999901</v>
      </c>
      <c r="BA249" s="53">
        <v>5203569.6499999901</v>
      </c>
    </row>
    <row r="250" spans="1:53">
      <c r="A250" s="52" t="s">
        <v>439</v>
      </c>
      <c r="B250" s="53">
        <v>0</v>
      </c>
      <c r="C250" s="53">
        <v>0</v>
      </c>
      <c r="D250" s="53">
        <v>0</v>
      </c>
      <c r="E250" s="53">
        <v>0</v>
      </c>
      <c r="F250" s="53">
        <v>0</v>
      </c>
      <c r="G250" s="53">
        <v>0</v>
      </c>
      <c r="H250" s="53">
        <v>0</v>
      </c>
      <c r="I250" s="53">
        <v>0</v>
      </c>
      <c r="J250" s="53">
        <v>0</v>
      </c>
      <c r="K250" s="53">
        <v>0</v>
      </c>
      <c r="L250" s="53">
        <v>0</v>
      </c>
      <c r="M250" s="53">
        <v>0</v>
      </c>
      <c r="N250" s="53">
        <v>0</v>
      </c>
      <c r="O250" s="53">
        <v>0</v>
      </c>
      <c r="P250" s="53">
        <v>0</v>
      </c>
      <c r="Q250" s="53">
        <v>0</v>
      </c>
      <c r="R250" s="53">
        <v>0</v>
      </c>
      <c r="S250" s="53">
        <v>0</v>
      </c>
      <c r="T250" s="53">
        <v>0</v>
      </c>
      <c r="U250" s="53">
        <v>0</v>
      </c>
      <c r="V250" s="53">
        <v>0</v>
      </c>
      <c r="W250" s="53">
        <v>0</v>
      </c>
      <c r="X250" s="53">
        <v>0</v>
      </c>
      <c r="Y250" s="53">
        <v>0</v>
      </c>
      <c r="Z250" s="53">
        <v>0</v>
      </c>
      <c r="AA250" s="53">
        <v>0</v>
      </c>
      <c r="AB250" s="53">
        <v>0</v>
      </c>
      <c r="AC250" s="53">
        <v>0</v>
      </c>
      <c r="AD250" s="53">
        <v>0</v>
      </c>
      <c r="AE250" s="53">
        <v>0</v>
      </c>
      <c r="AF250" s="53">
        <v>0</v>
      </c>
      <c r="AG250" s="53">
        <v>0</v>
      </c>
      <c r="AH250" s="53">
        <v>0</v>
      </c>
      <c r="AI250" s="53">
        <v>0</v>
      </c>
      <c r="AJ250" s="53">
        <v>0</v>
      </c>
      <c r="AK250" s="53">
        <v>0</v>
      </c>
      <c r="AL250" s="53">
        <v>0</v>
      </c>
      <c r="AM250" s="53">
        <v>0</v>
      </c>
      <c r="AN250" s="53">
        <v>0</v>
      </c>
      <c r="AO250" s="53">
        <v>0</v>
      </c>
      <c r="AP250" s="53">
        <v>0</v>
      </c>
      <c r="AQ250" s="53">
        <v>0</v>
      </c>
      <c r="AR250" s="53">
        <v>0</v>
      </c>
      <c r="AS250" s="53">
        <v>0</v>
      </c>
      <c r="AT250" s="53">
        <v>0</v>
      </c>
      <c r="AU250" s="53">
        <v>0</v>
      </c>
      <c r="AV250" s="53">
        <v>0</v>
      </c>
      <c r="AW250" s="53">
        <v>0</v>
      </c>
      <c r="AX250" s="53">
        <v>0</v>
      </c>
      <c r="AY250" s="53">
        <v>0</v>
      </c>
      <c r="AZ250" s="53">
        <v>0</v>
      </c>
      <c r="BA250" s="53">
        <v>0</v>
      </c>
    </row>
    <row r="251" spans="1:53">
      <c r="A251" s="52" t="s">
        <v>440</v>
      </c>
      <c r="B251" s="53">
        <v>0</v>
      </c>
      <c r="C251" s="53">
        <v>0</v>
      </c>
      <c r="D251" s="53">
        <v>0</v>
      </c>
      <c r="E251" s="53">
        <v>0</v>
      </c>
      <c r="F251" s="53">
        <v>0</v>
      </c>
      <c r="G251" s="53">
        <v>0</v>
      </c>
      <c r="H251" s="53">
        <v>0</v>
      </c>
      <c r="I251" s="53">
        <v>0</v>
      </c>
      <c r="J251" s="53">
        <v>0</v>
      </c>
      <c r="K251" s="53">
        <v>0</v>
      </c>
      <c r="L251" s="53">
        <v>0</v>
      </c>
      <c r="M251" s="53">
        <v>0</v>
      </c>
      <c r="N251" s="53">
        <v>0</v>
      </c>
      <c r="O251" s="53">
        <v>0</v>
      </c>
      <c r="P251" s="53">
        <v>0</v>
      </c>
      <c r="Q251" s="53">
        <v>0</v>
      </c>
      <c r="R251" s="53">
        <v>0</v>
      </c>
      <c r="S251" s="53">
        <v>0</v>
      </c>
      <c r="T251" s="53">
        <v>0</v>
      </c>
      <c r="U251" s="53">
        <v>0</v>
      </c>
      <c r="V251" s="53">
        <v>0</v>
      </c>
      <c r="W251" s="53">
        <v>0</v>
      </c>
      <c r="X251" s="53">
        <v>0</v>
      </c>
      <c r="Y251" s="53">
        <v>0</v>
      </c>
      <c r="Z251" s="53">
        <v>0</v>
      </c>
      <c r="AA251" s="53">
        <v>0</v>
      </c>
      <c r="AB251" s="53">
        <v>0</v>
      </c>
      <c r="AC251" s="53">
        <v>0</v>
      </c>
      <c r="AD251" s="53">
        <v>0</v>
      </c>
      <c r="AE251" s="53">
        <v>0</v>
      </c>
      <c r="AF251" s="53">
        <v>0</v>
      </c>
      <c r="AG251" s="53">
        <v>0</v>
      </c>
      <c r="AH251" s="53">
        <v>0</v>
      </c>
      <c r="AI251" s="53">
        <v>0</v>
      </c>
      <c r="AJ251" s="53">
        <v>0</v>
      </c>
      <c r="AK251" s="53">
        <v>0</v>
      </c>
      <c r="AL251" s="53">
        <v>0</v>
      </c>
      <c r="AM251" s="53">
        <v>0</v>
      </c>
      <c r="AN251" s="53">
        <v>0</v>
      </c>
      <c r="AO251" s="53">
        <v>0</v>
      </c>
      <c r="AP251" s="53">
        <v>0</v>
      </c>
      <c r="AQ251" s="53">
        <v>0</v>
      </c>
      <c r="AR251" s="53">
        <v>0</v>
      </c>
      <c r="AS251" s="53">
        <v>0</v>
      </c>
      <c r="AT251" s="53">
        <v>0</v>
      </c>
      <c r="AU251" s="53">
        <v>0</v>
      </c>
      <c r="AV251" s="53">
        <v>0</v>
      </c>
      <c r="AW251" s="53">
        <v>0</v>
      </c>
      <c r="AX251" s="53">
        <v>0</v>
      </c>
      <c r="AY251" s="53">
        <v>0</v>
      </c>
      <c r="AZ251" s="53">
        <v>0</v>
      </c>
      <c r="BA251" s="53">
        <v>0</v>
      </c>
    </row>
    <row r="252" spans="1:53">
      <c r="A252" s="52" t="s">
        <v>441</v>
      </c>
      <c r="B252" s="53">
        <v>277680.05</v>
      </c>
      <c r="C252" s="53">
        <v>277680.05</v>
      </c>
      <c r="D252" s="53">
        <v>277680.05</v>
      </c>
      <c r="E252" s="53">
        <v>277680.05</v>
      </c>
      <c r="F252" s="53">
        <v>277680.05</v>
      </c>
      <c r="G252" s="53">
        <v>277680.05</v>
      </c>
      <c r="H252" s="53">
        <v>277680.05</v>
      </c>
      <c r="I252" s="53">
        <v>277680.05</v>
      </c>
      <c r="J252" s="53">
        <v>277680.05</v>
      </c>
      <c r="K252" s="53">
        <v>277680.05</v>
      </c>
      <c r="L252" s="53">
        <v>277680.05</v>
      </c>
      <c r="M252" s="53">
        <v>277680.05</v>
      </c>
      <c r="N252" s="53">
        <v>277680.05</v>
      </c>
      <c r="O252" s="53">
        <v>277680.05</v>
      </c>
      <c r="P252" s="53">
        <v>277680.05</v>
      </c>
      <c r="Q252" s="53">
        <v>277680.05</v>
      </c>
      <c r="R252" s="53">
        <v>277680.05</v>
      </c>
      <c r="S252" s="53">
        <v>277680.05</v>
      </c>
      <c r="T252" s="53">
        <v>277680.05</v>
      </c>
      <c r="U252" s="53">
        <v>277680.05</v>
      </c>
      <c r="V252" s="53">
        <v>277680.05</v>
      </c>
      <c r="W252" s="53">
        <v>277680.05</v>
      </c>
      <c r="X252" s="53">
        <v>277680.05</v>
      </c>
      <c r="Y252" s="53">
        <v>277680.05</v>
      </c>
      <c r="Z252" s="53">
        <v>277680.05</v>
      </c>
      <c r="AA252" s="53">
        <v>277680.05</v>
      </c>
      <c r="AB252" s="53">
        <v>277680.05</v>
      </c>
      <c r="AC252" s="53">
        <v>277680.05</v>
      </c>
      <c r="AD252" s="53">
        <v>277680.05</v>
      </c>
      <c r="AE252" s="53">
        <v>277680.05</v>
      </c>
      <c r="AF252" s="53">
        <v>277680.05</v>
      </c>
      <c r="AG252" s="53">
        <v>277680.05</v>
      </c>
      <c r="AH252" s="53">
        <v>277680.05</v>
      </c>
      <c r="AI252" s="53">
        <v>277680.05</v>
      </c>
      <c r="AJ252" s="53">
        <v>277680.05</v>
      </c>
      <c r="AK252" s="53">
        <v>277680.05</v>
      </c>
      <c r="AL252" s="53">
        <v>277680.05</v>
      </c>
      <c r="AM252" s="53">
        <v>277680.05</v>
      </c>
      <c r="AN252" s="53">
        <v>277680.05</v>
      </c>
      <c r="AO252" s="53">
        <v>277680.05</v>
      </c>
      <c r="AP252" s="53">
        <v>277680.05</v>
      </c>
      <c r="AQ252" s="53">
        <v>277680.05</v>
      </c>
      <c r="AR252" s="53">
        <v>277680.05</v>
      </c>
      <c r="AS252" s="53">
        <v>277680.05</v>
      </c>
      <c r="AT252" s="53">
        <v>277680.05</v>
      </c>
      <c r="AU252" s="53">
        <v>277680.05</v>
      </c>
      <c r="AV252" s="53">
        <v>277680.05</v>
      </c>
      <c r="AW252" s="53">
        <v>277680.05</v>
      </c>
      <c r="AX252" s="53">
        <v>277680.05</v>
      </c>
      <c r="AY252" s="53">
        <v>277680.05</v>
      </c>
      <c r="AZ252" s="53">
        <v>277680.05</v>
      </c>
      <c r="BA252" s="53">
        <v>277680.05</v>
      </c>
    </row>
    <row r="253" spans="1:53">
      <c r="A253" s="58" t="s">
        <v>442</v>
      </c>
      <c r="B253" s="134">
        <v>776847195.55106103</v>
      </c>
      <c r="C253" s="134">
        <v>637873472.45149803</v>
      </c>
      <c r="D253" s="134">
        <v>617829943.36337805</v>
      </c>
      <c r="E253" s="134">
        <v>600333090.46895504</v>
      </c>
      <c r="F253" s="134">
        <v>682937065.437379</v>
      </c>
      <c r="G253" s="134">
        <v>730319744.11270106</v>
      </c>
      <c r="H253" s="134">
        <v>735394855.50918901</v>
      </c>
      <c r="I253" s="134">
        <v>828980834.49248099</v>
      </c>
      <c r="J253" s="134">
        <v>720232167.01650095</v>
      </c>
      <c r="K253" s="134">
        <v>603962221.72476196</v>
      </c>
      <c r="L253" s="134">
        <v>573433806.80398703</v>
      </c>
      <c r="M253" s="134">
        <v>579665484.952402</v>
      </c>
      <c r="N253" s="134">
        <v>579665484.952402</v>
      </c>
      <c r="O253" s="134">
        <v>680034676.88461399</v>
      </c>
      <c r="P253" s="134">
        <v>548320290.57375896</v>
      </c>
      <c r="Q253" s="134">
        <v>532850444.11049098</v>
      </c>
      <c r="R253" s="134">
        <v>542304181.37629402</v>
      </c>
      <c r="S253" s="134">
        <v>616874312.48924601</v>
      </c>
      <c r="T253" s="134">
        <v>657972591.32648897</v>
      </c>
      <c r="U253" s="134">
        <v>663160502.52659202</v>
      </c>
      <c r="V253" s="134">
        <v>742382952.46907496</v>
      </c>
      <c r="W253" s="134">
        <v>650940627.21281898</v>
      </c>
      <c r="X253" s="134">
        <v>549661892.77529204</v>
      </c>
      <c r="Y253" s="134">
        <v>525069976.03364301</v>
      </c>
      <c r="Z253" s="134">
        <v>531335536.07899201</v>
      </c>
      <c r="AA253" s="134">
        <v>531335536.07899201</v>
      </c>
      <c r="AB253" s="134">
        <v>675890038.51399505</v>
      </c>
      <c r="AC253" s="134">
        <v>551684483.73359501</v>
      </c>
      <c r="AD253" s="134">
        <v>537058811.11860394</v>
      </c>
      <c r="AE253" s="134">
        <v>546215359.80962801</v>
      </c>
      <c r="AF253" s="134">
        <v>620317423.13928401</v>
      </c>
      <c r="AG253" s="134">
        <v>663074461.99779701</v>
      </c>
      <c r="AH253" s="134">
        <v>668389561.62412596</v>
      </c>
      <c r="AI253" s="134">
        <v>746777474.861848</v>
      </c>
      <c r="AJ253" s="134">
        <v>656364277.21611297</v>
      </c>
      <c r="AK253" s="134">
        <v>556470124.67947698</v>
      </c>
      <c r="AL253" s="134">
        <v>530678016.89328402</v>
      </c>
      <c r="AM253" s="134">
        <v>537527852.71058595</v>
      </c>
      <c r="AN253" s="134">
        <v>537527852.71058595</v>
      </c>
      <c r="AO253" s="134">
        <v>681505264.16289103</v>
      </c>
      <c r="AP253" s="134">
        <v>557793080.10739601</v>
      </c>
      <c r="AQ253" s="134">
        <v>542482273.96093094</v>
      </c>
      <c r="AR253" s="134">
        <v>551516676.36133599</v>
      </c>
      <c r="AS253" s="134">
        <v>626273158.01678896</v>
      </c>
      <c r="AT253" s="134">
        <v>670165967.10972595</v>
      </c>
      <c r="AU253" s="134">
        <v>675910716.11830795</v>
      </c>
      <c r="AV253" s="134">
        <v>754016386.68359494</v>
      </c>
      <c r="AW253" s="134">
        <v>664476301.33001196</v>
      </c>
      <c r="AX253" s="134">
        <v>564751153.76853502</v>
      </c>
      <c r="AY253" s="134">
        <v>539270200.51340401</v>
      </c>
      <c r="AZ253" s="134">
        <v>546384634.14092505</v>
      </c>
      <c r="BA253" s="134">
        <v>546384634.14092505</v>
      </c>
    </row>
    <row r="254" spans="1:53">
      <c r="A254" s="52" t="s">
        <v>443</v>
      </c>
    </row>
    <row r="255" spans="1:53">
      <c r="A255" s="57" t="s">
        <v>444</v>
      </c>
    </row>
    <row r="256" spans="1:53">
      <c r="A256" s="52" t="s">
        <v>445</v>
      </c>
      <c r="B256" s="53">
        <v>0</v>
      </c>
      <c r="C256" s="53">
        <v>0</v>
      </c>
      <c r="D256" s="53">
        <v>0</v>
      </c>
      <c r="E256" s="53">
        <v>0</v>
      </c>
      <c r="F256" s="53">
        <v>0</v>
      </c>
      <c r="G256" s="53">
        <v>0</v>
      </c>
      <c r="H256" s="53">
        <v>0</v>
      </c>
      <c r="I256" s="53">
        <v>0</v>
      </c>
      <c r="J256" s="53">
        <v>0</v>
      </c>
      <c r="K256" s="53">
        <v>0</v>
      </c>
      <c r="L256" s="53">
        <v>0</v>
      </c>
      <c r="M256" s="53">
        <v>0</v>
      </c>
      <c r="N256" s="53">
        <v>0</v>
      </c>
      <c r="O256" s="53">
        <v>0</v>
      </c>
      <c r="P256" s="53">
        <v>0</v>
      </c>
      <c r="Q256" s="53">
        <v>0</v>
      </c>
      <c r="R256" s="53">
        <v>0</v>
      </c>
      <c r="S256" s="53">
        <v>0</v>
      </c>
      <c r="T256" s="53">
        <v>0</v>
      </c>
      <c r="U256" s="53">
        <v>0</v>
      </c>
      <c r="V256" s="53">
        <v>0</v>
      </c>
      <c r="W256" s="53">
        <v>0</v>
      </c>
      <c r="X256" s="53">
        <v>0</v>
      </c>
      <c r="Y256" s="53">
        <v>0</v>
      </c>
      <c r="Z256" s="53">
        <v>0</v>
      </c>
      <c r="AA256" s="53">
        <v>0</v>
      </c>
      <c r="AB256" s="53">
        <v>0</v>
      </c>
      <c r="AC256" s="53">
        <v>0</v>
      </c>
      <c r="AD256" s="53">
        <v>0</v>
      </c>
      <c r="AE256" s="53">
        <v>0</v>
      </c>
      <c r="AF256" s="53">
        <v>0</v>
      </c>
      <c r="AG256" s="53">
        <v>0</v>
      </c>
      <c r="AH256" s="53">
        <v>0</v>
      </c>
      <c r="AI256" s="53">
        <v>0</v>
      </c>
      <c r="AJ256" s="53">
        <v>0</v>
      </c>
      <c r="AK256" s="53">
        <v>0</v>
      </c>
      <c r="AL256" s="53">
        <v>0</v>
      </c>
      <c r="AM256" s="53">
        <v>0</v>
      </c>
      <c r="AN256" s="53">
        <v>0</v>
      </c>
      <c r="AO256" s="53">
        <v>0</v>
      </c>
      <c r="AP256" s="53">
        <v>0</v>
      </c>
      <c r="AQ256" s="53">
        <v>0</v>
      </c>
      <c r="AR256" s="53">
        <v>0</v>
      </c>
      <c r="AS256" s="53">
        <v>0</v>
      </c>
      <c r="AT256" s="53">
        <v>0</v>
      </c>
      <c r="AU256" s="53">
        <v>0</v>
      </c>
      <c r="AV256" s="53">
        <v>0</v>
      </c>
      <c r="AW256" s="53">
        <v>0</v>
      </c>
      <c r="AX256" s="53">
        <v>0</v>
      </c>
      <c r="AY256" s="53">
        <v>0</v>
      </c>
      <c r="AZ256" s="53">
        <v>0</v>
      </c>
      <c r="BA256" s="53">
        <v>0</v>
      </c>
    </row>
    <row r="257" spans="1:53">
      <c r="A257" s="52" t="s">
        <v>446</v>
      </c>
      <c r="B257" s="53">
        <v>0</v>
      </c>
      <c r="C257" s="53">
        <v>0</v>
      </c>
      <c r="D257" s="53">
        <v>0</v>
      </c>
      <c r="E257" s="53">
        <v>0</v>
      </c>
      <c r="F257" s="53">
        <v>0</v>
      </c>
      <c r="G257" s="53">
        <v>0</v>
      </c>
      <c r="H257" s="53">
        <v>0</v>
      </c>
      <c r="I257" s="53">
        <v>0</v>
      </c>
      <c r="J257" s="53">
        <v>0</v>
      </c>
      <c r="K257" s="53">
        <v>0</v>
      </c>
      <c r="L257" s="53">
        <v>0</v>
      </c>
      <c r="M257" s="53">
        <v>0</v>
      </c>
      <c r="N257" s="53">
        <v>0</v>
      </c>
      <c r="O257" s="53">
        <v>0</v>
      </c>
      <c r="P257" s="53">
        <v>0</v>
      </c>
      <c r="Q257" s="53">
        <v>0</v>
      </c>
      <c r="R257" s="53">
        <v>0</v>
      </c>
      <c r="S257" s="53">
        <v>0</v>
      </c>
      <c r="T257" s="53">
        <v>0</v>
      </c>
      <c r="U257" s="53">
        <v>0</v>
      </c>
      <c r="V257" s="53">
        <v>0</v>
      </c>
      <c r="W257" s="53">
        <v>0</v>
      </c>
      <c r="X257" s="53">
        <v>0</v>
      </c>
      <c r="Y257" s="53">
        <v>0</v>
      </c>
      <c r="Z257" s="53">
        <v>0</v>
      </c>
      <c r="AA257" s="53">
        <v>0</v>
      </c>
      <c r="AB257" s="53">
        <v>0</v>
      </c>
      <c r="AC257" s="53">
        <v>0</v>
      </c>
      <c r="AD257" s="53">
        <v>0</v>
      </c>
      <c r="AE257" s="53">
        <v>0</v>
      </c>
      <c r="AF257" s="53">
        <v>0</v>
      </c>
      <c r="AG257" s="53">
        <v>0</v>
      </c>
      <c r="AH257" s="53">
        <v>0</v>
      </c>
      <c r="AI257" s="53">
        <v>0</v>
      </c>
      <c r="AJ257" s="53">
        <v>0</v>
      </c>
      <c r="AK257" s="53">
        <v>0</v>
      </c>
      <c r="AL257" s="53">
        <v>0</v>
      </c>
      <c r="AM257" s="53">
        <v>0</v>
      </c>
      <c r="AN257" s="53">
        <v>0</v>
      </c>
      <c r="AO257" s="53">
        <v>0</v>
      </c>
      <c r="AP257" s="53">
        <v>0</v>
      </c>
      <c r="AQ257" s="53">
        <v>0</v>
      </c>
      <c r="AR257" s="53">
        <v>0</v>
      </c>
      <c r="AS257" s="53">
        <v>0</v>
      </c>
      <c r="AT257" s="53">
        <v>0</v>
      </c>
      <c r="AU257" s="53">
        <v>0</v>
      </c>
      <c r="AV257" s="53">
        <v>0</v>
      </c>
      <c r="AW257" s="53">
        <v>0</v>
      </c>
      <c r="AX257" s="53">
        <v>0</v>
      </c>
      <c r="AY257" s="53">
        <v>0</v>
      </c>
      <c r="AZ257" s="53">
        <v>0</v>
      </c>
      <c r="BA257" s="53">
        <v>0</v>
      </c>
    </row>
    <row r="258" spans="1:53">
      <c r="A258" s="52" t="s">
        <v>447</v>
      </c>
      <c r="B258" s="53">
        <v>2493495.56</v>
      </c>
      <c r="C258" s="53">
        <v>2493495.56</v>
      </c>
      <c r="D258" s="53">
        <v>2493495.56</v>
      </c>
      <c r="E258" s="53">
        <v>2493495.56</v>
      </c>
      <c r="F258" s="53">
        <v>2493495.56</v>
      </c>
      <c r="G258" s="53">
        <v>2493495.56</v>
      </c>
      <c r="H258" s="53">
        <v>2493495.56</v>
      </c>
      <c r="I258" s="53">
        <v>2493495.56</v>
      </c>
      <c r="J258" s="53">
        <v>2493495.56</v>
      </c>
      <c r="K258" s="53">
        <v>2493495.56</v>
      </c>
      <c r="L258" s="53">
        <v>2493495.56</v>
      </c>
      <c r="M258" s="53">
        <v>2493495.56</v>
      </c>
      <c r="N258" s="53">
        <v>2493495.56</v>
      </c>
      <c r="O258" s="53">
        <v>2493495.56</v>
      </c>
      <c r="P258" s="53">
        <v>2493495.56</v>
      </c>
      <c r="Q258" s="53">
        <v>2493495.56</v>
      </c>
      <c r="R258" s="53">
        <v>2493495.56</v>
      </c>
      <c r="S258" s="53">
        <v>2493495.56</v>
      </c>
      <c r="T258" s="53">
        <v>2493495.56</v>
      </c>
      <c r="U258" s="53">
        <v>2493495.56</v>
      </c>
      <c r="V258" s="53">
        <v>2493495.56</v>
      </c>
      <c r="W258" s="53">
        <v>2493495.56</v>
      </c>
      <c r="X258" s="53">
        <v>2493495.56</v>
      </c>
      <c r="Y258" s="53">
        <v>2493495.56</v>
      </c>
      <c r="Z258" s="53">
        <v>2493495.56</v>
      </c>
      <c r="AA258" s="53">
        <v>2493495.56</v>
      </c>
      <c r="AB258" s="53">
        <v>2493495.56</v>
      </c>
      <c r="AC258" s="53">
        <v>2493495.56</v>
      </c>
      <c r="AD258" s="53">
        <v>2493495.56</v>
      </c>
      <c r="AE258" s="53">
        <v>2493495.56</v>
      </c>
      <c r="AF258" s="53">
        <v>2493495.56</v>
      </c>
      <c r="AG258" s="53">
        <v>2493495.56</v>
      </c>
      <c r="AH258" s="53">
        <v>2493495.56</v>
      </c>
      <c r="AI258" s="53">
        <v>2493495.56</v>
      </c>
      <c r="AJ258" s="53">
        <v>2493495.56</v>
      </c>
      <c r="AK258" s="53">
        <v>2493495.56</v>
      </c>
      <c r="AL258" s="53">
        <v>2493495.56</v>
      </c>
      <c r="AM258" s="53">
        <v>2493495.56</v>
      </c>
      <c r="AN258" s="53">
        <v>2493495.56</v>
      </c>
      <c r="AO258" s="53">
        <v>2493495.56</v>
      </c>
      <c r="AP258" s="53">
        <v>2493495.56</v>
      </c>
      <c r="AQ258" s="53">
        <v>2493495.56</v>
      </c>
      <c r="AR258" s="53">
        <v>2493495.56</v>
      </c>
      <c r="AS258" s="53">
        <v>2493495.56</v>
      </c>
      <c r="AT258" s="53">
        <v>2493495.56</v>
      </c>
      <c r="AU258" s="53">
        <v>2493495.56</v>
      </c>
      <c r="AV258" s="53">
        <v>2493495.56</v>
      </c>
      <c r="AW258" s="53">
        <v>2493495.56</v>
      </c>
      <c r="AX258" s="53">
        <v>2493495.56</v>
      </c>
      <c r="AY258" s="53">
        <v>2493495.56</v>
      </c>
      <c r="AZ258" s="53">
        <v>2493495.56</v>
      </c>
      <c r="BA258" s="53">
        <v>2493495.56</v>
      </c>
    </row>
    <row r="259" spans="1:53">
      <c r="A259" s="52" t="s">
        <v>448</v>
      </c>
      <c r="B259" s="53">
        <v>0</v>
      </c>
      <c r="C259" s="53">
        <v>0</v>
      </c>
      <c r="D259" s="53">
        <v>0</v>
      </c>
      <c r="E259" s="53">
        <v>0</v>
      </c>
      <c r="F259" s="53">
        <v>0</v>
      </c>
      <c r="G259" s="53">
        <v>0</v>
      </c>
      <c r="H259" s="53">
        <v>0</v>
      </c>
      <c r="I259" s="53">
        <v>0</v>
      </c>
      <c r="J259" s="53">
        <v>0</v>
      </c>
      <c r="K259" s="53">
        <v>0</v>
      </c>
      <c r="L259" s="53">
        <v>0</v>
      </c>
      <c r="M259" s="53">
        <v>0</v>
      </c>
      <c r="N259" s="53">
        <v>0</v>
      </c>
      <c r="O259" s="53">
        <v>0</v>
      </c>
      <c r="P259" s="53">
        <v>0</v>
      </c>
      <c r="Q259" s="53">
        <v>0</v>
      </c>
      <c r="R259" s="53">
        <v>0</v>
      </c>
      <c r="S259" s="53">
        <v>0</v>
      </c>
      <c r="T259" s="53">
        <v>0</v>
      </c>
      <c r="U259" s="53">
        <v>0</v>
      </c>
      <c r="V259" s="53">
        <v>0</v>
      </c>
      <c r="W259" s="53">
        <v>0</v>
      </c>
      <c r="X259" s="53">
        <v>0</v>
      </c>
      <c r="Y259" s="53">
        <v>0</v>
      </c>
      <c r="Z259" s="53">
        <v>0</v>
      </c>
      <c r="AA259" s="53">
        <v>0</v>
      </c>
      <c r="AB259" s="53">
        <v>0</v>
      </c>
      <c r="AC259" s="53">
        <v>0</v>
      </c>
      <c r="AD259" s="53">
        <v>0</v>
      </c>
      <c r="AE259" s="53">
        <v>0</v>
      </c>
      <c r="AF259" s="53">
        <v>0</v>
      </c>
      <c r="AG259" s="53">
        <v>0</v>
      </c>
      <c r="AH259" s="53">
        <v>0</v>
      </c>
      <c r="AI259" s="53">
        <v>0</v>
      </c>
      <c r="AJ259" s="53">
        <v>0</v>
      </c>
      <c r="AK259" s="53">
        <v>0</v>
      </c>
      <c r="AL259" s="53">
        <v>0</v>
      </c>
      <c r="AM259" s="53">
        <v>0</v>
      </c>
      <c r="AN259" s="53">
        <v>0</v>
      </c>
      <c r="AO259" s="53">
        <v>0</v>
      </c>
      <c r="AP259" s="53">
        <v>0</v>
      </c>
      <c r="AQ259" s="53">
        <v>0</v>
      </c>
      <c r="AR259" s="53">
        <v>0</v>
      </c>
      <c r="AS259" s="53">
        <v>0</v>
      </c>
      <c r="AT259" s="53">
        <v>0</v>
      </c>
      <c r="AU259" s="53">
        <v>0</v>
      </c>
      <c r="AV259" s="53">
        <v>0</v>
      </c>
      <c r="AW259" s="53">
        <v>0</v>
      </c>
      <c r="AX259" s="53">
        <v>0</v>
      </c>
      <c r="AY259" s="53">
        <v>0</v>
      </c>
      <c r="AZ259" s="53">
        <v>0</v>
      </c>
      <c r="BA259" s="53">
        <v>0</v>
      </c>
    </row>
    <row r="260" spans="1:53">
      <c r="A260" s="52" t="s">
        <v>449</v>
      </c>
      <c r="B260" s="53">
        <v>0</v>
      </c>
      <c r="C260" s="53">
        <v>0</v>
      </c>
      <c r="D260" s="53">
        <v>0</v>
      </c>
      <c r="E260" s="53">
        <v>0</v>
      </c>
      <c r="F260" s="53">
        <v>0</v>
      </c>
      <c r="G260" s="53">
        <v>0</v>
      </c>
      <c r="H260" s="53">
        <v>0</v>
      </c>
      <c r="I260" s="53">
        <v>0</v>
      </c>
      <c r="J260" s="53">
        <v>0</v>
      </c>
      <c r="K260" s="53">
        <v>0</v>
      </c>
      <c r="L260" s="53">
        <v>0</v>
      </c>
      <c r="M260" s="53">
        <v>0</v>
      </c>
      <c r="N260" s="53">
        <v>0</v>
      </c>
      <c r="O260" s="53">
        <v>0</v>
      </c>
      <c r="P260" s="53">
        <v>0</v>
      </c>
      <c r="Q260" s="53">
        <v>0</v>
      </c>
      <c r="R260" s="53">
        <v>0</v>
      </c>
      <c r="S260" s="53">
        <v>0</v>
      </c>
      <c r="T260" s="53">
        <v>0</v>
      </c>
      <c r="U260" s="53">
        <v>0</v>
      </c>
      <c r="V260" s="53">
        <v>0</v>
      </c>
      <c r="W260" s="53">
        <v>0</v>
      </c>
      <c r="X260" s="53">
        <v>0</v>
      </c>
      <c r="Y260" s="53">
        <v>0</v>
      </c>
      <c r="Z260" s="53">
        <v>0</v>
      </c>
      <c r="AA260" s="53">
        <v>0</v>
      </c>
      <c r="AB260" s="53">
        <v>0</v>
      </c>
      <c r="AC260" s="53">
        <v>0</v>
      </c>
      <c r="AD260" s="53">
        <v>0</v>
      </c>
      <c r="AE260" s="53">
        <v>0</v>
      </c>
      <c r="AF260" s="53">
        <v>0</v>
      </c>
      <c r="AG260" s="53">
        <v>0</v>
      </c>
      <c r="AH260" s="53">
        <v>0</v>
      </c>
      <c r="AI260" s="53">
        <v>0</v>
      </c>
      <c r="AJ260" s="53">
        <v>0</v>
      </c>
      <c r="AK260" s="53">
        <v>0</v>
      </c>
      <c r="AL260" s="53">
        <v>0</v>
      </c>
      <c r="AM260" s="53">
        <v>0</v>
      </c>
      <c r="AN260" s="53">
        <v>0</v>
      </c>
      <c r="AO260" s="53">
        <v>0</v>
      </c>
      <c r="AP260" s="53">
        <v>0</v>
      </c>
      <c r="AQ260" s="53">
        <v>0</v>
      </c>
      <c r="AR260" s="53">
        <v>0</v>
      </c>
      <c r="AS260" s="53">
        <v>0</v>
      </c>
      <c r="AT260" s="53">
        <v>0</v>
      </c>
      <c r="AU260" s="53">
        <v>0</v>
      </c>
      <c r="AV260" s="53">
        <v>0</v>
      </c>
      <c r="AW260" s="53">
        <v>0</v>
      </c>
      <c r="AX260" s="53">
        <v>0</v>
      </c>
      <c r="AY260" s="53">
        <v>0</v>
      </c>
      <c r="AZ260" s="53">
        <v>0</v>
      </c>
      <c r="BA260" s="53">
        <v>0</v>
      </c>
    </row>
    <row r="261" spans="1:53">
      <c r="A261" s="52" t="s">
        <v>450</v>
      </c>
      <c r="B261" s="53">
        <v>0</v>
      </c>
      <c r="C261" s="53">
        <v>0</v>
      </c>
      <c r="D261" s="53">
        <v>0</v>
      </c>
      <c r="E261" s="53">
        <v>0</v>
      </c>
      <c r="F261" s="53">
        <v>0</v>
      </c>
      <c r="G261" s="53">
        <v>0</v>
      </c>
      <c r="H261" s="53">
        <v>0</v>
      </c>
      <c r="I261" s="53">
        <v>0</v>
      </c>
      <c r="J261" s="53">
        <v>0</v>
      </c>
      <c r="K261" s="53">
        <v>0</v>
      </c>
      <c r="L261" s="53">
        <v>0</v>
      </c>
      <c r="M261" s="53">
        <v>0</v>
      </c>
      <c r="N261" s="53">
        <v>0</v>
      </c>
      <c r="O261" s="53">
        <v>0</v>
      </c>
      <c r="P261" s="53">
        <v>0</v>
      </c>
      <c r="Q261" s="53">
        <v>0</v>
      </c>
      <c r="R261" s="53">
        <v>0</v>
      </c>
      <c r="S261" s="53">
        <v>0</v>
      </c>
      <c r="T261" s="53">
        <v>0</v>
      </c>
      <c r="U261" s="53">
        <v>0</v>
      </c>
      <c r="V261" s="53">
        <v>0</v>
      </c>
      <c r="W261" s="53">
        <v>0</v>
      </c>
      <c r="X261" s="53">
        <v>0</v>
      </c>
      <c r="Y261" s="53">
        <v>0</v>
      </c>
      <c r="Z261" s="53">
        <v>0</v>
      </c>
      <c r="AA261" s="53">
        <v>0</v>
      </c>
      <c r="AB261" s="53">
        <v>0</v>
      </c>
      <c r="AC261" s="53">
        <v>0</v>
      </c>
      <c r="AD261" s="53">
        <v>0</v>
      </c>
      <c r="AE261" s="53">
        <v>0</v>
      </c>
      <c r="AF261" s="53">
        <v>0</v>
      </c>
      <c r="AG261" s="53">
        <v>0</v>
      </c>
      <c r="AH261" s="53">
        <v>0</v>
      </c>
      <c r="AI261" s="53">
        <v>0</v>
      </c>
      <c r="AJ261" s="53">
        <v>0</v>
      </c>
      <c r="AK261" s="53">
        <v>0</v>
      </c>
      <c r="AL261" s="53">
        <v>0</v>
      </c>
      <c r="AM261" s="53">
        <v>0</v>
      </c>
      <c r="AN261" s="53">
        <v>0</v>
      </c>
      <c r="AO261" s="53">
        <v>0</v>
      </c>
      <c r="AP261" s="53">
        <v>0</v>
      </c>
      <c r="AQ261" s="53">
        <v>0</v>
      </c>
      <c r="AR261" s="53">
        <v>0</v>
      </c>
      <c r="AS261" s="53">
        <v>0</v>
      </c>
      <c r="AT261" s="53">
        <v>0</v>
      </c>
      <c r="AU261" s="53">
        <v>0</v>
      </c>
      <c r="AV261" s="53">
        <v>0</v>
      </c>
      <c r="AW261" s="53">
        <v>0</v>
      </c>
      <c r="AX261" s="53">
        <v>0</v>
      </c>
      <c r="AY261" s="53">
        <v>0</v>
      </c>
      <c r="AZ261" s="53">
        <v>0</v>
      </c>
      <c r="BA261" s="53">
        <v>0</v>
      </c>
    </row>
    <row r="262" spans="1:53">
      <c r="A262" s="52" t="s">
        <v>451</v>
      </c>
      <c r="B262" s="53">
        <v>217492.83</v>
      </c>
      <c r="C262" s="53">
        <v>217492.83</v>
      </c>
      <c r="D262" s="53">
        <v>217492.83</v>
      </c>
      <c r="E262" s="53">
        <v>217492.83</v>
      </c>
      <c r="F262" s="53">
        <v>217492.83</v>
      </c>
      <c r="G262" s="53">
        <v>217492.83</v>
      </c>
      <c r="H262" s="53">
        <v>217492.83</v>
      </c>
      <c r="I262" s="53">
        <v>217492.83</v>
      </c>
      <c r="J262" s="53">
        <v>217492.83</v>
      </c>
      <c r="K262" s="53">
        <v>217492.83</v>
      </c>
      <c r="L262" s="53">
        <v>217492.83</v>
      </c>
      <c r="M262" s="53">
        <v>217492.83</v>
      </c>
      <c r="N262" s="53">
        <v>217492.83</v>
      </c>
      <c r="O262" s="53">
        <v>217492.83</v>
      </c>
      <c r="P262" s="53">
        <v>217492.83</v>
      </c>
      <c r="Q262" s="53">
        <v>217492.83</v>
      </c>
      <c r="R262" s="53">
        <v>217492.83</v>
      </c>
      <c r="S262" s="53">
        <v>217492.83</v>
      </c>
      <c r="T262" s="53">
        <v>217492.83</v>
      </c>
      <c r="U262" s="53">
        <v>217492.83</v>
      </c>
      <c r="V262" s="53">
        <v>217492.83</v>
      </c>
      <c r="W262" s="53">
        <v>217492.83</v>
      </c>
      <c r="X262" s="53">
        <v>217492.83</v>
      </c>
      <c r="Y262" s="53">
        <v>217492.83</v>
      </c>
      <c r="Z262" s="53">
        <v>217492.83</v>
      </c>
      <c r="AA262" s="53">
        <v>217492.83</v>
      </c>
      <c r="AB262" s="53">
        <v>217492.83</v>
      </c>
      <c r="AC262" s="53">
        <v>217492.83</v>
      </c>
      <c r="AD262" s="53">
        <v>217492.83</v>
      </c>
      <c r="AE262" s="53">
        <v>217492.83</v>
      </c>
      <c r="AF262" s="53">
        <v>217492.83</v>
      </c>
      <c r="AG262" s="53">
        <v>217492.83</v>
      </c>
      <c r="AH262" s="53">
        <v>217492.83</v>
      </c>
      <c r="AI262" s="53">
        <v>217492.83</v>
      </c>
      <c r="AJ262" s="53">
        <v>217492.83</v>
      </c>
      <c r="AK262" s="53">
        <v>217492.83</v>
      </c>
      <c r="AL262" s="53">
        <v>217492.83</v>
      </c>
      <c r="AM262" s="53">
        <v>217492.83</v>
      </c>
      <c r="AN262" s="53">
        <v>217492.83</v>
      </c>
      <c r="AO262" s="53">
        <v>217492.83</v>
      </c>
      <c r="AP262" s="53">
        <v>217492.83</v>
      </c>
      <c r="AQ262" s="53">
        <v>217492.83</v>
      </c>
      <c r="AR262" s="53">
        <v>217492.83</v>
      </c>
      <c r="AS262" s="53">
        <v>217492.83</v>
      </c>
      <c r="AT262" s="53">
        <v>217492.83</v>
      </c>
      <c r="AU262" s="53">
        <v>217492.83</v>
      </c>
      <c r="AV262" s="53">
        <v>217492.83</v>
      </c>
      <c r="AW262" s="53">
        <v>217492.83</v>
      </c>
      <c r="AX262" s="53">
        <v>217492.83</v>
      </c>
      <c r="AY262" s="53">
        <v>217492.83</v>
      </c>
      <c r="AZ262" s="53">
        <v>217492.83</v>
      </c>
      <c r="BA262" s="53">
        <v>217492.83</v>
      </c>
    </row>
    <row r="263" spans="1:53">
      <c r="A263" s="52" t="s">
        <v>452</v>
      </c>
      <c r="B263" s="53">
        <v>0</v>
      </c>
      <c r="C263" s="53">
        <v>0</v>
      </c>
      <c r="D263" s="53">
        <v>0</v>
      </c>
      <c r="E263" s="53">
        <v>0</v>
      </c>
      <c r="F263" s="53">
        <v>0</v>
      </c>
      <c r="G263" s="53">
        <v>0</v>
      </c>
      <c r="H263" s="53">
        <v>0</v>
      </c>
      <c r="I263" s="53">
        <v>0</v>
      </c>
      <c r="J263" s="53">
        <v>0</v>
      </c>
      <c r="K263" s="53">
        <v>0</v>
      </c>
      <c r="L263" s="53">
        <v>0</v>
      </c>
      <c r="M263" s="53">
        <v>0</v>
      </c>
      <c r="N263" s="53">
        <v>0</v>
      </c>
      <c r="O263" s="53">
        <v>0</v>
      </c>
      <c r="P263" s="53">
        <v>0</v>
      </c>
      <c r="Q263" s="53">
        <v>0</v>
      </c>
      <c r="R263" s="53">
        <v>0</v>
      </c>
      <c r="S263" s="53">
        <v>0</v>
      </c>
      <c r="T263" s="53">
        <v>0</v>
      </c>
      <c r="U263" s="53">
        <v>0</v>
      </c>
      <c r="V263" s="53">
        <v>0</v>
      </c>
      <c r="W263" s="53">
        <v>0</v>
      </c>
      <c r="X263" s="53">
        <v>0</v>
      </c>
      <c r="Y263" s="53">
        <v>0</v>
      </c>
      <c r="Z263" s="53">
        <v>0</v>
      </c>
      <c r="AA263" s="53">
        <v>0</v>
      </c>
      <c r="AB263" s="53">
        <v>0</v>
      </c>
      <c r="AC263" s="53">
        <v>0</v>
      </c>
      <c r="AD263" s="53">
        <v>0</v>
      </c>
      <c r="AE263" s="53">
        <v>0</v>
      </c>
      <c r="AF263" s="53">
        <v>0</v>
      </c>
      <c r="AG263" s="53">
        <v>0</v>
      </c>
      <c r="AH263" s="53">
        <v>0</v>
      </c>
      <c r="AI263" s="53">
        <v>0</v>
      </c>
      <c r="AJ263" s="53">
        <v>0</v>
      </c>
      <c r="AK263" s="53">
        <v>0</v>
      </c>
      <c r="AL263" s="53">
        <v>0</v>
      </c>
      <c r="AM263" s="53">
        <v>0</v>
      </c>
      <c r="AN263" s="53">
        <v>0</v>
      </c>
      <c r="AO263" s="53">
        <v>0</v>
      </c>
      <c r="AP263" s="53">
        <v>0</v>
      </c>
      <c r="AQ263" s="53">
        <v>0</v>
      </c>
      <c r="AR263" s="53">
        <v>0</v>
      </c>
      <c r="AS263" s="53">
        <v>0</v>
      </c>
      <c r="AT263" s="53">
        <v>0</v>
      </c>
      <c r="AU263" s="53">
        <v>0</v>
      </c>
      <c r="AV263" s="53">
        <v>0</v>
      </c>
      <c r="AW263" s="53">
        <v>0</v>
      </c>
      <c r="AX263" s="53">
        <v>0</v>
      </c>
      <c r="AY263" s="53">
        <v>0</v>
      </c>
      <c r="AZ263" s="53">
        <v>0</v>
      </c>
      <c r="BA263" s="53">
        <v>0</v>
      </c>
    </row>
    <row r="264" spans="1:53">
      <c r="A264" s="52" t="s">
        <v>453</v>
      </c>
      <c r="B264" s="53">
        <v>16483793.32</v>
      </c>
      <c r="C264" s="53">
        <v>16483793.32</v>
      </c>
      <c r="D264" s="53">
        <v>16483793.32</v>
      </c>
      <c r="E264" s="53">
        <v>16483793.32</v>
      </c>
      <c r="F264" s="53">
        <v>16483793.32</v>
      </c>
      <c r="G264" s="53">
        <v>16483793.32</v>
      </c>
      <c r="H264" s="53">
        <v>16483793.32</v>
      </c>
      <c r="I264" s="53">
        <v>16483793.32</v>
      </c>
      <c r="J264" s="53">
        <v>16483793.32</v>
      </c>
      <c r="K264" s="53">
        <v>16483793.32</v>
      </c>
      <c r="L264" s="53">
        <v>16483793.32</v>
      </c>
      <c r="M264" s="53">
        <v>16483793.32</v>
      </c>
      <c r="N264" s="53">
        <v>16483793.32</v>
      </c>
      <c r="O264" s="53">
        <v>16483793.32</v>
      </c>
      <c r="P264" s="53">
        <v>16483793.32</v>
      </c>
      <c r="Q264" s="53">
        <v>16483793.32</v>
      </c>
      <c r="R264" s="53">
        <v>16483793.32</v>
      </c>
      <c r="S264" s="53">
        <v>16483793.32</v>
      </c>
      <c r="T264" s="53">
        <v>16483793.32</v>
      </c>
      <c r="U264" s="53">
        <v>16483793.32</v>
      </c>
      <c r="V264" s="53">
        <v>16483793.32</v>
      </c>
      <c r="W264" s="53">
        <v>16483793.32</v>
      </c>
      <c r="X264" s="53">
        <v>16483793.32</v>
      </c>
      <c r="Y264" s="53">
        <v>16483793.32</v>
      </c>
      <c r="Z264" s="53">
        <v>16483793.32</v>
      </c>
      <c r="AA264" s="53">
        <v>16483793.32</v>
      </c>
      <c r="AB264" s="53">
        <v>16483793.32</v>
      </c>
      <c r="AC264" s="53">
        <v>16483793.32</v>
      </c>
      <c r="AD264" s="53">
        <v>16483793.32</v>
      </c>
      <c r="AE264" s="53">
        <v>16483793.32</v>
      </c>
      <c r="AF264" s="53">
        <v>16483793.32</v>
      </c>
      <c r="AG264" s="53">
        <v>16483793.32</v>
      </c>
      <c r="AH264" s="53">
        <v>16483793.32</v>
      </c>
      <c r="AI264" s="53">
        <v>16483793.32</v>
      </c>
      <c r="AJ264" s="53">
        <v>16483793.32</v>
      </c>
      <c r="AK264" s="53">
        <v>16483793.32</v>
      </c>
      <c r="AL264" s="53">
        <v>16483793.32</v>
      </c>
      <c r="AM264" s="53">
        <v>16483793.32</v>
      </c>
      <c r="AN264" s="53">
        <v>16483793.32</v>
      </c>
      <c r="AO264" s="53">
        <v>16483793.32</v>
      </c>
      <c r="AP264" s="53">
        <v>16483793.32</v>
      </c>
      <c r="AQ264" s="53">
        <v>16483793.32</v>
      </c>
      <c r="AR264" s="53">
        <v>16483793.32</v>
      </c>
      <c r="AS264" s="53">
        <v>16483793.32</v>
      </c>
      <c r="AT264" s="53">
        <v>16483793.32</v>
      </c>
      <c r="AU264" s="53">
        <v>16483793.32</v>
      </c>
      <c r="AV264" s="53">
        <v>16483793.32</v>
      </c>
      <c r="AW264" s="53">
        <v>16483793.32</v>
      </c>
      <c r="AX264" s="53">
        <v>16483793.32</v>
      </c>
      <c r="AY264" s="53">
        <v>16483793.32</v>
      </c>
      <c r="AZ264" s="53">
        <v>16483793.32</v>
      </c>
      <c r="BA264" s="53">
        <v>16483793.32</v>
      </c>
    </row>
    <row r="265" spans="1:53">
      <c r="A265" s="52" t="s">
        <v>454</v>
      </c>
      <c r="B265" s="53">
        <v>0</v>
      </c>
      <c r="C265" s="53">
        <v>0</v>
      </c>
      <c r="D265" s="53">
        <v>0</v>
      </c>
      <c r="E265" s="53">
        <v>0</v>
      </c>
      <c r="F265" s="53">
        <v>0</v>
      </c>
      <c r="G265" s="53">
        <v>0</v>
      </c>
      <c r="H265" s="53">
        <v>0</v>
      </c>
      <c r="I265" s="53">
        <v>0</v>
      </c>
      <c r="J265" s="53">
        <v>0</v>
      </c>
      <c r="K265" s="53">
        <v>0</v>
      </c>
      <c r="L265" s="53">
        <v>0</v>
      </c>
      <c r="M265" s="53">
        <v>0</v>
      </c>
      <c r="N265" s="53">
        <v>0</v>
      </c>
      <c r="O265" s="53">
        <v>0</v>
      </c>
      <c r="P265" s="53">
        <v>0</v>
      </c>
      <c r="Q265" s="53">
        <v>0</v>
      </c>
      <c r="R265" s="53">
        <v>0</v>
      </c>
      <c r="S265" s="53">
        <v>0</v>
      </c>
      <c r="T265" s="53">
        <v>0</v>
      </c>
      <c r="U265" s="53">
        <v>0</v>
      </c>
      <c r="V265" s="53">
        <v>0</v>
      </c>
      <c r="W265" s="53">
        <v>0</v>
      </c>
      <c r="X265" s="53">
        <v>0</v>
      </c>
      <c r="Y265" s="53">
        <v>0</v>
      </c>
      <c r="Z265" s="53">
        <v>0</v>
      </c>
      <c r="AA265" s="53">
        <v>0</v>
      </c>
      <c r="AB265" s="53">
        <v>0</v>
      </c>
      <c r="AC265" s="53">
        <v>0</v>
      </c>
      <c r="AD265" s="53">
        <v>0</v>
      </c>
      <c r="AE265" s="53">
        <v>0</v>
      </c>
      <c r="AF265" s="53">
        <v>0</v>
      </c>
      <c r="AG265" s="53">
        <v>0</v>
      </c>
      <c r="AH265" s="53">
        <v>0</v>
      </c>
      <c r="AI265" s="53">
        <v>0</v>
      </c>
      <c r="AJ265" s="53">
        <v>0</v>
      </c>
      <c r="AK265" s="53">
        <v>0</v>
      </c>
      <c r="AL265" s="53">
        <v>0</v>
      </c>
      <c r="AM265" s="53">
        <v>0</v>
      </c>
      <c r="AN265" s="53">
        <v>0</v>
      </c>
      <c r="AO265" s="53">
        <v>0</v>
      </c>
      <c r="AP265" s="53">
        <v>0</v>
      </c>
      <c r="AQ265" s="53">
        <v>0</v>
      </c>
      <c r="AR265" s="53">
        <v>0</v>
      </c>
      <c r="AS265" s="53">
        <v>0</v>
      </c>
      <c r="AT265" s="53">
        <v>0</v>
      </c>
      <c r="AU265" s="53">
        <v>0</v>
      </c>
      <c r="AV265" s="53">
        <v>0</v>
      </c>
      <c r="AW265" s="53">
        <v>0</v>
      </c>
      <c r="AX265" s="53">
        <v>0</v>
      </c>
      <c r="AY265" s="53">
        <v>0</v>
      </c>
      <c r="AZ265" s="53">
        <v>0</v>
      </c>
      <c r="BA265" s="53">
        <v>0</v>
      </c>
    </row>
    <row r="266" spans="1:53">
      <c r="A266" s="52" t="s">
        <v>455</v>
      </c>
      <c r="B266" s="53">
        <v>0</v>
      </c>
      <c r="C266" s="53">
        <v>0</v>
      </c>
      <c r="D266" s="53">
        <v>0</v>
      </c>
      <c r="E266" s="53">
        <v>0</v>
      </c>
      <c r="F266" s="53">
        <v>0</v>
      </c>
      <c r="G266" s="53">
        <v>0</v>
      </c>
      <c r="H266" s="53">
        <v>0</v>
      </c>
      <c r="I266" s="53">
        <v>0</v>
      </c>
      <c r="J266" s="53">
        <v>0</v>
      </c>
      <c r="K266" s="53">
        <v>0</v>
      </c>
      <c r="L266" s="53">
        <v>0</v>
      </c>
      <c r="M266" s="53">
        <v>0</v>
      </c>
      <c r="N266" s="53">
        <v>0</v>
      </c>
      <c r="O266" s="53">
        <v>0</v>
      </c>
      <c r="P266" s="53">
        <v>0</v>
      </c>
      <c r="Q266" s="53">
        <v>0</v>
      </c>
      <c r="R266" s="53">
        <v>0</v>
      </c>
      <c r="S266" s="53">
        <v>0</v>
      </c>
      <c r="T266" s="53">
        <v>0</v>
      </c>
      <c r="U266" s="53">
        <v>0</v>
      </c>
      <c r="V266" s="53">
        <v>0</v>
      </c>
      <c r="W266" s="53">
        <v>0</v>
      </c>
      <c r="X266" s="53">
        <v>0</v>
      </c>
      <c r="Y266" s="53">
        <v>0</v>
      </c>
      <c r="Z266" s="53">
        <v>0</v>
      </c>
      <c r="AA266" s="53">
        <v>0</v>
      </c>
      <c r="AB266" s="53">
        <v>0</v>
      </c>
      <c r="AC266" s="53">
        <v>0</v>
      </c>
      <c r="AD266" s="53">
        <v>0</v>
      </c>
      <c r="AE266" s="53">
        <v>0</v>
      </c>
      <c r="AF266" s="53">
        <v>0</v>
      </c>
      <c r="AG266" s="53">
        <v>0</v>
      </c>
      <c r="AH266" s="53">
        <v>0</v>
      </c>
      <c r="AI266" s="53">
        <v>0</v>
      </c>
      <c r="AJ266" s="53">
        <v>0</v>
      </c>
      <c r="AK266" s="53">
        <v>0</v>
      </c>
      <c r="AL266" s="53">
        <v>0</v>
      </c>
      <c r="AM266" s="53">
        <v>0</v>
      </c>
      <c r="AN266" s="53">
        <v>0</v>
      </c>
      <c r="AO266" s="53">
        <v>0</v>
      </c>
      <c r="AP266" s="53">
        <v>0</v>
      </c>
      <c r="AQ266" s="53">
        <v>0</v>
      </c>
      <c r="AR266" s="53">
        <v>0</v>
      </c>
      <c r="AS266" s="53">
        <v>0</v>
      </c>
      <c r="AT266" s="53">
        <v>0</v>
      </c>
      <c r="AU266" s="53">
        <v>0</v>
      </c>
      <c r="AV266" s="53">
        <v>0</v>
      </c>
      <c r="AW266" s="53">
        <v>0</v>
      </c>
      <c r="AX266" s="53">
        <v>0</v>
      </c>
      <c r="AY266" s="53">
        <v>0</v>
      </c>
      <c r="AZ266" s="53">
        <v>0</v>
      </c>
      <c r="BA266" s="53">
        <v>0</v>
      </c>
    </row>
    <row r="267" spans="1:53">
      <c r="A267" s="52" t="s">
        <v>456</v>
      </c>
      <c r="B267" s="53">
        <v>1409129</v>
      </c>
      <c r="C267" s="53">
        <v>1409129</v>
      </c>
      <c r="D267" s="53">
        <v>1409129</v>
      </c>
      <c r="E267" s="53">
        <v>1409129</v>
      </c>
      <c r="F267" s="53">
        <v>1409129</v>
      </c>
      <c r="G267" s="53">
        <v>1409129</v>
      </c>
      <c r="H267" s="53">
        <v>1409129</v>
      </c>
      <c r="I267" s="53">
        <v>1409129</v>
      </c>
      <c r="J267" s="53">
        <v>1409129</v>
      </c>
      <c r="K267" s="53">
        <v>1409129</v>
      </c>
      <c r="L267" s="53">
        <v>1409129</v>
      </c>
      <c r="M267" s="53">
        <v>1409129</v>
      </c>
      <c r="N267" s="53">
        <v>1409129</v>
      </c>
      <c r="O267" s="53">
        <v>1409129</v>
      </c>
      <c r="P267" s="53">
        <v>1409129</v>
      </c>
      <c r="Q267" s="53">
        <v>1409129</v>
      </c>
      <c r="R267" s="53">
        <v>1409129</v>
      </c>
      <c r="S267" s="53">
        <v>1409129</v>
      </c>
      <c r="T267" s="53">
        <v>1409129</v>
      </c>
      <c r="U267" s="53">
        <v>1409129</v>
      </c>
      <c r="V267" s="53">
        <v>1409129</v>
      </c>
      <c r="W267" s="53">
        <v>1409129</v>
      </c>
      <c r="X267" s="53">
        <v>1409129</v>
      </c>
      <c r="Y267" s="53">
        <v>1409129</v>
      </c>
      <c r="Z267" s="53">
        <v>1409129</v>
      </c>
      <c r="AA267" s="53">
        <v>1409129</v>
      </c>
      <c r="AB267" s="53">
        <v>1409129</v>
      </c>
      <c r="AC267" s="53">
        <v>1409129</v>
      </c>
      <c r="AD267" s="53">
        <v>1409129</v>
      </c>
      <c r="AE267" s="53">
        <v>1409129</v>
      </c>
      <c r="AF267" s="53">
        <v>1409129</v>
      </c>
      <c r="AG267" s="53">
        <v>1409129</v>
      </c>
      <c r="AH267" s="53">
        <v>1409129</v>
      </c>
      <c r="AI267" s="53">
        <v>1409129</v>
      </c>
      <c r="AJ267" s="53">
        <v>1409129</v>
      </c>
      <c r="AK267" s="53">
        <v>1409129</v>
      </c>
      <c r="AL267" s="53">
        <v>1409129</v>
      </c>
      <c r="AM267" s="53">
        <v>1409129</v>
      </c>
      <c r="AN267" s="53">
        <v>1409129</v>
      </c>
      <c r="AO267" s="53">
        <v>1409129</v>
      </c>
      <c r="AP267" s="53">
        <v>1409129</v>
      </c>
      <c r="AQ267" s="53">
        <v>1409129</v>
      </c>
      <c r="AR267" s="53">
        <v>1409129</v>
      </c>
      <c r="AS267" s="53">
        <v>1409129</v>
      </c>
      <c r="AT267" s="53">
        <v>1409129</v>
      </c>
      <c r="AU267" s="53">
        <v>1409129</v>
      </c>
      <c r="AV267" s="53">
        <v>1409129</v>
      </c>
      <c r="AW267" s="53">
        <v>1409129</v>
      </c>
      <c r="AX267" s="53">
        <v>1409129</v>
      </c>
      <c r="AY267" s="53">
        <v>1409129</v>
      </c>
      <c r="AZ267" s="53">
        <v>1409129</v>
      </c>
      <c r="BA267" s="53">
        <v>1409129</v>
      </c>
    </row>
    <row r="268" spans="1:53">
      <c r="A268" s="52" t="s">
        <v>457</v>
      </c>
      <c r="B268" s="53">
        <v>20490578.75</v>
      </c>
      <c r="C268" s="53">
        <v>20490578.75</v>
      </c>
      <c r="D268" s="53">
        <v>20490578.75</v>
      </c>
      <c r="E268" s="53">
        <v>20490578.75</v>
      </c>
      <c r="F268" s="53">
        <v>20490578.75</v>
      </c>
      <c r="G268" s="53">
        <v>20490578.75</v>
      </c>
      <c r="H268" s="53">
        <v>20490578.75</v>
      </c>
      <c r="I268" s="53">
        <v>20490578.75</v>
      </c>
      <c r="J268" s="53">
        <v>20490578.75</v>
      </c>
      <c r="K268" s="53">
        <v>20490578.75</v>
      </c>
      <c r="L268" s="53">
        <v>20490578.75</v>
      </c>
      <c r="M268" s="53">
        <v>20490578.75</v>
      </c>
      <c r="N268" s="53">
        <v>20490578.75</v>
      </c>
      <c r="O268" s="53">
        <v>20490578.75</v>
      </c>
      <c r="P268" s="53">
        <v>20490578.75</v>
      </c>
      <c r="Q268" s="53">
        <v>20490578.75</v>
      </c>
      <c r="R268" s="53">
        <v>20490578.75</v>
      </c>
      <c r="S268" s="53">
        <v>20490578.75</v>
      </c>
      <c r="T268" s="53">
        <v>20490578.75</v>
      </c>
      <c r="U268" s="53">
        <v>20490578.75</v>
      </c>
      <c r="V268" s="53">
        <v>20490578.75</v>
      </c>
      <c r="W268" s="53">
        <v>20490578.75</v>
      </c>
      <c r="X268" s="53">
        <v>20490578.75</v>
      </c>
      <c r="Y268" s="53">
        <v>20490578.75</v>
      </c>
      <c r="Z268" s="53">
        <v>20490578.75</v>
      </c>
      <c r="AA268" s="53">
        <v>20490578.75</v>
      </c>
      <c r="AB268" s="53">
        <v>20490578.75</v>
      </c>
      <c r="AC268" s="53">
        <v>20490578.75</v>
      </c>
      <c r="AD268" s="53">
        <v>20490578.75</v>
      </c>
      <c r="AE268" s="53">
        <v>20490578.75</v>
      </c>
      <c r="AF268" s="53">
        <v>20490578.75</v>
      </c>
      <c r="AG268" s="53">
        <v>20490578.75</v>
      </c>
      <c r="AH268" s="53">
        <v>20490578.75</v>
      </c>
      <c r="AI268" s="53">
        <v>20490578.75</v>
      </c>
      <c r="AJ268" s="53">
        <v>20490578.75</v>
      </c>
      <c r="AK268" s="53">
        <v>20490578.75</v>
      </c>
      <c r="AL268" s="53">
        <v>20490578.75</v>
      </c>
      <c r="AM268" s="53">
        <v>20490578.75</v>
      </c>
      <c r="AN268" s="53">
        <v>20490578.75</v>
      </c>
      <c r="AO268" s="53">
        <v>20490578.75</v>
      </c>
      <c r="AP268" s="53">
        <v>20490578.75</v>
      </c>
      <c r="AQ268" s="53">
        <v>20490578.75</v>
      </c>
      <c r="AR268" s="53">
        <v>20490578.75</v>
      </c>
      <c r="AS268" s="53">
        <v>20490578.75</v>
      </c>
      <c r="AT268" s="53">
        <v>20490578.75</v>
      </c>
      <c r="AU268" s="53">
        <v>20490578.75</v>
      </c>
      <c r="AV268" s="53">
        <v>20490578.75</v>
      </c>
      <c r="AW268" s="53">
        <v>20490578.75</v>
      </c>
      <c r="AX268" s="53">
        <v>20490578.75</v>
      </c>
      <c r="AY268" s="53">
        <v>20490578.75</v>
      </c>
      <c r="AZ268" s="53">
        <v>20490578.75</v>
      </c>
      <c r="BA268" s="53">
        <v>20490578.75</v>
      </c>
    </row>
    <row r="269" spans="1:53">
      <c r="A269" s="52" t="s">
        <v>458</v>
      </c>
      <c r="B269" s="53">
        <v>0</v>
      </c>
      <c r="C269" s="53">
        <v>0</v>
      </c>
      <c r="D269" s="53">
        <v>0</v>
      </c>
      <c r="E269" s="53">
        <v>0</v>
      </c>
      <c r="F269" s="53">
        <v>0</v>
      </c>
      <c r="G269" s="53">
        <v>0</v>
      </c>
      <c r="H269" s="53">
        <v>0</v>
      </c>
      <c r="I269" s="53">
        <v>0</v>
      </c>
      <c r="J269" s="53">
        <v>0</v>
      </c>
      <c r="K269" s="53">
        <v>0</v>
      </c>
      <c r="L269" s="53">
        <v>0</v>
      </c>
      <c r="M269" s="53">
        <v>0</v>
      </c>
      <c r="N269" s="53">
        <v>0</v>
      </c>
      <c r="O269" s="53">
        <v>0</v>
      </c>
      <c r="P269" s="53">
        <v>0</v>
      </c>
      <c r="Q269" s="53">
        <v>0</v>
      </c>
      <c r="R269" s="53">
        <v>0</v>
      </c>
      <c r="S269" s="53">
        <v>0</v>
      </c>
      <c r="T269" s="53">
        <v>0</v>
      </c>
      <c r="U269" s="53">
        <v>0</v>
      </c>
      <c r="V269" s="53">
        <v>0</v>
      </c>
      <c r="W269" s="53">
        <v>0</v>
      </c>
      <c r="X269" s="53">
        <v>0</v>
      </c>
      <c r="Y269" s="53">
        <v>0</v>
      </c>
      <c r="Z269" s="53">
        <v>0</v>
      </c>
      <c r="AA269" s="53">
        <v>0</v>
      </c>
      <c r="AB269" s="53">
        <v>0</v>
      </c>
      <c r="AC269" s="53">
        <v>0</v>
      </c>
      <c r="AD269" s="53">
        <v>0</v>
      </c>
      <c r="AE269" s="53">
        <v>0</v>
      </c>
      <c r="AF269" s="53">
        <v>0</v>
      </c>
      <c r="AG269" s="53">
        <v>0</v>
      </c>
      <c r="AH269" s="53">
        <v>0</v>
      </c>
      <c r="AI269" s="53">
        <v>0</v>
      </c>
      <c r="AJ269" s="53">
        <v>0</v>
      </c>
      <c r="AK269" s="53">
        <v>0</v>
      </c>
      <c r="AL269" s="53">
        <v>0</v>
      </c>
      <c r="AM269" s="53">
        <v>0</v>
      </c>
      <c r="AN269" s="53">
        <v>0</v>
      </c>
      <c r="AO269" s="53">
        <v>0</v>
      </c>
      <c r="AP269" s="53">
        <v>0</v>
      </c>
      <c r="AQ269" s="53">
        <v>0</v>
      </c>
      <c r="AR269" s="53">
        <v>0</v>
      </c>
      <c r="AS269" s="53">
        <v>0</v>
      </c>
      <c r="AT269" s="53">
        <v>0</v>
      </c>
      <c r="AU269" s="53">
        <v>0</v>
      </c>
      <c r="AV269" s="53">
        <v>0</v>
      </c>
      <c r="AW269" s="53">
        <v>0</v>
      </c>
      <c r="AX269" s="53">
        <v>0</v>
      </c>
      <c r="AY269" s="53">
        <v>0</v>
      </c>
      <c r="AZ269" s="53">
        <v>0</v>
      </c>
      <c r="BA269" s="53">
        <v>0</v>
      </c>
    </row>
    <row r="270" spans="1:53">
      <c r="A270" s="52" t="s">
        <v>459</v>
      </c>
      <c r="B270" s="53">
        <v>11883449.220000001</v>
      </c>
      <c r="C270" s="53">
        <v>11883449.220000001</v>
      </c>
      <c r="D270" s="53">
        <v>11883449.220000001</v>
      </c>
      <c r="E270" s="53">
        <v>11883449.220000001</v>
      </c>
      <c r="F270" s="53">
        <v>11883449.220000001</v>
      </c>
      <c r="G270" s="53">
        <v>11883449.220000001</v>
      </c>
      <c r="H270" s="53">
        <v>11883449.220000001</v>
      </c>
      <c r="I270" s="53">
        <v>11883449.220000001</v>
      </c>
      <c r="J270" s="53">
        <v>11883449.220000001</v>
      </c>
      <c r="K270" s="53">
        <v>11883449.220000001</v>
      </c>
      <c r="L270" s="53">
        <v>11883449.220000001</v>
      </c>
      <c r="M270" s="53">
        <v>11883449.220000001</v>
      </c>
      <c r="N270" s="53">
        <v>11883449.220000001</v>
      </c>
      <c r="O270" s="53">
        <v>11883449.220000001</v>
      </c>
      <c r="P270" s="53">
        <v>11883449.220000001</v>
      </c>
      <c r="Q270" s="53">
        <v>11883449.220000001</v>
      </c>
      <c r="R270" s="53">
        <v>11883449.220000001</v>
      </c>
      <c r="S270" s="53">
        <v>11883449.220000001</v>
      </c>
      <c r="T270" s="53">
        <v>11883449.220000001</v>
      </c>
      <c r="U270" s="53">
        <v>11883449.220000001</v>
      </c>
      <c r="V270" s="53">
        <v>11883449.220000001</v>
      </c>
      <c r="W270" s="53">
        <v>11883449.220000001</v>
      </c>
      <c r="X270" s="53">
        <v>11883449.220000001</v>
      </c>
      <c r="Y270" s="53">
        <v>11883449.220000001</v>
      </c>
      <c r="Z270" s="53">
        <v>11883449.220000001</v>
      </c>
      <c r="AA270" s="53">
        <v>11883449.220000001</v>
      </c>
      <c r="AB270" s="53">
        <v>11883449.220000001</v>
      </c>
      <c r="AC270" s="53">
        <v>11883449.220000001</v>
      </c>
      <c r="AD270" s="53">
        <v>11883449.220000001</v>
      </c>
      <c r="AE270" s="53">
        <v>11883449.220000001</v>
      </c>
      <c r="AF270" s="53">
        <v>11883449.220000001</v>
      </c>
      <c r="AG270" s="53">
        <v>11883449.220000001</v>
      </c>
      <c r="AH270" s="53">
        <v>11883449.220000001</v>
      </c>
      <c r="AI270" s="53">
        <v>11883449.220000001</v>
      </c>
      <c r="AJ270" s="53">
        <v>11883449.220000001</v>
      </c>
      <c r="AK270" s="53">
        <v>11883449.220000001</v>
      </c>
      <c r="AL270" s="53">
        <v>11883449.220000001</v>
      </c>
      <c r="AM270" s="53">
        <v>11883449.220000001</v>
      </c>
      <c r="AN270" s="53">
        <v>11883449.220000001</v>
      </c>
      <c r="AO270" s="53">
        <v>11883449.220000001</v>
      </c>
      <c r="AP270" s="53">
        <v>11883449.220000001</v>
      </c>
      <c r="AQ270" s="53">
        <v>11883449.220000001</v>
      </c>
      <c r="AR270" s="53">
        <v>11883449.220000001</v>
      </c>
      <c r="AS270" s="53">
        <v>11883449.220000001</v>
      </c>
      <c r="AT270" s="53">
        <v>11883449.220000001</v>
      </c>
      <c r="AU270" s="53">
        <v>11883449.220000001</v>
      </c>
      <c r="AV270" s="53">
        <v>11883449.220000001</v>
      </c>
      <c r="AW270" s="53">
        <v>11883449.220000001</v>
      </c>
      <c r="AX270" s="53">
        <v>11883449.220000001</v>
      </c>
      <c r="AY270" s="53">
        <v>11883449.220000001</v>
      </c>
      <c r="AZ270" s="53">
        <v>11883449.220000001</v>
      </c>
      <c r="BA270" s="53">
        <v>11883449.220000001</v>
      </c>
    </row>
    <row r="271" spans="1:53">
      <c r="A271" s="52" t="s">
        <v>460</v>
      </c>
      <c r="B271" s="53">
        <v>14549.86</v>
      </c>
      <c r="C271" s="53">
        <v>14549.86</v>
      </c>
      <c r="D271" s="53">
        <v>14549.86</v>
      </c>
      <c r="E271" s="53">
        <v>14549.86</v>
      </c>
      <c r="F271" s="53">
        <v>14549.86</v>
      </c>
      <c r="G271" s="53">
        <v>14549.86</v>
      </c>
      <c r="H271" s="53">
        <v>14549.86</v>
      </c>
      <c r="I271" s="53">
        <v>14549.86</v>
      </c>
      <c r="J271" s="53">
        <v>14549.86</v>
      </c>
      <c r="K271" s="53">
        <v>14549.86</v>
      </c>
      <c r="L271" s="53">
        <v>14549.86</v>
      </c>
      <c r="M271" s="53">
        <v>14549.86</v>
      </c>
      <c r="N271" s="53">
        <v>14549.86</v>
      </c>
      <c r="O271" s="53">
        <v>14549.86</v>
      </c>
      <c r="P271" s="53">
        <v>14549.86</v>
      </c>
      <c r="Q271" s="53">
        <v>14549.86</v>
      </c>
      <c r="R271" s="53">
        <v>14549.86</v>
      </c>
      <c r="S271" s="53">
        <v>14549.86</v>
      </c>
      <c r="T271" s="53">
        <v>14549.86</v>
      </c>
      <c r="U271" s="53">
        <v>14549.86</v>
      </c>
      <c r="V271" s="53">
        <v>14549.86</v>
      </c>
      <c r="W271" s="53">
        <v>14549.86</v>
      </c>
      <c r="X271" s="53">
        <v>14549.86</v>
      </c>
      <c r="Y271" s="53">
        <v>14549.86</v>
      </c>
      <c r="Z271" s="53">
        <v>14549.86</v>
      </c>
      <c r="AA271" s="53">
        <v>14549.86</v>
      </c>
      <c r="AB271" s="53">
        <v>14549.86</v>
      </c>
      <c r="AC271" s="53">
        <v>14549.86</v>
      </c>
      <c r="AD271" s="53">
        <v>14549.86</v>
      </c>
      <c r="AE271" s="53">
        <v>14549.86</v>
      </c>
      <c r="AF271" s="53">
        <v>14549.86</v>
      </c>
      <c r="AG271" s="53">
        <v>14549.86</v>
      </c>
      <c r="AH271" s="53">
        <v>14549.86</v>
      </c>
      <c r="AI271" s="53">
        <v>14549.86</v>
      </c>
      <c r="AJ271" s="53">
        <v>14549.86</v>
      </c>
      <c r="AK271" s="53">
        <v>14549.86</v>
      </c>
      <c r="AL271" s="53">
        <v>14549.86</v>
      </c>
      <c r="AM271" s="53">
        <v>14549.86</v>
      </c>
      <c r="AN271" s="53">
        <v>14549.86</v>
      </c>
      <c r="AO271" s="53">
        <v>14549.86</v>
      </c>
      <c r="AP271" s="53">
        <v>14549.86</v>
      </c>
      <c r="AQ271" s="53">
        <v>14549.86</v>
      </c>
      <c r="AR271" s="53">
        <v>14549.86</v>
      </c>
      <c r="AS271" s="53">
        <v>14549.86</v>
      </c>
      <c r="AT271" s="53">
        <v>14549.86</v>
      </c>
      <c r="AU271" s="53">
        <v>14549.86</v>
      </c>
      <c r="AV271" s="53">
        <v>14549.86</v>
      </c>
      <c r="AW271" s="53">
        <v>14549.86</v>
      </c>
      <c r="AX271" s="53">
        <v>14549.86</v>
      </c>
      <c r="AY271" s="53">
        <v>14549.86</v>
      </c>
      <c r="AZ271" s="53">
        <v>14549.86</v>
      </c>
      <c r="BA271" s="53">
        <v>14549.86</v>
      </c>
    </row>
    <row r="272" spans="1:53">
      <c r="A272" s="52" t="s">
        <v>461</v>
      </c>
      <c r="B272" s="53">
        <v>0</v>
      </c>
      <c r="C272" s="53">
        <v>0</v>
      </c>
      <c r="D272" s="53">
        <v>0</v>
      </c>
      <c r="E272" s="53">
        <v>0</v>
      </c>
      <c r="F272" s="53">
        <v>0</v>
      </c>
      <c r="G272" s="53">
        <v>0</v>
      </c>
      <c r="H272" s="53">
        <v>0</v>
      </c>
      <c r="I272" s="53">
        <v>0</v>
      </c>
      <c r="J272" s="53">
        <v>0</v>
      </c>
      <c r="K272" s="53">
        <v>0</v>
      </c>
      <c r="L272" s="53">
        <v>0</v>
      </c>
      <c r="M272" s="53">
        <v>0</v>
      </c>
      <c r="N272" s="53">
        <v>0</v>
      </c>
      <c r="O272" s="53">
        <v>0</v>
      </c>
      <c r="P272" s="53">
        <v>0</v>
      </c>
      <c r="Q272" s="53">
        <v>0</v>
      </c>
      <c r="R272" s="53">
        <v>0</v>
      </c>
      <c r="S272" s="53">
        <v>0</v>
      </c>
      <c r="T272" s="53">
        <v>0</v>
      </c>
      <c r="U272" s="53">
        <v>0</v>
      </c>
      <c r="V272" s="53">
        <v>0</v>
      </c>
      <c r="W272" s="53">
        <v>0</v>
      </c>
      <c r="X272" s="53">
        <v>0</v>
      </c>
      <c r="Y272" s="53">
        <v>0</v>
      </c>
      <c r="Z272" s="53">
        <v>0</v>
      </c>
      <c r="AA272" s="53">
        <v>0</v>
      </c>
      <c r="AB272" s="53">
        <v>0</v>
      </c>
      <c r="AC272" s="53">
        <v>0</v>
      </c>
      <c r="AD272" s="53">
        <v>0</v>
      </c>
      <c r="AE272" s="53">
        <v>0</v>
      </c>
      <c r="AF272" s="53">
        <v>0</v>
      </c>
      <c r="AG272" s="53">
        <v>0</v>
      </c>
      <c r="AH272" s="53">
        <v>0</v>
      </c>
      <c r="AI272" s="53">
        <v>0</v>
      </c>
      <c r="AJ272" s="53">
        <v>0</v>
      </c>
      <c r="AK272" s="53">
        <v>0</v>
      </c>
      <c r="AL272" s="53">
        <v>0</v>
      </c>
      <c r="AM272" s="53">
        <v>0</v>
      </c>
      <c r="AN272" s="53">
        <v>0</v>
      </c>
      <c r="AO272" s="53">
        <v>0</v>
      </c>
      <c r="AP272" s="53">
        <v>0</v>
      </c>
      <c r="AQ272" s="53">
        <v>0</v>
      </c>
      <c r="AR272" s="53">
        <v>0</v>
      </c>
      <c r="AS272" s="53">
        <v>0</v>
      </c>
      <c r="AT272" s="53">
        <v>0</v>
      </c>
      <c r="AU272" s="53">
        <v>0</v>
      </c>
      <c r="AV272" s="53">
        <v>0</v>
      </c>
      <c r="AW272" s="53">
        <v>0</v>
      </c>
      <c r="AX272" s="53">
        <v>0</v>
      </c>
      <c r="AY272" s="53">
        <v>0</v>
      </c>
      <c r="AZ272" s="53">
        <v>0</v>
      </c>
      <c r="BA272" s="53">
        <v>0</v>
      </c>
    </row>
    <row r="273" spans="1:53">
      <c r="A273" s="52" t="s">
        <v>462</v>
      </c>
      <c r="B273" s="53">
        <v>0</v>
      </c>
      <c r="C273" s="53">
        <v>0</v>
      </c>
      <c r="D273" s="53">
        <v>0</v>
      </c>
      <c r="E273" s="53">
        <v>0</v>
      </c>
      <c r="F273" s="53">
        <v>0</v>
      </c>
      <c r="G273" s="53">
        <v>0</v>
      </c>
      <c r="H273" s="53">
        <v>0</v>
      </c>
      <c r="I273" s="53">
        <v>0</v>
      </c>
      <c r="J273" s="53">
        <v>0</v>
      </c>
      <c r="K273" s="53">
        <v>0</v>
      </c>
      <c r="L273" s="53">
        <v>0</v>
      </c>
      <c r="M273" s="53">
        <v>0</v>
      </c>
      <c r="N273" s="53">
        <v>0</v>
      </c>
      <c r="O273" s="53">
        <v>0</v>
      </c>
      <c r="P273" s="53">
        <v>0</v>
      </c>
      <c r="Q273" s="53">
        <v>0</v>
      </c>
      <c r="R273" s="53">
        <v>0</v>
      </c>
      <c r="S273" s="53">
        <v>0</v>
      </c>
      <c r="T273" s="53">
        <v>0</v>
      </c>
      <c r="U273" s="53">
        <v>0</v>
      </c>
      <c r="V273" s="53">
        <v>0</v>
      </c>
      <c r="W273" s="53">
        <v>0</v>
      </c>
      <c r="X273" s="53">
        <v>0</v>
      </c>
      <c r="Y273" s="53">
        <v>0</v>
      </c>
      <c r="Z273" s="53">
        <v>0</v>
      </c>
      <c r="AA273" s="53">
        <v>0</v>
      </c>
      <c r="AB273" s="53">
        <v>0</v>
      </c>
      <c r="AC273" s="53">
        <v>0</v>
      </c>
      <c r="AD273" s="53">
        <v>0</v>
      </c>
      <c r="AE273" s="53">
        <v>0</v>
      </c>
      <c r="AF273" s="53">
        <v>0</v>
      </c>
      <c r="AG273" s="53">
        <v>0</v>
      </c>
      <c r="AH273" s="53">
        <v>0</v>
      </c>
      <c r="AI273" s="53">
        <v>0</v>
      </c>
      <c r="AJ273" s="53">
        <v>0</v>
      </c>
      <c r="AK273" s="53">
        <v>0</v>
      </c>
      <c r="AL273" s="53">
        <v>0</v>
      </c>
      <c r="AM273" s="53">
        <v>0</v>
      </c>
      <c r="AN273" s="53">
        <v>0</v>
      </c>
      <c r="AO273" s="53">
        <v>0</v>
      </c>
      <c r="AP273" s="53">
        <v>0</v>
      </c>
      <c r="AQ273" s="53">
        <v>0</v>
      </c>
      <c r="AR273" s="53">
        <v>0</v>
      </c>
      <c r="AS273" s="53">
        <v>0</v>
      </c>
      <c r="AT273" s="53">
        <v>0</v>
      </c>
      <c r="AU273" s="53">
        <v>0</v>
      </c>
      <c r="AV273" s="53">
        <v>0</v>
      </c>
      <c r="AW273" s="53">
        <v>0</v>
      </c>
      <c r="AX273" s="53">
        <v>0</v>
      </c>
      <c r="AY273" s="53">
        <v>0</v>
      </c>
      <c r="AZ273" s="53">
        <v>0</v>
      </c>
      <c r="BA273" s="53">
        <v>0</v>
      </c>
    </row>
    <row r="274" spans="1:53">
      <c r="A274" s="52" t="s">
        <v>463</v>
      </c>
      <c r="B274" s="53">
        <v>19800</v>
      </c>
      <c r="C274" s="53">
        <v>19800</v>
      </c>
      <c r="D274" s="53">
        <v>19800</v>
      </c>
      <c r="E274" s="53">
        <v>19800</v>
      </c>
      <c r="F274" s="53">
        <v>19800</v>
      </c>
      <c r="G274" s="53">
        <v>19800</v>
      </c>
      <c r="H274" s="53">
        <v>19800</v>
      </c>
      <c r="I274" s="53">
        <v>19800</v>
      </c>
      <c r="J274" s="53">
        <v>19800</v>
      </c>
      <c r="K274" s="53">
        <v>19800</v>
      </c>
      <c r="L274" s="53">
        <v>19800</v>
      </c>
      <c r="M274" s="53">
        <v>19800</v>
      </c>
      <c r="N274" s="53">
        <v>19800</v>
      </c>
      <c r="O274" s="53">
        <v>19800</v>
      </c>
      <c r="P274" s="53">
        <v>19800</v>
      </c>
      <c r="Q274" s="53">
        <v>19800</v>
      </c>
      <c r="R274" s="53">
        <v>19800</v>
      </c>
      <c r="S274" s="53">
        <v>19800</v>
      </c>
      <c r="T274" s="53">
        <v>19800</v>
      </c>
      <c r="U274" s="53">
        <v>19800</v>
      </c>
      <c r="V274" s="53">
        <v>19800</v>
      </c>
      <c r="W274" s="53">
        <v>19800</v>
      </c>
      <c r="X274" s="53">
        <v>19800</v>
      </c>
      <c r="Y274" s="53">
        <v>19800</v>
      </c>
      <c r="Z274" s="53">
        <v>19800</v>
      </c>
      <c r="AA274" s="53">
        <v>19800</v>
      </c>
      <c r="AB274" s="53">
        <v>19800</v>
      </c>
      <c r="AC274" s="53">
        <v>19800</v>
      </c>
      <c r="AD274" s="53">
        <v>19800</v>
      </c>
      <c r="AE274" s="53">
        <v>19800</v>
      </c>
      <c r="AF274" s="53">
        <v>19800</v>
      </c>
      <c r="AG274" s="53">
        <v>19800</v>
      </c>
      <c r="AH274" s="53">
        <v>19800</v>
      </c>
      <c r="AI274" s="53">
        <v>19800</v>
      </c>
      <c r="AJ274" s="53">
        <v>19800</v>
      </c>
      <c r="AK274" s="53">
        <v>19800</v>
      </c>
      <c r="AL274" s="53">
        <v>19800</v>
      </c>
      <c r="AM274" s="53">
        <v>19800</v>
      </c>
      <c r="AN274" s="53">
        <v>19800</v>
      </c>
      <c r="AO274" s="53">
        <v>19800</v>
      </c>
      <c r="AP274" s="53">
        <v>19800</v>
      </c>
      <c r="AQ274" s="53">
        <v>19800</v>
      </c>
      <c r="AR274" s="53">
        <v>19800</v>
      </c>
      <c r="AS274" s="53">
        <v>19800</v>
      </c>
      <c r="AT274" s="53">
        <v>19800</v>
      </c>
      <c r="AU274" s="53">
        <v>19800</v>
      </c>
      <c r="AV274" s="53">
        <v>19800</v>
      </c>
      <c r="AW274" s="53">
        <v>19800</v>
      </c>
      <c r="AX274" s="53">
        <v>19800</v>
      </c>
      <c r="AY274" s="53">
        <v>19800</v>
      </c>
      <c r="AZ274" s="53">
        <v>19800</v>
      </c>
      <c r="BA274" s="53">
        <v>19800</v>
      </c>
    </row>
    <row r="275" spans="1:53">
      <c r="A275" s="52" t="s">
        <v>464</v>
      </c>
      <c r="B275" s="53">
        <v>0</v>
      </c>
      <c r="C275" s="53">
        <v>0</v>
      </c>
      <c r="D275" s="53">
        <v>0</v>
      </c>
      <c r="E275" s="53">
        <v>0</v>
      </c>
      <c r="F275" s="53">
        <v>0</v>
      </c>
      <c r="G275" s="53">
        <v>0</v>
      </c>
      <c r="H275" s="53">
        <v>0</v>
      </c>
      <c r="I275" s="53">
        <v>0</v>
      </c>
      <c r="J275" s="53">
        <v>0</v>
      </c>
      <c r="K275" s="53">
        <v>0</v>
      </c>
      <c r="L275" s="53">
        <v>0</v>
      </c>
      <c r="M275" s="53">
        <v>0</v>
      </c>
      <c r="N275" s="53">
        <v>0</v>
      </c>
      <c r="O275" s="53">
        <v>0</v>
      </c>
      <c r="P275" s="53">
        <v>0</v>
      </c>
      <c r="Q275" s="53">
        <v>0</v>
      </c>
      <c r="R275" s="53">
        <v>0</v>
      </c>
      <c r="S275" s="53">
        <v>0</v>
      </c>
      <c r="T275" s="53">
        <v>0</v>
      </c>
      <c r="U275" s="53">
        <v>0</v>
      </c>
      <c r="V275" s="53">
        <v>0</v>
      </c>
      <c r="W275" s="53">
        <v>0</v>
      </c>
      <c r="X275" s="53">
        <v>0</v>
      </c>
      <c r="Y275" s="53">
        <v>0</v>
      </c>
      <c r="Z275" s="53">
        <v>0</v>
      </c>
      <c r="AA275" s="53">
        <v>0</v>
      </c>
      <c r="AB275" s="53">
        <v>0</v>
      </c>
      <c r="AC275" s="53">
        <v>0</v>
      </c>
      <c r="AD275" s="53">
        <v>0</v>
      </c>
      <c r="AE275" s="53">
        <v>0</v>
      </c>
      <c r="AF275" s="53">
        <v>0</v>
      </c>
      <c r="AG275" s="53">
        <v>0</v>
      </c>
      <c r="AH275" s="53">
        <v>0</v>
      </c>
      <c r="AI275" s="53">
        <v>0</v>
      </c>
      <c r="AJ275" s="53">
        <v>0</v>
      </c>
      <c r="AK275" s="53">
        <v>0</v>
      </c>
      <c r="AL275" s="53">
        <v>0</v>
      </c>
      <c r="AM275" s="53">
        <v>0</v>
      </c>
      <c r="AN275" s="53">
        <v>0</v>
      </c>
      <c r="AO275" s="53">
        <v>0</v>
      </c>
      <c r="AP275" s="53">
        <v>0</v>
      </c>
      <c r="AQ275" s="53">
        <v>0</v>
      </c>
      <c r="AR275" s="53">
        <v>0</v>
      </c>
      <c r="AS275" s="53">
        <v>0</v>
      </c>
      <c r="AT275" s="53">
        <v>0</v>
      </c>
      <c r="AU275" s="53">
        <v>0</v>
      </c>
      <c r="AV275" s="53">
        <v>0</v>
      </c>
      <c r="AW275" s="53">
        <v>0</v>
      </c>
      <c r="AX275" s="53">
        <v>0</v>
      </c>
      <c r="AY275" s="53">
        <v>0</v>
      </c>
      <c r="AZ275" s="53">
        <v>0</v>
      </c>
      <c r="BA275" s="53">
        <v>0</v>
      </c>
    </row>
    <row r="276" spans="1:53">
      <c r="A276" s="52" t="s">
        <v>465</v>
      </c>
      <c r="B276" s="53">
        <v>0</v>
      </c>
      <c r="C276" s="53">
        <v>0</v>
      </c>
      <c r="D276" s="53">
        <v>0</v>
      </c>
      <c r="E276" s="53">
        <v>0</v>
      </c>
      <c r="F276" s="53">
        <v>0</v>
      </c>
      <c r="G276" s="53">
        <v>0</v>
      </c>
      <c r="H276" s="53">
        <v>0</v>
      </c>
      <c r="I276" s="53">
        <v>0</v>
      </c>
      <c r="J276" s="53">
        <v>0</v>
      </c>
      <c r="K276" s="53">
        <v>0</v>
      </c>
      <c r="L276" s="53">
        <v>0</v>
      </c>
      <c r="M276" s="53">
        <v>0</v>
      </c>
      <c r="N276" s="53">
        <v>0</v>
      </c>
      <c r="O276" s="53">
        <v>0</v>
      </c>
      <c r="P276" s="53">
        <v>0</v>
      </c>
      <c r="Q276" s="53">
        <v>0</v>
      </c>
      <c r="R276" s="53">
        <v>0</v>
      </c>
      <c r="S276" s="53">
        <v>0</v>
      </c>
      <c r="T276" s="53">
        <v>0</v>
      </c>
      <c r="U276" s="53">
        <v>0</v>
      </c>
      <c r="V276" s="53">
        <v>0</v>
      </c>
      <c r="W276" s="53">
        <v>0</v>
      </c>
      <c r="X276" s="53">
        <v>0</v>
      </c>
      <c r="Y276" s="53">
        <v>0</v>
      </c>
      <c r="Z276" s="53">
        <v>0</v>
      </c>
      <c r="AA276" s="53">
        <v>0</v>
      </c>
      <c r="AB276" s="53">
        <v>0</v>
      </c>
      <c r="AC276" s="53">
        <v>0</v>
      </c>
      <c r="AD276" s="53">
        <v>0</v>
      </c>
      <c r="AE276" s="53">
        <v>0</v>
      </c>
      <c r="AF276" s="53">
        <v>0</v>
      </c>
      <c r="AG276" s="53">
        <v>0</v>
      </c>
      <c r="AH276" s="53">
        <v>0</v>
      </c>
      <c r="AI276" s="53">
        <v>0</v>
      </c>
      <c r="AJ276" s="53">
        <v>0</v>
      </c>
      <c r="AK276" s="53">
        <v>0</v>
      </c>
      <c r="AL276" s="53">
        <v>0</v>
      </c>
      <c r="AM276" s="53">
        <v>0</v>
      </c>
      <c r="AN276" s="53">
        <v>0</v>
      </c>
      <c r="AO276" s="53">
        <v>0</v>
      </c>
      <c r="AP276" s="53">
        <v>0</v>
      </c>
      <c r="AQ276" s="53">
        <v>0</v>
      </c>
      <c r="AR276" s="53">
        <v>0</v>
      </c>
      <c r="AS276" s="53">
        <v>0</v>
      </c>
      <c r="AT276" s="53">
        <v>0</v>
      </c>
      <c r="AU276" s="53">
        <v>0</v>
      </c>
      <c r="AV276" s="53">
        <v>0</v>
      </c>
      <c r="AW276" s="53">
        <v>0</v>
      </c>
      <c r="AX276" s="53">
        <v>0</v>
      </c>
      <c r="AY276" s="53">
        <v>0</v>
      </c>
      <c r="AZ276" s="53">
        <v>0</v>
      </c>
      <c r="BA276" s="53">
        <v>0</v>
      </c>
    </row>
    <row r="277" spans="1:53">
      <c r="A277" s="52" t="s">
        <v>466</v>
      </c>
      <c r="B277" s="53">
        <v>-3343981.05</v>
      </c>
      <c r="C277" s="53">
        <v>-3343981.05</v>
      </c>
      <c r="D277" s="53">
        <v>-3343981.05</v>
      </c>
      <c r="E277" s="53">
        <v>-3343981.05</v>
      </c>
      <c r="F277" s="53">
        <v>-3343981.05</v>
      </c>
      <c r="G277" s="53">
        <v>-3343981.05</v>
      </c>
      <c r="H277" s="53">
        <v>-3343981.05</v>
      </c>
      <c r="I277" s="53">
        <v>-3343981.05</v>
      </c>
      <c r="J277" s="53">
        <v>-3343981.05</v>
      </c>
      <c r="K277" s="53">
        <v>-3343981.05</v>
      </c>
      <c r="L277" s="53">
        <v>-3343981.05</v>
      </c>
      <c r="M277" s="53">
        <v>-3343981.05</v>
      </c>
      <c r="N277" s="53">
        <v>-3343981.05</v>
      </c>
      <c r="O277" s="53">
        <v>-3343981.05</v>
      </c>
      <c r="P277" s="53">
        <v>-3343981.05</v>
      </c>
      <c r="Q277" s="53">
        <v>-3343981.05</v>
      </c>
      <c r="R277" s="53">
        <v>-3343981.05</v>
      </c>
      <c r="S277" s="53">
        <v>-3343981.05</v>
      </c>
      <c r="T277" s="53">
        <v>-3343981.05</v>
      </c>
      <c r="U277" s="53">
        <v>-3343981.05</v>
      </c>
      <c r="V277" s="53">
        <v>-3343981.05</v>
      </c>
      <c r="W277" s="53">
        <v>-3343981.05</v>
      </c>
      <c r="X277" s="53">
        <v>-3343981.05</v>
      </c>
      <c r="Y277" s="53">
        <v>-3343981.05</v>
      </c>
      <c r="Z277" s="53">
        <v>-3343981.05</v>
      </c>
      <c r="AA277" s="53">
        <v>-3343981.05</v>
      </c>
      <c r="AB277" s="53">
        <v>-3343981.05</v>
      </c>
      <c r="AC277" s="53">
        <v>-3343981.05</v>
      </c>
      <c r="AD277" s="53">
        <v>-3343981.05</v>
      </c>
      <c r="AE277" s="53">
        <v>-3343981.05</v>
      </c>
      <c r="AF277" s="53">
        <v>-3343981.05</v>
      </c>
      <c r="AG277" s="53">
        <v>-3343981.05</v>
      </c>
      <c r="AH277" s="53">
        <v>-3343981.05</v>
      </c>
      <c r="AI277" s="53">
        <v>-3343981.05</v>
      </c>
      <c r="AJ277" s="53">
        <v>-3343981.05</v>
      </c>
      <c r="AK277" s="53">
        <v>-3343981.05</v>
      </c>
      <c r="AL277" s="53">
        <v>-3343981.05</v>
      </c>
      <c r="AM277" s="53">
        <v>-3343981.05</v>
      </c>
      <c r="AN277" s="53">
        <v>-3343981.05</v>
      </c>
      <c r="AO277" s="53">
        <v>-3343981.05</v>
      </c>
      <c r="AP277" s="53">
        <v>-3343981.05</v>
      </c>
      <c r="AQ277" s="53">
        <v>-3343981.05</v>
      </c>
      <c r="AR277" s="53">
        <v>-3343981.05</v>
      </c>
      <c r="AS277" s="53">
        <v>-3343981.05</v>
      </c>
      <c r="AT277" s="53">
        <v>-3343981.05</v>
      </c>
      <c r="AU277" s="53">
        <v>-3343981.05</v>
      </c>
      <c r="AV277" s="53">
        <v>-3343981.05</v>
      </c>
      <c r="AW277" s="53">
        <v>-3343981.05</v>
      </c>
      <c r="AX277" s="53">
        <v>-3343981.05</v>
      </c>
      <c r="AY277" s="53">
        <v>-3343981.05</v>
      </c>
      <c r="AZ277" s="53">
        <v>-3343981.05</v>
      </c>
      <c r="BA277" s="53">
        <v>-3343981.05</v>
      </c>
    </row>
    <row r="278" spans="1:53">
      <c r="A278" s="52" t="s">
        <v>467</v>
      </c>
      <c r="B278" s="53">
        <v>0</v>
      </c>
      <c r="C278" s="53">
        <v>0</v>
      </c>
      <c r="D278" s="53">
        <v>0</v>
      </c>
      <c r="E278" s="53">
        <v>0</v>
      </c>
      <c r="F278" s="53">
        <v>0</v>
      </c>
      <c r="G278" s="53">
        <v>0</v>
      </c>
      <c r="H278" s="53">
        <v>0</v>
      </c>
      <c r="I278" s="53">
        <v>0</v>
      </c>
      <c r="J278" s="53">
        <v>0</v>
      </c>
      <c r="K278" s="53">
        <v>0</v>
      </c>
      <c r="L278" s="53">
        <v>0</v>
      </c>
      <c r="M278" s="53">
        <v>0</v>
      </c>
      <c r="N278" s="53">
        <v>0</v>
      </c>
      <c r="O278" s="53">
        <v>0</v>
      </c>
      <c r="P278" s="53">
        <v>0</v>
      </c>
      <c r="Q278" s="53">
        <v>0</v>
      </c>
      <c r="R278" s="53">
        <v>0</v>
      </c>
      <c r="S278" s="53">
        <v>0</v>
      </c>
      <c r="T278" s="53">
        <v>0</v>
      </c>
      <c r="U278" s="53">
        <v>0</v>
      </c>
      <c r="V278" s="53">
        <v>0</v>
      </c>
      <c r="W278" s="53">
        <v>0</v>
      </c>
      <c r="X278" s="53">
        <v>0</v>
      </c>
      <c r="Y278" s="53">
        <v>0</v>
      </c>
      <c r="Z278" s="53">
        <v>0</v>
      </c>
      <c r="AA278" s="53">
        <v>0</v>
      </c>
      <c r="AB278" s="53">
        <v>0</v>
      </c>
      <c r="AC278" s="53">
        <v>0</v>
      </c>
      <c r="AD278" s="53">
        <v>0</v>
      </c>
      <c r="AE278" s="53">
        <v>0</v>
      </c>
      <c r="AF278" s="53">
        <v>0</v>
      </c>
      <c r="AG278" s="53">
        <v>0</v>
      </c>
      <c r="AH278" s="53">
        <v>0</v>
      </c>
      <c r="AI278" s="53">
        <v>0</v>
      </c>
      <c r="AJ278" s="53">
        <v>0</v>
      </c>
      <c r="AK278" s="53">
        <v>0</v>
      </c>
      <c r="AL278" s="53">
        <v>0</v>
      </c>
      <c r="AM278" s="53">
        <v>0</v>
      </c>
      <c r="AN278" s="53">
        <v>0</v>
      </c>
      <c r="AO278" s="53">
        <v>0</v>
      </c>
      <c r="AP278" s="53">
        <v>0</v>
      </c>
      <c r="AQ278" s="53">
        <v>0</v>
      </c>
      <c r="AR278" s="53">
        <v>0</v>
      </c>
      <c r="AS278" s="53">
        <v>0</v>
      </c>
      <c r="AT278" s="53">
        <v>0</v>
      </c>
      <c r="AU278" s="53">
        <v>0</v>
      </c>
      <c r="AV278" s="53">
        <v>0</v>
      </c>
      <c r="AW278" s="53">
        <v>0</v>
      </c>
      <c r="AX278" s="53">
        <v>0</v>
      </c>
      <c r="AY278" s="53">
        <v>0</v>
      </c>
      <c r="AZ278" s="53">
        <v>0</v>
      </c>
      <c r="BA278" s="53">
        <v>0</v>
      </c>
    </row>
    <row r="279" spans="1:53">
      <c r="A279" s="52" t="s">
        <v>468</v>
      </c>
      <c r="B279" s="53">
        <v>0</v>
      </c>
      <c r="C279" s="53">
        <v>0</v>
      </c>
      <c r="D279" s="53">
        <v>0</v>
      </c>
      <c r="E279" s="53">
        <v>0</v>
      </c>
      <c r="F279" s="53">
        <v>0</v>
      </c>
      <c r="G279" s="53">
        <v>0</v>
      </c>
      <c r="H279" s="53">
        <v>0</v>
      </c>
      <c r="I279" s="53">
        <v>0</v>
      </c>
      <c r="J279" s="53">
        <v>0</v>
      </c>
      <c r="K279" s="53">
        <v>0</v>
      </c>
      <c r="L279" s="53">
        <v>0</v>
      </c>
      <c r="M279" s="53">
        <v>0</v>
      </c>
      <c r="N279" s="53">
        <v>0</v>
      </c>
      <c r="O279" s="53">
        <v>0</v>
      </c>
      <c r="P279" s="53">
        <v>0</v>
      </c>
      <c r="Q279" s="53">
        <v>0</v>
      </c>
      <c r="R279" s="53">
        <v>0</v>
      </c>
      <c r="S279" s="53">
        <v>0</v>
      </c>
      <c r="T279" s="53">
        <v>0</v>
      </c>
      <c r="U279" s="53">
        <v>0</v>
      </c>
      <c r="V279" s="53">
        <v>0</v>
      </c>
      <c r="W279" s="53">
        <v>0</v>
      </c>
      <c r="X279" s="53">
        <v>0</v>
      </c>
      <c r="Y279" s="53">
        <v>0</v>
      </c>
      <c r="Z279" s="53">
        <v>0</v>
      </c>
      <c r="AA279" s="53">
        <v>0</v>
      </c>
      <c r="AB279" s="53">
        <v>0</v>
      </c>
      <c r="AC279" s="53">
        <v>0</v>
      </c>
      <c r="AD279" s="53">
        <v>0</v>
      </c>
      <c r="AE279" s="53">
        <v>0</v>
      </c>
      <c r="AF279" s="53">
        <v>0</v>
      </c>
      <c r="AG279" s="53">
        <v>0</v>
      </c>
      <c r="AH279" s="53">
        <v>0</v>
      </c>
      <c r="AI279" s="53">
        <v>0</v>
      </c>
      <c r="AJ279" s="53">
        <v>0</v>
      </c>
      <c r="AK279" s="53">
        <v>0</v>
      </c>
      <c r="AL279" s="53">
        <v>0</v>
      </c>
      <c r="AM279" s="53">
        <v>0</v>
      </c>
      <c r="AN279" s="53">
        <v>0</v>
      </c>
      <c r="AO279" s="53">
        <v>0</v>
      </c>
      <c r="AP279" s="53">
        <v>0</v>
      </c>
      <c r="AQ279" s="53">
        <v>0</v>
      </c>
      <c r="AR279" s="53">
        <v>0</v>
      </c>
      <c r="AS279" s="53">
        <v>0</v>
      </c>
      <c r="AT279" s="53">
        <v>0</v>
      </c>
      <c r="AU279" s="53">
        <v>0</v>
      </c>
      <c r="AV279" s="53">
        <v>0</v>
      </c>
      <c r="AW279" s="53">
        <v>0</v>
      </c>
      <c r="AX279" s="53">
        <v>0</v>
      </c>
      <c r="AY279" s="53">
        <v>0</v>
      </c>
      <c r="AZ279" s="53">
        <v>0</v>
      </c>
      <c r="BA279" s="53">
        <v>0</v>
      </c>
    </row>
    <row r="280" spans="1:53">
      <c r="A280" s="52" t="s">
        <v>469</v>
      </c>
      <c r="B280" s="53">
        <v>0</v>
      </c>
      <c r="C280" s="53">
        <v>0</v>
      </c>
      <c r="D280" s="53">
        <v>0</v>
      </c>
      <c r="E280" s="53">
        <v>0</v>
      </c>
      <c r="F280" s="53">
        <v>0</v>
      </c>
      <c r="G280" s="53">
        <v>0</v>
      </c>
      <c r="H280" s="53">
        <v>0</v>
      </c>
      <c r="I280" s="53">
        <v>0</v>
      </c>
      <c r="J280" s="53">
        <v>0</v>
      </c>
      <c r="K280" s="53">
        <v>0</v>
      </c>
      <c r="L280" s="53">
        <v>0</v>
      </c>
      <c r="M280" s="53">
        <v>0</v>
      </c>
      <c r="N280" s="53">
        <v>0</v>
      </c>
      <c r="O280" s="53">
        <v>0</v>
      </c>
      <c r="P280" s="53">
        <v>0</v>
      </c>
      <c r="Q280" s="53">
        <v>0</v>
      </c>
      <c r="R280" s="53">
        <v>0</v>
      </c>
      <c r="S280" s="53">
        <v>0</v>
      </c>
      <c r="T280" s="53">
        <v>0</v>
      </c>
      <c r="U280" s="53">
        <v>0</v>
      </c>
      <c r="V280" s="53">
        <v>0</v>
      </c>
      <c r="W280" s="53">
        <v>0</v>
      </c>
      <c r="X280" s="53">
        <v>0</v>
      </c>
      <c r="Y280" s="53">
        <v>0</v>
      </c>
      <c r="Z280" s="53">
        <v>0</v>
      </c>
      <c r="AA280" s="53">
        <v>0</v>
      </c>
      <c r="AB280" s="53">
        <v>0</v>
      </c>
      <c r="AC280" s="53">
        <v>0</v>
      </c>
      <c r="AD280" s="53">
        <v>0</v>
      </c>
      <c r="AE280" s="53">
        <v>0</v>
      </c>
      <c r="AF280" s="53">
        <v>0</v>
      </c>
      <c r="AG280" s="53">
        <v>0</v>
      </c>
      <c r="AH280" s="53">
        <v>0</v>
      </c>
      <c r="AI280" s="53">
        <v>0</v>
      </c>
      <c r="AJ280" s="53">
        <v>0</v>
      </c>
      <c r="AK280" s="53">
        <v>0</v>
      </c>
      <c r="AL280" s="53">
        <v>0</v>
      </c>
      <c r="AM280" s="53">
        <v>0</v>
      </c>
      <c r="AN280" s="53">
        <v>0</v>
      </c>
      <c r="AO280" s="53">
        <v>0</v>
      </c>
      <c r="AP280" s="53">
        <v>0</v>
      </c>
      <c r="AQ280" s="53">
        <v>0</v>
      </c>
      <c r="AR280" s="53">
        <v>0</v>
      </c>
      <c r="AS280" s="53">
        <v>0</v>
      </c>
      <c r="AT280" s="53">
        <v>0</v>
      </c>
      <c r="AU280" s="53">
        <v>0</v>
      </c>
      <c r="AV280" s="53">
        <v>0</v>
      </c>
      <c r="AW280" s="53">
        <v>0</v>
      </c>
      <c r="AX280" s="53">
        <v>0</v>
      </c>
      <c r="AY280" s="53">
        <v>0</v>
      </c>
      <c r="AZ280" s="53">
        <v>0</v>
      </c>
      <c r="BA280" s="53">
        <v>0</v>
      </c>
    </row>
    <row r="281" spans="1:53">
      <c r="A281" s="52" t="s">
        <v>470</v>
      </c>
      <c r="B281" s="53">
        <v>0</v>
      </c>
      <c r="C281" s="53">
        <v>0</v>
      </c>
      <c r="D281" s="53">
        <v>0</v>
      </c>
      <c r="E281" s="53">
        <v>0</v>
      </c>
      <c r="F281" s="53">
        <v>0</v>
      </c>
      <c r="G281" s="53">
        <v>0</v>
      </c>
      <c r="H281" s="53">
        <v>0</v>
      </c>
      <c r="I281" s="53">
        <v>0</v>
      </c>
      <c r="J281" s="53">
        <v>0</v>
      </c>
      <c r="K281" s="53">
        <v>0</v>
      </c>
      <c r="L281" s="53">
        <v>0</v>
      </c>
      <c r="M281" s="53">
        <v>0</v>
      </c>
      <c r="N281" s="53">
        <v>0</v>
      </c>
      <c r="O281" s="53">
        <v>0</v>
      </c>
      <c r="P281" s="53">
        <v>0</v>
      </c>
      <c r="Q281" s="53">
        <v>0</v>
      </c>
      <c r="R281" s="53">
        <v>0</v>
      </c>
      <c r="S281" s="53">
        <v>0</v>
      </c>
      <c r="T281" s="53">
        <v>0</v>
      </c>
      <c r="U281" s="53">
        <v>0</v>
      </c>
      <c r="V281" s="53">
        <v>0</v>
      </c>
      <c r="W281" s="53">
        <v>0</v>
      </c>
      <c r="X281" s="53">
        <v>0</v>
      </c>
      <c r="Y281" s="53">
        <v>0</v>
      </c>
      <c r="Z281" s="53">
        <v>0</v>
      </c>
      <c r="AA281" s="53">
        <v>0</v>
      </c>
      <c r="AB281" s="53">
        <v>0</v>
      </c>
      <c r="AC281" s="53">
        <v>0</v>
      </c>
      <c r="AD281" s="53">
        <v>0</v>
      </c>
      <c r="AE281" s="53">
        <v>0</v>
      </c>
      <c r="AF281" s="53">
        <v>0</v>
      </c>
      <c r="AG281" s="53">
        <v>0</v>
      </c>
      <c r="AH281" s="53">
        <v>0</v>
      </c>
      <c r="AI281" s="53">
        <v>0</v>
      </c>
      <c r="AJ281" s="53">
        <v>0</v>
      </c>
      <c r="AK281" s="53">
        <v>0</v>
      </c>
      <c r="AL281" s="53">
        <v>0</v>
      </c>
      <c r="AM281" s="53">
        <v>0</v>
      </c>
      <c r="AN281" s="53">
        <v>0</v>
      </c>
      <c r="AO281" s="53">
        <v>0</v>
      </c>
      <c r="AP281" s="53">
        <v>0</v>
      </c>
      <c r="AQ281" s="53">
        <v>0</v>
      </c>
      <c r="AR281" s="53">
        <v>0</v>
      </c>
      <c r="AS281" s="53">
        <v>0</v>
      </c>
      <c r="AT281" s="53">
        <v>0</v>
      </c>
      <c r="AU281" s="53">
        <v>0</v>
      </c>
      <c r="AV281" s="53">
        <v>0</v>
      </c>
      <c r="AW281" s="53">
        <v>0</v>
      </c>
      <c r="AX281" s="53">
        <v>0</v>
      </c>
      <c r="AY281" s="53">
        <v>0</v>
      </c>
      <c r="AZ281" s="53">
        <v>0</v>
      </c>
      <c r="BA281" s="53">
        <v>0</v>
      </c>
    </row>
    <row r="282" spans="1:53">
      <c r="A282" s="52" t="s">
        <v>471</v>
      </c>
      <c r="B282" s="53">
        <v>0</v>
      </c>
      <c r="C282" s="53">
        <v>0</v>
      </c>
      <c r="D282" s="53">
        <v>0</v>
      </c>
      <c r="E282" s="53">
        <v>0</v>
      </c>
      <c r="F282" s="53">
        <v>0</v>
      </c>
      <c r="G282" s="53">
        <v>0</v>
      </c>
      <c r="H282" s="53">
        <v>0</v>
      </c>
      <c r="I282" s="53">
        <v>0</v>
      </c>
      <c r="J282" s="53">
        <v>0</v>
      </c>
      <c r="K282" s="53">
        <v>0</v>
      </c>
      <c r="L282" s="53">
        <v>0</v>
      </c>
      <c r="M282" s="53">
        <v>0</v>
      </c>
      <c r="N282" s="53">
        <v>0</v>
      </c>
      <c r="O282" s="53">
        <v>0</v>
      </c>
      <c r="P282" s="53">
        <v>0</v>
      </c>
      <c r="Q282" s="53">
        <v>0</v>
      </c>
      <c r="R282" s="53">
        <v>0</v>
      </c>
      <c r="S282" s="53">
        <v>0</v>
      </c>
      <c r="T282" s="53">
        <v>0</v>
      </c>
      <c r="U282" s="53">
        <v>0</v>
      </c>
      <c r="V282" s="53">
        <v>0</v>
      </c>
      <c r="W282" s="53">
        <v>0</v>
      </c>
      <c r="X282" s="53">
        <v>0</v>
      </c>
      <c r="Y282" s="53">
        <v>0</v>
      </c>
      <c r="Z282" s="53">
        <v>0</v>
      </c>
      <c r="AA282" s="53">
        <v>0</v>
      </c>
      <c r="AB282" s="53">
        <v>0</v>
      </c>
      <c r="AC282" s="53">
        <v>0</v>
      </c>
      <c r="AD282" s="53">
        <v>0</v>
      </c>
      <c r="AE282" s="53">
        <v>0</v>
      </c>
      <c r="AF282" s="53">
        <v>0</v>
      </c>
      <c r="AG282" s="53">
        <v>0</v>
      </c>
      <c r="AH282" s="53">
        <v>0</v>
      </c>
      <c r="AI282" s="53">
        <v>0</v>
      </c>
      <c r="AJ282" s="53">
        <v>0</v>
      </c>
      <c r="AK282" s="53">
        <v>0</v>
      </c>
      <c r="AL282" s="53">
        <v>0</v>
      </c>
      <c r="AM282" s="53">
        <v>0</v>
      </c>
      <c r="AN282" s="53">
        <v>0</v>
      </c>
      <c r="AO282" s="53">
        <v>0</v>
      </c>
      <c r="AP282" s="53">
        <v>0</v>
      </c>
      <c r="AQ282" s="53">
        <v>0</v>
      </c>
      <c r="AR282" s="53">
        <v>0</v>
      </c>
      <c r="AS282" s="53">
        <v>0</v>
      </c>
      <c r="AT282" s="53">
        <v>0</v>
      </c>
      <c r="AU282" s="53">
        <v>0</v>
      </c>
      <c r="AV282" s="53">
        <v>0</v>
      </c>
      <c r="AW282" s="53">
        <v>0</v>
      </c>
      <c r="AX282" s="53">
        <v>0</v>
      </c>
      <c r="AY282" s="53">
        <v>0</v>
      </c>
      <c r="AZ282" s="53">
        <v>0</v>
      </c>
      <c r="BA282" s="53">
        <v>0</v>
      </c>
    </row>
    <row r="283" spans="1:53">
      <c r="A283" s="58" t="s">
        <v>472</v>
      </c>
      <c r="B283" s="134">
        <v>49668307.490000002</v>
      </c>
      <c r="C283" s="134">
        <v>49668307.490000002</v>
      </c>
      <c r="D283" s="134">
        <v>49668307.490000002</v>
      </c>
      <c r="E283" s="134">
        <v>49668307.490000002</v>
      </c>
      <c r="F283" s="134">
        <v>49668307.490000002</v>
      </c>
      <c r="G283" s="134">
        <v>49668307.490000002</v>
      </c>
      <c r="H283" s="134">
        <v>49668307.490000002</v>
      </c>
      <c r="I283" s="134">
        <v>49668307.490000002</v>
      </c>
      <c r="J283" s="134">
        <v>49668307.490000002</v>
      </c>
      <c r="K283" s="134">
        <v>49668307.490000002</v>
      </c>
      <c r="L283" s="134">
        <v>49668307.490000002</v>
      </c>
      <c r="M283" s="134">
        <v>49668307.490000002</v>
      </c>
      <c r="N283" s="134">
        <v>49668307.490000002</v>
      </c>
      <c r="O283" s="134">
        <v>49668307.490000002</v>
      </c>
      <c r="P283" s="134">
        <v>49668307.490000002</v>
      </c>
      <c r="Q283" s="134">
        <v>49668307.490000002</v>
      </c>
      <c r="R283" s="134">
        <v>49668307.490000002</v>
      </c>
      <c r="S283" s="134">
        <v>49668307.490000002</v>
      </c>
      <c r="T283" s="134">
        <v>49668307.490000002</v>
      </c>
      <c r="U283" s="134">
        <v>49668307.490000002</v>
      </c>
      <c r="V283" s="134">
        <v>49668307.490000002</v>
      </c>
      <c r="W283" s="134">
        <v>49668307.490000002</v>
      </c>
      <c r="X283" s="134">
        <v>49668307.490000002</v>
      </c>
      <c r="Y283" s="134">
        <v>49668307.490000002</v>
      </c>
      <c r="Z283" s="134">
        <v>49668307.490000002</v>
      </c>
      <c r="AA283" s="134">
        <v>49668307.490000002</v>
      </c>
      <c r="AB283" s="134">
        <v>49668307.490000002</v>
      </c>
      <c r="AC283" s="134">
        <v>49668307.490000002</v>
      </c>
      <c r="AD283" s="134">
        <v>49668307.490000002</v>
      </c>
      <c r="AE283" s="134">
        <v>49668307.490000002</v>
      </c>
      <c r="AF283" s="134">
        <v>49668307.490000002</v>
      </c>
      <c r="AG283" s="134">
        <v>49668307.490000002</v>
      </c>
      <c r="AH283" s="134">
        <v>49668307.490000002</v>
      </c>
      <c r="AI283" s="134">
        <v>49668307.490000002</v>
      </c>
      <c r="AJ283" s="134">
        <v>49668307.490000002</v>
      </c>
      <c r="AK283" s="134">
        <v>49668307.490000002</v>
      </c>
      <c r="AL283" s="134">
        <v>49668307.490000002</v>
      </c>
      <c r="AM283" s="134">
        <v>49668307.490000002</v>
      </c>
      <c r="AN283" s="134">
        <v>49668307.490000002</v>
      </c>
      <c r="AO283" s="134">
        <v>49668307.490000002</v>
      </c>
      <c r="AP283" s="134">
        <v>49668307.490000002</v>
      </c>
      <c r="AQ283" s="134">
        <v>49668307.490000002</v>
      </c>
      <c r="AR283" s="134">
        <v>49668307.490000002</v>
      </c>
      <c r="AS283" s="134">
        <v>49668307.490000002</v>
      </c>
      <c r="AT283" s="134">
        <v>49668307.490000002</v>
      </c>
      <c r="AU283" s="134">
        <v>49668307.490000002</v>
      </c>
      <c r="AV283" s="134">
        <v>49668307.490000002</v>
      </c>
      <c r="AW283" s="134">
        <v>49668307.490000002</v>
      </c>
      <c r="AX283" s="134">
        <v>49668307.490000002</v>
      </c>
      <c r="AY283" s="134">
        <v>49668307.490000002</v>
      </c>
      <c r="AZ283" s="134">
        <v>49668307.490000002</v>
      </c>
      <c r="BA283" s="134">
        <v>49668307.490000002</v>
      </c>
    </row>
    <row r="284" spans="1:53">
      <c r="A284" s="52" t="s">
        <v>473</v>
      </c>
    </row>
    <row r="285" spans="1:53">
      <c r="A285" s="57" t="s">
        <v>474</v>
      </c>
    </row>
    <row r="286" spans="1:53">
      <c r="A286" s="52" t="s">
        <v>475</v>
      </c>
      <c r="B286" s="53">
        <v>0</v>
      </c>
      <c r="C286" s="53">
        <v>0</v>
      </c>
      <c r="D286" s="53">
        <v>0</v>
      </c>
      <c r="E286" s="53">
        <v>0</v>
      </c>
      <c r="F286" s="53">
        <v>0</v>
      </c>
      <c r="G286" s="53">
        <v>0</v>
      </c>
      <c r="H286" s="53">
        <v>0</v>
      </c>
      <c r="I286" s="53">
        <v>0</v>
      </c>
      <c r="J286" s="53">
        <v>0</v>
      </c>
      <c r="K286" s="53">
        <v>0</v>
      </c>
      <c r="L286" s="53">
        <v>0</v>
      </c>
      <c r="M286" s="53">
        <v>0</v>
      </c>
      <c r="N286" s="53">
        <v>0</v>
      </c>
      <c r="O286" s="53">
        <v>0</v>
      </c>
      <c r="P286" s="53">
        <v>0</v>
      </c>
      <c r="Q286" s="53">
        <v>0</v>
      </c>
      <c r="R286" s="53">
        <v>0</v>
      </c>
      <c r="S286" s="53">
        <v>0</v>
      </c>
      <c r="T286" s="53">
        <v>0</v>
      </c>
      <c r="U286" s="53">
        <v>0</v>
      </c>
      <c r="V286" s="53">
        <v>0</v>
      </c>
      <c r="W286" s="53">
        <v>0</v>
      </c>
      <c r="X286" s="53">
        <v>0</v>
      </c>
      <c r="Y286" s="53">
        <v>0</v>
      </c>
      <c r="Z286" s="53">
        <v>0</v>
      </c>
      <c r="AA286" s="53">
        <v>0</v>
      </c>
      <c r="AB286" s="53">
        <v>0</v>
      </c>
      <c r="AC286" s="53">
        <v>0</v>
      </c>
      <c r="AD286" s="53">
        <v>0</v>
      </c>
      <c r="AE286" s="53">
        <v>0</v>
      </c>
      <c r="AF286" s="53">
        <v>0</v>
      </c>
      <c r="AG286" s="53">
        <v>0</v>
      </c>
      <c r="AH286" s="53">
        <v>0</v>
      </c>
      <c r="AI286" s="53">
        <v>0</v>
      </c>
      <c r="AJ286" s="53">
        <v>0</v>
      </c>
      <c r="AK286" s="53">
        <v>0</v>
      </c>
      <c r="AL286" s="53">
        <v>0</v>
      </c>
      <c r="AM286" s="53">
        <v>0</v>
      </c>
      <c r="AN286" s="53">
        <v>0</v>
      </c>
      <c r="AO286" s="53">
        <v>0</v>
      </c>
      <c r="AP286" s="53">
        <v>0</v>
      </c>
      <c r="AQ286" s="53">
        <v>0</v>
      </c>
      <c r="AR286" s="53">
        <v>0</v>
      </c>
      <c r="AS286" s="53">
        <v>0</v>
      </c>
      <c r="AT286" s="53">
        <v>0</v>
      </c>
      <c r="AU286" s="53">
        <v>0</v>
      </c>
      <c r="AV286" s="53">
        <v>0</v>
      </c>
      <c r="AW286" s="53">
        <v>0</v>
      </c>
      <c r="AX286" s="53">
        <v>0</v>
      </c>
      <c r="AY286" s="53">
        <v>0</v>
      </c>
      <c r="AZ286" s="53">
        <v>0</v>
      </c>
      <c r="BA286" s="53">
        <v>0</v>
      </c>
    </row>
    <row r="287" spans="1:53">
      <c r="A287" s="52" t="s">
        <v>476</v>
      </c>
      <c r="B287" s="53">
        <v>-26802409</v>
      </c>
      <c r="C287" s="53">
        <v>-26802409</v>
      </c>
      <c r="D287" s="53">
        <v>-26802409</v>
      </c>
      <c r="E287" s="53">
        <v>-26802409</v>
      </c>
      <c r="F287" s="53">
        <v>-26802409</v>
      </c>
      <c r="G287" s="53">
        <v>-26802409</v>
      </c>
      <c r="H287" s="53">
        <v>-26802409</v>
      </c>
      <c r="I287" s="53">
        <v>-26802409</v>
      </c>
      <c r="J287" s="53">
        <v>-26802409</v>
      </c>
      <c r="K287" s="53">
        <v>-26802409</v>
      </c>
      <c r="L287" s="53">
        <v>-26802409</v>
      </c>
      <c r="M287" s="53">
        <v>-26802409</v>
      </c>
      <c r="N287" s="53">
        <v>-26802409</v>
      </c>
      <c r="O287" s="53">
        <v>-26802409</v>
      </c>
      <c r="P287" s="53">
        <v>-26802409</v>
      </c>
      <c r="Q287" s="53">
        <v>-26802409</v>
      </c>
      <c r="R287" s="53">
        <v>-26802409</v>
      </c>
      <c r="S287" s="53">
        <v>-26802409</v>
      </c>
      <c r="T287" s="53">
        <v>-26802409</v>
      </c>
      <c r="U287" s="53">
        <v>-26802409</v>
      </c>
      <c r="V287" s="53">
        <v>-26802409</v>
      </c>
      <c r="W287" s="53">
        <v>-26802409</v>
      </c>
      <c r="X287" s="53">
        <v>-26802409</v>
      </c>
      <c r="Y287" s="53">
        <v>-26802409</v>
      </c>
      <c r="Z287" s="53">
        <v>-26802409</v>
      </c>
      <c r="AA287" s="53">
        <v>-26802409</v>
      </c>
      <c r="AB287" s="53">
        <v>-26802409</v>
      </c>
      <c r="AC287" s="53">
        <v>-26802409</v>
      </c>
      <c r="AD287" s="53">
        <v>-26802409</v>
      </c>
      <c r="AE287" s="53">
        <v>-26802409</v>
      </c>
      <c r="AF287" s="53">
        <v>-26802409</v>
      </c>
      <c r="AG287" s="53">
        <v>-26802409</v>
      </c>
      <c r="AH287" s="53">
        <v>-26802409</v>
      </c>
      <c r="AI287" s="53">
        <v>-26802409</v>
      </c>
      <c r="AJ287" s="53">
        <v>-26802409</v>
      </c>
      <c r="AK287" s="53">
        <v>-26802409</v>
      </c>
      <c r="AL287" s="53">
        <v>-26802409</v>
      </c>
      <c r="AM287" s="53">
        <v>-26802409</v>
      </c>
      <c r="AN287" s="53">
        <v>-26802409</v>
      </c>
      <c r="AO287" s="53">
        <v>-26802409</v>
      </c>
      <c r="AP287" s="53">
        <v>-26802409</v>
      </c>
      <c r="AQ287" s="53">
        <v>-26802409</v>
      </c>
      <c r="AR287" s="53">
        <v>-26802409</v>
      </c>
      <c r="AS287" s="53">
        <v>-26802409</v>
      </c>
      <c r="AT287" s="53">
        <v>-26802409</v>
      </c>
      <c r="AU287" s="53">
        <v>-26802409</v>
      </c>
      <c r="AV287" s="53">
        <v>-26802409</v>
      </c>
      <c r="AW287" s="53">
        <v>-26802409</v>
      </c>
      <c r="AX287" s="53">
        <v>-26802409</v>
      </c>
      <c r="AY287" s="53">
        <v>-26802409</v>
      </c>
      <c r="AZ287" s="53">
        <v>-26802409</v>
      </c>
      <c r="BA287" s="53">
        <v>-26802409</v>
      </c>
    </row>
    <row r="288" spans="1:53">
      <c r="A288" s="52" t="s">
        <v>477</v>
      </c>
      <c r="B288" s="53">
        <v>-736991</v>
      </c>
      <c r="C288" s="53">
        <v>-736991</v>
      </c>
      <c r="D288" s="53">
        <v>-736991</v>
      </c>
      <c r="E288" s="53">
        <v>-736991</v>
      </c>
      <c r="F288" s="53">
        <v>-736991</v>
      </c>
      <c r="G288" s="53">
        <v>-736991</v>
      </c>
      <c r="H288" s="53">
        <v>-736991</v>
      </c>
      <c r="I288" s="53">
        <v>-736991</v>
      </c>
      <c r="J288" s="53">
        <v>-736991</v>
      </c>
      <c r="K288" s="53">
        <v>-736991</v>
      </c>
      <c r="L288" s="53">
        <v>-736991</v>
      </c>
      <c r="M288" s="53">
        <v>-736991</v>
      </c>
      <c r="N288" s="53">
        <v>-736991</v>
      </c>
      <c r="O288" s="53">
        <v>-736991</v>
      </c>
      <c r="P288" s="53">
        <v>-736991</v>
      </c>
      <c r="Q288" s="53">
        <v>-736991</v>
      </c>
      <c r="R288" s="53">
        <v>-736991</v>
      </c>
      <c r="S288" s="53">
        <v>-736991</v>
      </c>
      <c r="T288" s="53">
        <v>-736991</v>
      </c>
      <c r="U288" s="53">
        <v>-736991</v>
      </c>
      <c r="V288" s="53">
        <v>-736991</v>
      </c>
      <c r="W288" s="53">
        <v>-736991</v>
      </c>
      <c r="X288" s="53">
        <v>-736991</v>
      </c>
      <c r="Y288" s="53">
        <v>-736991</v>
      </c>
      <c r="Z288" s="53">
        <v>-736991</v>
      </c>
      <c r="AA288" s="53">
        <v>-736991</v>
      </c>
      <c r="AB288" s="53">
        <v>-736991</v>
      </c>
      <c r="AC288" s="53">
        <v>-736991</v>
      </c>
      <c r="AD288" s="53">
        <v>-736991</v>
      </c>
      <c r="AE288" s="53">
        <v>-736991</v>
      </c>
      <c r="AF288" s="53">
        <v>-736991</v>
      </c>
      <c r="AG288" s="53">
        <v>-736991</v>
      </c>
      <c r="AH288" s="53">
        <v>-736991</v>
      </c>
      <c r="AI288" s="53">
        <v>-736991</v>
      </c>
      <c r="AJ288" s="53">
        <v>-736991</v>
      </c>
      <c r="AK288" s="53">
        <v>-736991</v>
      </c>
      <c r="AL288" s="53">
        <v>-736991</v>
      </c>
      <c r="AM288" s="53">
        <v>-736991</v>
      </c>
      <c r="AN288" s="53">
        <v>-736991</v>
      </c>
      <c r="AO288" s="53">
        <v>-736991</v>
      </c>
      <c r="AP288" s="53">
        <v>-736991</v>
      </c>
      <c r="AQ288" s="53">
        <v>-736991</v>
      </c>
      <c r="AR288" s="53">
        <v>-736991</v>
      </c>
      <c r="AS288" s="53">
        <v>-736991</v>
      </c>
      <c r="AT288" s="53">
        <v>-736991</v>
      </c>
      <c r="AU288" s="53">
        <v>-736991</v>
      </c>
      <c r="AV288" s="53">
        <v>-736991</v>
      </c>
      <c r="AW288" s="53">
        <v>-736991</v>
      </c>
      <c r="AX288" s="53">
        <v>-736991</v>
      </c>
      <c r="AY288" s="53">
        <v>-736991</v>
      </c>
      <c r="AZ288" s="53">
        <v>-736991</v>
      </c>
      <c r="BA288" s="53">
        <v>-736991</v>
      </c>
    </row>
    <row r="289" spans="1:53">
      <c r="A289" s="52" t="s">
        <v>478</v>
      </c>
      <c r="B289" s="53">
        <v>0</v>
      </c>
      <c r="C289" s="53">
        <v>0</v>
      </c>
      <c r="D289" s="53">
        <v>0</v>
      </c>
      <c r="E289" s="53">
        <v>0</v>
      </c>
      <c r="F289" s="53">
        <v>0</v>
      </c>
      <c r="G289" s="53">
        <v>0</v>
      </c>
      <c r="H289" s="53">
        <v>0</v>
      </c>
      <c r="I289" s="53">
        <v>0</v>
      </c>
      <c r="J289" s="53">
        <v>0</v>
      </c>
      <c r="K289" s="53">
        <v>0</v>
      </c>
      <c r="L289" s="53">
        <v>0</v>
      </c>
      <c r="M289" s="53">
        <v>0</v>
      </c>
      <c r="N289" s="53">
        <v>0</v>
      </c>
      <c r="O289" s="53">
        <v>0</v>
      </c>
      <c r="P289" s="53">
        <v>0</v>
      </c>
      <c r="Q289" s="53">
        <v>0</v>
      </c>
      <c r="R289" s="53">
        <v>0</v>
      </c>
      <c r="S289" s="53">
        <v>0</v>
      </c>
      <c r="T289" s="53">
        <v>0</v>
      </c>
      <c r="U289" s="53">
        <v>0</v>
      </c>
      <c r="V289" s="53">
        <v>0</v>
      </c>
      <c r="W289" s="53">
        <v>0</v>
      </c>
      <c r="X289" s="53">
        <v>0</v>
      </c>
      <c r="Y289" s="53">
        <v>0</v>
      </c>
      <c r="Z289" s="53">
        <v>0</v>
      </c>
      <c r="AA289" s="53">
        <v>0</v>
      </c>
      <c r="AB289" s="53">
        <v>0</v>
      </c>
      <c r="AC289" s="53">
        <v>0</v>
      </c>
      <c r="AD289" s="53">
        <v>0</v>
      </c>
      <c r="AE289" s="53">
        <v>0</v>
      </c>
      <c r="AF289" s="53">
        <v>0</v>
      </c>
      <c r="AG289" s="53">
        <v>0</v>
      </c>
      <c r="AH289" s="53">
        <v>0</v>
      </c>
      <c r="AI289" s="53">
        <v>0</v>
      </c>
      <c r="AJ289" s="53">
        <v>0</v>
      </c>
      <c r="AK289" s="53">
        <v>0</v>
      </c>
      <c r="AL289" s="53">
        <v>0</v>
      </c>
      <c r="AM289" s="53">
        <v>0</v>
      </c>
      <c r="AN289" s="53">
        <v>0</v>
      </c>
      <c r="AO289" s="53">
        <v>0</v>
      </c>
      <c r="AP289" s="53">
        <v>0</v>
      </c>
      <c r="AQ289" s="53">
        <v>0</v>
      </c>
      <c r="AR289" s="53">
        <v>0</v>
      </c>
      <c r="AS289" s="53">
        <v>0</v>
      </c>
      <c r="AT289" s="53">
        <v>0</v>
      </c>
      <c r="AU289" s="53">
        <v>0</v>
      </c>
      <c r="AV289" s="53">
        <v>0</v>
      </c>
      <c r="AW289" s="53">
        <v>0</v>
      </c>
      <c r="AX289" s="53">
        <v>0</v>
      </c>
      <c r="AY289" s="53">
        <v>0</v>
      </c>
      <c r="AZ289" s="53">
        <v>0</v>
      </c>
      <c r="BA289" s="53">
        <v>0</v>
      </c>
    </row>
    <row r="290" spans="1:53">
      <c r="A290" s="52" t="s">
        <v>479</v>
      </c>
      <c r="B290" s="53">
        <v>0</v>
      </c>
      <c r="C290" s="53">
        <v>0</v>
      </c>
      <c r="D290" s="53">
        <v>0</v>
      </c>
      <c r="E290" s="53">
        <v>0</v>
      </c>
      <c r="F290" s="53">
        <v>0</v>
      </c>
      <c r="G290" s="53">
        <v>0</v>
      </c>
      <c r="H290" s="53">
        <v>0</v>
      </c>
      <c r="I290" s="53">
        <v>0</v>
      </c>
      <c r="J290" s="53">
        <v>0</v>
      </c>
      <c r="K290" s="53">
        <v>0</v>
      </c>
      <c r="L290" s="53">
        <v>0</v>
      </c>
      <c r="M290" s="53">
        <v>0</v>
      </c>
      <c r="N290" s="53">
        <v>0</v>
      </c>
      <c r="O290" s="53">
        <v>0</v>
      </c>
      <c r="P290" s="53">
        <v>0</v>
      </c>
      <c r="Q290" s="53">
        <v>0</v>
      </c>
      <c r="R290" s="53">
        <v>0</v>
      </c>
      <c r="S290" s="53">
        <v>0</v>
      </c>
      <c r="T290" s="53">
        <v>0</v>
      </c>
      <c r="U290" s="53">
        <v>0</v>
      </c>
      <c r="V290" s="53">
        <v>0</v>
      </c>
      <c r="W290" s="53">
        <v>0</v>
      </c>
      <c r="X290" s="53">
        <v>0</v>
      </c>
      <c r="Y290" s="53">
        <v>0</v>
      </c>
      <c r="Z290" s="53">
        <v>0</v>
      </c>
      <c r="AA290" s="53">
        <v>0</v>
      </c>
      <c r="AB290" s="53">
        <v>0</v>
      </c>
      <c r="AC290" s="53">
        <v>0</v>
      </c>
      <c r="AD290" s="53">
        <v>0</v>
      </c>
      <c r="AE290" s="53">
        <v>0</v>
      </c>
      <c r="AF290" s="53">
        <v>0</v>
      </c>
      <c r="AG290" s="53">
        <v>0</v>
      </c>
      <c r="AH290" s="53">
        <v>0</v>
      </c>
      <c r="AI290" s="53">
        <v>0</v>
      </c>
      <c r="AJ290" s="53">
        <v>0</v>
      </c>
      <c r="AK290" s="53">
        <v>0</v>
      </c>
      <c r="AL290" s="53">
        <v>0</v>
      </c>
      <c r="AM290" s="53">
        <v>0</v>
      </c>
      <c r="AN290" s="53">
        <v>0</v>
      </c>
      <c r="AO290" s="53">
        <v>0</v>
      </c>
      <c r="AP290" s="53">
        <v>0</v>
      </c>
      <c r="AQ290" s="53">
        <v>0</v>
      </c>
      <c r="AR290" s="53">
        <v>0</v>
      </c>
      <c r="AS290" s="53">
        <v>0</v>
      </c>
      <c r="AT290" s="53">
        <v>0</v>
      </c>
      <c r="AU290" s="53">
        <v>0</v>
      </c>
      <c r="AV290" s="53">
        <v>0</v>
      </c>
      <c r="AW290" s="53">
        <v>0</v>
      </c>
      <c r="AX290" s="53">
        <v>0</v>
      </c>
      <c r="AY290" s="53">
        <v>0</v>
      </c>
      <c r="AZ290" s="53">
        <v>0</v>
      </c>
      <c r="BA290" s="53">
        <v>0</v>
      </c>
    </row>
    <row r="291" spans="1:53">
      <c r="A291" s="52" t="s">
        <v>480</v>
      </c>
      <c r="B291" s="53">
        <v>-179278.78999999899</v>
      </c>
      <c r="C291" s="53">
        <v>-179278.78999999899</v>
      </c>
      <c r="D291" s="53">
        <v>-179278.78999999899</v>
      </c>
      <c r="E291" s="53">
        <v>-179278.78999999899</v>
      </c>
      <c r="F291" s="53">
        <v>-179278.78999999899</v>
      </c>
      <c r="G291" s="53">
        <v>-179278.78999999899</v>
      </c>
      <c r="H291" s="53">
        <v>-179278.78999999899</v>
      </c>
      <c r="I291" s="53">
        <v>-179278.78999999899</v>
      </c>
      <c r="J291" s="53">
        <v>-179278.78999999899</v>
      </c>
      <c r="K291" s="53">
        <v>-179278.78999999899</v>
      </c>
      <c r="L291" s="53">
        <v>-179278.78999999899</v>
      </c>
      <c r="M291" s="53">
        <v>-179278.78999999899</v>
      </c>
      <c r="N291" s="53">
        <v>-179278.78999999899</v>
      </c>
      <c r="O291" s="53">
        <v>-179278.78999999899</v>
      </c>
      <c r="P291" s="53">
        <v>-179278.78999999899</v>
      </c>
      <c r="Q291" s="53">
        <v>-179278.78999999899</v>
      </c>
      <c r="R291" s="53">
        <v>-179278.78999999899</v>
      </c>
      <c r="S291" s="53">
        <v>-179278.78999999899</v>
      </c>
      <c r="T291" s="53">
        <v>-179278.78999999899</v>
      </c>
      <c r="U291" s="53">
        <v>-179278.78999999899</v>
      </c>
      <c r="V291" s="53">
        <v>-179278.78999999899</v>
      </c>
      <c r="W291" s="53">
        <v>-179278.78999999899</v>
      </c>
      <c r="X291" s="53">
        <v>-179278.78999999899</v>
      </c>
      <c r="Y291" s="53">
        <v>-179278.78999999899</v>
      </c>
      <c r="Z291" s="53">
        <v>-179278.78999999899</v>
      </c>
      <c r="AA291" s="53">
        <v>-179278.78999999899</v>
      </c>
      <c r="AB291" s="53">
        <v>-179278.78999999899</v>
      </c>
      <c r="AC291" s="53">
        <v>-179278.78999999899</v>
      </c>
      <c r="AD291" s="53">
        <v>-179278.78999999899</v>
      </c>
      <c r="AE291" s="53">
        <v>-179278.78999999899</v>
      </c>
      <c r="AF291" s="53">
        <v>-179278.78999999899</v>
      </c>
      <c r="AG291" s="53">
        <v>-179278.78999999899</v>
      </c>
      <c r="AH291" s="53">
        <v>-179278.78999999899</v>
      </c>
      <c r="AI291" s="53">
        <v>-179278.78999999899</v>
      </c>
      <c r="AJ291" s="53">
        <v>-179278.78999999899</v>
      </c>
      <c r="AK291" s="53">
        <v>-179278.78999999899</v>
      </c>
      <c r="AL291" s="53">
        <v>-179278.78999999899</v>
      </c>
      <c r="AM291" s="53">
        <v>-179278.78999999899</v>
      </c>
      <c r="AN291" s="53">
        <v>-179278.78999999899</v>
      </c>
      <c r="AO291" s="53">
        <v>-179278.78999999899</v>
      </c>
      <c r="AP291" s="53">
        <v>-179278.78999999899</v>
      </c>
      <c r="AQ291" s="53">
        <v>-179278.78999999899</v>
      </c>
      <c r="AR291" s="53">
        <v>-179278.78999999899</v>
      </c>
      <c r="AS291" s="53">
        <v>-179278.78999999899</v>
      </c>
      <c r="AT291" s="53">
        <v>-179278.78999999899</v>
      </c>
      <c r="AU291" s="53">
        <v>-179278.78999999899</v>
      </c>
      <c r="AV291" s="53">
        <v>-179278.78999999899</v>
      </c>
      <c r="AW291" s="53">
        <v>-179278.78999999899</v>
      </c>
      <c r="AX291" s="53">
        <v>-179278.78999999899</v>
      </c>
      <c r="AY291" s="53">
        <v>-179278.78999999899</v>
      </c>
      <c r="AZ291" s="53">
        <v>-179278.78999999899</v>
      </c>
      <c r="BA291" s="53">
        <v>-179278.78999999899</v>
      </c>
    </row>
    <row r="292" spans="1:53">
      <c r="A292" s="52" t="s">
        <v>481</v>
      </c>
      <c r="B292" s="53">
        <v>-8401958.1899999995</v>
      </c>
      <c r="C292" s="53">
        <v>-8401958.1899999995</v>
      </c>
      <c r="D292" s="53">
        <v>-8401958.1899999995</v>
      </c>
      <c r="E292" s="53">
        <v>-8401958.1899999995</v>
      </c>
      <c r="F292" s="53">
        <v>-8401958.1899999995</v>
      </c>
      <c r="G292" s="53">
        <v>-8401958.1899999995</v>
      </c>
      <c r="H292" s="53">
        <v>-8401958.1899999995</v>
      </c>
      <c r="I292" s="53">
        <v>-8401958.1899999995</v>
      </c>
      <c r="J292" s="53">
        <v>-8401958.1899999995</v>
      </c>
      <c r="K292" s="53">
        <v>-8401958.1899999995</v>
      </c>
      <c r="L292" s="53">
        <v>-8401958.1899999995</v>
      </c>
      <c r="M292" s="53">
        <v>-8401958.1899999995</v>
      </c>
      <c r="N292" s="53">
        <v>-8401958.1899999995</v>
      </c>
      <c r="O292" s="53">
        <v>-8401958.1899999995</v>
      </c>
      <c r="P292" s="53">
        <v>-8401958.1899999995</v>
      </c>
      <c r="Q292" s="53">
        <v>-8401958.1899999995</v>
      </c>
      <c r="R292" s="53">
        <v>-8401958.1899999995</v>
      </c>
      <c r="S292" s="53">
        <v>-8401958.1899999995</v>
      </c>
      <c r="T292" s="53">
        <v>-8401958.1899999995</v>
      </c>
      <c r="U292" s="53">
        <v>-8401958.1899999995</v>
      </c>
      <c r="V292" s="53">
        <v>-8401958.1899999995</v>
      </c>
      <c r="W292" s="53">
        <v>-8401958.1899999995</v>
      </c>
      <c r="X292" s="53">
        <v>-8401958.1899999995</v>
      </c>
      <c r="Y292" s="53">
        <v>-8401958.1899999995</v>
      </c>
      <c r="Z292" s="53">
        <v>-8401958.1899999995</v>
      </c>
      <c r="AA292" s="53">
        <v>-8401958.1899999995</v>
      </c>
      <c r="AB292" s="53">
        <v>-8401958.1899999995</v>
      </c>
      <c r="AC292" s="53">
        <v>-8401958.1899999995</v>
      </c>
      <c r="AD292" s="53">
        <v>-8401958.1899999995</v>
      </c>
      <c r="AE292" s="53">
        <v>-8401958.1899999995</v>
      </c>
      <c r="AF292" s="53">
        <v>-8401958.1899999995</v>
      </c>
      <c r="AG292" s="53">
        <v>-8401958.1899999995</v>
      </c>
      <c r="AH292" s="53">
        <v>-8401958.1899999995</v>
      </c>
      <c r="AI292" s="53">
        <v>-8401958.1899999995</v>
      </c>
      <c r="AJ292" s="53">
        <v>-8401958.1899999995</v>
      </c>
      <c r="AK292" s="53">
        <v>-8401958.1899999995</v>
      </c>
      <c r="AL292" s="53">
        <v>-8401958.1899999995</v>
      </c>
      <c r="AM292" s="53">
        <v>-8401958.1899999995</v>
      </c>
      <c r="AN292" s="53">
        <v>-8401958.1899999995</v>
      </c>
      <c r="AO292" s="53">
        <v>-8401958.1899999995</v>
      </c>
      <c r="AP292" s="53">
        <v>-8401958.1899999995</v>
      </c>
      <c r="AQ292" s="53">
        <v>-8401958.1899999995</v>
      </c>
      <c r="AR292" s="53">
        <v>-8401958.1899999995</v>
      </c>
      <c r="AS292" s="53">
        <v>-8401958.1899999995</v>
      </c>
      <c r="AT292" s="53">
        <v>-8401958.1899999995</v>
      </c>
      <c r="AU292" s="53">
        <v>-8401958.1899999995</v>
      </c>
      <c r="AV292" s="53">
        <v>-8401958.1899999995</v>
      </c>
      <c r="AW292" s="53">
        <v>-8401958.1899999995</v>
      </c>
      <c r="AX292" s="53">
        <v>-8401958.1899999995</v>
      </c>
      <c r="AY292" s="53">
        <v>-8401958.1899999995</v>
      </c>
      <c r="AZ292" s="53">
        <v>-8401958.1899999995</v>
      </c>
      <c r="BA292" s="53">
        <v>-8401958.1899999995</v>
      </c>
    </row>
    <row r="293" spans="1:53">
      <c r="A293" s="58" t="s">
        <v>482</v>
      </c>
      <c r="B293" s="134">
        <v>-36120636.979999997</v>
      </c>
      <c r="C293" s="134">
        <v>-36120636.979999997</v>
      </c>
      <c r="D293" s="134">
        <v>-36120636.979999997</v>
      </c>
      <c r="E293" s="134">
        <v>-36120636.979999997</v>
      </c>
      <c r="F293" s="134">
        <v>-36120636.979999997</v>
      </c>
      <c r="G293" s="134">
        <v>-36120636.979999997</v>
      </c>
      <c r="H293" s="134">
        <v>-36120636.979999997</v>
      </c>
      <c r="I293" s="134">
        <v>-36120636.979999997</v>
      </c>
      <c r="J293" s="134">
        <v>-36120636.979999997</v>
      </c>
      <c r="K293" s="134">
        <v>-36120636.979999997</v>
      </c>
      <c r="L293" s="134">
        <v>-36120636.979999997</v>
      </c>
      <c r="M293" s="134">
        <v>-36120636.979999997</v>
      </c>
      <c r="N293" s="134">
        <v>-36120636.979999997</v>
      </c>
      <c r="O293" s="134">
        <v>-36120636.979999997</v>
      </c>
      <c r="P293" s="134">
        <v>-36120636.979999997</v>
      </c>
      <c r="Q293" s="134">
        <v>-36120636.979999997</v>
      </c>
      <c r="R293" s="134">
        <v>-36120636.979999997</v>
      </c>
      <c r="S293" s="134">
        <v>-36120636.979999997</v>
      </c>
      <c r="T293" s="134">
        <v>-36120636.979999997</v>
      </c>
      <c r="U293" s="134">
        <v>-36120636.979999997</v>
      </c>
      <c r="V293" s="134">
        <v>-36120636.979999997</v>
      </c>
      <c r="W293" s="134">
        <v>-36120636.979999997</v>
      </c>
      <c r="X293" s="134">
        <v>-36120636.979999997</v>
      </c>
      <c r="Y293" s="134">
        <v>-36120636.979999997</v>
      </c>
      <c r="Z293" s="134">
        <v>-36120636.979999997</v>
      </c>
      <c r="AA293" s="134">
        <v>-36120636.979999997</v>
      </c>
      <c r="AB293" s="134">
        <v>-36120636.979999997</v>
      </c>
      <c r="AC293" s="134">
        <v>-36120636.979999997</v>
      </c>
      <c r="AD293" s="134">
        <v>-36120636.979999997</v>
      </c>
      <c r="AE293" s="134">
        <v>-36120636.979999997</v>
      </c>
      <c r="AF293" s="134">
        <v>-36120636.979999997</v>
      </c>
      <c r="AG293" s="134">
        <v>-36120636.979999997</v>
      </c>
      <c r="AH293" s="134">
        <v>-36120636.979999997</v>
      </c>
      <c r="AI293" s="134">
        <v>-36120636.979999997</v>
      </c>
      <c r="AJ293" s="134">
        <v>-36120636.979999997</v>
      </c>
      <c r="AK293" s="134">
        <v>-36120636.979999997</v>
      </c>
      <c r="AL293" s="134">
        <v>-36120636.979999997</v>
      </c>
      <c r="AM293" s="134">
        <v>-36120636.979999997</v>
      </c>
      <c r="AN293" s="134">
        <v>-36120636.979999997</v>
      </c>
      <c r="AO293" s="134">
        <v>-36120636.979999997</v>
      </c>
      <c r="AP293" s="134">
        <v>-36120636.979999997</v>
      </c>
      <c r="AQ293" s="134">
        <v>-36120636.979999997</v>
      </c>
      <c r="AR293" s="134">
        <v>-36120636.979999997</v>
      </c>
      <c r="AS293" s="134">
        <v>-36120636.979999997</v>
      </c>
      <c r="AT293" s="134">
        <v>-36120636.979999997</v>
      </c>
      <c r="AU293" s="134">
        <v>-36120636.979999997</v>
      </c>
      <c r="AV293" s="134">
        <v>-36120636.979999997</v>
      </c>
      <c r="AW293" s="134">
        <v>-36120636.979999997</v>
      </c>
      <c r="AX293" s="134">
        <v>-36120636.979999997</v>
      </c>
      <c r="AY293" s="134">
        <v>-36120636.979999997</v>
      </c>
      <c r="AZ293" s="134">
        <v>-36120636.979999997</v>
      </c>
      <c r="BA293" s="134">
        <v>-36120636.979999997</v>
      </c>
    </row>
    <row r="294" spans="1:53">
      <c r="A294" s="52" t="s">
        <v>483</v>
      </c>
    </row>
    <row r="295" spans="1:53">
      <c r="A295" s="57" t="s">
        <v>484</v>
      </c>
    </row>
    <row r="296" spans="1:53">
      <c r="A296" s="52" t="s">
        <v>485</v>
      </c>
      <c r="B296" s="53">
        <v>0</v>
      </c>
      <c r="C296" s="53">
        <v>0</v>
      </c>
      <c r="D296" s="53">
        <v>0</v>
      </c>
      <c r="E296" s="53">
        <v>0</v>
      </c>
      <c r="F296" s="53">
        <v>0</v>
      </c>
      <c r="G296" s="53">
        <v>0</v>
      </c>
      <c r="H296" s="53">
        <v>0</v>
      </c>
      <c r="I296" s="53">
        <v>137442028.716232</v>
      </c>
      <c r="J296" s="53">
        <v>239377237.91134599</v>
      </c>
      <c r="K296" s="53">
        <v>393280992.26323497</v>
      </c>
      <c r="L296" s="53">
        <v>193048441.87334099</v>
      </c>
      <c r="M296" s="53">
        <v>0</v>
      </c>
      <c r="N296" s="53">
        <v>0</v>
      </c>
      <c r="O296" s="53">
        <v>0</v>
      </c>
      <c r="P296" s="53">
        <v>0</v>
      </c>
      <c r="Q296" s="53">
        <v>0</v>
      </c>
      <c r="R296" s="53">
        <v>0</v>
      </c>
      <c r="S296" s="53">
        <v>0</v>
      </c>
      <c r="T296" s="53">
        <v>233794140.86158001</v>
      </c>
      <c r="U296" s="53">
        <v>227643124.22132599</v>
      </c>
      <c r="V296" s="53">
        <v>280939309.93058503</v>
      </c>
      <c r="W296" s="53">
        <v>341934612.80359203</v>
      </c>
      <c r="X296" s="53">
        <v>384555249.98042399</v>
      </c>
      <c r="Y296" s="53">
        <v>71955812.614500105</v>
      </c>
      <c r="Z296" s="53">
        <v>0</v>
      </c>
      <c r="AA296" s="53">
        <v>0</v>
      </c>
      <c r="AB296" s="53">
        <v>0</v>
      </c>
      <c r="AC296" s="53">
        <v>0</v>
      </c>
      <c r="AD296" s="53">
        <v>0</v>
      </c>
      <c r="AE296" s="53">
        <v>0</v>
      </c>
      <c r="AF296" s="53">
        <v>0</v>
      </c>
      <c r="AG296" s="53">
        <v>233559606.438665</v>
      </c>
      <c r="AH296" s="53">
        <v>256509907.93695101</v>
      </c>
      <c r="AI296" s="53">
        <v>316266376.39893699</v>
      </c>
      <c r="AJ296" s="53">
        <v>290456805.72593403</v>
      </c>
      <c r="AK296" s="53">
        <v>345374414.50259</v>
      </c>
      <c r="AL296" s="53">
        <v>25961727.997004099</v>
      </c>
      <c r="AM296" s="53">
        <v>0</v>
      </c>
      <c r="AN296" s="53">
        <v>0</v>
      </c>
      <c r="AO296" s="53">
        <v>0</v>
      </c>
      <c r="AP296" s="53">
        <v>0</v>
      </c>
      <c r="AQ296" s="53">
        <v>0</v>
      </c>
      <c r="AR296" s="53">
        <v>0</v>
      </c>
      <c r="AS296" s="53">
        <v>0</v>
      </c>
      <c r="AT296" s="53">
        <v>89413364.099600807</v>
      </c>
      <c r="AU296" s="53">
        <v>131321263.992834</v>
      </c>
      <c r="AV296" s="53">
        <v>209891225.351459</v>
      </c>
      <c r="AW296" s="53">
        <v>354915954.59222502</v>
      </c>
      <c r="AX296" s="53">
        <v>406748952.61554003</v>
      </c>
      <c r="AY296" s="53">
        <v>76328665.770742998</v>
      </c>
      <c r="AZ296" s="53">
        <v>0</v>
      </c>
      <c r="BA296" s="53">
        <v>0</v>
      </c>
    </row>
    <row r="297" spans="1:53">
      <c r="A297" s="58" t="s">
        <v>486</v>
      </c>
      <c r="B297" s="134">
        <v>0</v>
      </c>
      <c r="C297" s="134">
        <v>0</v>
      </c>
      <c r="D297" s="134">
        <v>0</v>
      </c>
      <c r="E297" s="134">
        <v>0</v>
      </c>
      <c r="F297" s="134">
        <v>0</v>
      </c>
      <c r="G297" s="134">
        <v>0</v>
      </c>
      <c r="H297" s="134">
        <v>0</v>
      </c>
      <c r="I297" s="134">
        <v>137442028.716232</v>
      </c>
      <c r="J297" s="134">
        <v>239377237.91134599</v>
      </c>
      <c r="K297" s="134">
        <v>393280992.26323497</v>
      </c>
      <c r="L297" s="134">
        <v>193048441.87334099</v>
      </c>
      <c r="M297" s="134">
        <v>0</v>
      </c>
      <c r="N297" s="134">
        <v>0</v>
      </c>
      <c r="O297" s="134">
        <v>0</v>
      </c>
      <c r="P297" s="134">
        <v>0</v>
      </c>
      <c r="Q297" s="134">
        <v>0</v>
      </c>
      <c r="R297" s="134">
        <v>0</v>
      </c>
      <c r="S297" s="134">
        <v>0</v>
      </c>
      <c r="T297" s="134">
        <v>233794140.86158001</v>
      </c>
      <c r="U297" s="134">
        <v>227643124.22132599</v>
      </c>
      <c r="V297" s="134">
        <v>280939309.93058503</v>
      </c>
      <c r="W297" s="134">
        <v>341934612.80359203</v>
      </c>
      <c r="X297" s="134">
        <v>384555249.98042399</v>
      </c>
      <c r="Y297" s="134">
        <v>71955812.614500105</v>
      </c>
      <c r="Z297" s="134">
        <v>0</v>
      </c>
      <c r="AA297" s="134">
        <v>0</v>
      </c>
      <c r="AB297" s="134">
        <v>0</v>
      </c>
      <c r="AC297" s="134">
        <v>0</v>
      </c>
      <c r="AD297" s="134">
        <v>0</v>
      </c>
      <c r="AE297" s="134">
        <v>0</v>
      </c>
      <c r="AF297" s="134">
        <v>0</v>
      </c>
      <c r="AG297" s="134">
        <v>233559606.438665</v>
      </c>
      <c r="AH297" s="134">
        <v>256509907.93695101</v>
      </c>
      <c r="AI297" s="134">
        <v>316266376.39893699</v>
      </c>
      <c r="AJ297" s="134">
        <v>290456805.72593403</v>
      </c>
      <c r="AK297" s="134">
        <v>345374414.50259</v>
      </c>
      <c r="AL297" s="134">
        <v>25961727.997004099</v>
      </c>
      <c r="AM297" s="134">
        <v>0</v>
      </c>
      <c r="AN297" s="134">
        <v>0</v>
      </c>
      <c r="AO297" s="134">
        <v>0</v>
      </c>
      <c r="AP297" s="134">
        <v>0</v>
      </c>
      <c r="AQ297" s="134">
        <v>0</v>
      </c>
      <c r="AR297" s="134">
        <v>0</v>
      </c>
      <c r="AS297" s="134">
        <v>0</v>
      </c>
      <c r="AT297" s="134">
        <v>89413364.099600807</v>
      </c>
      <c r="AU297" s="134">
        <v>131321263.992834</v>
      </c>
      <c r="AV297" s="134">
        <v>209891225.351459</v>
      </c>
      <c r="AW297" s="134">
        <v>354915954.59222502</v>
      </c>
      <c r="AX297" s="134">
        <v>406748952.61554003</v>
      </c>
      <c r="AY297" s="134">
        <v>76328665.770742998</v>
      </c>
      <c r="AZ297" s="134">
        <v>0</v>
      </c>
      <c r="BA297" s="134">
        <v>0</v>
      </c>
    </row>
    <row r="298" spans="1:53">
      <c r="A298" s="52" t="s">
        <v>487</v>
      </c>
    </row>
    <row r="299" spans="1:53">
      <c r="A299" s="57" t="s">
        <v>488</v>
      </c>
    </row>
    <row r="300" spans="1:53">
      <c r="A300" s="52" t="s">
        <v>489</v>
      </c>
      <c r="B300" s="53">
        <v>-47032078.6199999</v>
      </c>
      <c r="C300" s="53">
        <v>-47032078.6199999</v>
      </c>
      <c r="D300" s="53">
        <v>-47032078.6199999</v>
      </c>
      <c r="E300" s="53">
        <v>-47032078.6199999</v>
      </c>
      <c r="F300" s="53">
        <v>-47032078.6199999</v>
      </c>
      <c r="G300" s="53">
        <v>-47032078.6199999</v>
      </c>
      <c r="H300" s="53">
        <v>-47032078.6199999</v>
      </c>
      <c r="I300" s="53">
        <v>-47032078.6199999</v>
      </c>
      <c r="J300" s="53">
        <v>-47032078.6199999</v>
      </c>
      <c r="K300" s="53">
        <v>-47032078.6199999</v>
      </c>
      <c r="L300" s="53">
        <v>-47032078.6199999</v>
      </c>
      <c r="M300" s="53">
        <v>-47032078.6199999</v>
      </c>
      <c r="N300" s="53">
        <v>-47032078.6199999</v>
      </c>
      <c r="O300" s="53">
        <v>-47032078.6199999</v>
      </c>
      <c r="P300" s="53">
        <v>-47032078.6199999</v>
      </c>
      <c r="Q300" s="53">
        <v>-47032078.6199999</v>
      </c>
      <c r="R300" s="53">
        <v>-47032078.6199999</v>
      </c>
      <c r="S300" s="53">
        <v>-47032078.6199999</v>
      </c>
      <c r="T300" s="53">
        <v>-47032078.6199999</v>
      </c>
      <c r="U300" s="53">
        <v>-47032078.6199999</v>
      </c>
      <c r="V300" s="53">
        <v>-47032078.6199999</v>
      </c>
      <c r="W300" s="53">
        <v>-47032078.6199999</v>
      </c>
      <c r="X300" s="53">
        <v>-47032078.6199999</v>
      </c>
      <c r="Y300" s="53">
        <v>-47032078.6199999</v>
      </c>
      <c r="Z300" s="53">
        <v>-47032078.6199999</v>
      </c>
      <c r="AA300" s="53">
        <v>-47032078.6199999</v>
      </c>
      <c r="AB300" s="53">
        <v>-47032078.6199999</v>
      </c>
      <c r="AC300" s="53">
        <v>-47032078.6199999</v>
      </c>
      <c r="AD300" s="53">
        <v>-47032078.6199999</v>
      </c>
      <c r="AE300" s="53">
        <v>-47032078.6199999</v>
      </c>
      <c r="AF300" s="53">
        <v>-47032078.6199999</v>
      </c>
      <c r="AG300" s="53">
        <v>-47032078.6199999</v>
      </c>
      <c r="AH300" s="53">
        <v>-47032078.6199999</v>
      </c>
      <c r="AI300" s="53">
        <v>-47032078.6199999</v>
      </c>
      <c r="AJ300" s="53">
        <v>-47032078.6199999</v>
      </c>
      <c r="AK300" s="53">
        <v>-47032078.6199999</v>
      </c>
      <c r="AL300" s="53">
        <v>-47032078.6199999</v>
      </c>
      <c r="AM300" s="53">
        <v>-47032078.6199999</v>
      </c>
      <c r="AN300" s="53">
        <v>-47032078.6199999</v>
      </c>
      <c r="AO300" s="53">
        <v>-47032078.6199999</v>
      </c>
      <c r="AP300" s="53">
        <v>-47032078.6199999</v>
      </c>
      <c r="AQ300" s="53">
        <v>-47032078.6199999</v>
      </c>
      <c r="AR300" s="53">
        <v>-47032078.6199999</v>
      </c>
      <c r="AS300" s="53">
        <v>-47032078.6199999</v>
      </c>
      <c r="AT300" s="53">
        <v>-47032078.6199999</v>
      </c>
      <c r="AU300" s="53">
        <v>-47032078.6199999</v>
      </c>
      <c r="AV300" s="53">
        <v>-47032078.6199999</v>
      </c>
      <c r="AW300" s="53">
        <v>-47032078.6199999</v>
      </c>
      <c r="AX300" s="53">
        <v>-47032078.6199999</v>
      </c>
      <c r="AY300" s="53">
        <v>-47032078.6199999</v>
      </c>
      <c r="AZ300" s="53">
        <v>-47032078.6199999</v>
      </c>
      <c r="BA300" s="53">
        <v>-47032078.6199999</v>
      </c>
    </row>
    <row r="301" spans="1:53">
      <c r="A301" s="52" t="s">
        <v>490</v>
      </c>
      <c r="B301" s="53">
        <v>0</v>
      </c>
      <c r="C301" s="53">
        <v>0</v>
      </c>
      <c r="D301" s="53">
        <v>0</v>
      </c>
      <c r="E301" s="53">
        <v>0</v>
      </c>
      <c r="F301" s="53">
        <v>0</v>
      </c>
      <c r="G301" s="53">
        <v>0</v>
      </c>
      <c r="H301" s="53">
        <v>0</v>
      </c>
      <c r="I301" s="53">
        <v>0</v>
      </c>
      <c r="J301" s="53">
        <v>0</v>
      </c>
      <c r="K301" s="53">
        <v>0</v>
      </c>
      <c r="L301" s="53">
        <v>0</v>
      </c>
      <c r="M301" s="53">
        <v>0</v>
      </c>
      <c r="N301" s="53">
        <v>0</v>
      </c>
      <c r="O301" s="53">
        <v>0</v>
      </c>
      <c r="P301" s="53">
        <v>0</v>
      </c>
      <c r="Q301" s="53">
        <v>0</v>
      </c>
      <c r="R301" s="53">
        <v>0</v>
      </c>
      <c r="S301" s="53">
        <v>0</v>
      </c>
      <c r="T301" s="53">
        <v>0</v>
      </c>
      <c r="U301" s="53">
        <v>0</v>
      </c>
      <c r="V301" s="53">
        <v>0</v>
      </c>
      <c r="W301" s="53">
        <v>0</v>
      </c>
      <c r="X301" s="53">
        <v>0</v>
      </c>
      <c r="Y301" s="53">
        <v>0</v>
      </c>
      <c r="Z301" s="53">
        <v>0</v>
      </c>
      <c r="AA301" s="53">
        <v>0</v>
      </c>
      <c r="AB301" s="53">
        <v>0</v>
      </c>
      <c r="AC301" s="53">
        <v>0</v>
      </c>
      <c r="AD301" s="53">
        <v>0</v>
      </c>
      <c r="AE301" s="53">
        <v>0</v>
      </c>
      <c r="AF301" s="53">
        <v>0</v>
      </c>
      <c r="AG301" s="53">
        <v>0</v>
      </c>
      <c r="AH301" s="53">
        <v>0</v>
      </c>
      <c r="AI301" s="53">
        <v>0</v>
      </c>
      <c r="AJ301" s="53">
        <v>0</v>
      </c>
      <c r="AK301" s="53">
        <v>0</v>
      </c>
      <c r="AL301" s="53">
        <v>0</v>
      </c>
      <c r="AM301" s="53">
        <v>0</v>
      </c>
      <c r="AN301" s="53">
        <v>0</v>
      </c>
      <c r="AO301" s="53">
        <v>0</v>
      </c>
      <c r="AP301" s="53">
        <v>0</v>
      </c>
      <c r="AQ301" s="53">
        <v>0</v>
      </c>
      <c r="AR301" s="53">
        <v>0</v>
      </c>
      <c r="AS301" s="53">
        <v>0</v>
      </c>
      <c r="AT301" s="53">
        <v>0</v>
      </c>
      <c r="AU301" s="53">
        <v>0</v>
      </c>
      <c r="AV301" s="53">
        <v>0</v>
      </c>
      <c r="AW301" s="53">
        <v>0</v>
      </c>
      <c r="AX301" s="53">
        <v>0</v>
      </c>
      <c r="AY301" s="53">
        <v>0</v>
      </c>
      <c r="AZ301" s="53">
        <v>0</v>
      </c>
      <c r="BA301" s="53">
        <v>0</v>
      </c>
    </row>
    <row r="302" spans="1:53">
      <c r="A302" s="52" t="s">
        <v>491</v>
      </c>
      <c r="B302" s="53">
        <v>-109722743.3</v>
      </c>
      <c r="C302" s="53">
        <v>-109722743.3</v>
      </c>
      <c r="D302" s="53">
        <v>-109722743.3</v>
      </c>
      <c r="E302" s="53">
        <v>-109722743.3</v>
      </c>
      <c r="F302" s="53">
        <v>-109722743.3</v>
      </c>
      <c r="G302" s="53">
        <v>-109722743.3</v>
      </c>
      <c r="H302" s="53">
        <v>-109722743.3</v>
      </c>
      <c r="I302" s="53">
        <v>-109722743.3</v>
      </c>
      <c r="J302" s="53">
        <v>-109722743.3</v>
      </c>
      <c r="K302" s="53">
        <v>-109722743.3</v>
      </c>
      <c r="L302" s="53">
        <v>-109722743.3</v>
      </c>
      <c r="M302" s="53">
        <v>-109722743.3</v>
      </c>
      <c r="N302" s="53">
        <v>-109722743.3</v>
      </c>
      <c r="O302" s="53">
        <v>-109722743.3</v>
      </c>
      <c r="P302" s="53">
        <v>-109722743.3</v>
      </c>
      <c r="Q302" s="53">
        <v>-109722743.3</v>
      </c>
      <c r="R302" s="53">
        <v>-109722743.3</v>
      </c>
      <c r="S302" s="53">
        <v>-109722743.3</v>
      </c>
      <c r="T302" s="53">
        <v>-109722743.3</v>
      </c>
      <c r="U302" s="53">
        <v>-109722743.3</v>
      </c>
      <c r="V302" s="53">
        <v>-109722743.3</v>
      </c>
      <c r="W302" s="53">
        <v>-109722743.3</v>
      </c>
      <c r="X302" s="53">
        <v>-109722743.3</v>
      </c>
      <c r="Y302" s="53">
        <v>-109722743.3</v>
      </c>
      <c r="Z302" s="53">
        <v>-109722743.3</v>
      </c>
      <c r="AA302" s="53">
        <v>-109722743.3</v>
      </c>
      <c r="AB302" s="53">
        <v>-109722743.3</v>
      </c>
      <c r="AC302" s="53">
        <v>-109722743.3</v>
      </c>
      <c r="AD302" s="53">
        <v>-109722743.3</v>
      </c>
      <c r="AE302" s="53">
        <v>-109722743.3</v>
      </c>
      <c r="AF302" s="53">
        <v>-109722743.3</v>
      </c>
      <c r="AG302" s="53">
        <v>-109722743.3</v>
      </c>
      <c r="AH302" s="53">
        <v>-109722743.3</v>
      </c>
      <c r="AI302" s="53">
        <v>-109722743.3</v>
      </c>
      <c r="AJ302" s="53">
        <v>-109722743.3</v>
      </c>
      <c r="AK302" s="53">
        <v>-109722743.3</v>
      </c>
      <c r="AL302" s="53">
        <v>-109722743.3</v>
      </c>
      <c r="AM302" s="53">
        <v>-109722743.3</v>
      </c>
      <c r="AN302" s="53">
        <v>-109722743.3</v>
      </c>
      <c r="AO302" s="53">
        <v>-109722743.3</v>
      </c>
      <c r="AP302" s="53">
        <v>-109722743.3</v>
      </c>
      <c r="AQ302" s="53">
        <v>-109722743.3</v>
      </c>
      <c r="AR302" s="53">
        <v>-109722743.3</v>
      </c>
      <c r="AS302" s="53">
        <v>-109722743.3</v>
      </c>
      <c r="AT302" s="53">
        <v>-109722743.3</v>
      </c>
      <c r="AU302" s="53">
        <v>-109722743.3</v>
      </c>
      <c r="AV302" s="53">
        <v>-109722743.3</v>
      </c>
      <c r="AW302" s="53">
        <v>-109722743.3</v>
      </c>
      <c r="AX302" s="53">
        <v>-109722743.3</v>
      </c>
      <c r="AY302" s="53">
        <v>-109722743.3</v>
      </c>
      <c r="AZ302" s="53">
        <v>-109722743.3</v>
      </c>
      <c r="BA302" s="53">
        <v>-109722743.3</v>
      </c>
    </row>
    <row r="303" spans="1:53">
      <c r="A303" s="52" t="s">
        <v>492</v>
      </c>
      <c r="B303" s="53">
        <v>0</v>
      </c>
      <c r="C303" s="53">
        <v>0</v>
      </c>
      <c r="D303" s="53">
        <v>0</v>
      </c>
      <c r="E303" s="53">
        <v>0</v>
      </c>
      <c r="F303" s="53">
        <v>0</v>
      </c>
      <c r="G303" s="53">
        <v>0</v>
      </c>
      <c r="H303" s="53">
        <v>0</v>
      </c>
      <c r="I303" s="53">
        <v>0</v>
      </c>
      <c r="J303" s="53">
        <v>0</v>
      </c>
      <c r="K303" s="53">
        <v>0</v>
      </c>
      <c r="L303" s="53">
        <v>0</v>
      </c>
      <c r="M303" s="53">
        <v>0</v>
      </c>
      <c r="N303" s="53">
        <v>0</v>
      </c>
      <c r="O303" s="53">
        <v>0</v>
      </c>
      <c r="P303" s="53">
        <v>0</v>
      </c>
      <c r="Q303" s="53">
        <v>0</v>
      </c>
      <c r="R303" s="53">
        <v>0</v>
      </c>
      <c r="S303" s="53">
        <v>0</v>
      </c>
      <c r="T303" s="53">
        <v>0</v>
      </c>
      <c r="U303" s="53">
        <v>0</v>
      </c>
      <c r="V303" s="53">
        <v>0</v>
      </c>
      <c r="W303" s="53">
        <v>0</v>
      </c>
      <c r="X303" s="53">
        <v>0</v>
      </c>
      <c r="Y303" s="53">
        <v>0</v>
      </c>
      <c r="Z303" s="53">
        <v>0</v>
      </c>
      <c r="AA303" s="53">
        <v>0</v>
      </c>
      <c r="AB303" s="53">
        <v>0</v>
      </c>
      <c r="AC303" s="53">
        <v>0</v>
      </c>
      <c r="AD303" s="53">
        <v>0</v>
      </c>
      <c r="AE303" s="53">
        <v>0</v>
      </c>
      <c r="AF303" s="53">
        <v>0</v>
      </c>
      <c r="AG303" s="53">
        <v>0</v>
      </c>
      <c r="AH303" s="53">
        <v>0</v>
      </c>
      <c r="AI303" s="53">
        <v>0</v>
      </c>
      <c r="AJ303" s="53">
        <v>0</v>
      </c>
      <c r="AK303" s="53">
        <v>0</v>
      </c>
      <c r="AL303" s="53">
        <v>0</v>
      </c>
      <c r="AM303" s="53">
        <v>0</v>
      </c>
      <c r="AN303" s="53">
        <v>0</v>
      </c>
      <c r="AO303" s="53">
        <v>0</v>
      </c>
      <c r="AP303" s="53">
        <v>0</v>
      </c>
      <c r="AQ303" s="53">
        <v>0</v>
      </c>
      <c r="AR303" s="53">
        <v>0</v>
      </c>
      <c r="AS303" s="53">
        <v>0</v>
      </c>
      <c r="AT303" s="53">
        <v>0</v>
      </c>
      <c r="AU303" s="53">
        <v>0</v>
      </c>
      <c r="AV303" s="53">
        <v>0</v>
      </c>
      <c r="AW303" s="53">
        <v>0</v>
      </c>
      <c r="AX303" s="53">
        <v>0</v>
      </c>
      <c r="AY303" s="53">
        <v>0</v>
      </c>
      <c r="AZ303" s="53">
        <v>0</v>
      </c>
      <c r="BA303" s="53">
        <v>0</v>
      </c>
    </row>
    <row r="304" spans="1:53">
      <c r="A304" s="52" t="s">
        <v>493</v>
      </c>
      <c r="B304" s="53">
        <v>0</v>
      </c>
      <c r="C304" s="53">
        <v>0</v>
      </c>
      <c r="D304" s="53">
        <v>0</v>
      </c>
      <c r="E304" s="53">
        <v>0</v>
      </c>
      <c r="F304" s="53">
        <v>0</v>
      </c>
      <c r="G304" s="53">
        <v>0</v>
      </c>
      <c r="H304" s="53">
        <v>0</v>
      </c>
      <c r="I304" s="53">
        <v>0</v>
      </c>
      <c r="J304" s="53">
        <v>0</v>
      </c>
      <c r="K304" s="53">
        <v>0</v>
      </c>
      <c r="L304" s="53">
        <v>0</v>
      </c>
      <c r="M304" s="53">
        <v>0</v>
      </c>
      <c r="N304" s="53">
        <v>0</v>
      </c>
      <c r="O304" s="53">
        <v>0</v>
      </c>
      <c r="P304" s="53">
        <v>0</v>
      </c>
      <c r="Q304" s="53">
        <v>0</v>
      </c>
      <c r="R304" s="53">
        <v>0</v>
      </c>
      <c r="S304" s="53">
        <v>0</v>
      </c>
      <c r="T304" s="53">
        <v>0</v>
      </c>
      <c r="U304" s="53">
        <v>0</v>
      </c>
      <c r="V304" s="53">
        <v>0</v>
      </c>
      <c r="W304" s="53">
        <v>0</v>
      </c>
      <c r="X304" s="53">
        <v>0</v>
      </c>
      <c r="Y304" s="53">
        <v>0</v>
      </c>
      <c r="Z304" s="53">
        <v>0</v>
      </c>
      <c r="AA304" s="53">
        <v>0</v>
      </c>
      <c r="AB304" s="53">
        <v>0</v>
      </c>
      <c r="AC304" s="53">
        <v>0</v>
      </c>
      <c r="AD304" s="53">
        <v>0</v>
      </c>
      <c r="AE304" s="53">
        <v>0</v>
      </c>
      <c r="AF304" s="53">
        <v>0</v>
      </c>
      <c r="AG304" s="53">
        <v>0</v>
      </c>
      <c r="AH304" s="53">
        <v>0</v>
      </c>
      <c r="AI304" s="53">
        <v>0</v>
      </c>
      <c r="AJ304" s="53">
        <v>0</v>
      </c>
      <c r="AK304" s="53">
        <v>0</v>
      </c>
      <c r="AL304" s="53">
        <v>0</v>
      </c>
      <c r="AM304" s="53">
        <v>0</v>
      </c>
      <c r="AN304" s="53">
        <v>0</v>
      </c>
      <c r="AO304" s="53">
        <v>0</v>
      </c>
      <c r="AP304" s="53">
        <v>0</v>
      </c>
      <c r="AQ304" s="53">
        <v>0</v>
      </c>
      <c r="AR304" s="53">
        <v>0</v>
      </c>
      <c r="AS304" s="53">
        <v>0</v>
      </c>
      <c r="AT304" s="53">
        <v>0</v>
      </c>
      <c r="AU304" s="53">
        <v>0</v>
      </c>
      <c r="AV304" s="53">
        <v>0</v>
      </c>
      <c r="AW304" s="53">
        <v>0</v>
      </c>
      <c r="AX304" s="53">
        <v>0</v>
      </c>
      <c r="AY304" s="53">
        <v>0</v>
      </c>
      <c r="AZ304" s="53">
        <v>0</v>
      </c>
      <c r="BA304" s="53">
        <v>0</v>
      </c>
    </row>
    <row r="305" spans="1:53">
      <c r="A305" s="52" t="s">
        <v>494</v>
      </c>
      <c r="B305" s="53">
        <v>168140589.03999999</v>
      </c>
      <c r="C305" s="53">
        <v>168140589.03999999</v>
      </c>
      <c r="D305" s="53">
        <v>168140589.03999999</v>
      </c>
      <c r="E305" s="53">
        <v>168140589.03999999</v>
      </c>
      <c r="F305" s="53">
        <v>168140589.03999999</v>
      </c>
      <c r="G305" s="53">
        <v>168140589.03999999</v>
      </c>
      <c r="H305" s="53">
        <v>168140589.03999999</v>
      </c>
      <c r="I305" s="53">
        <v>168140589.03999999</v>
      </c>
      <c r="J305" s="53">
        <v>168140589.03999999</v>
      </c>
      <c r="K305" s="53">
        <v>168140589.03999999</v>
      </c>
      <c r="L305" s="53">
        <v>168140589.03999999</v>
      </c>
      <c r="M305" s="53">
        <v>168140589.03999999</v>
      </c>
      <c r="N305" s="53">
        <v>168140589.03999999</v>
      </c>
      <c r="O305" s="53">
        <v>168140589.03999999</v>
      </c>
      <c r="P305" s="53">
        <v>168140589.03999999</v>
      </c>
      <c r="Q305" s="53">
        <v>168140589.03999999</v>
      </c>
      <c r="R305" s="53">
        <v>168140589.03999999</v>
      </c>
      <c r="S305" s="53">
        <v>168140589.03999999</v>
      </c>
      <c r="T305" s="53">
        <v>168140589.03999999</v>
      </c>
      <c r="U305" s="53">
        <v>168140589.03999999</v>
      </c>
      <c r="V305" s="53">
        <v>168140589.03999999</v>
      </c>
      <c r="W305" s="53">
        <v>168140589.03999999</v>
      </c>
      <c r="X305" s="53">
        <v>168140589.03999999</v>
      </c>
      <c r="Y305" s="53">
        <v>168140589.03999999</v>
      </c>
      <c r="Z305" s="53">
        <v>168140589.03999999</v>
      </c>
      <c r="AA305" s="53">
        <v>168140589.03999999</v>
      </c>
      <c r="AB305" s="53">
        <v>168140589.03999999</v>
      </c>
      <c r="AC305" s="53">
        <v>168140589.03999999</v>
      </c>
      <c r="AD305" s="53">
        <v>168140589.03999999</v>
      </c>
      <c r="AE305" s="53">
        <v>168140589.03999999</v>
      </c>
      <c r="AF305" s="53">
        <v>168140589.03999999</v>
      </c>
      <c r="AG305" s="53">
        <v>168140589.03999999</v>
      </c>
      <c r="AH305" s="53">
        <v>168140589.03999999</v>
      </c>
      <c r="AI305" s="53">
        <v>168140589.03999999</v>
      </c>
      <c r="AJ305" s="53">
        <v>168140589.03999999</v>
      </c>
      <c r="AK305" s="53">
        <v>168140589.03999999</v>
      </c>
      <c r="AL305" s="53">
        <v>168140589.03999999</v>
      </c>
      <c r="AM305" s="53">
        <v>168140589.03999999</v>
      </c>
      <c r="AN305" s="53">
        <v>168140589.03999999</v>
      </c>
      <c r="AO305" s="53">
        <v>168140589.03999999</v>
      </c>
      <c r="AP305" s="53">
        <v>168140589.03999999</v>
      </c>
      <c r="AQ305" s="53">
        <v>168140589.03999999</v>
      </c>
      <c r="AR305" s="53">
        <v>168140589.03999999</v>
      </c>
      <c r="AS305" s="53">
        <v>168140589.03999999</v>
      </c>
      <c r="AT305" s="53">
        <v>168140589.03999999</v>
      </c>
      <c r="AU305" s="53">
        <v>168140589.03999999</v>
      </c>
      <c r="AV305" s="53">
        <v>168140589.03999999</v>
      </c>
      <c r="AW305" s="53">
        <v>168140589.03999999</v>
      </c>
      <c r="AX305" s="53">
        <v>168140589.03999999</v>
      </c>
      <c r="AY305" s="53">
        <v>168140589.03999999</v>
      </c>
      <c r="AZ305" s="53">
        <v>168140589.03999999</v>
      </c>
      <c r="BA305" s="53">
        <v>168140589.03999999</v>
      </c>
    </row>
    <row r="306" spans="1:53">
      <c r="A306" s="52" t="s">
        <v>495</v>
      </c>
      <c r="B306" s="53">
        <v>299512.38</v>
      </c>
      <c r="C306" s="53">
        <v>299512.38</v>
      </c>
      <c r="D306" s="53">
        <v>299512.38</v>
      </c>
      <c r="E306" s="53">
        <v>299512.38</v>
      </c>
      <c r="F306" s="53">
        <v>299512.38</v>
      </c>
      <c r="G306" s="53">
        <v>299512.38</v>
      </c>
      <c r="H306" s="53">
        <v>299512.38</v>
      </c>
      <c r="I306" s="53">
        <v>299512.38</v>
      </c>
      <c r="J306" s="53">
        <v>299512.38</v>
      </c>
      <c r="K306" s="53">
        <v>299512.38</v>
      </c>
      <c r="L306" s="53">
        <v>299512.38</v>
      </c>
      <c r="M306" s="53">
        <v>299512.38</v>
      </c>
      <c r="N306" s="53">
        <v>299512.38</v>
      </c>
      <c r="O306" s="53">
        <v>299512.38</v>
      </c>
      <c r="P306" s="53">
        <v>299512.38</v>
      </c>
      <c r="Q306" s="53">
        <v>299512.38</v>
      </c>
      <c r="R306" s="53">
        <v>299512.38</v>
      </c>
      <c r="S306" s="53">
        <v>299512.38</v>
      </c>
      <c r="T306" s="53">
        <v>299512.38</v>
      </c>
      <c r="U306" s="53">
        <v>299512.38</v>
      </c>
      <c r="V306" s="53">
        <v>299512.38</v>
      </c>
      <c r="W306" s="53">
        <v>299512.38</v>
      </c>
      <c r="X306" s="53">
        <v>299512.38</v>
      </c>
      <c r="Y306" s="53">
        <v>299512.38</v>
      </c>
      <c r="Z306" s="53">
        <v>299512.38</v>
      </c>
      <c r="AA306" s="53">
        <v>299512.38</v>
      </c>
      <c r="AB306" s="53">
        <v>299512.38</v>
      </c>
      <c r="AC306" s="53">
        <v>299512.38</v>
      </c>
      <c r="AD306" s="53">
        <v>299512.38</v>
      </c>
      <c r="AE306" s="53">
        <v>299512.38</v>
      </c>
      <c r="AF306" s="53">
        <v>299512.38</v>
      </c>
      <c r="AG306" s="53">
        <v>299512.38</v>
      </c>
      <c r="AH306" s="53">
        <v>299512.38</v>
      </c>
      <c r="AI306" s="53">
        <v>299512.38</v>
      </c>
      <c r="AJ306" s="53">
        <v>299512.38</v>
      </c>
      <c r="AK306" s="53">
        <v>299512.38</v>
      </c>
      <c r="AL306" s="53">
        <v>299512.38</v>
      </c>
      <c r="AM306" s="53">
        <v>299512.38</v>
      </c>
      <c r="AN306" s="53">
        <v>299512.38</v>
      </c>
      <c r="AO306" s="53">
        <v>299512.38</v>
      </c>
      <c r="AP306" s="53">
        <v>299512.38</v>
      </c>
      <c r="AQ306" s="53">
        <v>299512.38</v>
      </c>
      <c r="AR306" s="53">
        <v>299512.38</v>
      </c>
      <c r="AS306" s="53">
        <v>299512.38</v>
      </c>
      <c r="AT306" s="53">
        <v>299512.38</v>
      </c>
      <c r="AU306" s="53">
        <v>299512.38</v>
      </c>
      <c r="AV306" s="53">
        <v>299512.38</v>
      </c>
      <c r="AW306" s="53">
        <v>299512.38</v>
      </c>
      <c r="AX306" s="53">
        <v>299512.38</v>
      </c>
      <c r="AY306" s="53">
        <v>299512.38</v>
      </c>
      <c r="AZ306" s="53">
        <v>299512.38</v>
      </c>
      <c r="BA306" s="53">
        <v>299512.38</v>
      </c>
    </row>
    <row r="307" spans="1:53">
      <c r="A307" s="52" t="s">
        <v>496</v>
      </c>
      <c r="B307" s="53">
        <v>0</v>
      </c>
      <c r="C307" s="53">
        <v>0</v>
      </c>
      <c r="D307" s="53">
        <v>0</v>
      </c>
      <c r="E307" s="53">
        <v>0</v>
      </c>
      <c r="F307" s="53">
        <v>0</v>
      </c>
      <c r="G307" s="53">
        <v>0</v>
      </c>
      <c r="H307" s="53">
        <v>0</v>
      </c>
      <c r="I307" s="53">
        <v>0</v>
      </c>
      <c r="J307" s="53">
        <v>0</v>
      </c>
      <c r="K307" s="53">
        <v>0</v>
      </c>
      <c r="L307" s="53">
        <v>0</v>
      </c>
      <c r="M307" s="53">
        <v>0</v>
      </c>
      <c r="N307" s="53">
        <v>0</v>
      </c>
      <c r="O307" s="53">
        <v>0</v>
      </c>
      <c r="P307" s="53">
        <v>0</v>
      </c>
      <c r="Q307" s="53">
        <v>0</v>
      </c>
      <c r="R307" s="53">
        <v>0</v>
      </c>
      <c r="S307" s="53">
        <v>0</v>
      </c>
      <c r="T307" s="53">
        <v>0</v>
      </c>
      <c r="U307" s="53">
        <v>0</v>
      </c>
      <c r="V307" s="53">
        <v>0</v>
      </c>
      <c r="W307" s="53">
        <v>0</v>
      </c>
      <c r="X307" s="53">
        <v>0</v>
      </c>
      <c r="Y307" s="53">
        <v>0</v>
      </c>
      <c r="Z307" s="53">
        <v>0</v>
      </c>
      <c r="AA307" s="53">
        <v>0</v>
      </c>
      <c r="AB307" s="53">
        <v>0</v>
      </c>
      <c r="AC307" s="53">
        <v>0</v>
      </c>
      <c r="AD307" s="53">
        <v>0</v>
      </c>
      <c r="AE307" s="53">
        <v>0</v>
      </c>
      <c r="AF307" s="53">
        <v>0</v>
      </c>
      <c r="AG307" s="53">
        <v>0</v>
      </c>
      <c r="AH307" s="53">
        <v>0</v>
      </c>
      <c r="AI307" s="53">
        <v>0</v>
      </c>
      <c r="AJ307" s="53">
        <v>0</v>
      </c>
      <c r="AK307" s="53">
        <v>0</v>
      </c>
      <c r="AL307" s="53">
        <v>0</v>
      </c>
      <c r="AM307" s="53">
        <v>0</v>
      </c>
      <c r="AN307" s="53">
        <v>0</v>
      </c>
      <c r="AO307" s="53">
        <v>0</v>
      </c>
      <c r="AP307" s="53">
        <v>0</v>
      </c>
      <c r="AQ307" s="53">
        <v>0</v>
      </c>
      <c r="AR307" s="53">
        <v>0</v>
      </c>
      <c r="AS307" s="53">
        <v>0</v>
      </c>
      <c r="AT307" s="53">
        <v>0</v>
      </c>
      <c r="AU307" s="53">
        <v>0</v>
      </c>
      <c r="AV307" s="53">
        <v>0</v>
      </c>
      <c r="AW307" s="53">
        <v>0</v>
      </c>
      <c r="AX307" s="53">
        <v>0</v>
      </c>
      <c r="AY307" s="53">
        <v>0</v>
      </c>
      <c r="AZ307" s="53">
        <v>0</v>
      </c>
      <c r="BA307" s="53">
        <v>0</v>
      </c>
    </row>
    <row r="308" spans="1:53">
      <c r="A308" s="52" t="s">
        <v>497</v>
      </c>
      <c r="B308" s="53">
        <v>31868.85</v>
      </c>
      <c r="C308" s="53">
        <v>31868.85</v>
      </c>
      <c r="D308" s="53">
        <v>31868.85</v>
      </c>
      <c r="E308" s="53">
        <v>31868.85</v>
      </c>
      <c r="F308" s="53">
        <v>31868.85</v>
      </c>
      <c r="G308" s="53">
        <v>31868.85</v>
      </c>
      <c r="H308" s="53">
        <v>31868.85</v>
      </c>
      <c r="I308" s="53">
        <v>31868.85</v>
      </c>
      <c r="J308" s="53">
        <v>31868.85</v>
      </c>
      <c r="K308" s="53">
        <v>31868.85</v>
      </c>
      <c r="L308" s="53">
        <v>31868.85</v>
      </c>
      <c r="M308" s="53">
        <v>31868.85</v>
      </c>
      <c r="N308" s="53">
        <v>31868.85</v>
      </c>
      <c r="O308" s="53">
        <v>31868.85</v>
      </c>
      <c r="P308" s="53">
        <v>31868.85</v>
      </c>
      <c r="Q308" s="53">
        <v>31868.85</v>
      </c>
      <c r="R308" s="53">
        <v>31868.85</v>
      </c>
      <c r="S308" s="53">
        <v>31868.85</v>
      </c>
      <c r="T308" s="53">
        <v>31868.85</v>
      </c>
      <c r="U308" s="53">
        <v>31868.85</v>
      </c>
      <c r="V308" s="53">
        <v>31868.85</v>
      </c>
      <c r="W308" s="53">
        <v>31868.85</v>
      </c>
      <c r="X308" s="53">
        <v>31868.85</v>
      </c>
      <c r="Y308" s="53">
        <v>31868.85</v>
      </c>
      <c r="Z308" s="53">
        <v>31868.85</v>
      </c>
      <c r="AA308" s="53">
        <v>31868.85</v>
      </c>
      <c r="AB308" s="53">
        <v>31868.85</v>
      </c>
      <c r="AC308" s="53">
        <v>31868.85</v>
      </c>
      <c r="AD308" s="53">
        <v>31868.85</v>
      </c>
      <c r="AE308" s="53">
        <v>31868.85</v>
      </c>
      <c r="AF308" s="53">
        <v>31868.85</v>
      </c>
      <c r="AG308" s="53">
        <v>31868.85</v>
      </c>
      <c r="AH308" s="53">
        <v>31868.85</v>
      </c>
      <c r="AI308" s="53">
        <v>31868.85</v>
      </c>
      <c r="AJ308" s="53">
        <v>31868.85</v>
      </c>
      <c r="AK308" s="53">
        <v>31868.85</v>
      </c>
      <c r="AL308" s="53">
        <v>31868.85</v>
      </c>
      <c r="AM308" s="53">
        <v>31868.85</v>
      </c>
      <c r="AN308" s="53">
        <v>31868.85</v>
      </c>
      <c r="AO308" s="53">
        <v>31868.85</v>
      </c>
      <c r="AP308" s="53">
        <v>31868.85</v>
      </c>
      <c r="AQ308" s="53">
        <v>31868.85</v>
      </c>
      <c r="AR308" s="53">
        <v>31868.85</v>
      </c>
      <c r="AS308" s="53">
        <v>31868.85</v>
      </c>
      <c r="AT308" s="53">
        <v>31868.85</v>
      </c>
      <c r="AU308" s="53">
        <v>31868.85</v>
      </c>
      <c r="AV308" s="53">
        <v>31868.85</v>
      </c>
      <c r="AW308" s="53">
        <v>31868.85</v>
      </c>
      <c r="AX308" s="53">
        <v>31868.85</v>
      </c>
      <c r="AY308" s="53">
        <v>31868.85</v>
      </c>
      <c r="AZ308" s="53">
        <v>31868.85</v>
      </c>
      <c r="BA308" s="53">
        <v>31868.85</v>
      </c>
    </row>
    <row r="309" spans="1:53">
      <c r="A309" s="52" t="s">
        <v>498</v>
      </c>
      <c r="B309" s="53">
        <v>0</v>
      </c>
      <c r="C309" s="53">
        <v>0</v>
      </c>
      <c r="D309" s="53">
        <v>0</v>
      </c>
      <c r="E309" s="53">
        <v>0</v>
      </c>
      <c r="F309" s="53">
        <v>0</v>
      </c>
      <c r="G309" s="53">
        <v>0</v>
      </c>
      <c r="H309" s="53">
        <v>0</v>
      </c>
      <c r="I309" s="53">
        <v>0</v>
      </c>
      <c r="J309" s="53">
        <v>0</v>
      </c>
      <c r="K309" s="53">
        <v>0</v>
      </c>
      <c r="L309" s="53">
        <v>0</v>
      </c>
      <c r="M309" s="53">
        <v>0</v>
      </c>
      <c r="N309" s="53">
        <v>0</v>
      </c>
      <c r="O309" s="53">
        <v>0</v>
      </c>
      <c r="P309" s="53">
        <v>0</v>
      </c>
      <c r="Q309" s="53">
        <v>0</v>
      </c>
      <c r="R309" s="53">
        <v>0</v>
      </c>
      <c r="S309" s="53">
        <v>0</v>
      </c>
      <c r="T309" s="53">
        <v>0</v>
      </c>
      <c r="U309" s="53">
        <v>0</v>
      </c>
      <c r="V309" s="53">
        <v>0</v>
      </c>
      <c r="W309" s="53">
        <v>0</v>
      </c>
      <c r="X309" s="53">
        <v>0</v>
      </c>
      <c r="Y309" s="53">
        <v>0</v>
      </c>
      <c r="Z309" s="53">
        <v>0</v>
      </c>
      <c r="AA309" s="53">
        <v>0</v>
      </c>
      <c r="AB309" s="53">
        <v>0</v>
      </c>
      <c r="AC309" s="53">
        <v>0</v>
      </c>
      <c r="AD309" s="53">
        <v>0</v>
      </c>
      <c r="AE309" s="53">
        <v>0</v>
      </c>
      <c r="AF309" s="53">
        <v>0</v>
      </c>
      <c r="AG309" s="53">
        <v>0</v>
      </c>
      <c r="AH309" s="53">
        <v>0</v>
      </c>
      <c r="AI309" s="53">
        <v>0</v>
      </c>
      <c r="AJ309" s="53">
        <v>0</v>
      </c>
      <c r="AK309" s="53">
        <v>0</v>
      </c>
      <c r="AL309" s="53">
        <v>0</v>
      </c>
      <c r="AM309" s="53">
        <v>0</v>
      </c>
      <c r="AN309" s="53">
        <v>0</v>
      </c>
      <c r="AO309" s="53">
        <v>0</v>
      </c>
      <c r="AP309" s="53">
        <v>0</v>
      </c>
      <c r="AQ309" s="53">
        <v>0</v>
      </c>
      <c r="AR309" s="53">
        <v>0</v>
      </c>
      <c r="AS309" s="53">
        <v>0</v>
      </c>
      <c r="AT309" s="53">
        <v>0</v>
      </c>
      <c r="AU309" s="53">
        <v>0</v>
      </c>
      <c r="AV309" s="53">
        <v>0</v>
      </c>
      <c r="AW309" s="53">
        <v>0</v>
      </c>
      <c r="AX309" s="53">
        <v>0</v>
      </c>
      <c r="AY309" s="53">
        <v>0</v>
      </c>
      <c r="AZ309" s="53">
        <v>0</v>
      </c>
      <c r="BA309" s="53">
        <v>0</v>
      </c>
    </row>
    <row r="310" spans="1:53">
      <c r="A310" s="52" t="s">
        <v>499</v>
      </c>
      <c r="B310" s="53">
        <v>0</v>
      </c>
      <c r="C310" s="53">
        <v>0</v>
      </c>
      <c r="D310" s="53">
        <v>0</v>
      </c>
      <c r="E310" s="53">
        <v>0</v>
      </c>
      <c r="F310" s="53">
        <v>0</v>
      </c>
      <c r="G310" s="53">
        <v>0</v>
      </c>
      <c r="H310" s="53">
        <v>0</v>
      </c>
      <c r="I310" s="53">
        <v>0</v>
      </c>
      <c r="J310" s="53">
        <v>0</v>
      </c>
      <c r="K310" s="53">
        <v>0</v>
      </c>
      <c r="L310" s="53">
        <v>0</v>
      </c>
      <c r="M310" s="53">
        <v>0</v>
      </c>
      <c r="N310" s="53">
        <v>0</v>
      </c>
      <c r="O310" s="53">
        <v>0</v>
      </c>
      <c r="P310" s="53">
        <v>0</v>
      </c>
      <c r="Q310" s="53">
        <v>0</v>
      </c>
      <c r="R310" s="53">
        <v>0</v>
      </c>
      <c r="S310" s="53">
        <v>0</v>
      </c>
      <c r="T310" s="53">
        <v>0</v>
      </c>
      <c r="U310" s="53">
        <v>0</v>
      </c>
      <c r="V310" s="53">
        <v>0</v>
      </c>
      <c r="W310" s="53">
        <v>0</v>
      </c>
      <c r="X310" s="53">
        <v>0</v>
      </c>
      <c r="Y310" s="53">
        <v>0</v>
      </c>
      <c r="Z310" s="53">
        <v>0</v>
      </c>
      <c r="AA310" s="53">
        <v>0</v>
      </c>
      <c r="AB310" s="53">
        <v>0</v>
      </c>
      <c r="AC310" s="53">
        <v>0</v>
      </c>
      <c r="AD310" s="53">
        <v>0</v>
      </c>
      <c r="AE310" s="53">
        <v>0</v>
      </c>
      <c r="AF310" s="53">
        <v>0</v>
      </c>
      <c r="AG310" s="53">
        <v>0</v>
      </c>
      <c r="AH310" s="53">
        <v>0</v>
      </c>
      <c r="AI310" s="53">
        <v>0</v>
      </c>
      <c r="AJ310" s="53">
        <v>0</v>
      </c>
      <c r="AK310" s="53">
        <v>0</v>
      </c>
      <c r="AL310" s="53">
        <v>0</v>
      </c>
      <c r="AM310" s="53">
        <v>0</v>
      </c>
      <c r="AN310" s="53">
        <v>0</v>
      </c>
      <c r="AO310" s="53">
        <v>0</v>
      </c>
      <c r="AP310" s="53">
        <v>0</v>
      </c>
      <c r="AQ310" s="53">
        <v>0</v>
      </c>
      <c r="AR310" s="53">
        <v>0</v>
      </c>
      <c r="AS310" s="53">
        <v>0</v>
      </c>
      <c r="AT310" s="53">
        <v>0</v>
      </c>
      <c r="AU310" s="53">
        <v>0</v>
      </c>
      <c r="AV310" s="53">
        <v>0</v>
      </c>
      <c r="AW310" s="53">
        <v>0</v>
      </c>
      <c r="AX310" s="53">
        <v>0</v>
      </c>
      <c r="AY310" s="53">
        <v>0</v>
      </c>
      <c r="AZ310" s="53">
        <v>0</v>
      </c>
      <c r="BA310" s="53">
        <v>0</v>
      </c>
    </row>
    <row r="311" spans="1:53">
      <c r="A311" s="58" t="s">
        <v>500</v>
      </c>
      <c r="B311" s="134">
        <v>11717148.35</v>
      </c>
      <c r="C311" s="134">
        <v>11717148.35</v>
      </c>
      <c r="D311" s="134">
        <v>11717148.35</v>
      </c>
      <c r="E311" s="134">
        <v>11717148.35</v>
      </c>
      <c r="F311" s="134">
        <v>11717148.35</v>
      </c>
      <c r="G311" s="134">
        <v>11717148.35</v>
      </c>
      <c r="H311" s="134">
        <v>11717148.35</v>
      </c>
      <c r="I311" s="134">
        <v>11717148.35</v>
      </c>
      <c r="J311" s="134">
        <v>11717148.35</v>
      </c>
      <c r="K311" s="134">
        <v>11717148.35</v>
      </c>
      <c r="L311" s="134">
        <v>11717148.35</v>
      </c>
      <c r="M311" s="134">
        <v>11717148.35</v>
      </c>
      <c r="N311" s="134">
        <v>11717148.35</v>
      </c>
      <c r="O311" s="134">
        <v>11717148.35</v>
      </c>
      <c r="P311" s="134">
        <v>11717148.35</v>
      </c>
      <c r="Q311" s="134">
        <v>11717148.35</v>
      </c>
      <c r="R311" s="134">
        <v>11717148.35</v>
      </c>
      <c r="S311" s="134">
        <v>11717148.35</v>
      </c>
      <c r="T311" s="134">
        <v>11717148.35</v>
      </c>
      <c r="U311" s="134">
        <v>11717148.35</v>
      </c>
      <c r="V311" s="134">
        <v>11717148.35</v>
      </c>
      <c r="W311" s="134">
        <v>11717148.35</v>
      </c>
      <c r="X311" s="134">
        <v>11717148.35</v>
      </c>
      <c r="Y311" s="134">
        <v>11717148.35</v>
      </c>
      <c r="Z311" s="134">
        <v>11717148.35</v>
      </c>
      <c r="AA311" s="134">
        <v>11717148.35</v>
      </c>
      <c r="AB311" s="134">
        <v>11717148.35</v>
      </c>
      <c r="AC311" s="134">
        <v>11717148.35</v>
      </c>
      <c r="AD311" s="134">
        <v>11717148.35</v>
      </c>
      <c r="AE311" s="134">
        <v>11717148.35</v>
      </c>
      <c r="AF311" s="134">
        <v>11717148.35</v>
      </c>
      <c r="AG311" s="134">
        <v>11717148.35</v>
      </c>
      <c r="AH311" s="134">
        <v>11717148.35</v>
      </c>
      <c r="AI311" s="134">
        <v>11717148.35</v>
      </c>
      <c r="AJ311" s="134">
        <v>11717148.35</v>
      </c>
      <c r="AK311" s="134">
        <v>11717148.35</v>
      </c>
      <c r="AL311" s="134">
        <v>11717148.35</v>
      </c>
      <c r="AM311" s="134">
        <v>11717148.35</v>
      </c>
      <c r="AN311" s="134">
        <v>11717148.35</v>
      </c>
      <c r="AO311" s="134">
        <v>11717148.35</v>
      </c>
      <c r="AP311" s="134">
        <v>11717148.35</v>
      </c>
      <c r="AQ311" s="134">
        <v>11717148.35</v>
      </c>
      <c r="AR311" s="134">
        <v>11717148.35</v>
      </c>
      <c r="AS311" s="134">
        <v>11717148.35</v>
      </c>
      <c r="AT311" s="134">
        <v>11717148.35</v>
      </c>
      <c r="AU311" s="134">
        <v>11717148.35</v>
      </c>
      <c r="AV311" s="134">
        <v>11717148.35</v>
      </c>
      <c r="AW311" s="134">
        <v>11717148.35</v>
      </c>
      <c r="AX311" s="134">
        <v>11717148.35</v>
      </c>
      <c r="AY311" s="134">
        <v>11717148.35</v>
      </c>
      <c r="AZ311" s="134">
        <v>11717148.35</v>
      </c>
      <c r="BA311" s="134">
        <v>11717148.35</v>
      </c>
    </row>
    <row r="312" spans="1:53">
      <c r="A312" s="52" t="s">
        <v>501</v>
      </c>
    </row>
    <row r="313" spans="1:53">
      <c r="A313" s="57" t="s">
        <v>502</v>
      </c>
    </row>
    <row r="314" spans="1:53">
      <c r="A314" s="52" t="s">
        <v>503</v>
      </c>
      <c r="B314" s="53">
        <v>0</v>
      </c>
      <c r="C314" s="53">
        <v>0</v>
      </c>
      <c r="D314" s="53">
        <v>0</v>
      </c>
      <c r="E314" s="53">
        <v>0</v>
      </c>
      <c r="F314" s="53">
        <v>0</v>
      </c>
      <c r="G314" s="53">
        <v>0</v>
      </c>
      <c r="H314" s="53">
        <v>0</v>
      </c>
      <c r="I314" s="53">
        <v>0</v>
      </c>
      <c r="J314" s="53">
        <v>0</v>
      </c>
      <c r="K314" s="53">
        <v>0</v>
      </c>
      <c r="L314" s="53">
        <v>0</v>
      </c>
      <c r="M314" s="53">
        <v>0</v>
      </c>
      <c r="N314" s="53">
        <v>0</v>
      </c>
      <c r="O314" s="53">
        <v>0</v>
      </c>
      <c r="P314" s="53">
        <v>0</v>
      </c>
      <c r="Q314" s="53">
        <v>0</v>
      </c>
      <c r="R314" s="53">
        <v>0</v>
      </c>
      <c r="S314" s="53">
        <v>0</v>
      </c>
      <c r="T314" s="53">
        <v>0</v>
      </c>
      <c r="U314" s="53">
        <v>0</v>
      </c>
      <c r="V314" s="53">
        <v>0</v>
      </c>
      <c r="W314" s="53">
        <v>0</v>
      </c>
      <c r="X314" s="53">
        <v>0</v>
      </c>
      <c r="Y314" s="53">
        <v>0</v>
      </c>
      <c r="Z314" s="53">
        <v>0</v>
      </c>
      <c r="AA314" s="53">
        <v>0</v>
      </c>
      <c r="AB314" s="53">
        <v>0</v>
      </c>
      <c r="AC314" s="53">
        <v>0</v>
      </c>
      <c r="AD314" s="53">
        <v>0</v>
      </c>
      <c r="AE314" s="53">
        <v>0</v>
      </c>
      <c r="AF314" s="53">
        <v>0</v>
      </c>
      <c r="AG314" s="53">
        <v>0</v>
      </c>
      <c r="AH314" s="53">
        <v>0</v>
      </c>
      <c r="AI314" s="53">
        <v>0</v>
      </c>
      <c r="AJ314" s="53">
        <v>0</v>
      </c>
      <c r="AK314" s="53">
        <v>0</v>
      </c>
      <c r="AL314" s="53">
        <v>0</v>
      </c>
      <c r="AM314" s="53">
        <v>0</v>
      </c>
      <c r="AN314" s="53">
        <v>0</v>
      </c>
      <c r="AO314" s="53">
        <v>0</v>
      </c>
      <c r="AP314" s="53">
        <v>0</v>
      </c>
      <c r="AQ314" s="53">
        <v>0</v>
      </c>
      <c r="AR314" s="53">
        <v>0</v>
      </c>
      <c r="AS314" s="53">
        <v>0</v>
      </c>
      <c r="AT314" s="53">
        <v>0</v>
      </c>
      <c r="AU314" s="53">
        <v>0</v>
      </c>
      <c r="AV314" s="53">
        <v>0</v>
      </c>
      <c r="AW314" s="53">
        <v>0</v>
      </c>
      <c r="AX314" s="53">
        <v>0</v>
      </c>
      <c r="AY314" s="53">
        <v>0</v>
      </c>
      <c r="AZ314" s="53">
        <v>0</v>
      </c>
      <c r="BA314" s="53">
        <v>0</v>
      </c>
    </row>
    <row r="315" spans="1:53">
      <c r="A315" s="52" t="s">
        <v>504</v>
      </c>
      <c r="B315" s="53">
        <v>74514199.632214099</v>
      </c>
      <c r="C315" s="53">
        <v>74506543.791529894</v>
      </c>
      <c r="D315" s="53">
        <v>74506543.791529894</v>
      </c>
      <c r="E315" s="53">
        <v>74409288.4999654</v>
      </c>
      <c r="F315" s="53">
        <v>73632371.137334898</v>
      </c>
      <c r="G315" s="53">
        <v>72894182.579901293</v>
      </c>
      <c r="H315" s="53">
        <v>72186179.453482002</v>
      </c>
      <c r="I315" s="53">
        <v>71373473.844371095</v>
      </c>
      <c r="J315" s="53">
        <v>70966733.015211195</v>
      </c>
      <c r="K315" s="53">
        <v>70783559.038099393</v>
      </c>
      <c r="L315" s="53">
        <v>70516093.341706201</v>
      </c>
      <c r="M315" s="53">
        <v>70516093.341706201</v>
      </c>
      <c r="N315" s="53">
        <v>70516093.341706201</v>
      </c>
      <c r="O315" s="53">
        <v>70484178.878879204</v>
      </c>
      <c r="P315" s="53">
        <v>70475554.939857498</v>
      </c>
      <c r="Q315" s="53">
        <v>70153846.182382599</v>
      </c>
      <c r="R315" s="53">
        <v>70004067.799474105</v>
      </c>
      <c r="S315" s="53">
        <v>69663173.275025293</v>
      </c>
      <c r="T315" s="53">
        <v>69311621.6574938</v>
      </c>
      <c r="U315" s="53">
        <v>68981405.497565493</v>
      </c>
      <c r="V315" s="53">
        <v>68749981.3993738</v>
      </c>
      <c r="W315" s="53">
        <v>68532919.036726996</v>
      </c>
      <c r="X315" s="53">
        <v>68418134.020885199</v>
      </c>
      <c r="Y315" s="53">
        <v>68418134.020885199</v>
      </c>
      <c r="Z315" s="53">
        <v>68418134.020885199</v>
      </c>
      <c r="AA315" s="53">
        <v>68418134.020885199</v>
      </c>
      <c r="AB315" s="53">
        <v>68363298.665471703</v>
      </c>
      <c r="AC315" s="53">
        <v>68357298.763791203</v>
      </c>
      <c r="AD315" s="53">
        <v>68357298.763791203</v>
      </c>
      <c r="AE315" s="53">
        <v>68353764.102371201</v>
      </c>
      <c r="AF315" s="53">
        <v>67907577.402752995</v>
      </c>
      <c r="AG315" s="53">
        <v>67449970.939081505</v>
      </c>
      <c r="AH315" s="53">
        <v>67010890.044400796</v>
      </c>
      <c r="AI315" s="53">
        <v>66609807.392315701</v>
      </c>
      <c r="AJ315" s="53">
        <v>66267552.636892997</v>
      </c>
      <c r="AK315" s="53">
        <v>65889790.3910897</v>
      </c>
      <c r="AL315" s="53">
        <v>65781782.927725397</v>
      </c>
      <c r="AM315" s="53">
        <v>65781782.927725397</v>
      </c>
      <c r="AN315" s="53">
        <v>65781782.927725397</v>
      </c>
      <c r="AO315" s="53">
        <v>65738970.976865098</v>
      </c>
      <c r="AP315" s="53">
        <v>65717463.813638501</v>
      </c>
      <c r="AQ315" s="53">
        <v>65516210.0032354</v>
      </c>
      <c r="AR315" s="53">
        <v>65513468.662502699</v>
      </c>
      <c r="AS315" s="53">
        <v>65224465.004735701</v>
      </c>
      <c r="AT315" s="53">
        <v>64938784.3352663</v>
      </c>
      <c r="AU315" s="53">
        <v>64650749.5213461</v>
      </c>
      <c r="AV315" s="53">
        <v>64398972.644131102</v>
      </c>
      <c r="AW315" s="53">
        <v>64173860.702872798</v>
      </c>
      <c r="AX315" s="53">
        <v>64005946.246505603</v>
      </c>
      <c r="AY315" s="53">
        <v>64005946.246505603</v>
      </c>
      <c r="AZ315" s="53">
        <v>64001675.482535399</v>
      </c>
      <c r="BA315" s="53">
        <v>64001675.482535399</v>
      </c>
    </row>
    <row r="316" spans="1:53">
      <c r="A316" s="52" t="s">
        <v>505</v>
      </c>
      <c r="B316" s="53">
        <v>26881687.760000002</v>
      </c>
      <c r="C316" s="53">
        <v>26881687.760000002</v>
      </c>
      <c r="D316" s="53">
        <v>26881687.760000002</v>
      </c>
      <c r="E316" s="53">
        <v>26881687.760000002</v>
      </c>
      <c r="F316" s="53">
        <v>26881687.760000002</v>
      </c>
      <c r="G316" s="53">
        <v>26881687.760000002</v>
      </c>
      <c r="H316" s="53">
        <v>26881687.760000002</v>
      </c>
      <c r="I316" s="53">
        <v>26881687.760000002</v>
      </c>
      <c r="J316" s="53">
        <v>26881687.760000002</v>
      </c>
      <c r="K316" s="53">
        <v>26881687.760000002</v>
      </c>
      <c r="L316" s="53">
        <v>26881687.760000002</v>
      </c>
      <c r="M316" s="53">
        <v>26881687.760000002</v>
      </c>
      <c r="N316" s="53">
        <v>26881687.760000002</v>
      </c>
      <c r="O316" s="53">
        <v>26881687.760000002</v>
      </c>
      <c r="P316" s="53">
        <v>26881687.760000002</v>
      </c>
      <c r="Q316" s="53">
        <v>26881687.760000002</v>
      </c>
      <c r="R316" s="53">
        <v>26881687.760000002</v>
      </c>
      <c r="S316" s="53">
        <v>26881687.760000002</v>
      </c>
      <c r="T316" s="53">
        <v>26881687.760000002</v>
      </c>
      <c r="U316" s="53">
        <v>26881687.760000002</v>
      </c>
      <c r="V316" s="53">
        <v>26881687.760000002</v>
      </c>
      <c r="W316" s="53">
        <v>26881687.760000002</v>
      </c>
      <c r="X316" s="53">
        <v>26881687.760000002</v>
      </c>
      <c r="Y316" s="53">
        <v>26881687.760000002</v>
      </c>
      <c r="Z316" s="53">
        <v>26881687.760000002</v>
      </c>
      <c r="AA316" s="53">
        <v>26881687.760000002</v>
      </c>
      <c r="AB316" s="53">
        <v>26881687.760000002</v>
      </c>
      <c r="AC316" s="53">
        <v>26881687.760000002</v>
      </c>
      <c r="AD316" s="53">
        <v>26881687.760000002</v>
      </c>
      <c r="AE316" s="53">
        <v>26881687.760000002</v>
      </c>
      <c r="AF316" s="53">
        <v>26881687.760000002</v>
      </c>
      <c r="AG316" s="53">
        <v>26881687.760000002</v>
      </c>
      <c r="AH316" s="53">
        <v>26881687.760000002</v>
      </c>
      <c r="AI316" s="53">
        <v>26881687.760000002</v>
      </c>
      <c r="AJ316" s="53">
        <v>26881687.760000002</v>
      </c>
      <c r="AK316" s="53">
        <v>26881687.760000002</v>
      </c>
      <c r="AL316" s="53">
        <v>26881687.760000002</v>
      </c>
      <c r="AM316" s="53">
        <v>26881687.760000002</v>
      </c>
      <c r="AN316" s="53">
        <v>26881687.760000002</v>
      </c>
      <c r="AO316" s="53">
        <v>26881687.760000002</v>
      </c>
      <c r="AP316" s="53">
        <v>26881687.760000002</v>
      </c>
      <c r="AQ316" s="53">
        <v>26881687.760000002</v>
      </c>
      <c r="AR316" s="53">
        <v>26881687.760000002</v>
      </c>
      <c r="AS316" s="53">
        <v>26881687.760000002</v>
      </c>
      <c r="AT316" s="53">
        <v>26881687.760000002</v>
      </c>
      <c r="AU316" s="53">
        <v>26881687.760000002</v>
      </c>
      <c r="AV316" s="53">
        <v>26881687.760000002</v>
      </c>
      <c r="AW316" s="53">
        <v>26881687.760000002</v>
      </c>
      <c r="AX316" s="53">
        <v>26881687.760000002</v>
      </c>
      <c r="AY316" s="53">
        <v>26881687.760000002</v>
      </c>
      <c r="AZ316" s="53">
        <v>26881687.760000002</v>
      </c>
      <c r="BA316" s="53">
        <v>26881687.760000002</v>
      </c>
    </row>
    <row r="317" spans="1:53">
      <c r="A317" s="52" t="s">
        <v>506</v>
      </c>
      <c r="B317" s="53">
        <v>3196902.45</v>
      </c>
      <c r="C317" s="53">
        <v>3196902.45</v>
      </c>
      <c r="D317" s="53">
        <v>3196902.45</v>
      </c>
      <c r="E317" s="53">
        <v>3196902.45</v>
      </c>
      <c r="F317" s="53">
        <v>3196902.45</v>
      </c>
      <c r="G317" s="53">
        <v>3196902.45</v>
      </c>
      <c r="H317" s="53">
        <v>3196902.45</v>
      </c>
      <c r="I317" s="53">
        <v>3196902.45</v>
      </c>
      <c r="J317" s="53">
        <v>3196902.45</v>
      </c>
      <c r="K317" s="53">
        <v>3196902.45</v>
      </c>
      <c r="L317" s="53">
        <v>3196902.45</v>
      </c>
      <c r="M317" s="53">
        <v>3196902.45</v>
      </c>
      <c r="N317" s="53">
        <v>3196902.45</v>
      </c>
      <c r="O317" s="53">
        <v>3196902.45</v>
      </c>
      <c r="P317" s="53">
        <v>3196902.45</v>
      </c>
      <c r="Q317" s="53">
        <v>3196902.45</v>
      </c>
      <c r="R317" s="53">
        <v>3196902.45</v>
      </c>
      <c r="S317" s="53">
        <v>3196902.45</v>
      </c>
      <c r="T317" s="53">
        <v>3196902.45</v>
      </c>
      <c r="U317" s="53">
        <v>3196902.45</v>
      </c>
      <c r="V317" s="53">
        <v>3196902.45</v>
      </c>
      <c r="W317" s="53">
        <v>3196902.45</v>
      </c>
      <c r="X317" s="53">
        <v>3196902.45</v>
      </c>
      <c r="Y317" s="53">
        <v>3196902.45</v>
      </c>
      <c r="Z317" s="53">
        <v>3196902.45</v>
      </c>
      <c r="AA317" s="53">
        <v>3196902.45</v>
      </c>
      <c r="AB317" s="53">
        <v>3196902.45</v>
      </c>
      <c r="AC317" s="53">
        <v>3196902.45</v>
      </c>
      <c r="AD317" s="53">
        <v>3196902.45</v>
      </c>
      <c r="AE317" s="53">
        <v>3196902.45</v>
      </c>
      <c r="AF317" s="53">
        <v>3196902.45</v>
      </c>
      <c r="AG317" s="53">
        <v>3196902.45</v>
      </c>
      <c r="AH317" s="53">
        <v>3196902.45</v>
      </c>
      <c r="AI317" s="53">
        <v>3196902.45</v>
      </c>
      <c r="AJ317" s="53">
        <v>3196902.45</v>
      </c>
      <c r="AK317" s="53">
        <v>3196902.45</v>
      </c>
      <c r="AL317" s="53">
        <v>3196902.45</v>
      </c>
      <c r="AM317" s="53">
        <v>3196902.45</v>
      </c>
      <c r="AN317" s="53">
        <v>3196902.45</v>
      </c>
      <c r="AO317" s="53">
        <v>3196902.45</v>
      </c>
      <c r="AP317" s="53">
        <v>3196902.45</v>
      </c>
      <c r="AQ317" s="53">
        <v>3196902.45</v>
      </c>
      <c r="AR317" s="53">
        <v>3196902.45</v>
      </c>
      <c r="AS317" s="53">
        <v>3196902.45</v>
      </c>
      <c r="AT317" s="53">
        <v>3196902.45</v>
      </c>
      <c r="AU317" s="53">
        <v>3196902.45</v>
      </c>
      <c r="AV317" s="53">
        <v>3196902.45</v>
      </c>
      <c r="AW317" s="53">
        <v>3196902.45</v>
      </c>
      <c r="AX317" s="53">
        <v>3196902.45</v>
      </c>
      <c r="AY317" s="53">
        <v>3196902.45</v>
      </c>
      <c r="AZ317" s="53">
        <v>3196902.45</v>
      </c>
      <c r="BA317" s="53">
        <v>3196902.45</v>
      </c>
    </row>
    <row r="318" spans="1:53">
      <c r="A318" s="52" t="s">
        <v>507</v>
      </c>
      <c r="B318" s="53">
        <v>0</v>
      </c>
      <c r="C318" s="53">
        <v>0</v>
      </c>
      <c r="D318" s="53">
        <v>0</v>
      </c>
      <c r="E318" s="53">
        <v>0</v>
      </c>
      <c r="F318" s="53">
        <v>0</v>
      </c>
      <c r="G318" s="53">
        <v>0</v>
      </c>
      <c r="H318" s="53">
        <v>0</v>
      </c>
      <c r="I318" s="53">
        <v>0</v>
      </c>
      <c r="J318" s="53">
        <v>0</v>
      </c>
      <c r="K318" s="53">
        <v>0</v>
      </c>
      <c r="L318" s="53">
        <v>0</v>
      </c>
      <c r="M318" s="53">
        <v>0</v>
      </c>
      <c r="N318" s="53">
        <v>0</v>
      </c>
      <c r="O318" s="53">
        <v>0</v>
      </c>
      <c r="P318" s="53">
        <v>0</v>
      </c>
      <c r="Q318" s="53">
        <v>0</v>
      </c>
      <c r="R318" s="53">
        <v>0</v>
      </c>
      <c r="S318" s="53">
        <v>0</v>
      </c>
      <c r="T318" s="53">
        <v>0</v>
      </c>
      <c r="U318" s="53">
        <v>0</v>
      </c>
      <c r="V318" s="53">
        <v>0</v>
      </c>
      <c r="W318" s="53">
        <v>0</v>
      </c>
      <c r="X318" s="53">
        <v>0</v>
      </c>
      <c r="Y318" s="53">
        <v>0</v>
      </c>
      <c r="Z318" s="53">
        <v>0</v>
      </c>
      <c r="AA318" s="53">
        <v>0</v>
      </c>
      <c r="AB318" s="53">
        <v>0</v>
      </c>
      <c r="AC318" s="53">
        <v>0</v>
      </c>
      <c r="AD318" s="53">
        <v>0</v>
      </c>
      <c r="AE318" s="53">
        <v>0</v>
      </c>
      <c r="AF318" s="53">
        <v>0</v>
      </c>
      <c r="AG318" s="53">
        <v>0</v>
      </c>
      <c r="AH318" s="53">
        <v>0</v>
      </c>
      <c r="AI318" s="53">
        <v>0</v>
      </c>
      <c r="AJ318" s="53">
        <v>0</v>
      </c>
      <c r="AK318" s="53">
        <v>0</v>
      </c>
      <c r="AL318" s="53">
        <v>0</v>
      </c>
      <c r="AM318" s="53">
        <v>0</v>
      </c>
      <c r="AN318" s="53">
        <v>0</v>
      </c>
      <c r="AO318" s="53">
        <v>0</v>
      </c>
      <c r="AP318" s="53">
        <v>0</v>
      </c>
      <c r="AQ318" s="53">
        <v>0</v>
      </c>
      <c r="AR318" s="53">
        <v>0</v>
      </c>
      <c r="AS318" s="53">
        <v>0</v>
      </c>
      <c r="AT318" s="53">
        <v>0</v>
      </c>
      <c r="AU318" s="53">
        <v>0</v>
      </c>
      <c r="AV318" s="53">
        <v>0</v>
      </c>
      <c r="AW318" s="53">
        <v>0</v>
      </c>
      <c r="AX318" s="53">
        <v>0</v>
      </c>
      <c r="AY318" s="53">
        <v>0</v>
      </c>
      <c r="AZ318" s="53">
        <v>0</v>
      </c>
      <c r="BA318" s="53">
        <v>0</v>
      </c>
    </row>
    <row r="319" spans="1:53">
      <c r="A319" s="52" t="s">
        <v>508</v>
      </c>
      <c r="B319" s="53">
        <v>96811648.256792799</v>
      </c>
      <c r="C319" s="53">
        <v>96845351.521611005</v>
      </c>
      <c r="D319" s="53">
        <v>96809783.933739394</v>
      </c>
      <c r="E319" s="53">
        <v>96815426.194475904</v>
      </c>
      <c r="F319" s="53">
        <v>96754525.357133001</v>
      </c>
      <c r="G319" s="53">
        <v>96680778.671966106</v>
      </c>
      <c r="H319" s="53">
        <v>96653894.373626202</v>
      </c>
      <c r="I319" s="53">
        <v>96730926.276531905</v>
      </c>
      <c r="J319" s="53">
        <v>96775634.981557801</v>
      </c>
      <c r="K319" s="53">
        <v>96829444.995319098</v>
      </c>
      <c r="L319" s="53">
        <v>96824433.326480702</v>
      </c>
      <c r="M319" s="53">
        <v>96801876.778462097</v>
      </c>
      <c r="N319" s="53">
        <v>96801876.778462097</v>
      </c>
      <c r="O319" s="53">
        <v>96785284.141897097</v>
      </c>
      <c r="P319" s="53">
        <v>96760880.634518594</v>
      </c>
      <c r="Q319" s="53">
        <v>96676128.171490297</v>
      </c>
      <c r="R319" s="53">
        <v>96631863.234677002</v>
      </c>
      <c r="S319" s="53">
        <v>96537394.605338901</v>
      </c>
      <c r="T319" s="53">
        <v>96433685.250092506</v>
      </c>
      <c r="U319" s="53">
        <v>96377404.954862103</v>
      </c>
      <c r="V319" s="53">
        <v>96448301.147885606</v>
      </c>
      <c r="W319" s="53">
        <v>96491571.953985095</v>
      </c>
      <c r="X319" s="53">
        <v>96504679.537332997</v>
      </c>
      <c r="Y319" s="53">
        <v>96486416.711639807</v>
      </c>
      <c r="Z319" s="53">
        <v>96466329.7073358</v>
      </c>
      <c r="AA319" s="53">
        <v>96466329.7073358</v>
      </c>
      <c r="AB319" s="53">
        <v>96450499.947910205</v>
      </c>
      <c r="AC319" s="53">
        <v>96430046.184952304</v>
      </c>
      <c r="AD319" s="53">
        <v>96371138.237096503</v>
      </c>
      <c r="AE319" s="53">
        <v>96338822.551488906</v>
      </c>
      <c r="AF319" s="53">
        <v>96259086.195792496</v>
      </c>
      <c r="AG319" s="53">
        <v>96182866.985179707</v>
      </c>
      <c r="AH319" s="53">
        <v>96138625.367597699</v>
      </c>
      <c r="AI319" s="53">
        <v>96232219.552016705</v>
      </c>
      <c r="AJ319" s="53">
        <v>96315030.0473959</v>
      </c>
      <c r="AK319" s="53">
        <v>96365012.682282001</v>
      </c>
      <c r="AL319" s="53">
        <v>96388821.288153097</v>
      </c>
      <c r="AM319" s="53">
        <v>96410129.983534202</v>
      </c>
      <c r="AN319" s="53">
        <v>96410129.983534202</v>
      </c>
      <c r="AO319" s="53">
        <v>96420553.226297095</v>
      </c>
      <c r="AP319" s="53">
        <v>96421150.577861398</v>
      </c>
      <c r="AQ319" s="53">
        <v>96397831.610020503</v>
      </c>
      <c r="AR319" s="53">
        <v>96382674.536494493</v>
      </c>
      <c r="AS319" s="53">
        <v>96332785.361803606</v>
      </c>
      <c r="AT319" s="53">
        <v>96291377.099859193</v>
      </c>
      <c r="AU319" s="53">
        <v>96258753.648097306</v>
      </c>
      <c r="AV319" s="53">
        <v>96372786.044194698</v>
      </c>
      <c r="AW319" s="53">
        <v>96475015.087697104</v>
      </c>
      <c r="AX319" s="53">
        <v>96541740.408868402</v>
      </c>
      <c r="AY319" s="53">
        <v>96589182.304682001</v>
      </c>
      <c r="AZ319" s="53">
        <v>96634740.301649302</v>
      </c>
      <c r="BA319" s="53">
        <v>96634740.301649302</v>
      </c>
    </row>
    <row r="320" spans="1:53">
      <c r="A320" s="52" t="s">
        <v>509</v>
      </c>
      <c r="B320" s="53">
        <v>0</v>
      </c>
      <c r="C320" s="53">
        <v>0</v>
      </c>
      <c r="D320" s="53">
        <v>0</v>
      </c>
      <c r="E320" s="53">
        <v>0</v>
      </c>
      <c r="F320" s="53">
        <v>0</v>
      </c>
      <c r="G320" s="53">
        <v>0</v>
      </c>
      <c r="H320" s="53">
        <v>0</v>
      </c>
      <c r="I320" s="53">
        <v>0</v>
      </c>
      <c r="J320" s="53">
        <v>0</v>
      </c>
      <c r="K320" s="53">
        <v>0</v>
      </c>
      <c r="L320" s="53">
        <v>0</v>
      </c>
      <c r="M320" s="53">
        <v>0</v>
      </c>
      <c r="N320" s="53">
        <v>0</v>
      </c>
      <c r="O320" s="53">
        <v>0</v>
      </c>
      <c r="P320" s="53">
        <v>0</v>
      </c>
      <c r="Q320" s="53">
        <v>0</v>
      </c>
      <c r="R320" s="53">
        <v>0</v>
      </c>
      <c r="S320" s="53">
        <v>0</v>
      </c>
      <c r="T320" s="53">
        <v>0</v>
      </c>
      <c r="U320" s="53">
        <v>0</v>
      </c>
      <c r="V320" s="53">
        <v>0</v>
      </c>
      <c r="W320" s="53">
        <v>0</v>
      </c>
      <c r="X320" s="53">
        <v>0</v>
      </c>
      <c r="Y320" s="53">
        <v>0</v>
      </c>
      <c r="Z320" s="53">
        <v>0</v>
      </c>
      <c r="AA320" s="53">
        <v>0</v>
      </c>
      <c r="AB320" s="53">
        <v>0</v>
      </c>
      <c r="AC320" s="53">
        <v>0</v>
      </c>
      <c r="AD320" s="53">
        <v>0</v>
      </c>
      <c r="AE320" s="53">
        <v>0</v>
      </c>
      <c r="AF320" s="53">
        <v>0</v>
      </c>
      <c r="AG320" s="53">
        <v>0</v>
      </c>
      <c r="AH320" s="53">
        <v>0</v>
      </c>
      <c r="AI320" s="53">
        <v>0</v>
      </c>
      <c r="AJ320" s="53">
        <v>0</v>
      </c>
      <c r="AK320" s="53">
        <v>0</v>
      </c>
      <c r="AL320" s="53">
        <v>0</v>
      </c>
      <c r="AM320" s="53">
        <v>0</v>
      </c>
      <c r="AN320" s="53">
        <v>0</v>
      </c>
      <c r="AO320" s="53">
        <v>0</v>
      </c>
      <c r="AP320" s="53">
        <v>0</v>
      </c>
      <c r="AQ320" s="53">
        <v>0</v>
      </c>
      <c r="AR320" s="53">
        <v>0</v>
      </c>
      <c r="AS320" s="53">
        <v>0</v>
      </c>
      <c r="AT320" s="53">
        <v>0</v>
      </c>
      <c r="AU320" s="53">
        <v>0</v>
      </c>
      <c r="AV320" s="53">
        <v>0</v>
      </c>
      <c r="AW320" s="53">
        <v>0</v>
      </c>
      <c r="AX320" s="53">
        <v>0</v>
      </c>
      <c r="AY320" s="53">
        <v>0</v>
      </c>
      <c r="AZ320" s="53">
        <v>0</v>
      </c>
      <c r="BA320" s="53">
        <v>0</v>
      </c>
    </row>
    <row r="321" spans="1:53">
      <c r="A321" s="52" t="s">
        <v>510</v>
      </c>
      <c r="B321" s="53">
        <v>13011993.83</v>
      </c>
      <c r="C321" s="53">
        <v>13011993.83</v>
      </c>
      <c r="D321" s="53">
        <v>13011993.83</v>
      </c>
      <c r="E321" s="53">
        <v>13011993.83</v>
      </c>
      <c r="F321" s="53">
        <v>13011993.83</v>
      </c>
      <c r="G321" s="53">
        <v>13011993.83</v>
      </c>
      <c r="H321" s="53">
        <v>13011993.83</v>
      </c>
      <c r="I321" s="53">
        <v>13011993.83</v>
      </c>
      <c r="J321" s="53">
        <v>13011993.83</v>
      </c>
      <c r="K321" s="53">
        <v>13011993.83</v>
      </c>
      <c r="L321" s="53">
        <v>13011993.83</v>
      </c>
      <c r="M321" s="53">
        <v>13011993.83</v>
      </c>
      <c r="N321" s="53">
        <v>13011993.83</v>
      </c>
      <c r="O321" s="53">
        <v>13011993.83</v>
      </c>
      <c r="P321" s="53">
        <v>13011993.83</v>
      </c>
      <c r="Q321" s="53">
        <v>13011993.83</v>
      </c>
      <c r="R321" s="53">
        <v>13011993.83</v>
      </c>
      <c r="S321" s="53">
        <v>13011993.83</v>
      </c>
      <c r="T321" s="53">
        <v>13011993.83</v>
      </c>
      <c r="U321" s="53">
        <v>13011993.83</v>
      </c>
      <c r="V321" s="53">
        <v>13011993.83</v>
      </c>
      <c r="W321" s="53">
        <v>13011993.83</v>
      </c>
      <c r="X321" s="53">
        <v>13011993.83</v>
      </c>
      <c r="Y321" s="53">
        <v>13011993.83</v>
      </c>
      <c r="Z321" s="53">
        <v>13011993.83</v>
      </c>
      <c r="AA321" s="53">
        <v>13011993.83</v>
      </c>
      <c r="AB321" s="53">
        <v>13011993.83</v>
      </c>
      <c r="AC321" s="53">
        <v>13011993.83</v>
      </c>
      <c r="AD321" s="53">
        <v>13011993.83</v>
      </c>
      <c r="AE321" s="53">
        <v>13011993.83</v>
      </c>
      <c r="AF321" s="53">
        <v>13011993.83</v>
      </c>
      <c r="AG321" s="53">
        <v>13011993.83</v>
      </c>
      <c r="AH321" s="53">
        <v>13011993.83</v>
      </c>
      <c r="AI321" s="53">
        <v>13011993.83</v>
      </c>
      <c r="AJ321" s="53">
        <v>13011993.83</v>
      </c>
      <c r="AK321" s="53">
        <v>13011993.83</v>
      </c>
      <c r="AL321" s="53">
        <v>13011993.83</v>
      </c>
      <c r="AM321" s="53">
        <v>13011993.83</v>
      </c>
      <c r="AN321" s="53">
        <v>13011993.83</v>
      </c>
      <c r="AO321" s="53">
        <v>13011993.83</v>
      </c>
      <c r="AP321" s="53">
        <v>13011993.83</v>
      </c>
      <c r="AQ321" s="53">
        <v>13011993.83</v>
      </c>
      <c r="AR321" s="53">
        <v>13011993.83</v>
      </c>
      <c r="AS321" s="53">
        <v>13011993.83</v>
      </c>
      <c r="AT321" s="53">
        <v>13011993.83</v>
      </c>
      <c r="AU321" s="53">
        <v>13011993.83</v>
      </c>
      <c r="AV321" s="53">
        <v>13011993.83</v>
      </c>
      <c r="AW321" s="53">
        <v>13011993.83</v>
      </c>
      <c r="AX321" s="53">
        <v>13011993.83</v>
      </c>
      <c r="AY321" s="53">
        <v>13011993.83</v>
      </c>
      <c r="AZ321" s="53">
        <v>13011993.83</v>
      </c>
      <c r="BA321" s="53">
        <v>13011993.83</v>
      </c>
    </row>
    <row r="322" spans="1:53">
      <c r="A322" s="58" t="s">
        <v>511</v>
      </c>
      <c r="B322" s="134">
        <v>214416431.92900699</v>
      </c>
      <c r="C322" s="134">
        <v>214442479.35314</v>
      </c>
      <c r="D322" s="134">
        <v>214406911.76526901</v>
      </c>
      <c r="E322" s="134">
        <v>214315298.73444101</v>
      </c>
      <c r="F322" s="134">
        <v>213477480.53446701</v>
      </c>
      <c r="G322" s="134">
        <v>212665545.29186699</v>
      </c>
      <c r="H322" s="134">
        <v>211930657.86710799</v>
      </c>
      <c r="I322" s="134">
        <v>211194984.16090301</v>
      </c>
      <c r="J322" s="134">
        <v>210832952.036769</v>
      </c>
      <c r="K322" s="134">
        <v>210703588.07341799</v>
      </c>
      <c r="L322" s="134">
        <v>210431110.708186</v>
      </c>
      <c r="M322" s="134">
        <v>210408554.16016799</v>
      </c>
      <c r="N322" s="134">
        <v>210408554.16016799</v>
      </c>
      <c r="O322" s="134">
        <v>210360047.060776</v>
      </c>
      <c r="P322" s="134">
        <v>210327019.61437601</v>
      </c>
      <c r="Q322" s="134">
        <v>209920558.39387199</v>
      </c>
      <c r="R322" s="134">
        <v>209726515.07415101</v>
      </c>
      <c r="S322" s="134">
        <v>209291151.92036399</v>
      </c>
      <c r="T322" s="134">
        <v>208835890.947586</v>
      </c>
      <c r="U322" s="134">
        <v>208449394.49242699</v>
      </c>
      <c r="V322" s="134">
        <v>208288866.58725899</v>
      </c>
      <c r="W322" s="134">
        <v>208115075.03071201</v>
      </c>
      <c r="X322" s="134">
        <v>208013397.59821799</v>
      </c>
      <c r="Y322" s="134">
        <v>207995134.772524</v>
      </c>
      <c r="Z322" s="134">
        <v>207975047.76822099</v>
      </c>
      <c r="AA322" s="134">
        <v>207975047.76822099</v>
      </c>
      <c r="AB322" s="134">
        <v>207904382.653382</v>
      </c>
      <c r="AC322" s="134">
        <v>207877928.98874301</v>
      </c>
      <c r="AD322" s="134">
        <v>207819021.040887</v>
      </c>
      <c r="AE322" s="134">
        <v>207783170.69385999</v>
      </c>
      <c r="AF322" s="134">
        <v>207257247.63854501</v>
      </c>
      <c r="AG322" s="134">
        <v>206723421.964261</v>
      </c>
      <c r="AH322" s="134">
        <v>206240099.451998</v>
      </c>
      <c r="AI322" s="134">
        <v>205932610.984332</v>
      </c>
      <c r="AJ322" s="134">
        <v>205673166.724289</v>
      </c>
      <c r="AK322" s="134">
        <v>205345387.11337101</v>
      </c>
      <c r="AL322" s="134">
        <v>205261188.255878</v>
      </c>
      <c r="AM322" s="134">
        <v>205282496.95125899</v>
      </c>
      <c r="AN322" s="134">
        <v>205282496.95125899</v>
      </c>
      <c r="AO322" s="134">
        <v>205250108.24316201</v>
      </c>
      <c r="AP322" s="134">
        <v>205229198.431499</v>
      </c>
      <c r="AQ322" s="134">
        <v>205004625.65325499</v>
      </c>
      <c r="AR322" s="134">
        <v>204986727.23899701</v>
      </c>
      <c r="AS322" s="134">
        <v>204647834.40653899</v>
      </c>
      <c r="AT322" s="134">
        <v>204320745.47512501</v>
      </c>
      <c r="AU322" s="134">
        <v>204000087.209443</v>
      </c>
      <c r="AV322" s="134">
        <v>203862342.72832501</v>
      </c>
      <c r="AW322" s="134">
        <v>203739459.830569</v>
      </c>
      <c r="AX322" s="134">
        <v>203638270.69537401</v>
      </c>
      <c r="AY322" s="134">
        <v>203685712.591187</v>
      </c>
      <c r="AZ322" s="134">
        <v>203726999.824184</v>
      </c>
      <c r="BA322" s="134">
        <v>203726999.824184</v>
      </c>
    </row>
    <row r="323" spans="1:53">
      <c r="A323" s="52" t="s">
        <v>512</v>
      </c>
    </row>
    <row r="324" spans="1:53">
      <c r="A324" s="57" t="s">
        <v>513</v>
      </c>
    </row>
    <row r="325" spans="1:53">
      <c r="A325" s="52" t="s">
        <v>514</v>
      </c>
      <c r="B325" s="53">
        <v>0</v>
      </c>
      <c r="C325" s="53">
        <v>0</v>
      </c>
      <c r="D325" s="53">
        <v>0</v>
      </c>
      <c r="E325" s="53">
        <v>0</v>
      </c>
      <c r="F325" s="53">
        <v>0</v>
      </c>
      <c r="G325" s="53">
        <v>0</v>
      </c>
      <c r="H325" s="53">
        <v>0</v>
      </c>
      <c r="I325" s="53">
        <v>0</v>
      </c>
      <c r="J325" s="53">
        <v>0</v>
      </c>
      <c r="K325" s="53">
        <v>0</v>
      </c>
      <c r="L325" s="53">
        <v>0</v>
      </c>
      <c r="M325" s="53">
        <v>0</v>
      </c>
      <c r="N325" s="53">
        <v>0</v>
      </c>
      <c r="O325" s="53">
        <v>0</v>
      </c>
      <c r="P325" s="53">
        <v>0</v>
      </c>
      <c r="Q325" s="53">
        <v>0</v>
      </c>
      <c r="R325" s="53">
        <v>0</v>
      </c>
      <c r="S325" s="53">
        <v>0</v>
      </c>
      <c r="T325" s="53">
        <v>0</v>
      </c>
      <c r="U325" s="53">
        <v>0</v>
      </c>
      <c r="V325" s="53">
        <v>0</v>
      </c>
      <c r="W325" s="53">
        <v>0</v>
      </c>
      <c r="X325" s="53">
        <v>0</v>
      </c>
      <c r="Y325" s="53">
        <v>0</v>
      </c>
      <c r="Z325" s="53">
        <v>0</v>
      </c>
      <c r="AA325" s="53">
        <v>0</v>
      </c>
      <c r="AB325" s="53">
        <v>0</v>
      </c>
      <c r="AC325" s="53">
        <v>0</v>
      </c>
      <c r="AD325" s="53">
        <v>0</v>
      </c>
      <c r="AE325" s="53">
        <v>0</v>
      </c>
      <c r="AF325" s="53">
        <v>0</v>
      </c>
      <c r="AG325" s="53">
        <v>0</v>
      </c>
      <c r="AH325" s="53">
        <v>0</v>
      </c>
      <c r="AI325" s="53">
        <v>0</v>
      </c>
      <c r="AJ325" s="53">
        <v>0</v>
      </c>
      <c r="AK325" s="53">
        <v>0</v>
      </c>
      <c r="AL325" s="53">
        <v>0</v>
      </c>
      <c r="AM325" s="53">
        <v>0</v>
      </c>
      <c r="AN325" s="53">
        <v>0</v>
      </c>
      <c r="AO325" s="53">
        <v>0</v>
      </c>
      <c r="AP325" s="53">
        <v>0</v>
      </c>
      <c r="AQ325" s="53">
        <v>0</v>
      </c>
      <c r="AR325" s="53">
        <v>0</v>
      </c>
      <c r="AS325" s="53">
        <v>0</v>
      </c>
      <c r="AT325" s="53">
        <v>0</v>
      </c>
      <c r="AU325" s="53">
        <v>0</v>
      </c>
      <c r="AV325" s="53">
        <v>0</v>
      </c>
      <c r="AW325" s="53">
        <v>0</v>
      </c>
      <c r="AX325" s="53">
        <v>0</v>
      </c>
      <c r="AY325" s="53">
        <v>0</v>
      </c>
      <c r="AZ325" s="53">
        <v>0</v>
      </c>
      <c r="BA325" s="53">
        <v>0</v>
      </c>
    </row>
    <row r="326" spans="1:53">
      <c r="A326" s="52" t="s">
        <v>515</v>
      </c>
      <c r="B326" s="53">
        <v>0</v>
      </c>
      <c r="C326" s="53">
        <v>0</v>
      </c>
      <c r="D326" s="53">
        <v>0</v>
      </c>
      <c r="E326" s="53">
        <v>0</v>
      </c>
      <c r="F326" s="53">
        <v>0</v>
      </c>
      <c r="G326" s="53">
        <v>0</v>
      </c>
      <c r="H326" s="53">
        <v>0</v>
      </c>
      <c r="I326" s="53">
        <v>0</v>
      </c>
      <c r="J326" s="53">
        <v>0</v>
      </c>
      <c r="K326" s="53">
        <v>0</v>
      </c>
      <c r="L326" s="53">
        <v>0</v>
      </c>
      <c r="M326" s="53">
        <v>0</v>
      </c>
      <c r="N326" s="53">
        <v>0</v>
      </c>
      <c r="O326" s="53">
        <v>0</v>
      </c>
      <c r="P326" s="53">
        <v>0</v>
      </c>
      <c r="Q326" s="53">
        <v>0</v>
      </c>
      <c r="R326" s="53">
        <v>0</v>
      </c>
      <c r="S326" s="53">
        <v>0</v>
      </c>
      <c r="T326" s="53">
        <v>0</v>
      </c>
      <c r="U326" s="53">
        <v>0</v>
      </c>
      <c r="V326" s="53">
        <v>0</v>
      </c>
      <c r="W326" s="53">
        <v>0</v>
      </c>
      <c r="X326" s="53">
        <v>0</v>
      </c>
      <c r="Y326" s="53">
        <v>0</v>
      </c>
      <c r="Z326" s="53">
        <v>0</v>
      </c>
      <c r="AA326" s="53">
        <v>0</v>
      </c>
      <c r="AB326" s="53">
        <v>0</v>
      </c>
      <c r="AC326" s="53">
        <v>0</v>
      </c>
      <c r="AD326" s="53">
        <v>0</v>
      </c>
      <c r="AE326" s="53">
        <v>0</v>
      </c>
      <c r="AF326" s="53">
        <v>0</v>
      </c>
      <c r="AG326" s="53">
        <v>0</v>
      </c>
      <c r="AH326" s="53">
        <v>0</v>
      </c>
      <c r="AI326" s="53">
        <v>0</v>
      </c>
      <c r="AJ326" s="53">
        <v>0</v>
      </c>
      <c r="AK326" s="53">
        <v>0</v>
      </c>
      <c r="AL326" s="53">
        <v>0</v>
      </c>
      <c r="AM326" s="53">
        <v>0</v>
      </c>
      <c r="AN326" s="53">
        <v>0</v>
      </c>
      <c r="AO326" s="53">
        <v>0</v>
      </c>
      <c r="AP326" s="53">
        <v>0</v>
      </c>
      <c r="AQ326" s="53">
        <v>0</v>
      </c>
      <c r="AR326" s="53">
        <v>0</v>
      </c>
      <c r="AS326" s="53">
        <v>0</v>
      </c>
      <c r="AT326" s="53">
        <v>0</v>
      </c>
      <c r="AU326" s="53">
        <v>0</v>
      </c>
      <c r="AV326" s="53">
        <v>0</v>
      </c>
      <c r="AW326" s="53">
        <v>0</v>
      </c>
      <c r="AX326" s="53">
        <v>0</v>
      </c>
      <c r="AY326" s="53">
        <v>0</v>
      </c>
      <c r="AZ326" s="53">
        <v>0</v>
      </c>
      <c r="BA326" s="53">
        <v>0</v>
      </c>
    </row>
    <row r="327" spans="1:53">
      <c r="A327" s="52" t="s">
        <v>516</v>
      </c>
      <c r="B327" s="53">
        <v>372912415.94</v>
      </c>
      <c r="C327" s="53">
        <v>372912415.94</v>
      </c>
      <c r="D327" s="53">
        <v>372912415.94</v>
      </c>
      <c r="E327" s="53">
        <v>372912415.94</v>
      </c>
      <c r="F327" s="53">
        <v>372912415.94</v>
      </c>
      <c r="G327" s="53">
        <v>372912415.94</v>
      </c>
      <c r="H327" s="53">
        <v>372912415.94</v>
      </c>
      <c r="I327" s="53">
        <v>372912415.94</v>
      </c>
      <c r="J327" s="53">
        <v>372912415.94</v>
      </c>
      <c r="K327" s="53">
        <v>372912415.94</v>
      </c>
      <c r="L327" s="53">
        <v>372912415.94</v>
      </c>
      <c r="M327" s="53">
        <v>372912415.94</v>
      </c>
      <c r="N327" s="53">
        <v>372912415.94</v>
      </c>
      <c r="O327" s="53">
        <v>372912415.94</v>
      </c>
      <c r="P327" s="53">
        <v>372912415.94</v>
      </c>
      <c r="Q327" s="53">
        <v>372912415.94</v>
      </c>
      <c r="R327" s="53">
        <v>372912415.94</v>
      </c>
      <c r="S327" s="53">
        <v>372912415.94</v>
      </c>
      <c r="T327" s="53">
        <v>372912415.94</v>
      </c>
      <c r="U327" s="53">
        <v>372912415.94</v>
      </c>
      <c r="V327" s="53">
        <v>372912415.94</v>
      </c>
      <c r="W327" s="53">
        <v>372912415.94</v>
      </c>
      <c r="X327" s="53">
        <v>372912415.94</v>
      </c>
      <c r="Y327" s="53">
        <v>372912415.94</v>
      </c>
      <c r="Z327" s="53">
        <v>372912415.94</v>
      </c>
      <c r="AA327" s="53">
        <v>372912415.94</v>
      </c>
      <c r="AB327" s="53">
        <v>372912415.94</v>
      </c>
      <c r="AC327" s="53">
        <v>372912415.94</v>
      </c>
      <c r="AD327" s="53">
        <v>372912415.94</v>
      </c>
      <c r="AE327" s="53">
        <v>372912415.94</v>
      </c>
      <c r="AF327" s="53">
        <v>372912415.94</v>
      </c>
      <c r="AG327" s="53">
        <v>372912415.94</v>
      </c>
      <c r="AH327" s="53">
        <v>372912415.94</v>
      </c>
      <c r="AI327" s="53">
        <v>372912415.94</v>
      </c>
      <c r="AJ327" s="53">
        <v>372912415.94</v>
      </c>
      <c r="AK327" s="53">
        <v>372912415.94</v>
      </c>
      <c r="AL327" s="53">
        <v>372912415.94</v>
      </c>
      <c r="AM327" s="53">
        <v>372912415.94</v>
      </c>
      <c r="AN327" s="53">
        <v>372912415.94</v>
      </c>
      <c r="AO327" s="53">
        <v>372912415.94</v>
      </c>
      <c r="AP327" s="53">
        <v>372912415.94</v>
      </c>
      <c r="AQ327" s="53">
        <v>372912415.94</v>
      </c>
      <c r="AR327" s="53">
        <v>372912415.94</v>
      </c>
      <c r="AS327" s="53">
        <v>372912415.94</v>
      </c>
      <c r="AT327" s="53">
        <v>372912415.94</v>
      </c>
      <c r="AU327" s="53">
        <v>372912415.94</v>
      </c>
      <c r="AV327" s="53">
        <v>372912415.94</v>
      </c>
      <c r="AW327" s="53">
        <v>372912415.94</v>
      </c>
      <c r="AX327" s="53">
        <v>372912415.94</v>
      </c>
      <c r="AY327" s="53">
        <v>372912415.94</v>
      </c>
      <c r="AZ327" s="53">
        <v>372912415.94</v>
      </c>
      <c r="BA327" s="53">
        <v>372912415.94</v>
      </c>
    </row>
    <row r="328" spans="1:53">
      <c r="A328" s="52" t="s">
        <v>517</v>
      </c>
      <c r="B328" s="53">
        <v>0</v>
      </c>
      <c r="C328" s="53">
        <v>0</v>
      </c>
      <c r="D328" s="53">
        <v>0</v>
      </c>
      <c r="E328" s="53">
        <v>0</v>
      </c>
      <c r="F328" s="53">
        <v>0</v>
      </c>
      <c r="G328" s="53">
        <v>0</v>
      </c>
      <c r="H328" s="53">
        <v>0</v>
      </c>
      <c r="I328" s="53">
        <v>0</v>
      </c>
      <c r="J328" s="53">
        <v>0</v>
      </c>
      <c r="K328" s="53">
        <v>0</v>
      </c>
      <c r="L328" s="53">
        <v>0</v>
      </c>
      <c r="M328" s="53">
        <v>0</v>
      </c>
      <c r="N328" s="53">
        <v>0</v>
      </c>
      <c r="O328" s="53">
        <v>0</v>
      </c>
      <c r="P328" s="53">
        <v>0</v>
      </c>
      <c r="Q328" s="53">
        <v>0</v>
      </c>
      <c r="R328" s="53">
        <v>0</v>
      </c>
      <c r="S328" s="53">
        <v>0</v>
      </c>
      <c r="T328" s="53">
        <v>0</v>
      </c>
      <c r="U328" s="53">
        <v>0</v>
      </c>
      <c r="V328" s="53">
        <v>0</v>
      </c>
      <c r="W328" s="53">
        <v>0</v>
      </c>
      <c r="X328" s="53">
        <v>0</v>
      </c>
      <c r="Y328" s="53">
        <v>0</v>
      </c>
      <c r="Z328" s="53">
        <v>0</v>
      </c>
      <c r="AA328" s="53">
        <v>0</v>
      </c>
      <c r="AB328" s="53">
        <v>0</v>
      </c>
      <c r="AC328" s="53">
        <v>0</v>
      </c>
      <c r="AD328" s="53">
        <v>0</v>
      </c>
      <c r="AE328" s="53">
        <v>0</v>
      </c>
      <c r="AF328" s="53">
        <v>0</v>
      </c>
      <c r="AG328" s="53">
        <v>0</v>
      </c>
      <c r="AH328" s="53">
        <v>0</v>
      </c>
      <c r="AI328" s="53">
        <v>0</v>
      </c>
      <c r="AJ328" s="53">
        <v>0</v>
      </c>
      <c r="AK328" s="53">
        <v>0</v>
      </c>
      <c r="AL328" s="53">
        <v>0</v>
      </c>
      <c r="AM328" s="53">
        <v>0</v>
      </c>
      <c r="AN328" s="53">
        <v>0</v>
      </c>
      <c r="AO328" s="53">
        <v>0</v>
      </c>
      <c r="AP328" s="53">
        <v>0</v>
      </c>
      <c r="AQ328" s="53">
        <v>0</v>
      </c>
      <c r="AR328" s="53">
        <v>0</v>
      </c>
      <c r="AS328" s="53">
        <v>0</v>
      </c>
      <c r="AT328" s="53">
        <v>0</v>
      </c>
      <c r="AU328" s="53">
        <v>0</v>
      </c>
      <c r="AV328" s="53">
        <v>0</v>
      </c>
      <c r="AW328" s="53">
        <v>0</v>
      </c>
      <c r="AX328" s="53">
        <v>0</v>
      </c>
      <c r="AY328" s="53">
        <v>0</v>
      </c>
      <c r="AZ328" s="53">
        <v>0</v>
      </c>
      <c r="BA328" s="53">
        <v>0</v>
      </c>
    </row>
    <row r="329" spans="1:53">
      <c r="A329" s="52" t="s">
        <v>518</v>
      </c>
      <c r="B329" s="53">
        <v>0</v>
      </c>
      <c r="C329" s="53">
        <v>0</v>
      </c>
      <c r="D329" s="53">
        <v>0</v>
      </c>
      <c r="E329" s="53">
        <v>0</v>
      </c>
      <c r="F329" s="53">
        <v>0</v>
      </c>
      <c r="G329" s="53">
        <v>0</v>
      </c>
      <c r="H329" s="53">
        <v>0</v>
      </c>
      <c r="I329" s="53">
        <v>0</v>
      </c>
      <c r="J329" s="53">
        <v>0</v>
      </c>
      <c r="K329" s="53">
        <v>0</v>
      </c>
      <c r="L329" s="53">
        <v>0</v>
      </c>
      <c r="M329" s="53">
        <v>0</v>
      </c>
      <c r="N329" s="53">
        <v>0</v>
      </c>
      <c r="O329" s="53">
        <v>0</v>
      </c>
      <c r="P329" s="53">
        <v>0</v>
      </c>
      <c r="Q329" s="53">
        <v>0</v>
      </c>
      <c r="R329" s="53">
        <v>0</v>
      </c>
      <c r="S329" s="53">
        <v>0</v>
      </c>
      <c r="T329" s="53">
        <v>0</v>
      </c>
      <c r="U329" s="53">
        <v>0</v>
      </c>
      <c r="V329" s="53">
        <v>0</v>
      </c>
      <c r="W329" s="53">
        <v>0</v>
      </c>
      <c r="X329" s="53">
        <v>0</v>
      </c>
      <c r="Y329" s="53">
        <v>0</v>
      </c>
      <c r="Z329" s="53">
        <v>0</v>
      </c>
      <c r="AA329" s="53">
        <v>0</v>
      </c>
      <c r="AB329" s="53">
        <v>0</v>
      </c>
      <c r="AC329" s="53">
        <v>0</v>
      </c>
      <c r="AD329" s="53">
        <v>0</v>
      </c>
      <c r="AE329" s="53">
        <v>0</v>
      </c>
      <c r="AF329" s="53">
        <v>0</v>
      </c>
      <c r="AG329" s="53">
        <v>0</v>
      </c>
      <c r="AH329" s="53">
        <v>0</v>
      </c>
      <c r="AI329" s="53">
        <v>0</v>
      </c>
      <c r="AJ329" s="53">
        <v>0</v>
      </c>
      <c r="AK329" s="53">
        <v>0</v>
      </c>
      <c r="AL329" s="53">
        <v>0</v>
      </c>
      <c r="AM329" s="53">
        <v>0</v>
      </c>
      <c r="AN329" s="53">
        <v>0</v>
      </c>
      <c r="AO329" s="53">
        <v>0</v>
      </c>
      <c r="AP329" s="53">
        <v>0</v>
      </c>
      <c r="AQ329" s="53">
        <v>0</v>
      </c>
      <c r="AR329" s="53">
        <v>0</v>
      </c>
      <c r="AS329" s="53">
        <v>0</v>
      </c>
      <c r="AT329" s="53">
        <v>0</v>
      </c>
      <c r="AU329" s="53">
        <v>0</v>
      </c>
      <c r="AV329" s="53">
        <v>0</v>
      </c>
      <c r="AW329" s="53">
        <v>0</v>
      </c>
      <c r="AX329" s="53">
        <v>0</v>
      </c>
      <c r="AY329" s="53">
        <v>0</v>
      </c>
      <c r="AZ329" s="53">
        <v>0</v>
      </c>
      <c r="BA329" s="53">
        <v>0</v>
      </c>
    </row>
    <row r="330" spans="1:53">
      <c r="A330" s="52" t="s">
        <v>519</v>
      </c>
      <c r="B330" s="53">
        <v>0</v>
      </c>
      <c r="C330" s="53">
        <v>0</v>
      </c>
      <c r="D330" s="53">
        <v>0</v>
      </c>
      <c r="E330" s="53">
        <v>0</v>
      </c>
      <c r="F330" s="53">
        <v>0</v>
      </c>
      <c r="G330" s="53">
        <v>0</v>
      </c>
      <c r="H330" s="53">
        <v>0</v>
      </c>
      <c r="I330" s="53">
        <v>0</v>
      </c>
      <c r="J330" s="53">
        <v>0</v>
      </c>
      <c r="K330" s="53">
        <v>0</v>
      </c>
      <c r="L330" s="53">
        <v>0</v>
      </c>
      <c r="M330" s="53">
        <v>0</v>
      </c>
      <c r="N330" s="53">
        <v>0</v>
      </c>
      <c r="O330" s="53">
        <v>0</v>
      </c>
      <c r="P330" s="53">
        <v>0</v>
      </c>
      <c r="Q330" s="53">
        <v>0</v>
      </c>
      <c r="R330" s="53">
        <v>0</v>
      </c>
      <c r="S330" s="53">
        <v>0</v>
      </c>
      <c r="T330" s="53">
        <v>0</v>
      </c>
      <c r="U330" s="53">
        <v>0</v>
      </c>
      <c r="V330" s="53">
        <v>0</v>
      </c>
      <c r="W330" s="53">
        <v>0</v>
      </c>
      <c r="X330" s="53">
        <v>0</v>
      </c>
      <c r="Y330" s="53">
        <v>0</v>
      </c>
      <c r="Z330" s="53">
        <v>0</v>
      </c>
      <c r="AA330" s="53">
        <v>0</v>
      </c>
      <c r="AB330" s="53">
        <v>0</v>
      </c>
      <c r="AC330" s="53">
        <v>0</v>
      </c>
      <c r="AD330" s="53">
        <v>0</v>
      </c>
      <c r="AE330" s="53">
        <v>0</v>
      </c>
      <c r="AF330" s="53">
        <v>0</v>
      </c>
      <c r="AG330" s="53">
        <v>0</v>
      </c>
      <c r="AH330" s="53">
        <v>0</v>
      </c>
      <c r="AI330" s="53">
        <v>0</v>
      </c>
      <c r="AJ330" s="53">
        <v>0</v>
      </c>
      <c r="AK330" s="53">
        <v>0</v>
      </c>
      <c r="AL330" s="53">
        <v>0</v>
      </c>
      <c r="AM330" s="53">
        <v>0</v>
      </c>
      <c r="AN330" s="53">
        <v>0</v>
      </c>
      <c r="AO330" s="53">
        <v>0</v>
      </c>
      <c r="AP330" s="53">
        <v>0</v>
      </c>
      <c r="AQ330" s="53">
        <v>0</v>
      </c>
      <c r="AR330" s="53">
        <v>0</v>
      </c>
      <c r="AS330" s="53">
        <v>0</v>
      </c>
      <c r="AT330" s="53">
        <v>0</v>
      </c>
      <c r="AU330" s="53">
        <v>0</v>
      </c>
      <c r="AV330" s="53">
        <v>0</v>
      </c>
      <c r="AW330" s="53">
        <v>0</v>
      </c>
      <c r="AX330" s="53">
        <v>0</v>
      </c>
      <c r="AY330" s="53">
        <v>0</v>
      </c>
      <c r="AZ330" s="53">
        <v>0</v>
      </c>
      <c r="BA330" s="53">
        <v>0</v>
      </c>
    </row>
    <row r="331" spans="1:53">
      <c r="A331" s="52" t="s">
        <v>520</v>
      </c>
      <c r="B331" s="53">
        <v>3631123.98</v>
      </c>
      <c r="C331" s="53">
        <v>3631123.98</v>
      </c>
      <c r="D331" s="53">
        <v>3631123.98</v>
      </c>
      <c r="E331" s="53">
        <v>3631123.98</v>
      </c>
      <c r="F331" s="53">
        <v>3631123.98</v>
      </c>
      <c r="G331" s="53">
        <v>3631123.98</v>
      </c>
      <c r="H331" s="53">
        <v>3631123.98</v>
      </c>
      <c r="I331" s="53">
        <v>3631123.98</v>
      </c>
      <c r="J331" s="53">
        <v>3631123.98</v>
      </c>
      <c r="K331" s="53">
        <v>3631123.98</v>
      </c>
      <c r="L331" s="53">
        <v>3631123.98</v>
      </c>
      <c r="M331" s="53">
        <v>3631123.98</v>
      </c>
      <c r="N331" s="53">
        <v>3631123.98</v>
      </c>
      <c r="O331" s="53">
        <v>3631123.98</v>
      </c>
      <c r="P331" s="53">
        <v>3631123.98</v>
      </c>
      <c r="Q331" s="53">
        <v>3631123.98</v>
      </c>
      <c r="R331" s="53">
        <v>3631123.98</v>
      </c>
      <c r="S331" s="53">
        <v>3631123.98</v>
      </c>
      <c r="T331" s="53">
        <v>3631123.98</v>
      </c>
      <c r="U331" s="53">
        <v>3631123.98</v>
      </c>
      <c r="V331" s="53">
        <v>3631123.98</v>
      </c>
      <c r="W331" s="53">
        <v>3631123.98</v>
      </c>
      <c r="X331" s="53">
        <v>3631123.98</v>
      </c>
      <c r="Y331" s="53">
        <v>3631123.98</v>
      </c>
      <c r="Z331" s="53">
        <v>3631123.98</v>
      </c>
      <c r="AA331" s="53">
        <v>3631123.98</v>
      </c>
      <c r="AB331" s="53">
        <v>3631123.98</v>
      </c>
      <c r="AC331" s="53">
        <v>3631123.98</v>
      </c>
      <c r="AD331" s="53">
        <v>3631123.98</v>
      </c>
      <c r="AE331" s="53">
        <v>3631123.98</v>
      </c>
      <c r="AF331" s="53">
        <v>3631123.98</v>
      </c>
      <c r="AG331" s="53">
        <v>3631123.98</v>
      </c>
      <c r="AH331" s="53">
        <v>3631123.98</v>
      </c>
      <c r="AI331" s="53">
        <v>3631123.98</v>
      </c>
      <c r="AJ331" s="53">
        <v>3631123.98</v>
      </c>
      <c r="AK331" s="53">
        <v>3631123.98</v>
      </c>
      <c r="AL331" s="53">
        <v>3631123.98</v>
      </c>
      <c r="AM331" s="53">
        <v>3631123.98</v>
      </c>
      <c r="AN331" s="53">
        <v>3631123.98</v>
      </c>
      <c r="AO331" s="53">
        <v>3631123.98</v>
      </c>
      <c r="AP331" s="53">
        <v>3631123.98</v>
      </c>
      <c r="AQ331" s="53">
        <v>3631123.98</v>
      </c>
      <c r="AR331" s="53">
        <v>3631123.98</v>
      </c>
      <c r="AS331" s="53">
        <v>3631123.98</v>
      </c>
      <c r="AT331" s="53">
        <v>3631123.98</v>
      </c>
      <c r="AU331" s="53">
        <v>3631123.98</v>
      </c>
      <c r="AV331" s="53">
        <v>3631123.98</v>
      </c>
      <c r="AW331" s="53">
        <v>3631123.98</v>
      </c>
      <c r="AX331" s="53">
        <v>3631123.98</v>
      </c>
      <c r="AY331" s="53">
        <v>3631123.98</v>
      </c>
      <c r="AZ331" s="53">
        <v>3631123.98</v>
      </c>
      <c r="BA331" s="53">
        <v>3631123.98</v>
      </c>
    </row>
    <row r="332" spans="1:53">
      <c r="A332" s="52" t="s">
        <v>521</v>
      </c>
      <c r="B332" s="53">
        <v>0</v>
      </c>
      <c r="C332" s="53">
        <v>0</v>
      </c>
      <c r="D332" s="53">
        <v>0</v>
      </c>
      <c r="E332" s="53">
        <v>0</v>
      </c>
      <c r="F332" s="53">
        <v>0</v>
      </c>
      <c r="G332" s="53">
        <v>0</v>
      </c>
      <c r="H332" s="53">
        <v>0</v>
      </c>
      <c r="I332" s="53">
        <v>0</v>
      </c>
      <c r="J332" s="53">
        <v>0</v>
      </c>
      <c r="K332" s="53">
        <v>0</v>
      </c>
      <c r="L332" s="53">
        <v>0</v>
      </c>
      <c r="M332" s="53">
        <v>0</v>
      </c>
      <c r="N332" s="53">
        <v>0</v>
      </c>
      <c r="O332" s="53">
        <v>0</v>
      </c>
      <c r="P332" s="53">
        <v>0</v>
      </c>
      <c r="Q332" s="53">
        <v>0</v>
      </c>
      <c r="R332" s="53">
        <v>0</v>
      </c>
      <c r="S332" s="53">
        <v>0</v>
      </c>
      <c r="T332" s="53">
        <v>0</v>
      </c>
      <c r="U332" s="53">
        <v>0</v>
      </c>
      <c r="V332" s="53">
        <v>0</v>
      </c>
      <c r="W332" s="53">
        <v>0</v>
      </c>
      <c r="X332" s="53">
        <v>0</v>
      </c>
      <c r="Y332" s="53">
        <v>0</v>
      </c>
      <c r="Z332" s="53">
        <v>0</v>
      </c>
      <c r="AA332" s="53">
        <v>0</v>
      </c>
      <c r="AB332" s="53">
        <v>0</v>
      </c>
      <c r="AC332" s="53">
        <v>0</v>
      </c>
      <c r="AD332" s="53">
        <v>0</v>
      </c>
      <c r="AE332" s="53">
        <v>0</v>
      </c>
      <c r="AF332" s="53">
        <v>0</v>
      </c>
      <c r="AG332" s="53">
        <v>0</v>
      </c>
      <c r="AH332" s="53">
        <v>0</v>
      </c>
      <c r="AI332" s="53">
        <v>0</v>
      </c>
      <c r="AJ332" s="53">
        <v>0</v>
      </c>
      <c r="AK332" s="53">
        <v>0</v>
      </c>
      <c r="AL332" s="53">
        <v>0</v>
      </c>
      <c r="AM332" s="53">
        <v>0</v>
      </c>
      <c r="AN332" s="53">
        <v>0</v>
      </c>
      <c r="AO332" s="53">
        <v>0</v>
      </c>
      <c r="AP332" s="53">
        <v>0</v>
      </c>
      <c r="AQ332" s="53">
        <v>0</v>
      </c>
      <c r="AR332" s="53">
        <v>0</v>
      </c>
      <c r="AS332" s="53">
        <v>0</v>
      </c>
      <c r="AT332" s="53">
        <v>0</v>
      </c>
      <c r="AU332" s="53">
        <v>0</v>
      </c>
      <c r="AV332" s="53">
        <v>0</v>
      </c>
      <c r="AW332" s="53">
        <v>0</v>
      </c>
      <c r="AX332" s="53">
        <v>0</v>
      </c>
      <c r="AY332" s="53">
        <v>0</v>
      </c>
      <c r="AZ332" s="53">
        <v>0</v>
      </c>
      <c r="BA332" s="53">
        <v>0</v>
      </c>
    </row>
    <row r="333" spans="1:53">
      <c r="A333" s="52" t="s">
        <v>522</v>
      </c>
      <c r="B333" s="53">
        <v>1562606.61</v>
      </c>
      <c r="C333" s="53">
        <v>1562606.61</v>
      </c>
      <c r="D333" s="53">
        <v>1562606.61</v>
      </c>
      <c r="E333" s="53">
        <v>1562606.61</v>
      </c>
      <c r="F333" s="53">
        <v>1562606.61</v>
      </c>
      <c r="G333" s="53">
        <v>1562606.61</v>
      </c>
      <c r="H333" s="53">
        <v>1562606.61</v>
      </c>
      <c r="I333" s="53">
        <v>1562606.61</v>
      </c>
      <c r="J333" s="53">
        <v>1562606.61</v>
      </c>
      <c r="K333" s="53">
        <v>1562606.61</v>
      </c>
      <c r="L333" s="53">
        <v>1562606.61</v>
      </c>
      <c r="M333" s="53">
        <v>1562606.61</v>
      </c>
      <c r="N333" s="53">
        <v>1562606.61</v>
      </c>
      <c r="O333" s="53">
        <v>1562606.61</v>
      </c>
      <c r="P333" s="53">
        <v>1562606.61</v>
      </c>
      <c r="Q333" s="53">
        <v>1562606.61</v>
      </c>
      <c r="R333" s="53">
        <v>1562606.61</v>
      </c>
      <c r="S333" s="53">
        <v>1562606.61</v>
      </c>
      <c r="T333" s="53">
        <v>1562606.61</v>
      </c>
      <c r="U333" s="53">
        <v>1562606.61</v>
      </c>
      <c r="V333" s="53">
        <v>1562606.61</v>
      </c>
      <c r="W333" s="53">
        <v>1562606.61</v>
      </c>
      <c r="X333" s="53">
        <v>1562606.61</v>
      </c>
      <c r="Y333" s="53">
        <v>1562606.61</v>
      </c>
      <c r="Z333" s="53">
        <v>1562606.61</v>
      </c>
      <c r="AA333" s="53">
        <v>1562606.61</v>
      </c>
      <c r="AB333" s="53">
        <v>1562606.61</v>
      </c>
      <c r="AC333" s="53">
        <v>1562606.61</v>
      </c>
      <c r="AD333" s="53">
        <v>1562606.61</v>
      </c>
      <c r="AE333" s="53">
        <v>1562606.61</v>
      </c>
      <c r="AF333" s="53">
        <v>1562606.61</v>
      </c>
      <c r="AG333" s="53">
        <v>1562606.61</v>
      </c>
      <c r="AH333" s="53">
        <v>1562606.61</v>
      </c>
      <c r="AI333" s="53">
        <v>1562606.61</v>
      </c>
      <c r="AJ333" s="53">
        <v>1562606.61</v>
      </c>
      <c r="AK333" s="53">
        <v>1562606.61</v>
      </c>
      <c r="AL333" s="53">
        <v>1562606.61</v>
      </c>
      <c r="AM333" s="53">
        <v>1562606.61</v>
      </c>
      <c r="AN333" s="53">
        <v>1562606.61</v>
      </c>
      <c r="AO333" s="53">
        <v>1562606.61</v>
      </c>
      <c r="AP333" s="53">
        <v>1562606.61</v>
      </c>
      <c r="AQ333" s="53">
        <v>1562606.61</v>
      </c>
      <c r="AR333" s="53">
        <v>1562606.61</v>
      </c>
      <c r="AS333" s="53">
        <v>1562606.61</v>
      </c>
      <c r="AT333" s="53">
        <v>1562606.61</v>
      </c>
      <c r="AU333" s="53">
        <v>1562606.61</v>
      </c>
      <c r="AV333" s="53">
        <v>1562606.61</v>
      </c>
      <c r="AW333" s="53">
        <v>1562606.61</v>
      </c>
      <c r="AX333" s="53">
        <v>1562606.61</v>
      </c>
      <c r="AY333" s="53">
        <v>1562606.61</v>
      </c>
      <c r="AZ333" s="53">
        <v>1562606.61</v>
      </c>
      <c r="BA333" s="53">
        <v>1562606.61</v>
      </c>
    </row>
    <row r="334" spans="1:53">
      <c r="A334" s="52" t="s">
        <v>523</v>
      </c>
      <c r="B334" s="53">
        <v>4025385.02</v>
      </c>
      <c r="C334" s="53">
        <v>4025385.02</v>
      </c>
      <c r="D334" s="53">
        <v>4025385.02</v>
      </c>
      <c r="E334" s="53">
        <v>4025385.02</v>
      </c>
      <c r="F334" s="53">
        <v>4025385.02</v>
      </c>
      <c r="G334" s="53">
        <v>4025385.02</v>
      </c>
      <c r="H334" s="53">
        <v>4025385.02</v>
      </c>
      <c r="I334" s="53">
        <v>4025385.02</v>
      </c>
      <c r="J334" s="53">
        <v>4025385.02</v>
      </c>
      <c r="K334" s="53">
        <v>4025385.02</v>
      </c>
      <c r="L334" s="53">
        <v>4025385.02</v>
      </c>
      <c r="M334" s="53">
        <v>4025385.02</v>
      </c>
      <c r="N334" s="53">
        <v>4025385.02</v>
      </c>
      <c r="O334" s="53">
        <v>4025385.02</v>
      </c>
      <c r="P334" s="53">
        <v>4025385.02</v>
      </c>
      <c r="Q334" s="53">
        <v>4025385.02</v>
      </c>
      <c r="R334" s="53">
        <v>4025385.02</v>
      </c>
      <c r="S334" s="53">
        <v>4025385.02</v>
      </c>
      <c r="T334" s="53">
        <v>4025385.02</v>
      </c>
      <c r="U334" s="53">
        <v>4025385.02</v>
      </c>
      <c r="V334" s="53">
        <v>4025385.02</v>
      </c>
      <c r="W334" s="53">
        <v>4025385.02</v>
      </c>
      <c r="X334" s="53">
        <v>4025385.02</v>
      </c>
      <c r="Y334" s="53">
        <v>4025385.02</v>
      </c>
      <c r="Z334" s="53">
        <v>4025385.02</v>
      </c>
      <c r="AA334" s="53">
        <v>4025385.02</v>
      </c>
      <c r="AB334" s="53">
        <v>4025385.02</v>
      </c>
      <c r="AC334" s="53">
        <v>4025385.02</v>
      </c>
      <c r="AD334" s="53">
        <v>4025385.02</v>
      </c>
      <c r="AE334" s="53">
        <v>4025385.02</v>
      </c>
      <c r="AF334" s="53">
        <v>4025385.02</v>
      </c>
      <c r="AG334" s="53">
        <v>4025385.02</v>
      </c>
      <c r="AH334" s="53">
        <v>4025385.02</v>
      </c>
      <c r="AI334" s="53">
        <v>4025385.02</v>
      </c>
      <c r="AJ334" s="53">
        <v>4025385.02</v>
      </c>
      <c r="AK334" s="53">
        <v>4025385.02</v>
      </c>
      <c r="AL334" s="53">
        <v>4025385.02</v>
      </c>
      <c r="AM334" s="53">
        <v>4025385.02</v>
      </c>
      <c r="AN334" s="53">
        <v>4025385.02</v>
      </c>
      <c r="AO334" s="53">
        <v>4025385.02</v>
      </c>
      <c r="AP334" s="53">
        <v>4025385.02</v>
      </c>
      <c r="AQ334" s="53">
        <v>4025385.02</v>
      </c>
      <c r="AR334" s="53">
        <v>4025385.02</v>
      </c>
      <c r="AS334" s="53">
        <v>4025385.02</v>
      </c>
      <c r="AT334" s="53">
        <v>4025385.02</v>
      </c>
      <c r="AU334" s="53">
        <v>4025385.02</v>
      </c>
      <c r="AV334" s="53">
        <v>4025385.02</v>
      </c>
      <c r="AW334" s="53">
        <v>4025385.02</v>
      </c>
      <c r="AX334" s="53">
        <v>4025385.02</v>
      </c>
      <c r="AY334" s="53">
        <v>4025385.02</v>
      </c>
      <c r="AZ334" s="53">
        <v>4025385.02</v>
      </c>
      <c r="BA334" s="53">
        <v>4025385.02</v>
      </c>
    </row>
    <row r="335" spans="1:53">
      <c r="A335" s="52" t="s">
        <v>524</v>
      </c>
      <c r="B335" s="53">
        <v>0</v>
      </c>
      <c r="C335" s="53">
        <v>0</v>
      </c>
      <c r="D335" s="53">
        <v>0</v>
      </c>
      <c r="E335" s="53">
        <v>0</v>
      </c>
      <c r="F335" s="53">
        <v>0</v>
      </c>
      <c r="G335" s="53">
        <v>0</v>
      </c>
      <c r="H335" s="53">
        <v>0</v>
      </c>
      <c r="I335" s="53">
        <v>0</v>
      </c>
      <c r="J335" s="53">
        <v>0</v>
      </c>
      <c r="K335" s="53">
        <v>0</v>
      </c>
      <c r="L335" s="53">
        <v>0</v>
      </c>
      <c r="M335" s="53">
        <v>0</v>
      </c>
      <c r="N335" s="53">
        <v>0</v>
      </c>
      <c r="O335" s="53">
        <v>0</v>
      </c>
      <c r="P335" s="53">
        <v>0</v>
      </c>
      <c r="Q335" s="53">
        <v>0</v>
      </c>
      <c r="R335" s="53">
        <v>0</v>
      </c>
      <c r="S335" s="53">
        <v>0</v>
      </c>
      <c r="T335" s="53">
        <v>0</v>
      </c>
      <c r="U335" s="53">
        <v>0</v>
      </c>
      <c r="V335" s="53">
        <v>0</v>
      </c>
      <c r="W335" s="53">
        <v>0</v>
      </c>
      <c r="X335" s="53">
        <v>0</v>
      </c>
      <c r="Y335" s="53">
        <v>0</v>
      </c>
      <c r="Z335" s="53">
        <v>0</v>
      </c>
      <c r="AA335" s="53">
        <v>0</v>
      </c>
      <c r="AB335" s="53">
        <v>0</v>
      </c>
      <c r="AC335" s="53">
        <v>0</v>
      </c>
      <c r="AD335" s="53">
        <v>0</v>
      </c>
      <c r="AE335" s="53">
        <v>0</v>
      </c>
      <c r="AF335" s="53">
        <v>0</v>
      </c>
      <c r="AG335" s="53">
        <v>0</v>
      </c>
      <c r="AH335" s="53">
        <v>0</v>
      </c>
      <c r="AI335" s="53">
        <v>0</v>
      </c>
      <c r="AJ335" s="53">
        <v>0</v>
      </c>
      <c r="AK335" s="53">
        <v>0</v>
      </c>
      <c r="AL335" s="53">
        <v>0</v>
      </c>
      <c r="AM335" s="53">
        <v>0</v>
      </c>
      <c r="AN335" s="53">
        <v>0</v>
      </c>
      <c r="AO335" s="53">
        <v>0</v>
      </c>
      <c r="AP335" s="53">
        <v>0</v>
      </c>
      <c r="AQ335" s="53">
        <v>0</v>
      </c>
      <c r="AR335" s="53">
        <v>0</v>
      </c>
      <c r="AS335" s="53">
        <v>0</v>
      </c>
      <c r="AT335" s="53">
        <v>0</v>
      </c>
      <c r="AU335" s="53">
        <v>0</v>
      </c>
      <c r="AV335" s="53">
        <v>0</v>
      </c>
      <c r="AW335" s="53">
        <v>0</v>
      </c>
      <c r="AX335" s="53">
        <v>0</v>
      </c>
      <c r="AY335" s="53">
        <v>0</v>
      </c>
      <c r="AZ335" s="53">
        <v>0</v>
      </c>
      <c r="BA335" s="53">
        <v>0</v>
      </c>
    </row>
    <row r="336" spans="1:53">
      <c r="A336" s="52" t="s">
        <v>525</v>
      </c>
      <c r="B336" s="53">
        <v>0</v>
      </c>
      <c r="C336" s="53">
        <v>0</v>
      </c>
      <c r="D336" s="53">
        <v>0</v>
      </c>
      <c r="E336" s="53">
        <v>0</v>
      </c>
      <c r="F336" s="53">
        <v>0</v>
      </c>
      <c r="G336" s="53">
        <v>0</v>
      </c>
      <c r="H336" s="53">
        <v>0</v>
      </c>
      <c r="I336" s="53">
        <v>0</v>
      </c>
      <c r="J336" s="53">
        <v>0</v>
      </c>
      <c r="K336" s="53">
        <v>0</v>
      </c>
      <c r="L336" s="53">
        <v>0</v>
      </c>
      <c r="M336" s="53">
        <v>0</v>
      </c>
      <c r="N336" s="53">
        <v>0</v>
      </c>
      <c r="O336" s="53">
        <v>0</v>
      </c>
      <c r="P336" s="53">
        <v>0</v>
      </c>
      <c r="Q336" s="53">
        <v>0</v>
      </c>
      <c r="R336" s="53">
        <v>0</v>
      </c>
      <c r="S336" s="53">
        <v>0</v>
      </c>
      <c r="T336" s="53">
        <v>0</v>
      </c>
      <c r="U336" s="53">
        <v>0</v>
      </c>
      <c r="V336" s="53">
        <v>0</v>
      </c>
      <c r="W336" s="53">
        <v>0</v>
      </c>
      <c r="X336" s="53">
        <v>0</v>
      </c>
      <c r="Y336" s="53">
        <v>0</v>
      </c>
      <c r="Z336" s="53">
        <v>0</v>
      </c>
      <c r="AA336" s="53">
        <v>0</v>
      </c>
      <c r="AB336" s="53">
        <v>0</v>
      </c>
      <c r="AC336" s="53">
        <v>0</v>
      </c>
      <c r="AD336" s="53">
        <v>0</v>
      </c>
      <c r="AE336" s="53">
        <v>0</v>
      </c>
      <c r="AF336" s="53">
        <v>0</v>
      </c>
      <c r="AG336" s="53">
        <v>0</v>
      </c>
      <c r="AH336" s="53">
        <v>0</v>
      </c>
      <c r="AI336" s="53">
        <v>0</v>
      </c>
      <c r="AJ336" s="53">
        <v>0</v>
      </c>
      <c r="AK336" s="53">
        <v>0</v>
      </c>
      <c r="AL336" s="53">
        <v>0</v>
      </c>
      <c r="AM336" s="53">
        <v>0</v>
      </c>
      <c r="AN336" s="53">
        <v>0</v>
      </c>
      <c r="AO336" s="53">
        <v>0</v>
      </c>
      <c r="AP336" s="53">
        <v>0</v>
      </c>
      <c r="AQ336" s="53">
        <v>0</v>
      </c>
      <c r="AR336" s="53">
        <v>0</v>
      </c>
      <c r="AS336" s="53">
        <v>0</v>
      </c>
      <c r="AT336" s="53">
        <v>0</v>
      </c>
      <c r="AU336" s="53">
        <v>0</v>
      </c>
      <c r="AV336" s="53">
        <v>0</v>
      </c>
      <c r="AW336" s="53">
        <v>0</v>
      </c>
      <c r="AX336" s="53">
        <v>0</v>
      </c>
      <c r="AY336" s="53">
        <v>0</v>
      </c>
      <c r="AZ336" s="53">
        <v>0</v>
      </c>
      <c r="BA336" s="53">
        <v>0</v>
      </c>
    </row>
    <row r="337" spans="1:53">
      <c r="A337" s="52" t="s">
        <v>526</v>
      </c>
      <c r="B337" s="53">
        <v>-789803.09</v>
      </c>
      <c r="C337" s="53">
        <v>-789803.09</v>
      </c>
      <c r="D337" s="53">
        <v>-789803.09</v>
      </c>
      <c r="E337" s="53">
        <v>-789803.09</v>
      </c>
      <c r="F337" s="53">
        <v>-789803.09</v>
      </c>
      <c r="G337" s="53">
        <v>-789803.09</v>
      </c>
      <c r="H337" s="53">
        <v>-789803.09</v>
      </c>
      <c r="I337" s="53">
        <v>-789803.09</v>
      </c>
      <c r="J337" s="53">
        <v>-789803.09</v>
      </c>
      <c r="K337" s="53">
        <v>-789803.09</v>
      </c>
      <c r="L337" s="53">
        <v>-789803.09</v>
      </c>
      <c r="M337" s="53">
        <v>-789803.09</v>
      </c>
      <c r="N337" s="53">
        <v>-789803.09</v>
      </c>
      <c r="O337" s="53">
        <v>-789803.09</v>
      </c>
      <c r="P337" s="53">
        <v>-789803.09</v>
      </c>
      <c r="Q337" s="53">
        <v>-789803.09</v>
      </c>
      <c r="R337" s="53">
        <v>-789803.09</v>
      </c>
      <c r="S337" s="53">
        <v>-789803.09</v>
      </c>
      <c r="T337" s="53">
        <v>-789803.09</v>
      </c>
      <c r="U337" s="53">
        <v>-789803.09</v>
      </c>
      <c r="V337" s="53">
        <v>-789803.09</v>
      </c>
      <c r="W337" s="53">
        <v>-789803.09</v>
      </c>
      <c r="X337" s="53">
        <v>-789803.09</v>
      </c>
      <c r="Y337" s="53">
        <v>-789803.09</v>
      </c>
      <c r="Z337" s="53">
        <v>-789803.09</v>
      </c>
      <c r="AA337" s="53">
        <v>-789803.09</v>
      </c>
      <c r="AB337" s="53">
        <v>-789803.09</v>
      </c>
      <c r="AC337" s="53">
        <v>-789803.09</v>
      </c>
      <c r="AD337" s="53">
        <v>-789803.09</v>
      </c>
      <c r="AE337" s="53">
        <v>-789803.09</v>
      </c>
      <c r="AF337" s="53">
        <v>-789803.09</v>
      </c>
      <c r="AG337" s="53">
        <v>-789803.09</v>
      </c>
      <c r="AH337" s="53">
        <v>-789803.09</v>
      </c>
      <c r="AI337" s="53">
        <v>-789803.09</v>
      </c>
      <c r="AJ337" s="53">
        <v>-789803.09</v>
      </c>
      <c r="AK337" s="53">
        <v>-789803.09</v>
      </c>
      <c r="AL337" s="53">
        <v>-789803.09</v>
      </c>
      <c r="AM337" s="53">
        <v>-789803.09</v>
      </c>
      <c r="AN337" s="53">
        <v>-789803.09</v>
      </c>
      <c r="AO337" s="53">
        <v>-789803.09</v>
      </c>
      <c r="AP337" s="53">
        <v>-789803.09</v>
      </c>
      <c r="AQ337" s="53">
        <v>-789803.09</v>
      </c>
      <c r="AR337" s="53">
        <v>-789803.09</v>
      </c>
      <c r="AS337" s="53">
        <v>-789803.09</v>
      </c>
      <c r="AT337" s="53">
        <v>-789803.09</v>
      </c>
      <c r="AU337" s="53">
        <v>-789803.09</v>
      </c>
      <c r="AV337" s="53">
        <v>-789803.09</v>
      </c>
      <c r="AW337" s="53">
        <v>-789803.09</v>
      </c>
      <c r="AX337" s="53">
        <v>-789803.09</v>
      </c>
      <c r="AY337" s="53">
        <v>-789803.09</v>
      </c>
      <c r="AZ337" s="53">
        <v>-789803.09</v>
      </c>
      <c r="BA337" s="53">
        <v>-789803.09</v>
      </c>
    </row>
    <row r="338" spans="1:53">
      <c r="A338" s="52" t="s">
        <v>527</v>
      </c>
      <c r="B338" s="53">
        <v>0</v>
      </c>
      <c r="C338" s="53">
        <v>0</v>
      </c>
      <c r="D338" s="53">
        <v>0</v>
      </c>
      <c r="E338" s="53">
        <v>0</v>
      </c>
      <c r="F338" s="53">
        <v>0</v>
      </c>
      <c r="G338" s="53">
        <v>0</v>
      </c>
      <c r="H338" s="53">
        <v>0</v>
      </c>
      <c r="I338" s="53">
        <v>0</v>
      </c>
      <c r="J338" s="53">
        <v>0</v>
      </c>
      <c r="K338" s="53">
        <v>0</v>
      </c>
      <c r="L338" s="53">
        <v>0</v>
      </c>
      <c r="M338" s="53">
        <v>0</v>
      </c>
      <c r="N338" s="53">
        <v>0</v>
      </c>
      <c r="O338" s="53">
        <v>0</v>
      </c>
      <c r="P338" s="53">
        <v>0</v>
      </c>
      <c r="Q338" s="53">
        <v>0</v>
      </c>
      <c r="R338" s="53">
        <v>0</v>
      </c>
      <c r="S338" s="53">
        <v>0</v>
      </c>
      <c r="T338" s="53">
        <v>0</v>
      </c>
      <c r="U338" s="53">
        <v>0</v>
      </c>
      <c r="V338" s="53">
        <v>0</v>
      </c>
      <c r="W338" s="53">
        <v>0</v>
      </c>
      <c r="X338" s="53">
        <v>0</v>
      </c>
      <c r="Y338" s="53">
        <v>0</v>
      </c>
      <c r="Z338" s="53">
        <v>0</v>
      </c>
      <c r="AA338" s="53">
        <v>0</v>
      </c>
      <c r="AB338" s="53">
        <v>0</v>
      </c>
      <c r="AC338" s="53">
        <v>0</v>
      </c>
      <c r="AD338" s="53">
        <v>0</v>
      </c>
      <c r="AE338" s="53">
        <v>0</v>
      </c>
      <c r="AF338" s="53">
        <v>0</v>
      </c>
      <c r="AG338" s="53">
        <v>0</v>
      </c>
      <c r="AH338" s="53">
        <v>0</v>
      </c>
      <c r="AI338" s="53">
        <v>0</v>
      </c>
      <c r="AJ338" s="53">
        <v>0</v>
      </c>
      <c r="AK338" s="53">
        <v>0</v>
      </c>
      <c r="AL338" s="53">
        <v>0</v>
      </c>
      <c r="AM338" s="53">
        <v>0</v>
      </c>
      <c r="AN338" s="53">
        <v>0</v>
      </c>
      <c r="AO338" s="53">
        <v>0</v>
      </c>
      <c r="AP338" s="53">
        <v>0</v>
      </c>
      <c r="AQ338" s="53">
        <v>0</v>
      </c>
      <c r="AR338" s="53">
        <v>0</v>
      </c>
      <c r="AS338" s="53">
        <v>0</v>
      </c>
      <c r="AT338" s="53">
        <v>0</v>
      </c>
      <c r="AU338" s="53">
        <v>0</v>
      </c>
      <c r="AV338" s="53">
        <v>0</v>
      </c>
      <c r="AW338" s="53">
        <v>0</v>
      </c>
      <c r="AX338" s="53">
        <v>0</v>
      </c>
      <c r="AY338" s="53">
        <v>0</v>
      </c>
      <c r="AZ338" s="53">
        <v>0</v>
      </c>
      <c r="BA338" s="53">
        <v>0</v>
      </c>
    </row>
    <row r="339" spans="1:53">
      <c r="A339" s="58" t="s">
        <v>528</v>
      </c>
      <c r="B339" s="134">
        <v>381341728.45999998</v>
      </c>
      <c r="C339" s="134">
        <v>381341728.45999998</v>
      </c>
      <c r="D339" s="134">
        <v>381341728.45999998</v>
      </c>
      <c r="E339" s="134">
        <v>381341728.45999998</v>
      </c>
      <c r="F339" s="134">
        <v>381341728.45999998</v>
      </c>
      <c r="G339" s="134">
        <v>381341728.45999998</v>
      </c>
      <c r="H339" s="134">
        <v>381341728.45999998</v>
      </c>
      <c r="I339" s="134">
        <v>381341728.45999998</v>
      </c>
      <c r="J339" s="134">
        <v>381341728.45999998</v>
      </c>
      <c r="K339" s="134">
        <v>381341728.45999998</v>
      </c>
      <c r="L339" s="134">
        <v>381341728.45999998</v>
      </c>
      <c r="M339" s="134">
        <v>381341728.45999998</v>
      </c>
      <c r="N339" s="134">
        <v>381341728.45999998</v>
      </c>
      <c r="O339" s="134">
        <v>381341728.45999998</v>
      </c>
      <c r="P339" s="134">
        <v>381341728.45999998</v>
      </c>
      <c r="Q339" s="134">
        <v>381341728.45999998</v>
      </c>
      <c r="R339" s="134">
        <v>381341728.45999998</v>
      </c>
      <c r="S339" s="134">
        <v>381341728.45999998</v>
      </c>
      <c r="T339" s="134">
        <v>381341728.45999998</v>
      </c>
      <c r="U339" s="134">
        <v>381341728.45999998</v>
      </c>
      <c r="V339" s="134">
        <v>381341728.45999998</v>
      </c>
      <c r="W339" s="134">
        <v>381341728.45999998</v>
      </c>
      <c r="X339" s="134">
        <v>381341728.45999998</v>
      </c>
      <c r="Y339" s="134">
        <v>381341728.45999998</v>
      </c>
      <c r="Z339" s="134">
        <v>381341728.45999998</v>
      </c>
      <c r="AA339" s="134">
        <v>381341728.45999998</v>
      </c>
      <c r="AB339" s="134">
        <v>381341728.45999998</v>
      </c>
      <c r="AC339" s="134">
        <v>381341728.45999998</v>
      </c>
      <c r="AD339" s="134">
        <v>381341728.45999998</v>
      </c>
      <c r="AE339" s="134">
        <v>381341728.45999998</v>
      </c>
      <c r="AF339" s="134">
        <v>381341728.45999998</v>
      </c>
      <c r="AG339" s="134">
        <v>381341728.45999998</v>
      </c>
      <c r="AH339" s="134">
        <v>381341728.45999998</v>
      </c>
      <c r="AI339" s="134">
        <v>381341728.45999998</v>
      </c>
      <c r="AJ339" s="134">
        <v>381341728.45999998</v>
      </c>
      <c r="AK339" s="134">
        <v>381341728.45999998</v>
      </c>
      <c r="AL339" s="134">
        <v>381341728.45999998</v>
      </c>
      <c r="AM339" s="134">
        <v>381341728.45999998</v>
      </c>
      <c r="AN339" s="134">
        <v>381341728.45999998</v>
      </c>
      <c r="AO339" s="134">
        <v>381341728.45999998</v>
      </c>
      <c r="AP339" s="134">
        <v>381341728.45999998</v>
      </c>
      <c r="AQ339" s="134">
        <v>381341728.45999998</v>
      </c>
      <c r="AR339" s="134">
        <v>381341728.45999998</v>
      </c>
      <c r="AS339" s="134">
        <v>381341728.45999998</v>
      </c>
      <c r="AT339" s="134">
        <v>381341728.45999998</v>
      </c>
      <c r="AU339" s="134">
        <v>381341728.45999998</v>
      </c>
      <c r="AV339" s="134">
        <v>381341728.45999998</v>
      </c>
      <c r="AW339" s="134">
        <v>381341728.45999998</v>
      </c>
      <c r="AX339" s="134">
        <v>381341728.45999998</v>
      </c>
      <c r="AY339" s="134">
        <v>381341728.45999998</v>
      </c>
      <c r="AZ339" s="134">
        <v>381341728.45999998</v>
      </c>
      <c r="BA339" s="134">
        <v>381341728.45999998</v>
      </c>
    </row>
    <row r="340" spans="1:53">
      <c r="A340" s="52" t="s">
        <v>529</v>
      </c>
    </row>
    <row r="341" spans="1:53">
      <c r="A341" s="57" t="s">
        <v>530</v>
      </c>
    </row>
    <row r="342" spans="1:53">
      <c r="A342" s="52" t="s">
        <v>531</v>
      </c>
      <c r="B342" s="53">
        <v>-71643.820000000007</v>
      </c>
      <c r="C342" s="53">
        <v>-71643.820000000007</v>
      </c>
      <c r="D342" s="53">
        <v>-71643.820000000007</v>
      </c>
      <c r="E342" s="53">
        <v>-71643.820000000007</v>
      </c>
      <c r="F342" s="53">
        <v>-71643.820000000007</v>
      </c>
      <c r="G342" s="53">
        <v>-71643.820000000007</v>
      </c>
      <c r="H342" s="53">
        <v>-71643.820000000007</v>
      </c>
      <c r="I342" s="53">
        <v>-71643.820000000007</v>
      </c>
      <c r="J342" s="53">
        <v>-71643.820000000007</v>
      </c>
      <c r="K342" s="53">
        <v>-71643.820000000007</v>
      </c>
      <c r="L342" s="53">
        <v>-71643.820000000007</v>
      </c>
      <c r="M342" s="53">
        <v>-71643.820000000007</v>
      </c>
      <c r="N342" s="53">
        <v>-71643.820000000007</v>
      </c>
      <c r="O342" s="53">
        <v>-71643.820000000007</v>
      </c>
      <c r="P342" s="53">
        <v>-71643.820000000007</v>
      </c>
      <c r="Q342" s="53">
        <v>-71643.820000000007</v>
      </c>
      <c r="R342" s="53">
        <v>-71643.820000000007</v>
      </c>
      <c r="S342" s="53">
        <v>-71643.820000000007</v>
      </c>
      <c r="T342" s="53">
        <v>-71643.820000000007</v>
      </c>
      <c r="U342" s="53">
        <v>-71643.820000000007</v>
      </c>
      <c r="V342" s="53">
        <v>-71643.820000000007</v>
      </c>
      <c r="W342" s="53">
        <v>-71643.820000000007</v>
      </c>
      <c r="X342" s="53">
        <v>-71643.820000000007</v>
      </c>
      <c r="Y342" s="53">
        <v>-71643.820000000007</v>
      </c>
      <c r="Z342" s="53">
        <v>-71643.820000000007</v>
      </c>
      <c r="AA342" s="53">
        <v>-71643.820000000007</v>
      </c>
      <c r="AB342" s="53">
        <v>-71643.820000000007</v>
      </c>
      <c r="AC342" s="53">
        <v>-71643.820000000007</v>
      </c>
      <c r="AD342" s="53">
        <v>-71643.820000000007</v>
      </c>
      <c r="AE342" s="53">
        <v>-71643.820000000007</v>
      </c>
      <c r="AF342" s="53">
        <v>-71643.820000000007</v>
      </c>
      <c r="AG342" s="53">
        <v>-71643.820000000007</v>
      </c>
      <c r="AH342" s="53">
        <v>-71643.820000000007</v>
      </c>
      <c r="AI342" s="53">
        <v>-71643.820000000007</v>
      </c>
      <c r="AJ342" s="53">
        <v>-71643.820000000007</v>
      </c>
      <c r="AK342" s="53">
        <v>-71643.820000000007</v>
      </c>
      <c r="AL342" s="53">
        <v>-71643.820000000007</v>
      </c>
      <c r="AM342" s="53">
        <v>-71643.820000000007</v>
      </c>
      <c r="AN342" s="53">
        <v>-71643.820000000007</v>
      </c>
      <c r="AO342" s="53">
        <v>-71643.820000000007</v>
      </c>
      <c r="AP342" s="53">
        <v>-71643.820000000007</v>
      </c>
      <c r="AQ342" s="53">
        <v>-71643.820000000007</v>
      </c>
      <c r="AR342" s="53">
        <v>-71643.820000000007</v>
      </c>
      <c r="AS342" s="53">
        <v>-71643.820000000007</v>
      </c>
      <c r="AT342" s="53">
        <v>-71643.820000000007</v>
      </c>
      <c r="AU342" s="53">
        <v>-71643.820000000007</v>
      </c>
      <c r="AV342" s="53">
        <v>-71643.820000000007</v>
      </c>
      <c r="AW342" s="53">
        <v>-71643.820000000007</v>
      </c>
      <c r="AX342" s="53">
        <v>-71643.820000000007</v>
      </c>
      <c r="AY342" s="53">
        <v>-71643.820000000007</v>
      </c>
      <c r="AZ342" s="53">
        <v>-71643.820000000007</v>
      </c>
      <c r="BA342" s="53">
        <v>-71643.820000000007</v>
      </c>
    </row>
    <row r="343" spans="1:53">
      <c r="A343" s="58" t="s">
        <v>532</v>
      </c>
      <c r="B343" s="134">
        <v>-71643.820000000007</v>
      </c>
      <c r="C343" s="134">
        <v>-71643.820000000007</v>
      </c>
      <c r="D343" s="134">
        <v>-71643.820000000007</v>
      </c>
      <c r="E343" s="134">
        <v>-71643.820000000007</v>
      </c>
      <c r="F343" s="134">
        <v>-71643.820000000007</v>
      </c>
      <c r="G343" s="134">
        <v>-71643.820000000007</v>
      </c>
      <c r="H343" s="134">
        <v>-71643.820000000007</v>
      </c>
      <c r="I343" s="134">
        <v>-71643.820000000007</v>
      </c>
      <c r="J343" s="134">
        <v>-71643.820000000007</v>
      </c>
      <c r="K343" s="134">
        <v>-71643.820000000007</v>
      </c>
      <c r="L343" s="134">
        <v>-71643.820000000007</v>
      </c>
      <c r="M343" s="134">
        <v>-71643.820000000007</v>
      </c>
      <c r="N343" s="134">
        <v>-71643.820000000007</v>
      </c>
      <c r="O343" s="134">
        <v>-71643.820000000007</v>
      </c>
      <c r="P343" s="134">
        <v>-71643.820000000007</v>
      </c>
      <c r="Q343" s="134">
        <v>-71643.820000000007</v>
      </c>
      <c r="R343" s="134">
        <v>-71643.820000000007</v>
      </c>
      <c r="S343" s="134">
        <v>-71643.820000000007</v>
      </c>
      <c r="T343" s="134">
        <v>-71643.820000000007</v>
      </c>
      <c r="U343" s="134">
        <v>-71643.820000000007</v>
      </c>
      <c r="V343" s="134">
        <v>-71643.820000000007</v>
      </c>
      <c r="W343" s="134">
        <v>-71643.820000000007</v>
      </c>
      <c r="X343" s="134">
        <v>-71643.820000000007</v>
      </c>
      <c r="Y343" s="134">
        <v>-71643.820000000007</v>
      </c>
      <c r="Z343" s="134">
        <v>-71643.820000000007</v>
      </c>
      <c r="AA343" s="134">
        <v>-71643.820000000007</v>
      </c>
      <c r="AB343" s="134">
        <v>-71643.820000000007</v>
      </c>
      <c r="AC343" s="134">
        <v>-71643.820000000007</v>
      </c>
      <c r="AD343" s="134">
        <v>-71643.820000000007</v>
      </c>
      <c r="AE343" s="134">
        <v>-71643.820000000007</v>
      </c>
      <c r="AF343" s="134">
        <v>-71643.820000000007</v>
      </c>
      <c r="AG343" s="134">
        <v>-71643.820000000007</v>
      </c>
      <c r="AH343" s="134">
        <v>-71643.820000000007</v>
      </c>
      <c r="AI343" s="134">
        <v>-71643.820000000007</v>
      </c>
      <c r="AJ343" s="134">
        <v>-71643.820000000007</v>
      </c>
      <c r="AK343" s="134">
        <v>-71643.820000000007</v>
      </c>
      <c r="AL343" s="134">
        <v>-71643.820000000007</v>
      </c>
      <c r="AM343" s="134">
        <v>-71643.820000000007</v>
      </c>
      <c r="AN343" s="134">
        <v>-71643.820000000007</v>
      </c>
      <c r="AO343" s="134">
        <v>-71643.820000000007</v>
      </c>
      <c r="AP343" s="134">
        <v>-71643.820000000007</v>
      </c>
      <c r="AQ343" s="134">
        <v>-71643.820000000007</v>
      </c>
      <c r="AR343" s="134">
        <v>-71643.820000000007</v>
      </c>
      <c r="AS343" s="134">
        <v>-71643.820000000007</v>
      </c>
      <c r="AT343" s="134">
        <v>-71643.820000000007</v>
      </c>
      <c r="AU343" s="134">
        <v>-71643.820000000007</v>
      </c>
      <c r="AV343" s="134">
        <v>-71643.820000000007</v>
      </c>
      <c r="AW343" s="134">
        <v>-71643.820000000007</v>
      </c>
      <c r="AX343" s="134">
        <v>-71643.820000000007</v>
      </c>
      <c r="AY343" s="134">
        <v>-71643.820000000007</v>
      </c>
      <c r="AZ343" s="134">
        <v>-71643.820000000007</v>
      </c>
      <c r="BA343" s="134">
        <v>-71643.820000000007</v>
      </c>
    </row>
    <row r="344" spans="1:53">
      <c r="A344" s="52" t="s">
        <v>533</v>
      </c>
    </row>
    <row r="345" spans="1:53">
      <c r="A345" s="57" t="s">
        <v>534</v>
      </c>
    </row>
    <row r="346" spans="1:53">
      <c r="A346" s="52" t="s">
        <v>535</v>
      </c>
      <c r="B346" s="53">
        <v>0</v>
      </c>
      <c r="C346" s="53">
        <v>0</v>
      </c>
      <c r="D346" s="53">
        <v>0</v>
      </c>
      <c r="E346" s="53">
        <v>0</v>
      </c>
      <c r="F346" s="53">
        <v>0</v>
      </c>
      <c r="G346" s="53">
        <v>0</v>
      </c>
      <c r="H346" s="53">
        <v>0</v>
      </c>
      <c r="I346" s="53">
        <v>0</v>
      </c>
      <c r="J346" s="53">
        <v>0</v>
      </c>
      <c r="K346" s="53">
        <v>0</v>
      </c>
      <c r="L346" s="53">
        <v>0</v>
      </c>
      <c r="M346" s="53">
        <v>0</v>
      </c>
      <c r="N346" s="53">
        <v>0</v>
      </c>
      <c r="O346" s="53">
        <v>0</v>
      </c>
      <c r="P346" s="53">
        <v>0</v>
      </c>
      <c r="Q346" s="53">
        <v>0</v>
      </c>
      <c r="R346" s="53">
        <v>0</v>
      </c>
      <c r="S346" s="53">
        <v>0</v>
      </c>
      <c r="T346" s="53">
        <v>0</v>
      </c>
      <c r="U346" s="53">
        <v>0</v>
      </c>
      <c r="V346" s="53">
        <v>0</v>
      </c>
      <c r="W346" s="53">
        <v>0</v>
      </c>
      <c r="X346" s="53">
        <v>0</v>
      </c>
      <c r="Y346" s="53">
        <v>0</v>
      </c>
      <c r="Z346" s="53">
        <v>0</v>
      </c>
      <c r="AA346" s="53">
        <v>0</v>
      </c>
      <c r="AB346" s="53">
        <v>0</v>
      </c>
      <c r="AC346" s="53">
        <v>0</v>
      </c>
      <c r="AD346" s="53">
        <v>0</v>
      </c>
      <c r="AE346" s="53">
        <v>0</v>
      </c>
      <c r="AF346" s="53">
        <v>0</v>
      </c>
      <c r="AG346" s="53">
        <v>0</v>
      </c>
      <c r="AH346" s="53">
        <v>0</v>
      </c>
      <c r="AI346" s="53">
        <v>0</v>
      </c>
      <c r="AJ346" s="53">
        <v>0</v>
      </c>
      <c r="AK346" s="53">
        <v>0</v>
      </c>
      <c r="AL346" s="53">
        <v>0</v>
      </c>
      <c r="AM346" s="53">
        <v>0</v>
      </c>
      <c r="AN346" s="53">
        <v>0</v>
      </c>
      <c r="AO346" s="53">
        <v>0</v>
      </c>
      <c r="AP346" s="53">
        <v>0</v>
      </c>
      <c r="AQ346" s="53">
        <v>0</v>
      </c>
      <c r="AR346" s="53">
        <v>0</v>
      </c>
      <c r="AS346" s="53">
        <v>0</v>
      </c>
      <c r="AT346" s="53">
        <v>0</v>
      </c>
      <c r="AU346" s="53">
        <v>0</v>
      </c>
      <c r="AV346" s="53">
        <v>0</v>
      </c>
      <c r="AW346" s="53">
        <v>0</v>
      </c>
      <c r="AX346" s="53">
        <v>0</v>
      </c>
      <c r="AY346" s="53">
        <v>0</v>
      </c>
      <c r="AZ346" s="53">
        <v>0</v>
      </c>
      <c r="BA346" s="53">
        <v>0</v>
      </c>
    </row>
    <row r="347" spans="1:53">
      <c r="A347" s="52" t="s">
        <v>536</v>
      </c>
      <c r="B347" s="53">
        <v>3210153.45</v>
      </c>
      <c r="C347" s="53">
        <v>3210153.45</v>
      </c>
      <c r="D347" s="53">
        <v>3210153.45</v>
      </c>
      <c r="E347" s="53">
        <v>3210153.45</v>
      </c>
      <c r="F347" s="53">
        <v>3210153.45</v>
      </c>
      <c r="G347" s="53">
        <v>3210153.45</v>
      </c>
      <c r="H347" s="53">
        <v>3210153.45</v>
      </c>
      <c r="I347" s="53">
        <v>3210153.45</v>
      </c>
      <c r="J347" s="53">
        <v>3210153.45</v>
      </c>
      <c r="K347" s="53">
        <v>3210153.45</v>
      </c>
      <c r="L347" s="53">
        <v>3210153.45</v>
      </c>
      <c r="M347" s="53">
        <v>3210153.45</v>
      </c>
      <c r="N347" s="53">
        <v>3210153.45</v>
      </c>
      <c r="O347" s="53">
        <v>3210153.45</v>
      </c>
      <c r="P347" s="53">
        <v>3210153.45</v>
      </c>
      <c r="Q347" s="53">
        <v>3210153.45</v>
      </c>
      <c r="R347" s="53">
        <v>3210153.45</v>
      </c>
      <c r="S347" s="53">
        <v>3210153.45</v>
      </c>
      <c r="T347" s="53">
        <v>3210153.45</v>
      </c>
      <c r="U347" s="53">
        <v>3210153.45</v>
      </c>
      <c r="V347" s="53">
        <v>3210153.45</v>
      </c>
      <c r="W347" s="53">
        <v>3210153.45</v>
      </c>
      <c r="X347" s="53">
        <v>3210153.45</v>
      </c>
      <c r="Y347" s="53">
        <v>3210153.45</v>
      </c>
      <c r="Z347" s="53">
        <v>3210153.45</v>
      </c>
      <c r="AA347" s="53">
        <v>3210153.45</v>
      </c>
      <c r="AB347" s="53">
        <v>3210153.45</v>
      </c>
      <c r="AC347" s="53">
        <v>3210153.45</v>
      </c>
      <c r="AD347" s="53">
        <v>3210153.45</v>
      </c>
      <c r="AE347" s="53">
        <v>3210153.45</v>
      </c>
      <c r="AF347" s="53">
        <v>3210153.45</v>
      </c>
      <c r="AG347" s="53">
        <v>3210153.45</v>
      </c>
      <c r="AH347" s="53">
        <v>3210153.45</v>
      </c>
      <c r="AI347" s="53">
        <v>3210153.45</v>
      </c>
      <c r="AJ347" s="53">
        <v>3210153.45</v>
      </c>
      <c r="AK347" s="53">
        <v>3210153.45</v>
      </c>
      <c r="AL347" s="53">
        <v>3210153.45</v>
      </c>
      <c r="AM347" s="53">
        <v>3210153.45</v>
      </c>
      <c r="AN347" s="53">
        <v>3210153.45</v>
      </c>
      <c r="AO347" s="53">
        <v>3210153.45</v>
      </c>
      <c r="AP347" s="53">
        <v>3210153.45</v>
      </c>
      <c r="AQ347" s="53">
        <v>3210153.45</v>
      </c>
      <c r="AR347" s="53">
        <v>3210153.45</v>
      </c>
      <c r="AS347" s="53">
        <v>3210153.45</v>
      </c>
      <c r="AT347" s="53">
        <v>3210153.45</v>
      </c>
      <c r="AU347" s="53">
        <v>3210153.45</v>
      </c>
      <c r="AV347" s="53">
        <v>3210153.45</v>
      </c>
      <c r="AW347" s="53">
        <v>3210153.45</v>
      </c>
      <c r="AX347" s="53">
        <v>3210153.45</v>
      </c>
      <c r="AY347" s="53">
        <v>3210153.45</v>
      </c>
      <c r="AZ347" s="53">
        <v>3210153.45</v>
      </c>
      <c r="BA347" s="53">
        <v>3210153.45</v>
      </c>
    </row>
    <row r="348" spans="1:53">
      <c r="A348" s="52" t="s">
        <v>537</v>
      </c>
      <c r="B348" s="53">
        <v>0</v>
      </c>
      <c r="C348" s="53">
        <v>0</v>
      </c>
      <c r="D348" s="53">
        <v>0</v>
      </c>
      <c r="E348" s="53">
        <v>0</v>
      </c>
      <c r="F348" s="53">
        <v>0</v>
      </c>
      <c r="G348" s="53">
        <v>0</v>
      </c>
      <c r="H348" s="53">
        <v>0</v>
      </c>
      <c r="I348" s="53">
        <v>0</v>
      </c>
      <c r="J348" s="53">
        <v>0</v>
      </c>
      <c r="K348" s="53">
        <v>0</v>
      </c>
      <c r="L348" s="53">
        <v>0</v>
      </c>
      <c r="M348" s="53">
        <v>0</v>
      </c>
      <c r="N348" s="53">
        <v>0</v>
      </c>
      <c r="O348" s="53">
        <v>0</v>
      </c>
      <c r="P348" s="53">
        <v>0</v>
      </c>
      <c r="Q348" s="53">
        <v>0</v>
      </c>
      <c r="R348" s="53">
        <v>0</v>
      </c>
      <c r="S348" s="53">
        <v>0</v>
      </c>
      <c r="T348" s="53">
        <v>0</v>
      </c>
      <c r="U348" s="53">
        <v>0</v>
      </c>
      <c r="V348" s="53">
        <v>0</v>
      </c>
      <c r="W348" s="53">
        <v>0</v>
      </c>
      <c r="X348" s="53">
        <v>0</v>
      </c>
      <c r="Y348" s="53">
        <v>0</v>
      </c>
      <c r="Z348" s="53">
        <v>0</v>
      </c>
      <c r="AA348" s="53">
        <v>0</v>
      </c>
      <c r="AB348" s="53">
        <v>0</v>
      </c>
      <c r="AC348" s="53">
        <v>0</v>
      </c>
      <c r="AD348" s="53">
        <v>0</v>
      </c>
      <c r="AE348" s="53">
        <v>0</v>
      </c>
      <c r="AF348" s="53">
        <v>0</v>
      </c>
      <c r="AG348" s="53">
        <v>0</v>
      </c>
      <c r="AH348" s="53">
        <v>0</v>
      </c>
      <c r="AI348" s="53">
        <v>0</v>
      </c>
      <c r="AJ348" s="53">
        <v>0</v>
      </c>
      <c r="AK348" s="53">
        <v>0</v>
      </c>
      <c r="AL348" s="53">
        <v>0</v>
      </c>
      <c r="AM348" s="53">
        <v>0</v>
      </c>
      <c r="AN348" s="53">
        <v>0</v>
      </c>
      <c r="AO348" s="53">
        <v>0</v>
      </c>
      <c r="AP348" s="53">
        <v>0</v>
      </c>
      <c r="AQ348" s="53">
        <v>0</v>
      </c>
      <c r="AR348" s="53">
        <v>0</v>
      </c>
      <c r="AS348" s="53">
        <v>0</v>
      </c>
      <c r="AT348" s="53">
        <v>0</v>
      </c>
      <c r="AU348" s="53">
        <v>0</v>
      </c>
      <c r="AV348" s="53">
        <v>0</v>
      </c>
      <c r="AW348" s="53">
        <v>0</v>
      </c>
      <c r="AX348" s="53">
        <v>0</v>
      </c>
      <c r="AY348" s="53">
        <v>0</v>
      </c>
      <c r="AZ348" s="53">
        <v>0</v>
      </c>
      <c r="BA348" s="53">
        <v>0</v>
      </c>
    </row>
    <row r="349" spans="1:53">
      <c r="A349" s="58" t="s">
        <v>538</v>
      </c>
      <c r="B349" s="134">
        <v>3210153.45</v>
      </c>
      <c r="C349" s="134">
        <v>3210153.45</v>
      </c>
      <c r="D349" s="134">
        <v>3210153.45</v>
      </c>
      <c r="E349" s="134">
        <v>3210153.45</v>
      </c>
      <c r="F349" s="134">
        <v>3210153.45</v>
      </c>
      <c r="G349" s="134">
        <v>3210153.45</v>
      </c>
      <c r="H349" s="134">
        <v>3210153.45</v>
      </c>
      <c r="I349" s="134">
        <v>3210153.45</v>
      </c>
      <c r="J349" s="134">
        <v>3210153.45</v>
      </c>
      <c r="K349" s="134">
        <v>3210153.45</v>
      </c>
      <c r="L349" s="134">
        <v>3210153.45</v>
      </c>
      <c r="M349" s="134">
        <v>3210153.45</v>
      </c>
      <c r="N349" s="134">
        <v>3210153.45</v>
      </c>
      <c r="O349" s="134">
        <v>3210153.45</v>
      </c>
      <c r="P349" s="134">
        <v>3210153.45</v>
      </c>
      <c r="Q349" s="134">
        <v>3210153.45</v>
      </c>
      <c r="R349" s="134">
        <v>3210153.45</v>
      </c>
      <c r="S349" s="134">
        <v>3210153.45</v>
      </c>
      <c r="T349" s="134">
        <v>3210153.45</v>
      </c>
      <c r="U349" s="134">
        <v>3210153.45</v>
      </c>
      <c r="V349" s="134">
        <v>3210153.45</v>
      </c>
      <c r="W349" s="134">
        <v>3210153.45</v>
      </c>
      <c r="X349" s="134">
        <v>3210153.45</v>
      </c>
      <c r="Y349" s="134">
        <v>3210153.45</v>
      </c>
      <c r="Z349" s="134">
        <v>3210153.45</v>
      </c>
      <c r="AA349" s="134">
        <v>3210153.45</v>
      </c>
      <c r="AB349" s="134">
        <v>3210153.45</v>
      </c>
      <c r="AC349" s="134">
        <v>3210153.45</v>
      </c>
      <c r="AD349" s="134">
        <v>3210153.45</v>
      </c>
      <c r="AE349" s="134">
        <v>3210153.45</v>
      </c>
      <c r="AF349" s="134">
        <v>3210153.45</v>
      </c>
      <c r="AG349" s="134">
        <v>3210153.45</v>
      </c>
      <c r="AH349" s="134">
        <v>3210153.45</v>
      </c>
      <c r="AI349" s="134">
        <v>3210153.45</v>
      </c>
      <c r="AJ349" s="134">
        <v>3210153.45</v>
      </c>
      <c r="AK349" s="134">
        <v>3210153.45</v>
      </c>
      <c r="AL349" s="134">
        <v>3210153.45</v>
      </c>
      <c r="AM349" s="134">
        <v>3210153.45</v>
      </c>
      <c r="AN349" s="134">
        <v>3210153.45</v>
      </c>
      <c r="AO349" s="134">
        <v>3210153.45</v>
      </c>
      <c r="AP349" s="134">
        <v>3210153.45</v>
      </c>
      <c r="AQ349" s="134">
        <v>3210153.45</v>
      </c>
      <c r="AR349" s="134">
        <v>3210153.45</v>
      </c>
      <c r="AS349" s="134">
        <v>3210153.45</v>
      </c>
      <c r="AT349" s="134">
        <v>3210153.45</v>
      </c>
      <c r="AU349" s="134">
        <v>3210153.45</v>
      </c>
      <c r="AV349" s="134">
        <v>3210153.45</v>
      </c>
      <c r="AW349" s="134">
        <v>3210153.45</v>
      </c>
      <c r="AX349" s="134">
        <v>3210153.45</v>
      </c>
      <c r="AY349" s="134">
        <v>3210153.45</v>
      </c>
      <c r="AZ349" s="134">
        <v>3210153.45</v>
      </c>
      <c r="BA349" s="134">
        <v>3210153.45</v>
      </c>
    </row>
    <row r="350" spans="1:53">
      <c r="A350" s="52" t="s">
        <v>539</v>
      </c>
    </row>
    <row r="351" spans="1:53">
      <c r="A351" s="57" t="s">
        <v>540</v>
      </c>
    </row>
    <row r="352" spans="1:53">
      <c r="A352" s="52" t="s">
        <v>541</v>
      </c>
      <c r="B352" s="53">
        <v>0</v>
      </c>
      <c r="C352" s="53">
        <v>0</v>
      </c>
      <c r="D352" s="53">
        <v>0</v>
      </c>
      <c r="E352" s="53">
        <v>0</v>
      </c>
      <c r="F352" s="53">
        <v>0</v>
      </c>
      <c r="G352" s="53">
        <v>0</v>
      </c>
      <c r="H352" s="53">
        <v>0</v>
      </c>
      <c r="I352" s="53">
        <v>0</v>
      </c>
      <c r="J352" s="53">
        <v>0</v>
      </c>
      <c r="K352" s="53">
        <v>0</v>
      </c>
      <c r="L352" s="53">
        <v>0</v>
      </c>
      <c r="M352" s="53">
        <v>0</v>
      </c>
      <c r="N352" s="53">
        <v>0</v>
      </c>
      <c r="O352" s="53">
        <v>0</v>
      </c>
      <c r="P352" s="53">
        <v>0</v>
      </c>
      <c r="Q352" s="53">
        <v>0</v>
      </c>
      <c r="R352" s="53">
        <v>0</v>
      </c>
      <c r="S352" s="53">
        <v>0</v>
      </c>
      <c r="T352" s="53">
        <v>0</v>
      </c>
      <c r="U352" s="53">
        <v>0</v>
      </c>
      <c r="V352" s="53">
        <v>0</v>
      </c>
      <c r="W352" s="53">
        <v>0</v>
      </c>
      <c r="X352" s="53">
        <v>0</v>
      </c>
      <c r="Y352" s="53">
        <v>0</v>
      </c>
      <c r="Z352" s="53">
        <v>0</v>
      </c>
      <c r="AA352" s="53">
        <v>0</v>
      </c>
      <c r="AB352" s="53">
        <v>0</v>
      </c>
      <c r="AC352" s="53">
        <v>0</v>
      </c>
      <c r="AD352" s="53">
        <v>0</v>
      </c>
      <c r="AE352" s="53">
        <v>0</v>
      </c>
      <c r="AF352" s="53">
        <v>0</v>
      </c>
      <c r="AG352" s="53">
        <v>0</v>
      </c>
      <c r="AH352" s="53">
        <v>0</v>
      </c>
      <c r="AI352" s="53">
        <v>0</v>
      </c>
      <c r="AJ352" s="53">
        <v>0</v>
      </c>
      <c r="AK352" s="53">
        <v>0</v>
      </c>
      <c r="AL352" s="53">
        <v>0</v>
      </c>
      <c r="AM352" s="53">
        <v>0</v>
      </c>
      <c r="AN352" s="53">
        <v>0</v>
      </c>
      <c r="AO352" s="53">
        <v>0</v>
      </c>
      <c r="AP352" s="53">
        <v>0</v>
      </c>
      <c r="AQ352" s="53">
        <v>0</v>
      </c>
      <c r="AR352" s="53">
        <v>0</v>
      </c>
      <c r="AS352" s="53">
        <v>0</v>
      </c>
      <c r="AT352" s="53">
        <v>0</v>
      </c>
      <c r="AU352" s="53">
        <v>0</v>
      </c>
      <c r="AV352" s="53">
        <v>0</v>
      </c>
      <c r="AW352" s="53">
        <v>0</v>
      </c>
      <c r="AX352" s="53">
        <v>0</v>
      </c>
      <c r="AY352" s="53">
        <v>0</v>
      </c>
      <c r="AZ352" s="53">
        <v>0</v>
      </c>
      <c r="BA352" s="53">
        <v>0</v>
      </c>
    </row>
    <row r="353" spans="1:53">
      <c r="A353" s="52" t="s">
        <v>542</v>
      </c>
      <c r="B353" s="53">
        <v>16459554.5599999</v>
      </c>
      <c r="C353" s="53">
        <v>16459554.5599999</v>
      </c>
      <c r="D353" s="53">
        <v>16459554.5599999</v>
      </c>
      <c r="E353" s="53">
        <v>16459554.5599999</v>
      </c>
      <c r="F353" s="53">
        <v>16459554.5599999</v>
      </c>
      <c r="G353" s="53">
        <v>16459554.5599999</v>
      </c>
      <c r="H353" s="53">
        <v>16459554.5599999</v>
      </c>
      <c r="I353" s="53">
        <v>16459554.5599999</v>
      </c>
      <c r="J353" s="53">
        <v>16459554.5599999</v>
      </c>
      <c r="K353" s="53">
        <v>16459554.5599999</v>
      </c>
      <c r="L353" s="53">
        <v>16459554.5599999</v>
      </c>
      <c r="M353" s="53">
        <v>16459554.5599999</v>
      </c>
      <c r="N353" s="53">
        <v>16459554.5599999</v>
      </c>
      <c r="O353" s="53">
        <v>16459554.5599999</v>
      </c>
      <c r="P353" s="53">
        <v>16459554.5599999</v>
      </c>
      <c r="Q353" s="53">
        <v>16459554.5599999</v>
      </c>
      <c r="R353" s="53">
        <v>16459554.5599999</v>
      </c>
      <c r="S353" s="53">
        <v>16459554.5599999</v>
      </c>
      <c r="T353" s="53">
        <v>16459554.5599999</v>
      </c>
      <c r="U353" s="53">
        <v>16459554.5599999</v>
      </c>
      <c r="V353" s="53">
        <v>16459554.5599999</v>
      </c>
      <c r="W353" s="53">
        <v>16459554.5599999</v>
      </c>
      <c r="X353" s="53">
        <v>16459554.5599999</v>
      </c>
      <c r="Y353" s="53">
        <v>16459554.5599999</v>
      </c>
      <c r="Z353" s="53">
        <v>16459554.5599999</v>
      </c>
      <c r="AA353" s="53">
        <v>16459554.5599999</v>
      </c>
      <c r="AB353" s="53">
        <v>16459554.5599999</v>
      </c>
      <c r="AC353" s="53">
        <v>16459554.5599999</v>
      </c>
      <c r="AD353" s="53">
        <v>16459554.5599999</v>
      </c>
      <c r="AE353" s="53">
        <v>16459554.5599999</v>
      </c>
      <c r="AF353" s="53">
        <v>16459554.5599999</v>
      </c>
      <c r="AG353" s="53">
        <v>16459554.5599999</v>
      </c>
      <c r="AH353" s="53">
        <v>16459554.5599999</v>
      </c>
      <c r="AI353" s="53">
        <v>16459554.5599999</v>
      </c>
      <c r="AJ353" s="53">
        <v>16459554.5599999</v>
      </c>
      <c r="AK353" s="53">
        <v>16459554.5599999</v>
      </c>
      <c r="AL353" s="53">
        <v>16459554.5599999</v>
      </c>
      <c r="AM353" s="53">
        <v>16459554.5599999</v>
      </c>
      <c r="AN353" s="53">
        <v>16459554.5599999</v>
      </c>
      <c r="AO353" s="53">
        <v>16459554.5599999</v>
      </c>
      <c r="AP353" s="53">
        <v>16459554.5599999</v>
      </c>
      <c r="AQ353" s="53">
        <v>16459554.5599999</v>
      </c>
      <c r="AR353" s="53">
        <v>16459554.5599999</v>
      </c>
      <c r="AS353" s="53">
        <v>16459554.5599999</v>
      </c>
      <c r="AT353" s="53">
        <v>16459554.5599999</v>
      </c>
      <c r="AU353" s="53">
        <v>16459554.5599999</v>
      </c>
      <c r="AV353" s="53">
        <v>16459554.5599999</v>
      </c>
      <c r="AW353" s="53">
        <v>16459554.5599999</v>
      </c>
      <c r="AX353" s="53">
        <v>16459554.5599999</v>
      </c>
      <c r="AY353" s="53">
        <v>16459554.5599999</v>
      </c>
      <c r="AZ353" s="53">
        <v>16459554.5599999</v>
      </c>
      <c r="BA353" s="53">
        <v>16459554.5599999</v>
      </c>
    </row>
    <row r="354" spans="1:53">
      <c r="A354" s="52" t="s">
        <v>543</v>
      </c>
      <c r="B354" s="53">
        <v>0</v>
      </c>
      <c r="C354" s="53">
        <v>0</v>
      </c>
      <c r="D354" s="53">
        <v>0</v>
      </c>
      <c r="E354" s="53">
        <v>0</v>
      </c>
      <c r="F354" s="53">
        <v>0</v>
      </c>
      <c r="G354" s="53">
        <v>0</v>
      </c>
      <c r="H354" s="53">
        <v>0</v>
      </c>
      <c r="I354" s="53">
        <v>0</v>
      </c>
      <c r="J354" s="53">
        <v>0</v>
      </c>
      <c r="K354" s="53">
        <v>0</v>
      </c>
      <c r="L354" s="53">
        <v>0</v>
      </c>
      <c r="M354" s="53">
        <v>0</v>
      </c>
      <c r="N354" s="53">
        <v>0</v>
      </c>
      <c r="O354" s="53">
        <v>0</v>
      </c>
      <c r="P354" s="53">
        <v>0</v>
      </c>
      <c r="Q354" s="53">
        <v>0</v>
      </c>
      <c r="R354" s="53">
        <v>0</v>
      </c>
      <c r="S354" s="53">
        <v>0</v>
      </c>
      <c r="T354" s="53">
        <v>0</v>
      </c>
      <c r="U354" s="53">
        <v>0</v>
      </c>
      <c r="V354" s="53">
        <v>0</v>
      </c>
      <c r="W354" s="53">
        <v>0</v>
      </c>
      <c r="X354" s="53">
        <v>0</v>
      </c>
      <c r="Y354" s="53">
        <v>0</v>
      </c>
      <c r="Z354" s="53">
        <v>0</v>
      </c>
      <c r="AA354" s="53">
        <v>0</v>
      </c>
      <c r="AB354" s="53">
        <v>0</v>
      </c>
      <c r="AC354" s="53">
        <v>0</v>
      </c>
      <c r="AD354" s="53">
        <v>0</v>
      </c>
      <c r="AE354" s="53">
        <v>0</v>
      </c>
      <c r="AF354" s="53">
        <v>0</v>
      </c>
      <c r="AG354" s="53">
        <v>0</v>
      </c>
      <c r="AH354" s="53">
        <v>0</v>
      </c>
      <c r="AI354" s="53">
        <v>0</v>
      </c>
      <c r="AJ354" s="53">
        <v>0</v>
      </c>
      <c r="AK354" s="53">
        <v>0</v>
      </c>
      <c r="AL354" s="53">
        <v>0</v>
      </c>
      <c r="AM354" s="53">
        <v>0</v>
      </c>
      <c r="AN354" s="53">
        <v>0</v>
      </c>
      <c r="AO354" s="53">
        <v>0</v>
      </c>
      <c r="AP354" s="53">
        <v>0</v>
      </c>
      <c r="AQ354" s="53">
        <v>0</v>
      </c>
      <c r="AR354" s="53">
        <v>0</v>
      </c>
      <c r="AS354" s="53">
        <v>0</v>
      </c>
      <c r="AT354" s="53">
        <v>0</v>
      </c>
      <c r="AU354" s="53">
        <v>0</v>
      </c>
      <c r="AV354" s="53">
        <v>0</v>
      </c>
      <c r="AW354" s="53">
        <v>0</v>
      </c>
      <c r="AX354" s="53">
        <v>0</v>
      </c>
      <c r="AY354" s="53">
        <v>0</v>
      </c>
      <c r="AZ354" s="53">
        <v>0</v>
      </c>
      <c r="BA354" s="53">
        <v>0</v>
      </c>
    </row>
    <row r="355" spans="1:53">
      <c r="A355" s="52" t="s">
        <v>544</v>
      </c>
      <c r="B355" s="53">
        <v>-3341.47999999999</v>
      </c>
      <c r="C355" s="53">
        <v>-3341.47999999999</v>
      </c>
      <c r="D355" s="53">
        <v>-3341.47999999999</v>
      </c>
      <c r="E355" s="53">
        <v>-3341.47999999999</v>
      </c>
      <c r="F355" s="53">
        <v>-3341.47999999999</v>
      </c>
      <c r="G355" s="53">
        <v>-3341.47999999999</v>
      </c>
      <c r="H355" s="53">
        <v>-3341.47999999999</v>
      </c>
      <c r="I355" s="53">
        <v>-3341.47999999999</v>
      </c>
      <c r="J355" s="53">
        <v>-3341.47999999999</v>
      </c>
      <c r="K355" s="53">
        <v>-3341.47999999999</v>
      </c>
      <c r="L355" s="53">
        <v>-3341.47999999999</v>
      </c>
      <c r="M355" s="53">
        <v>-3341.47999999999</v>
      </c>
      <c r="N355" s="53">
        <v>-3341.47999999999</v>
      </c>
      <c r="O355" s="53">
        <v>-3341.47999999999</v>
      </c>
      <c r="P355" s="53">
        <v>-3341.47999999999</v>
      </c>
      <c r="Q355" s="53">
        <v>-3341.47999999999</v>
      </c>
      <c r="R355" s="53">
        <v>-3341.47999999999</v>
      </c>
      <c r="S355" s="53">
        <v>-3341.47999999999</v>
      </c>
      <c r="T355" s="53">
        <v>-3341.47999999999</v>
      </c>
      <c r="U355" s="53">
        <v>-3341.47999999999</v>
      </c>
      <c r="V355" s="53">
        <v>-3341.47999999999</v>
      </c>
      <c r="W355" s="53">
        <v>-3341.47999999999</v>
      </c>
      <c r="X355" s="53">
        <v>-3341.47999999999</v>
      </c>
      <c r="Y355" s="53">
        <v>-3341.47999999999</v>
      </c>
      <c r="Z355" s="53">
        <v>-3341.47999999999</v>
      </c>
      <c r="AA355" s="53">
        <v>-3341.47999999999</v>
      </c>
      <c r="AB355" s="53">
        <v>-3341.47999999999</v>
      </c>
      <c r="AC355" s="53">
        <v>-3341.47999999999</v>
      </c>
      <c r="AD355" s="53">
        <v>-3341.47999999999</v>
      </c>
      <c r="AE355" s="53">
        <v>-3341.47999999999</v>
      </c>
      <c r="AF355" s="53">
        <v>-3341.47999999999</v>
      </c>
      <c r="AG355" s="53">
        <v>-3341.47999999999</v>
      </c>
      <c r="AH355" s="53">
        <v>-3341.47999999999</v>
      </c>
      <c r="AI355" s="53">
        <v>-3341.47999999999</v>
      </c>
      <c r="AJ355" s="53">
        <v>-3341.47999999999</v>
      </c>
      <c r="AK355" s="53">
        <v>-3341.47999999999</v>
      </c>
      <c r="AL355" s="53">
        <v>-3341.47999999999</v>
      </c>
      <c r="AM355" s="53">
        <v>-3341.47999999999</v>
      </c>
      <c r="AN355" s="53">
        <v>-3341.47999999999</v>
      </c>
      <c r="AO355" s="53">
        <v>-3341.47999999999</v>
      </c>
      <c r="AP355" s="53">
        <v>-3341.47999999999</v>
      </c>
      <c r="AQ355" s="53">
        <v>-3341.47999999999</v>
      </c>
      <c r="AR355" s="53">
        <v>-3341.47999999999</v>
      </c>
      <c r="AS355" s="53">
        <v>-3341.47999999999</v>
      </c>
      <c r="AT355" s="53">
        <v>-3341.47999999999</v>
      </c>
      <c r="AU355" s="53">
        <v>-3341.47999999999</v>
      </c>
      <c r="AV355" s="53">
        <v>-3341.47999999999</v>
      </c>
      <c r="AW355" s="53">
        <v>-3341.47999999999</v>
      </c>
      <c r="AX355" s="53">
        <v>-3341.47999999999</v>
      </c>
      <c r="AY355" s="53">
        <v>-3341.47999999999</v>
      </c>
      <c r="AZ355" s="53">
        <v>-3341.47999999999</v>
      </c>
      <c r="BA355" s="53">
        <v>-3341.47999999999</v>
      </c>
    </row>
    <row r="356" spans="1:53">
      <c r="A356" s="52" t="s">
        <v>545</v>
      </c>
      <c r="B356" s="53">
        <v>2460738.33</v>
      </c>
      <c r="C356" s="53">
        <v>2460738.33</v>
      </c>
      <c r="D356" s="53">
        <v>2460738.33</v>
      </c>
      <c r="E356" s="53">
        <v>2460738.33</v>
      </c>
      <c r="F356" s="53">
        <v>2460738.33</v>
      </c>
      <c r="G356" s="53">
        <v>2460738.33</v>
      </c>
      <c r="H356" s="53">
        <v>2460738.33</v>
      </c>
      <c r="I356" s="53">
        <v>2460738.33</v>
      </c>
      <c r="J356" s="53">
        <v>2460738.33</v>
      </c>
      <c r="K356" s="53">
        <v>2460738.33</v>
      </c>
      <c r="L356" s="53">
        <v>2460738.33</v>
      </c>
      <c r="M356" s="53">
        <v>2460738.33</v>
      </c>
      <c r="N356" s="53">
        <v>2460738.33</v>
      </c>
      <c r="O356" s="53">
        <v>2460738.33</v>
      </c>
      <c r="P356" s="53">
        <v>2460738.33</v>
      </c>
      <c r="Q356" s="53">
        <v>2460738.33</v>
      </c>
      <c r="R356" s="53">
        <v>2460738.33</v>
      </c>
      <c r="S356" s="53">
        <v>2460738.33</v>
      </c>
      <c r="T356" s="53">
        <v>2460738.33</v>
      </c>
      <c r="U356" s="53">
        <v>2460738.33</v>
      </c>
      <c r="V356" s="53">
        <v>2460738.33</v>
      </c>
      <c r="W356" s="53">
        <v>2460738.33</v>
      </c>
      <c r="X356" s="53">
        <v>2460738.33</v>
      </c>
      <c r="Y356" s="53">
        <v>2460738.33</v>
      </c>
      <c r="Z356" s="53">
        <v>2460738.33</v>
      </c>
      <c r="AA356" s="53">
        <v>2460738.33</v>
      </c>
      <c r="AB356" s="53">
        <v>2460738.33</v>
      </c>
      <c r="AC356" s="53">
        <v>2460738.33</v>
      </c>
      <c r="AD356" s="53">
        <v>2460738.33</v>
      </c>
      <c r="AE356" s="53">
        <v>2460738.33</v>
      </c>
      <c r="AF356" s="53">
        <v>2460738.33</v>
      </c>
      <c r="AG356" s="53">
        <v>2460738.33</v>
      </c>
      <c r="AH356" s="53">
        <v>2460738.33</v>
      </c>
      <c r="AI356" s="53">
        <v>2460738.33</v>
      </c>
      <c r="AJ356" s="53">
        <v>2460738.33</v>
      </c>
      <c r="AK356" s="53">
        <v>2460738.33</v>
      </c>
      <c r="AL356" s="53">
        <v>2460738.33</v>
      </c>
      <c r="AM356" s="53">
        <v>2460738.33</v>
      </c>
      <c r="AN356" s="53">
        <v>2460738.33</v>
      </c>
      <c r="AO356" s="53">
        <v>2460738.33</v>
      </c>
      <c r="AP356" s="53">
        <v>2460738.33</v>
      </c>
      <c r="AQ356" s="53">
        <v>2460738.33</v>
      </c>
      <c r="AR356" s="53">
        <v>2460738.33</v>
      </c>
      <c r="AS356" s="53">
        <v>2460738.33</v>
      </c>
      <c r="AT356" s="53">
        <v>2460738.33</v>
      </c>
      <c r="AU356" s="53">
        <v>2460738.33</v>
      </c>
      <c r="AV356" s="53">
        <v>2460738.33</v>
      </c>
      <c r="AW356" s="53">
        <v>2460738.33</v>
      </c>
      <c r="AX356" s="53">
        <v>2460738.33</v>
      </c>
      <c r="AY356" s="53">
        <v>2460738.33</v>
      </c>
      <c r="AZ356" s="53">
        <v>2460738.33</v>
      </c>
      <c r="BA356" s="53">
        <v>2460738.33</v>
      </c>
    </row>
    <row r="357" spans="1:53">
      <c r="A357" s="52" t="s">
        <v>546</v>
      </c>
      <c r="B357" s="53">
        <v>2635.44</v>
      </c>
      <c r="C357" s="53">
        <v>2635.44</v>
      </c>
      <c r="D357" s="53">
        <v>2635.44</v>
      </c>
      <c r="E357" s="53">
        <v>2635.44</v>
      </c>
      <c r="F357" s="53">
        <v>2635.44</v>
      </c>
      <c r="G357" s="53">
        <v>2635.44</v>
      </c>
      <c r="H357" s="53">
        <v>2635.44</v>
      </c>
      <c r="I357" s="53">
        <v>2635.44</v>
      </c>
      <c r="J357" s="53">
        <v>2635.44</v>
      </c>
      <c r="K357" s="53">
        <v>2635.44</v>
      </c>
      <c r="L357" s="53">
        <v>2635.44</v>
      </c>
      <c r="M357" s="53">
        <v>2635.44</v>
      </c>
      <c r="N357" s="53">
        <v>2635.44</v>
      </c>
      <c r="O357" s="53">
        <v>2635.44</v>
      </c>
      <c r="P357" s="53">
        <v>2635.44</v>
      </c>
      <c r="Q357" s="53">
        <v>2635.44</v>
      </c>
      <c r="R357" s="53">
        <v>2635.44</v>
      </c>
      <c r="S357" s="53">
        <v>2635.44</v>
      </c>
      <c r="T357" s="53">
        <v>2635.44</v>
      </c>
      <c r="U357" s="53">
        <v>2635.44</v>
      </c>
      <c r="V357" s="53">
        <v>2635.44</v>
      </c>
      <c r="W357" s="53">
        <v>2635.44</v>
      </c>
      <c r="X357" s="53">
        <v>2635.44</v>
      </c>
      <c r="Y357" s="53">
        <v>2635.44</v>
      </c>
      <c r="Z357" s="53">
        <v>2635.44</v>
      </c>
      <c r="AA357" s="53">
        <v>2635.44</v>
      </c>
      <c r="AB357" s="53">
        <v>2635.44</v>
      </c>
      <c r="AC357" s="53">
        <v>2635.44</v>
      </c>
      <c r="AD357" s="53">
        <v>2635.44</v>
      </c>
      <c r="AE357" s="53">
        <v>2635.44</v>
      </c>
      <c r="AF357" s="53">
        <v>2635.44</v>
      </c>
      <c r="AG357" s="53">
        <v>2635.44</v>
      </c>
      <c r="AH357" s="53">
        <v>2635.44</v>
      </c>
      <c r="AI357" s="53">
        <v>2635.44</v>
      </c>
      <c r="AJ357" s="53">
        <v>2635.44</v>
      </c>
      <c r="AK357" s="53">
        <v>2635.44</v>
      </c>
      <c r="AL357" s="53">
        <v>2635.44</v>
      </c>
      <c r="AM357" s="53">
        <v>2635.44</v>
      </c>
      <c r="AN357" s="53">
        <v>2635.44</v>
      </c>
      <c r="AO357" s="53">
        <v>2635.44</v>
      </c>
      <c r="AP357" s="53">
        <v>2635.44</v>
      </c>
      <c r="AQ357" s="53">
        <v>2635.44</v>
      </c>
      <c r="AR357" s="53">
        <v>2635.44</v>
      </c>
      <c r="AS357" s="53">
        <v>2635.44</v>
      </c>
      <c r="AT357" s="53">
        <v>2635.44</v>
      </c>
      <c r="AU357" s="53">
        <v>2635.44</v>
      </c>
      <c r="AV357" s="53">
        <v>2635.44</v>
      </c>
      <c r="AW357" s="53">
        <v>2635.44</v>
      </c>
      <c r="AX357" s="53">
        <v>2635.44</v>
      </c>
      <c r="AY357" s="53">
        <v>2635.44</v>
      </c>
      <c r="AZ357" s="53">
        <v>2635.44</v>
      </c>
      <c r="BA357" s="53">
        <v>2635.44</v>
      </c>
    </row>
    <row r="358" spans="1:53">
      <c r="A358" s="58" t="s">
        <v>547</v>
      </c>
      <c r="B358" s="134">
        <v>18919586.849999901</v>
      </c>
      <c r="C358" s="134">
        <v>18919586.849999901</v>
      </c>
      <c r="D358" s="134">
        <v>18919586.849999901</v>
      </c>
      <c r="E358" s="134">
        <v>18919586.849999901</v>
      </c>
      <c r="F358" s="134">
        <v>18919586.849999901</v>
      </c>
      <c r="G358" s="134">
        <v>18919586.849999901</v>
      </c>
      <c r="H358" s="134">
        <v>18919586.849999901</v>
      </c>
      <c r="I358" s="134">
        <v>18919586.849999901</v>
      </c>
      <c r="J358" s="134">
        <v>18919586.849999901</v>
      </c>
      <c r="K358" s="134">
        <v>18919586.849999901</v>
      </c>
      <c r="L358" s="134">
        <v>18919586.849999901</v>
      </c>
      <c r="M358" s="134">
        <v>18919586.849999901</v>
      </c>
      <c r="N358" s="134">
        <v>18919586.849999901</v>
      </c>
      <c r="O358" s="134">
        <v>18919586.849999901</v>
      </c>
      <c r="P358" s="134">
        <v>18919586.849999901</v>
      </c>
      <c r="Q358" s="134">
        <v>18919586.849999901</v>
      </c>
      <c r="R358" s="134">
        <v>18919586.849999901</v>
      </c>
      <c r="S358" s="134">
        <v>18919586.849999901</v>
      </c>
      <c r="T358" s="134">
        <v>18919586.849999901</v>
      </c>
      <c r="U358" s="134">
        <v>18919586.849999901</v>
      </c>
      <c r="V358" s="134">
        <v>18919586.849999901</v>
      </c>
      <c r="W358" s="134">
        <v>18919586.849999901</v>
      </c>
      <c r="X358" s="134">
        <v>18919586.849999901</v>
      </c>
      <c r="Y358" s="134">
        <v>18919586.849999901</v>
      </c>
      <c r="Z358" s="134">
        <v>18919586.849999901</v>
      </c>
      <c r="AA358" s="134">
        <v>18919586.849999901</v>
      </c>
      <c r="AB358" s="134">
        <v>18919586.849999901</v>
      </c>
      <c r="AC358" s="134">
        <v>18919586.849999901</v>
      </c>
      <c r="AD358" s="134">
        <v>18919586.849999901</v>
      </c>
      <c r="AE358" s="134">
        <v>18919586.849999901</v>
      </c>
      <c r="AF358" s="134">
        <v>18919586.849999901</v>
      </c>
      <c r="AG358" s="134">
        <v>18919586.849999901</v>
      </c>
      <c r="AH358" s="134">
        <v>18919586.849999901</v>
      </c>
      <c r="AI358" s="134">
        <v>18919586.849999901</v>
      </c>
      <c r="AJ358" s="134">
        <v>18919586.849999901</v>
      </c>
      <c r="AK358" s="134">
        <v>18919586.849999901</v>
      </c>
      <c r="AL358" s="134">
        <v>18919586.849999901</v>
      </c>
      <c r="AM358" s="134">
        <v>18919586.849999901</v>
      </c>
      <c r="AN358" s="134">
        <v>18919586.849999901</v>
      </c>
      <c r="AO358" s="134">
        <v>18919586.849999901</v>
      </c>
      <c r="AP358" s="134">
        <v>18919586.849999901</v>
      </c>
      <c r="AQ358" s="134">
        <v>18919586.849999901</v>
      </c>
      <c r="AR358" s="134">
        <v>18919586.849999901</v>
      </c>
      <c r="AS358" s="134">
        <v>18919586.849999901</v>
      </c>
      <c r="AT358" s="134">
        <v>18919586.849999901</v>
      </c>
      <c r="AU358" s="134">
        <v>18919586.849999901</v>
      </c>
      <c r="AV358" s="134">
        <v>18919586.849999901</v>
      </c>
      <c r="AW358" s="134">
        <v>18919586.849999901</v>
      </c>
      <c r="AX358" s="134">
        <v>18919586.849999901</v>
      </c>
      <c r="AY358" s="134">
        <v>18919586.849999901</v>
      </c>
      <c r="AZ358" s="134">
        <v>18919586.849999901</v>
      </c>
      <c r="BA358" s="134">
        <v>18919586.849999901</v>
      </c>
    </row>
    <row r="359" spans="1:53">
      <c r="A359" s="52" t="s">
        <v>548</v>
      </c>
    </row>
    <row r="360" spans="1:53">
      <c r="A360" s="57" t="s">
        <v>549</v>
      </c>
    </row>
    <row r="361" spans="1:53">
      <c r="A361" s="52" t="s">
        <v>550</v>
      </c>
      <c r="B361" s="53">
        <v>264.41000000000003</v>
      </c>
      <c r="C361" s="53">
        <v>264.41000000000003</v>
      </c>
      <c r="D361" s="53">
        <v>264.41000000000003</v>
      </c>
      <c r="E361" s="53">
        <v>264.41000000000003</v>
      </c>
      <c r="F361" s="53">
        <v>264.41000000000003</v>
      </c>
      <c r="G361" s="53">
        <v>264.41000000000003</v>
      </c>
      <c r="H361" s="53">
        <v>264.41000000000003</v>
      </c>
      <c r="I361" s="53">
        <v>264.41000000000003</v>
      </c>
      <c r="J361" s="53">
        <v>264.41000000000003</v>
      </c>
      <c r="K361" s="53">
        <v>264.41000000000003</v>
      </c>
      <c r="L361" s="53">
        <v>264.41000000000003</v>
      </c>
      <c r="M361" s="53">
        <v>264.41000000000003</v>
      </c>
      <c r="N361" s="53">
        <v>264.41000000000003</v>
      </c>
      <c r="O361" s="53">
        <v>264.41000000000003</v>
      </c>
      <c r="P361" s="53">
        <v>264.41000000000003</v>
      </c>
      <c r="Q361" s="53">
        <v>264.41000000000003</v>
      </c>
      <c r="R361" s="53">
        <v>264.41000000000003</v>
      </c>
      <c r="S361" s="53">
        <v>264.41000000000003</v>
      </c>
      <c r="T361" s="53">
        <v>264.41000000000003</v>
      </c>
      <c r="U361" s="53">
        <v>264.41000000000003</v>
      </c>
      <c r="V361" s="53">
        <v>264.41000000000003</v>
      </c>
      <c r="W361" s="53">
        <v>264.41000000000003</v>
      </c>
      <c r="X361" s="53">
        <v>264.41000000000003</v>
      </c>
      <c r="Y361" s="53">
        <v>264.41000000000003</v>
      </c>
      <c r="Z361" s="53">
        <v>264.41000000000003</v>
      </c>
      <c r="AA361" s="53">
        <v>264.41000000000003</v>
      </c>
      <c r="AB361" s="53">
        <v>264.41000000000003</v>
      </c>
      <c r="AC361" s="53">
        <v>264.41000000000003</v>
      </c>
      <c r="AD361" s="53">
        <v>264.41000000000003</v>
      </c>
      <c r="AE361" s="53">
        <v>264.41000000000003</v>
      </c>
      <c r="AF361" s="53">
        <v>264.41000000000003</v>
      </c>
      <c r="AG361" s="53">
        <v>264.41000000000003</v>
      </c>
      <c r="AH361" s="53">
        <v>264.41000000000003</v>
      </c>
      <c r="AI361" s="53">
        <v>264.41000000000003</v>
      </c>
      <c r="AJ361" s="53">
        <v>264.41000000000003</v>
      </c>
      <c r="AK361" s="53">
        <v>264.41000000000003</v>
      </c>
      <c r="AL361" s="53">
        <v>264.41000000000003</v>
      </c>
      <c r="AM361" s="53">
        <v>264.41000000000003</v>
      </c>
      <c r="AN361" s="53">
        <v>264.41000000000003</v>
      </c>
      <c r="AO361" s="53">
        <v>264.41000000000003</v>
      </c>
      <c r="AP361" s="53">
        <v>264.41000000000003</v>
      </c>
      <c r="AQ361" s="53">
        <v>264.41000000000003</v>
      </c>
      <c r="AR361" s="53">
        <v>264.41000000000003</v>
      </c>
      <c r="AS361" s="53">
        <v>264.41000000000003</v>
      </c>
      <c r="AT361" s="53">
        <v>264.41000000000003</v>
      </c>
      <c r="AU361" s="53">
        <v>264.41000000000003</v>
      </c>
      <c r="AV361" s="53">
        <v>264.41000000000003</v>
      </c>
      <c r="AW361" s="53">
        <v>264.41000000000003</v>
      </c>
      <c r="AX361" s="53">
        <v>264.41000000000003</v>
      </c>
      <c r="AY361" s="53">
        <v>264.41000000000003</v>
      </c>
      <c r="AZ361" s="53">
        <v>264.41000000000003</v>
      </c>
      <c r="BA361" s="53">
        <v>264.41000000000003</v>
      </c>
    </row>
    <row r="362" spans="1:53">
      <c r="A362" s="52" t="s">
        <v>551</v>
      </c>
      <c r="B362" s="53">
        <v>0</v>
      </c>
      <c r="C362" s="53">
        <v>0</v>
      </c>
      <c r="D362" s="53">
        <v>0</v>
      </c>
      <c r="E362" s="53">
        <v>0</v>
      </c>
      <c r="F362" s="53">
        <v>0</v>
      </c>
      <c r="G362" s="53">
        <v>0</v>
      </c>
      <c r="H362" s="53">
        <v>0</v>
      </c>
      <c r="I362" s="53">
        <v>0</v>
      </c>
      <c r="J362" s="53">
        <v>0</v>
      </c>
      <c r="K362" s="53">
        <v>0</v>
      </c>
      <c r="L362" s="53">
        <v>0</v>
      </c>
      <c r="M362" s="53">
        <v>0</v>
      </c>
      <c r="N362" s="53">
        <v>0</v>
      </c>
      <c r="O362" s="53">
        <v>0</v>
      </c>
      <c r="P362" s="53">
        <v>0</v>
      </c>
      <c r="Q362" s="53">
        <v>0</v>
      </c>
      <c r="R362" s="53">
        <v>0</v>
      </c>
      <c r="S362" s="53">
        <v>0</v>
      </c>
      <c r="T362" s="53">
        <v>0</v>
      </c>
      <c r="U362" s="53">
        <v>0</v>
      </c>
      <c r="V362" s="53">
        <v>0</v>
      </c>
      <c r="W362" s="53">
        <v>0</v>
      </c>
      <c r="X362" s="53">
        <v>0</v>
      </c>
      <c r="Y362" s="53">
        <v>0</v>
      </c>
      <c r="Z362" s="53">
        <v>0</v>
      </c>
      <c r="AA362" s="53">
        <v>0</v>
      </c>
      <c r="AB362" s="53">
        <v>0</v>
      </c>
      <c r="AC362" s="53">
        <v>0</v>
      </c>
      <c r="AD362" s="53">
        <v>0</v>
      </c>
      <c r="AE362" s="53">
        <v>0</v>
      </c>
      <c r="AF362" s="53">
        <v>0</v>
      </c>
      <c r="AG362" s="53">
        <v>0</v>
      </c>
      <c r="AH362" s="53">
        <v>0</v>
      </c>
      <c r="AI362" s="53">
        <v>0</v>
      </c>
      <c r="AJ362" s="53">
        <v>0</v>
      </c>
      <c r="AK362" s="53">
        <v>0</v>
      </c>
      <c r="AL362" s="53">
        <v>0</v>
      </c>
      <c r="AM362" s="53">
        <v>0</v>
      </c>
      <c r="AN362" s="53">
        <v>0</v>
      </c>
      <c r="AO362" s="53">
        <v>0</v>
      </c>
      <c r="AP362" s="53">
        <v>0</v>
      </c>
      <c r="AQ362" s="53">
        <v>0</v>
      </c>
      <c r="AR362" s="53">
        <v>0</v>
      </c>
      <c r="AS362" s="53">
        <v>0</v>
      </c>
      <c r="AT362" s="53">
        <v>0</v>
      </c>
      <c r="AU362" s="53">
        <v>0</v>
      </c>
      <c r="AV362" s="53">
        <v>0</v>
      </c>
      <c r="AW362" s="53">
        <v>0</v>
      </c>
      <c r="AX362" s="53">
        <v>0</v>
      </c>
      <c r="AY362" s="53">
        <v>0</v>
      </c>
      <c r="AZ362" s="53">
        <v>0</v>
      </c>
      <c r="BA362" s="53">
        <v>0</v>
      </c>
    </row>
    <row r="363" spans="1:53">
      <c r="A363" s="52" t="s">
        <v>552</v>
      </c>
      <c r="B363" s="53">
        <v>37566735.390000001</v>
      </c>
      <c r="C363" s="53">
        <v>37566735.390000001</v>
      </c>
      <c r="D363" s="53">
        <v>37566735.390000001</v>
      </c>
      <c r="E363" s="53">
        <v>37566735.390000001</v>
      </c>
      <c r="F363" s="53">
        <v>37566735.390000001</v>
      </c>
      <c r="G363" s="53">
        <v>37566735.390000001</v>
      </c>
      <c r="H363" s="53">
        <v>37566735.390000001</v>
      </c>
      <c r="I363" s="53">
        <v>37566735.390000001</v>
      </c>
      <c r="J363" s="53">
        <v>37566735.390000001</v>
      </c>
      <c r="K363" s="53">
        <v>37566735.390000001</v>
      </c>
      <c r="L363" s="53">
        <v>37566735.390000001</v>
      </c>
      <c r="M363" s="53">
        <v>37566735.390000001</v>
      </c>
      <c r="N363" s="53">
        <v>37566735.390000001</v>
      </c>
      <c r="O363" s="53">
        <v>37566735.390000001</v>
      </c>
      <c r="P363" s="53">
        <v>37566735.390000001</v>
      </c>
      <c r="Q363" s="53">
        <v>37566735.390000001</v>
      </c>
      <c r="R363" s="53">
        <v>37566735.390000001</v>
      </c>
      <c r="S363" s="53">
        <v>37566735.390000001</v>
      </c>
      <c r="T363" s="53">
        <v>37566735.390000001</v>
      </c>
      <c r="U363" s="53">
        <v>37566735.390000001</v>
      </c>
      <c r="V363" s="53">
        <v>37566735.390000001</v>
      </c>
      <c r="W363" s="53">
        <v>37566735.390000001</v>
      </c>
      <c r="X363" s="53">
        <v>37566735.390000001</v>
      </c>
      <c r="Y363" s="53">
        <v>37566735.390000001</v>
      </c>
      <c r="Z363" s="53">
        <v>37566735.390000001</v>
      </c>
      <c r="AA363" s="53">
        <v>37566735.390000001</v>
      </c>
      <c r="AB363" s="53">
        <v>37566735.390000001</v>
      </c>
      <c r="AC363" s="53">
        <v>37566735.390000001</v>
      </c>
      <c r="AD363" s="53">
        <v>37566735.390000001</v>
      </c>
      <c r="AE363" s="53">
        <v>37566735.390000001</v>
      </c>
      <c r="AF363" s="53">
        <v>37566735.390000001</v>
      </c>
      <c r="AG363" s="53">
        <v>37566735.390000001</v>
      </c>
      <c r="AH363" s="53">
        <v>37566735.390000001</v>
      </c>
      <c r="AI363" s="53">
        <v>37566735.390000001</v>
      </c>
      <c r="AJ363" s="53">
        <v>37566735.390000001</v>
      </c>
      <c r="AK363" s="53">
        <v>37566735.390000001</v>
      </c>
      <c r="AL363" s="53">
        <v>37566735.390000001</v>
      </c>
      <c r="AM363" s="53">
        <v>37566735.390000001</v>
      </c>
      <c r="AN363" s="53">
        <v>37566735.390000001</v>
      </c>
      <c r="AO363" s="53">
        <v>37566735.390000001</v>
      </c>
      <c r="AP363" s="53">
        <v>37566735.390000001</v>
      </c>
      <c r="AQ363" s="53">
        <v>37566735.390000001</v>
      </c>
      <c r="AR363" s="53">
        <v>37566735.390000001</v>
      </c>
      <c r="AS363" s="53">
        <v>37566735.390000001</v>
      </c>
      <c r="AT363" s="53">
        <v>37566735.390000001</v>
      </c>
      <c r="AU363" s="53">
        <v>37566735.390000001</v>
      </c>
      <c r="AV363" s="53">
        <v>37566735.390000001</v>
      </c>
      <c r="AW363" s="53">
        <v>37566735.390000001</v>
      </c>
      <c r="AX363" s="53">
        <v>37566735.390000001</v>
      </c>
      <c r="AY363" s="53">
        <v>37566735.390000001</v>
      </c>
      <c r="AZ363" s="53">
        <v>37566735.390000001</v>
      </c>
      <c r="BA363" s="53">
        <v>37566735.390000001</v>
      </c>
    </row>
    <row r="364" spans="1:53">
      <c r="A364" s="52" t="s">
        <v>553</v>
      </c>
      <c r="B364" s="53">
        <v>6168018.9900000002</v>
      </c>
      <c r="C364" s="53">
        <v>6168018.9900000002</v>
      </c>
      <c r="D364" s="53">
        <v>6168018.9900000002</v>
      </c>
      <c r="E364" s="53">
        <v>6168018.9900000002</v>
      </c>
      <c r="F364" s="53">
        <v>6168018.9900000002</v>
      </c>
      <c r="G364" s="53">
        <v>6168018.9900000002</v>
      </c>
      <c r="H364" s="53">
        <v>6168018.9900000002</v>
      </c>
      <c r="I364" s="53">
        <v>6168018.9900000002</v>
      </c>
      <c r="J364" s="53">
        <v>6168018.9900000002</v>
      </c>
      <c r="K364" s="53">
        <v>6168018.9900000002</v>
      </c>
      <c r="L364" s="53">
        <v>6168018.9900000002</v>
      </c>
      <c r="M364" s="53">
        <v>6168018.9900000002</v>
      </c>
      <c r="N364" s="53">
        <v>6168018.9900000002</v>
      </c>
      <c r="O364" s="53">
        <v>6168018.9900000002</v>
      </c>
      <c r="P364" s="53">
        <v>6168018.9900000002</v>
      </c>
      <c r="Q364" s="53">
        <v>6168018.9900000002</v>
      </c>
      <c r="R364" s="53">
        <v>6168018.9900000002</v>
      </c>
      <c r="S364" s="53">
        <v>6168018.9900000002</v>
      </c>
      <c r="T364" s="53">
        <v>6168018.9900000002</v>
      </c>
      <c r="U364" s="53">
        <v>6168018.9900000002</v>
      </c>
      <c r="V364" s="53">
        <v>6168018.9900000002</v>
      </c>
      <c r="W364" s="53">
        <v>6168018.9900000002</v>
      </c>
      <c r="X364" s="53">
        <v>6168018.9900000002</v>
      </c>
      <c r="Y364" s="53">
        <v>6168018.9900000002</v>
      </c>
      <c r="Z364" s="53">
        <v>6168018.9900000002</v>
      </c>
      <c r="AA364" s="53">
        <v>6168018.9900000002</v>
      </c>
      <c r="AB364" s="53">
        <v>6168018.9900000002</v>
      </c>
      <c r="AC364" s="53">
        <v>6168018.9900000002</v>
      </c>
      <c r="AD364" s="53">
        <v>6168018.9900000002</v>
      </c>
      <c r="AE364" s="53">
        <v>6168018.9900000002</v>
      </c>
      <c r="AF364" s="53">
        <v>6168018.9900000002</v>
      </c>
      <c r="AG364" s="53">
        <v>6168018.9900000002</v>
      </c>
      <c r="AH364" s="53">
        <v>6168018.9900000002</v>
      </c>
      <c r="AI364" s="53">
        <v>6168018.9900000002</v>
      </c>
      <c r="AJ364" s="53">
        <v>6168018.9900000002</v>
      </c>
      <c r="AK364" s="53">
        <v>6168018.9900000002</v>
      </c>
      <c r="AL364" s="53">
        <v>6168018.9900000002</v>
      </c>
      <c r="AM364" s="53">
        <v>6168018.9900000002</v>
      </c>
      <c r="AN364" s="53">
        <v>6168018.9900000002</v>
      </c>
      <c r="AO364" s="53">
        <v>6168018.9900000002</v>
      </c>
      <c r="AP364" s="53">
        <v>6168018.9900000002</v>
      </c>
      <c r="AQ364" s="53">
        <v>6168018.9900000002</v>
      </c>
      <c r="AR364" s="53">
        <v>6168018.9900000002</v>
      </c>
      <c r="AS364" s="53">
        <v>6168018.9900000002</v>
      </c>
      <c r="AT364" s="53">
        <v>6168018.9900000002</v>
      </c>
      <c r="AU364" s="53">
        <v>6168018.9900000002</v>
      </c>
      <c r="AV364" s="53">
        <v>6168018.9900000002</v>
      </c>
      <c r="AW364" s="53">
        <v>6168018.9900000002</v>
      </c>
      <c r="AX364" s="53">
        <v>6168018.9900000002</v>
      </c>
      <c r="AY364" s="53">
        <v>6168018.9900000002</v>
      </c>
      <c r="AZ364" s="53">
        <v>6168018.9900000002</v>
      </c>
      <c r="BA364" s="53">
        <v>6168018.9900000002</v>
      </c>
    </row>
    <row r="365" spans="1:53">
      <c r="A365" s="52" t="s">
        <v>554</v>
      </c>
      <c r="B365" s="53">
        <v>21767190.699999999</v>
      </c>
      <c r="C365" s="53">
        <v>21767190.699999999</v>
      </c>
      <c r="D365" s="53">
        <v>21767190.699999999</v>
      </c>
      <c r="E365" s="53">
        <v>21767190.699999999</v>
      </c>
      <c r="F365" s="53">
        <v>21767190.699999999</v>
      </c>
      <c r="G365" s="53">
        <v>21767190.699999999</v>
      </c>
      <c r="H365" s="53">
        <v>21767190.699999999</v>
      </c>
      <c r="I365" s="53">
        <v>21767190.699999999</v>
      </c>
      <c r="J365" s="53">
        <v>21767190.699999999</v>
      </c>
      <c r="K365" s="53">
        <v>21767190.699999999</v>
      </c>
      <c r="L365" s="53">
        <v>21767190.699999999</v>
      </c>
      <c r="M365" s="53">
        <v>21767190.699999999</v>
      </c>
      <c r="N365" s="53">
        <v>21767190.699999999</v>
      </c>
      <c r="O365" s="53">
        <v>21767190.699999999</v>
      </c>
      <c r="P365" s="53">
        <v>21767190.699999999</v>
      </c>
      <c r="Q365" s="53">
        <v>21767190.699999999</v>
      </c>
      <c r="R365" s="53">
        <v>21767190.699999999</v>
      </c>
      <c r="S365" s="53">
        <v>21767190.699999999</v>
      </c>
      <c r="T365" s="53">
        <v>21767190.699999999</v>
      </c>
      <c r="U365" s="53">
        <v>21767190.699999999</v>
      </c>
      <c r="V365" s="53">
        <v>21767190.699999999</v>
      </c>
      <c r="W365" s="53">
        <v>21767190.699999999</v>
      </c>
      <c r="X365" s="53">
        <v>21767190.699999999</v>
      </c>
      <c r="Y365" s="53">
        <v>21767190.699999999</v>
      </c>
      <c r="Z365" s="53">
        <v>21767190.699999999</v>
      </c>
      <c r="AA365" s="53">
        <v>21767190.699999999</v>
      </c>
      <c r="AB365" s="53">
        <v>21767190.699999999</v>
      </c>
      <c r="AC365" s="53">
        <v>21767190.699999999</v>
      </c>
      <c r="AD365" s="53">
        <v>21767190.699999999</v>
      </c>
      <c r="AE365" s="53">
        <v>21767190.699999999</v>
      </c>
      <c r="AF365" s="53">
        <v>21767190.699999999</v>
      </c>
      <c r="AG365" s="53">
        <v>21767190.699999999</v>
      </c>
      <c r="AH365" s="53">
        <v>21767190.699999999</v>
      </c>
      <c r="AI365" s="53">
        <v>21767190.699999999</v>
      </c>
      <c r="AJ365" s="53">
        <v>21767190.699999999</v>
      </c>
      <c r="AK365" s="53">
        <v>21767190.699999999</v>
      </c>
      <c r="AL365" s="53">
        <v>21767190.699999999</v>
      </c>
      <c r="AM365" s="53">
        <v>21767190.699999999</v>
      </c>
      <c r="AN365" s="53">
        <v>21767190.699999999</v>
      </c>
      <c r="AO365" s="53">
        <v>21767190.699999999</v>
      </c>
      <c r="AP365" s="53">
        <v>21767190.699999999</v>
      </c>
      <c r="AQ365" s="53">
        <v>21767190.699999999</v>
      </c>
      <c r="AR365" s="53">
        <v>21767190.699999999</v>
      </c>
      <c r="AS365" s="53">
        <v>21767190.699999999</v>
      </c>
      <c r="AT365" s="53">
        <v>21767190.699999999</v>
      </c>
      <c r="AU365" s="53">
        <v>21767190.699999999</v>
      </c>
      <c r="AV365" s="53">
        <v>21767190.699999999</v>
      </c>
      <c r="AW365" s="53">
        <v>21767190.699999999</v>
      </c>
      <c r="AX365" s="53">
        <v>21767190.699999999</v>
      </c>
      <c r="AY365" s="53">
        <v>21767190.699999999</v>
      </c>
      <c r="AZ365" s="53">
        <v>21767190.699999999</v>
      </c>
      <c r="BA365" s="53">
        <v>21767190.699999999</v>
      </c>
    </row>
    <row r="366" spans="1:53">
      <c r="A366" s="52" t="s">
        <v>555</v>
      </c>
      <c r="B366" s="53">
        <v>0</v>
      </c>
      <c r="C366" s="53">
        <v>0</v>
      </c>
      <c r="D366" s="53">
        <v>0</v>
      </c>
      <c r="E366" s="53">
        <v>0</v>
      </c>
      <c r="F366" s="53">
        <v>0</v>
      </c>
      <c r="G366" s="53">
        <v>0</v>
      </c>
      <c r="H366" s="53">
        <v>0</v>
      </c>
      <c r="I366" s="53">
        <v>0</v>
      </c>
      <c r="J366" s="53">
        <v>0</v>
      </c>
      <c r="K366" s="53">
        <v>0</v>
      </c>
      <c r="L366" s="53">
        <v>0</v>
      </c>
      <c r="M366" s="53">
        <v>0</v>
      </c>
      <c r="N366" s="53">
        <v>0</v>
      </c>
      <c r="O366" s="53">
        <v>0</v>
      </c>
      <c r="P366" s="53">
        <v>0</v>
      </c>
      <c r="Q366" s="53">
        <v>0</v>
      </c>
      <c r="R366" s="53">
        <v>0</v>
      </c>
      <c r="S366" s="53">
        <v>0</v>
      </c>
      <c r="T366" s="53">
        <v>0</v>
      </c>
      <c r="U366" s="53">
        <v>0</v>
      </c>
      <c r="V366" s="53">
        <v>0</v>
      </c>
      <c r="W366" s="53">
        <v>0</v>
      </c>
      <c r="X366" s="53">
        <v>0</v>
      </c>
      <c r="Y366" s="53">
        <v>0</v>
      </c>
      <c r="Z366" s="53">
        <v>0</v>
      </c>
      <c r="AA366" s="53">
        <v>0</v>
      </c>
      <c r="AB366" s="53">
        <v>0</v>
      </c>
      <c r="AC366" s="53">
        <v>0</v>
      </c>
      <c r="AD366" s="53">
        <v>0</v>
      </c>
      <c r="AE366" s="53">
        <v>0</v>
      </c>
      <c r="AF366" s="53">
        <v>0</v>
      </c>
      <c r="AG366" s="53">
        <v>0</v>
      </c>
      <c r="AH366" s="53">
        <v>0</v>
      </c>
      <c r="AI366" s="53">
        <v>0</v>
      </c>
      <c r="AJ366" s="53">
        <v>0</v>
      </c>
      <c r="AK366" s="53">
        <v>0</v>
      </c>
      <c r="AL366" s="53">
        <v>0</v>
      </c>
      <c r="AM366" s="53">
        <v>0</v>
      </c>
      <c r="AN366" s="53">
        <v>0</v>
      </c>
      <c r="AO366" s="53">
        <v>0</v>
      </c>
      <c r="AP366" s="53">
        <v>0</v>
      </c>
      <c r="AQ366" s="53">
        <v>0</v>
      </c>
      <c r="AR366" s="53">
        <v>0</v>
      </c>
      <c r="AS366" s="53">
        <v>0</v>
      </c>
      <c r="AT366" s="53">
        <v>0</v>
      </c>
      <c r="AU366" s="53">
        <v>0</v>
      </c>
      <c r="AV366" s="53">
        <v>0</v>
      </c>
      <c r="AW366" s="53">
        <v>0</v>
      </c>
      <c r="AX366" s="53">
        <v>0</v>
      </c>
      <c r="AY366" s="53">
        <v>0</v>
      </c>
      <c r="AZ366" s="53">
        <v>0</v>
      </c>
      <c r="BA366" s="53">
        <v>0</v>
      </c>
    </row>
    <row r="367" spans="1:53">
      <c r="A367" s="52" t="s">
        <v>556</v>
      </c>
      <c r="B367" s="53">
        <v>1016920.67</v>
      </c>
      <c r="C367" s="53">
        <v>1016920.67</v>
      </c>
      <c r="D367" s="53">
        <v>1016920.67</v>
      </c>
      <c r="E367" s="53">
        <v>1016920.67</v>
      </c>
      <c r="F367" s="53">
        <v>1016920.67</v>
      </c>
      <c r="G367" s="53">
        <v>1016920.67</v>
      </c>
      <c r="H367" s="53">
        <v>1016920.67</v>
      </c>
      <c r="I367" s="53">
        <v>1016920.67</v>
      </c>
      <c r="J367" s="53">
        <v>1016920.67</v>
      </c>
      <c r="K367" s="53">
        <v>1016920.67</v>
      </c>
      <c r="L367" s="53">
        <v>1016920.67</v>
      </c>
      <c r="M367" s="53">
        <v>1016920.67</v>
      </c>
      <c r="N367" s="53">
        <v>1016920.67</v>
      </c>
      <c r="O367" s="53">
        <v>1016920.67</v>
      </c>
      <c r="P367" s="53">
        <v>1016920.67</v>
      </c>
      <c r="Q367" s="53">
        <v>1016920.67</v>
      </c>
      <c r="R367" s="53">
        <v>1016920.67</v>
      </c>
      <c r="S367" s="53">
        <v>1016920.67</v>
      </c>
      <c r="T367" s="53">
        <v>1016920.67</v>
      </c>
      <c r="U367" s="53">
        <v>1016920.67</v>
      </c>
      <c r="V367" s="53">
        <v>1016920.67</v>
      </c>
      <c r="W367" s="53">
        <v>1016920.67</v>
      </c>
      <c r="X367" s="53">
        <v>1016920.67</v>
      </c>
      <c r="Y367" s="53">
        <v>1016920.67</v>
      </c>
      <c r="Z367" s="53">
        <v>1016920.67</v>
      </c>
      <c r="AA367" s="53">
        <v>1016920.67</v>
      </c>
      <c r="AB367" s="53">
        <v>1016920.67</v>
      </c>
      <c r="AC367" s="53">
        <v>1016920.67</v>
      </c>
      <c r="AD367" s="53">
        <v>1016920.67</v>
      </c>
      <c r="AE367" s="53">
        <v>1016920.67</v>
      </c>
      <c r="AF367" s="53">
        <v>1016920.67</v>
      </c>
      <c r="AG367" s="53">
        <v>1016920.67</v>
      </c>
      <c r="AH367" s="53">
        <v>1016920.67</v>
      </c>
      <c r="AI367" s="53">
        <v>1016920.67</v>
      </c>
      <c r="AJ367" s="53">
        <v>1016920.67</v>
      </c>
      <c r="AK367" s="53">
        <v>1016920.67</v>
      </c>
      <c r="AL367" s="53">
        <v>1016920.67</v>
      </c>
      <c r="AM367" s="53">
        <v>1016920.67</v>
      </c>
      <c r="AN367" s="53">
        <v>1016920.67</v>
      </c>
      <c r="AO367" s="53">
        <v>1016920.67</v>
      </c>
      <c r="AP367" s="53">
        <v>1016920.67</v>
      </c>
      <c r="AQ367" s="53">
        <v>1016920.67</v>
      </c>
      <c r="AR367" s="53">
        <v>1016920.67</v>
      </c>
      <c r="AS367" s="53">
        <v>1016920.67</v>
      </c>
      <c r="AT367" s="53">
        <v>1016920.67</v>
      </c>
      <c r="AU367" s="53">
        <v>1016920.67</v>
      </c>
      <c r="AV367" s="53">
        <v>1016920.67</v>
      </c>
      <c r="AW367" s="53">
        <v>1016920.67</v>
      </c>
      <c r="AX367" s="53">
        <v>1016920.67</v>
      </c>
      <c r="AY367" s="53">
        <v>1016920.67</v>
      </c>
      <c r="AZ367" s="53">
        <v>1016920.67</v>
      </c>
      <c r="BA367" s="53">
        <v>1016920.67</v>
      </c>
    </row>
    <row r="368" spans="1:53">
      <c r="A368" s="52" t="s">
        <v>557</v>
      </c>
      <c r="B368" s="53">
        <v>0</v>
      </c>
      <c r="C368" s="53">
        <v>0</v>
      </c>
      <c r="D368" s="53">
        <v>0</v>
      </c>
      <c r="E368" s="53">
        <v>0</v>
      </c>
      <c r="F368" s="53">
        <v>0</v>
      </c>
      <c r="G368" s="53">
        <v>0</v>
      </c>
      <c r="H368" s="53">
        <v>0</v>
      </c>
      <c r="I368" s="53">
        <v>0</v>
      </c>
      <c r="J368" s="53">
        <v>0</v>
      </c>
      <c r="K368" s="53">
        <v>0</v>
      </c>
      <c r="L368" s="53">
        <v>0</v>
      </c>
      <c r="M368" s="53">
        <v>0</v>
      </c>
      <c r="N368" s="53">
        <v>0</v>
      </c>
      <c r="O368" s="53">
        <v>0</v>
      </c>
      <c r="P368" s="53">
        <v>0</v>
      </c>
      <c r="Q368" s="53">
        <v>0</v>
      </c>
      <c r="R368" s="53">
        <v>0</v>
      </c>
      <c r="S368" s="53">
        <v>0</v>
      </c>
      <c r="T368" s="53">
        <v>0</v>
      </c>
      <c r="U368" s="53">
        <v>0</v>
      </c>
      <c r="V368" s="53">
        <v>0</v>
      </c>
      <c r="W368" s="53">
        <v>0</v>
      </c>
      <c r="X368" s="53">
        <v>0</v>
      </c>
      <c r="Y368" s="53">
        <v>0</v>
      </c>
      <c r="Z368" s="53">
        <v>0</v>
      </c>
      <c r="AA368" s="53">
        <v>0</v>
      </c>
      <c r="AB368" s="53">
        <v>0</v>
      </c>
      <c r="AC368" s="53">
        <v>0</v>
      </c>
      <c r="AD368" s="53">
        <v>0</v>
      </c>
      <c r="AE368" s="53">
        <v>0</v>
      </c>
      <c r="AF368" s="53">
        <v>0</v>
      </c>
      <c r="AG368" s="53">
        <v>0</v>
      </c>
      <c r="AH368" s="53">
        <v>0</v>
      </c>
      <c r="AI368" s="53">
        <v>0</v>
      </c>
      <c r="AJ368" s="53">
        <v>0</v>
      </c>
      <c r="AK368" s="53">
        <v>0</v>
      </c>
      <c r="AL368" s="53">
        <v>0</v>
      </c>
      <c r="AM368" s="53">
        <v>0</v>
      </c>
      <c r="AN368" s="53">
        <v>0</v>
      </c>
      <c r="AO368" s="53">
        <v>0</v>
      </c>
      <c r="AP368" s="53">
        <v>0</v>
      </c>
      <c r="AQ368" s="53">
        <v>0</v>
      </c>
      <c r="AR368" s="53">
        <v>0</v>
      </c>
      <c r="AS368" s="53">
        <v>0</v>
      </c>
      <c r="AT368" s="53">
        <v>0</v>
      </c>
      <c r="AU368" s="53">
        <v>0</v>
      </c>
      <c r="AV368" s="53">
        <v>0</v>
      </c>
      <c r="AW368" s="53">
        <v>0</v>
      </c>
      <c r="AX368" s="53">
        <v>0</v>
      </c>
      <c r="AY368" s="53">
        <v>0</v>
      </c>
      <c r="AZ368" s="53">
        <v>0</v>
      </c>
      <c r="BA368" s="53">
        <v>0</v>
      </c>
    </row>
    <row r="369" spans="1:53">
      <c r="A369" s="52" t="s">
        <v>558</v>
      </c>
      <c r="B369" s="53">
        <v>0</v>
      </c>
      <c r="C369" s="53">
        <v>0</v>
      </c>
      <c r="D369" s="53">
        <v>0</v>
      </c>
      <c r="E369" s="53">
        <v>0</v>
      </c>
      <c r="F369" s="53">
        <v>0</v>
      </c>
      <c r="G369" s="53">
        <v>0</v>
      </c>
      <c r="H369" s="53">
        <v>0</v>
      </c>
      <c r="I369" s="53">
        <v>0</v>
      </c>
      <c r="J369" s="53">
        <v>0</v>
      </c>
      <c r="K369" s="53">
        <v>0</v>
      </c>
      <c r="L369" s="53">
        <v>0</v>
      </c>
      <c r="M369" s="53">
        <v>0</v>
      </c>
      <c r="N369" s="53">
        <v>0</v>
      </c>
      <c r="O369" s="53">
        <v>0</v>
      </c>
      <c r="P369" s="53">
        <v>0</v>
      </c>
      <c r="Q369" s="53">
        <v>0</v>
      </c>
      <c r="R369" s="53">
        <v>0</v>
      </c>
      <c r="S369" s="53">
        <v>0</v>
      </c>
      <c r="T369" s="53">
        <v>0</v>
      </c>
      <c r="U369" s="53">
        <v>0</v>
      </c>
      <c r="V369" s="53">
        <v>0</v>
      </c>
      <c r="W369" s="53">
        <v>0</v>
      </c>
      <c r="X369" s="53">
        <v>0</v>
      </c>
      <c r="Y369" s="53">
        <v>0</v>
      </c>
      <c r="Z369" s="53">
        <v>0</v>
      </c>
      <c r="AA369" s="53">
        <v>0</v>
      </c>
      <c r="AB369" s="53">
        <v>0</v>
      </c>
      <c r="AC369" s="53">
        <v>0</v>
      </c>
      <c r="AD369" s="53">
        <v>0</v>
      </c>
      <c r="AE369" s="53">
        <v>0</v>
      </c>
      <c r="AF369" s="53">
        <v>0</v>
      </c>
      <c r="AG369" s="53">
        <v>0</v>
      </c>
      <c r="AH369" s="53">
        <v>0</v>
      </c>
      <c r="AI369" s="53">
        <v>0</v>
      </c>
      <c r="AJ369" s="53">
        <v>0</v>
      </c>
      <c r="AK369" s="53">
        <v>0</v>
      </c>
      <c r="AL369" s="53">
        <v>0</v>
      </c>
      <c r="AM369" s="53">
        <v>0</v>
      </c>
      <c r="AN369" s="53">
        <v>0</v>
      </c>
      <c r="AO369" s="53">
        <v>0</v>
      </c>
      <c r="AP369" s="53">
        <v>0</v>
      </c>
      <c r="AQ369" s="53">
        <v>0</v>
      </c>
      <c r="AR369" s="53">
        <v>0</v>
      </c>
      <c r="AS369" s="53">
        <v>0</v>
      </c>
      <c r="AT369" s="53">
        <v>0</v>
      </c>
      <c r="AU369" s="53">
        <v>0</v>
      </c>
      <c r="AV369" s="53">
        <v>0</v>
      </c>
      <c r="AW369" s="53">
        <v>0</v>
      </c>
      <c r="AX369" s="53">
        <v>0</v>
      </c>
      <c r="AY369" s="53">
        <v>0</v>
      </c>
      <c r="AZ369" s="53">
        <v>0</v>
      </c>
      <c r="BA369" s="53">
        <v>0</v>
      </c>
    </row>
    <row r="370" spans="1:53">
      <c r="A370" s="52" t="s">
        <v>559</v>
      </c>
      <c r="B370" s="53">
        <v>0</v>
      </c>
      <c r="C370" s="53">
        <v>0</v>
      </c>
      <c r="D370" s="53">
        <v>0</v>
      </c>
      <c r="E370" s="53">
        <v>0</v>
      </c>
      <c r="F370" s="53">
        <v>0</v>
      </c>
      <c r="G370" s="53">
        <v>0</v>
      </c>
      <c r="H370" s="53">
        <v>0</v>
      </c>
      <c r="I370" s="53">
        <v>0</v>
      </c>
      <c r="J370" s="53">
        <v>0</v>
      </c>
      <c r="K370" s="53">
        <v>0</v>
      </c>
      <c r="L370" s="53">
        <v>0</v>
      </c>
      <c r="M370" s="53">
        <v>0</v>
      </c>
      <c r="N370" s="53">
        <v>0</v>
      </c>
      <c r="O370" s="53">
        <v>0</v>
      </c>
      <c r="P370" s="53">
        <v>0</v>
      </c>
      <c r="Q370" s="53">
        <v>0</v>
      </c>
      <c r="R370" s="53">
        <v>0</v>
      </c>
      <c r="S370" s="53">
        <v>0</v>
      </c>
      <c r="T370" s="53">
        <v>0</v>
      </c>
      <c r="U370" s="53">
        <v>0</v>
      </c>
      <c r="V370" s="53">
        <v>0</v>
      </c>
      <c r="W370" s="53">
        <v>0</v>
      </c>
      <c r="X370" s="53">
        <v>0</v>
      </c>
      <c r="Y370" s="53">
        <v>0</v>
      </c>
      <c r="Z370" s="53">
        <v>0</v>
      </c>
      <c r="AA370" s="53">
        <v>0</v>
      </c>
      <c r="AB370" s="53">
        <v>0</v>
      </c>
      <c r="AC370" s="53">
        <v>0</v>
      </c>
      <c r="AD370" s="53">
        <v>0</v>
      </c>
      <c r="AE370" s="53">
        <v>0</v>
      </c>
      <c r="AF370" s="53">
        <v>0</v>
      </c>
      <c r="AG370" s="53">
        <v>0</v>
      </c>
      <c r="AH370" s="53">
        <v>0</v>
      </c>
      <c r="AI370" s="53">
        <v>0</v>
      </c>
      <c r="AJ370" s="53">
        <v>0</v>
      </c>
      <c r="AK370" s="53">
        <v>0</v>
      </c>
      <c r="AL370" s="53">
        <v>0</v>
      </c>
      <c r="AM370" s="53">
        <v>0</v>
      </c>
      <c r="AN370" s="53">
        <v>0</v>
      </c>
      <c r="AO370" s="53">
        <v>0</v>
      </c>
      <c r="AP370" s="53">
        <v>0</v>
      </c>
      <c r="AQ370" s="53">
        <v>0</v>
      </c>
      <c r="AR370" s="53">
        <v>0</v>
      </c>
      <c r="AS370" s="53">
        <v>0</v>
      </c>
      <c r="AT370" s="53">
        <v>0</v>
      </c>
      <c r="AU370" s="53">
        <v>0</v>
      </c>
      <c r="AV370" s="53">
        <v>0</v>
      </c>
      <c r="AW370" s="53">
        <v>0</v>
      </c>
      <c r="AX370" s="53">
        <v>0</v>
      </c>
      <c r="AY370" s="53">
        <v>0</v>
      </c>
      <c r="AZ370" s="53">
        <v>0</v>
      </c>
      <c r="BA370" s="53">
        <v>0</v>
      </c>
    </row>
    <row r="371" spans="1:53">
      <c r="A371" s="52" t="s">
        <v>560</v>
      </c>
      <c r="B371" s="53">
        <v>-1745799.4820989899</v>
      </c>
      <c r="C371" s="53">
        <v>23849215.3709899</v>
      </c>
      <c r="D371" s="53">
        <v>21522395.838890899</v>
      </c>
      <c r="E371" s="53">
        <v>19195576.306791998</v>
      </c>
      <c r="F371" s="53">
        <v>16868756.774693001</v>
      </c>
      <c r="G371" s="53">
        <v>14541937.242594</v>
      </c>
      <c r="H371" s="53">
        <v>12215117.710495001</v>
      </c>
      <c r="I371" s="53">
        <v>9888298.1783959996</v>
      </c>
      <c r="J371" s="53">
        <v>7561478.6462970003</v>
      </c>
      <c r="K371" s="53">
        <v>5234659.1141980002</v>
      </c>
      <c r="L371" s="53">
        <v>2907839.582099</v>
      </c>
      <c r="M371" s="53">
        <v>581020.05000000098</v>
      </c>
      <c r="N371" s="53">
        <v>581020.05000000098</v>
      </c>
      <c r="O371" s="53">
        <v>-1849937.21250348</v>
      </c>
      <c r="P371" s="53">
        <v>24890592.675034799</v>
      </c>
      <c r="Q371" s="53">
        <v>22459635.412531301</v>
      </c>
      <c r="R371" s="53">
        <v>20028678.1500278</v>
      </c>
      <c r="S371" s="53">
        <v>17597720.887524299</v>
      </c>
      <c r="T371" s="53">
        <v>15166763.625020901</v>
      </c>
      <c r="U371" s="53">
        <v>12735806.3625174</v>
      </c>
      <c r="V371" s="53">
        <v>10304849.100013901</v>
      </c>
      <c r="W371" s="53">
        <v>7873891.8375104498</v>
      </c>
      <c r="X371" s="53">
        <v>5442934.5750069702</v>
      </c>
      <c r="Y371" s="53">
        <v>3011977.3125034799</v>
      </c>
      <c r="Z371" s="53">
        <v>581020.050000004</v>
      </c>
      <c r="AA371" s="53">
        <v>581020.050000004</v>
      </c>
      <c r="AB371" s="53">
        <v>-1936302.79256402</v>
      </c>
      <c r="AC371" s="53">
        <v>25754248.475640301</v>
      </c>
      <c r="AD371" s="53">
        <v>23236925.633076299</v>
      </c>
      <c r="AE371" s="53">
        <v>20719602.7905122</v>
      </c>
      <c r="AF371" s="53">
        <v>18202279.947948199</v>
      </c>
      <c r="AG371" s="53">
        <v>15684957.105384201</v>
      </c>
      <c r="AH371" s="53">
        <v>13167634.2628201</v>
      </c>
      <c r="AI371" s="53">
        <v>10650311.420256101</v>
      </c>
      <c r="AJ371" s="53">
        <v>8132988.5776920998</v>
      </c>
      <c r="AK371" s="53">
        <v>5615665.7351280702</v>
      </c>
      <c r="AL371" s="53">
        <v>3098342.8925640299</v>
      </c>
      <c r="AM371" s="53">
        <v>581020.05000000296</v>
      </c>
      <c r="AN371" s="53">
        <v>581020.05000000296</v>
      </c>
      <c r="AO371" s="53">
        <v>-2026438.3448809399</v>
      </c>
      <c r="AP371" s="53">
        <v>26655603.998809502</v>
      </c>
      <c r="AQ371" s="53">
        <v>24048145.603928499</v>
      </c>
      <c r="AR371" s="53">
        <v>21440687.209047601</v>
      </c>
      <c r="AS371" s="53">
        <v>18833228.814166602</v>
      </c>
      <c r="AT371" s="53">
        <v>16225770.4192857</v>
      </c>
      <c r="AU371" s="53">
        <v>13618312.024404701</v>
      </c>
      <c r="AV371" s="53">
        <v>11010853.629523801</v>
      </c>
      <c r="AW371" s="53">
        <v>8403395.2346428502</v>
      </c>
      <c r="AX371" s="53">
        <v>5795936.8397618998</v>
      </c>
      <c r="AY371" s="53">
        <v>3188478.4448809498</v>
      </c>
      <c r="AZ371" s="53">
        <v>581020.05000000098</v>
      </c>
      <c r="BA371" s="53">
        <v>581020.05000000098</v>
      </c>
    </row>
    <row r="372" spans="1:53">
      <c r="A372" s="52" t="s">
        <v>561</v>
      </c>
      <c r="B372" s="53">
        <v>79905</v>
      </c>
      <c r="C372" s="53">
        <v>79905</v>
      </c>
      <c r="D372" s="53">
        <v>79905</v>
      </c>
      <c r="E372" s="53">
        <v>79905</v>
      </c>
      <c r="F372" s="53">
        <v>79905</v>
      </c>
      <c r="G372" s="53">
        <v>79905</v>
      </c>
      <c r="H372" s="53">
        <v>79905</v>
      </c>
      <c r="I372" s="53">
        <v>79905</v>
      </c>
      <c r="J372" s="53">
        <v>79905</v>
      </c>
      <c r="K372" s="53">
        <v>79905</v>
      </c>
      <c r="L372" s="53">
        <v>79905</v>
      </c>
      <c r="M372" s="53">
        <v>79905</v>
      </c>
      <c r="N372" s="53">
        <v>79905</v>
      </c>
      <c r="O372" s="53">
        <v>79905</v>
      </c>
      <c r="P372" s="53">
        <v>79905</v>
      </c>
      <c r="Q372" s="53">
        <v>79905</v>
      </c>
      <c r="R372" s="53">
        <v>79905</v>
      </c>
      <c r="S372" s="53">
        <v>79905</v>
      </c>
      <c r="T372" s="53">
        <v>79905</v>
      </c>
      <c r="U372" s="53">
        <v>79905</v>
      </c>
      <c r="V372" s="53">
        <v>79905</v>
      </c>
      <c r="W372" s="53">
        <v>79905</v>
      </c>
      <c r="X372" s="53">
        <v>79905</v>
      </c>
      <c r="Y372" s="53">
        <v>79905</v>
      </c>
      <c r="Z372" s="53">
        <v>79905</v>
      </c>
      <c r="AA372" s="53">
        <v>79905</v>
      </c>
      <c r="AB372" s="53">
        <v>79905</v>
      </c>
      <c r="AC372" s="53">
        <v>79905</v>
      </c>
      <c r="AD372" s="53">
        <v>79905</v>
      </c>
      <c r="AE372" s="53">
        <v>79905</v>
      </c>
      <c r="AF372" s="53">
        <v>79905</v>
      </c>
      <c r="AG372" s="53">
        <v>79905</v>
      </c>
      <c r="AH372" s="53">
        <v>79905</v>
      </c>
      <c r="AI372" s="53">
        <v>79905</v>
      </c>
      <c r="AJ372" s="53">
        <v>79905</v>
      </c>
      <c r="AK372" s="53">
        <v>79905</v>
      </c>
      <c r="AL372" s="53">
        <v>79905</v>
      </c>
      <c r="AM372" s="53">
        <v>79905</v>
      </c>
      <c r="AN372" s="53">
        <v>79905</v>
      </c>
      <c r="AO372" s="53">
        <v>79905</v>
      </c>
      <c r="AP372" s="53">
        <v>79905</v>
      </c>
      <c r="AQ372" s="53">
        <v>79905</v>
      </c>
      <c r="AR372" s="53">
        <v>79905</v>
      </c>
      <c r="AS372" s="53">
        <v>79905</v>
      </c>
      <c r="AT372" s="53">
        <v>79905</v>
      </c>
      <c r="AU372" s="53">
        <v>79905</v>
      </c>
      <c r="AV372" s="53">
        <v>79905</v>
      </c>
      <c r="AW372" s="53">
        <v>79905</v>
      </c>
      <c r="AX372" s="53">
        <v>79905</v>
      </c>
      <c r="AY372" s="53">
        <v>79905</v>
      </c>
      <c r="AZ372" s="53">
        <v>79905</v>
      </c>
      <c r="BA372" s="53">
        <v>79905</v>
      </c>
    </row>
    <row r="373" spans="1:53">
      <c r="A373" s="52" t="s">
        <v>562</v>
      </c>
      <c r="B373" s="53">
        <v>0</v>
      </c>
      <c r="C373" s="53">
        <v>0</v>
      </c>
      <c r="D373" s="53">
        <v>0</v>
      </c>
      <c r="E373" s="53">
        <v>0</v>
      </c>
      <c r="F373" s="53">
        <v>0</v>
      </c>
      <c r="G373" s="53">
        <v>0</v>
      </c>
      <c r="H373" s="53">
        <v>0</v>
      </c>
      <c r="I373" s="53">
        <v>0</v>
      </c>
      <c r="J373" s="53">
        <v>0</v>
      </c>
      <c r="K373" s="53">
        <v>0</v>
      </c>
      <c r="L373" s="53">
        <v>0</v>
      </c>
      <c r="M373" s="53">
        <v>0</v>
      </c>
      <c r="N373" s="53">
        <v>0</v>
      </c>
      <c r="O373" s="53">
        <v>0</v>
      </c>
      <c r="P373" s="53">
        <v>0</v>
      </c>
      <c r="Q373" s="53">
        <v>0</v>
      </c>
      <c r="R373" s="53">
        <v>0</v>
      </c>
      <c r="S373" s="53">
        <v>0</v>
      </c>
      <c r="T373" s="53">
        <v>0</v>
      </c>
      <c r="U373" s="53">
        <v>0</v>
      </c>
      <c r="V373" s="53">
        <v>0</v>
      </c>
      <c r="W373" s="53">
        <v>0</v>
      </c>
      <c r="X373" s="53">
        <v>0</v>
      </c>
      <c r="Y373" s="53">
        <v>0</v>
      </c>
      <c r="Z373" s="53">
        <v>0</v>
      </c>
      <c r="AA373" s="53">
        <v>0</v>
      </c>
      <c r="AB373" s="53">
        <v>0</v>
      </c>
      <c r="AC373" s="53">
        <v>0</v>
      </c>
      <c r="AD373" s="53">
        <v>0</v>
      </c>
      <c r="AE373" s="53">
        <v>0</v>
      </c>
      <c r="AF373" s="53">
        <v>0</v>
      </c>
      <c r="AG373" s="53">
        <v>0</v>
      </c>
      <c r="AH373" s="53">
        <v>0</v>
      </c>
      <c r="AI373" s="53">
        <v>0</v>
      </c>
      <c r="AJ373" s="53">
        <v>0</v>
      </c>
      <c r="AK373" s="53">
        <v>0</v>
      </c>
      <c r="AL373" s="53">
        <v>0</v>
      </c>
      <c r="AM373" s="53">
        <v>0</v>
      </c>
      <c r="AN373" s="53">
        <v>0</v>
      </c>
      <c r="AO373" s="53">
        <v>0</v>
      </c>
      <c r="AP373" s="53">
        <v>0</v>
      </c>
      <c r="AQ373" s="53">
        <v>0</v>
      </c>
      <c r="AR373" s="53">
        <v>0</v>
      </c>
      <c r="AS373" s="53">
        <v>0</v>
      </c>
      <c r="AT373" s="53">
        <v>0</v>
      </c>
      <c r="AU373" s="53">
        <v>0</v>
      </c>
      <c r="AV373" s="53">
        <v>0</v>
      </c>
      <c r="AW373" s="53">
        <v>0</v>
      </c>
      <c r="AX373" s="53">
        <v>0</v>
      </c>
      <c r="AY373" s="53">
        <v>0</v>
      </c>
      <c r="AZ373" s="53">
        <v>0</v>
      </c>
      <c r="BA373" s="53">
        <v>0</v>
      </c>
    </row>
    <row r="374" spans="1:53">
      <c r="A374" s="52" t="s">
        <v>563</v>
      </c>
      <c r="B374" s="53">
        <v>-225.27</v>
      </c>
      <c r="C374" s="53">
        <v>-225.27</v>
      </c>
      <c r="D374" s="53">
        <v>-225.27</v>
      </c>
      <c r="E374" s="53">
        <v>-225.27</v>
      </c>
      <c r="F374" s="53">
        <v>-225.27</v>
      </c>
      <c r="G374" s="53">
        <v>-225.27</v>
      </c>
      <c r="H374" s="53">
        <v>-225.27</v>
      </c>
      <c r="I374" s="53">
        <v>-225.27</v>
      </c>
      <c r="J374" s="53">
        <v>-225.27</v>
      </c>
      <c r="K374" s="53">
        <v>-225.27</v>
      </c>
      <c r="L374" s="53">
        <v>-225.27</v>
      </c>
      <c r="M374" s="53">
        <v>-225.27</v>
      </c>
      <c r="N374" s="53">
        <v>-225.27</v>
      </c>
      <c r="O374" s="53">
        <v>-225.27</v>
      </c>
      <c r="P374" s="53">
        <v>-225.27</v>
      </c>
      <c r="Q374" s="53">
        <v>-225.27</v>
      </c>
      <c r="R374" s="53">
        <v>-225.27</v>
      </c>
      <c r="S374" s="53">
        <v>-225.27</v>
      </c>
      <c r="T374" s="53">
        <v>-225.27</v>
      </c>
      <c r="U374" s="53">
        <v>-225.27</v>
      </c>
      <c r="V374" s="53">
        <v>-225.27</v>
      </c>
      <c r="W374" s="53">
        <v>-225.27</v>
      </c>
      <c r="X374" s="53">
        <v>-225.27</v>
      </c>
      <c r="Y374" s="53">
        <v>-225.27</v>
      </c>
      <c r="Z374" s="53">
        <v>-225.27</v>
      </c>
      <c r="AA374" s="53">
        <v>-225.27</v>
      </c>
      <c r="AB374" s="53">
        <v>-225.27</v>
      </c>
      <c r="AC374" s="53">
        <v>-225.27</v>
      </c>
      <c r="AD374" s="53">
        <v>-225.27</v>
      </c>
      <c r="AE374" s="53">
        <v>-225.27</v>
      </c>
      <c r="AF374" s="53">
        <v>-225.27</v>
      </c>
      <c r="AG374" s="53">
        <v>-225.27</v>
      </c>
      <c r="AH374" s="53">
        <v>-225.27</v>
      </c>
      <c r="AI374" s="53">
        <v>-225.27</v>
      </c>
      <c r="AJ374" s="53">
        <v>-225.27</v>
      </c>
      <c r="AK374" s="53">
        <v>-225.27</v>
      </c>
      <c r="AL374" s="53">
        <v>-225.27</v>
      </c>
      <c r="AM374" s="53">
        <v>-225.27</v>
      </c>
      <c r="AN374" s="53">
        <v>-225.27</v>
      </c>
      <c r="AO374" s="53">
        <v>-225.27</v>
      </c>
      <c r="AP374" s="53">
        <v>-225.27</v>
      </c>
      <c r="AQ374" s="53">
        <v>-225.27</v>
      </c>
      <c r="AR374" s="53">
        <v>-225.27</v>
      </c>
      <c r="AS374" s="53">
        <v>-225.27</v>
      </c>
      <c r="AT374" s="53">
        <v>-225.27</v>
      </c>
      <c r="AU374" s="53">
        <v>-225.27</v>
      </c>
      <c r="AV374" s="53">
        <v>-225.27</v>
      </c>
      <c r="AW374" s="53">
        <v>-225.27</v>
      </c>
      <c r="AX374" s="53">
        <v>-225.27</v>
      </c>
      <c r="AY374" s="53">
        <v>-225.27</v>
      </c>
      <c r="AZ374" s="53">
        <v>-225.27</v>
      </c>
      <c r="BA374" s="53">
        <v>-225.27</v>
      </c>
    </row>
    <row r="375" spans="1:53">
      <c r="A375" s="52" t="s">
        <v>564</v>
      </c>
      <c r="B375" s="53">
        <v>0</v>
      </c>
      <c r="C375" s="53">
        <v>0</v>
      </c>
      <c r="D375" s="53">
        <v>0</v>
      </c>
      <c r="E375" s="53">
        <v>0</v>
      </c>
      <c r="F375" s="53">
        <v>0</v>
      </c>
      <c r="G375" s="53">
        <v>0</v>
      </c>
      <c r="H375" s="53">
        <v>0</v>
      </c>
      <c r="I375" s="53">
        <v>0</v>
      </c>
      <c r="J375" s="53">
        <v>0</v>
      </c>
      <c r="K375" s="53">
        <v>0</v>
      </c>
      <c r="L375" s="53">
        <v>0</v>
      </c>
      <c r="M375" s="53">
        <v>0</v>
      </c>
      <c r="N375" s="53">
        <v>0</v>
      </c>
      <c r="O375" s="53">
        <v>0</v>
      </c>
      <c r="P375" s="53">
        <v>0</v>
      </c>
      <c r="Q375" s="53">
        <v>0</v>
      </c>
      <c r="R375" s="53">
        <v>0</v>
      </c>
      <c r="S375" s="53">
        <v>0</v>
      </c>
      <c r="T375" s="53">
        <v>0</v>
      </c>
      <c r="U375" s="53">
        <v>0</v>
      </c>
      <c r="V375" s="53">
        <v>0</v>
      </c>
      <c r="W375" s="53">
        <v>0</v>
      </c>
      <c r="X375" s="53">
        <v>0</v>
      </c>
      <c r="Y375" s="53">
        <v>0</v>
      </c>
      <c r="Z375" s="53">
        <v>0</v>
      </c>
      <c r="AA375" s="53">
        <v>0</v>
      </c>
      <c r="AB375" s="53">
        <v>0</v>
      </c>
      <c r="AC375" s="53">
        <v>0</v>
      </c>
      <c r="AD375" s="53">
        <v>0</v>
      </c>
      <c r="AE375" s="53">
        <v>0</v>
      </c>
      <c r="AF375" s="53">
        <v>0</v>
      </c>
      <c r="AG375" s="53">
        <v>0</v>
      </c>
      <c r="AH375" s="53">
        <v>0</v>
      </c>
      <c r="AI375" s="53">
        <v>0</v>
      </c>
      <c r="AJ375" s="53">
        <v>0</v>
      </c>
      <c r="AK375" s="53">
        <v>0</v>
      </c>
      <c r="AL375" s="53">
        <v>0</v>
      </c>
      <c r="AM375" s="53">
        <v>0</v>
      </c>
      <c r="AN375" s="53">
        <v>0</v>
      </c>
      <c r="AO375" s="53">
        <v>0</v>
      </c>
      <c r="AP375" s="53">
        <v>0</v>
      </c>
      <c r="AQ375" s="53">
        <v>0</v>
      </c>
      <c r="AR375" s="53">
        <v>0</v>
      </c>
      <c r="AS375" s="53">
        <v>0</v>
      </c>
      <c r="AT375" s="53">
        <v>0</v>
      </c>
      <c r="AU375" s="53">
        <v>0</v>
      </c>
      <c r="AV375" s="53">
        <v>0</v>
      </c>
      <c r="AW375" s="53">
        <v>0</v>
      </c>
      <c r="AX375" s="53">
        <v>0</v>
      </c>
      <c r="AY375" s="53">
        <v>0</v>
      </c>
      <c r="AZ375" s="53">
        <v>0</v>
      </c>
      <c r="BA375" s="53">
        <v>0</v>
      </c>
    </row>
    <row r="376" spans="1:53">
      <c r="A376" s="52" t="s">
        <v>565</v>
      </c>
      <c r="B376" s="53">
        <v>0</v>
      </c>
      <c r="C376" s="53">
        <v>0</v>
      </c>
      <c r="D376" s="53">
        <v>0</v>
      </c>
      <c r="E376" s="53">
        <v>0</v>
      </c>
      <c r="F376" s="53">
        <v>0</v>
      </c>
      <c r="G376" s="53">
        <v>0</v>
      </c>
      <c r="H376" s="53">
        <v>0</v>
      </c>
      <c r="I376" s="53">
        <v>0</v>
      </c>
      <c r="J376" s="53">
        <v>0</v>
      </c>
      <c r="K376" s="53">
        <v>0</v>
      </c>
      <c r="L376" s="53">
        <v>0</v>
      </c>
      <c r="M376" s="53">
        <v>0</v>
      </c>
      <c r="N376" s="53">
        <v>0</v>
      </c>
      <c r="O376" s="53">
        <v>0</v>
      </c>
      <c r="P376" s="53">
        <v>0</v>
      </c>
      <c r="Q376" s="53">
        <v>0</v>
      </c>
      <c r="R376" s="53">
        <v>0</v>
      </c>
      <c r="S376" s="53">
        <v>0</v>
      </c>
      <c r="T376" s="53">
        <v>0</v>
      </c>
      <c r="U376" s="53">
        <v>0</v>
      </c>
      <c r="V376" s="53">
        <v>0</v>
      </c>
      <c r="W376" s="53">
        <v>0</v>
      </c>
      <c r="X376" s="53">
        <v>0</v>
      </c>
      <c r="Y376" s="53">
        <v>0</v>
      </c>
      <c r="Z376" s="53">
        <v>0</v>
      </c>
      <c r="AA376" s="53">
        <v>0</v>
      </c>
      <c r="AB376" s="53">
        <v>0</v>
      </c>
      <c r="AC376" s="53">
        <v>0</v>
      </c>
      <c r="AD376" s="53">
        <v>0</v>
      </c>
      <c r="AE376" s="53">
        <v>0</v>
      </c>
      <c r="AF376" s="53">
        <v>0</v>
      </c>
      <c r="AG376" s="53">
        <v>0</v>
      </c>
      <c r="AH376" s="53">
        <v>0</v>
      </c>
      <c r="AI376" s="53">
        <v>0</v>
      </c>
      <c r="AJ376" s="53">
        <v>0</v>
      </c>
      <c r="AK376" s="53">
        <v>0</v>
      </c>
      <c r="AL376" s="53">
        <v>0</v>
      </c>
      <c r="AM376" s="53">
        <v>0</v>
      </c>
      <c r="AN376" s="53">
        <v>0</v>
      </c>
      <c r="AO376" s="53">
        <v>0</v>
      </c>
      <c r="AP376" s="53">
        <v>0</v>
      </c>
      <c r="AQ376" s="53">
        <v>0</v>
      </c>
      <c r="AR376" s="53">
        <v>0</v>
      </c>
      <c r="AS376" s="53">
        <v>0</v>
      </c>
      <c r="AT376" s="53">
        <v>0</v>
      </c>
      <c r="AU376" s="53">
        <v>0</v>
      </c>
      <c r="AV376" s="53">
        <v>0</v>
      </c>
      <c r="AW376" s="53">
        <v>0</v>
      </c>
      <c r="AX376" s="53">
        <v>0</v>
      </c>
      <c r="AY376" s="53">
        <v>0</v>
      </c>
      <c r="AZ376" s="53">
        <v>0</v>
      </c>
      <c r="BA376" s="53">
        <v>0</v>
      </c>
    </row>
    <row r="377" spans="1:53">
      <c r="A377" s="52" t="s">
        <v>566</v>
      </c>
      <c r="B377" s="53">
        <v>0</v>
      </c>
      <c r="C377" s="53">
        <v>0</v>
      </c>
      <c r="D377" s="53">
        <v>0</v>
      </c>
      <c r="E377" s="53">
        <v>0</v>
      </c>
      <c r="F377" s="53">
        <v>0</v>
      </c>
      <c r="G377" s="53">
        <v>0</v>
      </c>
      <c r="H377" s="53">
        <v>0</v>
      </c>
      <c r="I377" s="53">
        <v>0</v>
      </c>
      <c r="J377" s="53">
        <v>0</v>
      </c>
      <c r="K377" s="53">
        <v>0</v>
      </c>
      <c r="L377" s="53">
        <v>0</v>
      </c>
      <c r="M377" s="53">
        <v>0</v>
      </c>
      <c r="N377" s="53">
        <v>0</v>
      </c>
      <c r="O377" s="53">
        <v>0</v>
      </c>
      <c r="P377" s="53">
        <v>0</v>
      </c>
      <c r="Q377" s="53">
        <v>0</v>
      </c>
      <c r="R377" s="53">
        <v>0</v>
      </c>
      <c r="S377" s="53">
        <v>0</v>
      </c>
      <c r="T377" s="53">
        <v>0</v>
      </c>
      <c r="U377" s="53">
        <v>0</v>
      </c>
      <c r="V377" s="53">
        <v>0</v>
      </c>
      <c r="W377" s="53">
        <v>0</v>
      </c>
      <c r="X377" s="53">
        <v>0</v>
      </c>
      <c r="Y377" s="53">
        <v>0</v>
      </c>
      <c r="Z377" s="53">
        <v>0</v>
      </c>
      <c r="AA377" s="53">
        <v>0</v>
      </c>
      <c r="AB377" s="53">
        <v>0</v>
      </c>
      <c r="AC377" s="53">
        <v>0</v>
      </c>
      <c r="AD377" s="53">
        <v>0</v>
      </c>
      <c r="AE377" s="53">
        <v>0</v>
      </c>
      <c r="AF377" s="53">
        <v>0</v>
      </c>
      <c r="AG377" s="53">
        <v>0</v>
      </c>
      <c r="AH377" s="53">
        <v>0</v>
      </c>
      <c r="AI377" s="53">
        <v>0</v>
      </c>
      <c r="AJ377" s="53">
        <v>0</v>
      </c>
      <c r="AK377" s="53">
        <v>0</v>
      </c>
      <c r="AL377" s="53">
        <v>0</v>
      </c>
      <c r="AM377" s="53">
        <v>0</v>
      </c>
      <c r="AN377" s="53">
        <v>0</v>
      </c>
      <c r="AO377" s="53">
        <v>0</v>
      </c>
      <c r="AP377" s="53">
        <v>0</v>
      </c>
      <c r="AQ377" s="53">
        <v>0</v>
      </c>
      <c r="AR377" s="53">
        <v>0</v>
      </c>
      <c r="AS377" s="53">
        <v>0</v>
      </c>
      <c r="AT377" s="53">
        <v>0</v>
      </c>
      <c r="AU377" s="53">
        <v>0</v>
      </c>
      <c r="AV377" s="53">
        <v>0</v>
      </c>
      <c r="AW377" s="53">
        <v>0</v>
      </c>
      <c r="AX377" s="53">
        <v>0</v>
      </c>
      <c r="AY377" s="53">
        <v>0</v>
      </c>
      <c r="AZ377" s="53">
        <v>0</v>
      </c>
      <c r="BA377" s="53">
        <v>0</v>
      </c>
    </row>
    <row r="378" spans="1:53">
      <c r="A378" s="52" t="s">
        <v>567</v>
      </c>
      <c r="B378" s="53">
        <v>0</v>
      </c>
      <c r="C378" s="53">
        <v>0</v>
      </c>
      <c r="D378" s="53">
        <v>0</v>
      </c>
      <c r="E378" s="53">
        <v>0</v>
      </c>
      <c r="F378" s="53">
        <v>0</v>
      </c>
      <c r="G378" s="53">
        <v>0</v>
      </c>
      <c r="H378" s="53">
        <v>0</v>
      </c>
      <c r="I378" s="53">
        <v>0</v>
      </c>
      <c r="J378" s="53">
        <v>0</v>
      </c>
      <c r="K378" s="53">
        <v>0</v>
      </c>
      <c r="L378" s="53">
        <v>0</v>
      </c>
      <c r="M378" s="53">
        <v>0</v>
      </c>
      <c r="N378" s="53">
        <v>0</v>
      </c>
      <c r="O378" s="53">
        <v>0</v>
      </c>
      <c r="P378" s="53">
        <v>0</v>
      </c>
      <c r="Q378" s="53">
        <v>0</v>
      </c>
      <c r="R378" s="53">
        <v>0</v>
      </c>
      <c r="S378" s="53">
        <v>0</v>
      </c>
      <c r="T378" s="53">
        <v>0</v>
      </c>
      <c r="U378" s="53">
        <v>0</v>
      </c>
      <c r="V378" s="53">
        <v>0</v>
      </c>
      <c r="W378" s="53">
        <v>0</v>
      </c>
      <c r="X378" s="53">
        <v>0</v>
      </c>
      <c r="Y378" s="53">
        <v>0</v>
      </c>
      <c r="Z378" s="53">
        <v>0</v>
      </c>
      <c r="AA378" s="53">
        <v>0</v>
      </c>
      <c r="AB378" s="53">
        <v>0</v>
      </c>
      <c r="AC378" s="53">
        <v>0</v>
      </c>
      <c r="AD378" s="53">
        <v>0</v>
      </c>
      <c r="AE378" s="53">
        <v>0</v>
      </c>
      <c r="AF378" s="53">
        <v>0</v>
      </c>
      <c r="AG378" s="53">
        <v>0</v>
      </c>
      <c r="AH378" s="53">
        <v>0</v>
      </c>
      <c r="AI378" s="53">
        <v>0</v>
      </c>
      <c r="AJ378" s="53">
        <v>0</v>
      </c>
      <c r="AK378" s="53">
        <v>0</v>
      </c>
      <c r="AL378" s="53">
        <v>0</v>
      </c>
      <c r="AM378" s="53">
        <v>0</v>
      </c>
      <c r="AN378" s="53">
        <v>0</v>
      </c>
      <c r="AO378" s="53">
        <v>0</v>
      </c>
      <c r="AP378" s="53">
        <v>0</v>
      </c>
      <c r="AQ378" s="53">
        <v>0</v>
      </c>
      <c r="AR378" s="53">
        <v>0</v>
      </c>
      <c r="AS378" s="53">
        <v>0</v>
      </c>
      <c r="AT378" s="53">
        <v>0</v>
      </c>
      <c r="AU378" s="53">
        <v>0</v>
      </c>
      <c r="AV378" s="53">
        <v>0</v>
      </c>
      <c r="AW378" s="53">
        <v>0</v>
      </c>
      <c r="AX378" s="53">
        <v>0</v>
      </c>
      <c r="AY378" s="53">
        <v>0</v>
      </c>
      <c r="AZ378" s="53">
        <v>0</v>
      </c>
      <c r="BA378" s="53">
        <v>0</v>
      </c>
    </row>
    <row r="379" spans="1:53">
      <c r="A379" s="52" t="s">
        <v>568</v>
      </c>
      <c r="B379" s="53">
        <v>0</v>
      </c>
      <c r="C379" s="53">
        <v>0</v>
      </c>
      <c r="D379" s="53">
        <v>0</v>
      </c>
      <c r="E379" s="53">
        <v>0</v>
      </c>
      <c r="F379" s="53">
        <v>0</v>
      </c>
      <c r="G379" s="53">
        <v>0</v>
      </c>
      <c r="H379" s="53">
        <v>0</v>
      </c>
      <c r="I379" s="53">
        <v>0</v>
      </c>
      <c r="J379" s="53">
        <v>0</v>
      </c>
      <c r="K379" s="53">
        <v>0</v>
      </c>
      <c r="L379" s="53">
        <v>0</v>
      </c>
      <c r="M379" s="53">
        <v>0</v>
      </c>
      <c r="N379" s="53">
        <v>0</v>
      </c>
      <c r="O379" s="53">
        <v>0</v>
      </c>
      <c r="P379" s="53">
        <v>0</v>
      </c>
      <c r="Q379" s="53">
        <v>0</v>
      </c>
      <c r="R379" s="53">
        <v>0</v>
      </c>
      <c r="S379" s="53">
        <v>0</v>
      </c>
      <c r="T379" s="53">
        <v>0</v>
      </c>
      <c r="U379" s="53">
        <v>0</v>
      </c>
      <c r="V379" s="53">
        <v>0</v>
      </c>
      <c r="W379" s="53">
        <v>0</v>
      </c>
      <c r="X379" s="53">
        <v>0</v>
      </c>
      <c r="Y379" s="53">
        <v>0</v>
      </c>
      <c r="Z379" s="53">
        <v>0</v>
      </c>
      <c r="AA379" s="53">
        <v>0</v>
      </c>
      <c r="AB379" s="53">
        <v>0</v>
      </c>
      <c r="AC379" s="53">
        <v>0</v>
      </c>
      <c r="AD379" s="53">
        <v>0</v>
      </c>
      <c r="AE379" s="53">
        <v>0</v>
      </c>
      <c r="AF379" s="53">
        <v>0</v>
      </c>
      <c r="AG379" s="53">
        <v>0</v>
      </c>
      <c r="AH379" s="53">
        <v>0</v>
      </c>
      <c r="AI379" s="53">
        <v>0</v>
      </c>
      <c r="AJ379" s="53">
        <v>0</v>
      </c>
      <c r="AK379" s="53">
        <v>0</v>
      </c>
      <c r="AL379" s="53">
        <v>0</v>
      </c>
      <c r="AM379" s="53">
        <v>0</v>
      </c>
      <c r="AN379" s="53">
        <v>0</v>
      </c>
      <c r="AO379" s="53">
        <v>0</v>
      </c>
      <c r="AP379" s="53">
        <v>0</v>
      </c>
      <c r="AQ379" s="53">
        <v>0</v>
      </c>
      <c r="AR379" s="53">
        <v>0</v>
      </c>
      <c r="AS379" s="53">
        <v>0</v>
      </c>
      <c r="AT379" s="53">
        <v>0</v>
      </c>
      <c r="AU379" s="53">
        <v>0</v>
      </c>
      <c r="AV379" s="53">
        <v>0</v>
      </c>
      <c r="AW379" s="53">
        <v>0</v>
      </c>
      <c r="AX379" s="53">
        <v>0</v>
      </c>
      <c r="AY379" s="53">
        <v>0</v>
      </c>
      <c r="AZ379" s="53">
        <v>0</v>
      </c>
      <c r="BA379" s="53">
        <v>0</v>
      </c>
    </row>
    <row r="380" spans="1:53">
      <c r="A380" s="58" t="s">
        <v>569</v>
      </c>
      <c r="B380" s="134">
        <v>64853010.407900997</v>
      </c>
      <c r="C380" s="134">
        <v>90448025.260989994</v>
      </c>
      <c r="D380" s="134">
        <v>88121205.728891</v>
      </c>
      <c r="E380" s="134">
        <v>85794386.196792006</v>
      </c>
      <c r="F380" s="134">
        <v>83467566.664692998</v>
      </c>
      <c r="G380" s="134">
        <v>81140747.132594004</v>
      </c>
      <c r="H380" s="134">
        <v>78813927.600494996</v>
      </c>
      <c r="I380" s="134">
        <v>76487108.068396002</v>
      </c>
      <c r="J380" s="134">
        <v>74160288.536296993</v>
      </c>
      <c r="K380" s="134">
        <v>71833469.004198</v>
      </c>
      <c r="L380" s="134">
        <v>69506649.472099006</v>
      </c>
      <c r="M380" s="134">
        <v>67179829.939999998</v>
      </c>
      <c r="N380" s="134">
        <v>67179829.939999998</v>
      </c>
      <c r="O380" s="134">
        <v>64748872.6774965</v>
      </c>
      <c r="P380" s="134">
        <v>91489402.565034807</v>
      </c>
      <c r="Q380" s="134">
        <v>89058445.302531302</v>
      </c>
      <c r="R380" s="134">
        <v>86627488.040027797</v>
      </c>
      <c r="S380" s="134">
        <v>84196530.777524397</v>
      </c>
      <c r="T380" s="134">
        <v>81765573.515020907</v>
      </c>
      <c r="U380" s="134">
        <v>79334616.252517402</v>
      </c>
      <c r="V380" s="134">
        <v>76903658.990013897</v>
      </c>
      <c r="W380" s="134">
        <v>74472701.727510393</v>
      </c>
      <c r="X380" s="134">
        <v>72041744.465006903</v>
      </c>
      <c r="Y380" s="134">
        <v>69610787.202503398</v>
      </c>
      <c r="Z380" s="134">
        <v>67179829.939999998</v>
      </c>
      <c r="AA380" s="134">
        <v>67179829.939999998</v>
      </c>
      <c r="AB380" s="134">
        <v>64662507.097435899</v>
      </c>
      <c r="AC380" s="134">
        <v>92353058.365640298</v>
      </c>
      <c r="AD380" s="134">
        <v>89835735.523076296</v>
      </c>
      <c r="AE380" s="134">
        <v>87318412.680512205</v>
      </c>
      <c r="AF380" s="134">
        <v>84801089.837948203</v>
      </c>
      <c r="AG380" s="134">
        <v>82283766.995384201</v>
      </c>
      <c r="AH380" s="134">
        <v>79766444.152820095</v>
      </c>
      <c r="AI380" s="134">
        <v>77249121.310256094</v>
      </c>
      <c r="AJ380" s="134">
        <v>74731798.467692107</v>
      </c>
      <c r="AK380" s="134">
        <v>72214475.625128001</v>
      </c>
      <c r="AL380" s="134">
        <v>69697152.782563999</v>
      </c>
      <c r="AM380" s="134">
        <v>67179829.939999998</v>
      </c>
      <c r="AN380" s="134">
        <v>67179829.939999998</v>
      </c>
      <c r="AO380" s="134">
        <v>64572371.545119002</v>
      </c>
      <c r="AP380" s="134">
        <v>93254413.888809502</v>
      </c>
      <c r="AQ380" s="134">
        <v>90646955.493928507</v>
      </c>
      <c r="AR380" s="134">
        <v>88039497.099047601</v>
      </c>
      <c r="AS380" s="134">
        <v>85432038.704166606</v>
      </c>
      <c r="AT380" s="134">
        <v>82824580.3092857</v>
      </c>
      <c r="AU380" s="134">
        <v>80217121.914404705</v>
      </c>
      <c r="AV380" s="134">
        <v>77609663.519523799</v>
      </c>
      <c r="AW380" s="134">
        <v>75002205.124642804</v>
      </c>
      <c r="AX380" s="134">
        <v>72394746.729761899</v>
      </c>
      <c r="AY380" s="134">
        <v>69787288.334880903</v>
      </c>
      <c r="AZ380" s="134">
        <v>67179829.939999998</v>
      </c>
      <c r="BA380" s="134">
        <v>67179829.939999998</v>
      </c>
    </row>
    <row r="381" spans="1:53">
      <c r="A381" s="52" t="s">
        <v>570</v>
      </c>
    </row>
    <row r="382" spans="1:53">
      <c r="A382" s="57" t="s">
        <v>571</v>
      </c>
    </row>
    <row r="383" spans="1:53">
      <c r="A383" s="52" t="s">
        <v>572</v>
      </c>
      <c r="B383" s="53">
        <v>0</v>
      </c>
      <c r="C383" s="53">
        <v>0</v>
      </c>
      <c r="D383" s="53">
        <v>0</v>
      </c>
      <c r="E383" s="53">
        <v>0</v>
      </c>
      <c r="F383" s="53">
        <v>0</v>
      </c>
      <c r="G383" s="53">
        <v>0</v>
      </c>
      <c r="H383" s="53">
        <v>0</v>
      </c>
      <c r="I383" s="53">
        <v>0</v>
      </c>
      <c r="J383" s="53">
        <v>0</v>
      </c>
      <c r="K383" s="53">
        <v>0</v>
      </c>
      <c r="L383" s="53">
        <v>0</v>
      </c>
      <c r="M383" s="53">
        <v>0</v>
      </c>
      <c r="N383" s="53">
        <v>0</v>
      </c>
      <c r="O383" s="53">
        <v>0</v>
      </c>
      <c r="P383" s="53">
        <v>0</v>
      </c>
      <c r="Q383" s="53">
        <v>0</v>
      </c>
      <c r="R383" s="53">
        <v>0</v>
      </c>
      <c r="S383" s="53">
        <v>0</v>
      </c>
      <c r="T383" s="53">
        <v>0</v>
      </c>
      <c r="U383" s="53">
        <v>0</v>
      </c>
      <c r="V383" s="53">
        <v>0</v>
      </c>
      <c r="W383" s="53">
        <v>0</v>
      </c>
      <c r="X383" s="53">
        <v>0</v>
      </c>
      <c r="Y383" s="53">
        <v>0</v>
      </c>
      <c r="Z383" s="53">
        <v>0</v>
      </c>
      <c r="AA383" s="53">
        <v>0</v>
      </c>
      <c r="AB383" s="53">
        <v>0</v>
      </c>
      <c r="AC383" s="53">
        <v>0</v>
      </c>
      <c r="AD383" s="53">
        <v>0</v>
      </c>
      <c r="AE383" s="53">
        <v>0</v>
      </c>
      <c r="AF383" s="53">
        <v>0</v>
      </c>
      <c r="AG383" s="53">
        <v>0</v>
      </c>
      <c r="AH383" s="53">
        <v>0</v>
      </c>
      <c r="AI383" s="53">
        <v>0</v>
      </c>
      <c r="AJ383" s="53">
        <v>0</v>
      </c>
      <c r="AK383" s="53">
        <v>0</v>
      </c>
      <c r="AL383" s="53">
        <v>0</v>
      </c>
      <c r="AM383" s="53">
        <v>0</v>
      </c>
      <c r="AN383" s="53">
        <v>0</v>
      </c>
      <c r="AO383" s="53">
        <v>0</v>
      </c>
      <c r="AP383" s="53">
        <v>0</v>
      </c>
      <c r="AQ383" s="53">
        <v>0</v>
      </c>
      <c r="AR383" s="53">
        <v>0</v>
      </c>
      <c r="AS383" s="53">
        <v>0</v>
      </c>
      <c r="AT383" s="53">
        <v>0</v>
      </c>
      <c r="AU383" s="53">
        <v>0</v>
      </c>
      <c r="AV383" s="53">
        <v>0</v>
      </c>
      <c r="AW383" s="53">
        <v>0</v>
      </c>
      <c r="AX383" s="53">
        <v>0</v>
      </c>
      <c r="AY383" s="53">
        <v>0</v>
      </c>
      <c r="AZ383" s="53">
        <v>0</v>
      </c>
      <c r="BA383" s="53">
        <v>0</v>
      </c>
    </row>
    <row r="384" spans="1:53">
      <c r="A384" s="52" t="s">
        <v>573</v>
      </c>
      <c r="B384" s="53">
        <v>0</v>
      </c>
      <c r="C384" s="53">
        <v>0</v>
      </c>
      <c r="D384" s="53">
        <v>0</v>
      </c>
      <c r="E384" s="53">
        <v>0</v>
      </c>
      <c r="F384" s="53">
        <v>0</v>
      </c>
      <c r="G384" s="53">
        <v>0</v>
      </c>
      <c r="H384" s="53">
        <v>0</v>
      </c>
      <c r="I384" s="53">
        <v>0</v>
      </c>
      <c r="J384" s="53">
        <v>0</v>
      </c>
      <c r="K384" s="53">
        <v>0</v>
      </c>
      <c r="L384" s="53">
        <v>0</v>
      </c>
      <c r="M384" s="53">
        <v>0</v>
      </c>
      <c r="N384" s="53">
        <v>0</v>
      </c>
      <c r="O384" s="53">
        <v>0</v>
      </c>
      <c r="P384" s="53">
        <v>0</v>
      </c>
      <c r="Q384" s="53">
        <v>0</v>
      </c>
      <c r="R384" s="53">
        <v>0</v>
      </c>
      <c r="S384" s="53">
        <v>0</v>
      </c>
      <c r="T384" s="53">
        <v>0</v>
      </c>
      <c r="U384" s="53">
        <v>0</v>
      </c>
      <c r="V384" s="53">
        <v>0</v>
      </c>
      <c r="W384" s="53">
        <v>0</v>
      </c>
      <c r="X384" s="53">
        <v>0</v>
      </c>
      <c r="Y384" s="53">
        <v>0</v>
      </c>
      <c r="Z384" s="53">
        <v>0</v>
      </c>
      <c r="AA384" s="53">
        <v>0</v>
      </c>
      <c r="AB384" s="53">
        <v>0</v>
      </c>
      <c r="AC384" s="53">
        <v>0</v>
      </c>
      <c r="AD384" s="53">
        <v>0</v>
      </c>
      <c r="AE384" s="53">
        <v>0</v>
      </c>
      <c r="AF384" s="53">
        <v>0</v>
      </c>
      <c r="AG384" s="53">
        <v>0</v>
      </c>
      <c r="AH384" s="53">
        <v>0</v>
      </c>
      <c r="AI384" s="53">
        <v>0</v>
      </c>
      <c r="AJ384" s="53">
        <v>0</v>
      </c>
      <c r="AK384" s="53">
        <v>0</v>
      </c>
      <c r="AL384" s="53">
        <v>0</v>
      </c>
      <c r="AM384" s="53">
        <v>0</v>
      </c>
      <c r="AN384" s="53">
        <v>0</v>
      </c>
      <c r="AO384" s="53">
        <v>0</v>
      </c>
      <c r="AP384" s="53">
        <v>0</v>
      </c>
      <c r="AQ384" s="53">
        <v>0</v>
      </c>
      <c r="AR384" s="53">
        <v>0</v>
      </c>
      <c r="AS384" s="53">
        <v>0</v>
      </c>
      <c r="AT384" s="53">
        <v>0</v>
      </c>
      <c r="AU384" s="53">
        <v>0</v>
      </c>
      <c r="AV384" s="53">
        <v>0</v>
      </c>
      <c r="AW384" s="53">
        <v>0</v>
      </c>
      <c r="AX384" s="53">
        <v>0</v>
      </c>
      <c r="AY384" s="53">
        <v>0</v>
      </c>
      <c r="AZ384" s="53">
        <v>0</v>
      </c>
      <c r="BA384" s="53">
        <v>0</v>
      </c>
    </row>
    <row r="385" spans="1:53">
      <c r="A385" s="58" t="s">
        <v>574</v>
      </c>
      <c r="B385" s="134">
        <v>0</v>
      </c>
      <c r="C385" s="134">
        <v>0</v>
      </c>
      <c r="D385" s="134">
        <v>0</v>
      </c>
      <c r="E385" s="134">
        <v>0</v>
      </c>
      <c r="F385" s="134">
        <v>0</v>
      </c>
      <c r="G385" s="134">
        <v>0</v>
      </c>
      <c r="H385" s="134">
        <v>0</v>
      </c>
      <c r="I385" s="134">
        <v>0</v>
      </c>
      <c r="J385" s="134">
        <v>0</v>
      </c>
      <c r="K385" s="134">
        <v>0</v>
      </c>
      <c r="L385" s="134">
        <v>0</v>
      </c>
      <c r="M385" s="134">
        <v>0</v>
      </c>
      <c r="N385" s="134">
        <v>0</v>
      </c>
      <c r="O385" s="134">
        <v>0</v>
      </c>
      <c r="P385" s="134">
        <v>0</v>
      </c>
      <c r="Q385" s="134">
        <v>0</v>
      </c>
      <c r="R385" s="134">
        <v>0</v>
      </c>
      <c r="S385" s="134">
        <v>0</v>
      </c>
      <c r="T385" s="134">
        <v>0</v>
      </c>
      <c r="U385" s="134">
        <v>0</v>
      </c>
      <c r="V385" s="134">
        <v>0</v>
      </c>
      <c r="W385" s="134">
        <v>0</v>
      </c>
      <c r="X385" s="134">
        <v>0</v>
      </c>
      <c r="Y385" s="134">
        <v>0</v>
      </c>
      <c r="Z385" s="134">
        <v>0</v>
      </c>
      <c r="AA385" s="134">
        <v>0</v>
      </c>
      <c r="AB385" s="134">
        <v>0</v>
      </c>
      <c r="AC385" s="134">
        <v>0</v>
      </c>
      <c r="AD385" s="134">
        <v>0</v>
      </c>
      <c r="AE385" s="134">
        <v>0</v>
      </c>
      <c r="AF385" s="134">
        <v>0</v>
      </c>
      <c r="AG385" s="134">
        <v>0</v>
      </c>
      <c r="AH385" s="134">
        <v>0</v>
      </c>
      <c r="AI385" s="134">
        <v>0</v>
      </c>
      <c r="AJ385" s="134">
        <v>0</v>
      </c>
      <c r="AK385" s="134">
        <v>0</v>
      </c>
      <c r="AL385" s="134">
        <v>0</v>
      </c>
      <c r="AM385" s="134">
        <v>0</v>
      </c>
      <c r="AN385" s="134">
        <v>0</v>
      </c>
      <c r="AO385" s="134">
        <v>0</v>
      </c>
      <c r="AP385" s="134">
        <v>0</v>
      </c>
      <c r="AQ385" s="134">
        <v>0</v>
      </c>
      <c r="AR385" s="134">
        <v>0</v>
      </c>
      <c r="AS385" s="134">
        <v>0</v>
      </c>
      <c r="AT385" s="134">
        <v>0</v>
      </c>
      <c r="AU385" s="134">
        <v>0</v>
      </c>
      <c r="AV385" s="134">
        <v>0</v>
      </c>
      <c r="AW385" s="134">
        <v>0</v>
      </c>
      <c r="AX385" s="134">
        <v>0</v>
      </c>
      <c r="AY385" s="134">
        <v>0</v>
      </c>
      <c r="AZ385" s="134">
        <v>0</v>
      </c>
      <c r="BA385" s="134">
        <v>0</v>
      </c>
    </row>
    <row r="386" spans="1:53">
      <c r="A386" s="52" t="s">
        <v>575</v>
      </c>
    </row>
    <row r="387" spans="1:53">
      <c r="A387" s="57" t="s">
        <v>576</v>
      </c>
    </row>
    <row r="388" spans="1:53">
      <c r="A388" s="52" t="s">
        <v>577</v>
      </c>
      <c r="B388" s="53">
        <v>0</v>
      </c>
      <c r="C388" s="53">
        <v>0</v>
      </c>
      <c r="D388" s="53">
        <v>0</v>
      </c>
      <c r="E388" s="53">
        <v>0</v>
      </c>
      <c r="F388" s="53">
        <v>0</v>
      </c>
      <c r="G388" s="53">
        <v>0</v>
      </c>
      <c r="H388" s="53">
        <v>0</v>
      </c>
      <c r="I388" s="53">
        <v>0</v>
      </c>
      <c r="J388" s="53">
        <v>0</v>
      </c>
      <c r="K388" s="53">
        <v>0</v>
      </c>
      <c r="L388" s="53">
        <v>0</v>
      </c>
      <c r="M388" s="53">
        <v>0</v>
      </c>
      <c r="N388" s="53">
        <v>0</v>
      </c>
      <c r="O388" s="53">
        <v>0</v>
      </c>
      <c r="P388" s="53">
        <v>0</v>
      </c>
      <c r="Q388" s="53">
        <v>0</v>
      </c>
      <c r="R388" s="53">
        <v>0</v>
      </c>
      <c r="S388" s="53">
        <v>0</v>
      </c>
      <c r="T388" s="53">
        <v>0</v>
      </c>
      <c r="U388" s="53">
        <v>0</v>
      </c>
      <c r="V388" s="53">
        <v>0</v>
      </c>
      <c r="W388" s="53">
        <v>0</v>
      </c>
      <c r="X388" s="53">
        <v>0</v>
      </c>
      <c r="Y388" s="53">
        <v>0</v>
      </c>
      <c r="Z388" s="53">
        <v>0</v>
      </c>
      <c r="AA388" s="53">
        <v>0</v>
      </c>
      <c r="AB388" s="53">
        <v>0</v>
      </c>
      <c r="AC388" s="53">
        <v>0</v>
      </c>
      <c r="AD388" s="53">
        <v>0</v>
      </c>
      <c r="AE388" s="53">
        <v>0</v>
      </c>
      <c r="AF388" s="53">
        <v>0</v>
      </c>
      <c r="AG388" s="53">
        <v>0</v>
      </c>
      <c r="AH388" s="53">
        <v>0</v>
      </c>
      <c r="AI388" s="53">
        <v>0</v>
      </c>
      <c r="AJ388" s="53">
        <v>0</v>
      </c>
      <c r="AK388" s="53">
        <v>0</v>
      </c>
      <c r="AL388" s="53">
        <v>0</v>
      </c>
      <c r="AM388" s="53">
        <v>0</v>
      </c>
      <c r="AN388" s="53">
        <v>0</v>
      </c>
      <c r="AO388" s="53">
        <v>0</v>
      </c>
      <c r="AP388" s="53">
        <v>0</v>
      </c>
      <c r="AQ388" s="53">
        <v>0</v>
      </c>
      <c r="AR388" s="53">
        <v>0</v>
      </c>
      <c r="AS388" s="53">
        <v>0</v>
      </c>
      <c r="AT388" s="53">
        <v>0</v>
      </c>
      <c r="AU388" s="53">
        <v>0</v>
      </c>
      <c r="AV388" s="53">
        <v>0</v>
      </c>
      <c r="AW388" s="53">
        <v>0</v>
      </c>
      <c r="AX388" s="53">
        <v>0</v>
      </c>
      <c r="AY388" s="53">
        <v>0</v>
      </c>
      <c r="AZ388" s="53">
        <v>0</v>
      </c>
      <c r="BA388" s="53">
        <v>0</v>
      </c>
    </row>
    <row r="389" spans="1:53">
      <c r="A389" s="52" t="s">
        <v>578</v>
      </c>
      <c r="B389" s="53">
        <v>73536.759999999995</v>
      </c>
      <c r="C389" s="53">
        <v>73536.759999999995</v>
      </c>
      <c r="D389" s="53">
        <v>73536.759999999995</v>
      </c>
      <c r="E389" s="53">
        <v>73536.759999999995</v>
      </c>
      <c r="F389" s="53">
        <v>73536.759999999995</v>
      </c>
      <c r="G389" s="53">
        <v>73536.759999999995</v>
      </c>
      <c r="H389" s="53">
        <v>73536.759999999995</v>
      </c>
      <c r="I389" s="53">
        <v>73536.759999999995</v>
      </c>
      <c r="J389" s="53">
        <v>73536.759999999995</v>
      </c>
      <c r="K389" s="53">
        <v>73536.759999999995</v>
      </c>
      <c r="L389" s="53">
        <v>73536.759999999995</v>
      </c>
      <c r="M389" s="53">
        <v>73536.759999999995</v>
      </c>
      <c r="N389" s="53">
        <v>73536.759999999995</v>
      </c>
      <c r="O389" s="53">
        <v>73536.759999999995</v>
      </c>
      <c r="P389" s="53">
        <v>73536.759999999995</v>
      </c>
      <c r="Q389" s="53">
        <v>73536.759999999995</v>
      </c>
      <c r="R389" s="53">
        <v>73536.759999999995</v>
      </c>
      <c r="S389" s="53">
        <v>73536.759999999995</v>
      </c>
      <c r="T389" s="53">
        <v>73536.759999999995</v>
      </c>
      <c r="U389" s="53">
        <v>73536.759999999995</v>
      </c>
      <c r="V389" s="53">
        <v>73536.759999999995</v>
      </c>
      <c r="W389" s="53">
        <v>73536.759999999995</v>
      </c>
      <c r="X389" s="53">
        <v>73536.759999999995</v>
      </c>
      <c r="Y389" s="53">
        <v>73536.759999999995</v>
      </c>
      <c r="Z389" s="53">
        <v>73536.759999999995</v>
      </c>
      <c r="AA389" s="53">
        <v>73536.759999999995</v>
      </c>
      <c r="AB389" s="53">
        <v>73536.759999999995</v>
      </c>
      <c r="AC389" s="53">
        <v>73536.759999999995</v>
      </c>
      <c r="AD389" s="53">
        <v>73536.759999999995</v>
      </c>
      <c r="AE389" s="53">
        <v>73536.759999999995</v>
      </c>
      <c r="AF389" s="53">
        <v>73536.759999999995</v>
      </c>
      <c r="AG389" s="53">
        <v>73536.759999999995</v>
      </c>
      <c r="AH389" s="53">
        <v>73536.759999999995</v>
      </c>
      <c r="AI389" s="53">
        <v>73536.759999999995</v>
      </c>
      <c r="AJ389" s="53">
        <v>73536.759999999995</v>
      </c>
      <c r="AK389" s="53">
        <v>73536.759999999995</v>
      </c>
      <c r="AL389" s="53">
        <v>73536.759999999995</v>
      </c>
      <c r="AM389" s="53">
        <v>73536.759999999995</v>
      </c>
      <c r="AN389" s="53">
        <v>73536.759999999995</v>
      </c>
      <c r="AO389" s="53">
        <v>73536.759999999995</v>
      </c>
      <c r="AP389" s="53">
        <v>73536.759999999995</v>
      </c>
      <c r="AQ389" s="53">
        <v>73536.759999999995</v>
      </c>
      <c r="AR389" s="53">
        <v>73536.759999999995</v>
      </c>
      <c r="AS389" s="53">
        <v>73536.759999999995</v>
      </c>
      <c r="AT389" s="53">
        <v>73536.759999999995</v>
      </c>
      <c r="AU389" s="53">
        <v>73536.759999999995</v>
      </c>
      <c r="AV389" s="53">
        <v>73536.759999999995</v>
      </c>
      <c r="AW389" s="53">
        <v>73536.759999999995</v>
      </c>
      <c r="AX389" s="53">
        <v>73536.759999999995</v>
      </c>
      <c r="AY389" s="53">
        <v>73536.759999999995</v>
      </c>
      <c r="AZ389" s="53">
        <v>73536.759999999995</v>
      </c>
      <c r="BA389" s="53">
        <v>73536.759999999995</v>
      </c>
    </row>
    <row r="390" spans="1:53">
      <c r="A390" s="58" t="s">
        <v>579</v>
      </c>
      <c r="B390" s="134">
        <v>73536.759999999995</v>
      </c>
      <c r="C390" s="134">
        <v>73536.759999999995</v>
      </c>
      <c r="D390" s="134">
        <v>73536.759999999995</v>
      </c>
      <c r="E390" s="134">
        <v>73536.759999999995</v>
      </c>
      <c r="F390" s="134">
        <v>73536.759999999995</v>
      </c>
      <c r="G390" s="134">
        <v>73536.759999999995</v>
      </c>
      <c r="H390" s="134">
        <v>73536.759999999995</v>
      </c>
      <c r="I390" s="134">
        <v>73536.759999999995</v>
      </c>
      <c r="J390" s="134">
        <v>73536.759999999995</v>
      </c>
      <c r="K390" s="134">
        <v>73536.759999999995</v>
      </c>
      <c r="L390" s="134">
        <v>73536.759999999995</v>
      </c>
      <c r="M390" s="134">
        <v>73536.759999999995</v>
      </c>
      <c r="N390" s="134">
        <v>73536.759999999995</v>
      </c>
      <c r="O390" s="134">
        <v>73536.759999999995</v>
      </c>
      <c r="P390" s="134">
        <v>73536.759999999995</v>
      </c>
      <c r="Q390" s="134">
        <v>73536.759999999995</v>
      </c>
      <c r="R390" s="134">
        <v>73536.759999999995</v>
      </c>
      <c r="S390" s="134">
        <v>73536.759999999995</v>
      </c>
      <c r="T390" s="134">
        <v>73536.759999999995</v>
      </c>
      <c r="U390" s="134">
        <v>73536.759999999995</v>
      </c>
      <c r="V390" s="134">
        <v>73536.759999999995</v>
      </c>
      <c r="W390" s="134">
        <v>73536.759999999995</v>
      </c>
      <c r="X390" s="134">
        <v>73536.759999999995</v>
      </c>
      <c r="Y390" s="134">
        <v>73536.759999999995</v>
      </c>
      <c r="Z390" s="134">
        <v>73536.759999999995</v>
      </c>
      <c r="AA390" s="134">
        <v>73536.759999999995</v>
      </c>
      <c r="AB390" s="134">
        <v>73536.759999999995</v>
      </c>
      <c r="AC390" s="134">
        <v>73536.759999999995</v>
      </c>
      <c r="AD390" s="134">
        <v>73536.759999999995</v>
      </c>
      <c r="AE390" s="134">
        <v>73536.759999999995</v>
      </c>
      <c r="AF390" s="134">
        <v>73536.759999999995</v>
      </c>
      <c r="AG390" s="134">
        <v>73536.759999999995</v>
      </c>
      <c r="AH390" s="134">
        <v>73536.759999999995</v>
      </c>
      <c r="AI390" s="134">
        <v>73536.759999999995</v>
      </c>
      <c r="AJ390" s="134">
        <v>73536.759999999995</v>
      </c>
      <c r="AK390" s="134">
        <v>73536.759999999995</v>
      </c>
      <c r="AL390" s="134">
        <v>73536.759999999995</v>
      </c>
      <c r="AM390" s="134">
        <v>73536.759999999995</v>
      </c>
      <c r="AN390" s="134">
        <v>73536.759999999995</v>
      </c>
      <c r="AO390" s="134">
        <v>73536.759999999995</v>
      </c>
      <c r="AP390" s="134">
        <v>73536.759999999995</v>
      </c>
      <c r="AQ390" s="134">
        <v>73536.759999999995</v>
      </c>
      <c r="AR390" s="134">
        <v>73536.759999999995</v>
      </c>
      <c r="AS390" s="134">
        <v>73536.759999999995</v>
      </c>
      <c r="AT390" s="134">
        <v>73536.759999999995</v>
      </c>
      <c r="AU390" s="134">
        <v>73536.759999999995</v>
      </c>
      <c r="AV390" s="134">
        <v>73536.759999999995</v>
      </c>
      <c r="AW390" s="134">
        <v>73536.759999999995</v>
      </c>
      <c r="AX390" s="134">
        <v>73536.759999999995</v>
      </c>
      <c r="AY390" s="134">
        <v>73536.759999999995</v>
      </c>
      <c r="AZ390" s="134">
        <v>73536.759999999995</v>
      </c>
      <c r="BA390" s="134">
        <v>73536.759999999995</v>
      </c>
    </row>
    <row r="391" spans="1:53">
      <c r="A391" s="52" t="s">
        <v>580</v>
      </c>
    </row>
    <row r="392" spans="1:53">
      <c r="A392" s="57" t="s">
        <v>581</v>
      </c>
    </row>
    <row r="393" spans="1:53">
      <c r="A393" s="52" t="s">
        <v>582</v>
      </c>
      <c r="B393" s="53">
        <v>122821339.26000001</v>
      </c>
      <c r="C393" s="53">
        <v>122821339.26000001</v>
      </c>
      <c r="D393" s="53">
        <v>122821339.26000001</v>
      </c>
      <c r="E393" s="53">
        <v>122821339.26000001</v>
      </c>
      <c r="F393" s="53">
        <v>122821339.26000001</v>
      </c>
      <c r="G393" s="53">
        <v>122821339.26000001</v>
      </c>
      <c r="H393" s="53">
        <v>122821339.26000001</v>
      </c>
      <c r="I393" s="53">
        <v>122821339.26000001</v>
      </c>
      <c r="J393" s="53">
        <v>122821339.26000001</v>
      </c>
      <c r="K393" s="53">
        <v>122821339.26000001</v>
      </c>
      <c r="L393" s="53">
        <v>122821339.26000001</v>
      </c>
      <c r="M393" s="53">
        <v>122821339.26000001</v>
      </c>
      <c r="N393" s="53">
        <v>122821339.26000001</v>
      </c>
      <c r="O393" s="53">
        <v>122821339.26000001</v>
      </c>
      <c r="P393" s="53">
        <v>122821339.26000001</v>
      </c>
      <c r="Q393" s="53">
        <v>122821339.26000001</v>
      </c>
      <c r="R393" s="53">
        <v>122821339.26000001</v>
      </c>
      <c r="S393" s="53">
        <v>122821339.26000001</v>
      </c>
      <c r="T393" s="53">
        <v>122821339.26000001</v>
      </c>
      <c r="U393" s="53">
        <v>122821339.26000001</v>
      </c>
      <c r="V393" s="53">
        <v>122821339.26000001</v>
      </c>
      <c r="W393" s="53">
        <v>122821339.26000001</v>
      </c>
      <c r="X393" s="53">
        <v>122821339.26000001</v>
      </c>
      <c r="Y393" s="53">
        <v>122821339.26000001</v>
      </c>
      <c r="Z393" s="53">
        <v>122821339.26000001</v>
      </c>
      <c r="AA393" s="53">
        <v>122821339.26000001</v>
      </c>
      <c r="AB393" s="53">
        <v>122821339.26000001</v>
      </c>
      <c r="AC393" s="53">
        <v>122821339.26000001</v>
      </c>
      <c r="AD393" s="53">
        <v>122821339.26000001</v>
      </c>
      <c r="AE393" s="53">
        <v>122821339.26000001</v>
      </c>
      <c r="AF393" s="53">
        <v>122821339.26000001</v>
      </c>
      <c r="AG393" s="53">
        <v>122821339.26000001</v>
      </c>
      <c r="AH393" s="53">
        <v>122821339.26000001</v>
      </c>
      <c r="AI393" s="53">
        <v>122821339.26000001</v>
      </c>
      <c r="AJ393" s="53">
        <v>122821339.26000001</v>
      </c>
      <c r="AK393" s="53">
        <v>122821339.26000001</v>
      </c>
      <c r="AL393" s="53">
        <v>122821339.26000001</v>
      </c>
      <c r="AM393" s="53">
        <v>122821339.26000001</v>
      </c>
      <c r="AN393" s="53">
        <v>122821339.26000001</v>
      </c>
      <c r="AO393" s="53">
        <v>122821339.26000001</v>
      </c>
      <c r="AP393" s="53">
        <v>122821339.26000001</v>
      </c>
      <c r="AQ393" s="53">
        <v>122821339.26000001</v>
      </c>
      <c r="AR393" s="53">
        <v>122821339.26000001</v>
      </c>
      <c r="AS393" s="53">
        <v>122821339.26000001</v>
      </c>
      <c r="AT393" s="53">
        <v>122821339.26000001</v>
      </c>
      <c r="AU393" s="53">
        <v>122821339.26000001</v>
      </c>
      <c r="AV393" s="53">
        <v>122821339.26000001</v>
      </c>
      <c r="AW393" s="53">
        <v>122821339.26000001</v>
      </c>
      <c r="AX393" s="53">
        <v>122821339.26000001</v>
      </c>
      <c r="AY393" s="53">
        <v>122821339.26000001</v>
      </c>
      <c r="AZ393" s="53">
        <v>122821339.26000001</v>
      </c>
      <c r="BA393" s="53">
        <v>122821339.26000001</v>
      </c>
    </row>
    <row r="394" spans="1:53">
      <c r="A394" s="52" t="s">
        <v>583</v>
      </c>
      <c r="B394" s="53">
        <v>0</v>
      </c>
      <c r="C394" s="53">
        <v>0</v>
      </c>
      <c r="D394" s="53">
        <v>0</v>
      </c>
      <c r="E394" s="53">
        <v>0</v>
      </c>
      <c r="F394" s="53">
        <v>0</v>
      </c>
      <c r="G394" s="53">
        <v>0</v>
      </c>
      <c r="H394" s="53">
        <v>0</v>
      </c>
      <c r="I394" s="53">
        <v>0</v>
      </c>
      <c r="J394" s="53">
        <v>0</v>
      </c>
      <c r="K394" s="53">
        <v>0</v>
      </c>
      <c r="L394" s="53">
        <v>0</v>
      </c>
      <c r="M394" s="53">
        <v>0</v>
      </c>
      <c r="N394" s="53">
        <v>0</v>
      </c>
      <c r="O394" s="53">
        <v>0</v>
      </c>
      <c r="P394" s="53">
        <v>0</v>
      </c>
      <c r="Q394" s="53">
        <v>0</v>
      </c>
      <c r="R394" s="53">
        <v>0</v>
      </c>
      <c r="S394" s="53">
        <v>0</v>
      </c>
      <c r="T394" s="53">
        <v>0</v>
      </c>
      <c r="U394" s="53">
        <v>0</v>
      </c>
      <c r="V394" s="53">
        <v>0</v>
      </c>
      <c r="W394" s="53">
        <v>0</v>
      </c>
      <c r="X394" s="53">
        <v>0</v>
      </c>
      <c r="Y394" s="53">
        <v>0</v>
      </c>
      <c r="Z394" s="53">
        <v>0</v>
      </c>
      <c r="AA394" s="53">
        <v>0</v>
      </c>
      <c r="AB394" s="53">
        <v>0</v>
      </c>
      <c r="AC394" s="53">
        <v>0</v>
      </c>
      <c r="AD394" s="53">
        <v>0</v>
      </c>
      <c r="AE394" s="53">
        <v>0</v>
      </c>
      <c r="AF394" s="53">
        <v>0</v>
      </c>
      <c r="AG394" s="53">
        <v>0</v>
      </c>
      <c r="AH394" s="53">
        <v>0</v>
      </c>
      <c r="AI394" s="53">
        <v>0</v>
      </c>
      <c r="AJ394" s="53">
        <v>0</v>
      </c>
      <c r="AK394" s="53">
        <v>0</v>
      </c>
      <c r="AL394" s="53">
        <v>0</v>
      </c>
      <c r="AM394" s="53">
        <v>0</v>
      </c>
      <c r="AN394" s="53">
        <v>0</v>
      </c>
      <c r="AO394" s="53">
        <v>0</v>
      </c>
      <c r="AP394" s="53">
        <v>0</v>
      </c>
      <c r="AQ394" s="53">
        <v>0</v>
      </c>
      <c r="AR394" s="53">
        <v>0</v>
      </c>
      <c r="AS394" s="53">
        <v>0</v>
      </c>
      <c r="AT394" s="53">
        <v>0</v>
      </c>
      <c r="AU394" s="53">
        <v>0</v>
      </c>
      <c r="AV394" s="53">
        <v>0</v>
      </c>
      <c r="AW394" s="53">
        <v>0</v>
      </c>
      <c r="AX394" s="53">
        <v>0</v>
      </c>
      <c r="AY394" s="53">
        <v>0</v>
      </c>
      <c r="AZ394" s="53">
        <v>0</v>
      </c>
      <c r="BA394" s="53">
        <v>0</v>
      </c>
    </row>
    <row r="395" spans="1:53">
      <c r="A395" s="58" t="s">
        <v>584</v>
      </c>
      <c r="B395" s="134">
        <v>122821339.26000001</v>
      </c>
      <c r="C395" s="134">
        <v>122821339.26000001</v>
      </c>
      <c r="D395" s="134">
        <v>122821339.26000001</v>
      </c>
      <c r="E395" s="134">
        <v>122821339.26000001</v>
      </c>
      <c r="F395" s="134">
        <v>122821339.26000001</v>
      </c>
      <c r="G395" s="134">
        <v>122821339.26000001</v>
      </c>
      <c r="H395" s="134">
        <v>122821339.26000001</v>
      </c>
      <c r="I395" s="134">
        <v>122821339.26000001</v>
      </c>
      <c r="J395" s="134">
        <v>122821339.26000001</v>
      </c>
      <c r="K395" s="134">
        <v>122821339.26000001</v>
      </c>
      <c r="L395" s="134">
        <v>122821339.26000001</v>
      </c>
      <c r="M395" s="134">
        <v>122821339.26000001</v>
      </c>
      <c r="N395" s="134">
        <v>122821339.26000001</v>
      </c>
      <c r="O395" s="134">
        <v>122821339.26000001</v>
      </c>
      <c r="P395" s="134">
        <v>122821339.26000001</v>
      </c>
      <c r="Q395" s="134">
        <v>122821339.26000001</v>
      </c>
      <c r="R395" s="134">
        <v>122821339.26000001</v>
      </c>
      <c r="S395" s="134">
        <v>122821339.26000001</v>
      </c>
      <c r="T395" s="134">
        <v>122821339.26000001</v>
      </c>
      <c r="U395" s="134">
        <v>122821339.26000001</v>
      </c>
      <c r="V395" s="134">
        <v>122821339.26000001</v>
      </c>
      <c r="W395" s="134">
        <v>122821339.26000001</v>
      </c>
      <c r="X395" s="134">
        <v>122821339.26000001</v>
      </c>
      <c r="Y395" s="134">
        <v>122821339.26000001</v>
      </c>
      <c r="Z395" s="134">
        <v>122821339.26000001</v>
      </c>
      <c r="AA395" s="134">
        <v>122821339.26000001</v>
      </c>
      <c r="AB395" s="134">
        <v>122821339.26000001</v>
      </c>
      <c r="AC395" s="134">
        <v>122821339.26000001</v>
      </c>
      <c r="AD395" s="134">
        <v>122821339.26000001</v>
      </c>
      <c r="AE395" s="134">
        <v>122821339.26000001</v>
      </c>
      <c r="AF395" s="134">
        <v>122821339.26000001</v>
      </c>
      <c r="AG395" s="134">
        <v>122821339.26000001</v>
      </c>
      <c r="AH395" s="134">
        <v>122821339.26000001</v>
      </c>
      <c r="AI395" s="134">
        <v>122821339.26000001</v>
      </c>
      <c r="AJ395" s="134">
        <v>122821339.26000001</v>
      </c>
      <c r="AK395" s="134">
        <v>122821339.26000001</v>
      </c>
      <c r="AL395" s="134">
        <v>122821339.26000001</v>
      </c>
      <c r="AM395" s="134">
        <v>122821339.26000001</v>
      </c>
      <c r="AN395" s="134">
        <v>122821339.26000001</v>
      </c>
      <c r="AO395" s="134">
        <v>122821339.26000001</v>
      </c>
      <c r="AP395" s="134">
        <v>122821339.26000001</v>
      </c>
      <c r="AQ395" s="134">
        <v>122821339.26000001</v>
      </c>
      <c r="AR395" s="134">
        <v>122821339.26000001</v>
      </c>
      <c r="AS395" s="134">
        <v>122821339.26000001</v>
      </c>
      <c r="AT395" s="134">
        <v>122821339.26000001</v>
      </c>
      <c r="AU395" s="134">
        <v>122821339.26000001</v>
      </c>
      <c r="AV395" s="134">
        <v>122821339.26000001</v>
      </c>
      <c r="AW395" s="134">
        <v>122821339.26000001</v>
      </c>
      <c r="AX395" s="134">
        <v>122821339.26000001</v>
      </c>
      <c r="AY395" s="134">
        <v>122821339.26000001</v>
      </c>
      <c r="AZ395" s="134">
        <v>122821339.26000001</v>
      </c>
      <c r="BA395" s="134">
        <v>122821339.26000001</v>
      </c>
    </row>
    <row r="396" spans="1:53">
      <c r="A396" s="52" t="s">
        <v>585</v>
      </c>
    </row>
    <row r="397" spans="1:53">
      <c r="A397" s="57" t="s">
        <v>586</v>
      </c>
    </row>
    <row r="398" spans="1:53">
      <c r="A398" s="52" t="s">
        <v>587</v>
      </c>
      <c r="B398" s="53">
        <v>0</v>
      </c>
      <c r="C398" s="53">
        <v>0</v>
      </c>
      <c r="D398" s="53">
        <v>0</v>
      </c>
      <c r="E398" s="53">
        <v>0</v>
      </c>
      <c r="F398" s="53">
        <v>0</v>
      </c>
      <c r="G398" s="53">
        <v>0</v>
      </c>
      <c r="H398" s="53">
        <v>0</v>
      </c>
      <c r="I398" s="53">
        <v>0</v>
      </c>
      <c r="J398" s="53">
        <v>0</v>
      </c>
      <c r="K398" s="53">
        <v>0</v>
      </c>
      <c r="L398" s="53">
        <v>0</v>
      </c>
      <c r="M398" s="53">
        <v>0</v>
      </c>
      <c r="N398" s="53">
        <v>0</v>
      </c>
      <c r="O398" s="53">
        <v>0</v>
      </c>
      <c r="P398" s="53">
        <v>0</v>
      </c>
      <c r="Q398" s="53">
        <v>0</v>
      </c>
      <c r="R398" s="53">
        <v>0</v>
      </c>
      <c r="S398" s="53">
        <v>0</v>
      </c>
      <c r="T398" s="53">
        <v>0</v>
      </c>
      <c r="U398" s="53">
        <v>0</v>
      </c>
      <c r="V398" s="53">
        <v>0</v>
      </c>
      <c r="W398" s="53">
        <v>0</v>
      </c>
      <c r="X398" s="53">
        <v>0</v>
      </c>
      <c r="Y398" s="53">
        <v>0</v>
      </c>
      <c r="Z398" s="53">
        <v>0</v>
      </c>
      <c r="AA398" s="53">
        <v>0</v>
      </c>
      <c r="AB398" s="53">
        <v>0</v>
      </c>
      <c r="AC398" s="53">
        <v>0</v>
      </c>
      <c r="AD398" s="53">
        <v>0</v>
      </c>
      <c r="AE398" s="53">
        <v>0</v>
      </c>
      <c r="AF398" s="53">
        <v>0</v>
      </c>
      <c r="AG398" s="53">
        <v>0</v>
      </c>
      <c r="AH398" s="53">
        <v>0</v>
      </c>
      <c r="AI398" s="53">
        <v>0</v>
      </c>
      <c r="AJ398" s="53">
        <v>0</v>
      </c>
      <c r="AK398" s="53">
        <v>0</v>
      </c>
      <c r="AL398" s="53">
        <v>0</v>
      </c>
      <c r="AM398" s="53">
        <v>0</v>
      </c>
      <c r="AN398" s="53">
        <v>0</v>
      </c>
      <c r="AO398" s="53">
        <v>0</v>
      </c>
      <c r="AP398" s="53">
        <v>0</v>
      </c>
      <c r="AQ398" s="53">
        <v>0</v>
      </c>
      <c r="AR398" s="53">
        <v>0</v>
      </c>
      <c r="AS398" s="53">
        <v>0</v>
      </c>
      <c r="AT398" s="53">
        <v>0</v>
      </c>
      <c r="AU398" s="53">
        <v>0</v>
      </c>
      <c r="AV398" s="53">
        <v>0</v>
      </c>
      <c r="AW398" s="53">
        <v>0</v>
      </c>
      <c r="AX398" s="53">
        <v>0</v>
      </c>
      <c r="AY398" s="53">
        <v>0</v>
      </c>
      <c r="AZ398" s="53">
        <v>0</v>
      </c>
      <c r="BA398" s="53">
        <v>0</v>
      </c>
    </row>
    <row r="399" spans="1:53">
      <c r="A399" s="52" t="s">
        <v>588</v>
      </c>
      <c r="B399" s="53">
        <v>0</v>
      </c>
      <c r="C399" s="53">
        <v>0</v>
      </c>
      <c r="D399" s="53">
        <v>0</v>
      </c>
      <c r="E399" s="53">
        <v>0</v>
      </c>
      <c r="F399" s="53">
        <v>0</v>
      </c>
      <c r="G399" s="53">
        <v>0</v>
      </c>
      <c r="H399" s="53">
        <v>0</v>
      </c>
      <c r="I399" s="53">
        <v>0</v>
      </c>
      <c r="J399" s="53">
        <v>0</v>
      </c>
      <c r="K399" s="53">
        <v>0</v>
      </c>
      <c r="L399" s="53">
        <v>0</v>
      </c>
      <c r="M399" s="53">
        <v>0</v>
      </c>
      <c r="N399" s="53">
        <v>0</v>
      </c>
      <c r="O399" s="53">
        <v>0</v>
      </c>
      <c r="P399" s="53">
        <v>0</v>
      </c>
      <c r="Q399" s="53">
        <v>0</v>
      </c>
      <c r="R399" s="53">
        <v>0</v>
      </c>
      <c r="S399" s="53">
        <v>0</v>
      </c>
      <c r="T399" s="53">
        <v>0</v>
      </c>
      <c r="U399" s="53">
        <v>0</v>
      </c>
      <c r="V399" s="53">
        <v>0</v>
      </c>
      <c r="W399" s="53">
        <v>0</v>
      </c>
      <c r="X399" s="53">
        <v>0</v>
      </c>
      <c r="Y399" s="53">
        <v>0</v>
      </c>
      <c r="Z399" s="53">
        <v>0</v>
      </c>
      <c r="AA399" s="53">
        <v>0</v>
      </c>
      <c r="AB399" s="53">
        <v>0</v>
      </c>
      <c r="AC399" s="53">
        <v>0</v>
      </c>
      <c r="AD399" s="53">
        <v>0</v>
      </c>
      <c r="AE399" s="53">
        <v>0</v>
      </c>
      <c r="AF399" s="53">
        <v>0</v>
      </c>
      <c r="AG399" s="53">
        <v>0</v>
      </c>
      <c r="AH399" s="53">
        <v>0</v>
      </c>
      <c r="AI399" s="53">
        <v>0</v>
      </c>
      <c r="AJ399" s="53">
        <v>0</v>
      </c>
      <c r="AK399" s="53">
        <v>0</v>
      </c>
      <c r="AL399" s="53">
        <v>0</v>
      </c>
      <c r="AM399" s="53">
        <v>0</v>
      </c>
      <c r="AN399" s="53">
        <v>0</v>
      </c>
      <c r="AO399" s="53">
        <v>0</v>
      </c>
      <c r="AP399" s="53">
        <v>0</v>
      </c>
      <c r="AQ399" s="53">
        <v>0</v>
      </c>
      <c r="AR399" s="53">
        <v>0</v>
      </c>
      <c r="AS399" s="53">
        <v>0</v>
      </c>
      <c r="AT399" s="53">
        <v>0</v>
      </c>
      <c r="AU399" s="53">
        <v>0</v>
      </c>
      <c r="AV399" s="53">
        <v>0</v>
      </c>
      <c r="AW399" s="53">
        <v>0</v>
      </c>
      <c r="AX399" s="53">
        <v>0</v>
      </c>
      <c r="AY399" s="53">
        <v>0</v>
      </c>
      <c r="AZ399" s="53">
        <v>0</v>
      </c>
      <c r="BA399" s="53">
        <v>0</v>
      </c>
    </row>
    <row r="400" spans="1:53">
      <c r="A400" s="52" t="s">
        <v>589</v>
      </c>
      <c r="B400" s="53">
        <v>7.2759576141834206E-8</v>
      </c>
      <c r="C400" s="53">
        <v>1.01863406598567E-7</v>
      </c>
      <c r="D400" s="53">
        <v>1.5279510989785099E-7</v>
      </c>
      <c r="E400" s="53">
        <v>1.01863406598567E-7</v>
      </c>
      <c r="F400" s="53">
        <v>1.30967237055301E-7</v>
      </c>
      <c r="G400" s="53">
        <v>1.8917489796876899E-7</v>
      </c>
      <c r="H400" s="53">
        <v>2.1827872842550201E-7</v>
      </c>
      <c r="I400" s="53">
        <v>2.2555468603968599E-7</v>
      </c>
      <c r="J400" s="53">
        <v>3.2741809263825401E-7</v>
      </c>
      <c r="K400" s="53">
        <v>3.92901711165905E-7</v>
      </c>
      <c r="L400" s="53">
        <v>4.6566128730773899E-7</v>
      </c>
      <c r="M400" s="53">
        <v>4.00177668780088E-7</v>
      </c>
      <c r="N400" s="53">
        <v>4.00177668780088E-7</v>
      </c>
      <c r="O400" s="53">
        <v>4.3473846744745901E-7</v>
      </c>
      <c r="P400" s="53">
        <v>3.2378011383116198E-7</v>
      </c>
      <c r="Q400" s="53">
        <v>3.2923708204180002E-7</v>
      </c>
      <c r="R400" s="53">
        <v>3.6379788070917098E-7</v>
      </c>
      <c r="S400" s="53">
        <v>2.52839527092874E-7</v>
      </c>
      <c r="T400" s="53">
        <v>1.4188117347657601E-7</v>
      </c>
      <c r="U400" s="53">
        <v>1.76441972143948E-7</v>
      </c>
      <c r="V400" s="53">
        <v>2.40106601268053E-7</v>
      </c>
      <c r="W400" s="53">
        <v>1.5825207810848901E-7</v>
      </c>
      <c r="X400" s="53">
        <v>4.7748471843078699E-8</v>
      </c>
      <c r="Y400" s="53">
        <v>1.2596501619555001E-7</v>
      </c>
      <c r="Z400" s="53">
        <v>1.6416379367001299E-7</v>
      </c>
      <c r="AA400" s="53">
        <v>1.6416379367001299E-7</v>
      </c>
      <c r="AB400" s="53">
        <v>2.37681282063042E-7</v>
      </c>
      <c r="AC400" s="53">
        <v>1.22023872487303E-7</v>
      </c>
      <c r="AD400" s="53">
        <v>7.9126039053397697E-8</v>
      </c>
      <c r="AE400" s="53">
        <v>1.52643527446427E-7</v>
      </c>
      <c r="AF400" s="53">
        <v>1.67953354925989E-7</v>
      </c>
      <c r="AG400" s="53">
        <v>9.5951691035349797E-8</v>
      </c>
      <c r="AH400" s="53">
        <v>1.7037867413015199E-7</v>
      </c>
      <c r="AI400" s="53">
        <v>2.14792332066447E-7</v>
      </c>
      <c r="AJ400" s="53">
        <v>1.42790668175808E-7</v>
      </c>
      <c r="AK400" s="53">
        <v>7.0789004285169405E-8</v>
      </c>
      <c r="AL400" s="53">
        <v>8.6098831764731406E-8</v>
      </c>
      <c r="AM400" s="53">
        <v>1.45064404929393E-7</v>
      </c>
      <c r="AN400" s="53">
        <v>1.45064404929393E-7</v>
      </c>
      <c r="AO400" s="53">
        <v>1.7228608662866799E-7</v>
      </c>
      <c r="AP400" s="53">
        <v>1.9950776832794201E-7</v>
      </c>
      <c r="AQ400" s="53">
        <v>2.99489026169051E-7</v>
      </c>
      <c r="AR400" s="53">
        <v>2.1029538604139099E-7</v>
      </c>
      <c r="AS400" s="53">
        <v>2.95724728654133E-7</v>
      </c>
      <c r="AT400" s="53">
        <v>2.06531088526473E-7</v>
      </c>
      <c r="AU400" s="53">
        <v>2.0464893976901299E-7</v>
      </c>
      <c r="AV400" s="53">
        <v>8.6351469184619894E-8</v>
      </c>
      <c r="AW400" s="53">
        <v>2.00884642254095E-7</v>
      </c>
      <c r="AX400" s="53">
        <v>2.8631398486683697E-7</v>
      </c>
      <c r="AY400" s="53">
        <v>3.7174332747957901E-7</v>
      </c>
      <c r="AZ400" s="53">
        <v>3.4075734826538601E-7</v>
      </c>
      <c r="BA400" s="53">
        <v>3.4075734826538601E-7</v>
      </c>
    </row>
    <row r="401" spans="1:53">
      <c r="A401" s="52" t="s">
        <v>590</v>
      </c>
      <c r="B401" s="53">
        <v>0</v>
      </c>
      <c r="C401" s="53">
        <v>0</v>
      </c>
      <c r="D401" s="53">
        <v>0</v>
      </c>
      <c r="E401" s="53">
        <v>0</v>
      </c>
      <c r="F401" s="53">
        <v>0</v>
      </c>
      <c r="G401" s="53">
        <v>0</v>
      </c>
      <c r="H401" s="53">
        <v>0</v>
      </c>
      <c r="I401" s="53">
        <v>0</v>
      </c>
      <c r="J401" s="53">
        <v>0</v>
      </c>
      <c r="K401" s="53">
        <v>0</v>
      </c>
      <c r="L401" s="53">
        <v>0</v>
      </c>
      <c r="M401" s="53">
        <v>0</v>
      </c>
      <c r="N401" s="53">
        <v>0</v>
      </c>
      <c r="O401" s="53">
        <v>0</v>
      </c>
      <c r="P401" s="53">
        <v>0</v>
      </c>
      <c r="Q401" s="53">
        <v>0</v>
      </c>
      <c r="R401" s="53">
        <v>0</v>
      </c>
      <c r="S401" s="53">
        <v>0</v>
      </c>
      <c r="T401" s="53">
        <v>0</v>
      </c>
      <c r="U401" s="53">
        <v>0</v>
      </c>
      <c r="V401" s="53">
        <v>0</v>
      </c>
      <c r="W401" s="53">
        <v>0</v>
      </c>
      <c r="X401" s="53">
        <v>0</v>
      </c>
      <c r="Y401" s="53">
        <v>0</v>
      </c>
      <c r="Z401" s="53">
        <v>0</v>
      </c>
      <c r="AA401" s="53">
        <v>0</v>
      </c>
      <c r="AB401" s="53">
        <v>0</v>
      </c>
      <c r="AC401" s="53">
        <v>0</v>
      </c>
      <c r="AD401" s="53">
        <v>0</v>
      </c>
      <c r="AE401" s="53">
        <v>0</v>
      </c>
      <c r="AF401" s="53">
        <v>0</v>
      </c>
      <c r="AG401" s="53">
        <v>0</v>
      </c>
      <c r="AH401" s="53">
        <v>0</v>
      </c>
      <c r="AI401" s="53">
        <v>0</v>
      </c>
      <c r="AJ401" s="53">
        <v>0</v>
      </c>
      <c r="AK401" s="53">
        <v>0</v>
      </c>
      <c r="AL401" s="53">
        <v>0</v>
      </c>
      <c r="AM401" s="53">
        <v>0</v>
      </c>
      <c r="AN401" s="53">
        <v>0</v>
      </c>
      <c r="AO401" s="53">
        <v>0</v>
      </c>
      <c r="AP401" s="53">
        <v>0</v>
      </c>
      <c r="AQ401" s="53">
        <v>0</v>
      </c>
      <c r="AR401" s="53">
        <v>0</v>
      </c>
      <c r="AS401" s="53">
        <v>0</v>
      </c>
      <c r="AT401" s="53">
        <v>0</v>
      </c>
      <c r="AU401" s="53">
        <v>0</v>
      </c>
      <c r="AV401" s="53">
        <v>0</v>
      </c>
      <c r="AW401" s="53">
        <v>0</v>
      </c>
      <c r="AX401" s="53">
        <v>0</v>
      </c>
      <c r="AY401" s="53">
        <v>0</v>
      </c>
      <c r="AZ401" s="53">
        <v>0</v>
      </c>
      <c r="BA401" s="53">
        <v>0</v>
      </c>
    </row>
    <row r="402" spans="1:53">
      <c r="A402" s="58" t="s">
        <v>591</v>
      </c>
      <c r="B402" s="134">
        <v>7.2759576141834206E-8</v>
      </c>
      <c r="C402" s="134">
        <v>1.01863406598567E-7</v>
      </c>
      <c r="D402" s="134">
        <v>1.5279510989785099E-7</v>
      </c>
      <c r="E402" s="134">
        <v>1.01863406598567E-7</v>
      </c>
      <c r="F402" s="134">
        <v>1.30967237055301E-7</v>
      </c>
      <c r="G402" s="134">
        <v>1.8917489796876899E-7</v>
      </c>
      <c r="H402" s="134">
        <v>2.1827872842550201E-7</v>
      </c>
      <c r="I402" s="134">
        <v>2.2555468603968599E-7</v>
      </c>
      <c r="J402" s="134">
        <v>3.2741809263825401E-7</v>
      </c>
      <c r="K402" s="134">
        <v>3.92901711165905E-7</v>
      </c>
      <c r="L402" s="134">
        <v>4.6566128730773899E-7</v>
      </c>
      <c r="M402" s="134">
        <v>4.00177668780088E-7</v>
      </c>
      <c r="N402" s="134">
        <v>4.00177668780088E-7</v>
      </c>
      <c r="O402" s="134">
        <v>4.3473846744745901E-7</v>
      </c>
      <c r="P402" s="134">
        <v>3.2378011383116198E-7</v>
      </c>
      <c r="Q402" s="134">
        <v>3.2923708204180002E-7</v>
      </c>
      <c r="R402" s="134">
        <v>3.6379788070917098E-7</v>
      </c>
      <c r="S402" s="134">
        <v>2.52839527092874E-7</v>
      </c>
      <c r="T402" s="134">
        <v>1.4188117347657601E-7</v>
      </c>
      <c r="U402" s="134">
        <v>1.76441972143948E-7</v>
      </c>
      <c r="V402" s="134">
        <v>2.40106601268053E-7</v>
      </c>
      <c r="W402" s="134">
        <v>1.5825207810848901E-7</v>
      </c>
      <c r="X402" s="134">
        <v>4.7748471843078699E-8</v>
      </c>
      <c r="Y402" s="134">
        <v>1.2596501619555001E-7</v>
      </c>
      <c r="Z402" s="134">
        <v>1.6416379367001299E-7</v>
      </c>
      <c r="AA402" s="134">
        <v>1.6416379367001299E-7</v>
      </c>
      <c r="AB402" s="134">
        <v>2.37681282063042E-7</v>
      </c>
      <c r="AC402" s="134">
        <v>1.22023872487303E-7</v>
      </c>
      <c r="AD402" s="134">
        <v>7.9126039053397697E-8</v>
      </c>
      <c r="AE402" s="134">
        <v>1.52643527446427E-7</v>
      </c>
      <c r="AF402" s="134">
        <v>1.67953354925989E-7</v>
      </c>
      <c r="AG402" s="134">
        <v>9.5951691035349797E-8</v>
      </c>
      <c r="AH402" s="134">
        <v>1.7037867413015199E-7</v>
      </c>
      <c r="AI402" s="134">
        <v>2.14792332066447E-7</v>
      </c>
      <c r="AJ402" s="134">
        <v>1.42790668175808E-7</v>
      </c>
      <c r="AK402" s="134">
        <v>7.0789004285169405E-8</v>
      </c>
      <c r="AL402" s="134">
        <v>8.6098831764731406E-8</v>
      </c>
      <c r="AM402" s="134">
        <v>1.45064404929393E-7</v>
      </c>
      <c r="AN402" s="134">
        <v>1.45064404929393E-7</v>
      </c>
      <c r="AO402" s="134">
        <v>1.7228608662866799E-7</v>
      </c>
      <c r="AP402" s="134">
        <v>1.9950776832794201E-7</v>
      </c>
      <c r="AQ402" s="134">
        <v>2.99489026169051E-7</v>
      </c>
      <c r="AR402" s="134">
        <v>2.1029538604139099E-7</v>
      </c>
      <c r="AS402" s="134">
        <v>2.95724728654133E-7</v>
      </c>
      <c r="AT402" s="134">
        <v>2.06531088526473E-7</v>
      </c>
      <c r="AU402" s="134">
        <v>2.0464893976901299E-7</v>
      </c>
      <c r="AV402" s="134">
        <v>8.6351469184619894E-8</v>
      </c>
      <c r="AW402" s="134">
        <v>2.00884642254095E-7</v>
      </c>
      <c r="AX402" s="134">
        <v>2.8631398486683697E-7</v>
      </c>
      <c r="AY402" s="134">
        <v>3.7174332747957901E-7</v>
      </c>
      <c r="AZ402" s="134">
        <v>3.4075734826538601E-7</v>
      </c>
      <c r="BA402" s="134">
        <v>3.4075734826538601E-7</v>
      </c>
    </row>
    <row r="403" spans="1:53">
      <c r="A403" s="52" t="s">
        <v>592</v>
      </c>
    </row>
    <row r="404" spans="1:53">
      <c r="A404" s="57" t="s">
        <v>593</v>
      </c>
    </row>
    <row r="405" spans="1:53">
      <c r="A405" s="52" t="s">
        <v>594</v>
      </c>
      <c r="B405" s="53">
        <v>17162290.379999999</v>
      </c>
      <c r="C405" s="53">
        <v>17162290.379999999</v>
      </c>
      <c r="D405" s="53">
        <v>17162290.379999999</v>
      </c>
      <c r="E405" s="53">
        <v>17162290.379999999</v>
      </c>
      <c r="F405" s="53">
        <v>17162290.379999999</v>
      </c>
      <c r="G405" s="53">
        <v>17162290.379999999</v>
      </c>
      <c r="H405" s="53">
        <v>17162290.379999999</v>
      </c>
      <c r="I405" s="53">
        <v>17162290.379999999</v>
      </c>
      <c r="J405" s="53">
        <v>17162290.379999999</v>
      </c>
      <c r="K405" s="53">
        <v>17162290.379999999</v>
      </c>
      <c r="L405" s="53">
        <v>17162290.379999999</v>
      </c>
      <c r="M405" s="53">
        <v>17162290.379999999</v>
      </c>
      <c r="N405" s="53">
        <v>17162290.379999999</v>
      </c>
      <c r="O405" s="53">
        <v>17162290.379999999</v>
      </c>
      <c r="P405" s="53">
        <v>17162290.379999999</v>
      </c>
      <c r="Q405" s="53">
        <v>17162290.379999999</v>
      </c>
      <c r="R405" s="53">
        <v>17162290.379999999</v>
      </c>
      <c r="S405" s="53">
        <v>17162290.379999999</v>
      </c>
      <c r="T405" s="53">
        <v>17162290.379999999</v>
      </c>
      <c r="U405" s="53">
        <v>17162290.379999999</v>
      </c>
      <c r="V405" s="53">
        <v>17162290.379999999</v>
      </c>
      <c r="W405" s="53">
        <v>17162290.379999999</v>
      </c>
      <c r="X405" s="53">
        <v>17162290.379999999</v>
      </c>
      <c r="Y405" s="53">
        <v>17162290.379999999</v>
      </c>
      <c r="Z405" s="53">
        <v>17162290.379999999</v>
      </c>
      <c r="AA405" s="53">
        <v>17162290.379999999</v>
      </c>
      <c r="AB405" s="53">
        <v>17162290.379999999</v>
      </c>
      <c r="AC405" s="53">
        <v>17162290.379999999</v>
      </c>
      <c r="AD405" s="53">
        <v>17162290.379999999</v>
      </c>
      <c r="AE405" s="53">
        <v>17162290.379999999</v>
      </c>
      <c r="AF405" s="53">
        <v>17162290.379999999</v>
      </c>
      <c r="AG405" s="53">
        <v>17162290.379999999</v>
      </c>
      <c r="AH405" s="53">
        <v>17162290.379999999</v>
      </c>
      <c r="AI405" s="53">
        <v>17162290.379999999</v>
      </c>
      <c r="AJ405" s="53">
        <v>17162290.379999999</v>
      </c>
      <c r="AK405" s="53">
        <v>17162290.379999999</v>
      </c>
      <c r="AL405" s="53">
        <v>17162290.379999999</v>
      </c>
      <c r="AM405" s="53">
        <v>17162290.379999999</v>
      </c>
      <c r="AN405" s="53">
        <v>17162290.379999999</v>
      </c>
      <c r="AO405" s="53">
        <v>17162290.379999999</v>
      </c>
      <c r="AP405" s="53">
        <v>17162290.379999999</v>
      </c>
      <c r="AQ405" s="53">
        <v>17162290.379999999</v>
      </c>
      <c r="AR405" s="53">
        <v>17162290.379999999</v>
      </c>
      <c r="AS405" s="53">
        <v>17162290.379999999</v>
      </c>
      <c r="AT405" s="53">
        <v>17162290.379999999</v>
      </c>
      <c r="AU405" s="53">
        <v>17162290.379999999</v>
      </c>
      <c r="AV405" s="53">
        <v>17162290.379999999</v>
      </c>
      <c r="AW405" s="53">
        <v>17162290.379999999</v>
      </c>
      <c r="AX405" s="53">
        <v>17162290.379999999</v>
      </c>
      <c r="AY405" s="53">
        <v>17162290.379999999</v>
      </c>
      <c r="AZ405" s="53">
        <v>17162290.379999999</v>
      </c>
      <c r="BA405" s="53">
        <v>17162290.379999999</v>
      </c>
    </row>
    <row r="406" spans="1:53">
      <c r="A406" s="52" t="s">
        <v>595</v>
      </c>
      <c r="B406" s="53">
        <v>0</v>
      </c>
      <c r="C406" s="53">
        <v>0</v>
      </c>
      <c r="D406" s="53">
        <v>0</v>
      </c>
      <c r="E406" s="53">
        <v>0</v>
      </c>
      <c r="F406" s="53">
        <v>0</v>
      </c>
      <c r="G406" s="53">
        <v>0</v>
      </c>
      <c r="H406" s="53">
        <v>0</v>
      </c>
      <c r="I406" s="53">
        <v>0</v>
      </c>
      <c r="J406" s="53">
        <v>0</v>
      </c>
      <c r="K406" s="53">
        <v>0</v>
      </c>
      <c r="L406" s="53">
        <v>0</v>
      </c>
      <c r="M406" s="53">
        <v>0</v>
      </c>
      <c r="N406" s="53">
        <v>0</v>
      </c>
      <c r="O406" s="53">
        <v>0</v>
      </c>
      <c r="P406" s="53">
        <v>0</v>
      </c>
      <c r="Q406" s="53">
        <v>0</v>
      </c>
      <c r="R406" s="53">
        <v>0</v>
      </c>
      <c r="S406" s="53">
        <v>0</v>
      </c>
      <c r="T406" s="53">
        <v>0</v>
      </c>
      <c r="U406" s="53">
        <v>0</v>
      </c>
      <c r="V406" s="53">
        <v>0</v>
      </c>
      <c r="W406" s="53">
        <v>0</v>
      </c>
      <c r="X406" s="53">
        <v>0</v>
      </c>
      <c r="Y406" s="53">
        <v>0</v>
      </c>
      <c r="Z406" s="53">
        <v>0</v>
      </c>
      <c r="AA406" s="53">
        <v>0</v>
      </c>
      <c r="AB406" s="53">
        <v>0</v>
      </c>
      <c r="AC406" s="53">
        <v>0</v>
      </c>
      <c r="AD406" s="53">
        <v>0</v>
      </c>
      <c r="AE406" s="53">
        <v>0</v>
      </c>
      <c r="AF406" s="53">
        <v>0</v>
      </c>
      <c r="AG406" s="53">
        <v>0</v>
      </c>
      <c r="AH406" s="53">
        <v>0</v>
      </c>
      <c r="AI406" s="53">
        <v>0</v>
      </c>
      <c r="AJ406" s="53">
        <v>0</v>
      </c>
      <c r="AK406" s="53">
        <v>0</v>
      </c>
      <c r="AL406" s="53">
        <v>0</v>
      </c>
      <c r="AM406" s="53">
        <v>0</v>
      </c>
      <c r="AN406" s="53">
        <v>0</v>
      </c>
      <c r="AO406" s="53">
        <v>0</v>
      </c>
      <c r="AP406" s="53">
        <v>0</v>
      </c>
      <c r="AQ406" s="53">
        <v>0</v>
      </c>
      <c r="AR406" s="53">
        <v>0</v>
      </c>
      <c r="AS406" s="53">
        <v>0</v>
      </c>
      <c r="AT406" s="53">
        <v>0</v>
      </c>
      <c r="AU406" s="53">
        <v>0</v>
      </c>
      <c r="AV406" s="53">
        <v>0</v>
      </c>
      <c r="AW406" s="53">
        <v>0</v>
      </c>
      <c r="AX406" s="53">
        <v>0</v>
      </c>
      <c r="AY406" s="53">
        <v>0</v>
      </c>
      <c r="AZ406" s="53">
        <v>0</v>
      </c>
      <c r="BA406" s="53">
        <v>0</v>
      </c>
    </row>
    <row r="407" spans="1:53">
      <c r="A407" s="52" t="s">
        <v>596</v>
      </c>
    </row>
    <row r="408" spans="1:53">
      <c r="A408" s="57" t="s">
        <v>597</v>
      </c>
    </row>
    <row r="409" spans="1:53">
      <c r="A409" s="52" t="s">
        <v>598</v>
      </c>
      <c r="B409" s="53">
        <v>0</v>
      </c>
      <c r="C409" s="53">
        <v>0</v>
      </c>
      <c r="D409" s="53">
        <v>0</v>
      </c>
      <c r="E409" s="53">
        <v>0</v>
      </c>
      <c r="F409" s="53">
        <v>0</v>
      </c>
      <c r="G409" s="53">
        <v>0</v>
      </c>
      <c r="H409" s="53">
        <v>0</v>
      </c>
      <c r="I409" s="53">
        <v>0</v>
      </c>
      <c r="J409" s="53">
        <v>0</v>
      </c>
      <c r="K409" s="53">
        <v>0</v>
      </c>
      <c r="L409" s="53">
        <v>0</v>
      </c>
      <c r="M409" s="53">
        <v>0</v>
      </c>
      <c r="N409" s="53">
        <v>0</v>
      </c>
      <c r="O409" s="53">
        <v>0</v>
      </c>
      <c r="P409" s="53">
        <v>0</v>
      </c>
      <c r="Q409" s="53">
        <v>0</v>
      </c>
      <c r="R409" s="53">
        <v>0</v>
      </c>
      <c r="S409" s="53">
        <v>0</v>
      </c>
      <c r="T409" s="53">
        <v>0</v>
      </c>
      <c r="U409" s="53">
        <v>0</v>
      </c>
      <c r="V409" s="53">
        <v>0</v>
      </c>
      <c r="W409" s="53">
        <v>0</v>
      </c>
      <c r="X409" s="53">
        <v>0</v>
      </c>
      <c r="Y409" s="53">
        <v>0</v>
      </c>
      <c r="Z409" s="53">
        <v>0</v>
      </c>
      <c r="AA409" s="53">
        <v>0</v>
      </c>
      <c r="AB409" s="53">
        <v>0</v>
      </c>
      <c r="AC409" s="53">
        <v>0</v>
      </c>
      <c r="AD409" s="53">
        <v>0</v>
      </c>
      <c r="AE409" s="53">
        <v>0</v>
      </c>
      <c r="AF409" s="53">
        <v>0</v>
      </c>
      <c r="AG409" s="53">
        <v>0</v>
      </c>
      <c r="AH409" s="53">
        <v>0</v>
      </c>
      <c r="AI409" s="53">
        <v>0</v>
      </c>
      <c r="AJ409" s="53">
        <v>0</v>
      </c>
      <c r="AK409" s="53">
        <v>0</v>
      </c>
      <c r="AL409" s="53">
        <v>0</v>
      </c>
      <c r="AM409" s="53">
        <v>0</v>
      </c>
      <c r="AN409" s="53">
        <v>0</v>
      </c>
      <c r="AO409" s="53">
        <v>0</v>
      </c>
      <c r="AP409" s="53">
        <v>0</v>
      </c>
      <c r="AQ409" s="53">
        <v>0</v>
      </c>
      <c r="AR409" s="53">
        <v>0</v>
      </c>
      <c r="AS409" s="53">
        <v>0</v>
      </c>
      <c r="AT409" s="53">
        <v>0</v>
      </c>
      <c r="AU409" s="53">
        <v>0</v>
      </c>
      <c r="AV409" s="53">
        <v>0</v>
      </c>
      <c r="AW409" s="53">
        <v>0</v>
      </c>
      <c r="AX409" s="53">
        <v>0</v>
      </c>
      <c r="AY409" s="53">
        <v>0</v>
      </c>
      <c r="AZ409" s="53">
        <v>0</v>
      </c>
      <c r="BA409" s="53">
        <v>0</v>
      </c>
    </row>
    <row r="410" spans="1:53">
      <c r="A410" s="52" t="s">
        <v>599</v>
      </c>
      <c r="B410" s="53">
        <v>0</v>
      </c>
      <c r="C410" s="53">
        <v>0</v>
      </c>
      <c r="D410" s="53">
        <v>0</v>
      </c>
      <c r="E410" s="53">
        <v>0</v>
      </c>
      <c r="F410" s="53">
        <v>0</v>
      </c>
      <c r="G410" s="53">
        <v>0</v>
      </c>
      <c r="H410" s="53">
        <v>0</v>
      </c>
      <c r="I410" s="53">
        <v>0</v>
      </c>
      <c r="J410" s="53">
        <v>0</v>
      </c>
      <c r="K410" s="53">
        <v>0</v>
      </c>
      <c r="L410" s="53">
        <v>0</v>
      </c>
      <c r="M410" s="53">
        <v>0</v>
      </c>
      <c r="N410" s="53">
        <v>0</v>
      </c>
      <c r="O410" s="53">
        <v>0</v>
      </c>
      <c r="P410" s="53">
        <v>0</v>
      </c>
      <c r="Q410" s="53">
        <v>0</v>
      </c>
      <c r="R410" s="53">
        <v>0</v>
      </c>
      <c r="S410" s="53">
        <v>0</v>
      </c>
      <c r="T410" s="53">
        <v>0</v>
      </c>
      <c r="U410" s="53">
        <v>0</v>
      </c>
      <c r="V410" s="53">
        <v>0</v>
      </c>
      <c r="W410" s="53">
        <v>0</v>
      </c>
      <c r="X410" s="53">
        <v>0</v>
      </c>
      <c r="Y410" s="53">
        <v>0</v>
      </c>
      <c r="Z410" s="53">
        <v>0</v>
      </c>
      <c r="AA410" s="53">
        <v>0</v>
      </c>
      <c r="AB410" s="53">
        <v>0</v>
      </c>
      <c r="AC410" s="53">
        <v>0</v>
      </c>
      <c r="AD410" s="53">
        <v>0</v>
      </c>
      <c r="AE410" s="53">
        <v>0</v>
      </c>
      <c r="AF410" s="53">
        <v>0</v>
      </c>
      <c r="AG410" s="53">
        <v>0</v>
      </c>
      <c r="AH410" s="53">
        <v>0</v>
      </c>
      <c r="AI410" s="53">
        <v>0</v>
      </c>
      <c r="AJ410" s="53">
        <v>0</v>
      </c>
      <c r="AK410" s="53">
        <v>0</v>
      </c>
      <c r="AL410" s="53">
        <v>0</v>
      </c>
      <c r="AM410" s="53">
        <v>0</v>
      </c>
      <c r="AN410" s="53">
        <v>0</v>
      </c>
      <c r="AO410" s="53">
        <v>0</v>
      </c>
      <c r="AP410" s="53">
        <v>0</v>
      </c>
      <c r="AQ410" s="53">
        <v>0</v>
      </c>
      <c r="AR410" s="53">
        <v>0</v>
      </c>
      <c r="AS410" s="53">
        <v>0</v>
      </c>
      <c r="AT410" s="53">
        <v>0</v>
      </c>
      <c r="AU410" s="53">
        <v>0</v>
      </c>
      <c r="AV410" s="53">
        <v>0</v>
      </c>
      <c r="AW410" s="53">
        <v>0</v>
      </c>
      <c r="AX410" s="53">
        <v>0</v>
      </c>
      <c r="AY410" s="53">
        <v>0</v>
      </c>
      <c r="AZ410" s="53">
        <v>0</v>
      </c>
      <c r="BA410" s="53">
        <v>0</v>
      </c>
    </row>
    <row r="411" spans="1:53">
      <c r="A411" s="52" t="s">
        <v>600</v>
      </c>
      <c r="B411" s="53">
        <v>0</v>
      </c>
      <c r="C411" s="53">
        <v>0</v>
      </c>
      <c r="D411" s="53">
        <v>0</v>
      </c>
      <c r="E411" s="53">
        <v>0</v>
      </c>
      <c r="F411" s="53">
        <v>0</v>
      </c>
      <c r="G411" s="53">
        <v>0</v>
      </c>
      <c r="H411" s="53">
        <v>0</v>
      </c>
      <c r="I411" s="53">
        <v>0</v>
      </c>
      <c r="J411" s="53">
        <v>0</v>
      </c>
      <c r="K411" s="53">
        <v>0</v>
      </c>
      <c r="L411" s="53">
        <v>0</v>
      </c>
      <c r="M411" s="53">
        <v>0</v>
      </c>
      <c r="N411" s="53">
        <v>0</v>
      </c>
      <c r="O411" s="53">
        <v>0</v>
      </c>
      <c r="P411" s="53">
        <v>0</v>
      </c>
      <c r="Q411" s="53">
        <v>0</v>
      </c>
      <c r="R411" s="53">
        <v>0</v>
      </c>
      <c r="S411" s="53">
        <v>0</v>
      </c>
      <c r="T411" s="53">
        <v>0</v>
      </c>
      <c r="U411" s="53">
        <v>0</v>
      </c>
      <c r="V411" s="53">
        <v>0</v>
      </c>
      <c r="W411" s="53">
        <v>0</v>
      </c>
      <c r="X411" s="53">
        <v>0</v>
      </c>
      <c r="Y411" s="53">
        <v>0</v>
      </c>
      <c r="Z411" s="53">
        <v>0</v>
      </c>
      <c r="AA411" s="53">
        <v>0</v>
      </c>
      <c r="AB411" s="53">
        <v>0</v>
      </c>
      <c r="AC411" s="53">
        <v>0</v>
      </c>
      <c r="AD411" s="53">
        <v>0</v>
      </c>
      <c r="AE411" s="53">
        <v>0</v>
      </c>
      <c r="AF411" s="53">
        <v>0</v>
      </c>
      <c r="AG411" s="53">
        <v>0</v>
      </c>
      <c r="AH411" s="53">
        <v>0</v>
      </c>
      <c r="AI411" s="53">
        <v>0</v>
      </c>
      <c r="AJ411" s="53">
        <v>0</v>
      </c>
      <c r="AK411" s="53">
        <v>0</v>
      </c>
      <c r="AL411" s="53">
        <v>0</v>
      </c>
      <c r="AM411" s="53">
        <v>0</v>
      </c>
      <c r="AN411" s="53">
        <v>0</v>
      </c>
      <c r="AO411" s="53">
        <v>0</v>
      </c>
      <c r="AP411" s="53">
        <v>0</v>
      </c>
      <c r="AQ411" s="53">
        <v>0</v>
      </c>
      <c r="AR411" s="53">
        <v>0</v>
      </c>
      <c r="AS411" s="53">
        <v>0</v>
      </c>
      <c r="AT411" s="53">
        <v>0</v>
      </c>
      <c r="AU411" s="53">
        <v>0</v>
      </c>
      <c r="AV411" s="53">
        <v>0</v>
      </c>
      <c r="AW411" s="53">
        <v>0</v>
      </c>
      <c r="AX411" s="53">
        <v>0</v>
      </c>
      <c r="AY411" s="53">
        <v>0</v>
      </c>
      <c r="AZ411" s="53">
        <v>0</v>
      </c>
      <c r="BA411" s="53">
        <v>0</v>
      </c>
    </row>
    <row r="412" spans="1:53">
      <c r="A412" s="58" t="s">
        <v>601</v>
      </c>
      <c r="B412" s="134">
        <v>0</v>
      </c>
      <c r="C412" s="134">
        <v>0</v>
      </c>
      <c r="D412" s="134">
        <v>0</v>
      </c>
      <c r="E412" s="134">
        <v>0</v>
      </c>
      <c r="F412" s="134">
        <v>0</v>
      </c>
      <c r="G412" s="134">
        <v>0</v>
      </c>
      <c r="H412" s="134">
        <v>0</v>
      </c>
      <c r="I412" s="134">
        <v>0</v>
      </c>
      <c r="J412" s="134">
        <v>0</v>
      </c>
      <c r="K412" s="134">
        <v>0</v>
      </c>
      <c r="L412" s="134">
        <v>0</v>
      </c>
      <c r="M412" s="134">
        <v>0</v>
      </c>
      <c r="N412" s="134">
        <v>0</v>
      </c>
      <c r="O412" s="134">
        <v>0</v>
      </c>
      <c r="P412" s="134">
        <v>0</v>
      </c>
      <c r="Q412" s="134">
        <v>0</v>
      </c>
      <c r="R412" s="134">
        <v>0</v>
      </c>
      <c r="S412" s="134">
        <v>0</v>
      </c>
      <c r="T412" s="134">
        <v>0</v>
      </c>
      <c r="U412" s="134">
        <v>0</v>
      </c>
      <c r="V412" s="134">
        <v>0</v>
      </c>
      <c r="W412" s="134">
        <v>0</v>
      </c>
      <c r="X412" s="134">
        <v>0</v>
      </c>
      <c r="Y412" s="134">
        <v>0</v>
      </c>
      <c r="Z412" s="134">
        <v>0</v>
      </c>
      <c r="AA412" s="134">
        <v>0</v>
      </c>
      <c r="AB412" s="134">
        <v>0</v>
      </c>
      <c r="AC412" s="134">
        <v>0</v>
      </c>
      <c r="AD412" s="134">
        <v>0</v>
      </c>
      <c r="AE412" s="134">
        <v>0</v>
      </c>
      <c r="AF412" s="134">
        <v>0</v>
      </c>
      <c r="AG412" s="134">
        <v>0</v>
      </c>
      <c r="AH412" s="134">
        <v>0</v>
      </c>
      <c r="AI412" s="134">
        <v>0</v>
      </c>
      <c r="AJ412" s="134">
        <v>0</v>
      </c>
      <c r="AK412" s="134">
        <v>0</v>
      </c>
      <c r="AL412" s="134">
        <v>0</v>
      </c>
      <c r="AM412" s="134">
        <v>0</v>
      </c>
      <c r="AN412" s="134">
        <v>0</v>
      </c>
      <c r="AO412" s="134">
        <v>0</v>
      </c>
      <c r="AP412" s="134">
        <v>0</v>
      </c>
      <c r="AQ412" s="134">
        <v>0</v>
      </c>
      <c r="AR412" s="134">
        <v>0</v>
      </c>
      <c r="AS412" s="134">
        <v>0</v>
      </c>
      <c r="AT412" s="134">
        <v>0</v>
      </c>
      <c r="AU412" s="134">
        <v>0</v>
      </c>
      <c r="AV412" s="134">
        <v>0</v>
      </c>
      <c r="AW412" s="134">
        <v>0</v>
      </c>
      <c r="AX412" s="134">
        <v>0</v>
      </c>
      <c r="AY412" s="134">
        <v>0</v>
      </c>
      <c r="AZ412" s="134">
        <v>0</v>
      </c>
      <c r="BA412" s="134">
        <v>0</v>
      </c>
    </row>
    <row r="413" spans="1:53">
      <c r="A413" s="52" t="s">
        <v>602</v>
      </c>
    </row>
    <row r="414" spans="1:53">
      <c r="A414" s="57" t="s">
        <v>603</v>
      </c>
    </row>
    <row r="415" spans="1:53">
      <c r="A415" s="52" t="s">
        <v>604</v>
      </c>
      <c r="B415" s="53">
        <v>5247257</v>
      </c>
      <c r="C415" s="53">
        <v>5247257</v>
      </c>
      <c r="D415" s="53">
        <v>5247257</v>
      </c>
      <c r="E415" s="53">
        <v>5247257</v>
      </c>
      <c r="F415" s="53">
        <v>5247257</v>
      </c>
      <c r="G415" s="53">
        <v>5247257</v>
      </c>
      <c r="H415" s="53">
        <v>5247257</v>
      </c>
      <c r="I415" s="53">
        <v>5247257</v>
      </c>
      <c r="J415" s="53">
        <v>5247257</v>
      </c>
      <c r="K415" s="53">
        <v>5247257</v>
      </c>
      <c r="L415" s="53">
        <v>5247257</v>
      </c>
      <c r="M415" s="53">
        <v>5247257</v>
      </c>
      <c r="N415" s="53">
        <v>5247257</v>
      </c>
      <c r="O415" s="53">
        <v>5247257</v>
      </c>
      <c r="P415" s="53">
        <v>5247257</v>
      </c>
      <c r="Q415" s="53">
        <v>5247257</v>
      </c>
      <c r="R415" s="53">
        <v>5247257</v>
      </c>
      <c r="S415" s="53">
        <v>5247257</v>
      </c>
      <c r="T415" s="53">
        <v>5247257</v>
      </c>
      <c r="U415" s="53">
        <v>5247257</v>
      </c>
      <c r="V415" s="53">
        <v>5247257</v>
      </c>
      <c r="W415" s="53">
        <v>5247257</v>
      </c>
      <c r="X415" s="53">
        <v>5247257</v>
      </c>
      <c r="Y415" s="53">
        <v>5247257</v>
      </c>
      <c r="Z415" s="53">
        <v>5247257</v>
      </c>
      <c r="AA415" s="53">
        <v>5247257</v>
      </c>
      <c r="AB415" s="53">
        <v>5247257</v>
      </c>
      <c r="AC415" s="53">
        <v>5247257</v>
      </c>
      <c r="AD415" s="53">
        <v>5247257</v>
      </c>
      <c r="AE415" s="53">
        <v>5247257</v>
      </c>
      <c r="AF415" s="53">
        <v>5247257</v>
      </c>
      <c r="AG415" s="53">
        <v>5247257</v>
      </c>
      <c r="AH415" s="53">
        <v>5247257</v>
      </c>
      <c r="AI415" s="53">
        <v>5247257</v>
      </c>
      <c r="AJ415" s="53">
        <v>5247257</v>
      </c>
      <c r="AK415" s="53">
        <v>5247257</v>
      </c>
      <c r="AL415" s="53">
        <v>5247257</v>
      </c>
      <c r="AM415" s="53">
        <v>5247257</v>
      </c>
      <c r="AN415" s="53">
        <v>5247257</v>
      </c>
      <c r="AO415" s="53">
        <v>5247257</v>
      </c>
      <c r="AP415" s="53">
        <v>5247257</v>
      </c>
      <c r="AQ415" s="53">
        <v>5247257</v>
      </c>
      <c r="AR415" s="53">
        <v>5247257</v>
      </c>
      <c r="AS415" s="53">
        <v>5247257</v>
      </c>
      <c r="AT415" s="53">
        <v>5247257</v>
      </c>
      <c r="AU415" s="53">
        <v>5247257</v>
      </c>
      <c r="AV415" s="53">
        <v>5247257</v>
      </c>
      <c r="AW415" s="53">
        <v>5247257</v>
      </c>
      <c r="AX415" s="53">
        <v>5247257</v>
      </c>
      <c r="AY415" s="53">
        <v>5247257</v>
      </c>
      <c r="AZ415" s="53">
        <v>5247257</v>
      </c>
      <c r="BA415" s="53">
        <v>5247257</v>
      </c>
    </row>
    <row r="416" spans="1:53">
      <c r="A416" s="52" t="s">
        <v>605</v>
      </c>
      <c r="B416" s="53">
        <v>5787196.2000000002</v>
      </c>
      <c r="C416" s="53">
        <v>5787196.2000000002</v>
      </c>
      <c r="D416" s="53">
        <v>5787196.2000000002</v>
      </c>
      <c r="E416" s="53">
        <v>5787196.2000000002</v>
      </c>
      <c r="F416" s="53">
        <v>5787196.2000000002</v>
      </c>
      <c r="G416" s="53">
        <v>5787196.2000000002</v>
      </c>
      <c r="H416" s="53">
        <v>5787196.2000000002</v>
      </c>
      <c r="I416" s="53">
        <v>5787196.2000000002</v>
      </c>
      <c r="J416" s="53">
        <v>5787196.2000000002</v>
      </c>
      <c r="K416" s="53">
        <v>5787196.2000000002</v>
      </c>
      <c r="L416" s="53">
        <v>5787196.2000000002</v>
      </c>
      <c r="M416" s="53">
        <v>5787196.2000000002</v>
      </c>
      <c r="N416" s="53">
        <v>5787196.2000000002</v>
      </c>
      <c r="O416" s="53">
        <v>5787196.2000000002</v>
      </c>
      <c r="P416" s="53">
        <v>5787196.2000000002</v>
      </c>
      <c r="Q416" s="53">
        <v>5787196.2000000002</v>
      </c>
      <c r="R416" s="53">
        <v>5787196.2000000002</v>
      </c>
      <c r="S416" s="53">
        <v>5787196.2000000002</v>
      </c>
      <c r="T416" s="53">
        <v>5787196.2000000002</v>
      </c>
      <c r="U416" s="53">
        <v>5787196.2000000002</v>
      </c>
      <c r="V416" s="53">
        <v>5787196.2000000002</v>
      </c>
      <c r="W416" s="53">
        <v>5787196.2000000002</v>
      </c>
      <c r="X416" s="53">
        <v>5787196.2000000002</v>
      </c>
      <c r="Y416" s="53">
        <v>5787196.2000000002</v>
      </c>
      <c r="Z416" s="53">
        <v>5787196.2000000002</v>
      </c>
      <c r="AA416" s="53">
        <v>5787196.2000000002</v>
      </c>
      <c r="AB416" s="53">
        <v>5787196.2000000002</v>
      </c>
      <c r="AC416" s="53">
        <v>5787196.2000000002</v>
      </c>
      <c r="AD416" s="53">
        <v>5787196.2000000002</v>
      </c>
      <c r="AE416" s="53">
        <v>5787196.2000000002</v>
      </c>
      <c r="AF416" s="53">
        <v>5787196.2000000002</v>
      </c>
      <c r="AG416" s="53">
        <v>5787196.2000000002</v>
      </c>
      <c r="AH416" s="53">
        <v>5787196.2000000002</v>
      </c>
      <c r="AI416" s="53">
        <v>5787196.2000000002</v>
      </c>
      <c r="AJ416" s="53">
        <v>5787196.2000000002</v>
      </c>
      <c r="AK416" s="53">
        <v>5787196.2000000002</v>
      </c>
      <c r="AL416" s="53">
        <v>5787196.2000000002</v>
      </c>
      <c r="AM416" s="53">
        <v>5787196.2000000002</v>
      </c>
      <c r="AN416" s="53">
        <v>5787196.2000000002</v>
      </c>
      <c r="AO416" s="53">
        <v>5787196.2000000002</v>
      </c>
      <c r="AP416" s="53">
        <v>5787196.2000000002</v>
      </c>
      <c r="AQ416" s="53">
        <v>5787196.2000000002</v>
      </c>
      <c r="AR416" s="53">
        <v>5787196.2000000002</v>
      </c>
      <c r="AS416" s="53">
        <v>5787196.2000000002</v>
      </c>
      <c r="AT416" s="53">
        <v>5787196.2000000002</v>
      </c>
      <c r="AU416" s="53">
        <v>5787196.2000000002</v>
      </c>
      <c r="AV416" s="53">
        <v>5787196.2000000002</v>
      </c>
      <c r="AW416" s="53">
        <v>5787196.2000000002</v>
      </c>
      <c r="AX416" s="53">
        <v>5787196.2000000002</v>
      </c>
      <c r="AY416" s="53">
        <v>5787196.2000000002</v>
      </c>
      <c r="AZ416" s="53">
        <v>5787196.2000000002</v>
      </c>
      <c r="BA416" s="53">
        <v>5787196.2000000002</v>
      </c>
    </row>
    <row r="417" spans="1:53">
      <c r="A417" s="52" t="s">
        <v>606</v>
      </c>
      <c r="B417" s="53">
        <v>61098.38</v>
      </c>
      <c r="C417" s="53">
        <v>61098.38</v>
      </c>
      <c r="D417" s="53">
        <v>61098.38</v>
      </c>
      <c r="E417" s="53">
        <v>61098.38</v>
      </c>
      <c r="F417" s="53">
        <v>61098.38</v>
      </c>
      <c r="G417" s="53">
        <v>61098.38</v>
      </c>
      <c r="H417" s="53">
        <v>61098.38</v>
      </c>
      <c r="I417" s="53">
        <v>61098.38</v>
      </c>
      <c r="J417" s="53">
        <v>61098.38</v>
      </c>
      <c r="K417" s="53">
        <v>61098.38</v>
      </c>
      <c r="L417" s="53">
        <v>61098.38</v>
      </c>
      <c r="M417" s="53">
        <v>61098.38</v>
      </c>
      <c r="N417" s="53">
        <v>61098.38</v>
      </c>
      <c r="O417" s="53">
        <v>61098.38</v>
      </c>
      <c r="P417" s="53">
        <v>61098.38</v>
      </c>
      <c r="Q417" s="53">
        <v>61098.38</v>
      </c>
      <c r="R417" s="53">
        <v>61098.38</v>
      </c>
      <c r="S417" s="53">
        <v>61098.38</v>
      </c>
      <c r="T417" s="53">
        <v>61098.38</v>
      </c>
      <c r="U417" s="53">
        <v>61098.38</v>
      </c>
      <c r="V417" s="53">
        <v>61098.38</v>
      </c>
      <c r="W417" s="53">
        <v>61098.38</v>
      </c>
      <c r="X417" s="53">
        <v>61098.38</v>
      </c>
      <c r="Y417" s="53">
        <v>61098.38</v>
      </c>
      <c r="Z417" s="53">
        <v>61098.38</v>
      </c>
      <c r="AA417" s="53">
        <v>61098.38</v>
      </c>
      <c r="AB417" s="53">
        <v>61098.38</v>
      </c>
      <c r="AC417" s="53">
        <v>61098.38</v>
      </c>
      <c r="AD417" s="53">
        <v>61098.38</v>
      </c>
      <c r="AE417" s="53">
        <v>61098.38</v>
      </c>
      <c r="AF417" s="53">
        <v>61098.38</v>
      </c>
      <c r="AG417" s="53">
        <v>61098.38</v>
      </c>
      <c r="AH417" s="53">
        <v>61098.38</v>
      </c>
      <c r="AI417" s="53">
        <v>61098.38</v>
      </c>
      <c r="AJ417" s="53">
        <v>61098.38</v>
      </c>
      <c r="AK417" s="53">
        <v>61098.38</v>
      </c>
      <c r="AL417" s="53">
        <v>61098.38</v>
      </c>
      <c r="AM417" s="53">
        <v>61098.38</v>
      </c>
      <c r="AN417" s="53">
        <v>61098.38</v>
      </c>
      <c r="AO417" s="53">
        <v>61098.38</v>
      </c>
      <c r="AP417" s="53">
        <v>61098.38</v>
      </c>
      <c r="AQ417" s="53">
        <v>61098.38</v>
      </c>
      <c r="AR417" s="53">
        <v>61098.38</v>
      </c>
      <c r="AS417" s="53">
        <v>61098.38</v>
      </c>
      <c r="AT417" s="53">
        <v>61098.38</v>
      </c>
      <c r="AU417" s="53">
        <v>61098.38</v>
      </c>
      <c r="AV417" s="53">
        <v>61098.38</v>
      </c>
      <c r="AW417" s="53">
        <v>61098.38</v>
      </c>
      <c r="AX417" s="53">
        <v>61098.38</v>
      </c>
      <c r="AY417" s="53">
        <v>61098.38</v>
      </c>
      <c r="AZ417" s="53">
        <v>61098.38</v>
      </c>
      <c r="BA417" s="53">
        <v>61098.38</v>
      </c>
    </row>
    <row r="418" spans="1:53">
      <c r="A418" s="52" t="s">
        <v>607</v>
      </c>
      <c r="B418" s="53">
        <v>237322.389999999</v>
      </c>
      <c r="C418" s="53">
        <v>226126.389999999</v>
      </c>
      <c r="D418" s="53">
        <v>214930.389999999</v>
      </c>
      <c r="E418" s="53">
        <v>203734.389999999</v>
      </c>
      <c r="F418" s="53">
        <v>192538.389999999</v>
      </c>
      <c r="G418" s="53">
        <v>181342.389999999</v>
      </c>
      <c r="H418" s="53">
        <v>170146.389999999</v>
      </c>
      <c r="I418" s="53">
        <v>158950.389999999</v>
      </c>
      <c r="J418" s="53">
        <v>147754.389999999</v>
      </c>
      <c r="K418" s="53">
        <v>136558.389999999</v>
      </c>
      <c r="L418" s="53">
        <v>125362.389999999</v>
      </c>
      <c r="M418" s="53">
        <v>114166.389999999</v>
      </c>
      <c r="N418" s="53">
        <v>114166.389999999</v>
      </c>
      <c r="O418" s="53">
        <v>102970.389999999</v>
      </c>
      <c r="P418" s="53">
        <v>91774.389999999796</v>
      </c>
      <c r="Q418" s="53">
        <v>80578.389999999796</v>
      </c>
      <c r="R418" s="53">
        <v>69382.389999999796</v>
      </c>
      <c r="S418" s="53">
        <v>58186.389999999803</v>
      </c>
      <c r="T418" s="53">
        <v>46990.389999999803</v>
      </c>
      <c r="U418" s="53">
        <v>35794.389999999803</v>
      </c>
      <c r="V418" s="53">
        <v>24598.389999999799</v>
      </c>
      <c r="W418" s="53">
        <v>13402.389999999799</v>
      </c>
      <c r="X418" s="53">
        <v>2206.3899999998498</v>
      </c>
      <c r="Y418" s="53">
        <v>-8989.6100000001406</v>
      </c>
      <c r="Z418" s="53">
        <v>-20185.610000000099</v>
      </c>
      <c r="AA418" s="53">
        <v>-20185.610000000099</v>
      </c>
      <c r="AB418" s="53">
        <v>-31381.610000000099</v>
      </c>
      <c r="AC418" s="53">
        <v>-42577.610000000102</v>
      </c>
      <c r="AD418" s="53">
        <v>-53773.610000000102</v>
      </c>
      <c r="AE418" s="53">
        <v>272530.38999999902</v>
      </c>
      <c r="AF418" s="53">
        <v>261334.389999999</v>
      </c>
      <c r="AG418" s="53">
        <v>250138.389999999</v>
      </c>
      <c r="AH418" s="53">
        <v>238942.389999999</v>
      </c>
      <c r="AI418" s="53">
        <v>227746.389999999</v>
      </c>
      <c r="AJ418" s="53">
        <v>216550.389999999</v>
      </c>
      <c r="AK418" s="53">
        <v>205354.389999999</v>
      </c>
      <c r="AL418" s="53">
        <v>194158.389999999</v>
      </c>
      <c r="AM418" s="53">
        <v>182962.389999999</v>
      </c>
      <c r="AN418" s="53">
        <v>182962.389999999</v>
      </c>
      <c r="AO418" s="53">
        <v>171766.389999999</v>
      </c>
      <c r="AP418" s="53">
        <v>160570.389999999</v>
      </c>
      <c r="AQ418" s="53">
        <v>149374.389999999</v>
      </c>
      <c r="AR418" s="53">
        <v>138178.389999999</v>
      </c>
      <c r="AS418" s="53">
        <v>126982.389999999</v>
      </c>
      <c r="AT418" s="53">
        <v>115786.389999999</v>
      </c>
      <c r="AU418" s="53">
        <v>104590.389999999</v>
      </c>
      <c r="AV418" s="53">
        <v>93394.389999999796</v>
      </c>
      <c r="AW418" s="53">
        <v>82198.389999999796</v>
      </c>
      <c r="AX418" s="53">
        <v>71002.389999999796</v>
      </c>
      <c r="AY418" s="53">
        <v>59806.389999999803</v>
      </c>
      <c r="AZ418" s="53">
        <v>48610.389999999803</v>
      </c>
      <c r="BA418" s="53">
        <v>48610.389999999803</v>
      </c>
    </row>
    <row r="419" spans="1:53">
      <c r="A419" s="52" t="s">
        <v>608</v>
      </c>
      <c r="B419" s="53">
        <v>2991561.23</v>
      </c>
      <c r="C419" s="53">
        <v>2991561.23</v>
      </c>
      <c r="D419" s="53">
        <v>2991561.23</v>
      </c>
      <c r="E419" s="53">
        <v>2991561.23</v>
      </c>
      <c r="F419" s="53">
        <v>2991561.23</v>
      </c>
      <c r="G419" s="53">
        <v>2991561.23</v>
      </c>
      <c r="H419" s="53">
        <v>2991561.23</v>
      </c>
      <c r="I419" s="53">
        <v>2991561.23</v>
      </c>
      <c r="J419" s="53">
        <v>2991561.23</v>
      </c>
      <c r="K419" s="53">
        <v>2991561.23</v>
      </c>
      <c r="L419" s="53">
        <v>2991561.23</v>
      </c>
      <c r="M419" s="53">
        <v>2991561.23</v>
      </c>
      <c r="N419" s="53">
        <v>2991561.23</v>
      </c>
      <c r="O419" s="53">
        <v>2991561.23</v>
      </c>
      <c r="P419" s="53">
        <v>2991561.23</v>
      </c>
      <c r="Q419" s="53">
        <v>2991561.23</v>
      </c>
      <c r="R419" s="53">
        <v>2991561.23</v>
      </c>
      <c r="S419" s="53">
        <v>2991561.23</v>
      </c>
      <c r="T419" s="53">
        <v>2991561.23</v>
      </c>
      <c r="U419" s="53">
        <v>2991561.23</v>
      </c>
      <c r="V419" s="53">
        <v>2991561.23</v>
      </c>
      <c r="W419" s="53">
        <v>2991561.23</v>
      </c>
      <c r="X419" s="53">
        <v>2991561.23</v>
      </c>
      <c r="Y419" s="53">
        <v>2991561.23</v>
      </c>
      <c r="Z419" s="53">
        <v>2991561.23</v>
      </c>
      <c r="AA419" s="53">
        <v>2991561.23</v>
      </c>
      <c r="AB419" s="53">
        <v>2991561.23</v>
      </c>
      <c r="AC419" s="53">
        <v>2991561.23</v>
      </c>
      <c r="AD419" s="53">
        <v>2991561.23</v>
      </c>
      <c r="AE419" s="53">
        <v>2991561.23</v>
      </c>
      <c r="AF419" s="53">
        <v>2991561.23</v>
      </c>
      <c r="AG419" s="53">
        <v>2991561.23</v>
      </c>
      <c r="AH419" s="53">
        <v>2991561.23</v>
      </c>
      <c r="AI419" s="53">
        <v>2991561.23</v>
      </c>
      <c r="AJ419" s="53">
        <v>2991561.23</v>
      </c>
      <c r="AK419" s="53">
        <v>2991561.23</v>
      </c>
      <c r="AL419" s="53">
        <v>2991561.23</v>
      </c>
      <c r="AM419" s="53">
        <v>2991561.23</v>
      </c>
      <c r="AN419" s="53">
        <v>2991561.23</v>
      </c>
      <c r="AO419" s="53">
        <v>2991561.23</v>
      </c>
      <c r="AP419" s="53">
        <v>2991561.23</v>
      </c>
      <c r="AQ419" s="53">
        <v>2991561.23</v>
      </c>
      <c r="AR419" s="53">
        <v>2991561.23</v>
      </c>
      <c r="AS419" s="53">
        <v>2991561.23</v>
      </c>
      <c r="AT419" s="53">
        <v>2991561.23</v>
      </c>
      <c r="AU419" s="53">
        <v>2991561.23</v>
      </c>
      <c r="AV419" s="53">
        <v>2991561.23</v>
      </c>
      <c r="AW419" s="53">
        <v>2991561.23</v>
      </c>
      <c r="AX419" s="53">
        <v>2991561.23</v>
      </c>
      <c r="AY419" s="53">
        <v>2991561.23</v>
      </c>
      <c r="AZ419" s="53">
        <v>2991561.23</v>
      </c>
      <c r="BA419" s="53">
        <v>2991561.23</v>
      </c>
    </row>
    <row r="420" spans="1:53">
      <c r="A420" s="52" t="s">
        <v>609</v>
      </c>
      <c r="B420" s="53">
        <v>4098125.27</v>
      </c>
      <c r="C420" s="53">
        <v>4098125.27</v>
      </c>
      <c r="D420" s="53">
        <v>4098125.27</v>
      </c>
      <c r="E420" s="53">
        <v>4098125.27</v>
      </c>
      <c r="F420" s="53">
        <v>4098125.27</v>
      </c>
      <c r="G420" s="53">
        <v>4098125.27</v>
      </c>
      <c r="H420" s="53">
        <v>4098125.27</v>
      </c>
      <c r="I420" s="53">
        <v>4098125.27</v>
      </c>
      <c r="J420" s="53">
        <v>4098125.27</v>
      </c>
      <c r="K420" s="53">
        <v>4098125.27</v>
      </c>
      <c r="L420" s="53">
        <v>4098125.27</v>
      </c>
      <c r="M420" s="53">
        <v>4098125.27</v>
      </c>
      <c r="N420" s="53">
        <v>4098125.27</v>
      </c>
      <c r="O420" s="53">
        <v>4098125.27</v>
      </c>
      <c r="P420" s="53">
        <v>4098125.27</v>
      </c>
      <c r="Q420" s="53">
        <v>4098125.27</v>
      </c>
      <c r="R420" s="53">
        <v>4098125.27</v>
      </c>
      <c r="S420" s="53">
        <v>4098125.27</v>
      </c>
      <c r="T420" s="53">
        <v>4098125.27</v>
      </c>
      <c r="U420" s="53">
        <v>4098125.27</v>
      </c>
      <c r="V420" s="53">
        <v>4098125.27</v>
      </c>
      <c r="W420" s="53">
        <v>4098125.27</v>
      </c>
      <c r="X420" s="53">
        <v>4098125.27</v>
      </c>
      <c r="Y420" s="53">
        <v>4098125.27</v>
      </c>
      <c r="Z420" s="53">
        <v>4098125.27</v>
      </c>
      <c r="AA420" s="53">
        <v>4098125.27</v>
      </c>
      <c r="AB420" s="53">
        <v>4098125.27</v>
      </c>
      <c r="AC420" s="53">
        <v>4098125.27</v>
      </c>
      <c r="AD420" s="53">
        <v>4098125.27</v>
      </c>
      <c r="AE420" s="53">
        <v>4098125.27</v>
      </c>
      <c r="AF420" s="53">
        <v>4098125.27</v>
      </c>
      <c r="AG420" s="53">
        <v>4098125.27</v>
      </c>
      <c r="AH420" s="53">
        <v>4098125.27</v>
      </c>
      <c r="AI420" s="53">
        <v>4098125.27</v>
      </c>
      <c r="AJ420" s="53">
        <v>4098125.27</v>
      </c>
      <c r="AK420" s="53">
        <v>4098125.27</v>
      </c>
      <c r="AL420" s="53">
        <v>4098125.27</v>
      </c>
      <c r="AM420" s="53">
        <v>4098125.27</v>
      </c>
      <c r="AN420" s="53">
        <v>4098125.27</v>
      </c>
      <c r="AO420" s="53">
        <v>4098125.27</v>
      </c>
      <c r="AP420" s="53">
        <v>4098125.27</v>
      </c>
      <c r="AQ420" s="53">
        <v>4098125.27</v>
      </c>
      <c r="AR420" s="53">
        <v>4098125.27</v>
      </c>
      <c r="AS420" s="53">
        <v>4098125.27</v>
      </c>
      <c r="AT420" s="53">
        <v>4098125.27</v>
      </c>
      <c r="AU420" s="53">
        <v>4098125.27</v>
      </c>
      <c r="AV420" s="53">
        <v>4098125.27</v>
      </c>
      <c r="AW420" s="53">
        <v>4098125.27</v>
      </c>
      <c r="AX420" s="53">
        <v>4098125.27</v>
      </c>
      <c r="AY420" s="53">
        <v>4098125.27</v>
      </c>
      <c r="AZ420" s="53">
        <v>4098125.27</v>
      </c>
      <c r="BA420" s="53">
        <v>4098125.27</v>
      </c>
    </row>
    <row r="421" spans="1:53">
      <c r="A421" s="52" t="s">
        <v>610</v>
      </c>
      <c r="B421" s="53">
        <v>0</v>
      </c>
      <c r="C421" s="53">
        <v>0</v>
      </c>
      <c r="D421" s="53">
        <v>0</v>
      </c>
      <c r="E421" s="53">
        <v>0</v>
      </c>
      <c r="F421" s="53">
        <v>0</v>
      </c>
      <c r="G421" s="53">
        <v>0</v>
      </c>
      <c r="H421" s="53">
        <v>0</v>
      </c>
      <c r="I421" s="53">
        <v>0</v>
      </c>
      <c r="J421" s="53">
        <v>0</v>
      </c>
      <c r="K421" s="53">
        <v>0</v>
      </c>
      <c r="L421" s="53">
        <v>0</v>
      </c>
      <c r="M421" s="53">
        <v>0</v>
      </c>
      <c r="N421" s="53">
        <v>0</v>
      </c>
      <c r="O421" s="53">
        <v>0</v>
      </c>
      <c r="P421" s="53">
        <v>0</v>
      </c>
      <c r="Q421" s="53">
        <v>0</v>
      </c>
      <c r="R421" s="53">
        <v>0</v>
      </c>
      <c r="S421" s="53">
        <v>0</v>
      </c>
      <c r="T421" s="53">
        <v>0</v>
      </c>
      <c r="U421" s="53">
        <v>0</v>
      </c>
      <c r="V421" s="53">
        <v>0</v>
      </c>
      <c r="W421" s="53">
        <v>0</v>
      </c>
      <c r="X421" s="53">
        <v>0</v>
      </c>
      <c r="Y421" s="53">
        <v>0</v>
      </c>
      <c r="Z421" s="53">
        <v>0</v>
      </c>
      <c r="AA421" s="53">
        <v>0</v>
      </c>
      <c r="AB421" s="53">
        <v>0</v>
      </c>
      <c r="AC421" s="53">
        <v>0</v>
      </c>
      <c r="AD421" s="53">
        <v>0</v>
      </c>
      <c r="AE421" s="53">
        <v>0</v>
      </c>
      <c r="AF421" s="53">
        <v>0</v>
      </c>
      <c r="AG421" s="53">
        <v>0</v>
      </c>
      <c r="AH421" s="53">
        <v>0</v>
      </c>
      <c r="AI421" s="53">
        <v>0</v>
      </c>
      <c r="AJ421" s="53">
        <v>0</v>
      </c>
      <c r="AK421" s="53">
        <v>0</v>
      </c>
      <c r="AL421" s="53">
        <v>0</v>
      </c>
      <c r="AM421" s="53">
        <v>0</v>
      </c>
      <c r="AN421" s="53">
        <v>0</v>
      </c>
      <c r="AO421" s="53">
        <v>0</v>
      </c>
      <c r="AP421" s="53">
        <v>0</v>
      </c>
      <c r="AQ421" s="53">
        <v>0</v>
      </c>
      <c r="AR421" s="53">
        <v>0</v>
      </c>
      <c r="AS421" s="53">
        <v>0</v>
      </c>
      <c r="AT421" s="53">
        <v>0</v>
      </c>
      <c r="AU421" s="53">
        <v>0</v>
      </c>
      <c r="AV421" s="53">
        <v>0</v>
      </c>
      <c r="AW421" s="53">
        <v>0</v>
      </c>
      <c r="AX421" s="53">
        <v>0</v>
      </c>
      <c r="AY421" s="53">
        <v>0</v>
      </c>
      <c r="AZ421" s="53">
        <v>0</v>
      </c>
      <c r="BA421" s="53">
        <v>0</v>
      </c>
    </row>
    <row r="422" spans="1:53">
      <c r="A422" s="52" t="s">
        <v>611</v>
      </c>
      <c r="B422" s="53">
        <v>6020686.2999999998</v>
      </c>
      <c r="C422" s="53">
        <v>6020686.2999999998</v>
      </c>
      <c r="D422" s="53">
        <v>6020686.2999999998</v>
      </c>
      <c r="E422" s="53">
        <v>6020686.2999999998</v>
      </c>
      <c r="F422" s="53">
        <v>6020686.2999999998</v>
      </c>
      <c r="G422" s="53">
        <v>6020686.2999999998</v>
      </c>
      <c r="H422" s="53">
        <v>6020686.2999999998</v>
      </c>
      <c r="I422" s="53">
        <v>6020686.2999999998</v>
      </c>
      <c r="J422" s="53">
        <v>6020686.2999999998</v>
      </c>
      <c r="K422" s="53">
        <v>6020686.2999999998</v>
      </c>
      <c r="L422" s="53">
        <v>6020686.2999999998</v>
      </c>
      <c r="M422" s="53">
        <v>6020686.2999999998</v>
      </c>
      <c r="N422" s="53">
        <v>6020686.2999999998</v>
      </c>
      <c r="O422" s="53">
        <v>6020686.2999999998</v>
      </c>
      <c r="P422" s="53">
        <v>6020686.2999999998</v>
      </c>
      <c r="Q422" s="53">
        <v>6020686.2999999998</v>
      </c>
      <c r="R422" s="53">
        <v>6020686.2999999998</v>
      </c>
      <c r="S422" s="53">
        <v>6020686.2999999998</v>
      </c>
      <c r="T422" s="53">
        <v>6020686.2999999998</v>
      </c>
      <c r="U422" s="53">
        <v>6020686.2999999998</v>
      </c>
      <c r="V422" s="53">
        <v>6020686.2999999998</v>
      </c>
      <c r="W422" s="53">
        <v>6020686.2999999998</v>
      </c>
      <c r="X422" s="53">
        <v>6020686.2999999998</v>
      </c>
      <c r="Y422" s="53">
        <v>6020686.2999999998</v>
      </c>
      <c r="Z422" s="53">
        <v>6020686.2999999998</v>
      </c>
      <c r="AA422" s="53">
        <v>6020686.2999999998</v>
      </c>
      <c r="AB422" s="53">
        <v>6020686.2999999998</v>
      </c>
      <c r="AC422" s="53">
        <v>6020686.2999999998</v>
      </c>
      <c r="AD422" s="53">
        <v>6020686.2999999998</v>
      </c>
      <c r="AE422" s="53">
        <v>6020686.2999999998</v>
      </c>
      <c r="AF422" s="53">
        <v>6020686.2999999998</v>
      </c>
      <c r="AG422" s="53">
        <v>6020686.2999999998</v>
      </c>
      <c r="AH422" s="53">
        <v>6020686.2999999998</v>
      </c>
      <c r="AI422" s="53">
        <v>6020686.2999999998</v>
      </c>
      <c r="AJ422" s="53">
        <v>6020686.2999999998</v>
      </c>
      <c r="AK422" s="53">
        <v>6020686.2999999998</v>
      </c>
      <c r="AL422" s="53">
        <v>6020686.2999999998</v>
      </c>
      <c r="AM422" s="53">
        <v>6020686.2999999998</v>
      </c>
      <c r="AN422" s="53">
        <v>6020686.2999999998</v>
      </c>
      <c r="AO422" s="53">
        <v>6020686.2999999998</v>
      </c>
      <c r="AP422" s="53">
        <v>6020686.2999999998</v>
      </c>
      <c r="AQ422" s="53">
        <v>6020686.2999999998</v>
      </c>
      <c r="AR422" s="53">
        <v>6020686.2999999998</v>
      </c>
      <c r="AS422" s="53">
        <v>6020686.2999999998</v>
      </c>
      <c r="AT422" s="53">
        <v>6020686.2999999998</v>
      </c>
      <c r="AU422" s="53">
        <v>6020686.2999999998</v>
      </c>
      <c r="AV422" s="53">
        <v>6020686.2999999998</v>
      </c>
      <c r="AW422" s="53">
        <v>6020686.2999999998</v>
      </c>
      <c r="AX422" s="53">
        <v>6020686.2999999998</v>
      </c>
      <c r="AY422" s="53">
        <v>6020686.2999999998</v>
      </c>
      <c r="AZ422" s="53">
        <v>6020686.2999999998</v>
      </c>
      <c r="BA422" s="53">
        <v>6020686.2999999998</v>
      </c>
    </row>
    <row r="423" spans="1:53">
      <c r="A423" s="52" t="s">
        <v>612</v>
      </c>
      <c r="B423" s="53">
        <v>3489871.74</v>
      </c>
      <c r="C423" s="53">
        <v>3489871.74</v>
      </c>
      <c r="D423" s="53">
        <v>3489871.74</v>
      </c>
      <c r="E423" s="53">
        <v>3489871.74</v>
      </c>
      <c r="F423" s="53">
        <v>3489871.74</v>
      </c>
      <c r="G423" s="53">
        <v>3489871.74</v>
      </c>
      <c r="H423" s="53">
        <v>3489871.74</v>
      </c>
      <c r="I423" s="53">
        <v>3489871.74</v>
      </c>
      <c r="J423" s="53">
        <v>3489871.74</v>
      </c>
      <c r="K423" s="53">
        <v>3489871.74</v>
      </c>
      <c r="L423" s="53">
        <v>3489871.74</v>
      </c>
      <c r="M423" s="53">
        <v>3489871.74</v>
      </c>
      <c r="N423" s="53">
        <v>3489871.74</v>
      </c>
      <c r="O423" s="53">
        <v>3489871.74</v>
      </c>
      <c r="P423" s="53">
        <v>3489871.74</v>
      </c>
      <c r="Q423" s="53">
        <v>3489871.74</v>
      </c>
      <c r="R423" s="53">
        <v>3489871.74</v>
      </c>
      <c r="S423" s="53">
        <v>3489871.74</v>
      </c>
      <c r="T423" s="53">
        <v>3489871.74</v>
      </c>
      <c r="U423" s="53">
        <v>3489871.74</v>
      </c>
      <c r="V423" s="53">
        <v>3489871.74</v>
      </c>
      <c r="W423" s="53">
        <v>3489871.74</v>
      </c>
      <c r="X423" s="53">
        <v>3489871.74</v>
      </c>
      <c r="Y423" s="53">
        <v>3489871.74</v>
      </c>
      <c r="Z423" s="53">
        <v>3489871.74</v>
      </c>
      <c r="AA423" s="53">
        <v>3489871.74</v>
      </c>
      <c r="AB423" s="53">
        <v>3489871.74</v>
      </c>
      <c r="AC423" s="53">
        <v>3489871.74</v>
      </c>
      <c r="AD423" s="53">
        <v>3489871.74</v>
      </c>
      <c r="AE423" s="53">
        <v>3489871.74</v>
      </c>
      <c r="AF423" s="53">
        <v>3489871.74</v>
      </c>
      <c r="AG423" s="53">
        <v>3489871.74</v>
      </c>
      <c r="AH423" s="53">
        <v>3489871.74</v>
      </c>
      <c r="AI423" s="53">
        <v>3489871.74</v>
      </c>
      <c r="AJ423" s="53">
        <v>3489871.74</v>
      </c>
      <c r="AK423" s="53">
        <v>3489871.74</v>
      </c>
      <c r="AL423" s="53">
        <v>3489871.74</v>
      </c>
      <c r="AM423" s="53">
        <v>3489871.74</v>
      </c>
      <c r="AN423" s="53">
        <v>3489871.74</v>
      </c>
      <c r="AO423" s="53">
        <v>3489871.74</v>
      </c>
      <c r="AP423" s="53">
        <v>3489871.74</v>
      </c>
      <c r="AQ423" s="53">
        <v>3489871.74</v>
      </c>
      <c r="AR423" s="53">
        <v>3489871.74</v>
      </c>
      <c r="AS423" s="53">
        <v>3489871.74</v>
      </c>
      <c r="AT423" s="53">
        <v>3489871.74</v>
      </c>
      <c r="AU423" s="53">
        <v>3489871.74</v>
      </c>
      <c r="AV423" s="53">
        <v>3489871.74</v>
      </c>
      <c r="AW423" s="53">
        <v>3489871.74</v>
      </c>
      <c r="AX423" s="53">
        <v>3489871.74</v>
      </c>
      <c r="AY423" s="53">
        <v>3489871.74</v>
      </c>
      <c r="AZ423" s="53">
        <v>3489871.74</v>
      </c>
      <c r="BA423" s="53">
        <v>3489871.74</v>
      </c>
    </row>
    <row r="424" spans="1:53">
      <c r="A424" s="52" t="s">
        <v>613</v>
      </c>
      <c r="B424" s="53">
        <v>5742459.6900000004</v>
      </c>
      <c r="C424" s="53">
        <v>5742459.6900000004</v>
      </c>
      <c r="D424" s="53">
        <v>5742459.6900000004</v>
      </c>
      <c r="E424" s="53">
        <v>5742459.6900000004</v>
      </c>
      <c r="F424" s="53">
        <v>5742459.6900000004</v>
      </c>
      <c r="G424" s="53">
        <v>5742459.6900000004</v>
      </c>
      <c r="H424" s="53">
        <v>5742459.6900000004</v>
      </c>
      <c r="I424" s="53">
        <v>5742459.6900000004</v>
      </c>
      <c r="J424" s="53">
        <v>5742459.6900000004</v>
      </c>
      <c r="K424" s="53">
        <v>5742459.6900000004</v>
      </c>
      <c r="L424" s="53">
        <v>5742459.6900000004</v>
      </c>
      <c r="M424" s="53">
        <v>5742459.6900000004</v>
      </c>
      <c r="N424" s="53">
        <v>5742459.6900000004</v>
      </c>
      <c r="O424" s="53">
        <v>5742459.6900000004</v>
      </c>
      <c r="P424" s="53">
        <v>5742459.6900000004</v>
      </c>
      <c r="Q424" s="53">
        <v>5742459.6900000004</v>
      </c>
      <c r="R424" s="53">
        <v>5742459.6900000004</v>
      </c>
      <c r="S424" s="53">
        <v>5742459.6900000004</v>
      </c>
      <c r="T424" s="53">
        <v>5742459.6900000004</v>
      </c>
      <c r="U424" s="53">
        <v>5742459.6900000004</v>
      </c>
      <c r="V424" s="53">
        <v>5742459.6900000004</v>
      </c>
      <c r="W424" s="53">
        <v>5742459.6900000004</v>
      </c>
      <c r="X424" s="53">
        <v>5742459.6900000004</v>
      </c>
      <c r="Y424" s="53">
        <v>5742459.6900000004</v>
      </c>
      <c r="Z424" s="53">
        <v>5742459.6900000004</v>
      </c>
      <c r="AA424" s="53">
        <v>5742459.6900000004</v>
      </c>
      <c r="AB424" s="53">
        <v>5742459.6900000004</v>
      </c>
      <c r="AC424" s="53">
        <v>5742459.6900000004</v>
      </c>
      <c r="AD424" s="53">
        <v>5742459.6900000004</v>
      </c>
      <c r="AE424" s="53">
        <v>5742459.6900000004</v>
      </c>
      <c r="AF424" s="53">
        <v>5742459.6900000004</v>
      </c>
      <c r="AG424" s="53">
        <v>5742459.6900000004</v>
      </c>
      <c r="AH424" s="53">
        <v>5742459.6900000004</v>
      </c>
      <c r="AI424" s="53">
        <v>5742459.6900000004</v>
      </c>
      <c r="AJ424" s="53">
        <v>5742459.6900000004</v>
      </c>
      <c r="AK424" s="53">
        <v>5742459.6900000004</v>
      </c>
      <c r="AL424" s="53">
        <v>5742459.6900000004</v>
      </c>
      <c r="AM424" s="53">
        <v>5742459.6900000004</v>
      </c>
      <c r="AN424" s="53">
        <v>5742459.6900000004</v>
      </c>
      <c r="AO424" s="53">
        <v>5742459.6900000004</v>
      </c>
      <c r="AP424" s="53">
        <v>5742459.6900000004</v>
      </c>
      <c r="AQ424" s="53">
        <v>5742459.6900000004</v>
      </c>
      <c r="AR424" s="53">
        <v>5742459.6900000004</v>
      </c>
      <c r="AS424" s="53">
        <v>5742459.6900000004</v>
      </c>
      <c r="AT424" s="53">
        <v>5742459.6900000004</v>
      </c>
      <c r="AU424" s="53">
        <v>5742459.6900000004</v>
      </c>
      <c r="AV424" s="53">
        <v>5742459.6900000004</v>
      </c>
      <c r="AW424" s="53">
        <v>5742459.6900000004</v>
      </c>
      <c r="AX424" s="53">
        <v>5742459.6900000004</v>
      </c>
      <c r="AY424" s="53">
        <v>5742459.6900000004</v>
      </c>
      <c r="AZ424" s="53">
        <v>5742459.6900000004</v>
      </c>
      <c r="BA424" s="53">
        <v>5742459.6900000004</v>
      </c>
    </row>
    <row r="425" spans="1:53">
      <c r="A425" s="52" t="s">
        <v>614</v>
      </c>
      <c r="B425" s="53">
        <v>0</v>
      </c>
      <c r="C425" s="53">
        <v>0</v>
      </c>
      <c r="D425" s="53">
        <v>0</v>
      </c>
      <c r="E425" s="53">
        <v>0</v>
      </c>
      <c r="F425" s="53">
        <v>0</v>
      </c>
      <c r="G425" s="53">
        <v>0</v>
      </c>
      <c r="H425" s="53">
        <v>0</v>
      </c>
      <c r="I425" s="53">
        <v>0</v>
      </c>
      <c r="J425" s="53">
        <v>0</v>
      </c>
      <c r="K425" s="53">
        <v>0</v>
      </c>
      <c r="L425" s="53">
        <v>0</v>
      </c>
      <c r="M425" s="53">
        <v>0</v>
      </c>
      <c r="N425" s="53">
        <v>0</v>
      </c>
      <c r="O425" s="53">
        <v>0</v>
      </c>
      <c r="P425" s="53">
        <v>0</v>
      </c>
      <c r="Q425" s="53">
        <v>0</v>
      </c>
      <c r="R425" s="53">
        <v>0</v>
      </c>
      <c r="S425" s="53">
        <v>0</v>
      </c>
      <c r="T425" s="53">
        <v>0</v>
      </c>
      <c r="U425" s="53">
        <v>0</v>
      </c>
      <c r="V425" s="53">
        <v>0</v>
      </c>
      <c r="W425" s="53">
        <v>0</v>
      </c>
      <c r="X425" s="53">
        <v>0</v>
      </c>
      <c r="Y425" s="53">
        <v>0</v>
      </c>
      <c r="Z425" s="53">
        <v>0</v>
      </c>
      <c r="AA425" s="53">
        <v>0</v>
      </c>
      <c r="AB425" s="53">
        <v>0</v>
      </c>
      <c r="AC425" s="53">
        <v>0</v>
      </c>
      <c r="AD425" s="53">
        <v>0</v>
      </c>
      <c r="AE425" s="53">
        <v>0</v>
      </c>
      <c r="AF425" s="53">
        <v>0</v>
      </c>
      <c r="AG425" s="53">
        <v>0</v>
      </c>
      <c r="AH425" s="53">
        <v>0</v>
      </c>
      <c r="AI425" s="53">
        <v>0</v>
      </c>
      <c r="AJ425" s="53">
        <v>0</v>
      </c>
      <c r="AK425" s="53">
        <v>0</v>
      </c>
      <c r="AL425" s="53">
        <v>0</v>
      </c>
      <c r="AM425" s="53">
        <v>0</v>
      </c>
      <c r="AN425" s="53">
        <v>0</v>
      </c>
      <c r="AO425" s="53">
        <v>0</v>
      </c>
      <c r="AP425" s="53">
        <v>0</v>
      </c>
      <c r="AQ425" s="53">
        <v>0</v>
      </c>
      <c r="AR425" s="53">
        <v>0</v>
      </c>
      <c r="AS425" s="53">
        <v>0</v>
      </c>
      <c r="AT425" s="53">
        <v>0</v>
      </c>
      <c r="AU425" s="53">
        <v>0</v>
      </c>
      <c r="AV425" s="53">
        <v>0</v>
      </c>
      <c r="AW425" s="53">
        <v>0</v>
      </c>
      <c r="AX425" s="53">
        <v>0</v>
      </c>
      <c r="AY425" s="53">
        <v>0</v>
      </c>
      <c r="AZ425" s="53">
        <v>0</v>
      </c>
      <c r="BA425" s="53">
        <v>0</v>
      </c>
    </row>
    <row r="426" spans="1:53">
      <c r="A426" s="52" t="s">
        <v>615</v>
      </c>
      <c r="B426" s="53">
        <v>2395323.8199999998</v>
      </c>
      <c r="C426" s="53">
        <v>2395323.8199999998</v>
      </c>
      <c r="D426" s="53">
        <v>2395323.8199999998</v>
      </c>
      <c r="E426" s="53">
        <v>2395323.8199999998</v>
      </c>
      <c r="F426" s="53">
        <v>2395323.8199999998</v>
      </c>
      <c r="G426" s="53">
        <v>2395323.8199999998</v>
      </c>
      <c r="H426" s="53">
        <v>2395323.8199999998</v>
      </c>
      <c r="I426" s="53">
        <v>2395323.8199999998</v>
      </c>
      <c r="J426" s="53">
        <v>2395323.8199999998</v>
      </c>
      <c r="K426" s="53">
        <v>2395323.8199999998</v>
      </c>
      <c r="L426" s="53">
        <v>2395323.8199999998</v>
      </c>
      <c r="M426" s="53">
        <v>2395323.8199999998</v>
      </c>
      <c r="N426" s="53">
        <v>2395323.8199999998</v>
      </c>
      <c r="O426" s="53">
        <v>2395323.8199999998</v>
      </c>
      <c r="P426" s="53">
        <v>2395323.8199999998</v>
      </c>
      <c r="Q426" s="53">
        <v>2395323.8199999998</v>
      </c>
      <c r="R426" s="53">
        <v>2395323.8199999998</v>
      </c>
      <c r="S426" s="53">
        <v>2395323.8199999998</v>
      </c>
      <c r="T426" s="53">
        <v>2395323.8199999998</v>
      </c>
      <c r="U426" s="53">
        <v>2395323.8199999998</v>
      </c>
      <c r="V426" s="53">
        <v>2395323.8199999998</v>
      </c>
      <c r="W426" s="53">
        <v>2395323.8199999998</v>
      </c>
      <c r="X426" s="53">
        <v>2395323.8199999998</v>
      </c>
      <c r="Y426" s="53">
        <v>2395323.8199999998</v>
      </c>
      <c r="Z426" s="53">
        <v>2395323.8199999998</v>
      </c>
      <c r="AA426" s="53">
        <v>2395323.8199999998</v>
      </c>
      <c r="AB426" s="53">
        <v>2395323.8199999998</v>
      </c>
      <c r="AC426" s="53">
        <v>2395323.8199999998</v>
      </c>
      <c r="AD426" s="53">
        <v>2395323.8199999998</v>
      </c>
      <c r="AE426" s="53">
        <v>2395323.8199999998</v>
      </c>
      <c r="AF426" s="53">
        <v>2395323.8199999998</v>
      </c>
      <c r="AG426" s="53">
        <v>2395323.8199999998</v>
      </c>
      <c r="AH426" s="53">
        <v>2395323.8199999998</v>
      </c>
      <c r="AI426" s="53">
        <v>2395323.8199999998</v>
      </c>
      <c r="AJ426" s="53">
        <v>2395323.8199999998</v>
      </c>
      <c r="AK426" s="53">
        <v>2395323.8199999998</v>
      </c>
      <c r="AL426" s="53">
        <v>2395323.8199999998</v>
      </c>
      <c r="AM426" s="53">
        <v>2395323.8199999998</v>
      </c>
      <c r="AN426" s="53">
        <v>2395323.8199999998</v>
      </c>
      <c r="AO426" s="53">
        <v>2395323.8199999998</v>
      </c>
      <c r="AP426" s="53">
        <v>2395323.8199999998</v>
      </c>
      <c r="AQ426" s="53">
        <v>2395323.8199999998</v>
      </c>
      <c r="AR426" s="53">
        <v>2395323.8199999998</v>
      </c>
      <c r="AS426" s="53">
        <v>2395323.8199999998</v>
      </c>
      <c r="AT426" s="53">
        <v>2395323.8199999998</v>
      </c>
      <c r="AU426" s="53">
        <v>2395323.8199999998</v>
      </c>
      <c r="AV426" s="53">
        <v>2395323.8199999998</v>
      </c>
      <c r="AW426" s="53">
        <v>2395323.8199999998</v>
      </c>
      <c r="AX426" s="53">
        <v>2395323.8199999998</v>
      </c>
      <c r="AY426" s="53">
        <v>2395323.8199999998</v>
      </c>
      <c r="AZ426" s="53">
        <v>2395323.8199999998</v>
      </c>
      <c r="BA426" s="53">
        <v>2395323.8199999998</v>
      </c>
    </row>
    <row r="427" spans="1:53">
      <c r="A427" s="52" t="s">
        <v>616</v>
      </c>
      <c r="B427" s="53">
        <v>0</v>
      </c>
      <c r="C427" s="53">
        <v>0</v>
      </c>
      <c r="D427" s="53">
        <v>0</v>
      </c>
      <c r="E427" s="53">
        <v>0</v>
      </c>
      <c r="F427" s="53">
        <v>0</v>
      </c>
      <c r="G427" s="53">
        <v>0</v>
      </c>
      <c r="H427" s="53">
        <v>0</v>
      </c>
      <c r="I427" s="53">
        <v>0</v>
      </c>
      <c r="J427" s="53">
        <v>0</v>
      </c>
      <c r="K427" s="53">
        <v>0</v>
      </c>
      <c r="L427" s="53">
        <v>0</v>
      </c>
      <c r="M427" s="53">
        <v>0</v>
      </c>
      <c r="N427" s="53">
        <v>0</v>
      </c>
      <c r="O427" s="53">
        <v>0</v>
      </c>
      <c r="P427" s="53">
        <v>0</v>
      </c>
      <c r="Q427" s="53">
        <v>0</v>
      </c>
      <c r="R427" s="53">
        <v>0</v>
      </c>
      <c r="S427" s="53">
        <v>0</v>
      </c>
      <c r="T427" s="53">
        <v>0</v>
      </c>
      <c r="U427" s="53">
        <v>0</v>
      </c>
      <c r="V427" s="53">
        <v>0</v>
      </c>
      <c r="W427" s="53">
        <v>0</v>
      </c>
      <c r="X427" s="53">
        <v>0</v>
      </c>
      <c r="Y427" s="53">
        <v>0</v>
      </c>
      <c r="Z427" s="53">
        <v>0</v>
      </c>
      <c r="AA427" s="53">
        <v>0</v>
      </c>
      <c r="AB427" s="53">
        <v>0</v>
      </c>
      <c r="AC427" s="53">
        <v>0</v>
      </c>
      <c r="AD427" s="53">
        <v>0</v>
      </c>
      <c r="AE427" s="53">
        <v>0</v>
      </c>
      <c r="AF427" s="53">
        <v>0</v>
      </c>
      <c r="AG427" s="53">
        <v>0</v>
      </c>
      <c r="AH427" s="53">
        <v>0</v>
      </c>
      <c r="AI427" s="53">
        <v>0</v>
      </c>
      <c r="AJ427" s="53">
        <v>0</v>
      </c>
      <c r="AK427" s="53">
        <v>0</v>
      </c>
      <c r="AL427" s="53">
        <v>0</v>
      </c>
      <c r="AM427" s="53">
        <v>0</v>
      </c>
      <c r="AN427" s="53">
        <v>0</v>
      </c>
      <c r="AO427" s="53">
        <v>0</v>
      </c>
      <c r="AP427" s="53">
        <v>0</v>
      </c>
      <c r="AQ427" s="53">
        <v>0</v>
      </c>
      <c r="AR427" s="53">
        <v>0</v>
      </c>
      <c r="AS427" s="53">
        <v>0</v>
      </c>
      <c r="AT427" s="53">
        <v>0</v>
      </c>
      <c r="AU427" s="53">
        <v>0</v>
      </c>
      <c r="AV427" s="53">
        <v>0</v>
      </c>
      <c r="AW427" s="53">
        <v>0</v>
      </c>
      <c r="AX427" s="53">
        <v>0</v>
      </c>
      <c r="AY427" s="53">
        <v>0</v>
      </c>
      <c r="AZ427" s="53">
        <v>0</v>
      </c>
      <c r="BA427" s="53">
        <v>0</v>
      </c>
    </row>
    <row r="428" spans="1:53">
      <c r="A428" s="52" t="s">
        <v>617</v>
      </c>
      <c r="B428" s="53">
        <v>4329051.1500000004</v>
      </c>
      <c r="C428" s="53">
        <v>4329051.1500000004</v>
      </c>
      <c r="D428" s="53">
        <v>4329051.1500000004</v>
      </c>
      <c r="E428" s="53">
        <v>4329051.1500000004</v>
      </c>
      <c r="F428" s="53">
        <v>4329051.1500000004</v>
      </c>
      <c r="G428" s="53">
        <v>4329051.1500000004</v>
      </c>
      <c r="H428" s="53">
        <v>4329051.1500000004</v>
      </c>
      <c r="I428" s="53">
        <v>4329051.1500000004</v>
      </c>
      <c r="J428" s="53">
        <v>4329051.1500000004</v>
      </c>
      <c r="K428" s="53">
        <v>4329051.1500000004</v>
      </c>
      <c r="L428" s="53">
        <v>4329051.1500000004</v>
      </c>
      <c r="M428" s="53">
        <v>4329051.1500000004</v>
      </c>
      <c r="N428" s="53">
        <v>4329051.1500000004</v>
      </c>
      <c r="O428" s="53">
        <v>4329051.1500000004</v>
      </c>
      <c r="P428" s="53">
        <v>4329051.1500000004</v>
      </c>
      <c r="Q428" s="53">
        <v>4329051.1500000004</v>
      </c>
      <c r="R428" s="53">
        <v>4329051.1500000004</v>
      </c>
      <c r="S428" s="53">
        <v>4329051.1500000004</v>
      </c>
      <c r="T428" s="53">
        <v>4329051.1500000004</v>
      </c>
      <c r="U428" s="53">
        <v>4329051.1500000004</v>
      </c>
      <c r="V428" s="53">
        <v>4329051.1500000004</v>
      </c>
      <c r="W428" s="53">
        <v>4329051.1500000004</v>
      </c>
      <c r="X428" s="53">
        <v>4329051.1500000004</v>
      </c>
      <c r="Y428" s="53">
        <v>4329051.1500000004</v>
      </c>
      <c r="Z428" s="53">
        <v>4329051.1500000004</v>
      </c>
      <c r="AA428" s="53">
        <v>4329051.1500000004</v>
      </c>
      <c r="AB428" s="53">
        <v>4329051.1500000004</v>
      </c>
      <c r="AC428" s="53">
        <v>4329051.1500000004</v>
      </c>
      <c r="AD428" s="53">
        <v>4329051.1500000004</v>
      </c>
      <c r="AE428" s="53">
        <v>4329051.1500000004</v>
      </c>
      <c r="AF428" s="53">
        <v>4329051.1500000004</v>
      </c>
      <c r="AG428" s="53">
        <v>4329051.1500000004</v>
      </c>
      <c r="AH428" s="53">
        <v>4329051.1500000004</v>
      </c>
      <c r="AI428" s="53">
        <v>4329051.1500000004</v>
      </c>
      <c r="AJ428" s="53">
        <v>4329051.1500000004</v>
      </c>
      <c r="AK428" s="53">
        <v>4329051.1500000004</v>
      </c>
      <c r="AL428" s="53">
        <v>4329051.1500000004</v>
      </c>
      <c r="AM428" s="53">
        <v>4329051.1500000004</v>
      </c>
      <c r="AN428" s="53">
        <v>4329051.1500000004</v>
      </c>
      <c r="AO428" s="53">
        <v>4329051.1500000004</v>
      </c>
      <c r="AP428" s="53">
        <v>4329051.1500000004</v>
      </c>
      <c r="AQ428" s="53">
        <v>4329051.1500000004</v>
      </c>
      <c r="AR428" s="53">
        <v>4329051.1500000004</v>
      </c>
      <c r="AS428" s="53">
        <v>4329051.1500000004</v>
      </c>
      <c r="AT428" s="53">
        <v>4329051.1500000004</v>
      </c>
      <c r="AU428" s="53">
        <v>4329051.1500000004</v>
      </c>
      <c r="AV428" s="53">
        <v>4329051.1500000004</v>
      </c>
      <c r="AW428" s="53">
        <v>4329051.1500000004</v>
      </c>
      <c r="AX428" s="53">
        <v>4329051.1500000004</v>
      </c>
      <c r="AY428" s="53">
        <v>4329051.1500000004</v>
      </c>
      <c r="AZ428" s="53">
        <v>4329051.1500000004</v>
      </c>
      <c r="BA428" s="53">
        <v>4329051.1500000004</v>
      </c>
    </row>
    <row r="429" spans="1:53">
      <c r="A429" s="52" t="s">
        <v>618</v>
      </c>
      <c r="B429" s="53">
        <v>0</v>
      </c>
      <c r="C429" s="53">
        <v>0</v>
      </c>
      <c r="D429" s="53">
        <v>0</v>
      </c>
      <c r="E429" s="53">
        <v>0</v>
      </c>
      <c r="F429" s="53">
        <v>0</v>
      </c>
      <c r="G429" s="53">
        <v>0</v>
      </c>
      <c r="H429" s="53">
        <v>0</v>
      </c>
      <c r="I429" s="53">
        <v>0</v>
      </c>
      <c r="J429" s="53">
        <v>0</v>
      </c>
      <c r="K429" s="53">
        <v>0</v>
      </c>
      <c r="L429" s="53">
        <v>0</v>
      </c>
      <c r="M429" s="53">
        <v>0</v>
      </c>
      <c r="N429" s="53">
        <v>0</v>
      </c>
      <c r="O429" s="53">
        <v>0</v>
      </c>
      <c r="P429" s="53">
        <v>0</v>
      </c>
      <c r="Q429" s="53">
        <v>0</v>
      </c>
      <c r="R429" s="53">
        <v>0</v>
      </c>
      <c r="S429" s="53">
        <v>0</v>
      </c>
      <c r="T429" s="53">
        <v>0</v>
      </c>
      <c r="U429" s="53">
        <v>0</v>
      </c>
      <c r="V429" s="53">
        <v>0</v>
      </c>
      <c r="W429" s="53">
        <v>0</v>
      </c>
      <c r="X429" s="53">
        <v>0</v>
      </c>
      <c r="Y429" s="53">
        <v>0</v>
      </c>
      <c r="Z429" s="53">
        <v>0</v>
      </c>
      <c r="AA429" s="53">
        <v>0</v>
      </c>
      <c r="AB429" s="53">
        <v>0</v>
      </c>
      <c r="AC429" s="53">
        <v>0</v>
      </c>
      <c r="AD429" s="53">
        <v>0</v>
      </c>
      <c r="AE429" s="53">
        <v>0</v>
      </c>
      <c r="AF429" s="53">
        <v>0</v>
      </c>
      <c r="AG429" s="53">
        <v>0</v>
      </c>
      <c r="AH429" s="53">
        <v>0</v>
      </c>
      <c r="AI429" s="53">
        <v>0</v>
      </c>
      <c r="AJ429" s="53">
        <v>0</v>
      </c>
      <c r="AK429" s="53">
        <v>0</v>
      </c>
      <c r="AL429" s="53">
        <v>0</v>
      </c>
      <c r="AM429" s="53">
        <v>0</v>
      </c>
      <c r="AN429" s="53">
        <v>0</v>
      </c>
      <c r="AO429" s="53">
        <v>0</v>
      </c>
      <c r="AP429" s="53">
        <v>0</v>
      </c>
      <c r="AQ429" s="53">
        <v>0</v>
      </c>
      <c r="AR429" s="53">
        <v>0</v>
      </c>
      <c r="AS429" s="53">
        <v>0</v>
      </c>
      <c r="AT429" s="53">
        <v>0</v>
      </c>
      <c r="AU429" s="53">
        <v>0</v>
      </c>
      <c r="AV429" s="53">
        <v>0</v>
      </c>
      <c r="AW429" s="53">
        <v>0</v>
      </c>
      <c r="AX429" s="53">
        <v>0</v>
      </c>
      <c r="AY429" s="53">
        <v>0</v>
      </c>
      <c r="AZ429" s="53">
        <v>0</v>
      </c>
      <c r="BA429" s="53">
        <v>0</v>
      </c>
    </row>
    <row r="430" spans="1:53">
      <c r="A430" s="52" t="s">
        <v>619</v>
      </c>
      <c r="B430" s="53">
        <v>68707.3</v>
      </c>
      <c r="C430" s="53">
        <v>68707.3</v>
      </c>
      <c r="D430" s="53">
        <v>68707.3</v>
      </c>
      <c r="E430" s="53">
        <v>68707.3</v>
      </c>
      <c r="F430" s="53">
        <v>68707.3</v>
      </c>
      <c r="G430" s="53">
        <v>68707.3</v>
      </c>
      <c r="H430" s="53">
        <v>68707.3</v>
      </c>
      <c r="I430" s="53">
        <v>68707.3</v>
      </c>
      <c r="J430" s="53">
        <v>68707.3</v>
      </c>
      <c r="K430" s="53">
        <v>68707.3</v>
      </c>
      <c r="L430" s="53">
        <v>68707.3</v>
      </c>
      <c r="M430" s="53">
        <v>68707.3</v>
      </c>
      <c r="N430" s="53">
        <v>68707.3</v>
      </c>
      <c r="O430" s="53">
        <v>68707.3</v>
      </c>
      <c r="P430" s="53">
        <v>68707.3</v>
      </c>
      <c r="Q430" s="53">
        <v>68707.3</v>
      </c>
      <c r="R430" s="53">
        <v>68707.3</v>
      </c>
      <c r="S430" s="53">
        <v>68707.3</v>
      </c>
      <c r="T430" s="53">
        <v>68707.3</v>
      </c>
      <c r="U430" s="53">
        <v>68707.3</v>
      </c>
      <c r="V430" s="53">
        <v>68707.3</v>
      </c>
      <c r="W430" s="53">
        <v>68707.3</v>
      </c>
      <c r="X430" s="53">
        <v>68707.3</v>
      </c>
      <c r="Y430" s="53">
        <v>68707.3</v>
      </c>
      <c r="Z430" s="53">
        <v>68707.3</v>
      </c>
      <c r="AA430" s="53">
        <v>68707.3</v>
      </c>
      <c r="AB430" s="53">
        <v>68707.3</v>
      </c>
      <c r="AC430" s="53">
        <v>68707.3</v>
      </c>
      <c r="AD430" s="53">
        <v>68707.3</v>
      </c>
      <c r="AE430" s="53">
        <v>68707.3</v>
      </c>
      <c r="AF430" s="53">
        <v>68707.3</v>
      </c>
      <c r="AG430" s="53">
        <v>68707.3</v>
      </c>
      <c r="AH430" s="53">
        <v>68707.3</v>
      </c>
      <c r="AI430" s="53">
        <v>68707.3</v>
      </c>
      <c r="AJ430" s="53">
        <v>68707.3</v>
      </c>
      <c r="AK430" s="53">
        <v>68707.3</v>
      </c>
      <c r="AL430" s="53">
        <v>68707.3</v>
      </c>
      <c r="AM430" s="53">
        <v>68707.3</v>
      </c>
      <c r="AN430" s="53">
        <v>68707.3</v>
      </c>
      <c r="AO430" s="53">
        <v>68707.3</v>
      </c>
      <c r="AP430" s="53">
        <v>68707.3</v>
      </c>
      <c r="AQ430" s="53">
        <v>68707.3</v>
      </c>
      <c r="AR430" s="53">
        <v>68707.3</v>
      </c>
      <c r="AS430" s="53">
        <v>68707.3</v>
      </c>
      <c r="AT430" s="53">
        <v>68707.3</v>
      </c>
      <c r="AU430" s="53">
        <v>68707.3</v>
      </c>
      <c r="AV430" s="53">
        <v>68707.3</v>
      </c>
      <c r="AW430" s="53">
        <v>68707.3</v>
      </c>
      <c r="AX430" s="53">
        <v>68707.3</v>
      </c>
      <c r="AY430" s="53">
        <v>68707.3</v>
      </c>
      <c r="AZ430" s="53">
        <v>68707.3</v>
      </c>
      <c r="BA430" s="53">
        <v>68707.3</v>
      </c>
    </row>
    <row r="431" spans="1:53">
      <c r="A431" s="52" t="s">
        <v>620</v>
      </c>
      <c r="B431" s="53">
        <v>0</v>
      </c>
      <c r="C431" s="53">
        <v>0</v>
      </c>
      <c r="D431" s="53">
        <v>0</v>
      </c>
      <c r="E431" s="53">
        <v>0</v>
      </c>
      <c r="F431" s="53">
        <v>0</v>
      </c>
      <c r="G431" s="53">
        <v>0</v>
      </c>
      <c r="H431" s="53">
        <v>0</v>
      </c>
      <c r="I431" s="53">
        <v>0</v>
      </c>
      <c r="J431" s="53">
        <v>0</v>
      </c>
      <c r="K431" s="53">
        <v>0</v>
      </c>
      <c r="L431" s="53">
        <v>0</v>
      </c>
      <c r="M431" s="53">
        <v>0</v>
      </c>
      <c r="N431" s="53">
        <v>0</v>
      </c>
      <c r="O431" s="53">
        <v>0</v>
      </c>
      <c r="P431" s="53">
        <v>0</v>
      </c>
      <c r="Q431" s="53">
        <v>0</v>
      </c>
      <c r="R431" s="53">
        <v>0</v>
      </c>
      <c r="S431" s="53">
        <v>0</v>
      </c>
      <c r="T431" s="53">
        <v>0</v>
      </c>
      <c r="U431" s="53">
        <v>0</v>
      </c>
      <c r="V431" s="53">
        <v>0</v>
      </c>
      <c r="W431" s="53">
        <v>0</v>
      </c>
      <c r="X431" s="53">
        <v>0</v>
      </c>
      <c r="Y431" s="53">
        <v>0</v>
      </c>
      <c r="Z431" s="53">
        <v>0</v>
      </c>
      <c r="AA431" s="53">
        <v>0</v>
      </c>
      <c r="AB431" s="53">
        <v>0</v>
      </c>
      <c r="AC431" s="53">
        <v>0</v>
      </c>
      <c r="AD431" s="53">
        <v>0</v>
      </c>
      <c r="AE431" s="53">
        <v>0</v>
      </c>
      <c r="AF431" s="53">
        <v>0</v>
      </c>
      <c r="AG431" s="53">
        <v>0</v>
      </c>
      <c r="AH431" s="53">
        <v>0</v>
      </c>
      <c r="AI431" s="53">
        <v>0</v>
      </c>
      <c r="AJ431" s="53">
        <v>0</v>
      </c>
      <c r="AK431" s="53">
        <v>0</v>
      </c>
      <c r="AL431" s="53">
        <v>0</v>
      </c>
      <c r="AM431" s="53">
        <v>0</v>
      </c>
      <c r="AN431" s="53">
        <v>0</v>
      </c>
      <c r="AO431" s="53">
        <v>0</v>
      </c>
      <c r="AP431" s="53">
        <v>0</v>
      </c>
      <c r="AQ431" s="53">
        <v>0</v>
      </c>
      <c r="AR431" s="53">
        <v>0</v>
      </c>
      <c r="AS431" s="53">
        <v>0</v>
      </c>
      <c r="AT431" s="53">
        <v>0</v>
      </c>
      <c r="AU431" s="53">
        <v>0</v>
      </c>
      <c r="AV431" s="53">
        <v>0</v>
      </c>
      <c r="AW431" s="53">
        <v>0</v>
      </c>
      <c r="AX431" s="53">
        <v>0</v>
      </c>
      <c r="AY431" s="53">
        <v>0</v>
      </c>
      <c r="AZ431" s="53">
        <v>0</v>
      </c>
      <c r="BA431" s="53">
        <v>0</v>
      </c>
    </row>
    <row r="432" spans="1:53">
      <c r="A432" s="52" t="s">
        <v>621</v>
      </c>
      <c r="B432" s="53">
        <v>2313658.2874074001</v>
      </c>
      <c r="C432" s="53">
        <v>2256010.1392592499</v>
      </c>
      <c r="D432" s="53">
        <v>2837250.8799999901</v>
      </c>
      <c r="E432" s="53">
        <v>2768954.5837037</v>
      </c>
      <c r="F432" s="53">
        <v>2700658.2874074001</v>
      </c>
      <c r="G432" s="53">
        <v>2632361.99111111</v>
      </c>
      <c r="H432" s="53">
        <v>2564065.6948148101</v>
      </c>
      <c r="I432" s="53">
        <v>2495769.3985185102</v>
      </c>
      <c r="J432" s="53">
        <v>2427473.10222222</v>
      </c>
      <c r="K432" s="53">
        <v>2359176.8059259201</v>
      </c>
      <c r="L432" s="53">
        <v>2290880.5096296198</v>
      </c>
      <c r="M432" s="53">
        <v>2222584.2133333301</v>
      </c>
      <c r="N432" s="53">
        <v>2222584.2133333301</v>
      </c>
      <c r="O432" s="53">
        <v>2154287.9170370302</v>
      </c>
      <c r="P432" s="53">
        <v>2085991.6207407301</v>
      </c>
      <c r="Q432" s="53">
        <v>2656584.2133333301</v>
      </c>
      <c r="R432" s="53">
        <v>2577639.76888888</v>
      </c>
      <c r="S432" s="53">
        <v>2498695.3244444402</v>
      </c>
      <c r="T432" s="53">
        <v>2419750.8799999901</v>
      </c>
      <c r="U432" s="53">
        <v>2340806.4355555498</v>
      </c>
      <c r="V432" s="53">
        <v>2261861.9911111002</v>
      </c>
      <c r="W432" s="53">
        <v>2182917.5466666599</v>
      </c>
      <c r="X432" s="53">
        <v>2103973.10222222</v>
      </c>
      <c r="Y432" s="53">
        <v>2025028.65777777</v>
      </c>
      <c r="Z432" s="53">
        <v>1946084.2133333299</v>
      </c>
      <c r="AA432" s="53">
        <v>1946084.2133333299</v>
      </c>
      <c r="AB432" s="53">
        <v>1867139.76888888</v>
      </c>
      <c r="AC432" s="53">
        <v>1788195.32444444</v>
      </c>
      <c r="AD432" s="53">
        <v>2348139.76888888</v>
      </c>
      <c r="AE432" s="53">
        <v>2258547.17629629</v>
      </c>
      <c r="AF432" s="53">
        <v>2168954.5837037</v>
      </c>
      <c r="AG432" s="53">
        <v>2079361.9911111</v>
      </c>
      <c r="AH432" s="53">
        <v>1989769.3985185099</v>
      </c>
      <c r="AI432" s="53">
        <v>1900176.8059259199</v>
      </c>
      <c r="AJ432" s="53">
        <v>1810584.2133333299</v>
      </c>
      <c r="AK432" s="53">
        <v>1720991.6207407301</v>
      </c>
      <c r="AL432" s="53">
        <v>1631399.0281481401</v>
      </c>
      <c r="AM432" s="53">
        <v>1541806.43555555</v>
      </c>
      <c r="AN432" s="53">
        <v>1541806.43555555</v>
      </c>
      <c r="AO432" s="53">
        <v>1452213.84296296</v>
      </c>
      <c r="AP432" s="53">
        <v>1362621.25037036</v>
      </c>
      <c r="AQ432" s="53">
        <v>1911917.5466666601</v>
      </c>
      <c r="AR432" s="53">
        <v>1811676.8059259199</v>
      </c>
      <c r="AS432" s="53">
        <v>1711436.0651851799</v>
      </c>
      <c r="AT432" s="53">
        <v>1611195.32444444</v>
      </c>
      <c r="AU432" s="53">
        <v>1557954.5837037</v>
      </c>
      <c r="AV432" s="53">
        <v>1504713.84296296</v>
      </c>
      <c r="AW432" s="53">
        <v>1451473.10222222</v>
      </c>
      <c r="AX432" s="53">
        <v>1398232.3614814701</v>
      </c>
      <c r="AY432" s="53">
        <v>1344991.6207407301</v>
      </c>
      <c r="AZ432" s="53">
        <v>1291750.8799999901</v>
      </c>
      <c r="BA432" s="53">
        <v>1291750.8799999901</v>
      </c>
    </row>
    <row r="433" spans="1:53">
      <c r="A433" s="52" t="s">
        <v>622</v>
      </c>
      <c r="B433" s="53">
        <v>936442.5</v>
      </c>
      <c r="C433" s="53">
        <v>936442.5</v>
      </c>
      <c r="D433" s="53">
        <v>936442.5</v>
      </c>
      <c r="E433" s="53">
        <v>936442.5</v>
      </c>
      <c r="F433" s="53">
        <v>936442.5</v>
      </c>
      <c r="G433" s="53">
        <v>936442.5</v>
      </c>
      <c r="H433" s="53">
        <v>936442.5</v>
      </c>
      <c r="I433" s="53">
        <v>936442.5</v>
      </c>
      <c r="J433" s="53">
        <v>936442.5</v>
      </c>
      <c r="K433" s="53">
        <v>936442.5</v>
      </c>
      <c r="L433" s="53">
        <v>936442.5</v>
      </c>
      <c r="M433" s="53">
        <v>936442.5</v>
      </c>
      <c r="N433" s="53">
        <v>936442.5</v>
      </c>
      <c r="O433" s="53">
        <v>936442.5</v>
      </c>
      <c r="P433" s="53">
        <v>936442.5</v>
      </c>
      <c r="Q433" s="53">
        <v>936442.5</v>
      </c>
      <c r="R433" s="53">
        <v>936442.5</v>
      </c>
      <c r="S433" s="53">
        <v>936442.5</v>
      </c>
      <c r="T433" s="53">
        <v>936442.5</v>
      </c>
      <c r="U433" s="53">
        <v>936442.5</v>
      </c>
      <c r="V433" s="53">
        <v>936442.5</v>
      </c>
      <c r="W433" s="53">
        <v>936442.5</v>
      </c>
      <c r="X433" s="53">
        <v>936442.5</v>
      </c>
      <c r="Y433" s="53">
        <v>936442.5</v>
      </c>
      <c r="Z433" s="53">
        <v>936442.5</v>
      </c>
      <c r="AA433" s="53">
        <v>936442.5</v>
      </c>
      <c r="AB433" s="53">
        <v>936442.5</v>
      </c>
      <c r="AC433" s="53">
        <v>936442.5</v>
      </c>
      <c r="AD433" s="53">
        <v>936442.5</v>
      </c>
      <c r="AE433" s="53">
        <v>936442.5</v>
      </c>
      <c r="AF433" s="53">
        <v>936442.5</v>
      </c>
      <c r="AG433" s="53">
        <v>936442.5</v>
      </c>
      <c r="AH433" s="53">
        <v>936442.5</v>
      </c>
      <c r="AI433" s="53">
        <v>936442.5</v>
      </c>
      <c r="AJ433" s="53">
        <v>936442.5</v>
      </c>
      <c r="AK433" s="53">
        <v>936442.5</v>
      </c>
      <c r="AL433" s="53">
        <v>936442.5</v>
      </c>
      <c r="AM433" s="53">
        <v>936442.5</v>
      </c>
      <c r="AN433" s="53">
        <v>936442.5</v>
      </c>
      <c r="AO433" s="53">
        <v>936442.5</v>
      </c>
      <c r="AP433" s="53">
        <v>936442.5</v>
      </c>
      <c r="AQ433" s="53">
        <v>936442.5</v>
      </c>
      <c r="AR433" s="53">
        <v>936442.5</v>
      </c>
      <c r="AS433" s="53">
        <v>936442.5</v>
      </c>
      <c r="AT433" s="53">
        <v>936442.5</v>
      </c>
      <c r="AU433" s="53">
        <v>936442.5</v>
      </c>
      <c r="AV433" s="53">
        <v>936442.5</v>
      </c>
      <c r="AW433" s="53">
        <v>936442.5</v>
      </c>
      <c r="AX433" s="53">
        <v>936442.5</v>
      </c>
      <c r="AY433" s="53">
        <v>936442.5</v>
      </c>
      <c r="AZ433" s="53">
        <v>936442.5</v>
      </c>
      <c r="BA433" s="53">
        <v>936442.5</v>
      </c>
    </row>
    <row r="434" spans="1:53">
      <c r="A434" s="52" t="s">
        <v>623</v>
      </c>
      <c r="B434" s="53">
        <v>1013832.78</v>
      </c>
      <c r="C434" s="53">
        <v>1013832.78</v>
      </c>
      <c r="D434" s="53">
        <v>1013832.78</v>
      </c>
      <c r="E434" s="53">
        <v>1013832.78</v>
      </c>
      <c r="F434" s="53">
        <v>1013832.78</v>
      </c>
      <c r="G434" s="53">
        <v>1013832.78</v>
      </c>
      <c r="H434" s="53">
        <v>1013832.78</v>
      </c>
      <c r="I434" s="53">
        <v>1013832.78</v>
      </c>
      <c r="J434" s="53">
        <v>1013832.78</v>
      </c>
      <c r="K434" s="53">
        <v>1013832.78</v>
      </c>
      <c r="L434" s="53">
        <v>1013832.78</v>
      </c>
      <c r="M434" s="53">
        <v>1013832.78</v>
      </c>
      <c r="N434" s="53">
        <v>1013832.78</v>
      </c>
      <c r="O434" s="53">
        <v>1013832.78</v>
      </c>
      <c r="P434" s="53">
        <v>1013832.78</v>
      </c>
      <c r="Q434" s="53">
        <v>1013832.78</v>
      </c>
      <c r="R434" s="53">
        <v>1013832.78</v>
      </c>
      <c r="S434" s="53">
        <v>1013832.78</v>
      </c>
      <c r="T434" s="53">
        <v>1013832.78</v>
      </c>
      <c r="U434" s="53">
        <v>1013832.78</v>
      </c>
      <c r="V434" s="53">
        <v>1013832.78</v>
      </c>
      <c r="W434" s="53">
        <v>1013832.78</v>
      </c>
      <c r="X434" s="53">
        <v>1013832.78</v>
      </c>
      <c r="Y434" s="53">
        <v>1013832.78</v>
      </c>
      <c r="Z434" s="53">
        <v>1013832.78</v>
      </c>
      <c r="AA434" s="53">
        <v>1013832.78</v>
      </c>
      <c r="AB434" s="53">
        <v>1013832.78</v>
      </c>
      <c r="AC434" s="53">
        <v>1013832.78</v>
      </c>
      <c r="AD434" s="53">
        <v>1013832.78</v>
      </c>
      <c r="AE434" s="53">
        <v>1013832.78</v>
      </c>
      <c r="AF434" s="53">
        <v>1013832.78</v>
      </c>
      <c r="AG434" s="53">
        <v>1013832.78</v>
      </c>
      <c r="AH434" s="53">
        <v>1013832.78</v>
      </c>
      <c r="AI434" s="53">
        <v>1013832.78</v>
      </c>
      <c r="AJ434" s="53">
        <v>1013832.78</v>
      </c>
      <c r="AK434" s="53">
        <v>1013832.78</v>
      </c>
      <c r="AL434" s="53">
        <v>1013832.78</v>
      </c>
      <c r="AM434" s="53">
        <v>1013832.78</v>
      </c>
      <c r="AN434" s="53">
        <v>1013832.78</v>
      </c>
      <c r="AO434" s="53">
        <v>1013832.78</v>
      </c>
      <c r="AP434" s="53">
        <v>1013832.78</v>
      </c>
      <c r="AQ434" s="53">
        <v>1013832.78</v>
      </c>
      <c r="AR434" s="53">
        <v>1013832.78</v>
      </c>
      <c r="AS434" s="53">
        <v>1013832.78</v>
      </c>
      <c r="AT434" s="53">
        <v>1013832.78</v>
      </c>
      <c r="AU434" s="53">
        <v>1013832.78</v>
      </c>
      <c r="AV434" s="53">
        <v>1013832.78</v>
      </c>
      <c r="AW434" s="53">
        <v>1013832.78</v>
      </c>
      <c r="AX434" s="53">
        <v>1013832.78</v>
      </c>
      <c r="AY434" s="53">
        <v>1013832.78</v>
      </c>
      <c r="AZ434" s="53">
        <v>1013832.78</v>
      </c>
      <c r="BA434" s="53">
        <v>1013832.78</v>
      </c>
    </row>
    <row r="435" spans="1:53">
      <c r="A435" s="52" t="s">
        <v>624</v>
      </c>
      <c r="B435" s="53">
        <v>0</v>
      </c>
      <c r="C435" s="53">
        <v>0</v>
      </c>
      <c r="D435" s="53">
        <v>0</v>
      </c>
      <c r="E435" s="53">
        <v>0</v>
      </c>
      <c r="F435" s="53">
        <v>0</v>
      </c>
      <c r="G435" s="53">
        <v>0</v>
      </c>
      <c r="H435" s="53">
        <v>0</v>
      </c>
      <c r="I435" s="53">
        <v>0</v>
      </c>
      <c r="J435" s="53">
        <v>0</v>
      </c>
      <c r="K435" s="53">
        <v>0</v>
      </c>
      <c r="L435" s="53">
        <v>0</v>
      </c>
      <c r="M435" s="53">
        <v>0</v>
      </c>
      <c r="N435" s="53">
        <v>0</v>
      </c>
      <c r="O435" s="53">
        <v>0</v>
      </c>
      <c r="P435" s="53">
        <v>0</v>
      </c>
      <c r="Q435" s="53">
        <v>0</v>
      </c>
      <c r="R435" s="53">
        <v>0</v>
      </c>
      <c r="S435" s="53">
        <v>0</v>
      </c>
      <c r="T435" s="53">
        <v>0</v>
      </c>
      <c r="U435" s="53">
        <v>0</v>
      </c>
      <c r="V435" s="53">
        <v>0</v>
      </c>
      <c r="W435" s="53">
        <v>0</v>
      </c>
      <c r="X435" s="53">
        <v>0</v>
      </c>
      <c r="Y435" s="53">
        <v>0</v>
      </c>
      <c r="Z435" s="53">
        <v>0</v>
      </c>
      <c r="AA435" s="53">
        <v>0</v>
      </c>
      <c r="AB435" s="53">
        <v>0</v>
      </c>
      <c r="AC435" s="53">
        <v>0</v>
      </c>
      <c r="AD435" s="53">
        <v>0</v>
      </c>
      <c r="AE435" s="53">
        <v>0</v>
      </c>
      <c r="AF435" s="53">
        <v>0</v>
      </c>
      <c r="AG435" s="53">
        <v>0</v>
      </c>
      <c r="AH435" s="53">
        <v>0</v>
      </c>
      <c r="AI435" s="53">
        <v>0</v>
      </c>
      <c r="AJ435" s="53">
        <v>0</v>
      </c>
      <c r="AK435" s="53">
        <v>0</v>
      </c>
      <c r="AL435" s="53">
        <v>0</v>
      </c>
      <c r="AM435" s="53">
        <v>0</v>
      </c>
      <c r="AN435" s="53">
        <v>0</v>
      </c>
      <c r="AO435" s="53">
        <v>0</v>
      </c>
      <c r="AP435" s="53">
        <v>0</v>
      </c>
      <c r="AQ435" s="53">
        <v>0</v>
      </c>
      <c r="AR435" s="53">
        <v>0</v>
      </c>
      <c r="AS435" s="53">
        <v>0</v>
      </c>
      <c r="AT435" s="53">
        <v>0</v>
      </c>
      <c r="AU435" s="53">
        <v>0</v>
      </c>
      <c r="AV435" s="53">
        <v>0</v>
      </c>
      <c r="AW435" s="53">
        <v>0</v>
      </c>
      <c r="AX435" s="53">
        <v>0</v>
      </c>
      <c r="AY435" s="53">
        <v>0</v>
      </c>
      <c r="AZ435" s="53">
        <v>0</v>
      </c>
      <c r="BA435" s="53">
        <v>0</v>
      </c>
    </row>
    <row r="436" spans="1:53">
      <c r="A436" s="52" t="s">
        <v>625</v>
      </c>
      <c r="B436" s="53">
        <v>3288599.25</v>
      </c>
      <c r="C436" s="53">
        <v>3288599.25</v>
      </c>
      <c r="D436" s="53">
        <v>3288599.25</v>
      </c>
      <c r="E436" s="53">
        <v>3288599.25</v>
      </c>
      <c r="F436" s="53">
        <v>3288599.25</v>
      </c>
      <c r="G436" s="53">
        <v>3288599.25</v>
      </c>
      <c r="H436" s="53">
        <v>3288599.25</v>
      </c>
      <c r="I436" s="53">
        <v>3288599.25</v>
      </c>
      <c r="J436" s="53">
        <v>3288599.25</v>
      </c>
      <c r="K436" s="53">
        <v>3288599.25</v>
      </c>
      <c r="L436" s="53">
        <v>3288599.25</v>
      </c>
      <c r="M436" s="53">
        <v>3288599.25</v>
      </c>
      <c r="N436" s="53">
        <v>3288599.25</v>
      </c>
      <c r="O436" s="53">
        <v>3288599.25</v>
      </c>
      <c r="P436" s="53">
        <v>3288599.25</v>
      </c>
      <c r="Q436" s="53">
        <v>3288599.25</v>
      </c>
      <c r="R436" s="53">
        <v>3288599.25</v>
      </c>
      <c r="S436" s="53">
        <v>3288599.25</v>
      </c>
      <c r="T436" s="53">
        <v>3288599.25</v>
      </c>
      <c r="U436" s="53">
        <v>3288599.25</v>
      </c>
      <c r="V436" s="53">
        <v>3288599.25</v>
      </c>
      <c r="W436" s="53">
        <v>3288599.25</v>
      </c>
      <c r="X436" s="53">
        <v>3288599.25</v>
      </c>
      <c r="Y436" s="53">
        <v>3288599.25</v>
      </c>
      <c r="Z436" s="53">
        <v>3288599.25</v>
      </c>
      <c r="AA436" s="53">
        <v>3288599.25</v>
      </c>
      <c r="AB436" s="53">
        <v>3288599.25</v>
      </c>
      <c r="AC436" s="53">
        <v>3288599.25</v>
      </c>
      <c r="AD436" s="53">
        <v>3288599.25</v>
      </c>
      <c r="AE436" s="53">
        <v>3288599.25</v>
      </c>
      <c r="AF436" s="53">
        <v>3288599.25</v>
      </c>
      <c r="AG436" s="53">
        <v>3288599.25</v>
      </c>
      <c r="AH436" s="53">
        <v>3288599.25</v>
      </c>
      <c r="AI436" s="53">
        <v>3288599.25</v>
      </c>
      <c r="AJ436" s="53">
        <v>3288599.25</v>
      </c>
      <c r="AK436" s="53">
        <v>3288599.25</v>
      </c>
      <c r="AL436" s="53">
        <v>3288599.25</v>
      </c>
      <c r="AM436" s="53">
        <v>3288599.25</v>
      </c>
      <c r="AN436" s="53">
        <v>3288599.25</v>
      </c>
      <c r="AO436" s="53">
        <v>3288599.25</v>
      </c>
      <c r="AP436" s="53">
        <v>3288599.25</v>
      </c>
      <c r="AQ436" s="53">
        <v>3288599.25</v>
      </c>
      <c r="AR436" s="53">
        <v>3288599.25</v>
      </c>
      <c r="AS436" s="53">
        <v>3288599.25</v>
      </c>
      <c r="AT436" s="53">
        <v>3288599.25</v>
      </c>
      <c r="AU436" s="53">
        <v>3288599.25</v>
      </c>
      <c r="AV436" s="53">
        <v>3288599.25</v>
      </c>
      <c r="AW436" s="53">
        <v>3288599.25</v>
      </c>
      <c r="AX436" s="53">
        <v>3288599.25</v>
      </c>
      <c r="AY436" s="53">
        <v>3288599.25</v>
      </c>
      <c r="AZ436" s="53">
        <v>3288599.25</v>
      </c>
      <c r="BA436" s="53">
        <v>3288599.25</v>
      </c>
    </row>
    <row r="437" spans="1:53">
      <c r="A437" s="52" t="s">
        <v>626</v>
      </c>
      <c r="B437" s="53">
        <v>0</v>
      </c>
      <c r="C437" s="53">
        <v>0</v>
      </c>
      <c r="D437" s="53">
        <v>0</v>
      </c>
      <c r="E437" s="53">
        <v>0</v>
      </c>
      <c r="F437" s="53">
        <v>0</v>
      </c>
      <c r="G437" s="53">
        <v>0</v>
      </c>
      <c r="H437" s="53">
        <v>0</v>
      </c>
      <c r="I437" s="53">
        <v>0</v>
      </c>
      <c r="J437" s="53">
        <v>0</v>
      </c>
      <c r="K437" s="53">
        <v>0</v>
      </c>
      <c r="L437" s="53">
        <v>0</v>
      </c>
      <c r="M437" s="53">
        <v>0</v>
      </c>
      <c r="N437" s="53">
        <v>0</v>
      </c>
      <c r="O437" s="53">
        <v>0</v>
      </c>
      <c r="P437" s="53">
        <v>0</v>
      </c>
      <c r="Q437" s="53">
        <v>0</v>
      </c>
      <c r="R437" s="53">
        <v>0</v>
      </c>
      <c r="S437" s="53">
        <v>0</v>
      </c>
      <c r="T437" s="53">
        <v>0</v>
      </c>
      <c r="U437" s="53">
        <v>0</v>
      </c>
      <c r="V437" s="53">
        <v>0</v>
      </c>
      <c r="W437" s="53">
        <v>0</v>
      </c>
      <c r="X437" s="53">
        <v>0</v>
      </c>
      <c r="Y437" s="53">
        <v>0</v>
      </c>
      <c r="Z437" s="53">
        <v>0</v>
      </c>
      <c r="AA437" s="53">
        <v>0</v>
      </c>
      <c r="AB437" s="53">
        <v>0</v>
      </c>
      <c r="AC437" s="53">
        <v>0</v>
      </c>
      <c r="AD437" s="53">
        <v>0</v>
      </c>
      <c r="AE437" s="53">
        <v>0</v>
      </c>
      <c r="AF437" s="53">
        <v>0</v>
      </c>
      <c r="AG437" s="53">
        <v>0</v>
      </c>
      <c r="AH437" s="53">
        <v>0</v>
      </c>
      <c r="AI437" s="53">
        <v>0</v>
      </c>
      <c r="AJ437" s="53">
        <v>0</v>
      </c>
      <c r="AK437" s="53">
        <v>0</v>
      </c>
      <c r="AL437" s="53">
        <v>0</v>
      </c>
      <c r="AM437" s="53">
        <v>0</v>
      </c>
      <c r="AN437" s="53">
        <v>0</v>
      </c>
      <c r="AO437" s="53">
        <v>0</v>
      </c>
      <c r="AP437" s="53">
        <v>0</v>
      </c>
      <c r="AQ437" s="53">
        <v>0</v>
      </c>
      <c r="AR437" s="53">
        <v>0</v>
      </c>
      <c r="AS437" s="53">
        <v>0</v>
      </c>
      <c r="AT437" s="53">
        <v>0</v>
      </c>
      <c r="AU437" s="53">
        <v>0</v>
      </c>
      <c r="AV437" s="53">
        <v>0</v>
      </c>
      <c r="AW437" s="53">
        <v>0</v>
      </c>
      <c r="AX437" s="53">
        <v>0</v>
      </c>
      <c r="AY437" s="53">
        <v>0</v>
      </c>
      <c r="AZ437" s="53">
        <v>0</v>
      </c>
      <c r="BA437" s="53">
        <v>0</v>
      </c>
    </row>
    <row r="438" spans="1:53">
      <c r="A438" s="52" t="s">
        <v>627</v>
      </c>
      <c r="B438" s="53">
        <v>2694963.09</v>
      </c>
      <c r="C438" s="53">
        <v>2694963.09</v>
      </c>
      <c r="D438" s="53">
        <v>2694963.09</v>
      </c>
      <c r="E438" s="53">
        <v>2694963.09</v>
      </c>
      <c r="F438" s="53">
        <v>2694963.09</v>
      </c>
      <c r="G438" s="53">
        <v>2694963.09</v>
      </c>
      <c r="H438" s="53">
        <v>2694963.09</v>
      </c>
      <c r="I438" s="53">
        <v>2694963.09</v>
      </c>
      <c r="J438" s="53">
        <v>2694963.09</v>
      </c>
      <c r="K438" s="53">
        <v>2694963.09</v>
      </c>
      <c r="L438" s="53">
        <v>2694963.09</v>
      </c>
      <c r="M438" s="53">
        <v>2694963.09</v>
      </c>
      <c r="N438" s="53">
        <v>2694963.09</v>
      </c>
      <c r="O438" s="53">
        <v>2694963.09</v>
      </c>
      <c r="P438" s="53">
        <v>2694963.09</v>
      </c>
      <c r="Q438" s="53">
        <v>2694963.09</v>
      </c>
      <c r="R438" s="53">
        <v>2694963.09</v>
      </c>
      <c r="S438" s="53">
        <v>2694963.09</v>
      </c>
      <c r="T438" s="53">
        <v>2694963.09</v>
      </c>
      <c r="U438" s="53">
        <v>2694963.09</v>
      </c>
      <c r="V438" s="53">
        <v>2694963.09</v>
      </c>
      <c r="W438" s="53">
        <v>2694963.09</v>
      </c>
      <c r="X438" s="53">
        <v>2694963.09</v>
      </c>
      <c r="Y438" s="53">
        <v>2694963.09</v>
      </c>
      <c r="Z438" s="53">
        <v>2694963.09</v>
      </c>
      <c r="AA438" s="53">
        <v>2694963.09</v>
      </c>
      <c r="AB438" s="53">
        <v>2694963.09</v>
      </c>
      <c r="AC438" s="53">
        <v>2694963.09</v>
      </c>
      <c r="AD438" s="53">
        <v>2694963.09</v>
      </c>
      <c r="AE438" s="53">
        <v>2694963.09</v>
      </c>
      <c r="AF438" s="53">
        <v>2694963.09</v>
      </c>
      <c r="AG438" s="53">
        <v>2694963.09</v>
      </c>
      <c r="AH438" s="53">
        <v>2694963.09</v>
      </c>
      <c r="AI438" s="53">
        <v>2694963.09</v>
      </c>
      <c r="AJ438" s="53">
        <v>2694963.09</v>
      </c>
      <c r="AK438" s="53">
        <v>2694963.09</v>
      </c>
      <c r="AL438" s="53">
        <v>2694963.09</v>
      </c>
      <c r="AM438" s="53">
        <v>2694963.09</v>
      </c>
      <c r="AN438" s="53">
        <v>2694963.09</v>
      </c>
      <c r="AO438" s="53">
        <v>2694963.09</v>
      </c>
      <c r="AP438" s="53">
        <v>2694963.09</v>
      </c>
      <c r="AQ438" s="53">
        <v>2694963.09</v>
      </c>
      <c r="AR438" s="53">
        <v>2694963.09</v>
      </c>
      <c r="AS438" s="53">
        <v>2694963.09</v>
      </c>
      <c r="AT438" s="53">
        <v>2694963.09</v>
      </c>
      <c r="AU438" s="53">
        <v>2694963.09</v>
      </c>
      <c r="AV438" s="53">
        <v>2694963.09</v>
      </c>
      <c r="AW438" s="53">
        <v>2694963.09</v>
      </c>
      <c r="AX438" s="53">
        <v>2694963.09</v>
      </c>
      <c r="AY438" s="53">
        <v>2694963.09</v>
      </c>
      <c r="AZ438" s="53">
        <v>2694963.09</v>
      </c>
      <c r="BA438" s="53">
        <v>2694963.09</v>
      </c>
    </row>
    <row r="439" spans="1:53">
      <c r="A439" s="52" t="s">
        <v>628</v>
      </c>
      <c r="B439" s="53">
        <v>6768446.3200000003</v>
      </c>
      <c r="C439" s="53">
        <v>6768446.3200000003</v>
      </c>
      <c r="D439" s="53">
        <v>6768446.3200000003</v>
      </c>
      <c r="E439" s="53">
        <v>6768446.3200000003</v>
      </c>
      <c r="F439" s="53">
        <v>6768446.3200000003</v>
      </c>
      <c r="G439" s="53">
        <v>6768446.3200000003</v>
      </c>
      <c r="H439" s="53">
        <v>6768446.3200000003</v>
      </c>
      <c r="I439" s="53">
        <v>6768446.3200000003</v>
      </c>
      <c r="J439" s="53">
        <v>6768446.3200000003</v>
      </c>
      <c r="K439" s="53">
        <v>6768446.3200000003</v>
      </c>
      <c r="L439" s="53">
        <v>6768446.3200000003</v>
      </c>
      <c r="M439" s="53">
        <v>6768446.3200000003</v>
      </c>
      <c r="N439" s="53">
        <v>6768446.3200000003</v>
      </c>
      <c r="O439" s="53">
        <v>6768446.3200000003</v>
      </c>
      <c r="P439" s="53">
        <v>6768446.3200000003</v>
      </c>
      <c r="Q439" s="53">
        <v>6768446.3200000003</v>
      </c>
      <c r="R439" s="53">
        <v>6768446.3200000003</v>
      </c>
      <c r="S439" s="53">
        <v>6768446.3200000003</v>
      </c>
      <c r="T439" s="53">
        <v>6768446.3200000003</v>
      </c>
      <c r="U439" s="53">
        <v>6768446.3200000003</v>
      </c>
      <c r="V439" s="53">
        <v>6768446.3200000003</v>
      </c>
      <c r="W439" s="53">
        <v>6768446.3200000003</v>
      </c>
      <c r="X439" s="53">
        <v>6768446.3200000003</v>
      </c>
      <c r="Y439" s="53">
        <v>6768446.3200000003</v>
      </c>
      <c r="Z439" s="53">
        <v>6768446.3200000003</v>
      </c>
      <c r="AA439" s="53">
        <v>6768446.3200000003</v>
      </c>
      <c r="AB439" s="53">
        <v>6768446.3200000003</v>
      </c>
      <c r="AC439" s="53">
        <v>6768446.3200000003</v>
      </c>
      <c r="AD439" s="53">
        <v>6768446.3200000003</v>
      </c>
      <c r="AE439" s="53">
        <v>6768446.3200000003</v>
      </c>
      <c r="AF439" s="53">
        <v>6768446.3200000003</v>
      </c>
      <c r="AG439" s="53">
        <v>6768446.3200000003</v>
      </c>
      <c r="AH439" s="53">
        <v>6768446.3200000003</v>
      </c>
      <c r="AI439" s="53">
        <v>6768446.3200000003</v>
      </c>
      <c r="AJ439" s="53">
        <v>6768446.3200000003</v>
      </c>
      <c r="AK439" s="53">
        <v>6768446.3200000003</v>
      </c>
      <c r="AL439" s="53">
        <v>6768446.3200000003</v>
      </c>
      <c r="AM439" s="53">
        <v>6768446.3200000003</v>
      </c>
      <c r="AN439" s="53">
        <v>6768446.3200000003</v>
      </c>
      <c r="AO439" s="53">
        <v>6768446.3200000003</v>
      </c>
      <c r="AP439" s="53">
        <v>6768446.3200000003</v>
      </c>
      <c r="AQ439" s="53">
        <v>6768446.3200000003</v>
      </c>
      <c r="AR439" s="53">
        <v>6768446.3200000003</v>
      </c>
      <c r="AS439" s="53">
        <v>6768446.3200000003</v>
      </c>
      <c r="AT439" s="53">
        <v>6768446.3200000003</v>
      </c>
      <c r="AU439" s="53">
        <v>6768446.3200000003</v>
      </c>
      <c r="AV439" s="53">
        <v>6768446.3200000003</v>
      </c>
      <c r="AW439" s="53">
        <v>6768446.3200000003</v>
      </c>
      <c r="AX439" s="53">
        <v>6768446.3200000003</v>
      </c>
      <c r="AY439" s="53">
        <v>6768446.3200000003</v>
      </c>
      <c r="AZ439" s="53">
        <v>6768446.3200000003</v>
      </c>
      <c r="BA439" s="53">
        <v>6768446.3200000003</v>
      </c>
    </row>
    <row r="440" spans="1:53">
      <c r="A440" s="52" t="s">
        <v>629</v>
      </c>
      <c r="B440" s="53">
        <v>3226311.26</v>
      </c>
      <c r="C440" s="53">
        <v>3226311.26</v>
      </c>
      <c r="D440" s="53">
        <v>3226311.26</v>
      </c>
      <c r="E440" s="53">
        <v>3226311.26</v>
      </c>
      <c r="F440" s="53">
        <v>3226311.26</v>
      </c>
      <c r="G440" s="53">
        <v>3226311.26</v>
      </c>
      <c r="H440" s="53">
        <v>3226311.26</v>
      </c>
      <c r="I440" s="53">
        <v>3226311.26</v>
      </c>
      <c r="J440" s="53">
        <v>3226311.26</v>
      </c>
      <c r="K440" s="53">
        <v>3226311.26</v>
      </c>
      <c r="L440" s="53">
        <v>3226311.26</v>
      </c>
      <c r="M440" s="53">
        <v>3226311.26</v>
      </c>
      <c r="N440" s="53">
        <v>3226311.26</v>
      </c>
      <c r="O440" s="53">
        <v>3226311.26</v>
      </c>
      <c r="P440" s="53">
        <v>3226311.26</v>
      </c>
      <c r="Q440" s="53">
        <v>3226311.26</v>
      </c>
      <c r="R440" s="53">
        <v>3226311.26</v>
      </c>
      <c r="S440" s="53">
        <v>3226311.26</v>
      </c>
      <c r="T440" s="53">
        <v>3226311.26</v>
      </c>
      <c r="U440" s="53">
        <v>3226311.26</v>
      </c>
      <c r="V440" s="53">
        <v>3226311.26</v>
      </c>
      <c r="W440" s="53">
        <v>3226311.26</v>
      </c>
      <c r="X440" s="53">
        <v>3226311.26</v>
      </c>
      <c r="Y440" s="53">
        <v>3226311.26</v>
      </c>
      <c r="Z440" s="53">
        <v>3226311.26</v>
      </c>
      <c r="AA440" s="53">
        <v>3226311.26</v>
      </c>
      <c r="AB440" s="53">
        <v>3226311.26</v>
      </c>
      <c r="AC440" s="53">
        <v>3226311.26</v>
      </c>
      <c r="AD440" s="53">
        <v>3226311.26</v>
      </c>
      <c r="AE440" s="53">
        <v>3226311.26</v>
      </c>
      <c r="AF440" s="53">
        <v>3226311.26</v>
      </c>
      <c r="AG440" s="53">
        <v>3226311.26</v>
      </c>
      <c r="AH440" s="53">
        <v>3226311.26</v>
      </c>
      <c r="AI440" s="53">
        <v>3226311.26</v>
      </c>
      <c r="AJ440" s="53">
        <v>3226311.26</v>
      </c>
      <c r="AK440" s="53">
        <v>3226311.26</v>
      </c>
      <c r="AL440" s="53">
        <v>3226311.26</v>
      </c>
      <c r="AM440" s="53">
        <v>3226311.26</v>
      </c>
      <c r="AN440" s="53">
        <v>3226311.26</v>
      </c>
      <c r="AO440" s="53">
        <v>3226311.26</v>
      </c>
      <c r="AP440" s="53">
        <v>3226311.26</v>
      </c>
      <c r="AQ440" s="53">
        <v>3226311.26</v>
      </c>
      <c r="AR440" s="53">
        <v>3226311.26</v>
      </c>
      <c r="AS440" s="53">
        <v>3226311.26</v>
      </c>
      <c r="AT440" s="53">
        <v>3226311.26</v>
      </c>
      <c r="AU440" s="53">
        <v>3226311.26</v>
      </c>
      <c r="AV440" s="53">
        <v>3226311.26</v>
      </c>
      <c r="AW440" s="53">
        <v>3226311.26</v>
      </c>
      <c r="AX440" s="53">
        <v>3226311.26</v>
      </c>
      <c r="AY440" s="53">
        <v>3226311.26</v>
      </c>
      <c r="AZ440" s="53">
        <v>3226311.26</v>
      </c>
      <c r="BA440" s="53">
        <v>3226311.26</v>
      </c>
    </row>
    <row r="441" spans="1:53">
      <c r="A441" s="58" t="s">
        <v>630</v>
      </c>
      <c r="B441" s="134">
        <v>60710913.9574074</v>
      </c>
      <c r="C441" s="134">
        <v>60642069.809259199</v>
      </c>
      <c r="D441" s="134">
        <v>61212114.5499999</v>
      </c>
      <c r="E441" s="134">
        <v>61132622.253703699</v>
      </c>
      <c r="F441" s="134">
        <v>61053129.9574074</v>
      </c>
      <c r="G441" s="134">
        <v>60973637.661111102</v>
      </c>
      <c r="H441" s="134">
        <v>60894145.364814803</v>
      </c>
      <c r="I441" s="134">
        <v>60814653.068518497</v>
      </c>
      <c r="J441" s="134">
        <v>60735160.772222199</v>
      </c>
      <c r="K441" s="134">
        <v>60655668.4759259</v>
      </c>
      <c r="L441" s="134">
        <v>60576176.179629602</v>
      </c>
      <c r="M441" s="134">
        <v>60496683.883333303</v>
      </c>
      <c r="N441" s="134">
        <v>60496683.883333303</v>
      </c>
      <c r="O441" s="134">
        <v>60417191.587036997</v>
      </c>
      <c r="P441" s="134">
        <v>60337699.290740699</v>
      </c>
      <c r="Q441" s="134">
        <v>60897095.883333303</v>
      </c>
      <c r="R441" s="134">
        <v>60806955.438888803</v>
      </c>
      <c r="S441" s="134">
        <v>60716814.9944444</v>
      </c>
      <c r="T441" s="134">
        <v>60626674.5499999</v>
      </c>
      <c r="U441" s="134">
        <v>60536534.105555497</v>
      </c>
      <c r="V441" s="134">
        <v>60446393.661111102</v>
      </c>
      <c r="W441" s="134">
        <v>60356253.216666602</v>
      </c>
      <c r="X441" s="134">
        <v>60266112.772222199</v>
      </c>
      <c r="Y441" s="134">
        <v>60175972.327777699</v>
      </c>
      <c r="Z441" s="134">
        <v>60085831.883333303</v>
      </c>
      <c r="AA441" s="134">
        <v>60085831.883333303</v>
      </c>
      <c r="AB441" s="134">
        <v>59995691.438888803</v>
      </c>
      <c r="AC441" s="134">
        <v>59905550.9944444</v>
      </c>
      <c r="AD441" s="134">
        <v>60454299.438888803</v>
      </c>
      <c r="AE441" s="134">
        <v>60691010.846296199</v>
      </c>
      <c r="AF441" s="134">
        <v>60590222.253703602</v>
      </c>
      <c r="AG441" s="134">
        <v>60489433.661111102</v>
      </c>
      <c r="AH441" s="134">
        <v>60388645.068518497</v>
      </c>
      <c r="AI441" s="134">
        <v>60287856.4759259</v>
      </c>
      <c r="AJ441" s="134">
        <v>60187067.883333303</v>
      </c>
      <c r="AK441" s="134">
        <v>60086279.290740699</v>
      </c>
      <c r="AL441" s="134">
        <v>59985490.698148102</v>
      </c>
      <c r="AM441" s="134">
        <v>59884702.105555497</v>
      </c>
      <c r="AN441" s="134">
        <v>59884702.105555497</v>
      </c>
      <c r="AO441" s="134">
        <v>59783913.5129629</v>
      </c>
      <c r="AP441" s="134">
        <v>59683124.920370303</v>
      </c>
      <c r="AQ441" s="134">
        <v>60221225.216666602</v>
      </c>
      <c r="AR441" s="134">
        <v>60109788.4759259</v>
      </c>
      <c r="AS441" s="134">
        <v>59998351.735185102</v>
      </c>
      <c r="AT441" s="134">
        <v>59886914.9944444</v>
      </c>
      <c r="AU441" s="134">
        <v>59822478.253703699</v>
      </c>
      <c r="AV441" s="134">
        <v>59758041.5129629</v>
      </c>
      <c r="AW441" s="134">
        <v>59693604.772222199</v>
      </c>
      <c r="AX441" s="134">
        <v>59629168.0314814</v>
      </c>
      <c r="AY441" s="134">
        <v>59564731.290740699</v>
      </c>
      <c r="AZ441" s="134">
        <v>59500294.5499999</v>
      </c>
      <c r="BA441" s="134">
        <v>59500294.5499999</v>
      </c>
    </row>
    <row r="442" spans="1:53">
      <c r="A442" s="52" t="s">
        <v>631</v>
      </c>
    </row>
    <row r="443" spans="1:53">
      <c r="A443" s="57" t="s">
        <v>632</v>
      </c>
    </row>
    <row r="444" spans="1:53">
      <c r="A444" s="52" t="s">
        <v>633</v>
      </c>
      <c r="B444" s="53">
        <v>0</v>
      </c>
      <c r="C444" s="53">
        <v>0</v>
      </c>
      <c r="D444" s="53">
        <v>0</v>
      </c>
      <c r="E444" s="53">
        <v>0</v>
      </c>
      <c r="F444" s="53">
        <v>0</v>
      </c>
      <c r="G444" s="53">
        <v>0</v>
      </c>
      <c r="H444" s="53">
        <v>0</v>
      </c>
      <c r="I444" s="53">
        <v>0</v>
      </c>
      <c r="J444" s="53">
        <v>0</v>
      </c>
      <c r="K444" s="53">
        <v>0</v>
      </c>
      <c r="L444" s="53">
        <v>0</v>
      </c>
      <c r="M444" s="53">
        <v>0</v>
      </c>
      <c r="N444" s="53">
        <v>0</v>
      </c>
      <c r="O444" s="53">
        <v>0</v>
      </c>
      <c r="P444" s="53">
        <v>0</v>
      </c>
      <c r="Q444" s="53">
        <v>0</v>
      </c>
      <c r="R444" s="53">
        <v>0</v>
      </c>
      <c r="S444" s="53">
        <v>0</v>
      </c>
      <c r="T444" s="53">
        <v>0</v>
      </c>
      <c r="U444" s="53">
        <v>0</v>
      </c>
      <c r="V444" s="53">
        <v>0</v>
      </c>
      <c r="W444" s="53">
        <v>0</v>
      </c>
      <c r="X444" s="53">
        <v>0</v>
      </c>
      <c r="Y444" s="53">
        <v>0</v>
      </c>
      <c r="Z444" s="53">
        <v>0</v>
      </c>
      <c r="AA444" s="53">
        <v>0</v>
      </c>
      <c r="AB444" s="53">
        <v>0</v>
      </c>
      <c r="AC444" s="53">
        <v>0</v>
      </c>
      <c r="AD444" s="53">
        <v>0</v>
      </c>
      <c r="AE444" s="53">
        <v>0</v>
      </c>
      <c r="AF444" s="53">
        <v>0</v>
      </c>
      <c r="AG444" s="53">
        <v>0</v>
      </c>
      <c r="AH444" s="53">
        <v>0</v>
      </c>
      <c r="AI444" s="53">
        <v>0</v>
      </c>
      <c r="AJ444" s="53">
        <v>0</v>
      </c>
      <c r="AK444" s="53">
        <v>0</v>
      </c>
      <c r="AL444" s="53">
        <v>0</v>
      </c>
      <c r="AM444" s="53">
        <v>0</v>
      </c>
      <c r="AN444" s="53">
        <v>0</v>
      </c>
      <c r="AO444" s="53">
        <v>0</v>
      </c>
      <c r="AP444" s="53">
        <v>0</v>
      </c>
      <c r="AQ444" s="53">
        <v>0</v>
      </c>
      <c r="AR444" s="53">
        <v>0</v>
      </c>
      <c r="AS444" s="53">
        <v>0</v>
      </c>
      <c r="AT444" s="53">
        <v>0</v>
      </c>
      <c r="AU444" s="53">
        <v>0</v>
      </c>
      <c r="AV444" s="53">
        <v>0</v>
      </c>
      <c r="AW444" s="53">
        <v>0</v>
      </c>
      <c r="AX444" s="53">
        <v>0</v>
      </c>
      <c r="AY444" s="53">
        <v>0</v>
      </c>
      <c r="AZ444" s="53">
        <v>0</v>
      </c>
      <c r="BA444" s="53">
        <v>0</v>
      </c>
    </row>
    <row r="445" spans="1:53">
      <c r="A445" s="52" t="s">
        <v>634</v>
      </c>
      <c r="B445" s="53">
        <v>0</v>
      </c>
      <c r="C445" s="53">
        <v>0</v>
      </c>
      <c r="D445" s="53">
        <v>0</v>
      </c>
      <c r="E445" s="53">
        <v>0</v>
      </c>
      <c r="F445" s="53">
        <v>0</v>
      </c>
      <c r="G445" s="53">
        <v>0</v>
      </c>
      <c r="H445" s="53">
        <v>0</v>
      </c>
      <c r="I445" s="53">
        <v>0</v>
      </c>
      <c r="J445" s="53">
        <v>0</v>
      </c>
      <c r="K445" s="53">
        <v>0</v>
      </c>
      <c r="L445" s="53">
        <v>0</v>
      </c>
      <c r="M445" s="53">
        <v>0</v>
      </c>
      <c r="N445" s="53">
        <v>0</v>
      </c>
      <c r="O445" s="53">
        <v>0</v>
      </c>
      <c r="P445" s="53">
        <v>0</v>
      </c>
      <c r="Q445" s="53">
        <v>0</v>
      </c>
      <c r="R445" s="53">
        <v>0</v>
      </c>
      <c r="S445" s="53">
        <v>0</v>
      </c>
      <c r="T445" s="53">
        <v>0</v>
      </c>
      <c r="U445" s="53">
        <v>0</v>
      </c>
      <c r="V445" s="53">
        <v>0</v>
      </c>
      <c r="W445" s="53">
        <v>0</v>
      </c>
      <c r="X445" s="53">
        <v>0</v>
      </c>
      <c r="Y445" s="53">
        <v>0</v>
      </c>
      <c r="Z445" s="53">
        <v>0</v>
      </c>
      <c r="AA445" s="53">
        <v>0</v>
      </c>
      <c r="AB445" s="53">
        <v>0</v>
      </c>
      <c r="AC445" s="53">
        <v>0</v>
      </c>
      <c r="AD445" s="53">
        <v>0</v>
      </c>
      <c r="AE445" s="53">
        <v>0</v>
      </c>
      <c r="AF445" s="53">
        <v>0</v>
      </c>
      <c r="AG445" s="53">
        <v>0</v>
      </c>
      <c r="AH445" s="53">
        <v>0</v>
      </c>
      <c r="AI445" s="53">
        <v>0</v>
      </c>
      <c r="AJ445" s="53">
        <v>0</v>
      </c>
      <c r="AK445" s="53">
        <v>0</v>
      </c>
      <c r="AL445" s="53">
        <v>0</v>
      </c>
      <c r="AM445" s="53">
        <v>0</v>
      </c>
      <c r="AN445" s="53">
        <v>0</v>
      </c>
      <c r="AO445" s="53">
        <v>0</v>
      </c>
      <c r="AP445" s="53">
        <v>0</v>
      </c>
      <c r="AQ445" s="53">
        <v>0</v>
      </c>
      <c r="AR445" s="53">
        <v>0</v>
      </c>
      <c r="AS445" s="53">
        <v>0</v>
      </c>
      <c r="AT445" s="53">
        <v>0</v>
      </c>
      <c r="AU445" s="53">
        <v>0</v>
      </c>
      <c r="AV445" s="53">
        <v>0</v>
      </c>
      <c r="AW445" s="53">
        <v>0</v>
      </c>
      <c r="AX445" s="53">
        <v>0</v>
      </c>
      <c r="AY445" s="53">
        <v>0</v>
      </c>
      <c r="AZ445" s="53">
        <v>0</v>
      </c>
      <c r="BA445" s="53">
        <v>0</v>
      </c>
    </row>
    <row r="446" spans="1:53">
      <c r="A446" s="52" t="s">
        <v>635</v>
      </c>
      <c r="B446" s="53">
        <v>0</v>
      </c>
      <c r="C446" s="53">
        <v>0</v>
      </c>
      <c r="D446" s="53">
        <v>0</v>
      </c>
      <c r="E446" s="53">
        <v>0</v>
      </c>
      <c r="F446" s="53">
        <v>0</v>
      </c>
      <c r="G446" s="53">
        <v>0</v>
      </c>
      <c r="H446" s="53">
        <v>0</v>
      </c>
      <c r="I446" s="53">
        <v>0</v>
      </c>
      <c r="J446" s="53">
        <v>0</v>
      </c>
      <c r="K446" s="53">
        <v>0</v>
      </c>
      <c r="L446" s="53">
        <v>0</v>
      </c>
      <c r="M446" s="53">
        <v>0</v>
      </c>
      <c r="N446" s="53">
        <v>0</v>
      </c>
      <c r="O446" s="53">
        <v>0</v>
      </c>
      <c r="P446" s="53">
        <v>0</v>
      </c>
      <c r="Q446" s="53">
        <v>0</v>
      </c>
      <c r="R446" s="53">
        <v>0</v>
      </c>
      <c r="S446" s="53">
        <v>0</v>
      </c>
      <c r="T446" s="53">
        <v>0</v>
      </c>
      <c r="U446" s="53">
        <v>0</v>
      </c>
      <c r="V446" s="53">
        <v>0</v>
      </c>
      <c r="W446" s="53">
        <v>0</v>
      </c>
      <c r="X446" s="53">
        <v>0</v>
      </c>
      <c r="Y446" s="53">
        <v>0</v>
      </c>
      <c r="Z446" s="53">
        <v>0</v>
      </c>
      <c r="AA446" s="53">
        <v>0</v>
      </c>
      <c r="AB446" s="53">
        <v>0</v>
      </c>
      <c r="AC446" s="53">
        <v>0</v>
      </c>
      <c r="AD446" s="53">
        <v>0</v>
      </c>
      <c r="AE446" s="53">
        <v>0</v>
      </c>
      <c r="AF446" s="53">
        <v>0</v>
      </c>
      <c r="AG446" s="53">
        <v>0</v>
      </c>
      <c r="AH446" s="53">
        <v>0</v>
      </c>
      <c r="AI446" s="53">
        <v>0</v>
      </c>
      <c r="AJ446" s="53">
        <v>0</v>
      </c>
      <c r="AK446" s="53">
        <v>0</v>
      </c>
      <c r="AL446" s="53">
        <v>0</v>
      </c>
      <c r="AM446" s="53">
        <v>0</v>
      </c>
      <c r="AN446" s="53">
        <v>0</v>
      </c>
      <c r="AO446" s="53">
        <v>0</v>
      </c>
      <c r="AP446" s="53">
        <v>0</v>
      </c>
      <c r="AQ446" s="53">
        <v>0</v>
      </c>
      <c r="AR446" s="53">
        <v>0</v>
      </c>
      <c r="AS446" s="53">
        <v>0</v>
      </c>
      <c r="AT446" s="53">
        <v>0</v>
      </c>
      <c r="AU446" s="53">
        <v>0</v>
      </c>
      <c r="AV446" s="53">
        <v>0</v>
      </c>
      <c r="AW446" s="53">
        <v>0</v>
      </c>
      <c r="AX446" s="53">
        <v>0</v>
      </c>
      <c r="AY446" s="53">
        <v>0</v>
      </c>
      <c r="AZ446" s="53">
        <v>0</v>
      </c>
      <c r="BA446" s="53">
        <v>0</v>
      </c>
    </row>
    <row r="447" spans="1:53">
      <c r="A447" s="52" t="s">
        <v>636</v>
      </c>
      <c r="B447" s="53">
        <v>0</v>
      </c>
      <c r="C447" s="53">
        <v>0</v>
      </c>
      <c r="D447" s="53">
        <v>0</v>
      </c>
      <c r="E447" s="53">
        <v>0</v>
      </c>
      <c r="F447" s="53">
        <v>0</v>
      </c>
      <c r="G447" s="53">
        <v>0</v>
      </c>
      <c r="H447" s="53">
        <v>0</v>
      </c>
      <c r="I447" s="53">
        <v>0</v>
      </c>
      <c r="J447" s="53">
        <v>0</v>
      </c>
      <c r="K447" s="53">
        <v>0</v>
      </c>
      <c r="L447" s="53">
        <v>0</v>
      </c>
      <c r="M447" s="53">
        <v>0</v>
      </c>
      <c r="N447" s="53">
        <v>0</v>
      </c>
      <c r="O447" s="53">
        <v>0</v>
      </c>
      <c r="P447" s="53">
        <v>0</v>
      </c>
      <c r="Q447" s="53">
        <v>0</v>
      </c>
      <c r="R447" s="53">
        <v>0</v>
      </c>
      <c r="S447" s="53">
        <v>0</v>
      </c>
      <c r="T447" s="53">
        <v>0</v>
      </c>
      <c r="U447" s="53">
        <v>0</v>
      </c>
      <c r="V447" s="53">
        <v>0</v>
      </c>
      <c r="W447" s="53">
        <v>0</v>
      </c>
      <c r="X447" s="53">
        <v>0</v>
      </c>
      <c r="Y447" s="53">
        <v>0</v>
      </c>
      <c r="Z447" s="53">
        <v>0</v>
      </c>
      <c r="AA447" s="53">
        <v>0</v>
      </c>
      <c r="AB447" s="53">
        <v>0</v>
      </c>
      <c r="AC447" s="53">
        <v>0</v>
      </c>
      <c r="AD447" s="53">
        <v>0</v>
      </c>
      <c r="AE447" s="53">
        <v>0</v>
      </c>
      <c r="AF447" s="53">
        <v>0</v>
      </c>
      <c r="AG447" s="53">
        <v>0</v>
      </c>
      <c r="AH447" s="53">
        <v>0</v>
      </c>
      <c r="AI447" s="53">
        <v>0</v>
      </c>
      <c r="AJ447" s="53">
        <v>0</v>
      </c>
      <c r="AK447" s="53">
        <v>0</v>
      </c>
      <c r="AL447" s="53">
        <v>0</v>
      </c>
      <c r="AM447" s="53">
        <v>0</v>
      </c>
      <c r="AN447" s="53">
        <v>0</v>
      </c>
      <c r="AO447" s="53">
        <v>0</v>
      </c>
      <c r="AP447" s="53">
        <v>0</v>
      </c>
      <c r="AQ447" s="53">
        <v>0</v>
      </c>
      <c r="AR447" s="53">
        <v>0</v>
      </c>
      <c r="AS447" s="53">
        <v>0</v>
      </c>
      <c r="AT447" s="53">
        <v>0</v>
      </c>
      <c r="AU447" s="53">
        <v>0</v>
      </c>
      <c r="AV447" s="53">
        <v>0</v>
      </c>
      <c r="AW447" s="53">
        <v>0</v>
      </c>
      <c r="AX447" s="53">
        <v>0</v>
      </c>
      <c r="AY447" s="53">
        <v>0</v>
      </c>
      <c r="AZ447" s="53">
        <v>0</v>
      </c>
      <c r="BA447" s="53">
        <v>0</v>
      </c>
    </row>
    <row r="448" spans="1:53">
      <c r="A448" s="52" t="s">
        <v>637</v>
      </c>
      <c r="B448" s="53">
        <v>0</v>
      </c>
      <c r="C448" s="53">
        <v>0</v>
      </c>
      <c r="D448" s="53">
        <v>0</v>
      </c>
      <c r="E448" s="53">
        <v>0</v>
      </c>
      <c r="F448" s="53">
        <v>0</v>
      </c>
      <c r="G448" s="53">
        <v>0</v>
      </c>
      <c r="H448" s="53">
        <v>0</v>
      </c>
      <c r="I448" s="53">
        <v>0</v>
      </c>
      <c r="J448" s="53">
        <v>0</v>
      </c>
      <c r="K448" s="53">
        <v>0</v>
      </c>
      <c r="L448" s="53">
        <v>0</v>
      </c>
      <c r="M448" s="53">
        <v>0</v>
      </c>
      <c r="N448" s="53">
        <v>0</v>
      </c>
      <c r="O448" s="53">
        <v>0</v>
      </c>
      <c r="P448" s="53">
        <v>0</v>
      </c>
      <c r="Q448" s="53">
        <v>0</v>
      </c>
      <c r="R448" s="53">
        <v>0</v>
      </c>
      <c r="S448" s="53">
        <v>0</v>
      </c>
      <c r="T448" s="53">
        <v>0</v>
      </c>
      <c r="U448" s="53">
        <v>0</v>
      </c>
      <c r="V448" s="53">
        <v>0</v>
      </c>
      <c r="W448" s="53">
        <v>0</v>
      </c>
      <c r="X448" s="53">
        <v>0</v>
      </c>
      <c r="Y448" s="53">
        <v>0</v>
      </c>
      <c r="Z448" s="53">
        <v>0</v>
      </c>
      <c r="AA448" s="53">
        <v>0</v>
      </c>
      <c r="AB448" s="53">
        <v>0</v>
      </c>
      <c r="AC448" s="53">
        <v>0</v>
      </c>
      <c r="AD448" s="53">
        <v>0</v>
      </c>
      <c r="AE448" s="53">
        <v>0</v>
      </c>
      <c r="AF448" s="53">
        <v>0</v>
      </c>
      <c r="AG448" s="53">
        <v>0</v>
      </c>
      <c r="AH448" s="53">
        <v>0</v>
      </c>
      <c r="AI448" s="53">
        <v>0</v>
      </c>
      <c r="AJ448" s="53">
        <v>0</v>
      </c>
      <c r="AK448" s="53">
        <v>0</v>
      </c>
      <c r="AL448" s="53">
        <v>0</v>
      </c>
      <c r="AM448" s="53">
        <v>0</v>
      </c>
      <c r="AN448" s="53">
        <v>0</v>
      </c>
      <c r="AO448" s="53">
        <v>0</v>
      </c>
      <c r="AP448" s="53">
        <v>0</v>
      </c>
      <c r="AQ448" s="53">
        <v>0</v>
      </c>
      <c r="AR448" s="53">
        <v>0</v>
      </c>
      <c r="AS448" s="53">
        <v>0</v>
      </c>
      <c r="AT448" s="53">
        <v>0</v>
      </c>
      <c r="AU448" s="53">
        <v>0</v>
      </c>
      <c r="AV448" s="53">
        <v>0</v>
      </c>
      <c r="AW448" s="53">
        <v>0</v>
      </c>
      <c r="AX448" s="53">
        <v>0</v>
      </c>
      <c r="AY448" s="53">
        <v>0</v>
      </c>
      <c r="AZ448" s="53">
        <v>0</v>
      </c>
      <c r="BA448" s="53">
        <v>0</v>
      </c>
    </row>
    <row r="449" spans="1:53">
      <c r="A449" s="52" t="s">
        <v>638</v>
      </c>
      <c r="B449" s="53">
        <v>0</v>
      </c>
      <c r="C449" s="53">
        <v>0</v>
      </c>
      <c r="D449" s="53">
        <v>0</v>
      </c>
      <c r="E449" s="53">
        <v>0</v>
      </c>
      <c r="F449" s="53">
        <v>0</v>
      </c>
      <c r="G449" s="53">
        <v>0</v>
      </c>
      <c r="H449" s="53">
        <v>0</v>
      </c>
      <c r="I449" s="53">
        <v>0</v>
      </c>
      <c r="J449" s="53">
        <v>0</v>
      </c>
      <c r="K449" s="53">
        <v>0</v>
      </c>
      <c r="L449" s="53">
        <v>0</v>
      </c>
      <c r="M449" s="53">
        <v>0</v>
      </c>
      <c r="N449" s="53">
        <v>0</v>
      </c>
      <c r="O449" s="53">
        <v>0</v>
      </c>
      <c r="P449" s="53">
        <v>0</v>
      </c>
      <c r="Q449" s="53">
        <v>0</v>
      </c>
      <c r="R449" s="53">
        <v>0</v>
      </c>
      <c r="S449" s="53">
        <v>0</v>
      </c>
      <c r="T449" s="53">
        <v>0</v>
      </c>
      <c r="U449" s="53">
        <v>0</v>
      </c>
      <c r="V449" s="53">
        <v>0</v>
      </c>
      <c r="W449" s="53">
        <v>0</v>
      </c>
      <c r="X449" s="53">
        <v>0</v>
      </c>
      <c r="Y449" s="53">
        <v>0</v>
      </c>
      <c r="Z449" s="53">
        <v>0</v>
      </c>
      <c r="AA449" s="53">
        <v>0</v>
      </c>
      <c r="AB449" s="53">
        <v>0</v>
      </c>
      <c r="AC449" s="53">
        <v>0</v>
      </c>
      <c r="AD449" s="53">
        <v>0</v>
      </c>
      <c r="AE449" s="53">
        <v>0</v>
      </c>
      <c r="AF449" s="53">
        <v>0</v>
      </c>
      <c r="AG449" s="53">
        <v>0</v>
      </c>
      <c r="AH449" s="53">
        <v>0</v>
      </c>
      <c r="AI449" s="53">
        <v>0</v>
      </c>
      <c r="AJ449" s="53">
        <v>0</v>
      </c>
      <c r="AK449" s="53">
        <v>0</v>
      </c>
      <c r="AL449" s="53">
        <v>0</v>
      </c>
      <c r="AM449" s="53">
        <v>0</v>
      </c>
      <c r="AN449" s="53">
        <v>0</v>
      </c>
      <c r="AO449" s="53">
        <v>0</v>
      </c>
      <c r="AP449" s="53">
        <v>0</v>
      </c>
      <c r="AQ449" s="53">
        <v>0</v>
      </c>
      <c r="AR449" s="53">
        <v>0</v>
      </c>
      <c r="AS449" s="53">
        <v>0</v>
      </c>
      <c r="AT449" s="53">
        <v>0</v>
      </c>
      <c r="AU449" s="53">
        <v>0</v>
      </c>
      <c r="AV449" s="53">
        <v>0</v>
      </c>
      <c r="AW449" s="53">
        <v>0</v>
      </c>
      <c r="AX449" s="53">
        <v>0</v>
      </c>
      <c r="AY449" s="53">
        <v>0</v>
      </c>
      <c r="AZ449" s="53">
        <v>0</v>
      </c>
      <c r="BA449" s="53">
        <v>0</v>
      </c>
    </row>
    <row r="450" spans="1:53">
      <c r="A450" s="52" t="s">
        <v>2960</v>
      </c>
      <c r="B450" s="53">
        <v>0</v>
      </c>
      <c r="C450" s="53">
        <v>0</v>
      </c>
      <c r="D450" s="53">
        <v>0</v>
      </c>
      <c r="E450" s="53">
        <v>0</v>
      </c>
      <c r="F450" s="53">
        <v>0</v>
      </c>
      <c r="G450" s="53">
        <v>0</v>
      </c>
      <c r="H450" s="53">
        <v>0</v>
      </c>
      <c r="I450" s="53">
        <v>0</v>
      </c>
      <c r="J450" s="53">
        <v>0</v>
      </c>
      <c r="K450" s="53">
        <v>0</v>
      </c>
      <c r="L450" s="53">
        <v>0</v>
      </c>
      <c r="M450" s="53">
        <v>0</v>
      </c>
      <c r="N450" s="53">
        <v>0</v>
      </c>
      <c r="O450" s="53">
        <v>0</v>
      </c>
      <c r="P450" s="53">
        <v>0</v>
      </c>
      <c r="Q450" s="53">
        <v>0</v>
      </c>
      <c r="R450" s="53">
        <v>0</v>
      </c>
      <c r="S450" s="53">
        <v>0</v>
      </c>
      <c r="T450" s="53">
        <v>0</v>
      </c>
      <c r="U450" s="53">
        <v>0</v>
      </c>
      <c r="V450" s="53">
        <v>0</v>
      </c>
      <c r="W450" s="53">
        <v>0</v>
      </c>
      <c r="X450" s="53">
        <v>0</v>
      </c>
      <c r="Y450" s="53">
        <v>0</v>
      </c>
      <c r="Z450" s="53">
        <v>0</v>
      </c>
      <c r="AA450" s="53">
        <v>0</v>
      </c>
      <c r="AB450" s="53">
        <v>0</v>
      </c>
      <c r="AC450" s="53">
        <v>0</v>
      </c>
      <c r="AD450" s="53">
        <v>0</v>
      </c>
      <c r="AE450" s="53">
        <v>0</v>
      </c>
      <c r="AF450" s="53">
        <v>0</v>
      </c>
      <c r="AG450" s="53">
        <v>0</v>
      </c>
      <c r="AH450" s="53">
        <v>0</v>
      </c>
      <c r="AI450" s="53">
        <v>0</v>
      </c>
      <c r="AJ450" s="53">
        <v>0</v>
      </c>
      <c r="AK450" s="53">
        <v>0</v>
      </c>
      <c r="AL450" s="53">
        <v>0</v>
      </c>
      <c r="AM450" s="53">
        <v>0</v>
      </c>
      <c r="AN450" s="53">
        <v>0</v>
      </c>
      <c r="AO450" s="53">
        <v>0</v>
      </c>
      <c r="AP450" s="53">
        <v>0</v>
      </c>
      <c r="AQ450" s="53">
        <v>0</v>
      </c>
      <c r="AR450" s="53">
        <v>0</v>
      </c>
      <c r="AS450" s="53">
        <v>0</v>
      </c>
      <c r="AT450" s="53">
        <v>0</v>
      </c>
      <c r="AU450" s="53">
        <v>0</v>
      </c>
      <c r="AV450" s="53">
        <v>0</v>
      </c>
      <c r="AW450" s="53">
        <v>0</v>
      </c>
      <c r="AX450" s="53">
        <v>0</v>
      </c>
      <c r="AY450" s="53">
        <v>0</v>
      </c>
      <c r="AZ450" s="53">
        <v>0</v>
      </c>
      <c r="BA450" s="53">
        <v>0</v>
      </c>
    </row>
    <row r="451" spans="1:53">
      <c r="A451" s="52" t="s">
        <v>2961</v>
      </c>
      <c r="B451" s="53">
        <v>32327138.339999899</v>
      </c>
      <c r="C451" s="53">
        <v>33683734.439999901</v>
      </c>
      <c r="D451" s="53">
        <v>35040330.539999902</v>
      </c>
      <c r="E451" s="53">
        <v>36396926.639999896</v>
      </c>
      <c r="F451" s="53">
        <v>37753522.739999898</v>
      </c>
      <c r="G451" s="53">
        <v>39110118.839999899</v>
      </c>
      <c r="H451" s="53">
        <v>40466714.939999998</v>
      </c>
      <c r="I451" s="53">
        <v>41823311.039999999</v>
      </c>
      <c r="J451" s="53">
        <v>43179907.140000001</v>
      </c>
      <c r="K451" s="53">
        <v>44536503.240000002</v>
      </c>
      <c r="L451" s="53">
        <v>45893099.340000004</v>
      </c>
      <c r="M451" s="53">
        <v>47249695.439999998</v>
      </c>
      <c r="N451" s="53">
        <v>47249695.439999998</v>
      </c>
      <c r="O451" s="53">
        <v>17931712.539999999</v>
      </c>
      <c r="P451" s="53">
        <v>17613729.640000001</v>
      </c>
      <c r="Q451" s="53">
        <v>17295746.739999998</v>
      </c>
      <c r="R451" s="53">
        <v>16977763.84</v>
      </c>
      <c r="S451" s="53">
        <v>16659780.939999999</v>
      </c>
      <c r="T451" s="53">
        <v>16341798.039999999</v>
      </c>
      <c r="U451" s="53">
        <v>16023815.140000001</v>
      </c>
      <c r="V451" s="53">
        <v>15705832.24</v>
      </c>
      <c r="W451" s="53">
        <v>15387849.34</v>
      </c>
      <c r="X451" s="53">
        <v>15069866.439999999</v>
      </c>
      <c r="Y451" s="53">
        <v>14751883.539999999</v>
      </c>
      <c r="Z451" s="53">
        <v>14433900.640000001</v>
      </c>
      <c r="AA451" s="53">
        <v>14433900.640000001</v>
      </c>
      <c r="AB451" s="53">
        <v>14115917.74</v>
      </c>
      <c r="AC451" s="53">
        <v>13797934.84</v>
      </c>
      <c r="AD451" s="53">
        <v>13479951.939999999</v>
      </c>
      <c r="AE451" s="53">
        <v>13161969.039999999</v>
      </c>
      <c r="AF451" s="53">
        <v>12843986.140000001</v>
      </c>
      <c r="AG451" s="53">
        <v>12526003.24</v>
      </c>
      <c r="AH451" s="53">
        <v>12208020.34</v>
      </c>
      <c r="AI451" s="53">
        <v>11890037.439999999</v>
      </c>
      <c r="AJ451" s="53">
        <v>11572054.539999999</v>
      </c>
      <c r="AK451" s="53">
        <v>11254071.640000001</v>
      </c>
      <c r="AL451" s="53">
        <v>10936088.74</v>
      </c>
      <c r="AM451" s="53">
        <v>10618105.84</v>
      </c>
      <c r="AN451" s="53">
        <v>10618105.84</v>
      </c>
      <c r="AO451" s="53">
        <v>10300122.939999999</v>
      </c>
      <c r="AP451" s="53">
        <v>9982140.0400000308</v>
      </c>
      <c r="AQ451" s="53">
        <v>9664157.1400000304</v>
      </c>
      <c r="AR451" s="53">
        <v>9346174.24000003</v>
      </c>
      <c r="AS451" s="53">
        <v>9028191.3400000297</v>
      </c>
      <c r="AT451" s="53">
        <v>8710208.4400000293</v>
      </c>
      <c r="AU451" s="53">
        <v>8392225.5400000401</v>
      </c>
      <c r="AV451" s="53">
        <v>8074242.6400000397</v>
      </c>
      <c r="AW451" s="53">
        <v>7756259.74000003</v>
      </c>
      <c r="AX451" s="53">
        <v>7438276.8400000399</v>
      </c>
      <c r="AY451" s="53">
        <v>7120293.9400000302</v>
      </c>
      <c r="AZ451" s="53">
        <v>6802311.0400000298</v>
      </c>
      <c r="BA451" s="53">
        <v>6802311.0400000298</v>
      </c>
    </row>
    <row r="452" spans="1:53">
      <c r="A452" s="52" t="s">
        <v>2962</v>
      </c>
      <c r="B452" s="53">
        <v>0</v>
      </c>
      <c r="C452" s="53">
        <v>0</v>
      </c>
      <c r="D452" s="53">
        <v>0</v>
      </c>
      <c r="E452" s="53">
        <v>0</v>
      </c>
      <c r="F452" s="53">
        <v>0</v>
      </c>
      <c r="G452" s="53">
        <v>0</v>
      </c>
      <c r="H452" s="53">
        <v>0</v>
      </c>
      <c r="I452" s="53">
        <v>0</v>
      </c>
      <c r="J452" s="53">
        <v>0</v>
      </c>
      <c r="K452" s="53">
        <v>0</v>
      </c>
      <c r="L452" s="53">
        <v>0</v>
      </c>
      <c r="M452" s="53">
        <v>0</v>
      </c>
      <c r="N452" s="53">
        <v>0</v>
      </c>
      <c r="O452" s="53">
        <v>0</v>
      </c>
      <c r="P452" s="53">
        <v>0</v>
      </c>
      <c r="Q452" s="53">
        <v>0</v>
      </c>
      <c r="R452" s="53">
        <v>0</v>
      </c>
      <c r="S452" s="53">
        <v>0</v>
      </c>
      <c r="T452" s="53">
        <v>0</v>
      </c>
      <c r="U452" s="53">
        <v>0</v>
      </c>
      <c r="V452" s="53">
        <v>0</v>
      </c>
      <c r="W452" s="53">
        <v>0</v>
      </c>
      <c r="X452" s="53">
        <v>0</v>
      </c>
      <c r="Y452" s="53">
        <v>0</v>
      </c>
      <c r="Z452" s="53">
        <v>0</v>
      </c>
      <c r="AA452" s="53">
        <v>0</v>
      </c>
      <c r="AB452" s="53">
        <v>0</v>
      </c>
      <c r="AC452" s="53">
        <v>0</v>
      </c>
      <c r="AD452" s="53">
        <v>0</v>
      </c>
      <c r="AE452" s="53">
        <v>0</v>
      </c>
      <c r="AF452" s="53">
        <v>0</v>
      </c>
      <c r="AG452" s="53">
        <v>0</v>
      </c>
      <c r="AH452" s="53">
        <v>0</v>
      </c>
      <c r="AI452" s="53">
        <v>0</v>
      </c>
      <c r="AJ452" s="53">
        <v>0</v>
      </c>
      <c r="AK452" s="53">
        <v>0</v>
      </c>
      <c r="AL452" s="53">
        <v>0</v>
      </c>
      <c r="AM452" s="53">
        <v>0</v>
      </c>
      <c r="AN452" s="53">
        <v>0</v>
      </c>
      <c r="AO452" s="53">
        <v>0</v>
      </c>
      <c r="AP452" s="53">
        <v>0</v>
      </c>
      <c r="AQ452" s="53">
        <v>0</v>
      </c>
      <c r="AR452" s="53">
        <v>0</v>
      </c>
      <c r="AS452" s="53">
        <v>0</v>
      </c>
      <c r="AT452" s="53">
        <v>0</v>
      </c>
      <c r="AU452" s="53">
        <v>0</v>
      </c>
      <c r="AV452" s="53">
        <v>0</v>
      </c>
      <c r="AW452" s="53">
        <v>0</v>
      </c>
      <c r="AX452" s="53">
        <v>0</v>
      </c>
      <c r="AY452" s="53">
        <v>0</v>
      </c>
      <c r="AZ452" s="53">
        <v>0</v>
      </c>
      <c r="BA452" s="53">
        <v>0</v>
      </c>
    </row>
    <row r="453" spans="1:53">
      <c r="A453" s="52" t="s">
        <v>2963</v>
      </c>
      <c r="B453" s="53">
        <v>14082443.653333301</v>
      </c>
      <c r="C453" s="53">
        <v>13925046.236666599</v>
      </c>
      <c r="D453" s="53">
        <v>13767648.82</v>
      </c>
      <c r="E453" s="53">
        <v>13610251.403333301</v>
      </c>
      <c r="F453" s="53">
        <v>13452853.986666599</v>
      </c>
      <c r="G453" s="53">
        <v>13295456.57</v>
      </c>
      <c r="H453" s="53">
        <v>13138059.153333301</v>
      </c>
      <c r="I453" s="53">
        <v>12980661.736666599</v>
      </c>
      <c r="J453" s="53">
        <v>12823264.32</v>
      </c>
      <c r="K453" s="53">
        <v>12665866.903333301</v>
      </c>
      <c r="L453" s="53">
        <v>12508469.486666599</v>
      </c>
      <c r="M453" s="53">
        <v>12351072.07</v>
      </c>
      <c r="N453" s="53">
        <v>12351072.07</v>
      </c>
      <c r="O453" s="53">
        <v>12193674.653333301</v>
      </c>
      <c r="P453" s="53">
        <v>12036277.236666599</v>
      </c>
      <c r="Q453" s="53">
        <v>11878879.82</v>
      </c>
      <c r="R453" s="53">
        <v>11721482.403333301</v>
      </c>
      <c r="S453" s="53">
        <v>11564084.986666599</v>
      </c>
      <c r="T453" s="53">
        <v>11406687.57</v>
      </c>
      <c r="U453" s="53">
        <v>11249290.153333301</v>
      </c>
      <c r="V453" s="53">
        <v>16319703.9366666</v>
      </c>
      <c r="W453" s="53">
        <v>16112622.720000001</v>
      </c>
      <c r="X453" s="53">
        <v>15905541.5033333</v>
      </c>
      <c r="Y453" s="53">
        <v>15698460.2866666</v>
      </c>
      <c r="Z453" s="53">
        <v>15491379.07</v>
      </c>
      <c r="AA453" s="53">
        <v>15491379.07</v>
      </c>
      <c r="AB453" s="53">
        <v>15284875.986666599</v>
      </c>
      <c r="AC453" s="53">
        <v>15078372.903333301</v>
      </c>
      <c r="AD453" s="53">
        <v>14871869.82</v>
      </c>
      <c r="AE453" s="53">
        <v>14665366.736666599</v>
      </c>
      <c r="AF453" s="53">
        <v>14458863.653333301</v>
      </c>
      <c r="AG453" s="53">
        <v>14252360.57</v>
      </c>
      <c r="AH453" s="53">
        <v>14045857.486666599</v>
      </c>
      <c r="AI453" s="53">
        <v>18816573.0033333</v>
      </c>
      <c r="AJ453" s="53">
        <v>18562396.52</v>
      </c>
      <c r="AK453" s="53">
        <v>18308220.036666598</v>
      </c>
      <c r="AL453" s="53">
        <v>18054043.553333301</v>
      </c>
      <c r="AM453" s="53">
        <v>17799867.07</v>
      </c>
      <c r="AN453" s="53">
        <v>17799867.07</v>
      </c>
      <c r="AO453" s="53">
        <v>17545995.07</v>
      </c>
      <c r="AP453" s="53">
        <v>17292123.07</v>
      </c>
      <c r="AQ453" s="53">
        <v>17038251.07</v>
      </c>
      <c r="AR453" s="53">
        <v>16784379.07</v>
      </c>
      <c r="AS453" s="53">
        <v>16530507.07</v>
      </c>
      <c r="AT453" s="53">
        <v>16276635.07</v>
      </c>
      <c r="AU453" s="53">
        <v>16022763.07</v>
      </c>
      <c r="AV453" s="53">
        <v>20172037.469999999</v>
      </c>
      <c r="AW453" s="53">
        <v>19875609.870000001</v>
      </c>
      <c r="AX453" s="53">
        <v>19579182.27</v>
      </c>
      <c r="AY453" s="53">
        <v>19282754.670000002</v>
      </c>
      <c r="AZ453" s="53">
        <v>18986327.07</v>
      </c>
      <c r="BA453" s="53">
        <v>18986327.07</v>
      </c>
    </row>
    <row r="454" spans="1:53">
      <c r="A454" s="52" t="s">
        <v>2964</v>
      </c>
      <c r="B454" s="53">
        <v>26762349.999999899</v>
      </c>
      <c r="C454" s="53">
        <v>26672843.999999899</v>
      </c>
      <c r="D454" s="53">
        <v>26583337.999999899</v>
      </c>
      <c r="E454" s="53">
        <v>26493831.999999899</v>
      </c>
      <c r="F454" s="53">
        <v>26404325.999999899</v>
      </c>
      <c r="G454" s="53">
        <v>26314819.999999899</v>
      </c>
      <c r="H454" s="53">
        <v>26225313.999999899</v>
      </c>
      <c r="I454" s="53">
        <v>26135807.999999899</v>
      </c>
      <c r="J454" s="53">
        <v>26046301.999999899</v>
      </c>
      <c r="K454" s="53">
        <v>25956795.999999899</v>
      </c>
      <c r="L454" s="53">
        <v>25867289.999999899</v>
      </c>
      <c r="M454" s="53">
        <v>25777783.999999899</v>
      </c>
      <c r="N454" s="53">
        <v>25777783.999999899</v>
      </c>
      <c r="O454" s="53">
        <v>25688277.999999899</v>
      </c>
      <c r="P454" s="53">
        <v>25598771.999999899</v>
      </c>
      <c r="Q454" s="53">
        <v>25509265.999999899</v>
      </c>
      <c r="R454" s="53">
        <v>25419759.999999899</v>
      </c>
      <c r="S454" s="53">
        <v>25330253.999999899</v>
      </c>
      <c r="T454" s="53">
        <v>25240747.999999899</v>
      </c>
      <c r="U454" s="53">
        <v>25151241.999999899</v>
      </c>
      <c r="V454" s="53">
        <v>25061735.999999899</v>
      </c>
      <c r="W454" s="53">
        <v>24972229.999999899</v>
      </c>
      <c r="X454" s="53">
        <v>24882723.999999899</v>
      </c>
      <c r="Y454" s="53">
        <v>24793217.999999899</v>
      </c>
      <c r="Z454" s="53">
        <v>24703711.999999899</v>
      </c>
      <c r="AA454" s="53">
        <v>24703711.999999899</v>
      </c>
      <c r="AB454" s="53">
        <v>24614205.999999899</v>
      </c>
      <c r="AC454" s="53">
        <v>24524699.999999899</v>
      </c>
      <c r="AD454" s="53">
        <v>24435193.999999899</v>
      </c>
      <c r="AE454" s="53">
        <v>24345687.999999899</v>
      </c>
      <c r="AF454" s="53">
        <v>24256181.999999899</v>
      </c>
      <c r="AG454" s="53">
        <v>24166675.999999899</v>
      </c>
      <c r="AH454" s="53">
        <v>24077169.999999899</v>
      </c>
      <c r="AI454" s="53">
        <v>23987663.999999899</v>
      </c>
      <c r="AJ454" s="53">
        <v>23898157.999999899</v>
      </c>
      <c r="AK454" s="53">
        <v>23808651.999999899</v>
      </c>
      <c r="AL454" s="53">
        <v>23719145.999999899</v>
      </c>
      <c r="AM454" s="53">
        <v>23629639.999999899</v>
      </c>
      <c r="AN454" s="53">
        <v>23629639.999999899</v>
      </c>
      <c r="AO454" s="53">
        <v>23540133.999999899</v>
      </c>
      <c r="AP454" s="53">
        <v>23450627.999999899</v>
      </c>
      <c r="AQ454" s="53">
        <v>23361121.999999899</v>
      </c>
      <c r="AR454" s="53">
        <v>23271615.999999899</v>
      </c>
      <c r="AS454" s="53">
        <v>23182109.999999899</v>
      </c>
      <c r="AT454" s="53">
        <v>23092603.999999899</v>
      </c>
      <c r="AU454" s="53">
        <v>23003097.999999899</v>
      </c>
      <c r="AV454" s="53">
        <v>22913591.999999899</v>
      </c>
      <c r="AW454" s="53">
        <v>22824085.999999899</v>
      </c>
      <c r="AX454" s="53">
        <v>22734579.999999899</v>
      </c>
      <c r="AY454" s="53">
        <v>22645073.999999899</v>
      </c>
      <c r="AZ454" s="53">
        <v>22555567.999999899</v>
      </c>
      <c r="BA454" s="53">
        <v>22555567.999999899</v>
      </c>
    </row>
    <row r="455" spans="1:53">
      <c r="A455" s="52" t="s">
        <v>2965</v>
      </c>
      <c r="B455" s="53">
        <v>525070.4</v>
      </c>
      <c r="C455" s="53">
        <v>525070.4</v>
      </c>
      <c r="D455" s="53">
        <v>525070.4</v>
      </c>
      <c r="E455" s="53">
        <v>525070.4</v>
      </c>
      <c r="F455" s="53">
        <v>525070.4</v>
      </c>
      <c r="G455" s="53">
        <v>525070.4</v>
      </c>
      <c r="H455" s="53">
        <v>525070.4</v>
      </c>
      <c r="I455" s="53">
        <v>525070.4</v>
      </c>
      <c r="J455" s="53">
        <v>525070.4</v>
      </c>
      <c r="K455" s="53">
        <v>525070.4</v>
      </c>
      <c r="L455" s="53">
        <v>525070.4</v>
      </c>
      <c r="M455" s="53">
        <v>525070.4</v>
      </c>
      <c r="N455" s="53">
        <v>525070.4</v>
      </c>
      <c r="O455" s="53">
        <v>525070.4</v>
      </c>
      <c r="P455" s="53">
        <v>525070.4</v>
      </c>
      <c r="Q455" s="53">
        <v>525070.4</v>
      </c>
      <c r="R455" s="53">
        <v>525070.4</v>
      </c>
      <c r="S455" s="53">
        <v>525070.4</v>
      </c>
      <c r="T455" s="53">
        <v>525070.4</v>
      </c>
      <c r="U455" s="53">
        <v>525070.4</v>
      </c>
      <c r="V455" s="53">
        <v>525070.4</v>
      </c>
      <c r="W455" s="53">
        <v>525070.4</v>
      </c>
      <c r="X455" s="53">
        <v>525070.4</v>
      </c>
      <c r="Y455" s="53">
        <v>525070.4</v>
      </c>
      <c r="Z455" s="53">
        <v>525070.4</v>
      </c>
      <c r="AA455" s="53">
        <v>525070.4</v>
      </c>
      <c r="AB455" s="53">
        <v>525070.4</v>
      </c>
      <c r="AC455" s="53">
        <v>525070.4</v>
      </c>
      <c r="AD455" s="53">
        <v>525070.4</v>
      </c>
      <c r="AE455" s="53">
        <v>525070.4</v>
      </c>
      <c r="AF455" s="53">
        <v>525070.4</v>
      </c>
      <c r="AG455" s="53">
        <v>525070.4</v>
      </c>
      <c r="AH455" s="53">
        <v>525070.4</v>
      </c>
      <c r="AI455" s="53">
        <v>525070.4</v>
      </c>
      <c r="AJ455" s="53">
        <v>525070.4</v>
      </c>
      <c r="AK455" s="53">
        <v>525070.4</v>
      </c>
      <c r="AL455" s="53">
        <v>525070.4</v>
      </c>
      <c r="AM455" s="53">
        <v>525070.4</v>
      </c>
      <c r="AN455" s="53">
        <v>525070.4</v>
      </c>
      <c r="AO455" s="53">
        <v>525070.4</v>
      </c>
      <c r="AP455" s="53">
        <v>525070.4</v>
      </c>
      <c r="AQ455" s="53">
        <v>525070.4</v>
      </c>
      <c r="AR455" s="53">
        <v>525070.4</v>
      </c>
      <c r="AS455" s="53">
        <v>525070.4</v>
      </c>
      <c r="AT455" s="53">
        <v>525070.4</v>
      </c>
      <c r="AU455" s="53">
        <v>525070.4</v>
      </c>
      <c r="AV455" s="53">
        <v>525070.4</v>
      </c>
      <c r="AW455" s="53">
        <v>525070.4</v>
      </c>
      <c r="AX455" s="53">
        <v>525070.4</v>
      </c>
      <c r="AY455" s="53">
        <v>525070.4</v>
      </c>
      <c r="AZ455" s="53">
        <v>525070.4</v>
      </c>
      <c r="BA455" s="53">
        <v>525070.4</v>
      </c>
    </row>
    <row r="456" spans="1:53">
      <c r="A456" s="52" t="s">
        <v>2966</v>
      </c>
      <c r="B456" s="53">
        <v>0</v>
      </c>
      <c r="C456" s="53">
        <v>0</v>
      </c>
      <c r="D456" s="53">
        <v>0</v>
      </c>
      <c r="E456" s="53">
        <v>0</v>
      </c>
      <c r="F456" s="53">
        <v>0</v>
      </c>
      <c r="G456" s="53">
        <v>0</v>
      </c>
      <c r="H456" s="53">
        <v>0</v>
      </c>
      <c r="I456" s="53">
        <v>0</v>
      </c>
      <c r="J456" s="53">
        <v>0</v>
      </c>
      <c r="K456" s="53">
        <v>0</v>
      </c>
      <c r="L456" s="53">
        <v>0</v>
      </c>
      <c r="M456" s="53">
        <v>0</v>
      </c>
      <c r="N456" s="53">
        <v>0</v>
      </c>
      <c r="O456" s="53">
        <v>0</v>
      </c>
      <c r="P456" s="53">
        <v>0</v>
      </c>
      <c r="Q456" s="53">
        <v>0</v>
      </c>
      <c r="R456" s="53">
        <v>0</v>
      </c>
      <c r="S456" s="53">
        <v>0</v>
      </c>
      <c r="T456" s="53">
        <v>0</v>
      </c>
      <c r="U456" s="53">
        <v>0</v>
      </c>
      <c r="V456" s="53">
        <v>0</v>
      </c>
      <c r="W456" s="53">
        <v>0</v>
      </c>
      <c r="X456" s="53">
        <v>0</v>
      </c>
      <c r="Y456" s="53">
        <v>0</v>
      </c>
      <c r="Z456" s="53">
        <v>0</v>
      </c>
      <c r="AA456" s="53">
        <v>0</v>
      </c>
      <c r="AB456" s="53">
        <v>0</v>
      </c>
      <c r="AC456" s="53">
        <v>0</v>
      </c>
      <c r="AD456" s="53">
        <v>0</v>
      </c>
      <c r="AE456" s="53">
        <v>0</v>
      </c>
      <c r="AF456" s="53">
        <v>0</v>
      </c>
      <c r="AG456" s="53">
        <v>0</v>
      </c>
      <c r="AH456" s="53">
        <v>0</v>
      </c>
      <c r="AI456" s="53">
        <v>0</v>
      </c>
      <c r="AJ456" s="53">
        <v>0</v>
      </c>
      <c r="AK456" s="53">
        <v>0</v>
      </c>
      <c r="AL456" s="53">
        <v>0</v>
      </c>
      <c r="AM456" s="53">
        <v>0</v>
      </c>
      <c r="AN456" s="53">
        <v>0</v>
      </c>
      <c r="AO456" s="53">
        <v>0</v>
      </c>
      <c r="AP456" s="53">
        <v>0</v>
      </c>
      <c r="AQ456" s="53">
        <v>0</v>
      </c>
      <c r="AR456" s="53">
        <v>0</v>
      </c>
      <c r="AS456" s="53">
        <v>0</v>
      </c>
      <c r="AT456" s="53">
        <v>0</v>
      </c>
      <c r="AU456" s="53">
        <v>0</v>
      </c>
      <c r="AV456" s="53">
        <v>0</v>
      </c>
      <c r="AW456" s="53">
        <v>0</v>
      </c>
      <c r="AX456" s="53">
        <v>0</v>
      </c>
      <c r="AY456" s="53">
        <v>0</v>
      </c>
      <c r="AZ456" s="53">
        <v>0</v>
      </c>
      <c r="BA456" s="53">
        <v>0</v>
      </c>
    </row>
    <row r="457" spans="1:53">
      <c r="A457" s="52" t="s">
        <v>2967</v>
      </c>
      <c r="B457" s="53">
        <v>0</v>
      </c>
      <c r="C457" s="53">
        <v>0</v>
      </c>
      <c r="D457" s="53">
        <v>0</v>
      </c>
      <c r="E457" s="53">
        <v>0</v>
      </c>
      <c r="F457" s="53">
        <v>0</v>
      </c>
      <c r="G457" s="53">
        <v>0</v>
      </c>
      <c r="H457" s="53">
        <v>0</v>
      </c>
      <c r="I457" s="53">
        <v>0</v>
      </c>
      <c r="J457" s="53">
        <v>0</v>
      </c>
      <c r="K457" s="53">
        <v>0</v>
      </c>
      <c r="L457" s="53">
        <v>0</v>
      </c>
      <c r="M457" s="53">
        <v>0</v>
      </c>
      <c r="N457" s="53">
        <v>0</v>
      </c>
      <c r="O457" s="53">
        <v>0</v>
      </c>
      <c r="P457" s="53">
        <v>0</v>
      </c>
      <c r="Q457" s="53">
        <v>0</v>
      </c>
      <c r="R457" s="53">
        <v>0</v>
      </c>
      <c r="S457" s="53">
        <v>0</v>
      </c>
      <c r="T457" s="53">
        <v>0</v>
      </c>
      <c r="U457" s="53">
        <v>0</v>
      </c>
      <c r="V457" s="53">
        <v>0</v>
      </c>
      <c r="W457" s="53">
        <v>0</v>
      </c>
      <c r="X457" s="53">
        <v>0</v>
      </c>
      <c r="Y457" s="53">
        <v>0</v>
      </c>
      <c r="Z457" s="53">
        <v>0</v>
      </c>
      <c r="AA457" s="53">
        <v>0</v>
      </c>
      <c r="AB457" s="53">
        <v>0</v>
      </c>
      <c r="AC457" s="53">
        <v>0</v>
      </c>
      <c r="AD457" s="53">
        <v>0</v>
      </c>
      <c r="AE457" s="53">
        <v>0</v>
      </c>
      <c r="AF457" s="53">
        <v>0</v>
      </c>
      <c r="AG457" s="53">
        <v>0</v>
      </c>
      <c r="AH457" s="53">
        <v>0</v>
      </c>
      <c r="AI457" s="53">
        <v>0</v>
      </c>
      <c r="AJ457" s="53">
        <v>0</v>
      </c>
      <c r="AK457" s="53">
        <v>0</v>
      </c>
      <c r="AL457" s="53">
        <v>0</v>
      </c>
      <c r="AM457" s="53">
        <v>0</v>
      </c>
      <c r="AN457" s="53">
        <v>0</v>
      </c>
      <c r="AO457" s="53">
        <v>0</v>
      </c>
      <c r="AP457" s="53">
        <v>0</v>
      </c>
      <c r="AQ457" s="53">
        <v>0</v>
      </c>
      <c r="AR457" s="53">
        <v>0</v>
      </c>
      <c r="AS457" s="53">
        <v>0</v>
      </c>
      <c r="AT457" s="53">
        <v>0</v>
      </c>
      <c r="AU457" s="53">
        <v>0</v>
      </c>
      <c r="AV457" s="53">
        <v>0</v>
      </c>
      <c r="AW457" s="53">
        <v>0</v>
      </c>
      <c r="AX457" s="53">
        <v>0</v>
      </c>
      <c r="AY457" s="53">
        <v>0</v>
      </c>
      <c r="AZ457" s="53">
        <v>0</v>
      </c>
      <c r="BA457" s="53">
        <v>0</v>
      </c>
    </row>
    <row r="458" spans="1:53">
      <c r="A458" s="52" t="s">
        <v>2968</v>
      </c>
      <c r="B458" s="53">
        <v>336026.87</v>
      </c>
      <c r="C458" s="53">
        <v>336026.87</v>
      </c>
      <c r="D458" s="53">
        <v>336026.87</v>
      </c>
      <c r="E458" s="53">
        <v>336026.87</v>
      </c>
      <c r="F458" s="53">
        <v>336026.87</v>
      </c>
      <c r="G458" s="53">
        <v>336026.87</v>
      </c>
      <c r="H458" s="53">
        <v>336026.87</v>
      </c>
      <c r="I458" s="53">
        <v>336026.87</v>
      </c>
      <c r="J458" s="53">
        <v>336026.87</v>
      </c>
      <c r="K458" s="53">
        <v>336026.87</v>
      </c>
      <c r="L458" s="53">
        <v>336026.87</v>
      </c>
      <c r="M458" s="53">
        <v>336026.87</v>
      </c>
      <c r="N458" s="53">
        <v>336026.87</v>
      </c>
      <c r="O458" s="53">
        <v>336026.87</v>
      </c>
      <c r="P458" s="53">
        <v>336026.87</v>
      </c>
      <c r="Q458" s="53">
        <v>336026.87</v>
      </c>
      <c r="R458" s="53">
        <v>336026.87</v>
      </c>
      <c r="S458" s="53">
        <v>336026.87</v>
      </c>
      <c r="T458" s="53">
        <v>336026.87</v>
      </c>
      <c r="U458" s="53">
        <v>336026.87</v>
      </c>
      <c r="V458" s="53">
        <v>336026.87</v>
      </c>
      <c r="W458" s="53">
        <v>336026.87</v>
      </c>
      <c r="X458" s="53">
        <v>336026.87</v>
      </c>
      <c r="Y458" s="53">
        <v>336026.87</v>
      </c>
      <c r="Z458" s="53">
        <v>336026.87</v>
      </c>
      <c r="AA458" s="53">
        <v>336026.87</v>
      </c>
      <c r="AB458" s="53">
        <v>336026.87</v>
      </c>
      <c r="AC458" s="53">
        <v>336026.87</v>
      </c>
      <c r="AD458" s="53">
        <v>336026.87</v>
      </c>
      <c r="AE458" s="53">
        <v>336026.87</v>
      </c>
      <c r="AF458" s="53">
        <v>336026.87</v>
      </c>
      <c r="AG458" s="53">
        <v>336026.87</v>
      </c>
      <c r="AH458" s="53">
        <v>336026.87</v>
      </c>
      <c r="AI458" s="53">
        <v>336026.87</v>
      </c>
      <c r="AJ458" s="53">
        <v>336026.87</v>
      </c>
      <c r="AK458" s="53">
        <v>336026.87</v>
      </c>
      <c r="AL458" s="53">
        <v>336026.87</v>
      </c>
      <c r="AM458" s="53">
        <v>336026.87</v>
      </c>
      <c r="AN458" s="53">
        <v>336026.87</v>
      </c>
      <c r="AO458" s="53">
        <v>336026.87</v>
      </c>
      <c r="AP458" s="53">
        <v>336026.87</v>
      </c>
      <c r="AQ458" s="53">
        <v>336026.87</v>
      </c>
      <c r="AR458" s="53">
        <v>336026.87</v>
      </c>
      <c r="AS458" s="53">
        <v>336026.87</v>
      </c>
      <c r="AT458" s="53">
        <v>336026.87</v>
      </c>
      <c r="AU458" s="53">
        <v>336026.87</v>
      </c>
      <c r="AV458" s="53">
        <v>336026.87</v>
      </c>
      <c r="AW458" s="53">
        <v>336026.87</v>
      </c>
      <c r="AX458" s="53">
        <v>336026.87</v>
      </c>
      <c r="AY458" s="53">
        <v>336026.87</v>
      </c>
      <c r="AZ458" s="53">
        <v>336026.87</v>
      </c>
      <c r="BA458" s="53">
        <v>336026.87</v>
      </c>
    </row>
    <row r="459" spans="1:53">
      <c r="A459" s="52" t="s">
        <v>2969</v>
      </c>
      <c r="B459" s="53">
        <v>22846109.809999999</v>
      </c>
      <c r="C459" s="53">
        <v>22846109.809999999</v>
      </c>
      <c r="D459" s="53">
        <v>21275770.989999998</v>
      </c>
      <c r="E459" s="53">
        <v>21275770.989999998</v>
      </c>
      <c r="F459" s="53">
        <v>21275770.989999998</v>
      </c>
      <c r="G459" s="53">
        <v>19705432.169999901</v>
      </c>
      <c r="H459" s="53">
        <v>19705432.169999901</v>
      </c>
      <c r="I459" s="53">
        <v>19705432.169999901</v>
      </c>
      <c r="J459" s="53">
        <v>18135093.349999901</v>
      </c>
      <c r="K459" s="53">
        <v>18135093.349999901</v>
      </c>
      <c r="L459" s="53">
        <v>18135093.349999901</v>
      </c>
      <c r="M459" s="53">
        <v>16564754.529999901</v>
      </c>
      <c r="N459" s="53">
        <v>16564754.529999901</v>
      </c>
      <c r="O459" s="53">
        <v>16564754.529999901</v>
      </c>
      <c r="P459" s="53">
        <v>16564754.529999901</v>
      </c>
      <c r="Q459" s="53">
        <v>14994415.7099999</v>
      </c>
      <c r="R459" s="53">
        <v>14994415.7099999</v>
      </c>
      <c r="S459" s="53">
        <v>14994415.7099999</v>
      </c>
      <c r="T459" s="53">
        <v>13424076.8899999</v>
      </c>
      <c r="U459" s="53">
        <v>13424076.8899999</v>
      </c>
      <c r="V459" s="53">
        <v>13424076.8899999</v>
      </c>
      <c r="W459" s="53">
        <v>11853738.0699999</v>
      </c>
      <c r="X459" s="53">
        <v>11853738.0699999</v>
      </c>
      <c r="Y459" s="53">
        <v>11853738.0699999</v>
      </c>
      <c r="Z459" s="53">
        <v>10283399.249999899</v>
      </c>
      <c r="AA459" s="53">
        <v>10283399.249999899</v>
      </c>
      <c r="AB459" s="53">
        <v>10283399.249999899</v>
      </c>
      <c r="AC459" s="53">
        <v>10283399.249999899</v>
      </c>
      <c r="AD459" s="53">
        <v>8713060.4299999904</v>
      </c>
      <c r="AE459" s="53">
        <v>8713060.4299999904</v>
      </c>
      <c r="AF459" s="53">
        <v>8713060.4299999904</v>
      </c>
      <c r="AG459" s="53">
        <v>7142721.6099999901</v>
      </c>
      <c r="AH459" s="53">
        <v>7142721.6099999901</v>
      </c>
      <c r="AI459" s="53">
        <v>7142721.6099999901</v>
      </c>
      <c r="AJ459" s="53">
        <v>5572382.7899999898</v>
      </c>
      <c r="AK459" s="53">
        <v>5572382.7899999898</v>
      </c>
      <c r="AL459" s="53">
        <v>5572382.7899999898</v>
      </c>
      <c r="AM459" s="53">
        <v>4002043.96999999</v>
      </c>
      <c r="AN459" s="53">
        <v>4002043.96999999</v>
      </c>
      <c r="AO459" s="53">
        <v>4002043.96999999</v>
      </c>
      <c r="AP459" s="53">
        <v>4002043.96999999</v>
      </c>
      <c r="AQ459" s="53">
        <v>2431705.1499999901</v>
      </c>
      <c r="AR459" s="53">
        <v>2431705.1499999901</v>
      </c>
      <c r="AS459" s="53">
        <v>2431705.1499999901</v>
      </c>
      <c r="AT459" s="53">
        <v>861366.32999998995</v>
      </c>
      <c r="AU459" s="53">
        <v>861366.32999998995</v>
      </c>
      <c r="AV459" s="53">
        <v>861366.32999998995</v>
      </c>
      <c r="AW459" s="53">
        <v>0.32999999075400399</v>
      </c>
      <c r="AX459" s="53">
        <v>0.32999999075400399</v>
      </c>
      <c r="AY459" s="53">
        <v>0.32999999075400399</v>
      </c>
      <c r="AZ459" s="53">
        <v>0.32999999075400399</v>
      </c>
      <c r="BA459" s="53">
        <v>0.32999999075400399</v>
      </c>
    </row>
    <row r="460" spans="1:53">
      <c r="A460" s="52" t="s">
        <v>2970</v>
      </c>
      <c r="B460" s="53">
        <v>230.28</v>
      </c>
      <c r="C460" s="53">
        <v>230.28</v>
      </c>
      <c r="D460" s="53">
        <v>230.28</v>
      </c>
      <c r="E460" s="53">
        <v>230.28</v>
      </c>
      <c r="F460" s="53">
        <v>230.28</v>
      </c>
      <c r="G460" s="53">
        <v>230.28</v>
      </c>
      <c r="H460" s="53">
        <v>230.28</v>
      </c>
      <c r="I460" s="53">
        <v>230.28</v>
      </c>
      <c r="J460" s="53">
        <v>230.28</v>
      </c>
      <c r="K460" s="53">
        <v>230.28</v>
      </c>
      <c r="L460" s="53">
        <v>230.28</v>
      </c>
      <c r="M460" s="53">
        <v>230.28</v>
      </c>
      <c r="N460" s="53">
        <v>230.28</v>
      </c>
      <c r="O460" s="53">
        <v>230.28</v>
      </c>
      <c r="P460" s="53">
        <v>230.28</v>
      </c>
      <c r="Q460" s="53">
        <v>230.28</v>
      </c>
      <c r="R460" s="53">
        <v>230.28</v>
      </c>
      <c r="S460" s="53">
        <v>230.28</v>
      </c>
      <c r="T460" s="53">
        <v>230.28</v>
      </c>
      <c r="U460" s="53">
        <v>230.28</v>
      </c>
      <c r="V460" s="53">
        <v>230.28</v>
      </c>
      <c r="W460" s="53">
        <v>230.28</v>
      </c>
      <c r="X460" s="53">
        <v>230.28</v>
      </c>
      <c r="Y460" s="53">
        <v>230.28</v>
      </c>
      <c r="Z460" s="53">
        <v>230.28</v>
      </c>
      <c r="AA460" s="53">
        <v>230.28</v>
      </c>
      <c r="AB460" s="53">
        <v>230.28</v>
      </c>
      <c r="AC460" s="53">
        <v>230.28</v>
      </c>
      <c r="AD460" s="53">
        <v>230.28</v>
      </c>
      <c r="AE460" s="53">
        <v>230.28</v>
      </c>
      <c r="AF460" s="53">
        <v>230.28</v>
      </c>
      <c r="AG460" s="53">
        <v>230.28</v>
      </c>
      <c r="AH460" s="53">
        <v>230.28</v>
      </c>
      <c r="AI460" s="53">
        <v>230.28</v>
      </c>
      <c r="AJ460" s="53">
        <v>230.28</v>
      </c>
      <c r="AK460" s="53">
        <v>230.28</v>
      </c>
      <c r="AL460" s="53">
        <v>230.28</v>
      </c>
      <c r="AM460" s="53">
        <v>230.28</v>
      </c>
      <c r="AN460" s="53">
        <v>230.28</v>
      </c>
      <c r="AO460" s="53">
        <v>230.28</v>
      </c>
      <c r="AP460" s="53">
        <v>230.28</v>
      </c>
      <c r="AQ460" s="53">
        <v>230.28</v>
      </c>
      <c r="AR460" s="53">
        <v>230.28</v>
      </c>
      <c r="AS460" s="53">
        <v>230.28</v>
      </c>
      <c r="AT460" s="53">
        <v>230.28</v>
      </c>
      <c r="AU460" s="53">
        <v>230.28</v>
      </c>
      <c r="AV460" s="53">
        <v>230.28</v>
      </c>
      <c r="AW460" s="53">
        <v>230.28</v>
      </c>
      <c r="AX460" s="53">
        <v>230.28</v>
      </c>
      <c r="AY460" s="53">
        <v>230.28</v>
      </c>
      <c r="AZ460" s="53">
        <v>230.28</v>
      </c>
      <c r="BA460" s="53">
        <v>230.28</v>
      </c>
    </row>
    <row r="461" spans="1:53">
      <c r="A461" s="52" t="s">
        <v>2971</v>
      </c>
      <c r="B461" s="53">
        <v>0</v>
      </c>
      <c r="C461" s="53">
        <v>0</v>
      </c>
      <c r="D461" s="53">
        <v>0</v>
      </c>
      <c r="E461" s="53">
        <v>0</v>
      </c>
      <c r="F461" s="53">
        <v>0</v>
      </c>
      <c r="G461" s="53">
        <v>0</v>
      </c>
      <c r="H461" s="53">
        <v>0</v>
      </c>
      <c r="I461" s="53">
        <v>0</v>
      </c>
      <c r="J461" s="53">
        <v>0</v>
      </c>
      <c r="K461" s="53">
        <v>0</v>
      </c>
      <c r="L461" s="53">
        <v>0</v>
      </c>
      <c r="M461" s="53">
        <v>0</v>
      </c>
      <c r="N461" s="53">
        <v>0</v>
      </c>
      <c r="O461" s="53">
        <v>0</v>
      </c>
      <c r="P461" s="53">
        <v>0</v>
      </c>
      <c r="Q461" s="53">
        <v>0</v>
      </c>
      <c r="R461" s="53">
        <v>0</v>
      </c>
      <c r="S461" s="53">
        <v>0</v>
      </c>
      <c r="T461" s="53">
        <v>0</v>
      </c>
      <c r="U461" s="53">
        <v>0</v>
      </c>
      <c r="V461" s="53">
        <v>0</v>
      </c>
      <c r="W461" s="53">
        <v>0</v>
      </c>
      <c r="X461" s="53">
        <v>0</v>
      </c>
      <c r="Y461" s="53">
        <v>0</v>
      </c>
      <c r="Z461" s="53">
        <v>0</v>
      </c>
      <c r="AA461" s="53">
        <v>0</v>
      </c>
      <c r="AB461" s="53">
        <v>0</v>
      </c>
      <c r="AC461" s="53">
        <v>0</v>
      </c>
      <c r="AD461" s="53">
        <v>0</v>
      </c>
      <c r="AE461" s="53">
        <v>0</v>
      </c>
      <c r="AF461" s="53">
        <v>0</v>
      </c>
      <c r="AG461" s="53">
        <v>0</v>
      </c>
      <c r="AH461" s="53">
        <v>0</v>
      </c>
      <c r="AI461" s="53">
        <v>0</v>
      </c>
      <c r="AJ461" s="53">
        <v>0</v>
      </c>
      <c r="AK461" s="53">
        <v>0</v>
      </c>
      <c r="AL461" s="53">
        <v>0</v>
      </c>
      <c r="AM461" s="53">
        <v>0</v>
      </c>
      <c r="AN461" s="53">
        <v>0</v>
      </c>
      <c r="AO461" s="53">
        <v>0</v>
      </c>
      <c r="AP461" s="53">
        <v>0</v>
      </c>
      <c r="AQ461" s="53">
        <v>0</v>
      </c>
      <c r="AR461" s="53">
        <v>0</v>
      </c>
      <c r="AS461" s="53">
        <v>0</v>
      </c>
      <c r="AT461" s="53">
        <v>0</v>
      </c>
      <c r="AU461" s="53">
        <v>0</v>
      </c>
      <c r="AV461" s="53">
        <v>0</v>
      </c>
      <c r="AW461" s="53">
        <v>0</v>
      </c>
      <c r="AX461" s="53">
        <v>0</v>
      </c>
      <c r="AY461" s="53">
        <v>0</v>
      </c>
      <c r="AZ461" s="53">
        <v>0</v>
      </c>
      <c r="BA461" s="53">
        <v>0</v>
      </c>
    </row>
    <row r="462" spans="1:53">
      <c r="A462" s="52" t="s">
        <v>2972</v>
      </c>
      <c r="B462" s="53">
        <v>0</v>
      </c>
      <c r="C462" s="53">
        <v>0</v>
      </c>
      <c r="D462" s="53">
        <v>0</v>
      </c>
      <c r="E462" s="53">
        <v>0</v>
      </c>
      <c r="F462" s="53">
        <v>0</v>
      </c>
      <c r="G462" s="53">
        <v>0</v>
      </c>
      <c r="H462" s="53">
        <v>0</v>
      </c>
      <c r="I462" s="53">
        <v>0</v>
      </c>
      <c r="J462" s="53">
        <v>0</v>
      </c>
      <c r="K462" s="53">
        <v>0</v>
      </c>
      <c r="L462" s="53">
        <v>0</v>
      </c>
      <c r="M462" s="53">
        <v>0</v>
      </c>
      <c r="N462" s="53">
        <v>0</v>
      </c>
      <c r="O462" s="53">
        <v>0</v>
      </c>
      <c r="P462" s="53">
        <v>0</v>
      </c>
      <c r="Q462" s="53">
        <v>0</v>
      </c>
      <c r="R462" s="53">
        <v>0</v>
      </c>
      <c r="S462" s="53">
        <v>0</v>
      </c>
      <c r="T462" s="53">
        <v>0</v>
      </c>
      <c r="U462" s="53">
        <v>0</v>
      </c>
      <c r="V462" s="53">
        <v>0</v>
      </c>
      <c r="W462" s="53">
        <v>0</v>
      </c>
      <c r="X462" s="53">
        <v>0</v>
      </c>
      <c r="Y462" s="53">
        <v>0</v>
      </c>
      <c r="Z462" s="53">
        <v>0</v>
      </c>
      <c r="AA462" s="53">
        <v>0</v>
      </c>
      <c r="AB462" s="53">
        <v>0</v>
      </c>
      <c r="AC462" s="53">
        <v>0</v>
      </c>
      <c r="AD462" s="53">
        <v>0</v>
      </c>
      <c r="AE462" s="53">
        <v>0</v>
      </c>
      <c r="AF462" s="53">
        <v>0</v>
      </c>
      <c r="AG462" s="53">
        <v>0</v>
      </c>
      <c r="AH462" s="53">
        <v>0</v>
      </c>
      <c r="AI462" s="53">
        <v>0</v>
      </c>
      <c r="AJ462" s="53">
        <v>0</v>
      </c>
      <c r="AK462" s="53">
        <v>0</v>
      </c>
      <c r="AL462" s="53">
        <v>0</v>
      </c>
      <c r="AM462" s="53">
        <v>0</v>
      </c>
      <c r="AN462" s="53">
        <v>0</v>
      </c>
      <c r="AO462" s="53">
        <v>0</v>
      </c>
      <c r="AP462" s="53">
        <v>0</v>
      </c>
      <c r="AQ462" s="53">
        <v>0</v>
      </c>
      <c r="AR462" s="53">
        <v>0</v>
      </c>
      <c r="AS462" s="53">
        <v>0</v>
      </c>
      <c r="AT462" s="53">
        <v>0</v>
      </c>
      <c r="AU462" s="53">
        <v>0</v>
      </c>
      <c r="AV462" s="53">
        <v>0</v>
      </c>
      <c r="AW462" s="53">
        <v>0</v>
      </c>
      <c r="AX462" s="53">
        <v>0</v>
      </c>
      <c r="AY462" s="53">
        <v>0</v>
      </c>
      <c r="AZ462" s="53">
        <v>0</v>
      </c>
      <c r="BA462" s="53">
        <v>0</v>
      </c>
    </row>
    <row r="463" spans="1:53">
      <c r="A463" s="52" t="s">
        <v>2973</v>
      </c>
      <c r="B463" s="53">
        <v>0</v>
      </c>
      <c r="C463" s="53">
        <v>0</v>
      </c>
      <c r="D463" s="53">
        <v>0</v>
      </c>
      <c r="E463" s="53">
        <v>0</v>
      </c>
      <c r="F463" s="53">
        <v>0</v>
      </c>
      <c r="G463" s="53">
        <v>0</v>
      </c>
      <c r="H463" s="53">
        <v>0</v>
      </c>
      <c r="I463" s="53">
        <v>0</v>
      </c>
      <c r="J463" s="53">
        <v>0</v>
      </c>
      <c r="K463" s="53">
        <v>0</v>
      </c>
      <c r="L463" s="53">
        <v>0</v>
      </c>
      <c r="M463" s="53">
        <v>0</v>
      </c>
      <c r="N463" s="53">
        <v>0</v>
      </c>
      <c r="O463" s="53">
        <v>0</v>
      </c>
      <c r="P463" s="53">
        <v>0</v>
      </c>
      <c r="Q463" s="53">
        <v>0</v>
      </c>
      <c r="R463" s="53">
        <v>0</v>
      </c>
      <c r="S463" s="53">
        <v>0</v>
      </c>
      <c r="T463" s="53">
        <v>0</v>
      </c>
      <c r="U463" s="53">
        <v>0</v>
      </c>
      <c r="V463" s="53">
        <v>0</v>
      </c>
      <c r="W463" s="53">
        <v>0</v>
      </c>
      <c r="X463" s="53">
        <v>0</v>
      </c>
      <c r="Y463" s="53">
        <v>0</v>
      </c>
      <c r="Z463" s="53">
        <v>0</v>
      </c>
      <c r="AA463" s="53">
        <v>0</v>
      </c>
      <c r="AB463" s="53">
        <v>0</v>
      </c>
      <c r="AC463" s="53">
        <v>0</v>
      </c>
      <c r="AD463" s="53">
        <v>0</v>
      </c>
      <c r="AE463" s="53">
        <v>0</v>
      </c>
      <c r="AF463" s="53">
        <v>0</v>
      </c>
      <c r="AG463" s="53">
        <v>0</v>
      </c>
      <c r="AH463" s="53">
        <v>0</v>
      </c>
      <c r="AI463" s="53">
        <v>0</v>
      </c>
      <c r="AJ463" s="53">
        <v>0</v>
      </c>
      <c r="AK463" s="53">
        <v>0</v>
      </c>
      <c r="AL463" s="53">
        <v>0</v>
      </c>
      <c r="AM463" s="53">
        <v>0</v>
      </c>
      <c r="AN463" s="53">
        <v>0</v>
      </c>
      <c r="AO463" s="53">
        <v>0</v>
      </c>
      <c r="AP463" s="53">
        <v>0</v>
      </c>
      <c r="AQ463" s="53">
        <v>0</v>
      </c>
      <c r="AR463" s="53">
        <v>0</v>
      </c>
      <c r="AS463" s="53">
        <v>0</v>
      </c>
      <c r="AT463" s="53">
        <v>0</v>
      </c>
      <c r="AU463" s="53">
        <v>0</v>
      </c>
      <c r="AV463" s="53">
        <v>0</v>
      </c>
      <c r="AW463" s="53">
        <v>0</v>
      </c>
      <c r="AX463" s="53">
        <v>0</v>
      </c>
      <c r="AY463" s="53">
        <v>0</v>
      </c>
      <c r="AZ463" s="53">
        <v>0</v>
      </c>
      <c r="BA463" s="53">
        <v>0</v>
      </c>
    </row>
    <row r="464" spans="1:53">
      <c r="A464" s="52" t="s">
        <v>2974</v>
      </c>
      <c r="B464" s="53">
        <v>0</v>
      </c>
      <c r="C464" s="53">
        <v>0</v>
      </c>
      <c r="D464" s="53">
        <v>0</v>
      </c>
      <c r="E464" s="53">
        <v>0</v>
      </c>
      <c r="F464" s="53">
        <v>0</v>
      </c>
      <c r="G464" s="53">
        <v>0</v>
      </c>
      <c r="H464" s="53">
        <v>0</v>
      </c>
      <c r="I464" s="53">
        <v>0</v>
      </c>
      <c r="J464" s="53">
        <v>0</v>
      </c>
      <c r="K464" s="53">
        <v>0</v>
      </c>
      <c r="L464" s="53">
        <v>0</v>
      </c>
      <c r="M464" s="53">
        <v>0</v>
      </c>
      <c r="N464" s="53">
        <v>0</v>
      </c>
      <c r="O464" s="53">
        <v>0</v>
      </c>
      <c r="P464" s="53">
        <v>0</v>
      </c>
      <c r="Q464" s="53">
        <v>0</v>
      </c>
      <c r="R464" s="53">
        <v>0</v>
      </c>
      <c r="S464" s="53">
        <v>0</v>
      </c>
      <c r="T464" s="53">
        <v>0</v>
      </c>
      <c r="U464" s="53">
        <v>0</v>
      </c>
      <c r="V464" s="53">
        <v>0</v>
      </c>
      <c r="W464" s="53">
        <v>0</v>
      </c>
      <c r="X464" s="53">
        <v>0</v>
      </c>
      <c r="Y464" s="53">
        <v>0</v>
      </c>
      <c r="Z464" s="53">
        <v>0</v>
      </c>
      <c r="AA464" s="53">
        <v>0</v>
      </c>
      <c r="AB464" s="53">
        <v>0</v>
      </c>
      <c r="AC464" s="53">
        <v>0</v>
      </c>
      <c r="AD464" s="53">
        <v>0</v>
      </c>
      <c r="AE464" s="53">
        <v>0</v>
      </c>
      <c r="AF464" s="53">
        <v>0</v>
      </c>
      <c r="AG464" s="53">
        <v>0</v>
      </c>
      <c r="AH464" s="53">
        <v>0</v>
      </c>
      <c r="AI464" s="53">
        <v>0</v>
      </c>
      <c r="AJ464" s="53">
        <v>0</v>
      </c>
      <c r="AK464" s="53">
        <v>0</v>
      </c>
      <c r="AL464" s="53">
        <v>0</v>
      </c>
      <c r="AM464" s="53">
        <v>0</v>
      </c>
      <c r="AN464" s="53">
        <v>0</v>
      </c>
      <c r="AO464" s="53">
        <v>0</v>
      </c>
      <c r="AP464" s="53">
        <v>0</v>
      </c>
      <c r="AQ464" s="53">
        <v>0</v>
      </c>
      <c r="AR464" s="53">
        <v>0</v>
      </c>
      <c r="AS464" s="53">
        <v>0</v>
      </c>
      <c r="AT464" s="53">
        <v>0</v>
      </c>
      <c r="AU464" s="53">
        <v>0</v>
      </c>
      <c r="AV464" s="53">
        <v>0</v>
      </c>
      <c r="AW464" s="53">
        <v>0</v>
      </c>
      <c r="AX464" s="53">
        <v>0</v>
      </c>
      <c r="AY464" s="53">
        <v>0</v>
      </c>
      <c r="AZ464" s="53">
        <v>0</v>
      </c>
      <c r="BA464" s="53">
        <v>0</v>
      </c>
    </row>
    <row r="465" spans="1:53">
      <c r="A465" s="52" t="s">
        <v>2975</v>
      </c>
      <c r="B465" s="53">
        <v>3731862.3</v>
      </c>
      <c r="C465" s="53">
        <v>3731862.3</v>
      </c>
      <c r="D465" s="53">
        <v>3731862.3</v>
      </c>
      <c r="E465" s="53">
        <v>3731862.3</v>
      </c>
      <c r="F465" s="53">
        <v>3731862.3</v>
      </c>
      <c r="G465" s="53">
        <v>3731862.3</v>
      </c>
      <c r="H465" s="53">
        <v>3731862.3</v>
      </c>
      <c r="I465" s="53">
        <v>3731862.3</v>
      </c>
      <c r="J465" s="53">
        <v>3731862.3</v>
      </c>
      <c r="K465" s="53">
        <v>3731862.3</v>
      </c>
      <c r="L465" s="53">
        <v>3731862.3</v>
      </c>
      <c r="M465" s="53">
        <v>3731862.3</v>
      </c>
      <c r="N465" s="53">
        <v>3731862.3</v>
      </c>
      <c r="O465" s="53">
        <v>3731862.3</v>
      </c>
      <c r="P465" s="53">
        <v>3731862.3</v>
      </c>
      <c r="Q465" s="53">
        <v>3731862.3</v>
      </c>
      <c r="R465" s="53">
        <v>3731862.3</v>
      </c>
      <c r="S465" s="53">
        <v>3731862.3</v>
      </c>
      <c r="T465" s="53">
        <v>3731862.3</v>
      </c>
      <c r="U465" s="53">
        <v>3731862.3</v>
      </c>
      <c r="V465" s="53">
        <v>3731862.3</v>
      </c>
      <c r="W465" s="53">
        <v>3731862.3</v>
      </c>
      <c r="X465" s="53">
        <v>3731862.3</v>
      </c>
      <c r="Y465" s="53">
        <v>3731862.3</v>
      </c>
      <c r="Z465" s="53">
        <v>3731862.3</v>
      </c>
      <c r="AA465" s="53">
        <v>3731862.3</v>
      </c>
      <c r="AB465" s="53">
        <v>3731862.3</v>
      </c>
      <c r="AC465" s="53">
        <v>3731862.3</v>
      </c>
      <c r="AD465" s="53">
        <v>3731862.3</v>
      </c>
      <c r="AE465" s="53">
        <v>3731862.3</v>
      </c>
      <c r="AF465" s="53">
        <v>3731862.3</v>
      </c>
      <c r="AG465" s="53">
        <v>3731862.3</v>
      </c>
      <c r="AH465" s="53">
        <v>3731862.3</v>
      </c>
      <c r="AI465" s="53">
        <v>3731862.3</v>
      </c>
      <c r="AJ465" s="53">
        <v>3731862.3</v>
      </c>
      <c r="AK465" s="53">
        <v>3731862.3</v>
      </c>
      <c r="AL465" s="53">
        <v>3731862.3</v>
      </c>
      <c r="AM465" s="53">
        <v>3731862.3</v>
      </c>
      <c r="AN465" s="53">
        <v>3731862.3</v>
      </c>
      <c r="AO465" s="53">
        <v>3731862.3</v>
      </c>
      <c r="AP465" s="53">
        <v>3731862.3</v>
      </c>
      <c r="AQ465" s="53">
        <v>3731862.3</v>
      </c>
      <c r="AR465" s="53">
        <v>3731862.3</v>
      </c>
      <c r="AS465" s="53">
        <v>3731862.3</v>
      </c>
      <c r="AT465" s="53">
        <v>3731862.3</v>
      </c>
      <c r="AU465" s="53">
        <v>3731862.3</v>
      </c>
      <c r="AV465" s="53">
        <v>3731862.3</v>
      </c>
      <c r="AW465" s="53">
        <v>3731862.3</v>
      </c>
      <c r="AX465" s="53">
        <v>3731862.3</v>
      </c>
      <c r="AY465" s="53">
        <v>3731862.3</v>
      </c>
      <c r="AZ465" s="53">
        <v>3731862.3</v>
      </c>
      <c r="BA465" s="53">
        <v>3731862.3</v>
      </c>
    </row>
    <row r="466" spans="1:53">
      <c r="A466" s="52" t="s">
        <v>2976</v>
      </c>
      <c r="B466" s="53">
        <v>0</v>
      </c>
      <c r="C466" s="53">
        <v>0</v>
      </c>
      <c r="D466" s="53">
        <v>0</v>
      </c>
      <c r="E466" s="53">
        <v>0</v>
      </c>
      <c r="F466" s="53">
        <v>0</v>
      </c>
      <c r="G466" s="53">
        <v>0</v>
      </c>
      <c r="H466" s="53">
        <v>0</v>
      </c>
      <c r="I466" s="53">
        <v>0</v>
      </c>
      <c r="J466" s="53">
        <v>0</v>
      </c>
      <c r="K466" s="53">
        <v>0</v>
      </c>
      <c r="L466" s="53">
        <v>0</v>
      </c>
      <c r="M466" s="53">
        <v>0</v>
      </c>
      <c r="N466" s="53">
        <v>0</v>
      </c>
      <c r="O466" s="53">
        <v>0</v>
      </c>
      <c r="P466" s="53">
        <v>0</v>
      </c>
      <c r="Q466" s="53">
        <v>0</v>
      </c>
      <c r="R466" s="53">
        <v>0</v>
      </c>
      <c r="S466" s="53">
        <v>0</v>
      </c>
      <c r="T466" s="53">
        <v>0</v>
      </c>
      <c r="U466" s="53">
        <v>0</v>
      </c>
      <c r="V466" s="53">
        <v>0</v>
      </c>
      <c r="W466" s="53">
        <v>0</v>
      </c>
      <c r="X466" s="53">
        <v>0</v>
      </c>
      <c r="Y466" s="53">
        <v>0</v>
      </c>
      <c r="Z466" s="53">
        <v>0</v>
      </c>
      <c r="AA466" s="53">
        <v>0</v>
      </c>
      <c r="AB466" s="53">
        <v>0</v>
      </c>
      <c r="AC466" s="53">
        <v>0</v>
      </c>
      <c r="AD466" s="53">
        <v>0</v>
      </c>
      <c r="AE466" s="53">
        <v>0</v>
      </c>
      <c r="AF466" s="53">
        <v>0</v>
      </c>
      <c r="AG466" s="53">
        <v>0</v>
      </c>
      <c r="AH466" s="53">
        <v>0</v>
      </c>
      <c r="AI466" s="53">
        <v>0</v>
      </c>
      <c r="AJ466" s="53">
        <v>0</v>
      </c>
      <c r="AK466" s="53">
        <v>0</v>
      </c>
      <c r="AL466" s="53">
        <v>0</v>
      </c>
      <c r="AM466" s="53">
        <v>0</v>
      </c>
      <c r="AN466" s="53">
        <v>0</v>
      </c>
      <c r="AO466" s="53">
        <v>0</v>
      </c>
      <c r="AP466" s="53">
        <v>0</v>
      </c>
      <c r="AQ466" s="53">
        <v>0</v>
      </c>
      <c r="AR466" s="53">
        <v>0</v>
      </c>
      <c r="AS466" s="53">
        <v>0</v>
      </c>
      <c r="AT466" s="53">
        <v>0</v>
      </c>
      <c r="AU466" s="53">
        <v>0</v>
      </c>
      <c r="AV466" s="53">
        <v>0</v>
      </c>
      <c r="AW466" s="53">
        <v>0</v>
      </c>
      <c r="AX466" s="53">
        <v>0</v>
      </c>
      <c r="AY466" s="53">
        <v>0</v>
      </c>
      <c r="AZ466" s="53">
        <v>0</v>
      </c>
      <c r="BA466" s="53">
        <v>0</v>
      </c>
    </row>
    <row r="467" spans="1:53">
      <c r="A467" s="58" t="s">
        <v>2977</v>
      </c>
      <c r="B467" s="53">
        <v>100611231.65333299</v>
      </c>
      <c r="C467" s="53">
        <v>101720924.336666</v>
      </c>
      <c r="D467" s="53">
        <v>101260278.199999</v>
      </c>
      <c r="E467" s="53">
        <v>102369970.883333</v>
      </c>
      <c r="F467" s="53">
        <v>103479663.56666601</v>
      </c>
      <c r="G467" s="53">
        <v>103019017.42999899</v>
      </c>
      <c r="H467" s="53">
        <v>104128710.113333</v>
      </c>
      <c r="I467" s="53">
        <v>105238402.796666</v>
      </c>
      <c r="J467" s="53">
        <v>104777756.659999</v>
      </c>
      <c r="K467" s="53">
        <v>105887449.34333301</v>
      </c>
      <c r="L467" s="53">
        <v>106997142.026666</v>
      </c>
      <c r="M467" s="53">
        <v>106536495.889999</v>
      </c>
      <c r="N467" s="53">
        <v>106536495.889999</v>
      </c>
      <c r="O467" s="53">
        <v>76971609.573333293</v>
      </c>
      <c r="P467" s="53">
        <v>76406723.256666601</v>
      </c>
      <c r="Q467" s="53">
        <v>74271498.1199999</v>
      </c>
      <c r="R467" s="53">
        <v>73706611.803333297</v>
      </c>
      <c r="S467" s="53">
        <v>73141725.486666605</v>
      </c>
      <c r="T467" s="53">
        <v>71006500.349999994</v>
      </c>
      <c r="U467" s="53">
        <v>70441614.033333302</v>
      </c>
      <c r="V467" s="53">
        <v>75104538.916666597</v>
      </c>
      <c r="W467" s="53">
        <v>72919629.9799999</v>
      </c>
      <c r="X467" s="53">
        <v>72305059.8633333</v>
      </c>
      <c r="Y467" s="53">
        <v>71690489.746666595</v>
      </c>
      <c r="Z467" s="53">
        <v>69505580.809999898</v>
      </c>
      <c r="AA467" s="53">
        <v>69505580.809999898</v>
      </c>
      <c r="AB467" s="53">
        <v>68891588.826666594</v>
      </c>
      <c r="AC467" s="53">
        <v>68277596.843333304</v>
      </c>
      <c r="AD467" s="53">
        <v>66093266.039999902</v>
      </c>
      <c r="AE467" s="53">
        <v>65479274.056666598</v>
      </c>
      <c r="AF467" s="53">
        <v>64865282.073333301</v>
      </c>
      <c r="AG467" s="53">
        <v>62680951.269999899</v>
      </c>
      <c r="AH467" s="53">
        <v>62066959.286666602</v>
      </c>
      <c r="AI467" s="53">
        <v>66430185.903333299</v>
      </c>
      <c r="AJ467" s="53">
        <v>64198181.699999899</v>
      </c>
      <c r="AK467" s="53">
        <v>63536516.316666603</v>
      </c>
      <c r="AL467" s="53">
        <v>62874850.9333333</v>
      </c>
      <c r="AM467" s="53">
        <v>60642846.7299999</v>
      </c>
      <c r="AN467" s="53">
        <v>60642846.7299999</v>
      </c>
      <c r="AO467" s="53">
        <v>59981485.829999901</v>
      </c>
      <c r="AP467" s="53">
        <v>59320124.929999903</v>
      </c>
      <c r="AQ467" s="53">
        <v>57088425.209999897</v>
      </c>
      <c r="AR467" s="53">
        <v>56427064.309999898</v>
      </c>
      <c r="AS467" s="53">
        <v>55765703.4099999</v>
      </c>
      <c r="AT467" s="53">
        <v>53534003.689999901</v>
      </c>
      <c r="AU467" s="53">
        <v>52872642.789999902</v>
      </c>
      <c r="AV467" s="53">
        <v>56614428.289999902</v>
      </c>
      <c r="AW467" s="53">
        <v>55049145.789999902</v>
      </c>
      <c r="AX467" s="53">
        <v>54345229.289999902</v>
      </c>
      <c r="AY467" s="53">
        <v>53641312.789999902</v>
      </c>
      <c r="AZ467" s="53">
        <v>52937396.289999902</v>
      </c>
      <c r="BA467" s="53">
        <v>52937396.289999902</v>
      </c>
    </row>
    <row r="468" spans="1:53">
      <c r="A468" s="52" t="s">
        <v>2978</v>
      </c>
    </row>
    <row r="469" spans="1:53">
      <c r="A469" s="52" t="s">
        <v>2979</v>
      </c>
      <c r="B469" s="53">
        <v>1373470.46</v>
      </c>
      <c r="C469" s="53">
        <v>1373470.46</v>
      </c>
      <c r="D469" s="53">
        <v>1373470.46</v>
      </c>
      <c r="E469" s="53">
        <v>1373470.46</v>
      </c>
      <c r="F469" s="53">
        <v>1373470.46</v>
      </c>
      <c r="G469" s="53">
        <v>1373470.46</v>
      </c>
      <c r="H469" s="53">
        <v>1373470.46</v>
      </c>
      <c r="I469" s="53">
        <v>1373470.46</v>
      </c>
      <c r="J469" s="53">
        <v>1373470.46</v>
      </c>
      <c r="K469" s="53">
        <v>1373470.46</v>
      </c>
      <c r="L469" s="53">
        <v>1373470.46</v>
      </c>
      <c r="M469" s="53">
        <v>1373470.46</v>
      </c>
      <c r="N469" s="53">
        <v>1373470.46</v>
      </c>
      <c r="O469" s="53">
        <v>1373470.46</v>
      </c>
      <c r="P469" s="53">
        <v>1373470.46</v>
      </c>
      <c r="Q469" s="53">
        <v>1373470.46</v>
      </c>
      <c r="R469" s="53">
        <v>1373470.46</v>
      </c>
      <c r="S469" s="53">
        <v>1373470.46</v>
      </c>
      <c r="T469" s="53">
        <v>1373470.46</v>
      </c>
      <c r="U469" s="53">
        <v>1373470.46</v>
      </c>
      <c r="V469" s="53">
        <v>1373470.46</v>
      </c>
      <c r="W469" s="53">
        <v>1373470.46</v>
      </c>
      <c r="X469" s="53">
        <v>1373470.46</v>
      </c>
      <c r="Y469" s="53">
        <v>1373470.46</v>
      </c>
      <c r="Z469" s="53">
        <v>1373470.46</v>
      </c>
      <c r="AA469" s="53">
        <v>1373470.46</v>
      </c>
      <c r="AB469" s="53">
        <v>1373470.46</v>
      </c>
      <c r="AC469" s="53">
        <v>1373470.46</v>
      </c>
      <c r="AD469" s="53">
        <v>1373470.46</v>
      </c>
      <c r="AE469" s="53">
        <v>1373470.46</v>
      </c>
      <c r="AF469" s="53">
        <v>1373470.46</v>
      </c>
      <c r="AG469" s="53">
        <v>1373470.46</v>
      </c>
      <c r="AH469" s="53">
        <v>1373470.46</v>
      </c>
      <c r="AI469" s="53">
        <v>1373470.46</v>
      </c>
      <c r="AJ469" s="53">
        <v>1373470.46</v>
      </c>
      <c r="AK469" s="53">
        <v>1373470.46</v>
      </c>
      <c r="AL469" s="53">
        <v>1373470.46</v>
      </c>
      <c r="AM469" s="53">
        <v>1373470.46</v>
      </c>
      <c r="AN469" s="53">
        <v>1373470.46</v>
      </c>
      <c r="AO469" s="53">
        <v>1373470.46</v>
      </c>
      <c r="AP469" s="53">
        <v>1373470.46</v>
      </c>
      <c r="AQ469" s="53">
        <v>1373470.46</v>
      </c>
      <c r="AR469" s="53">
        <v>1373470.46</v>
      </c>
      <c r="AS469" s="53">
        <v>1373470.46</v>
      </c>
      <c r="AT469" s="53">
        <v>1373470.46</v>
      </c>
      <c r="AU469" s="53">
        <v>1373470.46</v>
      </c>
      <c r="AV469" s="53">
        <v>1373470.46</v>
      </c>
      <c r="AW469" s="53">
        <v>1373470.46</v>
      </c>
      <c r="AX469" s="53">
        <v>1373470.46</v>
      </c>
      <c r="AY469" s="53">
        <v>1373470.46</v>
      </c>
      <c r="AZ469" s="53">
        <v>1373470.46</v>
      </c>
      <c r="BA469" s="53">
        <v>1373470.46</v>
      </c>
    </row>
    <row r="470" spans="1:53">
      <c r="A470" s="58" t="s">
        <v>2980</v>
      </c>
      <c r="B470" s="53">
        <v>1373470.46</v>
      </c>
      <c r="C470" s="53">
        <v>1373470.46</v>
      </c>
      <c r="D470" s="53">
        <v>1373470.46</v>
      </c>
      <c r="E470" s="53">
        <v>1373470.46</v>
      </c>
      <c r="F470" s="53">
        <v>1373470.46</v>
      </c>
      <c r="G470" s="53">
        <v>1373470.46</v>
      </c>
      <c r="H470" s="53">
        <v>1373470.46</v>
      </c>
      <c r="I470" s="53">
        <v>1373470.46</v>
      </c>
      <c r="J470" s="53">
        <v>1373470.46</v>
      </c>
      <c r="K470" s="53">
        <v>1373470.46</v>
      </c>
      <c r="L470" s="53">
        <v>1373470.46</v>
      </c>
      <c r="M470" s="53">
        <v>1373470.46</v>
      </c>
      <c r="N470" s="53">
        <v>1373470.46</v>
      </c>
      <c r="O470" s="53">
        <v>1373470.46</v>
      </c>
      <c r="P470" s="53">
        <v>1373470.46</v>
      </c>
      <c r="Q470" s="53">
        <v>1373470.46</v>
      </c>
      <c r="R470" s="53">
        <v>1373470.46</v>
      </c>
      <c r="S470" s="53">
        <v>1373470.46</v>
      </c>
      <c r="T470" s="53">
        <v>1373470.46</v>
      </c>
      <c r="U470" s="53">
        <v>1373470.46</v>
      </c>
      <c r="V470" s="53">
        <v>1373470.46</v>
      </c>
      <c r="W470" s="53">
        <v>1373470.46</v>
      </c>
      <c r="X470" s="53">
        <v>1373470.46</v>
      </c>
      <c r="Y470" s="53">
        <v>1373470.46</v>
      </c>
      <c r="Z470" s="53">
        <v>1373470.46</v>
      </c>
      <c r="AA470" s="53">
        <v>1373470.46</v>
      </c>
      <c r="AB470" s="53">
        <v>1373470.46</v>
      </c>
      <c r="AC470" s="53">
        <v>1373470.46</v>
      </c>
      <c r="AD470" s="53">
        <v>1373470.46</v>
      </c>
      <c r="AE470" s="53">
        <v>1373470.46</v>
      </c>
      <c r="AF470" s="53">
        <v>1373470.46</v>
      </c>
      <c r="AG470" s="53">
        <v>1373470.46</v>
      </c>
      <c r="AH470" s="53">
        <v>1373470.46</v>
      </c>
      <c r="AI470" s="53">
        <v>1373470.46</v>
      </c>
      <c r="AJ470" s="53">
        <v>1373470.46</v>
      </c>
      <c r="AK470" s="53">
        <v>1373470.46</v>
      </c>
      <c r="AL470" s="53">
        <v>1373470.46</v>
      </c>
      <c r="AM470" s="53">
        <v>1373470.46</v>
      </c>
      <c r="AN470" s="53">
        <v>1373470.46</v>
      </c>
      <c r="AO470" s="53">
        <v>1373470.46</v>
      </c>
      <c r="AP470" s="53">
        <v>1373470.46</v>
      </c>
      <c r="AQ470" s="53">
        <v>1373470.46</v>
      </c>
      <c r="AR470" s="53">
        <v>1373470.46</v>
      </c>
      <c r="AS470" s="53">
        <v>1373470.46</v>
      </c>
      <c r="AT470" s="53">
        <v>1373470.46</v>
      </c>
      <c r="AU470" s="53">
        <v>1373470.46</v>
      </c>
      <c r="AV470" s="53">
        <v>1373470.46</v>
      </c>
      <c r="AW470" s="53">
        <v>1373470.46</v>
      </c>
      <c r="AX470" s="53">
        <v>1373470.46</v>
      </c>
      <c r="AY470" s="53">
        <v>1373470.46</v>
      </c>
      <c r="AZ470" s="53">
        <v>1373470.46</v>
      </c>
      <c r="BA470" s="53">
        <v>1373470.46</v>
      </c>
    </row>
    <row r="471" spans="1:53">
      <c r="A471" s="52" t="s">
        <v>2981</v>
      </c>
    </row>
    <row r="472" spans="1:53">
      <c r="A472" s="52" t="s">
        <v>2982</v>
      </c>
      <c r="B472" s="53">
        <v>0</v>
      </c>
      <c r="C472" s="53">
        <v>0</v>
      </c>
      <c r="D472" s="53">
        <v>0</v>
      </c>
      <c r="E472" s="53">
        <v>0</v>
      </c>
      <c r="F472" s="53">
        <v>0</v>
      </c>
      <c r="G472" s="53">
        <v>0</v>
      </c>
      <c r="H472" s="53">
        <v>0</v>
      </c>
      <c r="I472" s="53">
        <v>0</v>
      </c>
      <c r="J472" s="53">
        <v>0</v>
      </c>
      <c r="K472" s="53">
        <v>0</v>
      </c>
      <c r="L472" s="53">
        <v>0</v>
      </c>
      <c r="M472" s="53">
        <v>0</v>
      </c>
      <c r="N472" s="53">
        <v>0</v>
      </c>
      <c r="O472" s="53">
        <v>0</v>
      </c>
      <c r="P472" s="53">
        <v>0</v>
      </c>
      <c r="Q472" s="53">
        <v>0</v>
      </c>
      <c r="R472" s="53">
        <v>0</v>
      </c>
      <c r="S472" s="53">
        <v>0</v>
      </c>
      <c r="T472" s="53">
        <v>0</v>
      </c>
      <c r="U472" s="53">
        <v>0</v>
      </c>
      <c r="V472" s="53">
        <v>0</v>
      </c>
      <c r="W472" s="53">
        <v>0</v>
      </c>
      <c r="X472" s="53">
        <v>0</v>
      </c>
      <c r="Y472" s="53">
        <v>0</v>
      </c>
      <c r="Z472" s="53">
        <v>0</v>
      </c>
      <c r="AA472" s="53">
        <v>0</v>
      </c>
      <c r="AB472" s="53">
        <v>0</v>
      </c>
      <c r="AC472" s="53">
        <v>0</v>
      </c>
      <c r="AD472" s="53">
        <v>0</v>
      </c>
      <c r="AE472" s="53">
        <v>0</v>
      </c>
      <c r="AF472" s="53">
        <v>0</v>
      </c>
      <c r="AG472" s="53">
        <v>0</v>
      </c>
      <c r="AH472" s="53">
        <v>0</v>
      </c>
      <c r="AI472" s="53">
        <v>0</v>
      </c>
      <c r="AJ472" s="53">
        <v>0</v>
      </c>
      <c r="AK472" s="53">
        <v>0</v>
      </c>
      <c r="AL472" s="53">
        <v>0</v>
      </c>
      <c r="AM472" s="53">
        <v>0</v>
      </c>
      <c r="AN472" s="53">
        <v>0</v>
      </c>
      <c r="AO472" s="53">
        <v>0</v>
      </c>
      <c r="AP472" s="53">
        <v>0</v>
      </c>
      <c r="AQ472" s="53">
        <v>0</v>
      </c>
      <c r="AR472" s="53">
        <v>0</v>
      </c>
      <c r="AS472" s="53">
        <v>0</v>
      </c>
      <c r="AT472" s="53">
        <v>0</v>
      </c>
      <c r="AU472" s="53">
        <v>0</v>
      </c>
      <c r="AV472" s="53">
        <v>0</v>
      </c>
      <c r="AW472" s="53">
        <v>0</v>
      </c>
      <c r="AX472" s="53">
        <v>0</v>
      </c>
      <c r="AY472" s="53">
        <v>0</v>
      </c>
      <c r="AZ472" s="53">
        <v>0</v>
      </c>
      <c r="BA472" s="53">
        <v>0</v>
      </c>
    </row>
    <row r="473" spans="1:53">
      <c r="A473" s="52" t="s">
        <v>2983</v>
      </c>
      <c r="B473" s="53">
        <v>0</v>
      </c>
      <c r="C473" s="53">
        <v>0</v>
      </c>
      <c r="D473" s="53">
        <v>0</v>
      </c>
      <c r="E473" s="53">
        <v>0</v>
      </c>
      <c r="F473" s="53">
        <v>0</v>
      </c>
      <c r="G473" s="53">
        <v>0</v>
      </c>
      <c r="H473" s="53">
        <v>0</v>
      </c>
      <c r="I473" s="53">
        <v>0</v>
      </c>
      <c r="J473" s="53">
        <v>0</v>
      </c>
      <c r="K473" s="53">
        <v>0</v>
      </c>
      <c r="L473" s="53">
        <v>0</v>
      </c>
      <c r="M473" s="53">
        <v>0</v>
      </c>
      <c r="N473" s="53">
        <v>0</v>
      </c>
      <c r="O473" s="53">
        <v>0</v>
      </c>
      <c r="P473" s="53">
        <v>0</v>
      </c>
      <c r="Q473" s="53">
        <v>0</v>
      </c>
      <c r="R473" s="53">
        <v>0</v>
      </c>
      <c r="S473" s="53">
        <v>0</v>
      </c>
      <c r="T473" s="53">
        <v>0</v>
      </c>
      <c r="U473" s="53">
        <v>0</v>
      </c>
      <c r="V473" s="53">
        <v>0</v>
      </c>
      <c r="W473" s="53">
        <v>0</v>
      </c>
      <c r="X473" s="53">
        <v>0</v>
      </c>
      <c r="Y473" s="53">
        <v>0</v>
      </c>
      <c r="Z473" s="53">
        <v>0</v>
      </c>
      <c r="AA473" s="53">
        <v>0</v>
      </c>
      <c r="AB473" s="53">
        <v>0</v>
      </c>
      <c r="AC473" s="53">
        <v>0</v>
      </c>
      <c r="AD473" s="53">
        <v>0</v>
      </c>
      <c r="AE473" s="53">
        <v>0</v>
      </c>
      <c r="AF473" s="53">
        <v>0</v>
      </c>
      <c r="AG473" s="53">
        <v>0</v>
      </c>
      <c r="AH473" s="53">
        <v>0</v>
      </c>
      <c r="AI473" s="53">
        <v>0</v>
      </c>
      <c r="AJ473" s="53">
        <v>0</v>
      </c>
      <c r="AK473" s="53">
        <v>0</v>
      </c>
      <c r="AL473" s="53">
        <v>0</v>
      </c>
      <c r="AM473" s="53">
        <v>0</v>
      </c>
      <c r="AN473" s="53">
        <v>0</v>
      </c>
      <c r="AO473" s="53">
        <v>0</v>
      </c>
      <c r="AP473" s="53">
        <v>0</v>
      </c>
      <c r="AQ473" s="53">
        <v>0</v>
      </c>
      <c r="AR473" s="53">
        <v>0</v>
      </c>
      <c r="AS473" s="53">
        <v>0</v>
      </c>
      <c r="AT473" s="53">
        <v>0</v>
      </c>
      <c r="AU473" s="53">
        <v>0</v>
      </c>
      <c r="AV473" s="53">
        <v>0</v>
      </c>
      <c r="AW473" s="53">
        <v>0</v>
      </c>
      <c r="AX473" s="53">
        <v>0</v>
      </c>
      <c r="AY473" s="53">
        <v>0</v>
      </c>
      <c r="AZ473" s="53">
        <v>0</v>
      </c>
      <c r="BA473" s="53">
        <v>0</v>
      </c>
    </row>
    <row r="474" spans="1:53">
      <c r="A474" s="52" t="s">
        <v>2984</v>
      </c>
      <c r="B474" s="53">
        <v>-21232412.629999999</v>
      </c>
      <c r="C474" s="53">
        <v>-21613569.629999999</v>
      </c>
      <c r="D474" s="53">
        <v>-21993491.629999999</v>
      </c>
      <c r="E474" s="53">
        <v>-22370731.629999999</v>
      </c>
      <c r="F474" s="53">
        <v>-22741017.629999999</v>
      </c>
      <c r="G474" s="53">
        <v>-23106674.629999999</v>
      </c>
      <c r="H474" s="53">
        <v>-23468876.629999999</v>
      </c>
      <c r="I474" s="53">
        <v>-23828554.629999999</v>
      </c>
      <c r="J474" s="53">
        <v>-24190485.629999999</v>
      </c>
      <c r="K474" s="53">
        <v>-24548867.629999999</v>
      </c>
      <c r="L474" s="53">
        <v>-24901181.629999999</v>
      </c>
      <c r="M474" s="53">
        <v>-25251352.629999999</v>
      </c>
      <c r="N474" s="53">
        <v>-25251352.629999999</v>
      </c>
      <c r="O474" s="53">
        <v>-25615946.629999999</v>
      </c>
      <c r="P474" s="53">
        <v>-25980540.629999999</v>
      </c>
      <c r="Q474" s="53">
        <v>-26345134.629999999</v>
      </c>
      <c r="R474" s="53">
        <v>-26709728.629999999</v>
      </c>
      <c r="S474" s="53">
        <v>-27074322.629999999</v>
      </c>
      <c r="T474" s="53">
        <v>-27438916.629999999</v>
      </c>
      <c r="U474" s="53">
        <v>-27803510.629999999</v>
      </c>
      <c r="V474" s="53">
        <v>-28168104.629999999</v>
      </c>
      <c r="W474" s="53">
        <v>-28532698.629999999</v>
      </c>
      <c r="X474" s="53">
        <v>-28897292.629999999</v>
      </c>
      <c r="Y474" s="53">
        <v>-29261886.629999999</v>
      </c>
      <c r="Z474" s="53">
        <v>-29626480.629999999</v>
      </c>
      <c r="AA474" s="53">
        <v>-29626480.629999999</v>
      </c>
      <c r="AB474" s="53">
        <v>-30030371.629999999</v>
      </c>
      <c r="AC474" s="53">
        <v>-30434262.629999999</v>
      </c>
      <c r="AD474" s="53">
        <v>-30838153.629999999</v>
      </c>
      <c r="AE474" s="53">
        <v>-31242044.629999999</v>
      </c>
      <c r="AF474" s="53">
        <v>-31645935.629999999</v>
      </c>
      <c r="AG474" s="53">
        <v>-32049826.629999999</v>
      </c>
      <c r="AH474" s="53">
        <v>-32453717.629999999</v>
      </c>
      <c r="AI474" s="53">
        <v>-32857608.629999999</v>
      </c>
      <c r="AJ474" s="53">
        <v>-33261499.629999999</v>
      </c>
      <c r="AK474" s="53">
        <v>-33665390.630000003</v>
      </c>
      <c r="AL474" s="53">
        <v>-34069281.630000003</v>
      </c>
      <c r="AM474" s="53">
        <v>-34473172.630000003</v>
      </c>
      <c r="AN474" s="53">
        <v>-34473172.630000003</v>
      </c>
      <c r="AO474" s="53">
        <v>-34915582.630000003</v>
      </c>
      <c r="AP474" s="53">
        <v>-35357992.630000003</v>
      </c>
      <c r="AQ474" s="53">
        <v>-35800402.630000003</v>
      </c>
      <c r="AR474" s="53">
        <v>-36242812.630000003</v>
      </c>
      <c r="AS474" s="53">
        <v>-36685222.630000003</v>
      </c>
      <c r="AT474" s="53">
        <v>-37127632.630000003</v>
      </c>
      <c r="AU474" s="53">
        <v>-37570042.630000003</v>
      </c>
      <c r="AV474" s="53">
        <v>-38012452.630000003</v>
      </c>
      <c r="AW474" s="53">
        <v>-38454862.630000003</v>
      </c>
      <c r="AX474" s="53">
        <v>-38897272.630000003</v>
      </c>
      <c r="AY474" s="53">
        <v>-39339682.630000003</v>
      </c>
      <c r="AZ474" s="53">
        <v>-39782092.630000003</v>
      </c>
      <c r="BA474" s="53">
        <v>-39782092.630000003</v>
      </c>
    </row>
    <row r="475" spans="1:53">
      <c r="A475" s="52" t="s">
        <v>2985</v>
      </c>
      <c r="B475" s="53">
        <v>-13530.7900000025</v>
      </c>
      <c r="C475" s="53">
        <v>-13530.7900000025</v>
      </c>
      <c r="D475" s="53">
        <v>-13530.7900000025</v>
      </c>
      <c r="E475" s="53">
        <v>-13530.7900000025</v>
      </c>
      <c r="F475" s="53">
        <v>-13530.7900000025</v>
      </c>
      <c r="G475" s="53">
        <v>-13530.7900000025</v>
      </c>
      <c r="H475" s="53">
        <v>-13530.7900000025</v>
      </c>
      <c r="I475" s="53">
        <v>-13530.7900000025</v>
      </c>
      <c r="J475" s="53">
        <v>-13530.7900000025</v>
      </c>
      <c r="K475" s="53">
        <v>-13530.7900000025</v>
      </c>
      <c r="L475" s="53">
        <v>-13530.7900000025</v>
      </c>
      <c r="M475" s="53">
        <v>-13530.7900000025</v>
      </c>
      <c r="N475" s="53">
        <v>-13530.7900000025</v>
      </c>
      <c r="O475" s="53">
        <v>-13530.7900000025</v>
      </c>
      <c r="P475" s="53">
        <v>-13530.7900000025</v>
      </c>
      <c r="Q475" s="53">
        <v>-13530.7900000025</v>
      </c>
      <c r="R475" s="53">
        <v>-13530.7900000025</v>
      </c>
      <c r="S475" s="53">
        <v>-13530.7900000025</v>
      </c>
      <c r="T475" s="53">
        <v>-13530.7900000025</v>
      </c>
      <c r="U475" s="53">
        <v>-13530.7900000025</v>
      </c>
      <c r="V475" s="53">
        <v>-13530.7900000025</v>
      </c>
      <c r="W475" s="53">
        <v>-13530.7900000025</v>
      </c>
      <c r="X475" s="53">
        <v>-13530.7900000025</v>
      </c>
      <c r="Y475" s="53">
        <v>-13530.7900000025</v>
      </c>
      <c r="Z475" s="53">
        <v>-13530.7900000025</v>
      </c>
      <c r="AA475" s="53">
        <v>-13530.7900000025</v>
      </c>
      <c r="AB475" s="53">
        <v>-13530.7900000025</v>
      </c>
      <c r="AC475" s="53">
        <v>-13530.7900000025</v>
      </c>
      <c r="AD475" s="53">
        <v>-13530.7900000025</v>
      </c>
      <c r="AE475" s="53">
        <v>-13530.7900000025</v>
      </c>
      <c r="AF475" s="53">
        <v>-13530.7900000025</v>
      </c>
      <c r="AG475" s="53">
        <v>-13530.7900000025</v>
      </c>
      <c r="AH475" s="53">
        <v>-13530.7900000025</v>
      </c>
      <c r="AI475" s="53">
        <v>-13530.7900000025</v>
      </c>
      <c r="AJ475" s="53">
        <v>-13530.7900000025</v>
      </c>
      <c r="AK475" s="53">
        <v>-13530.7900000025</v>
      </c>
      <c r="AL475" s="53">
        <v>-13530.7900000025</v>
      </c>
      <c r="AM475" s="53">
        <v>-13530.7900000025</v>
      </c>
      <c r="AN475" s="53">
        <v>-13530.7900000025</v>
      </c>
      <c r="AO475" s="53">
        <v>-13530.7900000025</v>
      </c>
      <c r="AP475" s="53">
        <v>-13530.7900000025</v>
      </c>
      <c r="AQ475" s="53">
        <v>-13530.7900000025</v>
      </c>
      <c r="AR475" s="53">
        <v>-13530.7900000025</v>
      </c>
      <c r="AS475" s="53">
        <v>-13530.7900000025</v>
      </c>
      <c r="AT475" s="53">
        <v>-13530.7900000025</v>
      </c>
      <c r="AU475" s="53">
        <v>-13530.7900000025</v>
      </c>
      <c r="AV475" s="53">
        <v>-13530.7900000025</v>
      </c>
      <c r="AW475" s="53">
        <v>-13530.7900000025</v>
      </c>
      <c r="AX475" s="53">
        <v>-13530.7900000025</v>
      </c>
      <c r="AY475" s="53">
        <v>-13530.7900000025</v>
      </c>
      <c r="AZ475" s="53">
        <v>-13530.7900000025</v>
      </c>
      <c r="BA475" s="53">
        <v>-13530.7900000025</v>
      </c>
    </row>
    <row r="476" spans="1:53">
      <c r="A476" s="52" t="s">
        <v>2986</v>
      </c>
      <c r="B476" s="53">
        <v>11660365.800000001</v>
      </c>
      <c r="C476" s="53">
        <v>11660365.800000001</v>
      </c>
      <c r="D476" s="53">
        <v>11660365.800000001</v>
      </c>
      <c r="E476" s="53">
        <v>11660365.800000001</v>
      </c>
      <c r="F476" s="53">
        <v>11660365.800000001</v>
      </c>
      <c r="G476" s="53">
        <v>11660365.800000001</v>
      </c>
      <c r="H476" s="53">
        <v>11660365.800000001</v>
      </c>
      <c r="I476" s="53">
        <v>11660365.800000001</v>
      </c>
      <c r="J476" s="53">
        <v>11660365.800000001</v>
      </c>
      <c r="K476" s="53">
        <v>11660365.800000001</v>
      </c>
      <c r="L476" s="53">
        <v>11660365.800000001</v>
      </c>
      <c r="M476" s="53">
        <v>11660365.800000001</v>
      </c>
      <c r="N476" s="53">
        <v>11660365.800000001</v>
      </c>
      <c r="O476" s="53">
        <v>11660365.800000001</v>
      </c>
      <c r="P476" s="53">
        <v>11660365.800000001</v>
      </c>
      <c r="Q476" s="53">
        <v>11660365.800000001</v>
      </c>
      <c r="R476" s="53">
        <v>11660365.800000001</v>
      </c>
      <c r="S476" s="53">
        <v>11660365.800000001</v>
      </c>
      <c r="T476" s="53">
        <v>11660365.800000001</v>
      </c>
      <c r="U476" s="53">
        <v>11660365.800000001</v>
      </c>
      <c r="V476" s="53">
        <v>11660365.800000001</v>
      </c>
      <c r="W476" s="53">
        <v>11660365.800000001</v>
      </c>
      <c r="X476" s="53">
        <v>11660365.800000001</v>
      </c>
      <c r="Y476" s="53">
        <v>11660365.800000001</v>
      </c>
      <c r="Z476" s="53">
        <v>11660365.800000001</v>
      </c>
      <c r="AA476" s="53">
        <v>11660365.800000001</v>
      </c>
      <c r="AB476" s="53">
        <v>11660365.800000001</v>
      </c>
      <c r="AC476" s="53">
        <v>11660365.800000001</v>
      </c>
      <c r="AD476" s="53">
        <v>11660365.800000001</v>
      </c>
      <c r="AE476" s="53">
        <v>11660365.800000001</v>
      </c>
      <c r="AF476" s="53">
        <v>11660365.800000001</v>
      </c>
      <c r="AG476" s="53">
        <v>11660365.800000001</v>
      </c>
      <c r="AH476" s="53">
        <v>11660365.800000001</v>
      </c>
      <c r="AI476" s="53">
        <v>11660365.800000001</v>
      </c>
      <c r="AJ476" s="53">
        <v>11660365.800000001</v>
      </c>
      <c r="AK476" s="53">
        <v>11660365.800000001</v>
      </c>
      <c r="AL476" s="53">
        <v>11660365.800000001</v>
      </c>
      <c r="AM476" s="53">
        <v>11660365.800000001</v>
      </c>
      <c r="AN476" s="53">
        <v>11660365.800000001</v>
      </c>
      <c r="AO476" s="53">
        <v>11660365.800000001</v>
      </c>
      <c r="AP476" s="53">
        <v>11660365.800000001</v>
      </c>
      <c r="AQ476" s="53">
        <v>11660365.800000001</v>
      </c>
      <c r="AR476" s="53">
        <v>11660365.800000001</v>
      </c>
      <c r="AS476" s="53">
        <v>11660365.800000001</v>
      </c>
      <c r="AT476" s="53">
        <v>11660365.800000001</v>
      </c>
      <c r="AU476" s="53">
        <v>11660365.800000001</v>
      </c>
      <c r="AV476" s="53">
        <v>11660365.800000001</v>
      </c>
      <c r="AW476" s="53">
        <v>11660365.800000001</v>
      </c>
      <c r="AX476" s="53">
        <v>11660365.800000001</v>
      </c>
      <c r="AY476" s="53">
        <v>11660365.800000001</v>
      </c>
      <c r="AZ476" s="53">
        <v>11660365.800000001</v>
      </c>
      <c r="BA476" s="53">
        <v>11660365.800000001</v>
      </c>
    </row>
    <row r="477" spans="1:53">
      <c r="A477" s="52" t="s">
        <v>2987</v>
      </c>
      <c r="B477" s="53">
        <v>-0.15</v>
      </c>
      <c r="C477" s="53">
        <v>-0.15</v>
      </c>
      <c r="D477" s="53">
        <v>-0.15</v>
      </c>
      <c r="E477" s="53">
        <v>-0.15</v>
      </c>
      <c r="F477" s="53">
        <v>-0.15</v>
      </c>
      <c r="G477" s="53">
        <v>-0.15</v>
      </c>
      <c r="H477" s="53">
        <v>-0.15</v>
      </c>
      <c r="I477" s="53">
        <v>-0.15</v>
      </c>
      <c r="J477" s="53">
        <v>-0.15</v>
      </c>
      <c r="K477" s="53">
        <v>-0.15</v>
      </c>
      <c r="L477" s="53">
        <v>-0.15</v>
      </c>
      <c r="M477" s="53">
        <v>-0.15</v>
      </c>
      <c r="N477" s="53">
        <v>-0.15</v>
      </c>
      <c r="O477" s="53">
        <v>-0.15</v>
      </c>
      <c r="P477" s="53">
        <v>-0.15</v>
      </c>
      <c r="Q477" s="53">
        <v>-0.15</v>
      </c>
      <c r="R477" s="53">
        <v>-0.15</v>
      </c>
      <c r="S477" s="53">
        <v>-0.15</v>
      </c>
      <c r="T477" s="53">
        <v>-0.15</v>
      </c>
      <c r="U477" s="53">
        <v>-0.15</v>
      </c>
      <c r="V477" s="53">
        <v>-0.15</v>
      </c>
      <c r="W477" s="53">
        <v>-0.15</v>
      </c>
      <c r="X477" s="53">
        <v>-0.15</v>
      </c>
      <c r="Y477" s="53">
        <v>-0.15</v>
      </c>
      <c r="Z477" s="53">
        <v>-0.15</v>
      </c>
      <c r="AA477" s="53">
        <v>-0.15</v>
      </c>
      <c r="AB477" s="53">
        <v>-0.15</v>
      </c>
      <c r="AC477" s="53">
        <v>-0.15</v>
      </c>
      <c r="AD477" s="53">
        <v>-0.15</v>
      </c>
      <c r="AE477" s="53">
        <v>-0.15</v>
      </c>
      <c r="AF477" s="53">
        <v>-0.15</v>
      </c>
      <c r="AG477" s="53">
        <v>-0.15</v>
      </c>
      <c r="AH477" s="53">
        <v>-0.15</v>
      </c>
      <c r="AI477" s="53">
        <v>-0.15</v>
      </c>
      <c r="AJ477" s="53">
        <v>-0.15</v>
      </c>
      <c r="AK477" s="53">
        <v>-0.15</v>
      </c>
      <c r="AL477" s="53">
        <v>-0.15</v>
      </c>
      <c r="AM477" s="53">
        <v>-0.15</v>
      </c>
      <c r="AN477" s="53">
        <v>-0.15</v>
      </c>
      <c r="AO477" s="53">
        <v>-0.15</v>
      </c>
      <c r="AP477" s="53">
        <v>-0.15</v>
      </c>
      <c r="AQ477" s="53">
        <v>-0.15</v>
      </c>
      <c r="AR477" s="53">
        <v>-0.15</v>
      </c>
      <c r="AS477" s="53">
        <v>-0.15</v>
      </c>
      <c r="AT477" s="53">
        <v>-0.15</v>
      </c>
      <c r="AU477" s="53">
        <v>-0.15</v>
      </c>
      <c r="AV477" s="53">
        <v>-0.15</v>
      </c>
      <c r="AW477" s="53">
        <v>-0.15</v>
      </c>
      <c r="AX477" s="53">
        <v>-0.15</v>
      </c>
      <c r="AY477" s="53">
        <v>-0.15</v>
      </c>
      <c r="AZ477" s="53">
        <v>-0.15</v>
      </c>
      <c r="BA477" s="53">
        <v>-0.15</v>
      </c>
    </row>
    <row r="478" spans="1:53">
      <c r="A478" s="52" t="s">
        <v>2988</v>
      </c>
      <c r="B478" s="53">
        <v>11075799.24</v>
      </c>
      <c r="C478" s="53">
        <v>11075799.24</v>
      </c>
      <c r="D478" s="53">
        <v>11075799.24</v>
      </c>
      <c r="E478" s="53">
        <v>11075799.24</v>
      </c>
      <c r="F478" s="53">
        <v>11075799.24</v>
      </c>
      <c r="G478" s="53">
        <v>11075799.24</v>
      </c>
      <c r="H478" s="53">
        <v>11075799.24</v>
      </c>
      <c r="I478" s="53">
        <v>11075799.24</v>
      </c>
      <c r="J478" s="53">
        <v>11075799.24</v>
      </c>
      <c r="K478" s="53">
        <v>11075799.24</v>
      </c>
      <c r="L478" s="53">
        <v>11075799.24</v>
      </c>
      <c r="M478" s="53">
        <v>11075799.24</v>
      </c>
      <c r="N478" s="53">
        <v>11075799.24</v>
      </c>
      <c r="O478" s="53">
        <v>11075799.24</v>
      </c>
      <c r="P478" s="53">
        <v>11075799.24</v>
      </c>
      <c r="Q478" s="53">
        <v>11075799.24</v>
      </c>
      <c r="R478" s="53">
        <v>11075799.24</v>
      </c>
      <c r="S478" s="53">
        <v>11075799.24</v>
      </c>
      <c r="T478" s="53">
        <v>11075799.24</v>
      </c>
      <c r="U478" s="53">
        <v>11075799.24</v>
      </c>
      <c r="V478" s="53">
        <v>11075799.24</v>
      </c>
      <c r="W478" s="53">
        <v>11075799.24</v>
      </c>
      <c r="X478" s="53">
        <v>11075799.24</v>
      </c>
      <c r="Y478" s="53">
        <v>11075799.24</v>
      </c>
      <c r="Z478" s="53">
        <v>11075799.24</v>
      </c>
      <c r="AA478" s="53">
        <v>11075799.24</v>
      </c>
      <c r="AB478" s="53">
        <v>11075799.24</v>
      </c>
      <c r="AC478" s="53">
        <v>11075799.24</v>
      </c>
      <c r="AD478" s="53">
        <v>11075799.24</v>
      </c>
      <c r="AE478" s="53">
        <v>11075799.24</v>
      </c>
      <c r="AF478" s="53">
        <v>11075799.24</v>
      </c>
      <c r="AG478" s="53">
        <v>11075799.24</v>
      </c>
      <c r="AH478" s="53">
        <v>11075799.24</v>
      </c>
      <c r="AI478" s="53">
        <v>11075799.24</v>
      </c>
      <c r="AJ478" s="53">
        <v>11075799.24</v>
      </c>
      <c r="AK478" s="53">
        <v>11075799.24</v>
      </c>
      <c r="AL478" s="53">
        <v>11075799.24</v>
      </c>
      <c r="AM478" s="53">
        <v>11075799.24</v>
      </c>
      <c r="AN478" s="53">
        <v>11075799.24</v>
      </c>
      <c r="AO478" s="53">
        <v>11075799.24</v>
      </c>
      <c r="AP478" s="53">
        <v>11075799.24</v>
      </c>
      <c r="AQ478" s="53">
        <v>11075799.24</v>
      </c>
      <c r="AR478" s="53">
        <v>11075799.24</v>
      </c>
      <c r="AS478" s="53">
        <v>11075799.24</v>
      </c>
      <c r="AT478" s="53">
        <v>11075799.24</v>
      </c>
      <c r="AU478" s="53">
        <v>11075799.24</v>
      </c>
      <c r="AV478" s="53">
        <v>11075799.24</v>
      </c>
      <c r="AW478" s="53">
        <v>11075799.24</v>
      </c>
      <c r="AX478" s="53">
        <v>11075799.24</v>
      </c>
      <c r="AY478" s="53">
        <v>11075799.24</v>
      </c>
      <c r="AZ478" s="53">
        <v>11075799.24</v>
      </c>
      <c r="BA478" s="53">
        <v>11075799.24</v>
      </c>
    </row>
    <row r="479" spans="1:53">
      <c r="A479" s="52" t="s">
        <v>2989</v>
      </c>
      <c r="B479" s="53">
        <v>0</v>
      </c>
      <c r="C479" s="53">
        <v>0</v>
      </c>
      <c r="D479" s="53">
        <v>0</v>
      </c>
      <c r="E479" s="53">
        <v>0</v>
      </c>
      <c r="F479" s="53">
        <v>0</v>
      </c>
      <c r="G479" s="53">
        <v>0</v>
      </c>
      <c r="H479" s="53">
        <v>0</v>
      </c>
      <c r="I479" s="53">
        <v>0</v>
      </c>
      <c r="J479" s="53">
        <v>0</v>
      </c>
      <c r="K479" s="53">
        <v>0</v>
      </c>
      <c r="L479" s="53">
        <v>0</v>
      </c>
      <c r="M479" s="53">
        <v>0</v>
      </c>
      <c r="N479" s="53">
        <v>0</v>
      </c>
      <c r="O479" s="53">
        <v>0</v>
      </c>
      <c r="P479" s="53">
        <v>0</v>
      </c>
      <c r="Q479" s="53">
        <v>0</v>
      </c>
      <c r="R479" s="53">
        <v>0</v>
      </c>
      <c r="S479" s="53">
        <v>0</v>
      </c>
      <c r="T479" s="53">
        <v>0</v>
      </c>
      <c r="U479" s="53">
        <v>0</v>
      </c>
      <c r="V479" s="53">
        <v>0</v>
      </c>
      <c r="W479" s="53">
        <v>0</v>
      </c>
      <c r="X479" s="53">
        <v>0</v>
      </c>
      <c r="Y479" s="53">
        <v>0</v>
      </c>
      <c r="Z479" s="53">
        <v>0</v>
      </c>
      <c r="AA479" s="53">
        <v>0</v>
      </c>
      <c r="AB479" s="53">
        <v>0</v>
      </c>
      <c r="AC479" s="53">
        <v>0</v>
      </c>
      <c r="AD479" s="53">
        <v>0</v>
      </c>
      <c r="AE479" s="53">
        <v>0</v>
      </c>
      <c r="AF479" s="53">
        <v>0</v>
      </c>
      <c r="AG479" s="53">
        <v>0</v>
      </c>
      <c r="AH479" s="53">
        <v>0</v>
      </c>
      <c r="AI479" s="53">
        <v>0</v>
      </c>
      <c r="AJ479" s="53">
        <v>0</v>
      </c>
      <c r="AK479" s="53">
        <v>0</v>
      </c>
      <c r="AL479" s="53">
        <v>0</v>
      </c>
      <c r="AM479" s="53">
        <v>0</v>
      </c>
      <c r="AN479" s="53">
        <v>0</v>
      </c>
      <c r="AO479" s="53">
        <v>0</v>
      </c>
      <c r="AP479" s="53">
        <v>0</v>
      </c>
      <c r="AQ479" s="53">
        <v>0</v>
      </c>
      <c r="AR479" s="53">
        <v>0</v>
      </c>
      <c r="AS479" s="53">
        <v>0</v>
      </c>
      <c r="AT479" s="53">
        <v>0</v>
      </c>
      <c r="AU479" s="53">
        <v>0</v>
      </c>
      <c r="AV479" s="53">
        <v>0</v>
      </c>
      <c r="AW479" s="53">
        <v>0</v>
      </c>
      <c r="AX479" s="53">
        <v>0</v>
      </c>
      <c r="AY479" s="53">
        <v>0</v>
      </c>
      <c r="AZ479" s="53">
        <v>0</v>
      </c>
      <c r="BA479" s="53">
        <v>0</v>
      </c>
    </row>
    <row r="480" spans="1:53">
      <c r="A480" s="52" t="s">
        <v>2990</v>
      </c>
      <c r="B480" s="53">
        <v>17521839</v>
      </c>
      <c r="C480" s="53">
        <v>17521839</v>
      </c>
      <c r="D480" s="53">
        <v>17521839</v>
      </c>
      <c r="E480" s="53">
        <v>17521839</v>
      </c>
      <c r="F480" s="53">
        <v>17521839</v>
      </c>
      <c r="G480" s="53">
        <v>17521839</v>
      </c>
      <c r="H480" s="53">
        <v>17521839</v>
      </c>
      <c r="I480" s="53">
        <v>17521839</v>
      </c>
      <c r="J480" s="53">
        <v>17521839</v>
      </c>
      <c r="K480" s="53">
        <v>17521839</v>
      </c>
      <c r="L480" s="53">
        <v>17521839</v>
      </c>
      <c r="M480" s="53">
        <v>17521839</v>
      </c>
      <c r="N480" s="53">
        <v>17521839</v>
      </c>
      <c r="O480" s="53">
        <v>17521839</v>
      </c>
      <c r="P480" s="53">
        <v>17521839</v>
      </c>
      <c r="Q480" s="53">
        <v>17521839</v>
      </c>
      <c r="R480" s="53">
        <v>17521839</v>
      </c>
      <c r="S480" s="53">
        <v>17521839</v>
      </c>
      <c r="T480" s="53">
        <v>17521839</v>
      </c>
      <c r="U480" s="53">
        <v>17521839</v>
      </c>
      <c r="V480" s="53">
        <v>17521839</v>
      </c>
      <c r="W480" s="53">
        <v>17521839</v>
      </c>
      <c r="X480" s="53">
        <v>17521839</v>
      </c>
      <c r="Y480" s="53">
        <v>17521839</v>
      </c>
      <c r="Z480" s="53">
        <v>17521839</v>
      </c>
      <c r="AA480" s="53">
        <v>17521839</v>
      </c>
      <c r="AB480" s="53">
        <v>17521839</v>
      </c>
      <c r="AC480" s="53">
        <v>17521839</v>
      </c>
      <c r="AD480" s="53">
        <v>17521839</v>
      </c>
      <c r="AE480" s="53">
        <v>17521839</v>
      </c>
      <c r="AF480" s="53">
        <v>17521839</v>
      </c>
      <c r="AG480" s="53">
        <v>17521839</v>
      </c>
      <c r="AH480" s="53">
        <v>17521839</v>
      </c>
      <c r="AI480" s="53">
        <v>17521839</v>
      </c>
      <c r="AJ480" s="53">
        <v>17521839</v>
      </c>
      <c r="AK480" s="53">
        <v>17521839</v>
      </c>
      <c r="AL480" s="53">
        <v>17521839</v>
      </c>
      <c r="AM480" s="53">
        <v>17521839</v>
      </c>
      <c r="AN480" s="53">
        <v>17521839</v>
      </c>
      <c r="AO480" s="53">
        <v>17521839</v>
      </c>
      <c r="AP480" s="53">
        <v>17521839</v>
      </c>
      <c r="AQ480" s="53">
        <v>17521839</v>
      </c>
      <c r="AR480" s="53">
        <v>17521839</v>
      </c>
      <c r="AS480" s="53">
        <v>17521839</v>
      </c>
      <c r="AT480" s="53">
        <v>17521839</v>
      </c>
      <c r="AU480" s="53">
        <v>17521839</v>
      </c>
      <c r="AV480" s="53">
        <v>17521839</v>
      </c>
      <c r="AW480" s="53">
        <v>17521839</v>
      </c>
      <c r="AX480" s="53">
        <v>17521839</v>
      </c>
      <c r="AY480" s="53">
        <v>17521839</v>
      </c>
      <c r="AZ480" s="53">
        <v>17521839</v>
      </c>
      <c r="BA480" s="53">
        <v>17521839</v>
      </c>
    </row>
    <row r="481" spans="1:53">
      <c r="A481" s="52" t="s">
        <v>2991</v>
      </c>
      <c r="B481" s="53">
        <v>371103843.79666603</v>
      </c>
      <c r="C481" s="53">
        <v>373871422.21333301</v>
      </c>
      <c r="D481" s="53">
        <v>376639000.62999898</v>
      </c>
      <c r="E481" s="53">
        <v>379406579.04666603</v>
      </c>
      <c r="F481" s="53">
        <v>382174157.46333301</v>
      </c>
      <c r="G481" s="53">
        <v>384941735.87999898</v>
      </c>
      <c r="H481" s="53">
        <v>387709314.29666603</v>
      </c>
      <c r="I481" s="53">
        <v>390476892.71333301</v>
      </c>
      <c r="J481" s="53">
        <v>393244471.12999898</v>
      </c>
      <c r="K481" s="53">
        <v>396012049.54666603</v>
      </c>
      <c r="L481" s="53">
        <v>398779627.96333301</v>
      </c>
      <c r="M481" s="53">
        <v>401547201.37999898</v>
      </c>
      <c r="N481" s="53">
        <v>401547201.37999898</v>
      </c>
      <c r="O481" s="53">
        <v>403879367.79666603</v>
      </c>
      <c r="P481" s="53">
        <v>406211534.21333301</v>
      </c>
      <c r="Q481" s="53">
        <v>408543700.62999898</v>
      </c>
      <c r="R481" s="53">
        <v>410875867.04666603</v>
      </c>
      <c r="S481" s="53">
        <v>413208033.463332</v>
      </c>
      <c r="T481" s="53">
        <v>415540199.87999898</v>
      </c>
      <c r="U481" s="53">
        <v>417872366.29666603</v>
      </c>
      <c r="V481" s="53">
        <v>414976721.51333201</v>
      </c>
      <c r="W481" s="53">
        <v>417358571.72999901</v>
      </c>
      <c r="X481" s="53">
        <v>419740421.946666</v>
      </c>
      <c r="Y481" s="53">
        <v>422122272.16333199</v>
      </c>
      <c r="Z481" s="53">
        <v>424504122.37999898</v>
      </c>
      <c r="AA481" s="53">
        <v>424504122.37999898</v>
      </c>
      <c r="AB481" s="53">
        <v>426122161.463332</v>
      </c>
      <c r="AC481" s="53">
        <v>427740200.54666603</v>
      </c>
      <c r="AD481" s="53">
        <v>429358239.62999898</v>
      </c>
      <c r="AE481" s="53">
        <v>430976278.713332</v>
      </c>
      <c r="AF481" s="53">
        <v>432594317.79666603</v>
      </c>
      <c r="AG481" s="53">
        <v>434212356.87999898</v>
      </c>
      <c r="AH481" s="53">
        <v>435830395.963332</v>
      </c>
      <c r="AI481" s="53">
        <v>432471216.446666</v>
      </c>
      <c r="AJ481" s="53">
        <v>434136928.92999899</v>
      </c>
      <c r="AK481" s="53">
        <v>435802641.41333199</v>
      </c>
      <c r="AL481" s="53">
        <v>437468353.89666599</v>
      </c>
      <c r="AM481" s="53">
        <v>439134066.37999898</v>
      </c>
      <c r="AN481" s="53">
        <v>439134066.37999898</v>
      </c>
      <c r="AO481" s="53">
        <v>439874386.87999898</v>
      </c>
      <c r="AP481" s="53">
        <v>440614707.37999898</v>
      </c>
      <c r="AQ481" s="53">
        <v>441355027.87999898</v>
      </c>
      <c r="AR481" s="53">
        <v>442095348.37999898</v>
      </c>
      <c r="AS481" s="53">
        <v>442835668.87999898</v>
      </c>
      <c r="AT481" s="53">
        <v>443575989.37999898</v>
      </c>
      <c r="AU481" s="53">
        <v>444316309.87999898</v>
      </c>
      <c r="AV481" s="53">
        <v>440653483.97999901</v>
      </c>
      <c r="AW481" s="53">
        <v>441436360.07999903</v>
      </c>
      <c r="AX481" s="53">
        <v>442219236.17999899</v>
      </c>
      <c r="AY481" s="53">
        <v>443002112.27999902</v>
      </c>
      <c r="AZ481" s="53">
        <v>443784988.37999898</v>
      </c>
      <c r="BA481" s="53">
        <v>443784988.37999898</v>
      </c>
    </row>
    <row r="482" spans="1:53">
      <c r="A482" s="52" t="s">
        <v>2992</v>
      </c>
      <c r="B482" s="53">
        <v>39678233.137433797</v>
      </c>
      <c r="C482" s="53">
        <v>39069920.990313299</v>
      </c>
      <c r="D482" s="53">
        <v>38461608.843192898</v>
      </c>
      <c r="E482" s="53">
        <v>37853296.6960724</v>
      </c>
      <c r="F482" s="53">
        <v>37244984.548951901</v>
      </c>
      <c r="G482" s="53">
        <v>36636672.4018315</v>
      </c>
      <c r="H482" s="53">
        <v>36028360.254711002</v>
      </c>
      <c r="I482" s="53">
        <v>35420048.107590497</v>
      </c>
      <c r="J482" s="53">
        <v>34811735.960469998</v>
      </c>
      <c r="K482" s="53">
        <v>34203423.813349597</v>
      </c>
      <c r="L482" s="53">
        <v>33595111.666229099</v>
      </c>
      <c r="M482" s="53">
        <v>32986799.519108601</v>
      </c>
      <c r="N482" s="53">
        <v>32986799.519108601</v>
      </c>
      <c r="O482" s="53">
        <v>32378487.371988099</v>
      </c>
      <c r="P482" s="53">
        <v>31770175.224867702</v>
      </c>
      <c r="Q482" s="53">
        <v>31161863.0777472</v>
      </c>
      <c r="R482" s="53">
        <v>30553550.930626702</v>
      </c>
      <c r="S482" s="53">
        <v>29945238.7835063</v>
      </c>
      <c r="T482" s="53">
        <v>29336926.636385798</v>
      </c>
      <c r="U482" s="53">
        <v>28728614.4892653</v>
      </c>
      <c r="V482" s="53">
        <v>28120302.342144798</v>
      </c>
      <c r="W482" s="53">
        <v>27511990.195024401</v>
      </c>
      <c r="X482" s="53">
        <v>26903678.047903899</v>
      </c>
      <c r="Y482" s="53">
        <v>26295365.900783401</v>
      </c>
      <c r="Z482" s="53">
        <v>25687053.753663</v>
      </c>
      <c r="AA482" s="53">
        <v>25687053.753663</v>
      </c>
      <c r="AB482" s="53">
        <v>25078741.606542502</v>
      </c>
      <c r="AC482" s="53">
        <v>24470429.459422</v>
      </c>
      <c r="AD482" s="53">
        <v>23862117.312301502</v>
      </c>
      <c r="AE482" s="53">
        <v>23253805.1651811</v>
      </c>
      <c r="AF482" s="53">
        <v>22645493.018060599</v>
      </c>
      <c r="AG482" s="53">
        <v>22037180.8709401</v>
      </c>
      <c r="AH482" s="53">
        <v>21428868.723819599</v>
      </c>
      <c r="AI482" s="53">
        <v>20820556.576699201</v>
      </c>
      <c r="AJ482" s="53">
        <v>20212244.429578699</v>
      </c>
      <c r="AK482" s="53">
        <v>19603932.282458201</v>
      </c>
      <c r="AL482" s="53">
        <v>18995620.1353378</v>
      </c>
      <c r="AM482" s="53">
        <v>18387307.988217302</v>
      </c>
      <c r="AN482" s="53">
        <v>18387307.988217302</v>
      </c>
      <c r="AO482" s="53">
        <v>17778995.8410968</v>
      </c>
      <c r="AP482" s="53">
        <v>17170683.693976302</v>
      </c>
      <c r="AQ482" s="53">
        <v>16562371.5468559</v>
      </c>
      <c r="AR482" s="53">
        <v>15954059.3997354</v>
      </c>
      <c r="AS482" s="53">
        <v>15345747.2526149</v>
      </c>
      <c r="AT482" s="53">
        <v>14737435.105494499</v>
      </c>
      <c r="AU482" s="53">
        <v>14120716.018524401</v>
      </c>
      <c r="AV482" s="53">
        <v>13495589.9917046</v>
      </c>
      <c r="AW482" s="53">
        <v>12870463.9648849</v>
      </c>
      <c r="AX482" s="53">
        <v>12245337.938065199</v>
      </c>
      <c r="AY482" s="53">
        <v>11620211.911245501</v>
      </c>
      <c r="AZ482" s="53">
        <v>10995085.8844258</v>
      </c>
      <c r="BA482" s="53">
        <v>10995085.8844258</v>
      </c>
    </row>
    <row r="483" spans="1:53">
      <c r="A483" s="52" t="s">
        <v>2993</v>
      </c>
      <c r="B483" s="53">
        <v>164449369.709999</v>
      </c>
      <c r="C483" s="53">
        <v>164093984.709999</v>
      </c>
      <c r="D483" s="53">
        <v>163738599.709999</v>
      </c>
      <c r="E483" s="53">
        <v>163383214.709999</v>
      </c>
      <c r="F483" s="53">
        <v>163027829.709999</v>
      </c>
      <c r="G483" s="53">
        <v>162672444.709999</v>
      </c>
      <c r="H483" s="53">
        <v>162317059.709999</v>
      </c>
      <c r="I483" s="53">
        <v>161961674.709999</v>
      </c>
      <c r="J483" s="53">
        <v>161606289.709999</v>
      </c>
      <c r="K483" s="53">
        <v>161250904.709999</v>
      </c>
      <c r="L483" s="53">
        <v>160895519.709999</v>
      </c>
      <c r="M483" s="53">
        <v>160540134.709999</v>
      </c>
      <c r="N483" s="53">
        <v>160540134.709999</v>
      </c>
      <c r="O483" s="53">
        <v>160184749.709999</v>
      </c>
      <c r="P483" s="53">
        <v>159829364.709999</v>
      </c>
      <c r="Q483" s="53">
        <v>159473979.709999</v>
      </c>
      <c r="R483" s="53">
        <v>159118594.709999</v>
      </c>
      <c r="S483" s="53">
        <v>158763209.709999</v>
      </c>
      <c r="T483" s="53">
        <v>158407824.709999</v>
      </c>
      <c r="U483" s="53">
        <v>158052439.709999</v>
      </c>
      <c r="V483" s="53">
        <v>157697054.709999</v>
      </c>
      <c r="W483" s="53">
        <v>157341669.709999</v>
      </c>
      <c r="X483" s="53">
        <v>156986284.709999</v>
      </c>
      <c r="Y483" s="53">
        <v>156630899.709999</v>
      </c>
      <c r="Z483" s="53">
        <v>156275514.709999</v>
      </c>
      <c r="AA483" s="53">
        <v>156275514.709999</v>
      </c>
      <c r="AB483" s="53">
        <v>155920129.709999</v>
      </c>
      <c r="AC483" s="53">
        <v>155564744.709999</v>
      </c>
      <c r="AD483" s="53">
        <v>155209359.709999</v>
      </c>
      <c r="AE483" s="53">
        <v>154853974.709999</v>
      </c>
      <c r="AF483" s="53">
        <v>154498589.709999</v>
      </c>
      <c r="AG483" s="53">
        <v>154143204.709999</v>
      </c>
      <c r="AH483" s="53">
        <v>153787819.709999</v>
      </c>
      <c r="AI483" s="53">
        <v>153432434.709999</v>
      </c>
      <c r="AJ483" s="53">
        <v>153077049.709999</v>
      </c>
      <c r="AK483" s="53">
        <v>152721664.709999</v>
      </c>
      <c r="AL483" s="53">
        <v>152366279.709999</v>
      </c>
      <c r="AM483" s="53">
        <v>152010894.709999</v>
      </c>
      <c r="AN483" s="53">
        <v>152010894.709999</v>
      </c>
      <c r="AO483" s="53">
        <v>151655509.709999</v>
      </c>
      <c r="AP483" s="53">
        <v>151300124.709999</v>
      </c>
      <c r="AQ483" s="53">
        <v>150944739.709999</v>
      </c>
      <c r="AR483" s="53">
        <v>150589354.709999</v>
      </c>
      <c r="AS483" s="53">
        <v>150233969.709999</v>
      </c>
      <c r="AT483" s="53">
        <v>149878584.709999</v>
      </c>
      <c r="AU483" s="53">
        <v>149523199.709999</v>
      </c>
      <c r="AV483" s="53">
        <v>149167814.709999</v>
      </c>
      <c r="AW483" s="53">
        <v>148812429.709999</v>
      </c>
      <c r="AX483" s="53">
        <v>148457044.709999</v>
      </c>
      <c r="AY483" s="53">
        <v>148101659.709999</v>
      </c>
      <c r="AZ483" s="53">
        <v>147746274.709999</v>
      </c>
      <c r="BA483" s="53">
        <v>147746274.709999</v>
      </c>
    </row>
    <row r="484" spans="1:53">
      <c r="A484" s="52" t="s">
        <v>2994</v>
      </c>
      <c r="B484" s="53">
        <v>18570146.829999998</v>
      </c>
      <c r="C484" s="53">
        <v>18570146.829999998</v>
      </c>
      <c r="D484" s="53">
        <v>18570146.829999998</v>
      </c>
      <c r="E484" s="53">
        <v>18570146.829999998</v>
      </c>
      <c r="F484" s="53">
        <v>18570146.829999998</v>
      </c>
      <c r="G484" s="53">
        <v>18570146.829999998</v>
      </c>
      <c r="H484" s="53">
        <v>18570146.829999998</v>
      </c>
      <c r="I484" s="53">
        <v>18570146.829999998</v>
      </c>
      <c r="J484" s="53">
        <v>18570146.829999998</v>
      </c>
      <c r="K484" s="53">
        <v>18570146.829999998</v>
      </c>
      <c r="L484" s="53">
        <v>18570146.829999998</v>
      </c>
      <c r="M484" s="53">
        <v>18570146.829999998</v>
      </c>
      <c r="N484" s="53">
        <v>18570146.829999998</v>
      </c>
      <c r="O484" s="53">
        <v>18570146.829999998</v>
      </c>
      <c r="P484" s="53">
        <v>18570146.829999998</v>
      </c>
      <c r="Q484" s="53">
        <v>18570146.829999998</v>
      </c>
      <c r="R484" s="53">
        <v>18570146.829999998</v>
      </c>
      <c r="S484" s="53">
        <v>18570146.829999998</v>
      </c>
      <c r="T484" s="53">
        <v>18570146.829999998</v>
      </c>
      <c r="U484" s="53">
        <v>18570146.829999998</v>
      </c>
      <c r="V484" s="53">
        <v>18570146.829999998</v>
      </c>
      <c r="W484" s="53">
        <v>18570146.829999998</v>
      </c>
      <c r="X484" s="53">
        <v>18570146.829999998</v>
      </c>
      <c r="Y484" s="53">
        <v>18570146.829999998</v>
      </c>
      <c r="Z484" s="53">
        <v>18570146.829999998</v>
      </c>
      <c r="AA484" s="53">
        <v>18570146.829999998</v>
      </c>
      <c r="AB484" s="53">
        <v>18570146.829999998</v>
      </c>
      <c r="AC484" s="53">
        <v>18570146.829999998</v>
      </c>
      <c r="AD484" s="53">
        <v>18570146.829999998</v>
      </c>
      <c r="AE484" s="53">
        <v>18570146.829999998</v>
      </c>
      <c r="AF484" s="53">
        <v>18570146.829999998</v>
      </c>
      <c r="AG484" s="53">
        <v>18570146.829999998</v>
      </c>
      <c r="AH484" s="53">
        <v>18570146.829999998</v>
      </c>
      <c r="AI484" s="53">
        <v>18570146.829999998</v>
      </c>
      <c r="AJ484" s="53">
        <v>18570146.829999998</v>
      </c>
      <c r="AK484" s="53">
        <v>18570146.829999998</v>
      </c>
      <c r="AL484" s="53">
        <v>18570146.829999998</v>
      </c>
      <c r="AM484" s="53">
        <v>18570146.829999998</v>
      </c>
      <c r="AN484" s="53">
        <v>18570146.829999998</v>
      </c>
      <c r="AO484" s="53">
        <v>18570146.829999998</v>
      </c>
      <c r="AP484" s="53">
        <v>18570146.829999998</v>
      </c>
      <c r="AQ484" s="53">
        <v>18570146.829999998</v>
      </c>
      <c r="AR484" s="53">
        <v>18570146.829999998</v>
      </c>
      <c r="AS484" s="53">
        <v>18570146.829999998</v>
      </c>
      <c r="AT484" s="53">
        <v>18570146.829999998</v>
      </c>
      <c r="AU484" s="53">
        <v>18570146.829999998</v>
      </c>
      <c r="AV484" s="53">
        <v>18570146.829999998</v>
      </c>
      <c r="AW484" s="53">
        <v>18570146.829999998</v>
      </c>
      <c r="AX484" s="53">
        <v>18570146.829999998</v>
      </c>
      <c r="AY484" s="53">
        <v>18570146.829999998</v>
      </c>
      <c r="AZ484" s="53">
        <v>18570146.829999998</v>
      </c>
      <c r="BA484" s="53">
        <v>18570146.829999998</v>
      </c>
    </row>
    <row r="485" spans="1:53">
      <c r="A485" s="52" t="s">
        <v>2995</v>
      </c>
      <c r="B485" s="53">
        <v>7292915.3499999996</v>
      </c>
      <c r="C485" s="53">
        <v>7292915.3499999996</v>
      </c>
      <c r="D485" s="53">
        <v>7292915.3499999996</v>
      </c>
      <c r="E485" s="53">
        <v>7292915.3499999996</v>
      </c>
      <c r="F485" s="53">
        <v>7292915.3499999996</v>
      </c>
      <c r="G485" s="53">
        <v>7292915.3499999996</v>
      </c>
      <c r="H485" s="53">
        <v>7292915.3499999996</v>
      </c>
      <c r="I485" s="53">
        <v>7292915.3499999996</v>
      </c>
      <c r="J485" s="53">
        <v>7292915.3499999996</v>
      </c>
      <c r="K485" s="53">
        <v>7292915.3499999996</v>
      </c>
      <c r="L485" s="53">
        <v>7292915.3499999996</v>
      </c>
      <c r="M485" s="53">
        <v>7292915.3499999996</v>
      </c>
      <c r="N485" s="53">
        <v>7292915.3499999996</v>
      </c>
      <c r="O485" s="53">
        <v>7292915.3499999996</v>
      </c>
      <c r="P485" s="53">
        <v>7292915.3499999996</v>
      </c>
      <c r="Q485" s="53">
        <v>7292915.3499999996</v>
      </c>
      <c r="R485" s="53">
        <v>7292915.3499999996</v>
      </c>
      <c r="S485" s="53">
        <v>7292915.3499999996</v>
      </c>
      <c r="T485" s="53">
        <v>7292915.3499999996</v>
      </c>
      <c r="U485" s="53">
        <v>7292915.3499999996</v>
      </c>
      <c r="V485" s="53">
        <v>7292915.3499999996</v>
      </c>
      <c r="W485" s="53">
        <v>7292915.3499999996</v>
      </c>
      <c r="X485" s="53">
        <v>7292915.3499999996</v>
      </c>
      <c r="Y485" s="53">
        <v>7292915.3499999996</v>
      </c>
      <c r="Z485" s="53">
        <v>7292915.3499999996</v>
      </c>
      <c r="AA485" s="53">
        <v>7292915.3499999996</v>
      </c>
      <c r="AB485" s="53">
        <v>7292915.3499999996</v>
      </c>
      <c r="AC485" s="53">
        <v>7292915.3499999996</v>
      </c>
      <c r="AD485" s="53">
        <v>7292915.3499999996</v>
      </c>
      <c r="AE485" s="53">
        <v>7292915.3499999996</v>
      </c>
      <c r="AF485" s="53">
        <v>7292915.3499999996</v>
      </c>
      <c r="AG485" s="53">
        <v>7292915.3499999996</v>
      </c>
      <c r="AH485" s="53">
        <v>7292915.3499999996</v>
      </c>
      <c r="AI485" s="53">
        <v>7292915.3499999996</v>
      </c>
      <c r="AJ485" s="53">
        <v>7292915.3499999996</v>
      </c>
      <c r="AK485" s="53">
        <v>7292915.3499999996</v>
      </c>
      <c r="AL485" s="53">
        <v>7292915.3499999996</v>
      </c>
      <c r="AM485" s="53">
        <v>7292915.3499999996</v>
      </c>
      <c r="AN485" s="53">
        <v>7292915.3499999996</v>
      </c>
      <c r="AO485" s="53">
        <v>7292915.3499999996</v>
      </c>
      <c r="AP485" s="53">
        <v>7292915.3499999996</v>
      </c>
      <c r="AQ485" s="53">
        <v>7292915.3499999996</v>
      </c>
      <c r="AR485" s="53">
        <v>7292915.3499999996</v>
      </c>
      <c r="AS485" s="53">
        <v>7292915.3499999996</v>
      </c>
      <c r="AT485" s="53">
        <v>7292915.3499999996</v>
      </c>
      <c r="AU485" s="53">
        <v>7292915.3499999996</v>
      </c>
      <c r="AV485" s="53">
        <v>7292915.3499999996</v>
      </c>
      <c r="AW485" s="53">
        <v>7292915.3499999996</v>
      </c>
      <c r="AX485" s="53">
        <v>7292915.3499999996</v>
      </c>
      <c r="AY485" s="53">
        <v>7292915.3499999996</v>
      </c>
      <c r="AZ485" s="53">
        <v>7292915.3499999996</v>
      </c>
      <c r="BA485" s="53">
        <v>7292915.3499999996</v>
      </c>
    </row>
    <row r="486" spans="1:53">
      <c r="A486" s="52" t="s">
        <v>2996</v>
      </c>
      <c r="B486" s="53">
        <v>0</v>
      </c>
      <c r="C486" s="53">
        <v>0</v>
      </c>
      <c r="D486" s="53">
        <v>0</v>
      </c>
      <c r="E486" s="53">
        <v>0</v>
      </c>
      <c r="F486" s="53">
        <v>0</v>
      </c>
      <c r="G486" s="53">
        <v>0</v>
      </c>
      <c r="H486" s="53">
        <v>0</v>
      </c>
      <c r="I486" s="53">
        <v>0</v>
      </c>
      <c r="J486" s="53">
        <v>0</v>
      </c>
      <c r="K486" s="53">
        <v>0</v>
      </c>
      <c r="L486" s="53">
        <v>0</v>
      </c>
      <c r="M486" s="53">
        <v>0</v>
      </c>
      <c r="N486" s="53">
        <v>0</v>
      </c>
      <c r="O486" s="53">
        <v>0</v>
      </c>
      <c r="P486" s="53">
        <v>0</v>
      </c>
      <c r="Q486" s="53">
        <v>0</v>
      </c>
      <c r="R486" s="53">
        <v>0</v>
      </c>
      <c r="S486" s="53">
        <v>0</v>
      </c>
      <c r="T486" s="53">
        <v>0</v>
      </c>
      <c r="U486" s="53">
        <v>0</v>
      </c>
      <c r="V486" s="53">
        <v>0</v>
      </c>
      <c r="W486" s="53">
        <v>0</v>
      </c>
      <c r="X486" s="53">
        <v>0</v>
      </c>
      <c r="Y486" s="53">
        <v>0</v>
      </c>
      <c r="Z486" s="53">
        <v>0</v>
      </c>
      <c r="AA486" s="53">
        <v>0</v>
      </c>
      <c r="AB486" s="53">
        <v>0</v>
      </c>
      <c r="AC486" s="53">
        <v>0</v>
      </c>
      <c r="AD486" s="53">
        <v>0</v>
      </c>
      <c r="AE486" s="53">
        <v>0</v>
      </c>
      <c r="AF486" s="53">
        <v>0</v>
      </c>
      <c r="AG486" s="53">
        <v>0</v>
      </c>
      <c r="AH486" s="53">
        <v>0</v>
      </c>
      <c r="AI486" s="53">
        <v>0</v>
      </c>
      <c r="AJ486" s="53">
        <v>0</v>
      </c>
      <c r="AK486" s="53">
        <v>0</v>
      </c>
      <c r="AL486" s="53">
        <v>0</v>
      </c>
      <c r="AM486" s="53">
        <v>0</v>
      </c>
      <c r="AN486" s="53">
        <v>0</v>
      </c>
      <c r="AO486" s="53">
        <v>0</v>
      </c>
      <c r="AP486" s="53">
        <v>0</v>
      </c>
      <c r="AQ486" s="53">
        <v>0</v>
      </c>
      <c r="AR486" s="53">
        <v>0</v>
      </c>
      <c r="AS486" s="53">
        <v>0</v>
      </c>
      <c r="AT486" s="53">
        <v>0</v>
      </c>
      <c r="AU486" s="53">
        <v>0</v>
      </c>
      <c r="AV486" s="53">
        <v>0</v>
      </c>
      <c r="AW486" s="53">
        <v>0</v>
      </c>
      <c r="AX486" s="53">
        <v>0</v>
      </c>
      <c r="AY486" s="53">
        <v>0</v>
      </c>
      <c r="AZ486" s="53">
        <v>0</v>
      </c>
      <c r="BA486" s="53">
        <v>0</v>
      </c>
    </row>
    <row r="487" spans="1:53">
      <c r="A487" s="52" t="s">
        <v>2997</v>
      </c>
      <c r="B487" s="53">
        <v>0</v>
      </c>
      <c r="C487" s="53">
        <v>0</v>
      </c>
      <c r="D487" s="53">
        <v>0</v>
      </c>
      <c r="E487" s="53">
        <v>0</v>
      </c>
      <c r="F487" s="53">
        <v>0</v>
      </c>
      <c r="G487" s="53">
        <v>0</v>
      </c>
      <c r="H487" s="53">
        <v>0</v>
      </c>
      <c r="I487" s="53">
        <v>0</v>
      </c>
      <c r="J487" s="53">
        <v>0</v>
      </c>
      <c r="K487" s="53">
        <v>0</v>
      </c>
      <c r="L487" s="53">
        <v>0</v>
      </c>
      <c r="M487" s="53">
        <v>0</v>
      </c>
      <c r="N487" s="53">
        <v>0</v>
      </c>
      <c r="O487" s="53">
        <v>0</v>
      </c>
      <c r="P487" s="53">
        <v>0</v>
      </c>
      <c r="Q487" s="53">
        <v>0</v>
      </c>
      <c r="R487" s="53">
        <v>0</v>
      </c>
      <c r="S487" s="53">
        <v>0</v>
      </c>
      <c r="T487" s="53">
        <v>0</v>
      </c>
      <c r="U487" s="53">
        <v>0</v>
      </c>
      <c r="V487" s="53">
        <v>0</v>
      </c>
      <c r="W487" s="53">
        <v>0</v>
      </c>
      <c r="X487" s="53">
        <v>0</v>
      </c>
      <c r="Y487" s="53">
        <v>0</v>
      </c>
      <c r="Z487" s="53">
        <v>0</v>
      </c>
      <c r="AA487" s="53">
        <v>0</v>
      </c>
      <c r="AB487" s="53">
        <v>0</v>
      </c>
      <c r="AC487" s="53">
        <v>0</v>
      </c>
      <c r="AD487" s="53">
        <v>0</v>
      </c>
      <c r="AE487" s="53">
        <v>0</v>
      </c>
      <c r="AF487" s="53">
        <v>0</v>
      </c>
      <c r="AG487" s="53">
        <v>0</v>
      </c>
      <c r="AH487" s="53">
        <v>0</v>
      </c>
      <c r="AI487" s="53">
        <v>0</v>
      </c>
      <c r="AJ487" s="53">
        <v>0</v>
      </c>
      <c r="AK487" s="53">
        <v>0</v>
      </c>
      <c r="AL487" s="53">
        <v>0</v>
      </c>
      <c r="AM487" s="53">
        <v>0</v>
      </c>
      <c r="AN487" s="53">
        <v>0</v>
      </c>
      <c r="AO487" s="53">
        <v>0</v>
      </c>
      <c r="AP487" s="53">
        <v>0</v>
      </c>
      <c r="AQ487" s="53">
        <v>0</v>
      </c>
      <c r="AR487" s="53">
        <v>0</v>
      </c>
      <c r="AS487" s="53">
        <v>0</v>
      </c>
      <c r="AT487" s="53">
        <v>0</v>
      </c>
      <c r="AU487" s="53">
        <v>0</v>
      </c>
      <c r="AV487" s="53">
        <v>0</v>
      </c>
      <c r="AW487" s="53">
        <v>0</v>
      </c>
      <c r="AX487" s="53">
        <v>0</v>
      </c>
      <c r="AY487" s="53">
        <v>0</v>
      </c>
      <c r="AZ487" s="53">
        <v>0</v>
      </c>
      <c r="BA487" s="53">
        <v>0</v>
      </c>
    </row>
    <row r="488" spans="1:53">
      <c r="A488" s="52" t="s">
        <v>2998</v>
      </c>
      <c r="B488" s="53">
        <v>0</v>
      </c>
      <c r="C488" s="53">
        <v>0</v>
      </c>
      <c r="D488" s="53">
        <v>0</v>
      </c>
      <c r="E488" s="53">
        <v>0</v>
      </c>
      <c r="F488" s="53">
        <v>0</v>
      </c>
      <c r="G488" s="53">
        <v>0</v>
      </c>
      <c r="H488" s="53">
        <v>0</v>
      </c>
      <c r="I488" s="53">
        <v>0</v>
      </c>
      <c r="J488" s="53">
        <v>0</v>
      </c>
      <c r="K488" s="53">
        <v>0</v>
      </c>
      <c r="L488" s="53">
        <v>0</v>
      </c>
      <c r="M488" s="53">
        <v>0</v>
      </c>
      <c r="N488" s="53">
        <v>0</v>
      </c>
      <c r="O488" s="53">
        <v>0</v>
      </c>
      <c r="P488" s="53">
        <v>0</v>
      </c>
      <c r="Q488" s="53">
        <v>0</v>
      </c>
      <c r="R488" s="53">
        <v>0</v>
      </c>
      <c r="S488" s="53">
        <v>0</v>
      </c>
      <c r="T488" s="53">
        <v>0</v>
      </c>
      <c r="U488" s="53">
        <v>0</v>
      </c>
      <c r="V488" s="53">
        <v>0</v>
      </c>
      <c r="W488" s="53">
        <v>0</v>
      </c>
      <c r="X488" s="53">
        <v>0</v>
      </c>
      <c r="Y488" s="53">
        <v>0</v>
      </c>
      <c r="Z488" s="53">
        <v>0</v>
      </c>
      <c r="AA488" s="53">
        <v>0</v>
      </c>
      <c r="AB488" s="53">
        <v>0</v>
      </c>
      <c r="AC488" s="53">
        <v>0</v>
      </c>
      <c r="AD488" s="53">
        <v>0</v>
      </c>
      <c r="AE488" s="53">
        <v>0</v>
      </c>
      <c r="AF488" s="53">
        <v>0</v>
      </c>
      <c r="AG488" s="53">
        <v>0</v>
      </c>
      <c r="AH488" s="53">
        <v>0</v>
      </c>
      <c r="AI488" s="53">
        <v>0</v>
      </c>
      <c r="AJ488" s="53">
        <v>0</v>
      </c>
      <c r="AK488" s="53">
        <v>0</v>
      </c>
      <c r="AL488" s="53">
        <v>0</v>
      </c>
      <c r="AM488" s="53">
        <v>0</v>
      </c>
      <c r="AN488" s="53">
        <v>0</v>
      </c>
      <c r="AO488" s="53">
        <v>0</v>
      </c>
      <c r="AP488" s="53">
        <v>0</v>
      </c>
      <c r="AQ488" s="53">
        <v>0</v>
      </c>
      <c r="AR488" s="53">
        <v>0</v>
      </c>
      <c r="AS488" s="53">
        <v>0</v>
      </c>
      <c r="AT488" s="53">
        <v>0</v>
      </c>
      <c r="AU488" s="53">
        <v>0</v>
      </c>
      <c r="AV488" s="53">
        <v>0</v>
      </c>
      <c r="AW488" s="53">
        <v>0</v>
      </c>
      <c r="AX488" s="53">
        <v>0</v>
      </c>
      <c r="AY488" s="53">
        <v>0</v>
      </c>
      <c r="AZ488" s="53">
        <v>0</v>
      </c>
      <c r="BA488" s="53">
        <v>0</v>
      </c>
    </row>
    <row r="489" spans="1:53">
      <c r="A489" s="52" t="s">
        <v>2999</v>
      </c>
      <c r="B489" s="53">
        <v>6.71338540314536E-8</v>
      </c>
      <c r="C489" s="53">
        <v>6.8194339064575602E-8</v>
      </c>
      <c r="D489" s="53">
        <v>8.5284668216445399E-8</v>
      </c>
      <c r="E489" s="53">
        <v>7.4003025929414395E-8</v>
      </c>
      <c r="F489" s="53">
        <v>6.2721383642383404E-8</v>
      </c>
      <c r="G489" s="53">
        <v>6.5991656583719305E-8</v>
      </c>
      <c r="H489" s="53">
        <v>5.4710014296688301E-8</v>
      </c>
      <c r="I489" s="53">
        <v>5.7980287238024102E-8</v>
      </c>
      <c r="J489" s="53">
        <v>4.6698644950993098E-8</v>
      </c>
      <c r="K489" s="53">
        <v>3.5417002663962101E-8</v>
      </c>
      <c r="L489" s="53">
        <v>3.8687275605298002E-8</v>
      </c>
      <c r="M489" s="53">
        <v>2.7405633318267001E-8</v>
      </c>
      <c r="N489" s="53">
        <v>2.7405633318267001E-8</v>
      </c>
      <c r="O489" s="53">
        <v>3.0675906259602899E-8</v>
      </c>
      <c r="P489" s="53">
        <v>1.9394263972571901E-8</v>
      </c>
      <c r="Q489" s="53">
        <v>9.5905505759219506E-9</v>
      </c>
      <c r="R489" s="53">
        <v>1.49640300151077E-8</v>
      </c>
      <c r="S489" s="53">
        <v>5.78559422592661E-9</v>
      </c>
      <c r="T489" s="53">
        <v>-3.3928415632544701E-9</v>
      </c>
      <c r="U489" s="53">
        <v>1.6532553104298101E-8</v>
      </c>
      <c r="V489" s="53">
        <v>-7.1977979132498099E-9</v>
      </c>
      <c r="W489" s="53">
        <v>-1.6376233702430899E-8</v>
      </c>
      <c r="X489" s="53">
        <v>-1.8278711877428501E-8</v>
      </c>
      <c r="Y489" s="53">
        <v>-2.0181190052426199E-8</v>
      </c>
      <c r="Z489" s="53">
        <v>-2.93596258416073E-8</v>
      </c>
      <c r="AA489" s="53">
        <v>-2.93596258416073E-8</v>
      </c>
      <c r="AB489" s="53">
        <v>-3.8538061630788401E-8</v>
      </c>
      <c r="AC489" s="53">
        <v>-4.0440539805786102E-8</v>
      </c>
      <c r="AD489" s="53">
        <v>-4.0865089090402702E-8</v>
      </c>
      <c r="AE489" s="53">
        <v>-4.7826631544012297E-8</v>
      </c>
      <c r="AF489" s="53">
        <v>-5.4802384852337101E-8</v>
      </c>
      <c r="AG489" s="53">
        <v>-5.4502180546478399E-8</v>
      </c>
      <c r="AH489" s="53">
        <v>-5.4201976240619803E-8</v>
      </c>
      <c r="AI489" s="53">
        <v>-6.11777295489446E-8</v>
      </c>
      <c r="AJ489" s="53">
        <v>-8.2705398085636195E-8</v>
      </c>
      <c r="AK489" s="53">
        <v>-6.7853278551410701E-8</v>
      </c>
      <c r="AL489" s="53">
        <v>-6.7553074245552098E-8</v>
      </c>
      <c r="AM489" s="53">
        <v>-7.4528827553876895E-8</v>
      </c>
      <c r="AN489" s="53">
        <v>-7.4528827553876895E-8</v>
      </c>
      <c r="AO489" s="53">
        <v>-8.1504580862201599E-8</v>
      </c>
      <c r="AP489" s="53">
        <v>-8.1204376556342997E-8</v>
      </c>
      <c r="AQ489" s="53">
        <v>-7.9426243360103399E-8</v>
      </c>
      <c r="AR489" s="53">
        <v>-8.3986151366843802E-8</v>
      </c>
      <c r="AS489" s="53">
        <v>-8.8546059373584206E-8</v>
      </c>
      <c r="AT489" s="53">
        <v>-8.5830009766141302E-8</v>
      </c>
      <c r="AU489" s="53">
        <v>-8.3419493535075096E-8</v>
      </c>
      <c r="AV489" s="53">
        <v>-8.8284934918192395E-8</v>
      </c>
      <c r="AW489" s="53">
        <v>-9.3150376301309694E-8</v>
      </c>
      <c r="AX489" s="53">
        <v>-9.0739860070243594E-8</v>
      </c>
      <c r="AY489" s="53">
        <v>-8.8329343839177401E-8</v>
      </c>
      <c r="AZ489" s="53">
        <v>-9.3194785222294701E-8</v>
      </c>
      <c r="BA489" s="53">
        <v>-9.3194785222294701E-8</v>
      </c>
    </row>
    <row r="490" spans="1:53">
      <c r="A490" s="52" t="s">
        <v>3000</v>
      </c>
      <c r="B490" s="53">
        <v>-32308406.6199999</v>
      </c>
      <c r="C490" s="53">
        <v>-32091572.6199999</v>
      </c>
      <c r="D490" s="53">
        <v>-31874738.6199999</v>
      </c>
      <c r="E490" s="53">
        <v>-31657904.6199999</v>
      </c>
      <c r="F490" s="53">
        <v>-31441070.6199999</v>
      </c>
      <c r="G490" s="53">
        <v>-31224236.6199999</v>
      </c>
      <c r="H490" s="53">
        <v>-31007402.6199999</v>
      </c>
      <c r="I490" s="53">
        <v>-30790568.6199999</v>
      </c>
      <c r="J490" s="53">
        <v>-30573734.6199999</v>
      </c>
      <c r="K490" s="53">
        <v>-30356900.6199999</v>
      </c>
      <c r="L490" s="53">
        <v>-30140066.6199999</v>
      </c>
      <c r="M490" s="53">
        <v>-29923232.6199999</v>
      </c>
      <c r="N490" s="53">
        <v>-29923232.6199999</v>
      </c>
      <c r="O490" s="53">
        <v>-29706398.6199999</v>
      </c>
      <c r="P490" s="53">
        <v>-29489564.6199999</v>
      </c>
      <c r="Q490" s="53">
        <v>-29272730.6199999</v>
      </c>
      <c r="R490" s="53">
        <v>-29055896.6199999</v>
      </c>
      <c r="S490" s="53">
        <v>-28839062.6199999</v>
      </c>
      <c r="T490" s="53">
        <v>-28622228.6199999</v>
      </c>
      <c r="U490" s="53">
        <v>-28405394.6199999</v>
      </c>
      <c r="V490" s="53">
        <v>-28188560.6199999</v>
      </c>
      <c r="W490" s="53">
        <v>-27971726.6199999</v>
      </c>
      <c r="X490" s="53">
        <v>-27754892.6199999</v>
      </c>
      <c r="Y490" s="53">
        <v>-27538058.620000001</v>
      </c>
      <c r="Z490" s="53">
        <v>-27321224.620000001</v>
      </c>
      <c r="AA490" s="53">
        <v>-27321224.620000001</v>
      </c>
      <c r="AB490" s="53">
        <v>-27104390.620000001</v>
      </c>
      <c r="AC490" s="53">
        <v>-26887556.620000001</v>
      </c>
      <c r="AD490" s="53">
        <v>-26670722.620000001</v>
      </c>
      <c r="AE490" s="53">
        <v>-26453888.620000001</v>
      </c>
      <c r="AF490" s="53">
        <v>-26237054.620000001</v>
      </c>
      <c r="AG490" s="53">
        <v>-26020220.620000001</v>
      </c>
      <c r="AH490" s="53">
        <v>-25803386.620000001</v>
      </c>
      <c r="AI490" s="53">
        <v>-25586552.620000001</v>
      </c>
      <c r="AJ490" s="53">
        <v>-25369718.620000001</v>
      </c>
      <c r="AK490" s="53">
        <v>-25152884.620000001</v>
      </c>
      <c r="AL490" s="53">
        <v>-24936050.620000001</v>
      </c>
      <c r="AM490" s="53">
        <v>-24719216.620000001</v>
      </c>
      <c r="AN490" s="53">
        <v>-24719216.620000001</v>
      </c>
      <c r="AO490" s="53">
        <v>-24502382.620000001</v>
      </c>
      <c r="AP490" s="53">
        <v>-24285548.620000001</v>
      </c>
      <c r="AQ490" s="53">
        <v>-24068714.620000001</v>
      </c>
      <c r="AR490" s="53">
        <v>-23851880.620000001</v>
      </c>
      <c r="AS490" s="53">
        <v>-23635046.620000001</v>
      </c>
      <c r="AT490" s="53">
        <v>-23418212.620000001</v>
      </c>
      <c r="AU490" s="53">
        <v>-23201378.620000001</v>
      </c>
      <c r="AV490" s="53">
        <v>-22984544.620000001</v>
      </c>
      <c r="AW490" s="53">
        <v>-22767710.620000001</v>
      </c>
      <c r="AX490" s="53">
        <v>-22550876.620000001</v>
      </c>
      <c r="AY490" s="53">
        <v>-22334042.620000001</v>
      </c>
      <c r="AZ490" s="53">
        <v>-22117208.620000001</v>
      </c>
      <c r="BA490" s="53">
        <v>-22117208.620000001</v>
      </c>
    </row>
    <row r="491" spans="1:53">
      <c r="A491" s="52" t="s">
        <v>3001</v>
      </c>
      <c r="B491" s="53">
        <v>0</v>
      </c>
      <c r="C491" s="53">
        <v>0</v>
      </c>
      <c r="D491" s="53">
        <v>0</v>
      </c>
      <c r="E491" s="53">
        <v>0</v>
      </c>
      <c r="F491" s="53">
        <v>0</v>
      </c>
      <c r="G491" s="53">
        <v>0</v>
      </c>
      <c r="H491" s="53">
        <v>0</v>
      </c>
      <c r="I491" s="53">
        <v>0</v>
      </c>
      <c r="J491" s="53">
        <v>0</v>
      </c>
      <c r="K491" s="53">
        <v>0</v>
      </c>
      <c r="L491" s="53">
        <v>0</v>
      </c>
      <c r="M491" s="53">
        <v>0</v>
      </c>
      <c r="N491" s="53">
        <v>0</v>
      </c>
      <c r="O491" s="53">
        <v>0</v>
      </c>
      <c r="P491" s="53">
        <v>0</v>
      </c>
      <c r="Q491" s="53">
        <v>0</v>
      </c>
      <c r="R491" s="53">
        <v>0</v>
      </c>
      <c r="S491" s="53">
        <v>0</v>
      </c>
      <c r="T491" s="53">
        <v>0</v>
      </c>
      <c r="U491" s="53">
        <v>0</v>
      </c>
      <c r="V491" s="53">
        <v>0</v>
      </c>
      <c r="W491" s="53">
        <v>0</v>
      </c>
      <c r="X491" s="53">
        <v>0</v>
      </c>
      <c r="Y491" s="53">
        <v>0</v>
      </c>
      <c r="Z491" s="53">
        <v>0</v>
      </c>
      <c r="AA491" s="53">
        <v>0</v>
      </c>
      <c r="AB491" s="53">
        <v>0</v>
      </c>
      <c r="AC491" s="53">
        <v>0</v>
      </c>
      <c r="AD491" s="53">
        <v>0</v>
      </c>
      <c r="AE491" s="53">
        <v>0</v>
      </c>
      <c r="AF491" s="53">
        <v>0</v>
      </c>
      <c r="AG491" s="53">
        <v>0</v>
      </c>
      <c r="AH491" s="53">
        <v>0</v>
      </c>
      <c r="AI491" s="53">
        <v>0</v>
      </c>
      <c r="AJ491" s="53">
        <v>0</v>
      </c>
      <c r="AK491" s="53">
        <v>0</v>
      </c>
      <c r="AL491" s="53">
        <v>0</v>
      </c>
      <c r="AM491" s="53">
        <v>0</v>
      </c>
      <c r="AN491" s="53">
        <v>0</v>
      </c>
      <c r="AO491" s="53">
        <v>0</v>
      </c>
      <c r="AP491" s="53">
        <v>0</v>
      </c>
      <c r="AQ491" s="53">
        <v>0</v>
      </c>
      <c r="AR491" s="53">
        <v>0</v>
      </c>
      <c r="AS491" s="53">
        <v>0</v>
      </c>
      <c r="AT491" s="53">
        <v>0</v>
      </c>
      <c r="AU491" s="53">
        <v>0</v>
      </c>
      <c r="AV491" s="53">
        <v>0</v>
      </c>
      <c r="AW491" s="53">
        <v>0</v>
      </c>
      <c r="AX491" s="53">
        <v>0</v>
      </c>
      <c r="AY491" s="53">
        <v>0</v>
      </c>
      <c r="AZ491" s="53">
        <v>0</v>
      </c>
      <c r="BA491" s="53">
        <v>0</v>
      </c>
    </row>
    <row r="492" spans="1:53">
      <c r="A492" s="52" t="s">
        <v>3002</v>
      </c>
      <c r="B492" s="53">
        <v>0</v>
      </c>
      <c r="C492" s="53">
        <v>0</v>
      </c>
      <c r="D492" s="53">
        <v>0</v>
      </c>
      <c r="E492" s="53">
        <v>0</v>
      </c>
      <c r="F492" s="53">
        <v>0</v>
      </c>
      <c r="G492" s="53">
        <v>0</v>
      </c>
      <c r="H492" s="53">
        <v>0</v>
      </c>
      <c r="I492" s="53">
        <v>0</v>
      </c>
      <c r="J492" s="53">
        <v>0</v>
      </c>
      <c r="K492" s="53">
        <v>0</v>
      </c>
      <c r="L492" s="53">
        <v>0</v>
      </c>
      <c r="M492" s="53">
        <v>0</v>
      </c>
      <c r="N492" s="53">
        <v>0</v>
      </c>
      <c r="O492" s="53">
        <v>0</v>
      </c>
      <c r="P492" s="53">
        <v>0</v>
      </c>
      <c r="Q492" s="53">
        <v>0</v>
      </c>
      <c r="R492" s="53">
        <v>0</v>
      </c>
      <c r="S492" s="53">
        <v>0</v>
      </c>
      <c r="T492" s="53">
        <v>0</v>
      </c>
      <c r="U492" s="53">
        <v>0</v>
      </c>
      <c r="V492" s="53">
        <v>0</v>
      </c>
      <c r="W492" s="53">
        <v>0</v>
      </c>
      <c r="X492" s="53">
        <v>0</v>
      </c>
      <c r="Y492" s="53">
        <v>0</v>
      </c>
      <c r="Z492" s="53">
        <v>0</v>
      </c>
      <c r="AA492" s="53">
        <v>0</v>
      </c>
      <c r="AB492" s="53">
        <v>0</v>
      </c>
      <c r="AC492" s="53">
        <v>0</v>
      </c>
      <c r="AD492" s="53">
        <v>0</v>
      </c>
      <c r="AE492" s="53">
        <v>0</v>
      </c>
      <c r="AF492" s="53">
        <v>0</v>
      </c>
      <c r="AG492" s="53">
        <v>0</v>
      </c>
      <c r="AH492" s="53">
        <v>0</v>
      </c>
      <c r="AI492" s="53">
        <v>0</v>
      </c>
      <c r="AJ492" s="53">
        <v>0</v>
      </c>
      <c r="AK492" s="53">
        <v>0</v>
      </c>
      <c r="AL492" s="53">
        <v>0</v>
      </c>
      <c r="AM492" s="53">
        <v>0</v>
      </c>
      <c r="AN492" s="53">
        <v>0</v>
      </c>
      <c r="AO492" s="53">
        <v>0</v>
      </c>
      <c r="AP492" s="53">
        <v>0</v>
      </c>
      <c r="AQ492" s="53">
        <v>0</v>
      </c>
      <c r="AR492" s="53">
        <v>0</v>
      </c>
      <c r="AS492" s="53">
        <v>0</v>
      </c>
      <c r="AT492" s="53">
        <v>0</v>
      </c>
      <c r="AU492" s="53">
        <v>0</v>
      </c>
      <c r="AV492" s="53">
        <v>0</v>
      </c>
      <c r="AW492" s="53">
        <v>0</v>
      </c>
      <c r="AX492" s="53">
        <v>0</v>
      </c>
      <c r="AY492" s="53">
        <v>0</v>
      </c>
      <c r="AZ492" s="53">
        <v>0</v>
      </c>
      <c r="BA492" s="53">
        <v>0</v>
      </c>
    </row>
    <row r="493" spans="1:53">
      <c r="A493" s="52" t="s">
        <v>3003</v>
      </c>
      <c r="B493" s="53">
        <v>0</v>
      </c>
      <c r="C493" s="53">
        <v>0</v>
      </c>
      <c r="D493" s="53">
        <v>0</v>
      </c>
      <c r="E493" s="53">
        <v>0</v>
      </c>
      <c r="F493" s="53">
        <v>0</v>
      </c>
      <c r="G493" s="53">
        <v>0</v>
      </c>
      <c r="H493" s="53">
        <v>0</v>
      </c>
      <c r="I493" s="53">
        <v>0</v>
      </c>
      <c r="J493" s="53">
        <v>0</v>
      </c>
      <c r="K493" s="53">
        <v>0</v>
      </c>
      <c r="L493" s="53">
        <v>0</v>
      </c>
      <c r="M493" s="53">
        <v>0</v>
      </c>
      <c r="N493" s="53">
        <v>0</v>
      </c>
      <c r="O493" s="53">
        <v>0</v>
      </c>
      <c r="P493" s="53">
        <v>0</v>
      </c>
      <c r="Q493" s="53">
        <v>0</v>
      </c>
      <c r="R493" s="53">
        <v>0</v>
      </c>
      <c r="S493" s="53">
        <v>0</v>
      </c>
      <c r="T493" s="53">
        <v>0</v>
      </c>
      <c r="U493" s="53">
        <v>0</v>
      </c>
      <c r="V493" s="53">
        <v>0</v>
      </c>
      <c r="W493" s="53">
        <v>0</v>
      </c>
      <c r="X493" s="53">
        <v>0</v>
      </c>
      <c r="Y493" s="53">
        <v>0</v>
      </c>
      <c r="Z493" s="53">
        <v>0</v>
      </c>
      <c r="AA493" s="53">
        <v>0</v>
      </c>
      <c r="AB493" s="53">
        <v>0</v>
      </c>
      <c r="AC493" s="53">
        <v>0</v>
      </c>
      <c r="AD493" s="53">
        <v>0</v>
      </c>
      <c r="AE493" s="53">
        <v>0</v>
      </c>
      <c r="AF493" s="53">
        <v>0</v>
      </c>
      <c r="AG493" s="53">
        <v>0</v>
      </c>
      <c r="AH493" s="53">
        <v>0</v>
      </c>
      <c r="AI493" s="53">
        <v>0</v>
      </c>
      <c r="AJ493" s="53">
        <v>0</v>
      </c>
      <c r="AK493" s="53">
        <v>0</v>
      </c>
      <c r="AL493" s="53">
        <v>0</v>
      </c>
      <c r="AM493" s="53">
        <v>0</v>
      </c>
      <c r="AN493" s="53">
        <v>0</v>
      </c>
      <c r="AO493" s="53">
        <v>0</v>
      </c>
      <c r="AP493" s="53">
        <v>0</v>
      </c>
      <c r="AQ493" s="53">
        <v>0</v>
      </c>
      <c r="AR493" s="53">
        <v>0</v>
      </c>
      <c r="AS493" s="53">
        <v>0</v>
      </c>
      <c r="AT493" s="53">
        <v>0</v>
      </c>
      <c r="AU493" s="53">
        <v>0</v>
      </c>
      <c r="AV493" s="53">
        <v>0</v>
      </c>
      <c r="AW493" s="53">
        <v>0</v>
      </c>
      <c r="AX493" s="53">
        <v>0</v>
      </c>
      <c r="AY493" s="53">
        <v>0</v>
      </c>
      <c r="AZ493" s="53">
        <v>0</v>
      </c>
      <c r="BA493" s="53">
        <v>0</v>
      </c>
    </row>
    <row r="494" spans="1:53">
      <c r="A494" s="52" t="s">
        <v>3004</v>
      </c>
      <c r="B494" s="53">
        <v>0</v>
      </c>
      <c r="C494" s="53">
        <v>0</v>
      </c>
      <c r="D494" s="53">
        <v>0</v>
      </c>
      <c r="E494" s="53">
        <v>0</v>
      </c>
      <c r="F494" s="53">
        <v>0</v>
      </c>
      <c r="G494" s="53">
        <v>0</v>
      </c>
      <c r="H494" s="53">
        <v>0</v>
      </c>
      <c r="I494" s="53">
        <v>0</v>
      </c>
      <c r="J494" s="53">
        <v>0</v>
      </c>
      <c r="K494" s="53">
        <v>0</v>
      </c>
      <c r="L494" s="53">
        <v>0</v>
      </c>
      <c r="M494" s="53">
        <v>0</v>
      </c>
      <c r="N494" s="53">
        <v>0</v>
      </c>
      <c r="O494" s="53">
        <v>0</v>
      </c>
      <c r="P494" s="53">
        <v>0</v>
      </c>
      <c r="Q494" s="53">
        <v>0</v>
      </c>
      <c r="R494" s="53">
        <v>0</v>
      </c>
      <c r="S494" s="53">
        <v>0</v>
      </c>
      <c r="T494" s="53">
        <v>0</v>
      </c>
      <c r="U494" s="53">
        <v>0</v>
      </c>
      <c r="V494" s="53">
        <v>0</v>
      </c>
      <c r="W494" s="53">
        <v>0</v>
      </c>
      <c r="X494" s="53">
        <v>0</v>
      </c>
      <c r="Y494" s="53">
        <v>0</v>
      </c>
      <c r="Z494" s="53">
        <v>0</v>
      </c>
      <c r="AA494" s="53">
        <v>0</v>
      </c>
      <c r="AB494" s="53">
        <v>0</v>
      </c>
      <c r="AC494" s="53">
        <v>0</v>
      </c>
      <c r="AD494" s="53">
        <v>0</v>
      </c>
      <c r="AE494" s="53">
        <v>0</v>
      </c>
      <c r="AF494" s="53">
        <v>0</v>
      </c>
      <c r="AG494" s="53">
        <v>0</v>
      </c>
      <c r="AH494" s="53">
        <v>0</v>
      </c>
      <c r="AI494" s="53">
        <v>0</v>
      </c>
      <c r="AJ494" s="53">
        <v>0</v>
      </c>
      <c r="AK494" s="53">
        <v>0</v>
      </c>
      <c r="AL494" s="53">
        <v>0</v>
      </c>
      <c r="AM494" s="53">
        <v>0</v>
      </c>
      <c r="AN494" s="53">
        <v>0</v>
      </c>
      <c r="AO494" s="53">
        <v>0</v>
      </c>
      <c r="AP494" s="53">
        <v>0</v>
      </c>
      <c r="AQ494" s="53">
        <v>0</v>
      </c>
      <c r="AR494" s="53">
        <v>0</v>
      </c>
      <c r="AS494" s="53">
        <v>0</v>
      </c>
      <c r="AT494" s="53">
        <v>0</v>
      </c>
      <c r="AU494" s="53">
        <v>0</v>
      </c>
      <c r="AV494" s="53">
        <v>0</v>
      </c>
      <c r="AW494" s="53">
        <v>0</v>
      </c>
      <c r="AX494" s="53">
        <v>0</v>
      </c>
      <c r="AY494" s="53">
        <v>0</v>
      </c>
      <c r="AZ494" s="53">
        <v>0</v>
      </c>
      <c r="BA494" s="53">
        <v>0</v>
      </c>
    </row>
    <row r="495" spans="1:53">
      <c r="A495" s="52" t="s">
        <v>3005</v>
      </c>
      <c r="B495" s="53">
        <v>0</v>
      </c>
      <c r="C495" s="53">
        <v>0</v>
      </c>
      <c r="D495" s="53">
        <v>0</v>
      </c>
      <c r="E495" s="53">
        <v>0</v>
      </c>
      <c r="F495" s="53">
        <v>0</v>
      </c>
      <c r="G495" s="53">
        <v>0</v>
      </c>
      <c r="H495" s="53">
        <v>0</v>
      </c>
      <c r="I495" s="53">
        <v>0</v>
      </c>
      <c r="J495" s="53">
        <v>0</v>
      </c>
      <c r="K495" s="53">
        <v>0</v>
      </c>
      <c r="L495" s="53">
        <v>0</v>
      </c>
      <c r="M495" s="53">
        <v>0</v>
      </c>
      <c r="N495" s="53">
        <v>0</v>
      </c>
      <c r="O495" s="53">
        <v>0</v>
      </c>
      <c r="P495" s="53">
        <v>0</v>
      </c>
      <c r="Q495" s="53">
        <v>0</v>
      </c>
      <c r="R495" s="53">
        <v>0</v>
      </c>
      <c r="S495" s="53">
        <v>0</v>
      </c>
      <c r="T495" s="53">
        <v>0</v>
      </c>
      <c r="U495" s="53">
        <v>0</v>
      </c>
      <c r="V495" s="53">
        <v>0</v>
      </c>
      <c r="W495" s="53">
        <v>0</v>
      </c>
      <c r="X495" s="53">
        <v>0</v>
      </c>
      <c r="Y495" s="53">
        <v>0</v>
      </c>
      <c r="Z495" s="53">
        <v>0</v>
      </c>
      <c r="AA495" s="53">
        <v>0</v>
      </c>
      <c r="AB495" s="53">
        <v>0</v>
      </c>
      <c r="AC495" s="53">
        <v>0</v>
      </c>
      <c r="AD495" s="53">
        <v>0</v>
      </c>
      <c r="AE495" s="53">
        <v>0</v>
      </c>
      <c r="AF495" s="53">
        <v>0</v>
      </c>
      <c r="AG495" s="53">
        <v>0</v>
      </c>
      <c r="AH495" s="53">
        <v>0</v>
      </c>
      <c r="AI495" s="53">
        <v>0</v>
      </c>
      <c r="AJ495" s="53">
        <v>0</v>
      </c>
      <c r="AK495" s="53">
        <v>0</v>
      </c>
      <c r="AL495" s="53">
        <v>0</v>
      </c>
      <c r="AM495" s="53">
        <v>0</v>
      </c>
      <c r="AN495" s="53">
        <v>0</v>
      </c>
      <c r="AO495" s="53">
        <v>0</v>
      </c>
      <c r="AP495" s="53">
        <v>0</v>
      </c>
      <c r="AQ495" s="53">
        <v>0</v>
      </c>
      <c r="AR495" s="53">
        <v>0</v>
      </c>
      <c r="AS495" s="53">
        <v>0</v>
      </c>
      <c r="AT495" s="53">
        <v>0</v>
      </c>
      <c r="AU495" s="53">
        <v>0</v>
      </c>
      <c r="AV495" s="53">
        <v>0</v>
      </c>
      <c r="AW495" s="53">
        <v>0</v>
      </c>
      <c r="AX495" s="53">
        <v>0</v>
      </c>
      <c r="AY495" s="53">
        <v>0</v>
      </c>
      <c r="AZ495" s="53">
        <v>0</v>
      </c>
      <c r="BA495" s="53">
        <v>0</v>
      </c>
    </row>
    <row r="496" spans="1:53">
      <c r="A496" s="52" t="s">
        <v>3006</v>
      </c>
      <c r="B496" s="53">
        <v>24241726.679999899</v>
      </c>
      <c r="C496" s="53">
        <v>24241726.679999899</v>
      </c>
      <c r="D496" s="53">
        <v>24241726.679999899</v>
      </c>
      <c r="E496" s="53">
        <v>24241726.679999899</v>
      </c>
      <c r="F496" s="53">
        <v>24241726.679999899</v>
      </c>
      <c r="G496" s="53">
        <v>24241726.679999899</v>
      </c>
      <c r="H496" s="53">
        <v>24241726.679999899</v>
      </c>
      <c r="I496" s="53">
        <v>24241726.679999899</v>
      </c>
      <c r="J496" s="53">
        <v>24241726.679999899</v>
      </c>
      <c r="K496" s="53">
        <v>24241726.679999899</v>
      </c>
      <c r="L496" s="53">
        <v>24241726.679999899</v>
      </c>
      <c r="M496" s="53">
        <v>24241726.679999899</v>
      </c>
      <c r="N496" s="53">
        <v>24241726.679999899</v>
      </c>
      <c r="O496" s="53">
        <v>24241726.679999899</v>
      </c>
      <c r="P496" s="53">
        <v>24241726.679999899</v>
      </c>
      <c r="Q496" s="53">
        <v>24241726.679999899</v>
      </c>
      <c r="R496" s="53">
        <v>24241726.679999899</v>
      </c>
      <c r="S496" s="53">
        <v>24241726.679999899</v>
      </c>
      <c r="T496" s="53">
        <v>24241726.679999899</v>
      </c>
      <c r="U496" s="53">
        <v>24241726.679999899</v>
      </c>
      <c r="V496" s="53">
        <v>24241726.679999899</v>
      </c>
      <c r="W496" s="53">
        <v>24241726.679999899</v>
      </c>
      <c r="X496" s="53">
        <v>24241726.679999899</v>
      </c>
      <c r="Y496" s="53">
        <v>24241726.679999899</v>
      </c>
      <c r="Z496" s="53">
        <v>24241726.679999899</v>
      </c>
      <c r="AA496" s="53">
        <v>24241726.679999899</v>
      </c>
      <c r="AB496" s="53">
        <v>24241726.679999899</v>
      </c>
      <c r="AC496" s="53">
        <v>24241726.679999899</v>
      </c>
      <c r="AD496" s="53">
        <v>24241726.679999899</v>
      </c>
      <c r="AE496" s="53">
        <v>24241726.679999899</v>
      </c>
      <c r="AF496" s="53">
        <v>24241726.679999899</v>
      </c>
      <c r="AG496" s="53">
        <v>24241726.679999899</v>
      </c>
      <c r="AH496" s="53">
        <v>24241726.679999899</v>
      </c>
      <c r="AI496" s="53">
        <v>24241726.679999899</v>
      </c>
      <c r="AJ496" s="53">
        <v>24241726.679999899</v>
      </c>
      <c r="AK496" s="53">
        <v>24241726.679999899</v>
      </c>
      <c r="AL496" s="53">
        <v>24241726.679999899</v>
      </c>
      <c r="AM496" s="53">
        <v>24241726.679999899</v>
      </c>
      <c r="AN496" s="53">
        <v>24241726.679999899</v>
      </c>
      <c r="AO496" s="53">
        <v>24241726.679999899</v>
      </c>
      <c r="AP496" s="53">
        <v>24241726.679999899</v>
      </c>
      <c r="AQ496" s="53">
        <v>24241726.679999899</v>
      </c>
      <c r="AR496" s="53">
        <v>24241726.679999899</v>
      </c>
      <c r="AS496" s="53">
        <v>24241726.679999899</v>
      </c>
      <c r="AT496" s="53">
        <v>24241726.679999899</v>
      </c>
      <c r="AU496" s="53">
        <v>24241726.679999899</v>
      </c>
      <c r="AV496" s="53">
        <v>24241726.679999899</v>
      </c>
      <c r="AW496" s="53">
        <v>24241726.679999899</v>
      </c>
      <c r="AX496" s="53">
        <v>24241726.679999899</v>
      </c>
      <c r="AY496" s="53">
        <v>24241726.679999899</v>
      </c>
      <c r="AZ496" s="53">
        <v>24241726.679999899</v>
      </c>
      <c r="BA496" s="53">
        <v>24241726.679999899</v>
      </c>
    </row>
    <row r="497" spans="1:53">
      <c r="A497" s="52" t="s">
        <v>3007</v>
      </c>
      <c r="B497" s="53">
        <v>16456781.166666601</v>
      </c>
      <c r="C497" s="53">
        <v>16597536.8333333</v>
      </c>
      <c r="D497" s="53">
        <v>16738292.5</v>
      </c>
      <c r="E497" s="53">
        <v>16879048.166666601</v>
      </c>
      <c r="F497" s="53">
        <v>17019803.833333299</v>
      </c>
      <c r="G497" s="53">
        <v>17160559.5</v>
      </c>
      <c r="H497" s="53">
        <v>17301315.166666601</v>
      </c>
      <c r="I497" s="53">
        <v>17442070.833333299</v>
      </c>
      <c r="J497" s="53">
        <v>17582826.5</v>
      </c>
      <c r="K497" s="53">
        <v>17723582.166666601</v>
      </c>
      <c r="L497" s="53">
        <v>17864337.833333299</v>
      </c>
      <c r="M497" s="53">
        <v>18005093.5</v>
      </c>
      <c r="N497" s="53">
        <v>18005093.5</v>
      </c>
      <c r="O497" s="53">
        <v>18145849.166666701</v>
      </c>
      <c r="P497" s="53">
        <v>18286604.833333299</v>
      </c>
      <c r="Q497" s="53">
        <v>18427360.5</v>
      </c>
      <c r="R497" s="53">
        <v>18568116.166666701</v>
      </c>
      <c r="S497" s="53">
        <v>18708871.833333299</v>
      </c>
      <c r="T497" s="53">
        <v>18849627.5</v>
      </c>
      <c r="U497" s="53">
        <v>18990383.166666701</v>
      </c>
      <c r="V497" s="53">
        <v>19131138.833333299</v>
      </c>
      <c r="W497" s="53">
        <v>19271894.5</v>
      </c>
      <c r="X497" s="53">
        <v>19412650.166666701</v>
      </c>
      <c r="Y497" s="53">
        <v>19553405.833333299</v>
      </c>
      <c r="Z497" s="53">
        <v>19694161.5</v>
      </c>
      <c r="AA497" s="53">
        <v>19694161.5</v>
      </c>
      <c r="AB497" s="53">
        <v>19834917.166666701</v>
      </c>
      <c r="AC497" s="53">
        <v>19975672.833333299</v>
      </c>
      <c r="AD497" s="53">
        <v>20116428.5</v>
      </c>
      <c r="AE497" s="53">
        <v>20257184.166666701</v>
      </c>
      <c r="AF497" s="53">
        <v>20397939.833333299</v>
      </c>
      <c r="AG497" s="53">
        <v>20538695.5</v>
      </c>
      <c r="AH497" s="53">
        <v>20679451.166666701</v>
      </c>
      <c r="AI497" s="53">
        <v>20820206.833333299</v>
      </c>
      <c r="AJ497" s="53">
        <v>20960962.5</v>
      </c>
      <c r="AK497" s="53">
        <v>21101718.166666701</v>
      </c>
      <c r="AL497" s="53">
        <v>21242473.833333299</v>
      </c>
      <c r="AM497" s="53">
        <v>21383229.5</v>
      </c>
      <c r="AN497" s="53">
        <v>21383229.5</v>
      </c>
      <c r="AO497" s="53">
        <v>21523985.166666701</v>
      </c>
      <c r="AP497" s="53">
        <v>21664740.833333299</v>
      </c>
      <c r="AQ497" s="53">
        <v>21805496.5</v>
      </c>
      <c r="AR497" s="53">
        <v>21946252.166666701</v>
      </c>
      <c r="AS497" s="53">
        <v>22087007.833333399</v>
      </c>
      <c r="AT497" s="53">
        <v>22227763.5</v>
      </c>
      <c r="AU497" s="53">
        <v>22368519.166666701</v>
      </c>
      <c r="AV497" s="53">
        <v>22509274.833333399</v>
      </c>
      <c r="AW497" s="53">
        <v>22650030.5</v>
      </c>
      <c r="AX497" s="53">
        <v>22790786.166666701</v>
      </c>
      <c r="AY497" s="53">
        <v>22931541.833333399</v>
      </c>
      <c r="AZ497" s="53">
        <v>23072297.5</v>
      </c>
      <c r="BA497" s="53">
        <v>23072297.5</v>
      </c>
    </row>
    <row r="498" spans="1:53">
      <c r="A498" s="58" t="s">
        <v>3008</v>
      </c>
      <c r="B498" s="53">
        <v>628496670.52076697</v>
      </c>
      <c r="C498" s="53">
        <v>630276984.45697904</v>
      </c>
      <c r="D498" s="53">
        <v>632058533.39319205</v>
      </c>
      <c r="E498" s="53">
        <v>633842764.32940495</v>
      </c>
      <c r="F498" s="53">
        <v>635633949.26561797</v>
      </c>
      <c r="G498" s="53">
        <v>637429763.20183098</v>
      </c>
      <c r="H498" s="53">
        <v>639229032.13804305</v>
      </c>
      <c r="I498" s="53">
        <v>641030825.07425594</v>
      </c>
      <c r="J498" s="53">
        <v>642830365.01046896</v>
      </c>
      <c r="K498" s="53">
        <v>644633453.94668198</v>
      </c>
      <c r="L498" s="53">
        <v>646442610.88289499</v>
      </c>
      <c r="M498" s="53">
        <v>648253905.81910801</v>
      </c>
      <c r="N498" s="53">
        <v>648253905.81910801</v>
      </c>
      <c r="O498" s="53">
        <v>649615370.75532103</v>
      </c>
      <c r="P498" s="53">
        <v>650976835.69153404</v>
      </c>
      <c r="Q498" s="53">
        <v>652338300.62774599</v>
      </c>
      <c r="R498" s="53">
        <v>653699765.563959</v>
      </c>
      <c r="S498" s="53">
        <v>655061230.50017202</v>
      </c>
      <c r="T498" s="53">
        <v>656422695.43638504</v>
      </c>
      <c r="U498" s="53">
        <v>657784160.37259698</v>
      </c>
      <c r="V498" s="53">
        <v>653917814.10880995</v>
      </c>
      <c r="W498" s="53">
        <v>655328962.84502304</v>
      </c>
      <c r="X498" s="53">
        <v>656740111.581236</v>
      </c>
      <c r="Y498" s="53">
        <v>658151260.31744897</v>
      </c>
      <c r="Z498" s="53">
        <v>659562409.05366194</v>
      </c>
      <c r="AA498" s="53">
        <v>659562409.05366194</v>
      </c>
      <c r="AB498" s="53">
        <v>660170449.65654099</v>
      </c>
      <c r="AC498" s="53">
        <v>660778490.25942099</v>
      </c>
      <c r="AD498" s="53">
        <v>661386530.86230004</v>
      </c>
      <c r="AE498" s="53">
        <v>661994571.46518004</v>
      </c>
      <c r="AF498" s="53">
        <v>662602612.06805897</v>
      </c>
      <c r="AG498" s="53">
        <v>663210652.67093897</v>
      </c>
      <c r="AH498" s="53">
        <v>663818693.27381802</v>
      </c>
      <c r="AI498" s="53">
        <v>659449515.27669799</v>
      </c>
      <c r="AJ498" s="53">
        <v>660105229.27957702</v>
      </c>
      <c r="AK498" s="53">
        <v>660760943.28245699</v>
      </c>
      <c r="AL498" s="53">
        <v>661416657.28533602</v>
      </c>
      <c r="AM498" s="53">
        <v>662072371.28821599</v>
      </c>
      <c r="AN498" s="53">
        <v>662072371.28821599</v>
      </c>
      <c r="AO498" s="53">
        <v>661764174.30776203</v>
      </c>
      <c r="AP498" s="53">
        <v>661455977.32730806</v>
      </c>
      <c r="AQ498" s="53">
        <v>661147780.34685397</v>
      </c>
      <c r="AR498" s="53">
        <v>660839583.3664</v>
      </c>
      <c r="AS498" s="53">
        <v>660531386.38594699</v>
      </c>
      <c r="AT498" s="53">
        <v>660223189.40549302</v>
      </c>
      <c r="AU498" s="53">
        <v>659906585.48518896</v>
      </c>
      <c r="AV498" s="53">
        <v>655178428.22503603</v>
      </c>
      <c r="AW498" s="53">
        <v>654895972.96488297</v>
      </c>
      <c r="AX498" s="53">
        <v>654613517.70473003</v>
      </c>
      <c r="AY498" s="53">
        <v>654331062.44457698</v>
      </c>
      <c r="AZ498" s="53">
        <v>654048607.18442404</v>
      </c>
      <c r="BA498" s="53">
        <v>654048607.18442404</v>
      </c>
    </row>
    <row r="499" spans="1:53">
      <c r="A499" s="52" t="s">
        <v>3009</v>
      </c>
    </row>
    <row r="500" spans="1:53">
      <c r="A500" s="52" t="s">
        <v>3010</v>
      </c>
      <c r="B500" s="53">
        <v>0.99999999974897902</v>
      </c>
      <c r="C500" s="53">
        <v>0.99999999974897902</v>
      </c>
      <c r="D500" s="53">
        <v>0.99999999974897902</v>
      </c>
      <c r="E500" s="53">
        <v>0.99999999974897902</v>
      </c>
      <c r="F500" s="53">
        <v>0.99999999974897902</v>
      </c>
      <c r="G500" s="53">
        <v>0.99999999974897902</v>
      </c>
      <c r="H500" s="53">
        <v>0.99999999974897902</v>
      </c>
      <c r="I500" s="53">
        <v>0.99999999974897902</v>
      </c>
      <c r="J500" s="53">
        <v>0.99999999974897902</v>
      </c>
      <c r="K500" s="53">
        <v>0.99999999974897902</v>
      </c>
      <c r="L500" s="53">
        <v>0.99999999974897902</v>
      </c>
      <c r="M500" s="53">
        <v>0.99999999974897902</v>
      </c>
      <c r="N500" s="53">
        <v>0.99999999974897902</v>
      </c>
      <c r="O500" s="53">
        <v>0.99999999974897902</v>
      </c>
      <c r="P500" s="53">
        <v>0.99999999974897902</v>
      </c>
      <c r="Q500" s="53">
        <v>0.99999999974897902</v>
      </c>
      <c r="R500" s="53">
        <v>0.99999999974897902</v>
      </c>
      <c r="S500" s="53">
        <v>0.99999999974897902</v>
      </c>
      <c r="T500" s="53">
        <v>0.99999999974897902</v>
      </c>
      <c r="U500" s="53">
        <v>0.99999999974897902</v>
      </c>
      <c r="V500" s="53">
        <v>0.99999999974897902</v>
      </c>
      <c r="W500" s="53">
        <v>0.99999999974897902</v>
      </c>
      <c r="X500" s="53">
        <v>0.99999999974897902</v>
      </c>
      <c r="Y500" s="53">
        <v>0.99999999974897902</v>
      </c>
      <c r="Z500" s="53">
        <v>0.99999999974897902</v>
      </c>
      <c r="AA500" s="53">
        <v>0.99999999974897902</v>
      </c>
      <c r="AB500" s="53">
        <v>0.99999999974897902</v>
      </c>
      <c r="AC500" s="53">
        <v>0.99999999974897902</v>
      </c>
      <c r="AD500" s="53">
        <v>0.99999999974897902</v>
      </c>
      <c r="AE500" s="53">
        <v>0.99999999974897902</v>
      </c>
      <c r="AF500" s="53">
        <v>0.99999999974897902</v>
      </c>
      <c r="AG500" s="53">
        <v>0.99999999974897902</v>
      </c>
      <c r="AH500" s="53">
        <v>0.99999999974897902</v>
      </c>
      <c r="AI500" s="53">
        <v>0.99999999974897902</v>
      </c>
      <c r="AJ500" s="53">
        <v>0.99999999974897902</v>
      </c>
      <c r="AK500" s="53">
        <v>0.99999999974897902</v>
      </c>
      <c r="AL500" s="53">
        <v>0.99999999974897902</v>
      </c>
      <c r="AM500" s="53">
        <v>0.99999999974897902</v>
      </c>
      <c r="AN500" s="53">
        <v>0.99999999974897902</v>
      </c>
      <c r="AO500" s="53">
        <v>0.99999999974897902</v>
      </c>
      <c r="AP500" s="53">
        <v>0.99999999974897902</v>
      </c>
      <c r="AQ500" s="53">
        <v>0.99999999974897902</v>
      </c>
      <c r="AR500" s="53">
        <v>0.99999999974897902</v>
      </c>
      <c r="AS500" s="53">
        <v>0.99999999974897902</v>
      </c>
      <c r="AT500" s="53">
        <v>0.99999999974897902</v>
      </c>
      <c r="AU500" s="53">
        <v>0.99999999974897902</v>
      </c>
      <c r="AV500" s="53">
        <v>0.99999999974897902</v>
      </c>
      <c r="AW500" s="53">
        <v>0.99999999974897902</v>
      </c>
      <c r="AX500" s="53">
        <v>0.99999999974897902</v>
      </c>
      <c r="AY500" s="53">
        <v>0.99999999974897902</v>
      </c>
      <c r="AZ500" s="53">
        <v>0.99999999974897902</v>
      </c>
      <c r="BA500" s="53">
        <v>0.99999999974897902</v>
      </c>
    </row>
    <row r="501" spans="1:53">
      <c r="A501" s="52" t="s">
        <v>3011</v>
      </c>
      <c r="B501" s="53">
        <v>1.0714984455262299E-8</v>
      </c>
      <c r="C501" s="53">
        <v>1.1539214028744001E-8</v>
      </c>
      <c r="D501" s="53">
        <v>1.23634436022257E-8</v>
      </c>
      <c r="E501" s="53">
        <v>1.31876731757074E-8</v>
      </c>
      <c r="F501" s="53">
        <v>1.40119027491891E-8</v>
      </c>
      <c r="G501" s="53">
        <v>1.4836132322670799E-8</v>
      </c>
      <c r="H501" s="53">
        <v>1.5660361896152601E-8</v>
      </c>
      <c r="I501" s="53">
        <v>1.6484591469634301E-8</v>
      </c>
      <c r="J501" s="53">
        <v>1.7308821043116001E-8</v>
      </c>
      <c r="K501" s="53">
        <v>1.81330506165977E-8</v>
      </c>
      <c r="L501" s="53">
        <v>1.89572801900794E-8</v>
      </c>
      <c r="M501" s="53">
        <v>1.97815097635611E-8</v>
      </c>
      <c r="N501" s="53">
        <v>1.97815097635611E-8</v>
      </c>
      <c r="O501" s="53">
        <v>2.0605739337042899E-8</v>
      </c>
      <c r="P501" s="53">
        <v>1.7791990103432899E-8</v>
      </c>
      <c r="Q501" s="53">
        <v>2.2254198484006301E-8</v>
      </c>
      <c r="R501" s="53">
        <v>2.3078428057488001E-8</v>
      </c>
      <c r="S501" s="53">
        <v>2.3902657630969701E-8</v>
      </c>
      <c r="T501" s="53">
        <v>2.47268872044514E-8</v>
      </c>
      <c r="U501" s="53">
        <v>2.5551116777933199E-8</v>
      </c>
      <c r="V501" s="53">
        <v>2.6375346351414899E-8</v>
      </c>
      <c r="W501" s="53">
        <v>2.3561597117804899E-8</v>
      </c>
      <c r="X501" s="53">
        <v>2.0747847884194899E-8</v>
      </c>
      <c r="Y501" s="53">
        <v>1.7934098650584899E-8</v>
      </c>
      <c r="Z501" s="53">
        <v>1.5120349416974899E-8</v>
      </c>
      <c r="AA501" s="53">
        <v>1.5120349416974899E-8</v>
      </c>
      <c r="AB501" s="53">
        <v>1.23066001833649E-8</v>
      </c>
      <c r="AC501" s="53">
        <v>9.4928509497549302E-9</v>
      </c>
      <c r="AD501" s="53">
        <v>6.6791017161449401E-9</v>
      </c>
      <c r="AE501" s="53">
        <v>3.86535248253494E-9</v>
      </c>
      <c r="AF501" s="53">
        <v>1.05160324892494E-9</v>
      </c>
      <c r="AG501" s="53">
        <v>-1.76214598468504E-9</v>
      </c>
      <c r="AH501" s="53">
        <v>-4.5758952182950402E-9</v>
      </c>
      <c r="AI501" s="53">
        <v>-7.3896444519050403E-9</v>
      </c>
      <c r="AJ501" s="53">
        <v>-1.0203393685515001E-8</v>
      </c>
      <c r="AK501" s="53">
        <v>-1.3017142919125001E-8</v>
      </c>
      <c r="AL501" s="53">
        <v>-1.5830892152734999E-8</v>
      </c>
      <c r="AM501" s="53">
        <v>-1.8644641386344999E-8</v>
      </c>
      <c r="AN501" s="53">
        <v>-1.8644641386344999E-8</v>
      </c>
      <c r="AO501" s="53">
        <v>-2.1458390619954999E-8</v>
      </c>
      <c r="AP501" s="53">
        <v>-2.4272139853564999E-8</v>
      </c>
      <c r="AQ501" s="53">
        <v>-2.7085889087174999E-8</v>
      </c>
      <c r="AR501" s="53">
        <v>-2.9899638320785003E-8</v>
      </c>
      <c r="AS501" s="53">
        <v>-3.2713387554394999E-8</v>
      </c>
      <c r="AT501" s="53">
        <v>-3.5527136788005003E-8</v>
      </c>
      <c r="AU501" s="53">
        <v>8406.9398495902005</v>
      </c>
      <c r="AV501" s="53">
        <v>25220.8195488372</v>
      </c>
      <c r="AW501" s="53">
        <v>42034.6992480841</v>
      </c>
      <c r="AX501" s="53">
        <v>58848.578947331102</v>
      </c>
      <c r="AY501" s="53">
        <v>75662.458646578103</v>
      </c>
      <c r="AZ501" s="53">
        <v>92476.338345825105</v>
      </c>
      <c r="BA501" s="53">
        <v>92476.338345825105</v>
      </c>
    </row>
    <row r="502" spans="1:53">
      <c r="A502" s="52" t="s">
        <v>3012</v>
      </c>
      <c r="B502" s="53">
        <v>1356940210.7816701</v>
      </c>
      <c r="C502" s="53">
        <v>1407381918.55353</v>
      </c>
      <c r="D502" s="53">
        <v>1439869028.2185099</v>
      </c>
      <c r="E502" s="53">
        <v>1446633841.2213099</v>
      </c>
      <c r="F502" s="53">
        <v>1440922614.3101201</v>
      </c>
      <c r="G502" s="53">
        <v>1426990468.5947101</v>
      </c>
      <c r="H502" s="53">
        <v>1410600998.19051</v>
      </c>
      <c r="I502" s="53">
        <v>1330205374.30372</v>
      </c>
      <c r="J502" s="53">
        <v>1320417484.26209</v>
      </c>
      <c r="K502" s="53">
        <v>1328221123.6096699</v>
      </c>
      <c r="L502" s="53">
        <v>1362679223.0325301</v>
      </c>
      <c r="M502" s="53">
        <v>1397706244.1004901</v>
      </c>
      <c r="N502" s="53">
        <v>1397706244.1004901</v>
      </c>
      <c r="O502" s="53">
        <v>1373474882.5736101</v>
      </c>
      <c r="P502" s="53">
        <v>1398162636.9568801</v>
      </c>
      <c r="Q502" s="53">
        <v>1415143592.84251</v>
      </c>
      <c r="R502" s="53">
        <v>1414546552.6984999</v>
      </c>
      <c r="S502" s="53">
        <v>1409367495.9646599</v>
      </c>
      <c r="T502" s="53">
        <v>1403956268.1479299</v>
      </c>
      <c r="U502" s="53">
        <v>1399680638.57637</v>
      </c>
      <c r="V502" s="53">
        <v>1350296715.6481299</v>
      </c>
      <c r="W502" s="53">
        <v>1347986748.4886701</v>
      </c>
      <c r="X502" s="53">
        <v>1351727014.8368101</v>
      </c>
      <c r="Y502" s="53">
        <v>1371316375.5794201</v>
      </c>
      <c r="Z502" s="53">
        <v>1397706244.02826</v>
      </c>
      <c r="AA502" s="53">
        <v>1397706244.02826</v>
      </c>
      <c r="AB502" s="53">
        <v>1373441804.1203301</v>
      </c>
      <c r="AC502" s="53">
        <v>1397197842.2202499</v>
      </c>
      <c r="AD502" s="53">
        <v>1411933166.9923301</v>
      </c>
      <c r="AE502" s="53">
        <v>1409405408.9962599</v>
      </c>
      <c r="AF502" s="53">
        <v>1403334794.6649599</v>
      </c>
      <c r="AG502" s="53">
        <v>1396731572.4103799</v>
      </c>
      <c r="AH502" s="53">
        <v>1392109671.0387399</v>
      </c>
      <c r="AI502" s="53">
        <v>1345302198.2121899</v>
      </c>
      <c r="AJ502" s="53">
        <v>1344681549.33869</v>
      </c>
      <c r="AK502" s="53">
        <v>1351074346.1370101</v>
      </c>
      <c r="AL502" s="53">
        <v>1372944190.91698</v>
      </c>
      <c r="AM502" s="53">
        <v>1397706243.80707</v>
      </c>
      <c r="AN502" s="53">
        <v>1397706243.80707</v>
      </c>
      <c r="AO502" s="53">
        <v>1376983698.0138099</v>
      </c>
      <c r="AP502" s="53">
        <v>1402170637.1737101</v>
      </c>
      <c r="AQ502" s="53">
        <v>1420314115.17996</v>
      </c>
      <c r="AR502" s="53">
        <v>1421342604.9023399</v>
      </c>
      <c r="AS502" s="53">
        <v>1415452823.8889799</v>
      </c>
      <c r="AT502" s="53">
        <v>1408768291.30707</v>
      </c>
      <c r="AU502" s="53">
        <v>1403633875.1835101</v>
      </c>
      <c r="AV502" s="53">
        <v>1357615175.20507</v>
      </c>
      <c r="AW502" s="53">
        <v>1355978837.0185299</v>
      </c>
      <c r="AX502" s="53">
        <v>1360702706.87167</v>
      </c>
      <c r="AY502" s="53">
        <v>1375067012.2934401</v>
      </c>
      <c r="AZ502" s="53">
        <v>1397706243.9305999</v>
      </c>
      <c r="BA502" s="53">
        <v>1397706243.9305999</v>
      </c>
    </row>
    <row r="503" spans="1:53">
      <c r="A503" s="52" t="s">
        <v>3013</v>
      </c>
      <c r="B503" s="53">
        <v>-693076398.78503704</v>
      </c>
      <c r="C503" s="53">
        <v>-755695357.81280196</v>
      </c>
      <c r="D503" s="53">
        <v>-818314316.84056699</v>
      </c>
      <c r="E503" s="53">
        <v>-880933275.86833203</v>
      </c>
      <c r="F503" s="53">
        <v>-943552234.89609694</v>
      </c>
      <c r="G503" s="53">
        <v>-1006171193.92386</v>
      </c>
      <c r="H503" s="53">
        <v>-1068790152.95162</v>
      </c>
      <c r="I503" s="53">
        <v>-1131409111.9793899</v>
      </c>
      <c r="J503" s="53">
        <v>-1194028071.0071499</v>
      </c>
      <c r="K503" s="53">
        <v>-1256647030.03492</v>
      </c>
      <c r="L503" s="53">
        <v>-1319265989.06268</v>
      </c>
      <c r="M503" s="53">
        <v>-1381884948.09045</v>
      </c>
      <c r="N503" s="53">
        <v>-1381884948.09045</v>
      </c>
      <c r="O503" s="53">
        <v>-1383201879.55878</v>
      </c>
      <c r="P503" s="53">
        <v>-1384518811.0271201</v>
      </c>
      <c r="Q503" s="53">
        <v>-1385835742.49546</v>
      </c>
      <c r="R503" s="53">
        <v>-1387152673.9637899</v>
      </c>
      <c r="S503" s="53">
        <v>-1388469605.4321301</v>
      </c>
      <c r="T503" s="53">
        <v>-1389786536.90047</v>
      </c>
      <c r="U503" s="53">
        <v>-1391103468.3688099</v>
      </c>
      <c r="V503" s="53">
        <v>-1392420399.8371401</v>
      </c>
      <c r="W503" s="53">
        <v>-1393737331.30548</v>
      </c>
      <c r="X503" s="53">
        <v>-1395054262.7738199</v>
      </c>
      <c r="Y503" s="53">
        <v>-1396371194.2421501</v>
      </c>
      <c r="Z503" s="53">
        <v>-1397688125.71049</v>
      </c>
      <c r="AA503" s="53">
        <v>-1397688125.71049</v>
      </c>
      <c r="AB503" s="53">
        <v>-1397688125.7044699</v>
      </c>
      <c r="AC503" s="53">
        <v>-1397688125.6984501</v>
      </c>
      <c r="AD503" s="53">
        <v>-1397688125.69243</v>
      </c>
      <c r="AE503" s="53">
        <v>-1397688125.68641</v>
      </c>
      <c r="AF503" s="53">
        <v>-1397688125.6803899</v>
      </c>
      <c r="AG503" s="53">
        <v>-1397688125.6743701</v>
      </c>
      <c r="AH503" s="53">
        <v>-1397688125.66836</v>
      </c>
      <c r="AI503" s="53">
        <v>-1397688125.6623399</v>
      </c>
      <c r="AJ503" s="53">
        <v>-1397688125.6563201</v>
      </c>
      <c r="AK503" s="53">
        <v>-1397688125.6503</v>
      </c>
      <c r="AL503" s="53">
        <v>-1397688125.64428</v>
      </c>
      <c r="AM503" s="53">
        <v>-1397688125.6382599</v>
      </c>
      <c r="AN503" s="53">
        <v>-1397688125.6382599</v>
      </c>
      <c r="AO503" s="53">
        <v>-1397688125.6198299</v>
      </c>
      <c r="AP503" s="53">
        <v>-1397688125.6013899</v>
      </c>
      <c r="AQ503" s="53">
        <v>-1397688125.5829599</v>
      </c>
      <c r="AR503" s="53">
        <v>-1397688125.5645299</v>
      </c>
      <c r="AS503" s="53">
        <v>-1397688125.5460999</v>
      </c>
      <c r="AT503" s="53">
        <v>-1397688125.5276599</v>
      </c>
      <c r="AU503" s="53">
        <v>-1397688125.5092299</v>
      </c>
      <c r="AV503" s="53">
        <v>-1397688125.4907999</v>
      </c>
      <c r="AW503" s="53">
        <v>-1397688125.4723699</v>
      </c>
      <c r="AX503" s="53">
        <v>-1397688125.4539299</v>
      </c>
      <c r="AY503" s="53">
        <v>-1397688125.4354999</v>
      </c>
      <c r="AZ503" s="53">
        <v>-1397688125.4170699</v>
      </c>
      <c r="BA503" s="53">
        <v>-1397688125.4170699</v>
      </c>
    </row>
    <row r="504" spans="1:53">
      <c r="A504" s="52" t="s">
        <v>3014</v>
      </c>
      <c r="B504" s="53">
        <v>-403459.84609856899</v>
      </c>
      <c r="C504" s="53">
        <v>10473339.0599223</v>
      </c>
      <c r="D504" s="53">
        <v>18820767.9756102</v>
      </c>
      <c r="E504" s="53">
        <v>25029859.630506899</v>
      </c>
      <c r="F504" s="53">
        <v>25819570.6509322</v>
      </c>
      <c r="G504" s="53">
        <v>27559502.726767499</v>
      </c>
      <c r="H504" s="53">
        <v>27780429.940868799</v>
      </c>
      <c r="I504" s="53">
        <v>20292523.292754602</v>
      </c>
      <c r="J504" s="53">
        <v>10220045.448139099</v>
      </c>
      <c r="K504" s="53">
        <v>3474509.1282792301</v>
      </c>
      <c r="L504" s="53">
        <v>1993436.4570584099</v>
      </c>
      <c r="M504" s="53">
        <v>-1.00000005932088</v>
      </c>
      <c r="N504" s="53">
        <v>-1.00000005932088</v>
      </c>
      <c r="O504" s="53">
        <v>-2366386.9213757101</v>
      </c>
      <c r="P504" s="53">
        <v>384444.97962657001</v>
      </c>
      <c r="Q504" s="53">
        <v>1582852.3554778399</v>
      </c>
      <c r="R504" s="53">
        <v>1901453.27723386</v>
      </c>
      <c r="S504" s="53">
        <v>818085.32066507905</v>
      </c>
      <c r="T504" s="53">
        <v>1725284.66009191</v>
      </c>
      <c r="U504" s="53">
        <v>1922234.91373985</v>
      </c>
      <c r="V504" s="53">
        <v>-1195264.7743035201</v>
      </c>
      <c r="W504" s="53">
        <v>-2936046.1101282299</v>
      </c>
      <c r="X504" s="53">
        <v>-3538983.8316221298</v>
      </c>
      <c r="Y504" s="53">
        <v>-1880499.8262162299</v>
      </c>
      <c r="Z504" s="53">
        <v>-0.99999999201827405</v>
      </c>
      <c r="AA504" s="53">
        <v>-0.99999999201827405</v>
      </c>
      <c r="AB504" s="53">
        <v>-1116573.1868135401</v>
      </c>
      <c r="AC504" s="53">
        <v>-411645.27185848902</v>
      </c>
      <c r="AD504" s="53">
        <v>-739372.05918431701</v>
      </c>
      <c r="AE504" s="53">
        <v>-1368213.2746615501</v>
      </c>
      <c r="AF504" s="53">
        <v>-2037368.3525221599</v>
      </c>
      <c r="AG504" s="53">
        <v>-205167.092957952</v>
      </c>
      <c r="AH504" s="53">
        <v>1369693.50666501</v>
      </c>
      <c r="AI504" s="53">
        <v>1739304.00867149</v>
      </c>
      <c r="AJ504" s="53">
        <v>767244.62058297498</v>
      </c>
      <c r="AK504" s="53">
        <v>-250251.22763214001</v>
      </c>
      <c r="AL504" s="53">
        <v>-413348.73884367198</v>
      </c>
      <c r="AM504" s="53">
        <v>-1.0000000010563701</v>
      </c>
      <c r="AN504" s="53">
        <v>-1.0000000010563701</v>
      </c>
      <c r="AO504" s="53">
        <v>1366013.64176414</v>
      </c>
      <c r="AP504" s="53">
        <v>3610780.0037759701</v>
      </c>
      <c r="AQ504" s="53">
        <v>4945411.6114867004</v>
      </c>
      <c r="AR504" s="53">
        <v>6146208.54644401</v>
      </c>
      <c r="AS504" s="53">
        <v>7711447.3684680099</v>
      </c>
      <c r="AT504" s="53">
        <v>6482406.9575370997</v>
      </c>
      <c r="AU504" s="53">
        <v>5140926.84007107</v>
      </c>
      <c r="AV504" s="53">
        <v>3246623.1632919302</v>
      </c>
      <c r="AW504" s="53">
        <v>2044058.9895178799</v>
      </c>
      <c r="AX504" s="53">
        <v>1142855.45259228</v>
      </c>
      <c r="AY504" s="53">
        <v>626099.71599433594</v>
      </c>
      <c r="AZ504" s="53">
        <v>-0.999999999294232</v>
      </c>
      <c r="BA504" s="53">
        <v>-0.999999999294232</v>
      </c>
    </row>
    <row r="505" spans="1:53">
      <c r="A505" s="52" t="s">
        <v>3015</v>
      </c>
      <c r="B505" s="53">
        <v>0</v>
      </c>
      <c r="C505" s="53">
        <v>0</v>
      </c>
      <c r="D505" s="53">
        <v>0</v>
      </c>
      <c r="E505" s="53">
        <v>0</v>
      </c>
      <c r="F505" s="53">
        <v>0</v>
      </c>
      <c r="G505" s="53">
        <v>0</v>
      </c>
      <c r="H505" s="53">
        <v>0</v>
      </c>
      <c r="I505" s="53">
        <v>0</v>
      </c>
      <c r="J505" s="53">
        <v>0</v>
      </c>
      <c r="K505" s="53">
        <v>0</v>
      </c>
      <c r="L505" s="53">
        <v>0</v>
      </c>
      <c r="M505" s="53">
        <v>0</v>
      </c>
      <c r="N505" s="53">
        <v>0</v>
      </c>
      <c r="O505" s="53">
        <v>0</v>
      </c>
      <c r="P505" s="53">
        <v>0</v>
      </c>
      <c r="Q505" s="53">
        <v>0</v>
      </c>
      <c r="R505" s="53">
        <v>0</v>
      </c>
      <c r="S505" s="53">
        <v>0</v>
      </c>
      <c r="T505" s="53">
        <v>0</v>
      </c>
      <c r="U505" s="53">
        <v>0</v>
      </c>
      <c r="V505" s="53">
        <v>0</v>
      </c>
      <c r="W505" s="53">
        <v>0</v>
      </c>
      <c r="X505" s="53">
        <v>0</v>
      </c>
      <c r="Y505" s="53">
        <v>0</v>
      </c>
      <c r="Z505" s="53">
        <v>0</v>
      </c>
      <c r="AA505" s="53">
        <v>0</v>
      </c>
      <c r="AB505" s="53">
        <v>0</v>
      </c>
      <c r="AC505" s="53">
        <v>0</v>
      </c>
      <c r="AD505" s="53">
        <v>0</v>
      </c>
      <c r="AE505" s="53">
        <v>0</v>
      </c>
      <c r="AF505" s="53">
        <v>0</v>
      </c>
      <c r="AG505" s="53">
        <v>0</v>
      </c>
      <c r="AH505" s="53">
        <v>0</v>
      </c>
      <c r="AI505" s="53">
        <v>0</v>
      </c>
      <c r="AJ505" s="53">
        <v>0</v>
      </c>
      <c r="AK505" s="53">
        <v>0</v>
      </c>
      <c r="AL505" s="53">
        <v>0</v>
      </c>
      <c r="AM505" s="53">
        <v>0</v>
      </c>
      <c r="AN505" s="53">
        <v>0</v>
      </c>
      <c r="AO505" s="53">
        <v>0</v>
      </c>
      <c r="AP505" s="53">
        <v>0</v>
      </c>
      <c r="AQ505" s="53">
        <v>0</v>
      </c>
      <c r="AR505" s="53">
        <v>0</v>
      </c>
      <c r="AS505" s="53">
        <v>0</v>
      </c>
      <c r="AT505" s="53">
        <v>0</v>
      </c>
      <c r="AU505" s="53">
        <v>0</v>
      </c>
      <c r="AV505" s="53">
        <v>0</v>
      </c>
      <c r="AW505" s="53">
        <v>0</v>
      </c>
      <c r="AX505" s="53">
        <v>0</v>
      </c>
      <c r="AY505" s="53">
        <v>0</v>
      </c>
      <c r="AZ505" s="53">
        <v>0</v>
      </c>
      <c r="BA505" s="53">
        <v>0</v>
      </c>
    </row>
    <row r="506" spans="1:53">
      <c r="A506" s="52" t="s">
        <v>3016</v>
      </c>
      <c r="B506" s="53">
        <v>460648795.64999998</v>
      </c>
      <c r="C506" s="53">
        <v>460648795.64999998</v>
      </c>
      <c r="D506" s="53">
        <v>460648795.64999998</v>
      </c>
      <c r="E506" s="53">
        <v>460648795.64999998</v>
      </c>
      <c r="F506" s="53">
        <v>460648795.64999998</v>
      </c>
      <c r="G506" s="53">
        <v>460648795.64999998</v>
      </c>
      <c r="H506" s="53">
        <v>460648795.64999998</v>
      </c>
      <c r="I506" s="53">
        <v>460648795.64999998</v>
      </c>
      <c r="J506" s="53">
        <v>460648795.64999998</v>
      </c>
      <c r="K506" s="53">
        <v>460648795.64999998</v>
      </c>
      <c r="L506" s="53">
        <v>460648795.64999998</v>
      </c>
      <c r="M506" s="53">
        <v>460648795.64999998</v>
      </c>
      <c r="N506" s="53">
        <v>460648795.64999998</v>
      </c>
      <c r="O506" s="53">
        <v>460648795.64999998</v>
      </c>
      <c r="P506" s="53">
        <v>460648795.64999998</v>
      </c>
      <c r="Q506" s="53">
        <v>460648795.64999998</v>
      </c>
      <c r="R506" s="53">
        <v>460648795.64999998</v>
      </c>
      <c r="S506" s="53">
        <v>460648795.64999998</v>
      </c>
      <c r="T506" s="53">
        <v>460648795.64999998</v>
      </c>
      <c r="U506" s="53">
        <v>460648795.64999998</v>
      </c>
      <c r="V506" s="53">
        <v>460648795.64999998</v>
      </c>
      <c r="W506" s="53">
        <v>460648795.64999998</v>
      </c>
      <c r="X506" s="53">
        <v>460648795.64999998</v>
      </c>
      <c r="Y506" s="53">
        <v>460648795.64999998</v>
      </c>
      <c r="Z506" s="53">
        <v>460648795.64999998</v>
      </c>
      <c r="AA506" s="53">
        <v>460648795.64999998</v>
      </c>
      <c r="AB506" s="53">
        <v>460648795.64999998</v>
      </c>
      <c r="AC506" s="53">
        <v>460648795.64999998</v>
      </c>
      <c r="AD506" s="53">
        <v>460648795.64999998</v>
      </c>
      <c r="AE506" s="53">
        <v>460648795.64999998</v>
      </c>
      <c r="AF506" s="53">
        <v>460648795.64999998</v>
      </c>
      <c r="AG506" s="53">
        <v>460648795.64999998</v>
      </c>
      <c r="AH506" s="53">
        <v>460648795.64999998</v>
      </c>
      <c r="AI506" s="53">
        <v>460648795.64999998</v>
      </c>
      <c r="AJ506" s="53">
        <v>460648795.64999998</v>
      </c>
      <c r="AK506" s="53">
        <v>460648795.64999998</v>
      </c>
      <c r="AL506" s="53">
        <v>460648795.64999998</v>
      </c>
      <c r="AM506" s="53">
        <v>460648795.64999998</v>
      </c>
      <c r="AN506" s="53">
        <v>460648795.64999998</v>
      </c>
      <c r="AO506" s="53">
        <v>460648795.64999998</v>
      </c>
      <c r="AP506" s="53">
        <v>460648795.64999998</v>
      </c>
      <c r="AQ506" s="53">
        <v>460648795.64999998</v>
      </c>
      <c r="AR506" s="53">
        <v>460648795.64999998</v>
      </c>
      <c r="AS506" s="53">
        <v>460648795.64999998</v>
      </c>
      <c r="AT506" s="53">
        <v>460648795.64999998</v>
      </c>
      <c r="AU506" s="53">
        <v>460648795.64999998</v>
      </c>
      <c r="AV506" s="53">
        <v>460648795.64999998</v>
      </c>
      <c r="AW506" s="53">
        <v>460648795.64999998</v>
      </c>
      <c r="AX506" s="53">
        <v>460648795.64999998</v>
      </c>
      <c r="AY506" s="53">
        <v>460648795.64999998</v>
      </c>
      <c r="AZ506" s="53">
        <v>460648795.64999998</v>
      </c>
      <c r="BA506" s="53">
        <v>460648795.64999998</v>
      </c>
    </row>
    <row r="507" spans="1:53">
      <c r="A507" s="52" t="s">
        <v>3017</v>
      </c>
      <c r="B507" s="53">
        <v>0</v>
      </c>
      <c r="C507" s="53">
        <v>0</v>
      </c>
      <c r="D507" s="53">
        <v>0</v>
      </c>
      <c r="E507" s="53">
        <v>0</v>
      </c>
      <c r="F507" s="53">
        <v>0</v>
      </c>
      <c r="G507" s="53">
        <v>0</v>
      </c>
      <c r="H507" s="53">
        <v>0</v>
      </c>
      <c r="I507" s="53">
        <v>0</v>
      </c>
      <c r="J507" s="53">
        <v>0</v>
      </c>
      <c r="K507" s="53">
        <v>0</v>
      </c>
      <c r="L507" s="53">
        <v>0</v>
      </c>
      <c r="M507" s="53">
        <v>0</v>
      </c>
      <c r="N507" s="53">
        <v>0</v>
      </c>
      <c r="O507" s="53">
        <v>0</v>
      </c>
      <c r="P507" s="53">
        <v>0</v>
      </c>
      <c r="Q507" s="53">
        <v>0</v>
      </c>
      <c r="R507" s="53">
        <v>0</v>
      </c>
      <c r="S507" s="53">
        <v>0</v>
      </c>
      <c r="T507" s="53">
        <v>0</v>
      </c>
      <c r="U507" s="53">
        <v>0</v>
      </c>
      <c r="V507" s="53">
        <v>0</v>
      </c>
      <c r="W507" s="53">
        <v>0</v>
      </c>
      <c r="X507" s="53">
        <v>0</v>
      </c>
      <c r="Y507" s="53">
        <v>0</v>
      </c>
      <c r="Z507" s="53">
        <v>0</v>
      </c>
      <c r="AA507" s="53">
        <v>0</v>
      </c>
      <c r="AB507" s="53">
        <v>0</v>
      </c>
      <c r="AC507" s="53">
        <v>0</v>
      </c>
      <c r="AD507" s="53">
        <v>0</v>
      </c>
      <c r="AE507" s="53">
        <v>0</v>
      </c>
      <c r="AF507" s="53">
        <v>0</v>
      </c>
      <c r="AG507" s="53">
        <v>0</v>
      </c>
      <c r="AH507" s="53">
        <v>0</v>
      </c>
      <c r="AI507" s="53">
        <v>0</v>
      </c>
      <c r="AJ507" s="53">
        <v>0</v>
      </c>
      <c r="AK507" s="53">
        <v>0</v>
      </c>
      <c r="AL507" s="53">
        <v>0</v>
      </c>
      <c r="AM507" s="53">
        <v>0</v>
      </c>
      <c r="AN507" s="53">
        <v>0</v>
      </c>
      <c r="AO507" s="53">
        <v>0</v>
      </c>
      <c r="AP507" s="53">
        <v>0</v>
      </c>
      <c r="AQ507" s="53">
        <v>0</v>
      </c>
      <c r="AR507" s="53">
        <v>0</v>
      </c>
      <c r="AS507" s="53">
        <v>0</v>
      </c>
      <c r="AT507" s="53">
        <v>0</v>
      </c>
      <c r="AU507" s="53">
        <v>0</v>
      </c>
      <c r="AV507" s="53">
        <v>0</v>
      </c>
      <c r="AW507" s="53">
        <v>0</v>
      </c>
      <c r="AX507" s="53">
        <v>0</v>
      </c>
      <c r="AY507" s="53">
        <v>0</v>
      </c>
      <c r="AZ507" s="53">
        <v>0</v>
      </c>
      <c r="BA507" s="53">
        <v>0</v>
      </c>
    </row>
    <row r="508" spans="1:53">
      <c r="A508" s="52" t="s">
        <v>3018</v>
      </c>
      <c r="B508" s="53">
        <v>0</v>
      </c>
      <c r="C508" s="53">
        <v>0</v>
      </c>
      <c r="D508" s="53">
        <v>0</v>
      </c>
      <c r="E508" s="53">
        <v>0</v>
      </c>
      <c r="F508" s="53">
        <v>0</v>
      </c>
      <c r="G508" s="53">
        <v>0</v>
      </c>
      <c r="H508" s="53">
        <v>0</v>
      </c>
      <c r="I508" s="53">
        <v>0</v>
      </c>
      <c r="J508" s="53">
        <v>0</v>
      </c>
      <c r="K508" s="53">
        <v>0</v>
      </c>
      <c r="L508" s="53">
        <v>0</v>
      </c>
      <c r="M508" s="53">
        <v>0</v>
      </c>
      <c r="N508" s="53">
        <v>0</v>
      </c>
      <c r="O508" s="53">
        <v>0</v>
      </c>
      <c r="P508" s="53">
        <v>0</v>
      </c>
      <c r="Q508" s="53">
        <v>0</v>
      </c>
      <c r="R508" s="53">
        <v>0</v>
      </c>
      <c r="S508" s="53">
        <v>0</v>
      </c>
      <c r="T508" s="53">
        <v>0</v>
      </c>
      <c r="U508" s="53">
        <v>0</v>
      </c>
      <c r="V508" s="53">
        <v>0</v>
      </c>
      <c r="W508" s="53">
        <v>0</v>
      </c>
      <c r="X508" s="53">
        <v>0</v>
      </c>
      <c r="Y508" s="53">
        <v>0</v>
      </c>
      <c r="Z508" s="53">
        <v>0</v>
      </c>
      <c r="AA508" s="53">
        <v>0</v>
      </c>
      <c r="AB508" s="53">
        <v>0</v>
      </c>
      <c r="AC508" s="53">
        <v>0</v>
      </c>
      <c r="AD508" s="53">
        <v>0</v>
      </c>
      <c r="AE508" s="53">
        <v>0</v>
      </c>
      <c r="AF508" s="53">
        <v>0</v>
      </c>
      <c r="AG508" s="53">
        <v>0</v>
      </c>
      <c r="AH508" s="53">
        <v>0</v>
      </c>
      <c r="AI508" s="53">
        <v>0</v>
      </c>
      <c r="AJ508" s="53">
        <v>0</v>
      </c>
      <c r="AK508" s="53">
        <v>0</v>
      </c>
      <c r="AL508" s="53">
        <v>0</v>
      </c>
      <c r="AM508" s="53">
        <v>0</v>
      </c>
      <c r="AN508" s="53">
        <v>0</v>
      </c>
      <c r="AO508" s="53">
        <v>0</v>
      </c>
      <c r="AP508" s="53">
        <v>0</v>
      </c>
      <c r="AQ508" s="53">
        <v>0</v>
      </c>
      <c r="AR508" s="53">
        <v>0</v>
      </c>
      <c r="AS508" s="53">
        <v>0</v>
      </c>
      <c r="AT508" s="53">
        <v>0</v>
      </c>
      <c r="AU508" s="53">
        <v>0</v>
      </c>
      <c r="AV508" s="53">
        <v>0</v>
      </c>
      <c r="AW508" s="53">
        <v>0</v>
      </c>
      <c r="AX508" s="53">
        <v>0</v>
      </c>
      <c r="AY508" s="53">
        <v>0</v>
      </c>
      <c r="AZ508" s="53">
        <v>0</v>
      </c>
      <c r="BA508" s="53">
        <v>0</v>
      </c>
    </row>
    <row r="509" spans="1:53">
      <c r="A509" s="52" t="s">
        <v>3019</v>
      </c>
      <c r="B509" s="53">
        <v>0</v>
      </c>
      <c r="C509" s="53">
        <v>0</v>
      </c>
      <c r="D509" s="53">
        <v>0</v>
      </c>
      <c r="E509" s="53">
        <v>0</v>
      </c>
      <c r="F509" s="53">
        <v>0</v>
      </c>
      <c r="G509" s="53">
        <v>0</v>
      </c>
      <c r="H509" s="53">
        <v>0</v>
      </c>
      <c r="I509" s="53">
        <v>0</v>
      </c>
      <c r="J509" s="53">
        <v>0</v>
      </c>
      <c r="K509" s="53">
        <v>0</v>
      </c>
      <c r="L509" s="53">
        <v>0</v>
      </c>
      <c r="M509" s="53">
        <v>0</v>
      </c>
      <c r="N509" s="53">
        <v>0</v>
      </c>
      <c r="O509" s="53">
        <v>0</v>
      </c>
      <c r="P509" s="53">
        <v>0</v>
      </c>
      <c r="Q509" s="53">
        <v>0</v>
      </c>
      <c r="R509" s="53">
        <v>0</v>
      </c>
      <c r="S509" s="53">
        <v>0</v>
      </c>
      <c r="T509" s="53">
        <v>0</v>
      </c>
      <c r="U509" s="53">
        <v>0</v>
      </c>
      <c r="V509" s="53">
        <v>0</v>
      </c>
      <c r="W509" s="53">
        <v>0</v>
      </c>
      <c r="X509" s="53">
        <v>0</v>
      </c>
      <c r="Y509" s="53">
        <v>0</v>
      </c>
      <c r="Z509" s="53">
        <v>0</v>
      </c>
      <c r="AA509" s="53">
        <v>0</v>
      </c>
      <c r="AB509" s="53">
        <v>0</v>
      </c>
      <c r="AC509" s="53">
        <v>0</v>
      </c>
      <c r="AD509" s="53">
        <v>0</v>
      </c>
      <c r="AE509" s="53">
        <v>0</v>
      </c>
      <c r="AF509" s="53">
        <v>0</v>
      </c>
      <c r="AG509" s="53">
        <v>0</v>
      </c>
      <c r="AH509" s="53">
        <v>0</v>
      </c>
      <c r="AI509" s="53">
        <v>0</v>
      </c>
      <c r="AJ509" s="53">
        <v>0</v>
      </c>
      <c r="AK509" s="53">
        <v>0</v>
      </c>
      <c r="AL509" s="53">
        <v>0</v>
      </c>
      <c r="AM509" s="53">
        <v>0</v>
      </c>
      <c r="AN509" s="53">
        <v>0</v>
      </c>
      <c r="AO509" s="53">
        <v>0</v>
      </c>
      <c r="AP509" s="53">
        <v>0</v>
      </c>
      <c r="AQ509" s="53">
        <v>0</v>
      </c>
      <c r="AR509" s="53">
        <v>0</v>
      </c>
      <c r="AS509" s="53">
        <v>0</v>
      </c>
      <c r="AT509" s="53">
        <v>0</v>
      </c>
      <c r="AU509" s="53">
        <v>0</v>
      </c>
      <c r="AV509" s="53">
        <v>0</v>
      </c>
      <c r="AW509" s="53">
        <v>0</v>
      </c>
      <c r="AX509" s="53">
        <v>0</v>
      </c>
      <c r="AY509" s="53">
        <v>0</v>
      </c>
      <c r="AZ509" s="53">
        <v>0</v>
      </c>
      <c r="BA509" s="53">
        <v>0</v>
      </c>
    </row>
    <row r="510" spans="1:53">
      <c r="A510" s="58" t="s">
        <v>3020</v>
      </c>
      <c r="B510" s="53">
        <v>1124109148.80053</v>
      </c>
      <c r="C510" s="53">
        <v>1122808696.45065</v>
      </c>
      <c r="D510" s="53">
        <v>1101024276.0035501</v>
      </c>
      <c r="E510" s="53">
        <v>1051379221.63348</v>
      </c>
      <c r="F510" s="53">
        <v>983838746.71496105</v>
      </c>
      <c r="G510" s="53">
        <v>909027574.04762101</v>
      </c>
      <c r="H510" s="53">
        <v>830240071.82975399</v>
      </c>
      <c r="I510" s="53">
        <v>679737582.26708806</v>
      </c>
      <c r="J510" s="53">
        <v>597258255.35307503</v>
      </c>
      <c r="K510" s="53">
        <v>535697399.35303301</v>
      </c>
      <c r="L510" s="53">
        <v>506055467.07690501</v>
      </c>
      <c r="M510" s="53">
        <v>476470091.660043</v>
      </c>
      <c r="N510" s="53">
        <v>476470091.660043</v>
      </c>
      <c r="O510" s="53">
        <v>448555412.74345201</v>
      </c>
      <c r="P510" s="53">
        <v>474677067.55938399</v>
      </c>
      <c r="Q510" s="53">
        <v>491539499.35253102</v>
      </c>
      <c r="R510" s="53">
        <v>489944128.66194201</v>
      </c>
      <c r="S510" s="53">
        <v>482364772.50319201</v>
      </c>
      <c r="T510" s="53">
        <v>476543812.557549</v>
      </c>
      <c r="U510" s="53">
        <v>471148201.771303</v>
      </c>
      <c r="V510" s="53">
        <v>417329847.68668503</v>
      </c>
      <c r="W510" s="53">
        <v>411962167.72306198</v>
      </c>
      <c r="X510" s="53">
        <v>413782564.88137197</v>
      </c>
      <c r="Y510" s="53">
        <v>433713478.16105402</v>
      </c>
      <c r="Z510" s="53">
        <v>460666913.96776998</v>
      </c>
      <c r="AA510" s="53">
        <v>460666913.96776998</v>
      </c>
      <c r="AB510" s="53">
        <v>435285901.87904698</v>
      </c>
      <c r="AC510" s="53">
        <v>459746867.89993602</v>
      </c>
      <c r="AD510" s="53">
        <v>474154465.89071</v>
      </c>
      <c r="AE510" s="53">
        <v>470997866.68518001</v>
      </c>
      <c r="AF510" s="53">
        <v>464258097.28204799</v>
      </c>
      <c r="AG510" s="53">
        <v>459487076.293042</v>
      </c>
      <c r="AH510" s="53">
        <v>456440035.52705002</v>
      </c>
      <c r="AI510" s="53">
        <v>410002173.20852</v>
      </c>
      <c r="AJ510" s="53">
        <v>408409464.95295799</v>
      </c>
      <c r="AK510" s="53">
        <v>413784765.90908402</v>
      </c>
      <c r="AL510" s="53">
        <v>435491513.18385601</v>
      </c>
      <c r="AM510" s="53">
        <v>460666913.81880802</v>
      </c>
      <c r="AN510" s="53">
        <v>460666913.81880802</v>
      </c>
      <c r="AO510" s="53">
        <v>441310382.68574202</v>
      </c>
      <c r="AP510" s="53">
        <v>468742088.22609299</v>
      </c>
      <c r="AQ510" s="53">
        <v>488220197.85847998</v>
      </c>
      <c r="AR510" s="53">
        <v>490449484.53425503</v>
      </c>
      <c r="AS510" s="53">
        <v>486124942.36135602</v>
      </c>
      <c r="AT510" s="53">
        <v>478211369.38694799</v>
      </c>
      <c r="AU510" s="53">
        <v>471743880.10419798</v>
      </c>
      <c r="AV510" s="53">
        <v>423847690.34710801</v>
      </c>
      <c r="AW510" s="53">
        <v>421025601.88492799</v>
      </c>
      <c r="AX510" s="53">
        <v>424865082.09927398</v>
      </c>
      <c r="AY510" s="53">
        <v>438729445.68257898</v>
      </c>
      <c r="AZ510" s="53">
        <v>460759390.50187302</v>
      </c>
      <c r="BA510" s="53">
        <v>460759390.50187302</v>
      </c>
    </row>
    <row r="511" spans="1:53">
      <c r="A511" s="52" t="s">
        <v>3021</v>
      </c>
      <c r="B511" s="53">
        <v>0.40692111616635801</v>
      </c>
      <c r="C511" s="53">
        <v>0.40692111616635801</v>
      </c>
      <c r="D511" s="53">
        <v>0.40692111616635801</v>
      </c>
      <c r="E511" s="53">
        <v>0.40692111616635801</v>
      </c>
      <c r="F511" s="53">
        <v>0.40692111616635801</v>
      </c>
      <c r="G511" s="53">
        <v>0.40692111616635801</v>
      </c>
      <c r="H511" s="53">
        <v>0.40692111616635801</v>
      </c>
      <c r="I511" s="53">
        <v>0.40692111616635801</v>
      </c>
      <c r="J511" s="53">
        <v>0.40692111616635801</v>
      </c>
      <c r="K511" s="53">
        <v>0.40692111616635801</v>
      </c>
      <c r="L511" s="53">
        <v>0.40692111616635801</v>
      </c>
      <c r="M511" s="53">
        <v>0.40692111616635801</v>
      </c>
      <c r="N511" s="53">
        <v>0.40692111616635801</v>
      </c>
      <c r="O511" s="53">
        <v>0.40692111616635801</v>
      </c>
      <c r="P511" s="53">
        <v>0.40692111616635801</v>
      </c>
      <c r="Q511" s="53">
        <v>0.40692111616635801</v>
      </c>
      <c r="R511" s="53">
        <v>0.40692111616635801</v>
      </c>
      <c r="S511" s="53">
        <v>0.40692111616635801</v>
      </c>
      <c r="T511" s="53">
        <v>0.40692111616635801</v>
      </c>
      <c r="U511" s="53">
        <v>0.40692111616635801</v>
      </c>
      <c r="V511" s="53">
        <v>0.40692111616635801</v>
      </c>
      <c r="W511" s="53">
        <v>0.40692111616635801</v>
      </c>
      <c r="X511" s="53">
        <v>0.40692111616635801</v>
      </c>
      <c r="Y511" s="53">
        <v>0.40692111616635801</v>
      </c>
      <c r="Z511" s="53">
        <v>0.40692111616635801</v>
      </c>
      <c r="AA511" s="53">
        <v>0.40692111616635801</v>
      </c>
      <c r="AB511" s="53">
        <v>0.40692111616635801</v>
      </c>
      <c r="AC511" s="53">
        <v>0.40692111616635801</v>
      </c>
      <c r="AD511" s="53">
        <v>0.40692111616635801</v>
      </c>
      <c r="AE511" s="53">
        <v>0.40692111616635801</v>
      </c>
      <c r="AF511" s="53">
        <v>0.40692111616635801</v>
      </c>
      <c r="AG511" s="53">
        <v>0.40692111616635801</v>
      </c>
      <c r="AH511" s="53">
        <v>0.40692111616635801</v>
      </c>
      <c r="AI511" s="53">
        <v>0.40692111616635801</v>
      </c>
      <c r="AJ511" s="53">
        <v>0.40692111616635801</v>
      </c>
      <c r="AK511" s="53">
        <v>0.40692111616635801</v>
      </c>
      <c r="AL511" s="53">
        <v>0.40692111616635801</v>
      </c>
      <c r="AM511" s="53">
        <v>0.40692111616635801</v>
      </c>
      <c r="AN511" s="53">
        <v>0.40692111616635801</v>
      </c>
      <c r="AO511" s="53">
        <v>0.40692111616635801</v>
      </c>
      <c r="AP511" s="53">
        <v>0.40692111616635801</v>
      </c>
      <c r="AQ511" s="53">
        <v>0.40692111616635801</v>
      </c>
      <c r="AR511" s="53">
        <v>0.40692111616635801</v>
      </c>
      <c r="AS511" s="53">
        <v>0.40692111616635801</v>
      </c>
      <c r="AT511" s="53">
        <v>0.40692111616635801</v>
      </c>
      <c r="AU511" s="53">
        <v>0.40692111616635801</v>
      </c>
      <c r="AV511" s="53">
        <v>0.40692111616635801</v>
      </c>
      <c r="AW511" s="53">
        <v>0.40692111616635801</v>
      </c>
      <c r="AX511" s="53">
        <v>0.40692111616635801</v>
      </c>
      <c r="AY511" s="53">
        <v>0.40692111616635801</v>
      </c>
      <c r="AZ511" s="53">
        <v>0.40692111616635801</v>
      </c>
      <c r="BA511" s="53">
        <v>0.40692111616635801</v>
      </c>
    </row>
    <row r="512" spans="1:53">
      <c r="A512" s="52" t="s">
        <v>3022</v>
      </c>
      <c r="B512" s="53">
        <v>67697184.659685805</v>
      </c>
      <c r="C512" s="53">
        <v>67151239.633507699</v>
      </c>
      <c r="D512" s="53">
        <v>66605294.607329696</v>
      </c>
      <c r="E512" s="53">
        <v>66059349.581151702</v>
      </c>
      <c r="F512" s="53">
        <v>65513404.554973699</v>
      </c>
      <c r="G512" s="53">
        <v>64967459.528795697</v>
      </c>
      <c r="H512" s="53">
        <v>64421514.502617702</v>
      </c>
      <c r="I512" s="53">
        <v>63875569.4764397</v>
      </c>
      <c r="J512" s="53">
        <v>63329624.450261697</v>
      </c>
      <c r="K512" s="53">
        <v>62783679.424083702</v>
      </c>
      <c r="L512" s="53">
        <v>62237734.3979057</v>
      </c>
      <c r="M512" s="53">
        <v>61691789.371727698</v>
      </c>
      <c r="N512" s="53">
        <v>61691789.371727698</v>
      </c>
      <c r="O512" s="53">
        <v>61145844.345549598</v>
      </c>
      <c r="P512" s="53">
        <v>60599899.319371603</v>
      </c>
      <c r="Q512" s="53">
        <v>60053954.293193601</v>
      </c>
      <c r="R512" s="53">
        <v>59508009.267015599</v>
      </c>
      <c r="S512" s="53">
        <v>58962064.240837596</v>
      </c>
      <c r="T512" s="53">
        <v>58416119.214659601</v>
      </c>
      <c r="U512" s="53">
        <v>57870174.188481599</v>
      </c>
      <c r="V512" s="53">
        <v>57324229.162303597</v>
      </c>
      <c r="W512" s="53">
        <v>56778284.136125602</v>
      </c>
      <c r="X512" s="53">
        <v>56232339.109947599</v>
      </c>
      <c r="Y512" s="53">
        <v>55686394.083769597</v>
      </c>
      <c r="Z512" s="53">
        <v>55140449.057591602</v>
      </c>
      <c r="AA512" s="53">
        <v>55140449.057591602</v>
      </c>
      <c r="AB512" s="53">
        <v>54594504.0314136</v>
      </c>
      <c r="AC512" s="53">
        <v>54048559.005235597</v>
      </c>
      <c r="AD512" s="53">
        <v>53502613.979057498</v>
      </c>
      <c r="AE512" s="53">
        <v>52956668.952879503</v>
      </c>
      <c r="AF512" s="53">
        <v>52410723.926701501</v>
      </c>
      <c r="AG512" s="53">
        <v>51864778.900523499</v>
      </c>
      <c r="AH512" s="53">
        <v>51318833.874345496</v>
      </c>
      <c r="AI512" s="53">
        <v>50772888.848167501</v>
      </c>
      <c r="AJ512" s="53">
        <v>50226943.821989499</v>
      </c>
      <c r="AK512" s="53">
        <v>49680998.795811497</v>
      </c>
      <c r="AL512" s="53">
        <v>49135053.769633502</v>
      </c>
      <c r="AM512" s="53">
        <v>48589108.743455499</v>
      </c>
      <c r="AN512" s="53">
        <v>48589108.743455499</v>
      </c>
      <c r="AO512" s="53">
        <v>48043163.717277497</v>
      </c>
      <c r="AP512" s="53">
        <v>47497218.691099502</v>
      </c>
      <c r="AQ512" s="53">
        <v>46951273.6649215</v>
      </c>
      <c r="AR512" s="53">
        <v>46405328.638743401</v>
      </c>
      <c r="AS512" s="53">
        <v>45859383.612565398</v>
      </c>
      <c r="AT512" s="53">
        <v>45313438.586387403</v>
      </c>
      <c r="AU512" s="53">
        <v>44767493.560209401</v>
      </c>
      <c r="AV512" s="53">
        <v>44221548.534031399</v>
      </c>
      <c r="AW512" s="53">
        <v>43675603.507853404</v>
      </c>
      <c r="AX512" s="53">
        <v>43129658.481675401</v>
      </c>
      <c r="AY512" s="53">
        <v>42583713.455497399</v>
      </c>
      <c r="AZ512" s="53">
        <v>42037768.429319397</v>
      </c>
      <c r="BA512" s="53">
        <v>42037768.429319397</v>
      </c>
    </row>
    <row r="513" spans="1:53">
      <c r="A513" s="52" t="s">
        <v>3023</v>
      </c>
      <c r="B513" s="53">
        <v>0</v>
      </c>
      <c r="C513" s="53">
        <v>0</v>
      </c>
      <c r="D513" s="53">
        <v>0</v>
      </c>
      <c r="E513" s="53">
        <v>0</v>
      </c>
      <c r="F513" s="53">
        <v>0</v>
      </c>
      <c r="G513" s="53">
        <v>0</v>
      </c>
      <c r="H513" s="53">
        <v>0</v>
      </c>
      <c r="I513" s="53">
        <v>0</v>
      </c>
      <c r="J513" s="53">
        <v>0</v>
      </c>
      <c r="K513" s="53">
        <v>0</v>
      </c>
      <c r="L513" s="53">
        <v>0</v>
      </c>
      <c r="M513" s="53">
        <v>0</v>
      </c>
      <c r="N513" s="53">
        <v>0</v>
      </c>
      <c r="O513" s="53">
        <v>0</v>
      </c>
      <c r="P513" s="53">
        <v>0</v>
      </c>
      <c r="Q513" s="53">
        <v>0</v>
      </c>
      <c r="R513" s="53">
        <v>0</v>
      </c>
      <c r="S513" s="53">
        <v>0</v>
      </c>
      <c r="T513" s="53">
        <v>0</v>
      </c>
      <c r="U513" s="53">
        <v>0</v>
      </c>
      <c r="V513" s="53">
        <v>0</v>
      </c>
      <c r="W513" s="53">
        <v>0</v>
      </c>
      <c r="X513" s="53">
        <v>0</v>
      </c>
      <c r="Y513" s="53">
        <v>0</v>
      </c>
      <c r="Z513" s="53">
        <v>0</v>
      </c>
      <c r="AA513" s="53">
        <v>0</v>
      </c>
      <c r="AB513" s="53">
        <v>0</v>
      </c>
      <c r="AC513" s="53">
        <v>0</v>
      </c>
      <c r="AD513" s="53">
        <v>0</v>
      </c>
      <c r="AE513" s="53">
        <v>0</v>
      </c>
      <c r="AF513" s="53">
        <v>0</v>
      </c>
      <c r="AG513" s="53">
        <v>0</v>
      </c>
      <c r="AH513" s="53">
        <v>0</v>
      </c>
      <c r="AI513" s="53">
        <v>0</v>
      </c>
      <c r="AJ513" s="53">
        <v>0</v>
      </c>
      <c r="AK513" s="53">
        <v>0</v>
      </c>
      <c r="AL513" s="53">
        <v>0</v>
      </c>
      <c r="AM513" s="53">
        <v>0</v>
      </c>
      <c r="AN513" s="53">
        <v>0</v>
      </c>
      <c r="AO513" s="53">
        <v>0</v>
      </c>
      <c r="AP513" s="53">
        <v>0</v>
      </c>
      <c r="AQ513" s="53">
        <v>0</v>
      </c>
      <c r="AR513" s="53">
        <v>0</v>
      </c>
      <c r="AS513" s="53">
        <v>0</v>
      </c>
      <c r="AT513" s="53">
        <v>0</v>
      </c>
      <c r="AU513" s="53">
        <v>0</v>
      </c>
      <c r="AV513" s="53">
        <v>0</v>
      </c>
      <c r="AW513" s="53">
        <v>0</v>
      </c>
      <c r="AX513" s="53">
        <v>0</v>
      </c>
      <c r="AY513" s="53">
        <v>0</v>
      </c>
      <c r="AZ513" s="53">
        <v>0</v>
      </c>
      <c r="BA513" s="53">
        <v>0</v>
      </c>
    </row>
    <row r="514" spans="1:53">
      <c r="A514" s="52" t="s">
        <v>3024</v>
      </c>
      <c r="B514" s="53">
        <v>1113622.8931249999</v>
      </c>
      <c r="C514" s="53">
        <v>1065204.50875</v>
      </c>
      <c r="D514" s="53">
        <v>1016786.124375</v>
      </c>
      <c r="E514" s="53">
        <v>968367.74</v>
      </c>
      <c r="F514" s="53">
        <v>919949.35562499997</v>
      </c>
      <c r="G514" s="53">
        <v>871530.97124999994</v>
      </c>
      <c r="H514" s="53">
        <v>823112.58687500004</v>
      </c>
      <c r="I514" s="53">
        <v>774694.20250000001</v>
      </c>
      <c r="J514" s="53">
        <v>726275.81812499999</v>
      </c>
      <c r="K514" s="53">
        <v>677857.43374999997</v>
      </c>
      <c r="L514" s="53">
        <v>629439.04937499994</v>
      </c>
      <c r="M514" s="53">
        <v>581020.66500000097</v>
      </c>
      <c r="N514" s="53">
        <v>581020.66500000097</v>
      </c>
      <c r="O514" s="53">
        <v>532602.28062500095</v>
      </c>
      <c r="P514" s="53">
        <v>484183.89624999999</v>
      </c>
      <c r="Q514" s="53">
        <v>435765.51187500003</v>
      </c>
      <c r="R514" s="53">
        <v>387347.1275</v>
      </c>
      <c r="S514" s="53">
        <v>338928.74312499998</v>
      </c>
      <c r="T514" s="53">
        <v>290510.35875000001</v>
      </c>
      <c r="U514" s="53">
        <v>242091.97437499999</v>
      </c>
      <c r="V514" s="53">
        <v>193673.59</v>
      </c>
      <c r="W514" s="53">
        <v>145255.205625</v>
      </c>
      <c r="X514" s="53">
        <v>96836.821250000794</v>
      </c>
      <c r="Y514" s="53">
        <v>48418.4368750008</v>
      </c>
      <c r="Z514" s="53">
        <v>5.2500000819577501E-2</v>
      </c>
      <c r="AA514" s="53">
        <v>5.2500000819577501E-2</v>
      </c>
      <c r="AB514" s="53">
        <v>5.2500000819577501E-2</v>
      </c>
      <c r="AC514" s="53">
        <v>5.2500000819577501E-2</v>
      </c>
      <c r="AD514" s="53">
        <v>5.2500000819577501E-2</v>
      </c>
      <c r="AE514" s="53">
        <v>5.2500000819577501E-2</v>
      </c>
      <c r="AF514" s="53">
        <v>5.2500000819577501E-2</v>
      </c>
      <c r="AG514" s="53">
        <v>5.2500000819577501E-2</v>
      </c>
      <c r="AH514" s="53">
        <v>5.2500000819577501E-2</v>
      </c>
      <c r="AI514" s="53">
        <v>5.2500000819577501E-2</v>
      </c>
      <c r="AJ514" s="53">
        <v>5.2500000819577501E-2</v>
      </c>
      <c r="AK514" s="53">
        <v>5.2500000819577501E-2</v>
      </c>
      <c r="AL514" s="53">
        <v>5.2500000819577501E-2</v>
      </c>
      <c r="AM514" s="53">
        <v>5.2500000819577501E-2</v>
      </c>
      <c r="AN514" s="53">
        <v>5.2500000819577501E-2</v>
      </c>
      <c r="AO514" s="53">
        <v>5.2500000819577501E-2</v>
      </c>
      <c r="AP514" s="53">
        <v>5.2500000819577501E-2</v>
      </c>
      <c r="AQ514" s="53">
        <v>5.2500000819577501E-2</v>
      </c>
      <c r="AR514" s="53">
        <v>5.2500000819577501E-2</v>
      </c>
      <c r="AS514" s="53">
        <v>5.2500000819577501E-2</v>
      </c>
      <c r="AT514" s="53">
        <v>5.2500000819577501E-2</v>
      </c>
      <c r="AU514" s="53">
        <v>5.2500000819577501E-2</v>
      </c>
      <c r="AV514" s="53">
        <v>5.2500000819577501E-2</v>
      </c>
      <c r="AW514" s="53">
        <v>5.2500000819577501E-2</v>
      </c>
      <c r="AX514" s="53">
        <v>5.2500000819577501E-2</v>
      </c>
      <c r="AY514" s="53">
        <v>5.2500000819577501E-2</v>
      </c>
      <c r="AZ514" s="53">
        <v>5.2500000819577501E-2</v>
      </c>
      <c r="BA514" s="53">
        <v>5.2500000819577501E-2</v>
      </c>
    </row>
    <row r="515" spans="1:53">
      <c r="A515" s="52" t="s">
        <v>3025</v>
      </c>
      <c r="B515" s="53">
        <v>1.30963296102493</v>
      </c>
      <c r="C515" s="53">
        <v>1.4405962891430499</v>
      </c>
      <c r="D515" s="53">
        <v>1.5715595372256499</v>
      </c>
      <c r="E515" s="53">
        <v>1.57155954946119</v>
      </c>
      <c r="F515" s="53">
        <v>1.5715595895500201</v>
      </c>
      <c r="G515" s="53">
        <v>1.5715596398706499</v>
      </c>
      <c r="H515" s="53">
        <v>1.57155959503541</v>
      </c>
      <c r="I515" s="53">
        <v>1.5715596419454401</v>
      </c>
      <c r="J515" s="53">
        <v>1.57155960040711</v>
      </c>
      <c r="K515" s="53">
        <v>1.5715596200323001</v>
      </c>
      <c r="L515" s="53">
        <v>1.57155961055366</v>
      </c>
      <c r="M515" s="53">
        <v>1.57155957811028</v>
      </c>
      <c r="N515" s="53">
        <v>1.57155957811028</v>
      </c>
      <c r="O515" s="53">
        <v>1.5715594960852199</v>
      </c>
      <c r="P515" s="53">
        <v>1.5715596471181901</v>
      </c>
      <c r="Q515" s="53">
        <v>1.5715596189807</v>
      </c>
      <c r="R515" s="53">
        <v>1.57155965359834</v>
      </c>
      <c r="S515" s="53">
        <v>1.5715596882159799</v>
      </c>
      <c r="T515" s="53">
        <v>1.57155966007849</v>
      </c>
      <c r="U515" s="53">
        <v>1.5715596946961301</v>
      </c>
      <c r="V515" s="53">
        <v>1.57155972976852</v>
      </c>
      <c r="W515" s="53">
        <v>1.5715596868233199</v>
      </c>
      <c r="X515" s="53">
        <v>1.5715596409790999</v>
      </c>
      <c r="Y515" s="53">
        <v>1.57155959513488</v>
      </c>
      <c r="Z515" s="53">
        <v>1.5715596029508501</v>
      </c>
      <c r="AA515" s="53">
        <v>1.5715596029508501</v>
      </c>
      <c r="AB515" s="53">
        <v>1.57155958109456</v>
      </c>
      <c r="AC515" s="53">
        <v>1.57155955946564</v>
      </c>
      <c r="AD515" s="53">
        <v>1.57155959161059</v>
      </c>
      <c r="AE515" s="53">
        <v>1.57155957009536</v>
      </c>
      <c r="AF515" s="53">
        <v>1.5715595485801199</v>
      </c>
      <c r="AG515" s="53">
        <v>1.57155958072507</v>
      </c>
      <c r="AH515" s="53">
        <v>1.5715595592098399</v>
      </c>
      <c r="AI515" s="53">
        <v>1.5715595378082901</v>
      </c>
      <c r="AJ515" s="53">
        <v>1.5715596863685699</v>
      </c>
      <c r="AK515" s="53">
        <v>1.5715595483243301</v>
      </c>
      <c r="AL515" s="53">
        <v>1.57155952692278</v>
      </c>
      <c r="AM515" s="53">
        <v>1.57155955906773</v>
      </c>
      <c r="AN515" s="53">
        <v>1.57155955906773</v>
      </c>
      <c r="AO515" s="53">
        <v>1.5715595334171399</v>
      </c>
      <c r="AP515" s="53">
        <v>1.5715595077665501</v>
      </c>
      <c r="AQ515" s="53">
        <v>1.57155953588983</v>
      </c>
      <c r="AR515" s="53">
        <v>1.5715595102392399</v>
      </c>
      <c r="AS515" s="53">
        <v>1.57155948458864</v>
      </c>
      <c r="AT515" s="53">
        <v>1.57155951271192</v>
      </c>
      <c r="AU515" s="53">
        <v>1.5715595045691</v>
      </c>
      <c r="AV515" s="53">
        <v>1.57155951370668</v>
      </c>
      <c r="AW515" s="53">
        <v>1.5715594845317999</v>
      </c>
      <c r="AX515" s="53">
        <v>1.57155949366938</v>
      </c>
      <c r="AY515" s="53">
        <v>1.57155950280696</v>
      </c>
      <c r="AZ515" s="53">
        <v>1.57155951194454</v>
      </c>
      <c r="BA515" s="53">
        <v>1.57155951194454</v>
      </c>
    </row>
    <row r="516" spans="1:53">
      <c r="A516" s="52" t="s">
        <v>3026</v>
      </c>
      <c r="B516" s="53">
        <v>0</v>
      </c>
      <c r="C516" s="53">
        <v>0</v>
      </c>
      <c r="D516" s="53">
        <v>0</v>
      </c>
      <c r="E516" s="53">
        <v>0</v>
      </c>
      <c r="F516" s="53">
        <v>0</v>
      </c>
      <c r="G516" s="53">
        <v>0</v>
      </c>
      <c r="H516" s="53">
        <v>0</v>
      </c>
      <c r="I516" s="53">
        <v>0</v>
      </c>
      <c r="J516" s="53">
        <v>0</v>
      </c>
      <c r="K516" s="53">
        <v>0</v>
      </c>
      <c r="L516" s="53">
        <v>0</v>
      </c>
      <c r="M516" s="53">
        <v>0</v>
      </c>
      <c r="N516" s="53">
        <v>0</v>
      </c>
      <c r="O516" s="53">
        <v>0</v>
      </c>
      <c r="P516" s="53">
        <v>0</v>
      </c>
      <c r="Q516" s="53">
        <v>0</v>
      </c>
      <c r="R516" s="53">
        <v>0</v>
      </c>
      <c r="S516" s="53">
        <v>0</v>
      </c>
      <c r="T516" s="53">
        <v>0</v>
      </c>
      <c r="U516" s="53">
        <v>0</v>
      </c>
      <c r="V516" s="53">
        <v>0</v>
      </c>
      <c r="W516" s="53">
        <v>0</v>
      </c>
      <c r="X516" s="53">
        <v>0</v>
      </c>
      <c r="Y516" s="53">
        <v>0</v>
      </c>
      <c r="Z516" s="53">
        <v>0</v>
      </c>
      <c r="AA516" s="53">
        <v>0</v>
      </c>
      <c r="AB516" s="53">
        <v>0</v>
      </c>
      <c r="AC516" s="53">
        <v>0</v>
      </c>
      <c r="AD516" s="53">
        <v>0</v>
      </c>
      <c r="AE516" s="53">
        <v>0</v>
      </c>
      <c r="AF516" s="53">
        <v>0</v>
      </c>
      <c r="AG516" s="53">
        <v>0</v>
      </c>
      <c r="AH516" s="53">
        <v>0</v>
      </c>
      <c r="AI516" s="53">
        <v>0</v>
      </c>
      <c r="AJ516" s="53">
        <v>0</v>
      </c>
      <c r="AK516" s="53">
        <v>0</v>
      </c>
      <c r="AL516" s="53">
        <v>0</v>
      </c>
      <c r="AM516" s="53">
        <v>0</v>
      </c>
      <c r="AN516" s="53">
        <v>0</v>
      </c>
      <c r="AO516" s="53">
        <v>0</v>
      </c>
      <c r="AP516" s="53">
        <v>0</v>
      </c>
      <c r="AQ516" s="53">
        <v>0</v>
      </c>
      <c r="AR516" s="53">
        <v>0</v>
      </c>
      <c r="AS516" s="53">
        <v>0</v>
      </c>
      <c r="AT516" s="53">
        <v>0</v>
      </c>
      <c r="AU516" s="53">
        <v>0</v>
      </c>
      <c r="AV516" s="53">
        <v>0</v>
      </c>
      <c r="AW516" s="53">
        <v>0</v>
      </c>
      <c r="AX516" s="53">
        <v>0</v>
      </c>
      <c r="AY516" s="53">
        <v>0</v>
      </c>
      <c r="AZ516" s="53">
        <v>0</v>
      </c>
      <c r="BA516" s="53">
        <v>0</v>
      </c>
    </row>
    <row r="517" spans="1:53">
      <c r="A517" s="58" t="s">
        <v>3027</v>
      </c>
      <c r="B517" s="134">
        <v>1923401330.70399</v>
      </c>
      <c r="C517" s="134">
        <v>1924396521.6940701</v>
      </c>
      <c r="D517" s="134">
        <v>1903338640.7669301</v>
      </c>
      <c r="E517" s="134">
        <v>1855993146.60585</v>
      </c>
      <c r="F517" s="134">
        <v>1790759185.8963201</v>
      </c>
      <c r="G517" s="134">
        <v>1716688817.61797</v>
      </c>
      <c r="H517" s="134">
        <v>1640215913.6091001</v>
      </c>
      <c r="I517" s="134">
        <v>1492030546.25543</v>
      </c>
      <c r="J517" s="134">
        <v>1410295749.7304101</v>
      </c>
      <c r="K517" s="134">
        <v>1351053311.9393599</v>
      </c>
      <c r="L517" s="134">
        <v>1323735865.87222</v>
      </c>
      <c r="M517" s="134">
        <v>1294906775.8443601</v>
      </c>
      <c r="N517" s="134">
        <v>1294906775.8443601</v>
      </c>
      <c r="O517" s="134">
        <v>1238194312.13676</v>
      </c>
      <c r="P517" s="134">
        <v>1264518182.16168</v>
      </c>
      <c r="Q517" s="134">
        <v>1280012490.3438201</v>
      </c>
      <c r="R517" s="134">
        <v>1278619334.8622301</v>
      </c>
      <c r="S517" s="134">
        <v>1271242193.9124701</v>
      </c>
      <c r="T517" s="134">
        <v>1264053110.3558199</v>
      </c>
      <c r="U517" s="134">
        <v>1258859714.7785699</v>
      </c>
      <c r="V517" s="134">
        <v>1205243575.90294</v>
      </c>
      <c r="W517" s="134">
        <v>1198507772.32831</v>
      </c>
      <c r="X517" s="134">
        <v>1200530384.6956201</v>
      </c>
      <c r="Y517" s="134">
        <v>1220663513.1842899</v>
      </c>
      <c r="Z517" s="134">
        <v>1246248825.3800001</v>
      </c>
      <c r="AA517" s="134">
        <v>1246248825.3800001</v>
      </c>
      <c r="AB517" s="134">
        <v>1220315916.88465</v>
      </c>
      <c r="AC517" s="134">
        <v>1244224986.4988999</v>
      </c>
      <c r="AD517" s="134">
        <v>1256510349.2630401</v>
      </c>
      <c r="AE517" s="134">
        <v>1252801853.6508801</v>
      </c>
      <c r="AF517" s="134">
        <v>1245510187.84112</v>
      </c>
      <c r="AG517" s="134">
        <v>1238616931.6254799</v>
      </c>
      <c r="AH517" s="134">
        <v>1235017994.4528601</v>
      </c>
      <c r="AI517" s="134">
        <v>1188028235.7277</v>
      </c>
      <c r="AJ517" s="134">
        <v>1184313292.2455001</v>
      </c>
      <c r="AK517" s="134">
        <v>1189136696.7950001</v>
      </c>
      <c r="AL517" s="134">
        <v>1210291547.6631401</v>
      </c>
      <c r="AM517" s="134">
        <v>1233344713.07146</v>
      </c>
      <c r="AN517" s="134">
        <v>1233344713.07146</v>
      </c>
      <c r="AO517" s="134">
        <v>1212472679.03176</v>
      </c>
      <c r="AP517" s="134">
        <v>1238388881.6654799</v>
      </c>
      <c r="AQ517" s="134">
        <v>1254781149.5712299</v>
      </c>
      <c r="AR517" s="134">
        <v>1255494933.34038</v>
      </c>
      <c r="AS517" s="134">
        <v>1249654888.26085</v>
      </c>
      <c r="AT517" s="134">
        <v>1238655473.5598099</v>
      </c>
      <c r="AU517" s="134">
        <v>1230664074.4305699</v>
      </c>
      <c r="AV517" s="134">
        <v>1181235567.88715</v>
      </c>
      <c r="AW517" s="134">
        <v>1176019796.6386399</v>
      </c>
      <c r="AX517" s="134">
        <v>1178326960.0666599</v>
      </c>
      <c r="AY517" s="134">
        <v>1190659006.8636301</v>
      </c>
      <c r="AZ517" s="134">
        <v>1211156634.89659</v>
      </c>
      <c r="BA517" s="134">
        <v>1211156634.89659</v>
      </c>
    </row>
    <row r="518" spans="1:53">
      <c r="A518" s="52" t="s">
        <v>3028</v>
      </c>
    </row>
    <row r="519" spans="1:53">
      <c r="A519" s="57" t="s">
        <v>3029</v>
      </c>
    </row>
    <row r="520" spans="1:53">
      <c r="A520" s="52" t="s">
        <v>3030</v>
      </c>
      <c r="B520" s="53">
        <v>5261412.97</v>
      </c>
      <c r="C520" s="53">
        <v>5261412.97</v>
      </c>
      <c r="D520" s="53">
        <v>5261412.97</v>
      </c>
      <c r="E520" s="53">
        <v>5261412.97</v>
      </c>
      <c r="F520" s="53">
        <v>5261412.97</v>
      </c>
      <c r="G520" s="53">
        <v>5261412.97</v>
      </c>
      <c r="H520" s="53">
        <v>5261412.97</v>
      </c>
      <c r="I520" s="53">
        <v>5261412.97</v>
      </c>
      <c r="J520" s="53">
        <v>5261412.97</v>
      </c>
      <c r="K520" s="53">
        <v>5261412.97</v>
      </c>
      <c r="L520" s="53">
        <v>5261412.97</v>
      </c>
      <c r="M520" s="53">
        <v>5261412.97</v>
      </c>
      <c r="N520" s="53">
        <v>5261412.97</v>
      </c>
      <c r="O520" s="53">
        <v>5261412.97</v>
      </c>
      <c r="P520" s="53">
        <v>5261412.97</v>
      </c>
      <c r="Q520" s="53">
        <v>5261412.97</v>
      </c>
      <c r="R520" s="53">
        <v>5261412.97</v>
      </c>
      <c r="S520" s="53">
        <v>5261412.97</v>
      </c>
      <c r="T520" s="53">
        <v>5261412.97</v>
      </c>
      <c r="U520" s="53">
        <v>5261412.97</v>
      </c>
      <c r="V520" s="53">
        <v>5261412.97</v>
      </c>
      <c r="W520" s="53">
        <v>5261412.97</v>
      </c>
      <c r="X520" s="53">
        <v>5261412.97</v>
      </c>
      <c r="Y520" s="53">
        <v>5261412.97</v>
      </c>
      <c r="Z520" s="53">
        <v>5261412.97</v>
      </c>
      <c r="AA520" s="53">
        <v>5261412.97</v>
      </c>
      <c r="AB520" s="53">
        <v>5261412.97</v>
      </c>
      <c r="AC520" s="53">
        <v>5261412.97</v>
      </c>
      <c r="AD520" s="53">
        <v>5261412.97</v>
      </c>
      <c r="AE520" s="53">
        <v>5261412.97</v>
      </c>
      <c r="AF520" s="53">
        <v>5261412.97</v>
      </c>
      <c r="AG520" s="53">
        <v>5261412.97</v>
      </c>
      <c r="AH520" s="53">
        <v>5261412.97</v>
      </c>
      <c r="AI520" s="53">
        <v>5261412.97</v>
      </c>
      <c r="AJ520" s="53">
        <v>5261412.97</v>
      </c>
      <c r="AK520" s="53">
        <v>5261412.97</v>
      </c>
      <c r="AL520" s="53">
        <v>5261412.97</v>
      </c>
      <c r="AM520" s="53">
        <v>5261412.97</v>
      </c>
      <c r="AN520" s="53">
        <v>5261412.97</v>
      </c>
      <c r="AO520" s="53">
        <v>5261412.97</v>
      </c>
      <c r="AP520" s="53">
        <v>5261412.97</v>
      </c>
      <c r="AQ520" s="53">
        <v>5261412.97</v>
      </c>
      <c r="AR520" s="53">
        <v>5261412.97</v>
      </c>
      <c r="AS520" s="53">
        <v>5261412.97</v>
      </c>
      <c r="AT520" s="53">
        <v>5261412.97</v>
      </c>
      <c r="AU520" s="53">
        <v>5261412.97</v>
      </c>
      <c r="AV520" s="53">
        <v>5261412.97</v>
      </c>
      <c r="AW520" s="53">
        <v>5261412.97</v>
      </c>
      <c r="AX520" s="53">
        <v>5261412.97</v>
      </c>
      <c r="AY520" s="53">
        <v>5261412.97</v>
      </c>
      <c r="AZ520" s="53">
        <v>5261412.97</v>
      </c>
      <c r="BA520" s="53">
        <v>5261412.97</v>
      </c>
    </row>
    <row r="521" spans="1:53">
      <c r="A521" s="52" t="s">
        <v>3031</v>
      </c>
      <c r="B521" s="53">
        <v>0</v>
      </c>
      <c r="C521" s="53">
        <v>0</v>
      </c>
      <c r="D521" s="53">
        <v>0</v>
      </c>
      <c r="E521" s="53">
        <v>0</v>
      </c>
      <c r="F521" s="53">
        <v>0</v>
      </c>
      <c r="G521" s="53">
        <v>0</v>
      </c>
      <c r="H521" s="53">
        <v>0</v>
      </c>
      <c r="I521" s="53">
        <v>0</v>
      </c>
      <c r="J521" s="53">
        <v>0</v>
      </c>
      <c r="K521" s="53">
        <v>0</v>
      </c>
      <c r="L521" s="53">
        <v>0</v>
      </c>
      <c r="M521" s="53">
        <v>0</v>
      </c>
      <c r="N521" s="53">
        <v>0</v>
      </c>
      <c r="O521" s="53">
        <v>0</v>
      </c>
      <c r="P521" s="53">
        <v>0</v>
      </c>
      <c r="Q521" s="53">
        <v>0</v>
      </c>
      <c r="R521" s="53">
        <v>0</v>
      </c>
      <c r="S521" s="53">
        <v>0</v>
      </c>
      <c r="T521" s="53">
        <v>0</v>
      </c>
      <c r="U521" s="53">
        <v>0</v>
      </c>
      <c r="V521" s="53">
        <v>0</v>
      </c>
      <c r="W521" s="53">
        <v>0</v>
      </c>
      <c r="X521" s="53">
        <v>0</v>
      </c>
      <c r="Y521" s="53">
        <v>0</v>
      </c>
      <c r="Z521" s="53">
        <v>0</v>
      </c>
      <c r="AA521" s="53">
        <v>0</v>
      </c>
      <c r="AB521" s="53">
        <v>0</v>
      </c>
      <c r="AC521" s="53">
        <v>0</v>
      </c>
      <c r="AD521" s="53">
        <v>0</v>
      </c>
      <c r="AE521" s="53">
        <v>0</v>
      </c>
      <c r="AF521" s="53">
        <v>0</v>
      </c>
      <c r="AG521" s="53">
        <v>0</v>
      </c>
      <c r="AH521" s="53">
        <v>0</v>
      </c>
      <c r="AI521" s="53">
        <v>0</v>
      </c>
      <c r="AJ521" s="53">
        <v>0</v>
      </c>
      <c r="AK521" s="53">
        <v>0</v>
      </c>
      <c r="AL521" s="53">
        <v>0</v>
      </c>
      <c r="AM521" s="53">
        <v>0</v>
      </c>
      <c r="AN521" s="53">
        <v>0</v>
      </c>
      <c r="AO521" s="53">
        <v>0</v>
      </c>
      <c r="AP521" s="53">
        <v>0</v>
      </c>
      <c r="AQ521" s="53">
        <v>0</v>
      </c>
      <c r="AR521" s="53">
        <v>0</v>
      </c>
      <c r="AS521" s="53">
        <v>0</v>
      </c>
      <c r="AT521" s="53">
        <v>0</v>
      </c>
      <c r="AU521" s="53">
        <v>0</v>
      </c>
      <c r="AV521" s="53">
        <v>0</v>
      </c>
      <c r="AW521" s="53">
        <v>0</v>
      </c>
      <c r="AX521" s="53">
        <v>0</v>
      </c>
      <c r="AY521" s="53">
        <v>0</v>
      </c>
      <c r="AZ521" s="53">
        <v>0</v>
      </c>
      <c r="BA521" s="53">
        <v>0</v>
      </c>
    </row>
    <row r="522" spans="1:53">
      <c r="A522" s="58" t="s">
        <v>3032</v>
      </c>
      <c r="B522" s="134">
        <v>5261412.97</v>
      </c>
      <c r="C522" s="134">
        <v>5261412.97</v>
      </c>
      <c r="D522" s="134">
        <v>5261412.97</v>
      </c>
      <c r="E522" s="134">
        <v>5261412.97</v>
      </c>
      <c r="F522" s="134">
        <v>5261412.97</v>
      </c>
      <c r="G522" s="134">
        <v>5261412.97</v>
      </c>
      <c r="H522" s="134">
        <v>5261412.97</v>
      </c>
      <c r="I522" s="134">
        <v>5261412.97</v>
      </c>
      <c r="J522" s="134">
        <v>5261412.97</v>
      </c>
      <c r="K522" s="134">
        <v>5261412.97</v>
      </c>
      <c r="L522" s="134">
        <v>5261412.97</v>
      </c>
      <c r="M522" s="134">
        <v>5261412.97</v>
      </c>
      <c r="N522" s="134">
        <v>5261412.97</v>
      </c>
      <c r="O522" s="134">
        <v>5261412.97</v>
      </c>
      <c r="P522" s="134">
        <v>5261412.97</v>
      </c>
      <c r="Q522" s="134">
        <v>5261412.97</v>
      </c>
      <c r="R522" s="134">
        <v>5261412.97</v>
      </c>
      <c r="S522" s="134">
        <v>5261412.97</v>
      </c>
      <c r="T522" s="134">
        <v>5261412.97</v>
      </c>
      <c r="U522" s="134">
        <v>5261412.97</v>
      </c>
      <c r="V522" s="134">
        <v>5261412.97</v>
      </c>
      <c r="W522" s="134">
        <v>5261412.97</v>
      </c>
      <c r="X522" s="134">
        <v>5261412.97</v>
      </c>
      <c r="Y522" s="134">
        <v>5261412.97</v>
      </c>
      <c r="Z522" s="134">
        <v>5261412.97</v>
      </c>
      <c r="AA522" s="134">
        <v>5261412.97</v>
      </c>
      <c r="AB522" s="134">
        <v>5261412.97</v>
      </c>
      <c r="AC522" s="134">
        <v>5261412.97</v>
      </c>
      <c r="AD522" s="134">
        <v>5261412.97</v>
      </c>
      <c r="AE522" s="134">
        <v>5261412.97</v>
      </c>
      <c r="AF522" s="134">
        <v>5261412.97</v>
      </c>
      <c r="AG522" s="134">
        <v>5261412.97</v>
      </c>
      <c r="AH522" s="134">
        <v>5261412.97</v>
      </c>
      <c r="AI522" s="134">
        <v>5261412.97</v>
      </c>
      <c r="AJ522" s="134">
        <v>5261412.97</v>
      </c>
      <c r="AK522" s="134">
        <v>5261412.97</v>
      </c>
      <c r="AL522" s="134">
        <v>5261412.97</v>
      </c>
      <c r="AM522" s="134">
        <v>5261412.97</v>
      </c>
      <c r="AN522" s="134">
        <v>5261412.97</v>
      </c>
      <c r="AO522" s="134">
        <v>5261412.97</v>
      </c>
      <c r="AP522" s="134">
        <v>5261412.97</v>
      </c>
      <c r="AQ522" s="134">
        <v>5261412.97</v>
      </c>
      <c r="AR522" s="134">
        <v>5261412.97</v>
      </c>
      <c r="AS522" s="134">
        <v>5261412.97</v>
      </c>
      <c r="AT522" s="134">
        <v>5261412.97</v>
      </c>
      <c r="AU522" s="134">
        <v>5261412.97</v>
      </c>
      <c r="AV522" s="134">
        <v>5261412.97</v>
      </c>
      <c r="AW522" s="134">
        <v>5261412.97</v>
      </c>
      <c r="AX522" s="134">
        <v>5261412.97</v>
      </c>
      <c r="AY522" s="134">
        <v>5261412.97</v>
      </c>
      <c r="AZ522" s="134">
        <v>5261412.97</v>
      </c>
      <c r="BA522" s="134">
        <v>5261412.97</v>
      </c>
    </row>
    <row r="523" spans="1:53">
      <c r="A523" s="52" t="s">
        <v>3033</v>
      </c>
    </row>
    <row r="524" spans="1:53">
      <c r="A524" s="57" t="s">
        <v>3034</v>
      </c>
    </row>
    <row r="525" spans="1:53">
      <c r="A525" s="52" t="s">
        <v>3035</v>
      </c>
      <c r="B525" s="53">
        <v>8474.92</v>
      </c>
      <c r="C525" s="53">
        <v>8474.92</v>
      </c>
      <c r="D525" s="53">
        <v>8474.92</v>
      </c>
      <c r="E525" s="53">
        <v>8474.92</v>
      </c>
      <c r="F525" s="53">
        <v>8474.92</v>
      </c>
      <c r="G525" s="53">
        <v>8474.92</v>
      </c>
      <c r="H525" s="53">
        <v>8474.92</v>
      </c>
      <c r="I525" s="53">
        <v>8474.92</v>
      </c>
      <c r="J525" s="53">
        <v>8474.92</v>
      </c>
      <c r="K525" s="53">
        <v>8474.92</v>
      </c>
      <c r="L525" s="53">
        <v>8474.92</v>
      </c>
      <c r="M525" s="53">
        <v>8474.92</v>
      </c>
      <c r="N525" s="53">
        <v>8474.92</v>
      </c>
      <c r="O525" s="53">
        <v>8474.92</v>
      </c>
      <c r="P525" s="53">
        <v>8474.92</v>
      </c>
      <c r="Q525" s="53">
        <v>8474.92</v>
      </c>
      <c r="R525" s="53">
        <v>8474.92</v>
      </c>
      <c r="S525" s="53">
        <v>8474.92</v>
      </c>
      <c r="T525" s="53">
        <v>8474.92</v>
      </c>
      <c r="U525" s="53">
        <v>8474.92</v>
      </c>
      <c r="V525" s="53">
        <v>8474.92</v>
      </c>
      <c r="W525" s="53">
        <v>8474.92</v>
      </c>
      <c r="X525" s="53">
        <v>8474.92</v>
      </c>
      <c r="Y525" s="53">
        <v>8474.92</v>
      </c>
      <c r="Z525" s="53">
        <v>8474.92</v>
      </c>
      <c r="AA525" s="53">
        <v>8474.92</v>
      </c>
      <c r="AB525" s="53">
        <v>8474.92</v>
      </c>
      <c r="AC525" s="53">
        <v>8474.92</v>
      </c>
      <c r="AD525" s="53">
        <v>8474.92</v>
      </c>
      <c r="AE525" s="53">
        <v>8474.92</v>
      </c>
      <c r="AF525" s="53">
        <v>8474.92</v>
      </c>
      <c r="AG525" s="53">
        <v>8474.92</v>
      </c>
      <c r="AH525" s="53">
        <v>8474.92</v>
      </c>
      <c r="AI525" s="53">
        <v>8474.92</v>
      </c>
      <c r="AJ525" s="53">
        <v>8474.92</v>
      </c>
      <c r="AK525" s="53">
        <v>8474.92</v>
      </c>
      <c r="AL525" s="53">
        <v>8474.92</v>
      </c>
      <c r="AM525" s="53">
        <v>8474.92</v>
      </c>
      <c r="AN525" s="53">
        <v>8474.92</v>
      </c>
      <c r="AO525" s="53">
        <v>8474.92</v>
      </c>
      <c r="AP525" s="53">
        <v>8474.92</v>
      </c>
      <c r="AQ525" s="53">
        <v>8474.92</v>
      </c>
      <c r="AR525" s="53">
        <v>8474.92</v>
      </c>
      <c r="AS525" s="53">
        <v>8474.92</v>
      </c>
      <c r="AT525" s="53">
        <v>8474.92</v>
      </c>
      <c r="AU525" s="53">
        <v>8474.92</v>
      </c>
      <c r="AV525" s="53">
        <v>8474.92</v>
      </c>
      <c r="AW525" s="53">
        <v>8474.92</v>
      </c>
      <c r="AX525" s="53">
        <v>8474.92</v>
      </c>
      <c r="AY525" s="53">
        <v>8474.92</v>
      </c>
      <c r="AZ525" s="53">
        <v>8474.92</v>
      </c>
      <c r="BA525" s="53">
        <v>8474.92</v>
      </c>
    </row>
    <row r="526" spans="1:53">
      <c r="A526" s="52" t="s">
        <v>3036</v>
      </c>
      <c r="B526" s="53">
        <v>0</v>
      </c>
      <c r="C526" s="53">
        <v>0</v>
      </c>
      <c r="D526" s="53">
        <v>0</v>
      </c>
      <c r="E526" s="53">
        <v>0</v>
      </c>
      <c r="F526" s="53">
        <v>0</v>
      </c>
      <c r="G526" s="53">
        <v>0</v>
      </c>
      <c r="H526" s="53">
        <v>0</v>
      </c>
      <c r="I526" s="53">
        <v>0</v>
      </c>
      <c r="J526" s="53">
        <v>0</v>
      </c>
      <c r="K526" s="53">
        <v>0</v>
      </c>
      <c r="L526" s="53">
        <v>0</v>
      </c>
      <c r="M526" s="53">
        <v>0</v>
      </c>
      <c r="N526" s="53">
        <v>0</v>
      </c>
      <c r="O526" s="53">
        <v>0</v>
      </c>
      <c r="P526" s="53">
        <v>0</v>
      </c>
      <c r="Q526" s="53">
        <v>0</v>
      </c>
      <c r="R526" s="53">
        <v>0</v>
      </c>
      <c r="S526" s="53">
        <v>0</v>
      </c>
      <c r="T526" s="53">
        <v>0</v>
      </c>
      <c r="U526" s="53">
        <v>0</v>
      </c>
      <c r="V526" s="53">
        <v>0</v>
      </c>
      <c r="W526" s="53">
        <v>0</v>
      </c>
      <c r="X526" s="53">
        <v>0</v>
      </c>
      <c r="Y526" s="53">
        <v>0</v>
      </c>
      <c r="Z526" s="53">
        <v>0</v>
      </c>
      <c r="AA526" s="53">
        <v>0</v>
      </c>
      <c r="AB526" s="53">
        <v>0</v>
      </c>
      <c r="AC526" s="53">
        <v>0</v>
      </c>
      <c r="AD526" s="53">
        <v>0</v>
      </c>
      <c r="AE526" s="53">
        <v>0</v>
      </c>
      <c r="AF526" s="53">
        <v>0</v>
      </c>
      <c r="AG526" s="53">
        <v>0</v>
      </c>
      <c r="AH526" s="53">
        <v>0</v>
      </c>
      <c r="AI526" s="53">
        <v>0</v>
      </c>
      <c r="AJ526" s="53">
        <v>0</v>
      </c>
      <c r="AK526" s="53">
        <v>0</v>
      </c>
      <c r="AL526" s="53">
        <v>0</v>
      </c>
      <c r="AM526" s="53">
        <v>0</v>
      </c>
      <c r="AN526" s="53">
        <v>0</v>
      </c>
      <c r="AO526" s="53">
        <v>0</v>
      </c>
      <c r="AP526" s="53">
        <v>0</v>
      </c>
      <c r="AQ526" s="53">
        <v>0</v>
      </c>
      <c r="AR526" s="53">
        <v>0</v>
      </c>
      <c r="AS526" s="53">
        <v>0</v>
      </c>
      <c r="AT526" s="53">
        <v>0</v>
      </c>
      <c r="AU526" s="53">
        <v>0</v>
      </c>
      <c r="AV526" s="53">
        <v>0</v>
      </c>
      <c r="AW526" s="53">
        <v>0</v>
      </c>
      <c r="AX526" s="53">
        <v>0</v>
      </c>
      <c r="AY526" s="53">
        <v>0</v>
      </c>
      <c r="AZ526" s="53">
        <v>0</v>
      </c>
      <c r="BA526" s="53">
        <v>0</v>
      </c>
    </row>
    <row r="527" spans="1:53">
      <c r="A527" s="52" t="s">
        <v>3037</v>
      </c>
      <c r="B527" s="53">
        <v>0</v>
      </c>
      <c r="C527" s="53">
        <v>0</v>
      </c>
      <c r="D527" s="53">
        <v>0</v>
      </c>
      <c r="E527" s="53">
        <v>0</v>
      </c>
      <c r="F527" s="53">
        <v>0</v>
      </c>
      <c r="G527" s="53">
        <v>0</v>
      </c>
      <c r="H527" s="53">
        <v>0</v>
      </c>
      <c r="I527" s="53">
        <v>0</v>
      </c>
      <c r="J527" s="53">
        <v>0</v>
      </c>
      <c r="K527" s="53">
        <v>0</v>
      </c>
      <c r="L527" s="53">
        <v>0</v>
      </c>
      <c r="M527" s="53">
        <v>0</v>
      </c>
      <c r="N527" s="53">
        <v>0</v>
      </c>
      <c r="O527" s="53">
        <v>0</v>
      </c>
      <c r="P527" s="53">
        <v>0</v>
      </c>
      <c r="Q527" s="53">
        <v>0</v>
      </c>
      <c r="R527" s="53">
        <v>0</v>
      </c>
      <c r="S527" s="53">
        <v>0</v>
      </c>
      <c r="T527" s="53">
        <v>0</v>
      </c>
      <c r="U527" s="53">
        <v>0</v>
      </c>
      <c r="V527" s="53">
        <v>0</v>
      </c>
      <c r="W527" s="53">
        <v>0</v>
      </c>
      <c r="X527" s="53">
        <v>0</v>
      </c>
      <c r="Y527" s="53">
        <v>0</v>
      </c>
      <c r="Z527" s="53">
        <v>0</v>
      </c>
      <c r="AA527" s="53">
        <v>0</v>
      </c>
      <c r="AB527" s="53">
        <v>0</v>
      </c>
      <c r="AC527" s="53">
        <v>0</v>
      </c>
      <c r="AD527" s="53">
        <v>0</v>
      </c>
      <c r="AE527" s="53">
        <v>0</v>
      </c>
      <c r="AF527" s="53">
        <v>0</v>
      </c>
      <c r="AG527" s="53">
        <v>0</v>
      </c>
      <c r="AH527" s="53">
        <v>0</v>
      </c>
      <c r="AI527" s="53">
        <v>0</v>
      </c>
      <c r="AJ527" s="53">
        <v>0</v>
      </c>
      <c r="AK527" s="53">
        <v>0</v>
      </c>
      <c r="AL527" s="53">
        <v>0</v>
      </c>
      <c r="AM527" s="53">
        <v>0</v>
      </c>
      <c r="AN527" s="53">
        <v>0</v>
      </c>
      <c r="AO527" s="53">
        <v>0</v>
      </c>
      <c r="AP527" s="53">
        <v>0</v>
      </c>
      <c r="AQ527" s="53">
        <v>0</v>
      </c>
      <c r="AR527" s="53">
        <v>0</v>
      </c>
      <c r="AS527" s="53">
        <v>0</v>
      </c>
      <c r="AT527" s="53">
        <v>0</v>
      </c>
      <c r="AU527" s="53">
        <v>0</v>
      </c>
      <c r="AV527" s="53">
        <v>0</v>
      </c>
      <c r="AW527" s="53">
        <v>0</v>
      </c>
      <c r="AX527" s="53">
        <v>0</v>
      </c>
      <c r="AY527" s="53">
        <v>0</v>
      </c>
      <c r="AZ527" s="53">
        <v>0</v>
      </c>
      <c r="BA527" s="53">
        <v>0</v>
      </c>
    </row>
    <row r="528" spans="1:53">
      <c r="A528" s="52" t="s">
        <v>3038</v>
      </c>
      <c r="B528" s="53">
        <v>0</v>
      </c>
      <c r="C528" s="53">
        <v>0</v>
      </c>
      <c r="D528" s="53">
        <v>0</v>
      </c>
      <c r="E528" s="53">
        <v>0</v>
      </c>
      <c r="F528" s="53">
        <v>0</v>
      </c>
      <c r="G528" s="53">
        <v>0</v>
      </c>
      <c r="H528" s="53">
        <v>0</v>
      </c>
      <c r="I528" s="53">
        <v>0</v>
      </c>
      <c r="J528" s="53">
        <v>0</v>
      </c>
      <c r="K528" s="53">
        <v>0</v>
      </c>
      <c r="L528" s="53">
        <v>0</v>
      </c>
      <c r="M528" s="53">
        <v>0</v>
      </c>
      <c r="N528" s="53">
        <v>0</v>
      </c>
      <c r="O528" s="53">
        <v>0</v>
      </c>
      <c r="P528" s="53">
        <v>0</v>
      </c>
      <c r="Q528" s="53">
        <v>0</v>
      </c>
      <c r="R528" s="53">
        <v>0</v>
      </c>
      <c r="S528" s="53">
        <v>0</v>
      </c>
      <c r="T528" s="53">
        <v>0</v>
      </c>
      <c r="U528" s="53">
        <v>0</v>
      </c>
      <c r="V528" s="53">
        <v>0</v>
      </c>
      <c r="W528" s="53">
        <v>0</v>
      </c>
      <c r="X528" s="53">
        <v>0</v>
      </c>
      <c r="Y528" s="53">
        <v>0</v>
      </c>
      <c r="Z528" s="53">
        <v>0</v>
      </c>
      <c r="AA528" s="53">
        <v>0</v>
      </c>
      <c r="AB528" s="53">
        <v>0</v>
      </c>
      <c r="AC528" s="53">
        <v>0</v>
      </c>
      <c r="AD528" s="53">
        <v>0</v>
      </c>
      <c r="AE528" s="53">
        <v>0</v>
      </c>
      <c r="AF528" s="53">
        <v>0</v>
      </c>
      <c r="AG528" s="53">
        <v>0</v>
      </c>
      <c r="AH528" s="53">
        <v>0</v>
      </c>
      <c r="AI528" s="53">
        <v>0</v>
      </c>
      <c r="AJ528" s="53">
        <v>0</v>
      </c>
      <c r="AK528" s="53">
        <v>0</v>
      </c>
      <c r="AL528" s="53">
        <v>0</v>
      </c>
      <c r="AM528" s="53">
        <v>0</v>
      </c>
      <c r="AN528" s="53">
        <v>0</v>
      </c>
      <c r="AO528" s="53">
        <v>0</v>
      </c>
      <c r="AP528" s="53">
        <v>0</v>
      </c>
      <c r="AQ528" s="53">
        <v>0</v>
      </c>
      <c r="AR528" s="53">
        <v>0</v>
      </c>
      <c r="AS528" s="53">
        <v>0</v>
      </c>
      <c r="AT528" s="53">
        <v>0</v>
      </c>
      <c r="AU528" s="53">
        <v>0</v>
      </c>
      <c r="AV528" s="53">
        <v>0</v>
      </c>
      <c r="AW528" s="53">
        <v>0</v>
      </c>
      <c r="AX528" s="53">
        <v>0</v>
      </c>
      <c r="AY528" s="53">
        <v>0</v>
      </c>
      <c r="AZ528" s="53">
        <v>0</v>
      </c>
      <c r="BA528" s="53">
        <v>0</v>
      </c>
    </row>
    <row r="529" spans="1:53">
      <c r="A529" s="52" t="s">
        <v>3039</v>
      </c>
      <c r="B529" s="53">
        <v>0</v>
      </c>
      <c r="C529" s="53">
        <v>0</v>
      </c>
      <c r="D529" s="53">
        <v>0</v>
      </c>
      <c r="E529" s="53">
        <v>0</v>
      </c>
      <c r="F529" s="53">
        <v>0</v>
      </c>
      <c r="G529" s="53">
        <v>0</v>
      </c>
      <c r="H529" s="53">
        <v>0</v>
      </c>
      <c r="I529" s="53">
        <v>0</v>
      </c>
      <c r="J529" s="53">
        <v>0</v>
      </c>
      <c r="K529" s="53">
        <v>0</v>
      </c>
      <c r="L529" s="53">
        <v>0</v>
      </c>
      <c r="M529" s="53">
        <v>0</v>
      </c>
      <c r="N529" s="53">
        <v>0</v>
      </c>
      <c r="O529" s="53">
        <v>0</v>
      </c>
      <c r="P529" s="53">
        <v>0</v>
      </c>
      <c r="Q529" s="53">
        <v>0</v>
      </c>
      <c r="R529" s="53">
        <v>0</v>
      </c>
      <c r="S529" s="53">
        <v>0</v>
      </c>
      <c r="T529" s="53">
        <v>0</v>
      </c>
      <c r="U529" s="53">
        <v>0</v>
      </c>
      <c r="V529" s="53">
        <v>0</v>
      </c>
      <c r="W529" s="53">
        <v>0</v>
      </c>
      <c r="X529" s="53">
        <v>0</v>
      </c>
      <c r="Y529" s="53">
        <v>0</v>
      </c>
      <c r="Z529" s="53">
        <v>0</v>
      </c>
      <c r="AA529" s="53">
        <v>0</v>
      </c>
      <c r="AB529" s="53">
        <v>0</v>
      </c>
      <c r="AC529" s="53">
        <v>0</v>
      </c>
      <c r="AD529" s="53">
        <v>0</v>
      </c>
      <c r="AE529" s="53">
        <v>0</v>
      </c>
      <c r="AF529" s="53">
        <v>0</v>
      </c>
      <c r="AG529" s="53">
        <v>0</v>
      </c>
      <c r="AH529" s="53">
        <v>0</v>
      </c>
      <c r="AI529" s="53">
        <v>0</v>
      </c>
      <c r="AJ529" s="53">
        <v>0</v>
      </c>
      <c r="AK529" s="53">
        <v>0</v>
      </c>
      <c r="AL529" s="53">
        <v>0</v>
      </c>
      <c r="AM529" s="53">
        <v>0</v>
      </c>
      <c r="AN529" s="53">
        <v>0</v>
      </c>
      <c r="AO529" s="53">
        <v>0</v>
      </c>
      <c r="AP529" s="53">
        <v>0</v>
      </c>
      <c r="AQ529" s="53">
        <v>0</v>
      </c>
      <c r="AR529" s="53">
        <v>0</v>
      </c>
      <c r="AS529" s="53">
        <v>0</v>
      </c>
      <c r="AT529" s="53">
        <v>0</v>
      </c>
      <c r="AU529" s="53">
        <v>0</v>
      </c>
      <c r="AV529" s="53">
        <v>0</v>
      </c>
      <c r="AW529" s="53">
        <v>0</v>
      </c>
      <c r="AX529" s="53">
        <v>0</v>
      </c>
      <c r="AY529" s="53">
        <v>0</v>
      </c>
      <c r="AZ529" s="53">
        <v>0</v>
      </c>
      <c r="BA529" s="53">
        <v>0</v>
      </c>
    </row>
    <row r="530" spans="1:53">
      <c r="A530" s="52" t="s">
        <v>3040</v>
      </c>
      <c r="B530" s="53">
        <v>0</v>
      </c>
      <c r="C530" s="53">
        <v>0</v>
      </c>
      <c r="D530" s="53">
        <v>0</v>
      </c>
      <c r="E530" s="53">
        <v>0</v>
      </c>
      <c r="F530" s="53">
        <v>0</v>
      </c>
      <c r="G530" s="53">
        <v>0</v>
      </c>
      <c r="H530" s="53">
        <v>0</v>
      </c>
      <c r="I530" s="53">
        <v>0</v>
      </c>
      <c r="J530" s="53">
        <v>0</v>
      </c>
      <c r="K530" s="53">
        <v>0</v>
      </c>
      <c r="L530" s="53">
        <v>0</v>
      </c>
      <c r="M530" s="53">
        <v>0</v>
      </c>
      <c r="N530" s="53">
        <v>0</v>
      </c>
      <c r="O530" s="53">
        <v>0</v>
      </c>
      <c r="P530" s="53">
        <v>0</v>
      </c>
      <c r="Q530" s="53">
        <v>0</v>
      </c>
      <c r="R530" s="53">
        <v>0</v>
      </c>
      <c r="S530" s="53">
        <v>0</v>
      </c>
      <c r="T530" s="53">
        <v>0</v>
      </c>
      <c r="U530" s="53">
        <v>0</v>
      </c>
      <c r="V530" s="53">
        <v>0</v>
      </c>
      <c r="W530" s="53">
        <v>0</v>
      </c>
      <c r="X530" s="53">
        <v>0</v>
      </c>
      <c r="Y530" s="53">
        <v>0</v>
      </c>
      <c r="Z530" s="53">
        <v>0</v>
      </c>
      <c r="AA530" s="53">
        <v>0</v>
      </c>
      <c r="AB530" s="53">
        <v>0</v>
      </c>
      <c r="AC530" s="53">
        <v>0</v>
      </c>
      <c r="AD530" s="53">
        <v>0</v>
      </c>
      <c r="AE530" s="53">
        <v>0</v>
      </c>
      <c r="AF530" s="53">
        <v>0</v>
      </c>
      <c r="AG530" s="53">
        <v>0</v>
      </c>
      <c r="AH530" s="53">
        <v>0</v>
      </c>
      <c r="AI530" s="53">
        <v>0</v>
      </c>
      <c r="AJ530" s="53">
        <v>0</v>
      </c>
      <c r="AK530" s="53">
        <v>0</v>
      </c>
      <c r="AL530" s="53">
        <v>0</v>
      </c>
      <c r="AM530" s="53">
        <v>0</v>
      </c>
      <c r="AN530" s="53">
        <v>0</v>
      </c>
      <c r="AO530" s="53">
        <v>0</v>
      </c>
      <c r="AP530" s="53">
        <v>0</v>
      </c>
      <c r="AQ530" s="53">
        <v>0</v>
      </c>
      <c r="AR530" s="53">
        <v>0</v>
      </c>
      <c r="AS530" s="53">
        <v>0</v>
      </c>
      <c r="AT530" s="53">
        <v>0</v>
      </c>
      <c r="AU530" s="53">
        <v>0</v>
      </c>
      <c r="AV530" s="53">
        <v>0</v>
      </c>
      <c r="AW530" s="53">
        <v>0</v>
      </c>
      <c r="AX530" s="53">
        <v>0</v>
      </c>
      <c r="AY530" s="53">
        <v>0</v>
      </c>
      <c r="AZ530" s="53">
        <v>0</v>
      </c>
      <c r="BA530" s="53">
        <v>0</v>
      </c>
    </row>
    <row r="531" spans="1:53">
      <c r="A531" s="52" t="s">
        <v>3041</v>
      </c>
      <c r="B531" s="53">
        <v>0</v>
      </c>
      <c r="C531" s="53">
        <v>0</v>
      </c>
      <c r="D531" s="53">
        <v>0</v>
      </c>
      <c r="E531" s="53">
        <v>0</v>
      </c>
      <c r="F531" s="53">
        <v>0</v>
      </c>
      <c r="G531" s="53">
        <v>0</v>
      </c>
      <c r="H531" s="53">
        <v>0</v>
      </c>
      <c r="I531" s="53">
        <v>0</v>
      </c>
      <c r="J531" s="53">
        <v>0</v>
      </c>
      <c r="K531" s="53">
        <v>0</v>
      </c>
      <c r="L531" s="53">
        <v>0</v>
      </c>
      <c r="M531" s="53">
        <v>0</v>
      </c>
      <c r="N531" s="53">
        <v>0</v>
      </c>
      <c r="O531" s="53">
        <v>0</v>
      </c>
      <c r="P531" s="53">
        <v>0</v>
      </c>
      <c r="Q531" s="53">
        <v>0</v>
      </c>
      <c r="R531" s="53">
        <v>0</v>
      </c>
      <c r="S531" s="53">
        <v>0</v>
      </c>
      <c r="T531" s="53">
        <v>0</v>
      </c>
      <c r="U531" s="53">
        <v>0</v>
      </c>
      <c r="V531" s="53">
        <v>0</v>
      </c>
      <c r="W531" s="53">
        <v>0</v>
      </c>
      <c r="X531" s="53">
        <v>0</v>
      </c>
      <c r="Y531" s="53">
        <v>0</v>
      </c>
      <c r="Z531" s="53">
        <v>0</v>
      </c>
      <c r="AA531" s="53">
        <v>0</v>
      </c>
      <c r="AB531" s="53">
        <v>0</v>
      </c>
      <c r="AC531" s="53">
        <v>0</v>
      </c>
      <c r="AD531" s="53">
        <v>0</v>
      </c>
      <c r="AE531" s="53">
        <v>0</v>
      </c>
      <c r="AF531" s="53">
        <v>0</v>
      </c>
      <c r="AG531" s="53">
        <v>0</v>
      </c>
      <c r="AH531" s="53">
        <v>0</v>
      </c>
      <c r="AI531" s="53">
        <v>0</v>
      </c>
      <c r="AJ531" s="53">
        <v>0</v>
      </c>
      <c r="AK531" s="53">
        <v>0</v>
      </c>
      <c r="AL531" s="53">
        <v>0</v>
      </c>
      <c r="AM531" s="53">
        <v>0</v>
      </c>
      <c r="AN531" s="53">
        <v>0</v>
      </c>
      <c r="AO531" s="53">
        <v>0</v>
      </c>
      <c r="AP531" s="53">
        <v>0</v>
      </c>
      <c r="AQ531" s="53">
        <v>0</v>
      </c>
      <c r="AR531" s="53">
        <v>0</v>
      </c>
      <c r="AS531" s="53">
        <v>0</v>
      </c>
      <c r="AT531" s="53">
        <v>0</v>
      </c>
      <c r="AU531" s="53">
        <v>0</v>
      </c>
      <c r="AV531" s="53">
        <v>0</v>
      </c>
      <c r="AW531" s="53">
        <v>0</v>
      </c>
      <c r="AX531" s="53">
        <v>0</v>
      </c>
      <c r="AY531" s="53">
        <v>0</v>
      </c>
      <c r="AZ531" s="53">
        <v>0</v>
      </c>
      <c r="BA531" s="53">
        <v>0</v>
      </c>
    </row>
    <row r="532" spans="1:53">
      <c r="A532" s="52" t="s">
        <v>3042</v>
      </c>
      <c r="B532" s="53">
        <v>0</v>
      </c>
      <c r="C532" s="53">
        <v>0</v>
      </c>
      <c r="D532" s="53">
        <v>0</v>
      </c>
      <c r="E532" s="53">
        <v>0</v>
      </c>
      <c r="F532" s="53">
        <v>0</v>
      </c>
      <c r="G532" s="53">
        <v>0</v>
      </c>
      <c r="H532" s="53">
        <v>0</v>
      </c>
      <c r="I532" s="53">
        <v>0</v>
      </c>
      <c r="J532" s="53">
        <v>0</v>
      </c>
      <c r="K532" s="53">
        <v>0</v>
      </c>
      <c r="L532" s="53">
        <v>0</v>
      </c>
      <c r="M532" s="53">
        <v>0</v>
      </c>
      <c r="N532" s="53">
        <v>0</v>
      </c>
      <c r="O532" s="53">
        <v>0</v>
      </c>
      <c r="P532" s="53">
        <v>0</v>
      </c>
      <c r="Q532" s="53">
        <v>0</v>
      </c>
      <c r="R532" s="53">
        <v>0</v>
      </c>
      <c r="S532" s="53">
        <v>0</v>
      </c>
      <c r="T532" s="53">
        <v>0</v>
      </c>
      <c r="U532" s="53">
        <v>0</v>
      </c>
      <c r="V532" s="53">
        <v>0</v>
      </c>
      <c r="W532" s="53">
        <v>0</v>
      </c>
      <c r="X532" s="53">
        <v>0</v>
      </c>
      <c r="Y532" s="53">
        <v>0</v>
      </c>
      <c r="Z532" s="53">
        <v>0</v>
      </c>
      <c r="AA532" s="53">
        <v>0</v>
      </c>
      <c r="AB532" s="53">
        <v>0</v>
      </c>
      <c r="AC532" s="53">
        <v>0</v>
      </c>
      <c r="AD532" s="53">
        <v>0</v>
      </c>
      <c r="AE532" s="53">
        <v>0</v>
      </c>
      <c r="AF532" s="53">
        <v>0</v>
      </c>
      <c r="AG532" s="53">
        <v>0</v>
      </c>
      <c r="AH532" s="53">
        <v>0</v>
      </c>
      <c r="AI532" s="53">
        <v>0</v>
      </c>
      <c r="AJ532" s="53">
        <v>0</v>
      </c>
      <c r="AK532" s="53">
        <v>0</v>
      </c>
      <c r="AL532" s="53">
        <v>0</v>
      </c>
      <c r="AM532" s="53">
        <v>0</v>
      </c>
      <c r="AN532" s="53">
        <v>0</v>
      </c>
      <c r="AO532" s="53">
        <v>0</v>
      </c>
      <c r="AP532" s="53">
        <v>0</v>
      </c>
      <c r="AQ532" s="53">
        <v>0</v>
      </c>
      <c r="AR532" s="53">
        <v>0</v>
      </c>
      <c r="AS532" s="53">
        <v>0</v>
      </c>
      <c r="AT532" s="53">
        <v>0</v>
      </c>
      <c r="AU532" s="53">
        <v>0</v>
      </c>
      <c r="AV532" s="53">
        <v>0</v>
      </c>
      <c r="AW532" s="53">
        <v>0</v>
      </c>
      <c r="AX532" s="53">
        <v>0</v>
      </c>
      <c r="AY532" s="53">
        <v>0</v>
      </c>
      <c r="AZ532" s="53">
        <v>0</v>
      </c>
      <c r="BA532" s="53">
        <v>0</v>
      </c>
    </row>
    <row r="533" spans="1:53">
      <c r="A533" s="52" t="s">
        <v>3043</v>
      </c>
      <c r="B533" s="53">
        <v>0</v>
      </c>
      <c r="C533" s="53">
        <v>0</v>
      </c>
      <c r="D533" s="53">
        <v>0</v>
      </c>
      <c r="E533" s="53">
        <v>0</v>
      </c>
      <c r="F533" s="53">
        <v>0</v>
      </c>
      <c r="G533" s="53">
        <v>0</v>
      </c>
      <c r="H533" s="53">
        <v>0</v>
      </c>
      <c r="I533" s="53">
        <v>0</v>
      </c>
      <c r="J533" s="53">
        <v>0</v>
      </c>
      <c r="K533" s="53">
        <v>0</v>
      </c>
      <c r="L533" s="53">
        <v>0</v>
      </c>
      <c r="M533" s="53">
        <v>0</v>
      </c>
      <c r="N533" s="53">
        <v>0</v>
      </c>
      <c r="O533" s="53">
        <v>0</v>
      </c>
      <c r="P533" s="53">
        <v>0</v>
      </c>
      <c r="Q533" s="53">
        <v>0</v>
      </c>
      <c r="R533" s="53">
        <v>0</v>
      </c>
      <c r="S533" s="53">
        <v>0</v>
      </c>
      <c r="T533" s="53">
        <v>0</v>
      </c>
      <c r="U533" s="53">
        <v>0</v>
      </c>
      <c r="V533" s="53">
        <v>0</v>
      </c>
      <c r="W533" s="53">
        <v>0</v>
      </c>
      <c r="X533" s="53">
        <v>0</v>
      </c>
      <c r="Y533" s="53">
        <v>0</v>
      </c>
      <c r="Z533" s="53">
        <v>0</v>
      </c>
      <c r="AA533" s="53">
        <v>0</v>
      </c>
      <c r="AB533" s="53">
        <v>0</v>
      </c>
      <c r="AC533" s="53">
        <v>0</v>
      </c>
      <c r="AD533" s="53">
        <v>0</v>
      </c>
      <c r="AE533" s="53">
        <v>0</v>
      </c>
      <c r="AF533" s="53">
        <v>0</v>
      </c>
      <c r="AG533" s="53">
        <v>0</v>
      </c>
      <c r="AH533" s="53">
        <v>0</v>
      </c>
      <c r="AI533" s="53">
        <v>0</v>
      </c>
      <c r="AJ533" s="53">
        <v>0</v>
      </c>
      <c r="AK533" s="53">
        <v>0</v>
      </c>
      <c r="AL533" s="53">
        <v>0</v>
      </c>
      <c r="AM533" s="53">
        <v>0</v>
      </c>
      <c r="AN533" s="53">
        <v>0</v>
      </c>
      <c r="AO533" s="53">
        <v>0</v>
      </c>
      <c r="AP533" s="53">
        <v>0</v>
      </c>
      <c r="AQ533" s="53">
        <v>0</v>
      </c>
      <c r="AR533" s="53">
        <v>0</v>
      </c>
      <c r="AS533" s="53">
        <v>0</v>
      </c>
      <c r="AT533" s="53">
        <v>0</v>
      </c>
      <c r="AU533" s="53">
        <v>0</v>
      </c>
      <c r="AV533" s="53">
        <v>0</v>
      </c>
      <c r="AW533" s="53">
        <v>0</v>
      </c>
      <c r="AX533" s="53">
        <v>0</v>
      </c>
      <c r="AY533" s="53">
        <v>0</v>
      </c>
      <c r="AZ533" s="53">
        <v>0</v>
      </c>
      <c r="BA533" s="53">
        <v>0</v>
      </c>
    </row>
    <row r="534" spans="1:53">
      <c r="A534" s="52" t="s">
        <v>3044</v>
      </c>
      <c r="B534" s="53">
        <v>0</v>
      </c>
      <c r="C534" s="53">
        <v>0</v>
      </c>
      <c r="D534" s="53">
        <v>0</v>
      </c>
      <c r="E534" s="53">
        <v>0</v>
      </c>
      <c r="F534" s="53">
        <v>0</v>
      </c>
      <c r="G534" s="53">
        <v>0</v>
      </c>
      <c r="H534" s="53">
        <v>0</v>
      </c>
      <c r="I534" s="53">
        <v>0</v>
      </c>
      <c r="J534" s="53">
        <v>0</v>
      </c>
      <c r="K534" s="53">
        <v>0</v>
      </c>
      <c r="L534" s="53">
        <v>0</v>
      </c>
      <c r="M534" s="53">
        <v>0</v>
      </c>
      <c r="N534" s="53">
        <v>0</v>
      </c>
      <c r="O534" s="53">
        <v>0</v>
      </c>
      <c r="P534" s="53">
        <v>0</v>
      </c>
      <c r="Q534" s="53">
        <v>0</v>
      </c>
      <c r="R534" s="53">
        <v>0</v>
      </c>
      <c r="S534" s="53">
        <v>0</v>
      </c>
      <c r="T534" s="53">
        <v>0</v>
      </c>
      <c r="U534" s="53">
        <v>0</v>
      </c>
      <c r="V534" s="53">
        <v>0</v>
      </c>
      <c r="W534" s="53">
        <v>0</v>
      </c>
      <c r="X534" s="53">
        <v>0</v>
      </c>
      <c r="Y534" s="53">
        <v>0</v>
      </c>
      <c r="Z534" s="53">
        <v>0</v>
      </c>
      <c r="AA534" s="53">
        <v>0</v>
      </c>
      <c r="AB534" s="53">
        <v>0</v>
      </c>
      <c r="AC534" s="53">
        <v>0</v>
      </c>
      <c r="AD534" s="53">
        <v>0</v>
      </c>
      <c r="AE534" s="53">
        <v>0</v>
      </c>
      <c r="AF534" s="53">
        <v>0</v>
      </c>
      <c r="AG534" s="53">
        <v>0</v>
      </c>
      <c r="AH534" s="53">
        <v>0</v>
      </c>
      <c r="AI534" s="53">
        <v>0</v>
      </c>
      <c r="AJ534" s="53">
        <v>0</v>
      </c>
      <c r="AK534" s="53">
        <v>0</v>
      </c>
      <c r="AL534" s="53">
        <v>0</v>
      </c>
      <c r="AM534" s="53">
        <v>0</v>
      </c>
      <c r="AN534" s="53">
        <v>0</v>
      </c>
      <c r="AO534" s="53">
        <v>0</v>
      </c>
      <c r="AP534" s="53">
        <v>0</v>
      </c>
      <c r="AQ534" s="53">
        <v>0</v>
      </c>
      <c r="AR534" s="53">
        <v>0</v>
      </c>
      <c r="AS534" s="53">
        <v>0</v>
      </c>
      <c r="AT534" s="53">
        <v>0</v>
      </c>
      <c r="AU534" s="53">
        <v>0</v>
      </c>
      <c r="AV534" s="53">
        <v>0</v>
      </c>
      <c r="AW534" s="53">
        <v>0</v>
      </c>
      <c r="AX534" s="53">
        <v>0</v>
      </c>
      <c r="AY534" s="53">
        <v>0</v>
      </c>
      <c r="AZ534" s="53">
        <v>0</v>
      </c>
      <c r="BA534" s="53">
        <v>0</v>
      </c>
    </row>
    <row r="535" spans="1:53">
      <c r="A535" s="52" t="s">
        <v>3045</v>
      </c>
      <c r="B535" s="53">
        <v>0</v>
      </c>
      <c r="C535" s="53">
        <v>0</v>
      </c>
      <c r="D535" s="53">
        <v>0</v>
      </c>
      <c r="E535" s="53">
        <v>0</v>
      </c>
      <c r="F535" s="53">
        <v>0</v>
      </c>
      <c r="G535" s="53">
        <v>0</v>
      </c>
      <c r="H535" s="53">
        <v>0</v>
      </c>
      <c r="I535" s="53">
        <v>0</v>
      </c>
      <c r="J535" s="53">
        <v>0</v>
      </c>
      <c r="K535" s="53">
        <v>0</v>
      </c>
      <c r="L535" s="53">
        <v>0</v>
      </c>
      <c r="M535" s="53">
        <v>0</v>
      </c>
      <c r="N535" s="53">
        <v>0</v>
      </c>
      <c r="O535" s="53">
        <v>0</v>
      </c>
      <c r="P535" s="53">
        <v>0</v>
      </c>
      <c r="Q535" s="53">
        <v>0</v>
      </c>
      <c r="R535" s="53">
        <v>0</v>
      </c>
      <c r="S535" s="53">
        <v>0</v>
      </c>
      <c r="T535" s="53">
        <v>0</v>
      </c>
      <c r="U535" s="53">
        <v>0</v>
      </c>
      <c r="V535" s="53">
        <v>0</v>
      </c>
      <c r="W535" s="53">
        <v>0</v>
      </c>
      <c r="X535" s="53">
        <v>0</v>
      </c>
      <c r="Y535" s="53">
        <v>0</v>
      </c>
      <c r="Z535" s="53">
        <v>0</v>
      </c>
      <c r="AA535" s="53">
        <v>0</v>
      </c>
      <c r="AB535" s="53">
        <v>0</v>
      </c>
      <c r="AC535" s="53">
        <v>0</v>
      </c>
      <c r="AD535" s="53">
        <v>0</v>
      </c>
      <c r="AE535" s="53">
        <v>0</v>
      </c>
      <c r="AF535" s="53">
        <v>0</v>
      </c>
      <c r="AG535" s="53">
        <v>0</v>
      </c>
      <c r="AH535" s="53">
        <v>0</v>
      </c>
      <c r="AI535" s="53">
        <v>0</v>
      </c>
      <c r="AJ535" s="53">
        <v>0</v>
      </c>
      <c r="AK535" s="53">
        <v>0</v>
      </c>
      <c r="AL535" s="53">
        <v>0</v>
      </c>
      <c r="AM535" s="53">
        <v>0</v>
      </c>
      <c r="AN535" s="53">
        <v>0</v>
      </c>
      <c r="AO535" s="53">
        <v>0</v>
      </c>
      <c r="AP535" s="53">
        <v>0</v>
      </c>
      <c r="AQ535" s="53">
        <v>0</v>
      </c>
      <c r="AR535" s="53">
        <v>0</v>
      </c>
      <c r="AS535" s="53">
        <v>0</v>
      </c>
      <c r="AT535" s="53">
        <v>0</v>
      </c>
      <c r="AU535" s="53">
        <v>0</v>
      </c>
      <c r="AV535" s="53">
        <v>0</v>
      </c>
      <c r="AW535" s="53">
        <v>0</v>
      </c>
      <c r="AX535" s="53">
        <v>0</v>
      </c>
      <c r="AY535" s="53">
        <v>0</v>
      </c>
      <c r="AZ535" s="53">
        <v>0</v>
      </c>
      <c r="BA535" s="53">
        <v>0</v>
      </c>
    </row>
    <row r="536" spans="1:53">
      <c r="A536" s="52" t="s">
        <v>3046</v>
      </c>
      <c r="B536" s="53">
        <v>0</v>
      </c>
      <c r="C536" s="53">
        <v>0</v>
      </c>
      <c r="D536" s="53">
        <v>0</v>
      </c>
      <c r="E536" s="53">
        <v>0</v>
      </c>
      <c r="F536" s="53">
        <v>0</v>
      </c>
      <c r="G536" s="53">
        <v>0</v>
      </c>
      <c r="H536" s="53">
        <v>0</v>
      </c>
      <c r="I536" s="53">
        <v>0</v>
      </c>
      <c r="J536" s="53">
        <v>0</v>
      </c>
      <c r="K536" s="53">
        <v>0</v>
      </c>
      <c r="L536" s="53">
        <v>0</v>
      </c>
      <c r="M536" s="53">
        <v>0</v>
      </c>
      <c r="N536" s="53">
        <v>0</v>
      </c>
      <c r="O536" s="53">
        <v>0</v>
      </c>
      <c r="P536" s="53">
        <v>0</v>
      </c>
      <c r="Q536" s="53">
        <v>0</v>
      </c>
      <c r="R536" s="53">
        <v>0</v>
      </c>
      <c r="S536" s="53">
        <v>0</v>
      </c>
      <c r="T536" s="53">
        <v>0</v>
      </c>
      <c r="U536" s="53">
        <v>0</v>
      </c>
      <c r="V536" s="53">
        <v>0</v>
      </c>
      <c r="W536" s="53">
        <v>0</v>
      </c>
      <c r="X536" s="53">
        <v>0</v>
      </c>
      <c r="Y536" s="53">
        <v>0</v>
      </c>
      <c r="Z536" s="53">
        <v>0</v>
      </c>
      <c r="AA536" s="53">
        <v>0</v>
      </c>
      <c r="AB536" s="53">
        <v>0</v>
      </c>
      <c r="AC536" s="53">
        <v>0</v>
      </c>
      <c r="AD536" s="53">
        <v>0</v>
      </c>
      <c r="AE536" s="53">
        <v>0</v>
      </c>
      <c r="AF536" s="53">
        <v>0</v>
      </c>
      <c r="AG536" s="53">
        <v>0</v>
      </c>
      <c r="AH536" s="53">
        <v>0</v>
      </c>
      <c r="AI536" s="53">
        <v>0</v>
      </c>
      <c r="AJ536" s="53">
        <v>0</v>
      </c>
      <c r="AK536" s="53">
        <v>0</v>
      </c>
      <c r="AL536" s="53">
        <v>0</v>
      </c>
      <c r="AM536" s="53">
        <v>0</v>
      </c>
      <c r="AN536" s="53">
        <v>0</v>
      </c>
      <c r="AO536" s="53">
        <v>0</v>
      </c>
      <c r="AP536" s="53">
        <v>0</v>
      </c>
      <c r="AQ536" s="53">
        <v>0</v>
      </c>
      <c r="AR536" s="53">
        <v>0</v>
      </c>
      <c r="AS536" s="53">
        <v>0</v>
      </c>
      <c r="AT536" s="53">
        <v>0</v>
      </c>
      <c r="AU536" s="53">
        <v>0</v>
      </c>
      <c r="AV536" s="53">
        <v>0</v>
      </c>
      <c r="AW536" s="53">
        <v>0</v>
      </c>
      <c r="AX536" s="53">
        <v>0</v>
      </c>
      <c r="AY536" s="53">
        <v>0</v>
      </c>
      <c r="AZ536" s="53">
        <v>0</v>
      </c>
      <c r="BA536" s="53">
        <v>0</v>
      </c>
    </row>
    <row r="537" spans="1:53">
      <c r="A537" s="52" t="s">
        <v>3047</v>
      </c>
      <c r="B537" s="53">
        <v>0</v>
      </c>
      <c r="C537" s="53">
        <v>0</v>
      </c>
      <c r="D537" s="53">
        <v>0</v>
      </c>
      <c r="E537" s="53">
        <v>0</v>
      </c>
      <c r="F537" s="53">
        <v>0</v>
      </c>
      <c r="G537" s="53">
        <v>0</v>
      </c>
      <c r="H537" s="53">
        <v>0</v>
      </c>
      <c r="I537" s="53">
        <v>0</v>
      </c>
      <c r="J537" s="53">
        <v>0</v>
      </c>
      <c r="K537" s="53">
        <v>0</v>
      </c>
      <c r="L537" s="53">
        <v>0</v>
      </c>
      <c r="M537" s="53">
        <v>0</v>
      </c>
      <c r="N537" s="53">
        <v>0</v>
      </c>
      <c r="O537" s="53">
        <v>0</v>
      </c>
      <c r="P537" s="53">
        <v>0</v>
      </c>
      <c r="Q537" s="53">
        <v>0</v>
      </c>
      <c r="R537" s="53">
        <v>0</v>
      </c>
      <c r="S537" s="53">
        <v>0</v>
      </c>
      <c r="T537" s="53">
        <v>0</v>
      </c>
      <c r="U537" s="53">
        <v>0</v>
      </c>
      <c r="V537" s="53">
        <v>0</v>
      </c>
      <c r="W537" s="53">
        <v>0</v>
      </c>
      <c r="X537" s="53">
        <v>0</v>
      </c>
      <c r="Y537" s="53">
        <v>0</v>
      </c>
      <c r="Z537" s="53">
        <v>0</v>
      </c>
      <c r="AA537" s="53">
        <v>0</v>
      </c>
      <c r="AB537" s="53">
        <v>0</v>
      </c>
      <c r="AC537" s="53">
        <v>0</v>
      </c>
      <c r="AD537" s="53">
        <v>0</v>
      </c>
      <c r="AE537" s="53">
        <v>0</v>
      </c>
      <c r="AF537" s="53">
        <v>0</v>
      </c>
      <c r="AG537" s="53">
        <v>0</v>
      </c>
      <c r="AH537" s="53">
        <v>0</v>
      </c>
      <c r="AI537" s="53">
        <v>0</v>
      </c>
      <c r="AJ537" s="53">
        <v>0</v>
      </c>
      <c r="AK537" s="53">
        <v>0</v>
      </c>
      <c r="AL537" s="53">
        <v>0</v>
      </c>
      <c r="AM537" s="53">
        <v>0</v>
      </c>
      <c r="AN537" s="53">
        <v>0</v>
      </c>
      <c r="AO537" s="53">
        <v>0</v>
      </c>
      <c r="AP537" s="53">
        <v>0</v>
      </c>
      <c r="AQ537" s="53">
        <v>0</v>
      </c>
      <c r="AR537" s="53">
        <v>0</v>
      </c>
      <c r="AS537" s="53">
        <v>0</v>
      </c>
      <c r="AT537" s="53">
        <v>0</v>
      </c>
      <c r="AU537" s="53">
        <v>0</v>
      </c>
      <c r="AV537" s="53">
        <v>0</v>
      </c>
      <c r="AW537" s="53">
        <v>0</v>
      </c>
      <c r="AX537" s="53">
        <v>0</v>
      </c>
      <c r="AY537" s="53">
        <v>0</v>
      </c>
      <c r="AZ537" s="53">
        <v>0</v>
      </c>
      <c r="BA537" s="53">
        <v>0</v>
      </c>
    </row>
    <row r="538" spans="1:53">
      <c r="A538" s="52" t="s">
        <v>3048</v>
      </c>
      <c r="B538" s="53">
        <v>0</v>
      </c>
      <c r="C538" s="53">
        <v>0</v>
      </c>
      <c r="D538" s="53">
        <v>0</v>
      </c>
      <c r="E538" s="53">
        <v>0</v>
      </c>
      <c r="F538" s="53">
        <v>0</v>
      </c>
      <c r="G538" s="53">
        <v>0</v>
      </c>
      <c r="H538" s="53">
        <v>0</v>
      </c>
      <c r="I538" s="53">
        <v>0</v>
      </c>
      <c r="J538" s="53">
        <v>0</v>
      </c>
      <c r="K538" s="53">
        <v>0</v>
      </c>
      <c r="L538" s="53">
        <v>0</v>
      </c>
      <c r="M538" s="53">
        <v>0</v>
      </c>
      <c r="N538" s="53">
        <v>0</v>
      </c>
      <c r="O538" s="53">
        <v>0</v>
      </c>
      <c r="P538" s="53">
        <v>0</v>
      </c>
      <c r="Q538" s="53">
        <v>0</v>
      </c>
      <c r="R538" s="53">
        <v>0</v>
      </c>
      <c r="S538" s="53">
        <v>0</v>
      </c>
      <c r="T538" s="53">
        <v>0</v>
      </c>
      <c r="U538" s="53">
        <v>0</v>
      </c>
      <c r="V538" s="53">
        <v>0</v>
      </c>
      <c r="W538" s="53">
        <v>0</v>
      </c>
      <c r="X538" s="53">
        <v>0</v>
      </c>
      <c r="Y538" s="53">
        <v>0</v>
      </c>
      <c r="Z538" s="53">
        <v>0</v>
      </c>
      <c r="AA538" s="53">
        <v>0</v>
      </c>
      <c r="AB538" s="53">
        <v>0</v>
      </c>
      <c r="AC538" s="53">
        <v>0</v>
      </c>
      <c r="AD538" s="53">
        <v>0</v>
      </c>
      <c r="AE538" s="53">
        <v>0</v>
      </c>
      <c r="AF538" s="53">
        <v>0</v>
      </c>
      <c r="AG538" s="53">
        <v>0</v>
      </c>
      <c r="AH538" s="53">
        <v>0</v>
      </c>
      <c r="AI538" s="53">
        <v>0</v>
      </c>
      <c r="AJ538" s="53">
        <v>0</v>
      </c>
      <c r="AK538" s="53">
        <v>0</v>
      </c>
      <c r="AL538" s="53">
        <v>0</v>
      </c>
      <c r="AM538" s="53">
        <v>0</v>
      </c>
      <c r="AN538" s="53">
        <v>0</v>
      </c>
      <c r="AO538" s="53">
        <v>0</v>
      </c>
      <c r="AP538" s="53">
        <v>0</v>
      </c>
      <c r="AQ538" s="53">
        <v>0</v>
      </c>
      <c r="AR538" s="53">
        <v>0</v>
      </c>
      <c r="AS538" s="53">
        <v>0</v>
      </c>
      <c r="AT538" s="53">
        <v>0</v>
      </c>
      <c r="AU538" s="53">
        <v>0</v>
      </c>
      <c r="AV538" s="53">
        <v>0</v>
      </c>
      <c r="AW538" s="53">
        <v>0</v>
      </c>
      <c r="AX538" s="53">
        <v>0</v>
      </c>
      <c r="AY538" s="53">
        <v>0</v>
      </c>
      <c r="AZ538" s="53">
        <v>0</v>
      </c>
      <c r="BA538" s="53">
        <v>0</v>
      </c>
    </row>
    <row r="539" spans="1:53">
      <c r="A539" s="52" t="s">
        <v>3049</v>
      </c>
      <c r="B539" s="53">
        <v>0</v>
      </c>
      <c r="C539" s="53">
        <v>0</v>
      </c>
      <c r="D539" s="53">
        <v>0</v>
      </c>
      <c r="E539" s="53">
        <v>0</v>
      </c>
      <c r="F539" s="53">
        <v>0</v>
      </c>
      <c r="G539" s="53">
        <v>0</v>
      </c>
      <c r="H539" s="53">
        <v>0</v>
      </c>
      <c r="I539" s="53">
        <v>0</v>
      </c>
      <c r="J539" s="53">
        <v>0</v>
      </c>
      <c r="K539" s="53">
        <v>0</v>
      </c>
      <c r="L539" s="53">
        <v>0</v>
      </c>
      <c r="M539" s="53">
        <v>0</v>
      </c>
      <c r="N539" s="53">
        <v>0</v>
      </c>
      <c r="O539" s="53">
        <v>0</v>
      </c>
      <c r="P539" s="53">
        <v>0</v>
      </c>
      <c r="Q539" s="53">
        <v>0</v>
      </c>
      <c r="R539" s="53">
        <v>0</v>
      </c>
      <c r="S539" s="53">
        <v>0</v>
      </c>
      <c r="T539" s="53">
        <v>0</v>
      </c>
      <c r="U539" s="53">
        <v>0</v>
      </c>
      <c r="V539" s="53">
        <v>0</v>
      </c>
      <c r="W539" s="53">
        <v>0</v>
      </c>
      <c r="X539" s="53">
        <v>0</v>
      </c>
      <c r="Y539" s="53">
        <v>0</v>
      </c>
      <c r="Z539" s="53">
        <v>0</v>
      </c>
      <c r="AA539" s="53">
        <v>0</v>
      </c>
      <c r="AB539" s="53">
        <v>0</v>
      </c>
      <c r="AC539" s="53">
        <v>0</v>
      </c>
      <c r="AD539" s="53">
        <v>0</v>
      </c>
      <c r="AE539" s="53">
        <v>0</v>
      </c>
      <c r="AF539" s="53">
        <v>0</v>
      </c>
      <c r="AG539" s="53">
        <v>0</v>
      </c>
      <c r="AH539" s="53">
        <v>0</v>
      </c>
      <c r="AI539" s="53">
        <v>0</v>
      </c>
      <c r="AJ539" s="53">
        <v>0</v>
      </c>
      <c r="AK539" s="53">
        <v>0</v>
      </c>
      <c r="AL539" s="53">
        <v>0</v>
      </c>
      <c r="AM539" s="53">
        <v>0</v>
      </c>
      <c r="AN539" s="53">
        <v>0</v>
      </c>
      <c r="AO539" s="53">
        <v>0</v>
      </c>
      <c r="AP539" s="53">
        <v>0</v>
      </c>
      <c r="AQ539" s="53">
        <v>0</v>
      </c>
      <c r="AR539" s="53">
        <v>0</v>
      </c>
      <c r="AS539" s="53">
        <v>0</v>
      </c>
      <c r="AT539" s="53">
        <v>0</v>
      </c>
      <c r="AU539" s="53">
        <v>0</v>
      </c>
      <c r="AV539" s="53">
        <v>0</v>
      </c>
      <c r="AW539" s="53">
        <v>0</v>
      </c>
      <c r="AX539" s="53">
        <v>0</v>
      </c>
      <c r="AY539" s="53">
        <v>0</v>
      </c>
      <c r="AZ539" s="53">
        <v>0</v>
      </c>
      <c r="BA539" s="53">
        <v>0</v>
      </c>
    </row>
    <row r="540" spans="1:53">
      <c r="A540" s="52" t="s">
        <v>3050</v>
      </c>
      <c r="B540" s="53">
        <v>0</v>
      </c>
      <c r="C540" s="53">
        <v>0</v>
      </c>
      <c r="D540" s="53">
        <v>0</v>
      </c>
      <c r="E540" s="53">
        <v>0</v>
      </c>
      <c r="F540" s="53">
        <v>0</v>
      </c>
      <c r="G540" s="53">
        <v>0</v>
      </c>
      <c r="H540" s="53">
        <v>0</v>
      </c>
      <c r="I540" s="53">
        <v>0</v>
      </c>
      <c r="J540" s="53">
        <v>0</v>
      </c>
      <c r="K540" s="53">
        <v>0</v>
      </c>
      <c r="L540" s="53">
        <v>0</v>
      </c>
      <c r="M540" s="53">
        <v>0</v>
      </c>
      <c r="N540" s="53">
        <v>0</v>
      </c>
      <c r="O540" s="53">
        <v>0</v>
      </c>
      <c r="P540" s="53">
        <v>0</v>
      </c>
      <c r="Q540" s="53">
        <v>0</v>
      </c>
      <c r="R540" s="53">
        <v>0</v>
      </c>
      <c r="S540" s="53">
        <v>0</v>
      </c>
      <c r="T540" s="53">
        <v>0</v>
      </c>
      <c r="U540" s="53">
        <v>0</v>
      </c>
      <c r="V540" s="53">
        <v>0</v>
      </c>
      <c r="W540" s="53">
        <v>0</v>
      </c>
      <c r="X540" s="53">
        <v>0</v>
      </c>
      <c r="Y540" s="53">
        <v>0</v>
      </c>
      <c r="Z540" s="53">
        <v>0</v>
      </c>
      <c r="AA540" s="53">
        <v>0</v>
      </c>
      <c r="AB540" s="53">
        <v>0</v>
      </c>
      <c r="AC540" s="53">
        <v>0</v>
      </c>
      <c r="AD540" s="53">
        <v>0</v>
      </c>
      <c r="AE540" s="53">
        <v>0</v>
      </c>
      <c r="AF540" s="53">
        <v>0</v>
      </c>
      <c r="AG540" s="53">
        <v>0</v>
      </c>
      <c r="AH540" s="53">
        <v>0</v>
      </c>
      <c r="AI540" s="53">
        <v>0</v>
      </c>
      <c r="AJ540" s="53">
        <v>0</v>
      </c>
      <c r="AK540" s="53">
        <v>0</v>
      </c>
      <c r="AL540" s="53">
        <v>0</v>
      </c>
      <c r="AM540" s="53">
        <v>0</v>
      </c>
      <c r="AN540" s="53">
        <v>0</v>
      </c>
      <c r="AO540" s="53">
        <v>0</v>
      </c>
      <c r="AP540" s="53">
        <v>0</v>
      </c>
      <c r="AQ540" s="53">
        <v>0</v>
      </c>
      <c r="AR540" s="53">
        <v>0</v>
      </c>
      <c r="AS540" s="53">
        <v>0</v>
      </c>
      <c r="AT540" s="53">
        <v>0</v>
      </c>
      <c r="AU540" s="53">
        <v>0</v>
      </c>
      <c r="AV540" s="53">
        <v>0</v>
      </c>
      <c r="AW540" s="53">
        <v>0</v>
      </c>
      <c r="AX540" s="53">
        <v>0</v>
      </c>
      <c r="AY540" s="53">
        <v>0</v>
      </c>
      <c r="AZ540" s="53">
        <v>0</v>
      </c>
      <c r="BA540" s="53">
        <v>0</v>
      </c>
    </row>
    <row r="541" spans="1:53">
      <c r="A541" s="52" t="s">
        <v>3051</v>
      </c>
      <c r="B541" s="53">
        <v>0</v>
      </c>
      <c r="C541" s="53">
        <v>0</v>
      </c>
      <c r="D541" s="53">
        <v>0</v>
      </c>
      <c r="E541" s="53">
        <v>0</v>
      </c>
      <c r="F541" s="53">
        <v>0</v>
      </c>
      <c r="G541" s="53">
        <v>0</v>
      </c>
      <c r="H541" s="53">
        <v>0</v>
      </c>
      <c r="I541" s="53">
        <v>0</v>
      </c>
      <c r="J541" s="53">
        <v>0</v>
      </c>
      <c r="K541" s="53">
        <v>0</v>
      </c>
      <c r="L541" s="53">
        <v>0</v>
      </c>
      <c r="M541" s="53">
        <v>0</v>
      </c>
      <c r="N541" s="53">
        <v>0</v>
      </c>
      <c r="O541" s="53">
        <v>0</v>
      </c>
      <c r="P541" s="53">
        <v>0</v>
      </c>
      <c r="Q541" s="53">
        <v>0</v>
      </c>
      <c r="R541" s="53">
        <v>0</v>
      </c>
      <c r="S541" s="53">
        <v>0</v>
      </c>
      <c r="T541" s="53">
        <v>0</v>
      </c>
      <c r="U541" s="53">
        <v>0</v>
      </c>
      <c r="V541" s="53">
        <v>0</v>
      </c>
      <c r="W541" s="53">
        <v>0</v>
      </c>
      <c r="X541" s="53">
        <v>0</v>
      </c>
      <c r="Y541" s="53">
        <v>0</v>
      </c>
      <c r="Z541" s="53">
        <v>0</v>
      </c>
      <c r="AA541" s="53">
        <v>0</v>
      </c>
      <c r="AB541" s="53">
        <v>0</v>
      </c>
      <c r="AC541" s="53">
        <v>0</v>
      </c>
      <c r="AD541" s="53">
        <v>0</v>
      </c>
      <c r="AE541" s="53">
        <v>0</v>
      </c>
      <c r="AF541" s="53">
        <v>0</v>
      </c>
      <c r="AG541" s="53">
        <v>0</v>
      </c>
      <c r="AH541" s="53">
        <v>0</v>
      </c>
      <c r="AI541" s="53">
        <v>0</v>
      </c>
      <c r="AJ541" s="53">
        <v>0</v>
      </c>
      <c r="AK541" s="53">
        <v>0</v>
      </c>
      <c r="AL541" s="53">
        <v>0</v>
      </c>
      <c r="AM541" s="53">
        <v>0</v>
      </c>
      <c r="AN541" s="53">
        <v>0</v>
      </c>
      <c r="AO541" s="53">
        <v>0</v>
      </c>
      <c r="AP541" s="53">
        <v>0</v>
      </c>
      <c r="AQ541" s="53">
        <v>0</v>
      </c>
      <c r="AR541" s="53">
        <v>0</v>
      </c>
      <c r="AS541" s="53">
        <v>0</v>
      </c>
      <c r="AT541" s="53">
        <v>0</v>
      </c>
      <c r="AU541" s="53">
        <v>0</v>
      </c>
      <c r="AV541" s="53">
        <v>0</v>
      </c>
      <c r="AW541" s="53">
        <v>0</v>
      </c>
      <c r="AX541" s="53">
        <v>0</v>
      </c>
      <c r="AY541" s="53">
        <v>0</v>
      </c>
      <c r="AZ541" s="53">
        <v>0</v>
      </c>
      <c r="BA541" s="53">
        <v>0</v>
      </c>
    </row>
    <row r="542" spans="1:53">
      <c r="A542" s="52" t="s">
        <v>3052</v>
      </c>
      <c r="B542" s="53">
        <v>0</v>
      </c>
      <c r="C542" s="53">
        <v>0</v>
      </c>
      <c r="D542" s="53">
        <v>0</v>
      </c>
      <c r="E542" s="53">
        <v>0</v>
      </c>
      <c r="F542" s="53">
        <v>0</v>
      </c>
      <c r="G542" s="53">
        <v>0</v>
      </c>
      <c r="H542" s="53">
        <v>0</v>
      </c>
      <c r="I542" s="53">
        <v>0</v>
      </c>
      <c r="J542" s="53">
        <v>0</v>
      </c>
      <c r="K542" s="53">
        <v>0</v>
      </c>
      <c r="L542" s="53">
        <v>0</v>
      </c>
      <c r="M542" s="53">
        <v>0</v>
      </c>
      <c r="N542" s="53">
        <v>0</v>
      </c>
      <c r="O542" s="53">
        <v>0</v>
      </c>
      <c r="P542" s="53">
        <v>0</v>
      </c>
      <c r="Q542" s="53">
        <v>0</v>
      </c>
      <c r="R542" s="53">
        <v>0</v>
      </c>
      <c r="S542" s="53">
        <v>0</v>
      </c>
      <c r="T542" s="53">
        <v>0</v>
      </c>
      <c r="U542" s="53">
        <v>0</v>
      </c>
      <c r="V542" s="53">
        <v>0</v>
      </c>
      <c r="W542" s="53">
        <v>0</v>
      </c>
      <c r="X542" s="53">
        <v>0</v>
      </c>
      <c r="Y542" s="53">
        <v>0</v>
      </c>
      <c r="Z542" s="53">
        <v>0</v>
      </c>
      <c r="AA542" s="53">
        <v>0</v>
      </c>
      <c r="AB542" s="53">
        <v>0</v>
      </c>
      <c r="AC542" s="53">
        <v>0</v>
      </c>
      <c r="AD542" s="53">
        <v>0</v>
      </c>
      <c r="AE542" s="53">
        <v>0</v>
      </c>
      <c r="AF542" s="53">
        <v>0</v>
      </c>
      <c r="AG542" s="53">
        <v>0</v>
      </c>
      <c r="AH542" s="53">
        <v>0</v>
      </c>
      <c r="AI542" s="53">
        <v>0</v>
      </c>
      <c r="AJ542" s="53">
        <v>0</v>
      </c>
      <c r="AK542" s="53">
        <v>0</v>
      </c>
      <c r="AL542" s="53">
        <v>0</v>
      </c>
      <c r="AM542" s="53">
        <v>0</v>
      </c>
      <c r="AN542" s="53">
        <v>0</v>
      </c>
      <c r="AO542" s="53">
        <v>0</v>
      </c>
      <c r="AP542" s="53">
        <v>0</v>
      </c>
      <c r="AQ542" s="53">
        <v>0</v>
      </c>
      <c r="AR542" s="53">
        <v>0</v>
      </c>
      <c r="AS542" s="53">
        <v>0</v>
      </c>
      <c r="AT542" s="53">
        <v>0</v>
      </c>
      <c r="AU542" s="53">
        <v>0</v>
      </c>
      <c r="AV542" s="53">
        <v>0</v>
      </c>
      <c r="AW542" s="53">
        <v>0</v>
      </c>
      <c r="AX542" s="53">
        <v>0</v>
      </c>
      <c r="AY542" s="53">
        <v>0</v>
      </c>
      <c r="AZ542" s="53">
        <v>0</v>
      </c>
      <c r="BA542" s="53">
        <v>0</v>
      </c>
    </row>
    <row r="543" spans="1:53">
      <c r="A543" s="52" t="s">
        <v>3053</v>
      </c>
      <c r="B543" s="53">
        <v>0</v>
      </c>
      <c r="C543" s="53">
        <v>0</v>
      </c>
      <c r="D543" s="53">
        <v>0</v>
      </c>
      <c r="E543" s="53">
        <v>0</v>
      </c>
      <c r="F543" s="53">
        <v>0</v>
      </c>
      <c r="G543" s="53">
        <v>0</v>
      </c>
      <c r="H543" s="53">
        <v>0</v>
      </c>
      <c r="I543" s="53">
        <v>0</v>
      </c>
      <c r="J543" s="53">
        <v>0</v>
      </c>
      <c r="K543" s="53">
        <v>0</v>
      </c>
      <c r="L543" s="53">
        <v>0</v>
      </c>
      <c r="M543" s="53">
        <v>0</v>
      </c>
      <c r="N543" s="53">
        <v>0</v>
      </c>
      <c r="O543" s="53">
        <v>0</v>
      </c>
      <c r="P543" s="53">
        <v>0</v>
      </c>
      <c r="Q543" s="53">
        <v>0</v>
      </c>
      <c r="R543" s="53">
        <v>0</v>
      </c>
      <c r="S543" s="53">
        <v>0</v>
      </c>
      <c r="T543" s="53">
        <v>0</v>
      </c>
      <c r="U543" s="53">
        <v>0</v>
      </c>
      <c r="V543" s="53">
        <v>0</v>
      </c>
      <c r="W543" s="53">
        <v>0</v>
      </c>
      <c r="X543" s="53">
        <v>0</v>
      </c>
      <c r="Y543" s="53">
        <v>0</v>
      </c>
      <c r="Z543" s="53">
        <v>0</v>
      </c>
      <c r="AA543" s="53">
        <v>0</v>
      </c>
      <c r="AB543" s="53">
        <v>0</v>
      </c>
      <c r="AC543" s="53">
        <v>0</v>
      </c>
      <c r="AD543" s="53">
        <v>0</v>
      </c>
      <c r="AE543" s="53">
        <v>0</v>
      </c>
      <c r="AF543" s="53">
        <v>0</v>
      </c>
      <c r="AG543" s="53">
        <v>0</v>
      </c>
      <c r="AH543" s="53">
        <v>0</v>
      </c>
      <c r="AI543" s="53">
        <v>0</v>
      </c>
      <c r="AJ543" s="53">
        <v>0</v>
      </c>
      <c r="AK543" s="53">
        <v>0</v>
      </c>
      <c r="AL543" s="53">
        <v>0</v>
      </c>
      <c r="AM543" s="53">
        <v>0</v>
      </c>
      <c r="AN543" s="53">
        <v>0</v>
      </c>
      <c r="AO543" s="53">
        <v>0</v>
      </c>
      <c r="AP543" s="53">
        <v>0</v>
      </c>
      <c r="AQ543" s="53">
        <v>0</v>
      </c>
      <c r="AR543" s="53">
        <v>0</v>
      </c>
      <c r="AS543" s="53">
        <v>0</v>
      </c>
      <c r="AT543" s="53">
        <v>0</v>
      </c>
      <c r="AU543" s="53">
        <v>0</v>
      </c>
      <c r="AV543" s="53">
        <v>0</v>
      </c>
      <c r="AW543" s="53">
        <v>0</v>
      </c>
      <c r="AX543" s="53">
        <v>0</v>
      </c>
      <c r="AY543" s="53">
        <v>0</v>
      </c>
      <c r="AZ543" s="53">
        <v>0</v>
      </c>
      <c r="BA543" s="53">
        <v>0</v>
      </c>
    </row>
    <row r="544" spans="1:53">
      <c r="A544" s="52" t="s">
        <v>3054</v>
      </c>
      <c r="B544" s="53">
        <v>0</v>
      </c>
      <c r="C544" s="53">
        <v>0</v>
      </c>
      <c r="D544" s="53">
        <v>0</v>
      </c>
      <c r="E544" s="53">
        <v>0</v>
      </c>
      <c r="F544" s="53">
        <v>0</v>
      </c>
      <c r="G544" s="53">
        <v>0</v>
      </c>
      <c r="H544" s="53">
        <v>0</v>
      </c>
      <c r="I544" s="53">
        <v>0</v>
      </c>
      <c r="J544" s="53">
        <v>0</v>
      </c>
      <c r="K544" s="53">
        <v>0</v>
      </c>
      <c r="L544" s="53">
        <v>0</v>
      </c>
      <c r="M544" s="53">
        <v>0</v>
      </c>
      <c r="N544" s="53">
        <v>0</v>
      </c>
      <c r="O544" s="53">
        <v>0</v>
      </c>
      <c r="P544" s="53">
        <v>0</v>
      </c>
      <c r="Q544" s="53">
        <v>0</v>
      </c>
      <c r="R544" s="53">
        <v>0</v>
      </c>
      <c r="S544" s="53">
        <v>0</v>
      </c>
      <c r="T544" s="53">
        <v>0</v>
      </c>
      <c r="U544" s="53">
        <v>0</v>
      </c>
      <c r="V544" s="53">
        <v>0</v>
      </c>
      <c r="W544" s="53">
        <v>0</v>
      </c>
      <c r="X544" s="53">
        <v>0</v>
      </c>
      <c r="Y544" s="53">
        <v>0</v>
      </c>
      <c r="Z544" s="53">
        <v>0</v>
      </c>
      <c r="AA544" s="53">
        <v>0</v>
      </c>
      <c r="AB544" s="53">
        <v>0</v>
      </c>
      <c r="AC544" s="53">
        <v>0</v>
      </c>
      <c r="AD544" s="53">
        <v>0</v>
      </c>
      <c r="AE544" s="53">
        <v>0</v>
      </c>
      <c r="AF544" s="53">
        <v>0</v>
      </c>
      <c r="AG544" s="53">
        <v>0</v>
      </c>
      <c r="AH544" s="53">
        <v>0</v>
      </c>
      <c r="AI544" s="53">
        <v>0</v>
      </c>
      <c r="AJ544" s="53">
        <v>0</v>
      </c>
      <c r="AK544" s="53">
        <v>0</v>
      </c>
      <c r="AL544" s="53">
        <v>0</v>
      </c>
      <c r="AM544" s="53">
        <v>0</v>
      </c>
      <c r="AN544" s="53">
        <v>0</v>
      </c>
      <c r="AO544" s="53">
        <v>0</v>
      </c>
      <c r="AP544" s="53">
        <v>0</v>
      </c>
      <c r="AQ544" s="53">
        <v>0</v>
      </c>
      <c r="AR544" s="53">
        <v>0</v>
      </c>
      <c r="AS544" s="53">
        <v>0</v>
      </c>
      <c r="AT544" s="53">
        <v>0</v>
      </c>
      <c r="AU544" s="53">
        <v>0</v>
      </c>
      <c r="AV544" s="53">
        <v>0</v>
      </c>
      <c r="AW544" s="53">
        <v>0</v>
      </c>
      <c r="AX544" s="53">
        <v>0</v>
      </c>
      <c r="AY544" s="53">
        <v>0</v>
      </c>
      <c r="AZ544" s="53">
        <v>0</v>
      </c>
      <c r="BA544" s="53">
        <v>0</v>
      </c>
    </row>
    <row r="545" spans="1:53">
      <c r="A545" s="58" t="s">
        <v>3055</v>
      </c>
      <c r="B545" s="134">
        <v>8474.92</v>
      </c>
      <c r="C545" s="134">
        <v>8474.92</v>
      </c>
      <c r="D545" s="134">
        <v>8474.92</v>
      </c>
      <c r="E545" s="134">
        <v>8474.92</v>
      </c>
      <c r="F545" s="134">
        <v>8474.92</v>
      </c>
      <c r="G545" s="134">
        <v>8474.92</v>
      </c>
      <c r="H545" s="134">
        <v>8474.92</v>
      </c>
      <c r="I545" s="134">
        <v>8474.92</v>
      </c>
      <c r="J545" s="134">
        <v>8474.92</v>
      </c>
      <c r="K545" s="134">
        <v>8474.92</v>
      </c>
      <c r="L545" s="134">
        <v>8474.92</v>
      </c>
      <c r="M545" s="134">
        <v>8474.92</v>
      </c>
      <c r="N545" s="134">
        <v>8474.92</v>
      </c>
      <c r="O545" s="134">
        <v>8474.92</v>
      </c>
      <c r="P545" s="134">
        <v>8474.92</v>
      </c>
      <c r="Q545" s="134">
        <v>8474.92</v>
      </c>
      <c r="R545" s="134">
        <v>8474.92</v>
      </c>
      <c r="S545" s="134">
        <v>8474.92</v>
      </c>
      <c r="T545" s="134">
        <v>8474.92</v>
      </c>
      <c r="U545" s="134">
        <v>8474.92</v>
      </c>
      <c r="V545" s="134">
        <v>8474.92</v>
      </c>
      <c r="W545" s="134">
        <v>8474.92</v>
      </c>
      <c r="X545" s="134">
        <v>8474.92</v>
      </c>
      <c r="Y545" s="134">
        <v>8474.92</v>
      </c>
      <c r="Z545" s="134">
        <v>8474.92</v>
      </c>
      <c r="AA545" s="134">
        <v>8474.92</v>
      </c>
      <c r="AB545" s="134">
        <v>8474.92</v>
      </c>
      <c r="AC545" s="134">
        <v>8474.92</v>
      </c>
      <c r="AD545" s="134">
        <v>8474.92</v>
      </c>
      <c r="AE545" s="134">
        <v>8474.92</v>
      </c>
      <c r="AF545" s="134">
        <v>8474.92</v>
      </c>
      <c r="AG545" s="134">
        <v>8474.92</v>
      </c>
      <c r="AH545" s="134">
        <v>8474.92</v>
      </c>
      <c r="AI545" s="134">
        <v>8474.92</v>
      </c>
      <c r="AJ545" s="134">
        <v>8474.92</v>
      </c>
      <c r="AK545" s="134">
        <v>8474.92</v>
      </c>
      <c r="AL545" s="134">
        <v>8474.92</v>
      </c>
      <c r="AM545" s="134">
        <v>8474.92</v>
      </c>
      <c r="AN545" s="134">
        <v>8474.92</v>
      </c>
      <c r="AO545" s="134">
        <v>8474.92</v>
      </c>
      <c r="AP545" s="134">
        <v>8474.92</v>
      </c>
      <c r="AQ545" s="134">
        <v>8474.92</v>
      </c>
      <c r="AR545" s="134">
        <v>8474.92</v>
      </c>
      <c r="AS545" s="134">
        <v>8474.92</v>
      </c>
      <c r="AT545" s="134">
        <v>8474.92</v>
      </c>
      <c r="AU545" s="134">
        <v>8474.92</v>
      </c>
      <c r="AV545" s="134">
        <v>8474.92</v>
      </c>
      <c r="AW545" s="134">
        <v>8474.92</v>
      </c>
      <c r="AX545" s="134">
        <v>8474.92</v>
      </c>
      <c r="AY545" s="134">
        <v>8474.92</v>
      </c>
      <c r="AZ545" s="134">
        <v>8474.92</v>
      </c>
      <c r="BA545" s="134">
        <v>8474.92</v>
      </c>
    </row>
    <row r="546" spans="1:53">
      <c r="A546" s="52" t="s">
        <v>3056</v>
      </c>
    </row>
    <row r="547" spans="1:53">
      <c r="A547" s="57" t="s">
        <v>3057</v>
      </c>
    </row>
    <row r="548" spans="1:53">
      <c r="A548" s="52" t="s">
        <v>3058</v>
      </c>
      <c r="B548" s="53">
        <v>0</v>
      </c>
      <c r="C548" s="53">
        <v>0</v>
      </c>
      <c r="D548" s="53">
        <v>0</v>
      </c>
      <c r="E548" s="53">
        <v>0</v>
      </c>
      <c r="F548" s="53">
        <v>0</v>
      </c>
      <c r="G548" s="53">
        <v>0</v>
      </c>
      <c r="H548" s="53">
        <v>0</v>
      </c>
      <c r="I548" s="53">
        <v>0</v>
      </c>
      <c r="J548" s="53">
        <v>0</v>
      </c>
      <c r="K548" s="53">
        <v>0</v>
      </c>
      <c r="L548" s="53">
        <v>0</v>
      </c>
      <c r="M548" s="53">
        <v>0</v>
      </c>
      <c r="N548" s="53">
        <v>0</v>
      </c>
      <c r="O548" s="53">
        <v>0</v>
      </c>
      <c r="P548" s="53">
        <v>0</v>
      </c>
      <c r="Q548" s="53">
        <v>0</v>
      </c>
      <c r="R548" s="53">
        <v>0</v>
      </c>
      <c r="S548" s="53">
        <v>0</v>
      </c>
      <c r="T548" s="53">
        <v>0</v>
      </c>
      <c r="U548" s="53">
        <v>0</v>
      </c>
      <c r="V548" s="53">
        <v>0</v>
      </c>
      <c r="W548" s="53">
        <v>0</v>
      </c>
      <c r="X548" s="53">
        <v>0</v>
      </c>
      <c r="Y548" s="53">
        <v>0</v>
      </c>
      <c r="Z548" s="53">
        <v>0</v>
      </c>
      <c r="AA548" s="53">
        <v>0</v>
      </c>
      <c r="AB548" s="53">
        <v>0</v>
      </c>
      <c r="AC548" s="53">
        <v>0</v>
      </c>
      <c r="AD548" s="53">
        <v>0</v>
      </c>
      <c r="AE548" s="53">
        <v>0</v>
      </c>
      <c r="AF548" s="53">
        <v>0</v>
      </c>
      <c r="AG548" s="53">
        <v>0</v>
      </c>
      <c r="AH548" s="53">
        <v>0</v>
      </c>
      <c r="AI548" s="53">
        <v>0</v>
      </c>
      <c r="AJ548" s="53">
        <v>0</v>
      </c>
      <c r="AK548" s="53">
        <v>0</v>
      </c>
      <c r="AL548" s="53">
        <v>0</v>
      </c>
      <c r="AM548" s="53">
        <v>0</v>
      </c>
      <c r="AN548" s="53">
        <v>0</v>
      </c>
      <c r="AO548" s="53">
        <v>0</v>
      </c>
      <c r="AP548" s="53">
        <v>0</v>
      </c>
      <c r="AQ548" s="53">
        <v>0</v>
      </c>
      <c r="AR548" s="53">
        <v>0</v>
      </c>
      <c r="AS548" s="53">
        <v>0</v>
      </c>
      <c r="AT548" s="53">
        <v>0</v>
      </c>
      <c r="AU548" s="53">
        <v>0</v>
      </c>
      <c r="AV548" s="53">
        <v>0</v>
      </c>
      <c r="AW548" s="53">
        <v>0</v>
      </c>
      <c r="AX548" s="53">
        <v>0</v>
      </c>
      <c r="AY548" s="53">
        <v>0</v>
      </c>
      <c r="AZ548" s="53">
        <v>0</v>
      </c>
      <c r="BA548" s="53">
        <v>0</v>
      </c>
    </row>
    <row r="549" spans="1:53">
      <c r="A549" s="58" t="s">
        <v>3059</v>
      </c>
      <c r="B549" s="53">
        <v>0</v>
      </c>
      <c r="C549" s="53">
        <v>0</v>
      </c>
      <c r="D549" s="53">
        <v>0</v>
      </c>
      <c r="E549" s="53">
        <v>0</v>
      </c>
      <c r="F549" s="53">
        <v>0</v>
      </c>
      <c r="G549" s="53">
        <v>0</v>
      </c>
      <c r="H549" s="53">
        <v>0</v>
      </c>
      <c r="I549" s="53">
        <v>0</v>
      </c>
      <c r="J549" s="53">
        <v>0</v>
      </c>
      <c r="K549" s="53">
        <v>0</v>
      </c>
      <c r="L549" s="53">
        <v>0</v>
      </c>
      <c r="M549" s="53">
        <v>0</v>
      </c>
      <c r="N549" s="53">
        <v>0</v>
      </c>
      <c r="O549" s="53">
        <v>0</v>
      </c>
      <c r="P549" s="53">
        <v>0</v>
      </c>
      <c r="Q549" s="53">
        <v>0</v>
      </c>
      <c r="R549" s="53">
        <v>0</v>
      </c>
      <c r="S549" s="53">
        <v>0</v>
      </c>
      <c r="T549" s="53">
        <v>0</v>
      </c>
      <c r="U549" s="53">
        <v>0</v>
      </c>
      <c r="V549" s="53">
        <v>0</v>
      </c>
      <c r="W549" s="53">
        <v>0</v>
      </c>
      <c r="X549" s="53">
        <v>0</v>
      </c>
      <c r="Y549" s="53">
        <v>0</v>
      </c>
      <c r="Z549" s="53">
        <v>0</v>
      </c>
      <c r="AA549" s="53">
        <v>0</v>
      </c>
      <c r="AB549" s="53">
        <v>0</v>
      </c>
      <c r="AC549" s="53">
        <v>0</v>
      </c>
      <c r="AD549" s="53">
        <v>0</v>
      </c>
      <c r="AE549" s="53">
        <v>0</v>
      </c>
      <c r="AF549" s="53">
        <v>0</v>
      </c>
      <c r="AG549" s="53">
        <v>0</v>
      </c>
      <c r="AH549" s="53">
        <v>0</v>
      </c>
      <c r="AI549" s="53">
        <v>0</v>
      </c>
      <c r="AJ549" s="53">
        <v>0</v>
      </c>
      <c r="AK549" s="53">
        <v>0</v>
      </c>
      <c r="AL549" s="53">
        <v>0</v>
      </c>
      <c r="AM549" s="53">
        <v>0</v>
      </c>
      <c r="AN549" s="53">
        <v>0</v>
      </c>
      <c r="AO549" s="53">
        <v>0</v>
      </c>
      <c r="AP549" s="53">
        <v>0</v>
      </c>
      <c r="AQ549" s="53">
        <v>0</v>
      </c>
      <c r="AR549" s="53">
        <v>0</v>
      </c>
      <c r="AS549" s="53">
        <v>0</v>
      </c>
      <c r="AT549" s="53">
        <v>0</v>
      </c>
      <c r="AU549" s="53">
        <v>0</v>
      </c>
      <c r="AV549" s="53">
        <v>0</v>
      </c>
      <c r="AW549" s="53">
        <v>0</v>
      </c>
      <c r="AX549" s="53">
        <v>0</v>
      </c>
      <c r="AY549" s="53">
        <v>0</v>
      </c>
      <c r="AZ549" s="53">
        <v>0</v>
      </c>
      <c r="BA549" s="53">
        <v>0</v>
      </c>
    </row>
    <row r="550" spans="1:53">
      <c r="A550" s="52" t="s">
        <v>3060</v>
      </c>
    </row>
    <row r="551" spans="1:53">
      <c r="A551" s="57" t="s">
        <v>3061</v>
      </c>
    </row>
    <row r="552" spans="1:53">
      <c r="A552" s="52" t="s">
        <v>3062</v>
      </c>
      <c r="B552" s="53">
        <v>0</v>
      </c>
      <c r="C552" s="53">
        <v>0</v>
      </c>
      <c r="D552" s="53">
        <v>0</v>
      </c>
      <c r="E552" s="53">
        <v>0</v>
      </c>
      <c r="F552" s="53">
        <v>0</v>
      </c>
      <c r="G552" s="53">
        <v>0</v>
      </c>
      <c r="H552" s="53">
        <v>0</v>
      </c>
      <c r="I552" s="53">
        <v>0</v>
      </c>
      <c r="J552" s="53">
        <v>0</v>
      </c>
      <c r="K552" s="53">
        <v>0</v>
      </c>
      <c r="L552" s="53">
        <v>0</v>
      </c>
      <c r="M552" s="53">
        <v>0</v>
      </c>
      <c r="N552" s="53">
        <v>0</v>
      </c>
      <c r="O552" s="53">
        <v>0</v>
      </c>
      <c r="P552" s="53">
        <v>0</v>
      </c>
      <c r="Q552" s="53">
        <v>0</v>
      </c>
      <c r="R552" s="53">
        <v>0</v>
      </c>
      <c r="S552" s="53">
        <v>0</v>
      </c>
      <c r="T552" s="53">
        <v>0</v>
      </c>
      <c r="U552" s="53">
        <v>0</v>
      </c>
      <c r="V552" s="53">
        <v>0</v>
      </c>
      <c r="W552" s="53">
        <v>0</v>
      </c>
      <c r="X552" s="53">
        <v>0</v>
      </c>
      <c r="Y552" s="53">
        <v>0</v>
      </c>
      <c r="Z552" s="53">
        <v>0</v>
      </c>
      <c r="AA552" s="53">
        <v>0</v>
      </c>
      <c r="AB552" s="53">
        <v>0</v>
      </c>
      <c r="AC552" s="53">
        <v>0</v>
      </c>
      <c r="AD552" s="53">
        <v>0</v>
      </c>
      <c r="AE552" s="53">
        <v>0</v>
      </c>
      <c r="AF552" s="53">
        <v>0</v>
      </c>
      <c r="AG552" s="53">
        <v>0</v>
      </c>
      <c r="AH552" s="53">
        <v>0</v>
      </c>
      <c r="AI552" s="53">
        <v>0</v>
      </c>
      <c r="AJ552" s="53">
        <v>0</v>
      </c>
      <c r="AK552" s="53">
        <v>0</v>
      </c>
      <c r="AL552" s="53">
        <v>0</v>
      </c>
      <c r="AM552" s="53">
        <v>0</v>
      </c>
      <c r="AN552" s="53">
        <v>0</v>
      </c>
      <c r="AO552" s="53">
        <v>0</v>
      </c>
      <c r="AP552" s="53">
        <v>0</v>
      </c>
      <c r="AQ552" s="53">
        <v>0</v>
      </c>
      <c r="AR552" s="53">
        <v>0</v>
      </c>
      <c r="AS552" s="53">
        <v>0</v>
      </c>
      <c r="AT552" s="53">
        <v>0</v>
      </c>
      <c r="AU552" s="53">
        <v>0</v>
      </c>
      <c r="AV552" s="53">
        <v>0</v>
      </c>
      <c r="AW552" s="53">
        <v>0</v>
      </c>
      <c r="AX552" s="53">
        <v>0</v>
      </c>
      <c r="AY552" s="53">
        <v>0</v>
      </c>
      <c r="AZ552" s="53">
        <v>0</v>
      </c>
      <c r="BA552" s="53">
        <v>0</v>
      </c>
    </row>
    <row r="553" spans="1:53">
      <c r="A553" s="52" t="s">
        <v>3063</v>
      </c>
      <c r="B553" s="53">
        <v>0</v>
      </c>
      <c r="C553" s="53">
        <v>0</v>
      </c>
      <c r="D553" s="53">
        <v>0</v>
      </c>
      <c r="E553" s="53">
        <v>0</v>
      </c>
      <c r="F553" s="53">
        <v>0</v>
      </c>
      <c r="G553" s="53">
        <v>0</v>
      </c>
      <c r="H553" s="53">
        <v>0</v>
      </c>
      <c r="I553" s="53">
        <v>0</v>
      </c>
      <c r="J553" s="53">
        <v>0</v>
      </c>
      <c r="K553" s="53">
        <v>0</v>
      </c>
      <c r="L553" s="53">
        <v>0</v>
      </c>
      <c r="M553" s="53">
        <v>0</v>
      </c>
      <c r="N553" s="53">
        <v>0</v>
      </c>
      <c r="O553" s="53">
        <v>0</v>
      </c>
      <c r="P553" s="53">
        <v>0</v>
      </c>
      <c r="Q553" s="53">
        <v>0</v>
      </c>
      <c r="R553" s="53">
        <v>0</v>
      </c>
      <c r="S553" s="53">
        <v>0</v>
      </c>
      <c r="T553" s="53">
        <v>0</v>
      </c>
      <c r="U553" s="53">
        <v>0</v>
      </c>
      <c r="V553" s="53">
        <v>0</v>
      </c>
      <c r="W553" s="53">
        <v>0</v>
      </c>
      <c r="X553" s="53">
        <v>0</v>
      </c>
      <c r="Y553" s="53">
        <v>0</v>
      </c>
      <c r="Z553" s="53">
        <v>0</v>
      </c>
      <c r="AA553" s="53">
        <v>0</v>
      </c>
      <c r="AB553" s="53">
        <v>0</v>
      </c>
      <c r="AC553" s="53">
        <v>0</v>
      </c>
      <c r="AD553" s="53">
        <v>0</v>
      </c>
      <c r="AE553" s="53">
        <v>0</v>
      </c>
      <c r="AF553" s="53">
        <v>0</v>
      </c>
      <c r="AG553" s="53">
        <v>0</v>
      </c>
      <c r="AH553" s="53">
        <v>0</v>
      </c>
      <c r="AI553" s="53">
        <v>0</v>
      </c>
      <c r="AJ553" s="53">
        <v>0</v>
      </c>
      <c r="AK553" s="53">
        <v>0</v>
      </c>
      <c r="AL553" s="53">
        <v>0</v>
      </c>
      <c r="AM553" s="53">
        <v>0</v>
      </c>
      <c r="AN553" s="53">
        <v>0</v>
      </c>
      <c r="AO553" s="53">
        <v>0</v>
      </c>
      <c r="AP553" s="53">
        <v>0</v>
      </c>
      <c r="AQ553" s="53">
        <v>0</v>
      </c>
      <c r="AR553" s="53">
        <v>0</v>
      </c>
      <c r="AS553" s="53">
        <v>0</v>
      </c>
      <c r="AT553" s="53">
        <v>0</v>
      </c>
      <c r="AU553" s="53">
        <v>0</v>
      </c>
      <c r="AV553" s="53">
        <v>0</v>
      </c>
      <c r="AW553" s="53">
        <v>0</v>
      </c>
      <c r="AX553" s="53">
        <v>0</v>
      </c>
      <c r="AY553" s="53">
        <v>0</v>
      </c>
      <c r="AZ553" s="53">
        <v>0</v>
      </c>
      <c r="BA553" s="53">
        <v>0</v>
      </c>
    </row>
    <row r="554" spans="1:53">
      <c r="A554" s="52" t="s">
        <v>3064</v>
      </c>
      <c r="B554" s="53">
        <v>1517495.2005499899</v>
      </c>
      <c r="C554" s="53">
        <v>1634521.32109999</v>
      </c>
      <c r="D554" s="53">
        <v>1751547.4416499899</v>
      </c>
      <c r="E554" s="53">
        <v>1868573.56219999</v>
      </c>
      <c r="F554" s="53">
        <v>1985599.6827499899</v>
      </c>
      <c r="G554" s="53">
        <v>2102625.80329999</v>
      </c>
      <c r="H554" s="53">
        <v>2219651.9238499901</v>
      </c>
      <c r="I554" s="53">
        <v>2336678.0443999898</v>
      </c>
      <c r="J554" s="53">
        <v>2453704.1649499899</v>
      </c>
      <c r="K554" s="53">
        <v>2570730.28549999</v>
      </c>
      <c r="L554" s="53">
        <v>2687756.4060499999</v>
      </c>
      <c r="M554" s="53">
        <v>2804782.5266</v>
      </c>
      <c r="N554" s="53">
        <v>2804782.5266</v>
      </c>
      <c r="O554" s="53">
        <v>2757510.6358233299</v>
      </c>
      <c r="P554" s="53">
        <v>2710238.7450466598</v>
      </c>
      <c r="Q554" s="53">
        <v>2662966.85427</v>
      </c>
      <c r="R554" s="53">
        <v>2615694.9634933299</v>
      </c>
      <c r="S554" s="53">
        <v>2568423.0727166599</v>
      </c>
      <c r="T554" s="53">
        <v>2521151.18194</v>
      </c>
      <c r="U554" s="53">
        <v>2473879.29116333</v>
      </c>
      <c r="V554" s="53">
        <v>2426607.4003866599</v>
      </c>
      <c r="W554" s="53">
        <v>2379335.5096100001</v>
      </c>
      <c r="X554" s="53">
        <v>2332063.61883333</v>
      </c>
      <c r="Y554" s="53">
        <v>2284791.7280566599</v>
      </c>
      <c r="Z554" s="53">
        <v>2237519.8372800001</v>
      </c>
      <c r="AA554" s="53">
        <v>2237519.8372800001</v>
      </c>
      <c r="AB554" s="53">
        <v>2190247.94650333</v>
      </c>
      <c r="AC554" s="53">
        <v>2142976.0557266599</v>
      </c>
      <c r="AD554" s="53">
        <v>2095704.1649499999</v>
      </c>
      <c r="AE554" s="53">
        <v>2048432.27417333</v>
      </c>
      <c r="AF554" s="53">
        <v>2001160.38339666</v>
      </c>
      <c r="AG554" s="53">
        <v>1953888.4926199999</v>
      </c>
      <c r="AH554" s="53">
        <v>1906616.6018433301</v>
      </c>
      <c r="AI554" s="53">
        <v>1859344.71106666</v>
      </c>
      <c r="AJ554" s="53">
        <v>1812072.8202899999</v>
      </c>
      <c r="AK554" s="53">
        <v>1764800.9295133301</v>
      </c>
      <c r="AL554" s="53">
        <v>1717529.03873666</v>
      </c>
      <c r="AM554" s="53">
        <v>1670257.14796</v>
      </c>
      <c r="AN554" s="53">
        <v>1670257.14796</v>
      </c>
      <c r="AO554" s="53">
        <v>1622985.2571833299</v>
      </c>
      <c r="AP554" s="53">
        <v>1575713.3664066601</v>
      </c>
      <c r="AQ554" s="53">
        <v>1528441.47563</v>
      </c>
      <c r="AR554" s="53">
        <v>1481169.5848533299</v>
      </c>
      <c r="AS554" s="53">
        <v>1433897.6940766601</v>
      </c>
      <c r="AT554" s="53">
        <v>1386625.8033</v>
      </c>
      <c r="AU554" s="53">
        <v>1339353.91252333</v>
      </c>
      <c r="AV554" s="53">
        <v>1292082.0217466599</v>
      </c>
      <c r="AW554" s="53">
        <v>1244810.1309700001</v>
      </c>
      <c r="AX554" s="53">
        <v>1197538.24019333</v>
      </c>
      <c r="AY554" s="53">
        <v>1150266.3494166599</v>
      </c>
      <c r="AZ554" s="53">
        <v>1102994.4586400001</v>
      </c>
      <c r="BA554" s="53">
        <v>1102994.4586400001</v>
      </c>
    </row>
    <row r="555" spans="1:53">
      <c r="A555" s="52" t="s">
        <v>3065</v>
      </c>
      <c r="B555" s="53">
        <v>0</v>
      </c>
      <c r="C555" s="53">
        <v>0</v>
      </c>
      <c r="D555" s="53">
        <v>0</v>
      </c>
      <c r="E555" s="53">
        <v>0</v>
      </c>
      <c r="F555" s="53">
        <v>0</v>
      </c>
      <c r="G555" s="53">
        <v>0</v>
      </c>
      <c r="H555" s="53">
        <v>0</v>
      </c>
      <c r="I555" s="53">
        <v>0</v>
      </c>
      <c r="J555" s="53">
        <v>0</v>
      </c>
      <c r="K555" s="53">
        <v>0</v>
      </c>
      <c r="L555" s="53">
        <v>0</v>
      </c>
      <c r="M555" s="53">
        <v>0</v>
      </c>
      <c r="N555" s="53">
        <v>0</v>
      </c>
      <c r="O555" s="53">
        <v>0</v>
      </c>
      <c r="P555" s="53">
        <v>0</v>
      </c>
      <c r="Q555" s="53">
        <v>0</v>
      </c>
      <c r="R555" s="53">
        <v>0</v>
      </c>
      <c r="S555" s="53">
        <v>0</v>
      </c>
      <c r="T555" s="53">
        <v>0</v>
      </c>
      <c r="U555" s="53">
        <v>0</v>
      </c>
      <c r="V555" s="53">
        <v>0</v>
      </c>
      <c r="W555" s="53">
        <v>0</v>
      </c>
      <c r="X555" s="53">
        <v>0</v>
      </c>
      <c r="Y555" s="53">
        <v>0</v>
      </c>
      <c r="Z555" s="53">
        <v>0</v>
      </c>
      <c r="AA555" s="53">
        <v>0</v>
      </c>
      <c r="AB555" s="53">
        <v>0</v>
      </c>
      <c r="AC555" s="53">
        <v>0</v>
      </c>
      <c r="AD555" s="53">
        <v>0</v>
      </c>
      <c r="AE555" s="53">
        <v>0</v>
      </c>
      <c r="AF555" s="53">
        <v>0</v>
      </c>
      <c r="AG555" s="53">
        <v>0</v>
      </c>
      <c r="AH555" s="53">
        <v>0</v>
      </c>
      <c r="AI555" s="53">
        <v>0</v>
      </c>
      <c r="AJ555" s="53">
        <v>0</v>
      </c>
      <c r="AK555" s="53">
        <v>0</v>
      </c>
      <c r="AL555" s="53">
        <v>0</v>
      </c>
      <c r="AM555" s="53">
        <v>0</v>
      </c>
      <c r="AN555" s="53">
        <v>0</v>
      </c>
      <c r="AO555" s="53">
        <v>0</v>
      </c>
      <c r="AP555" s="53">
        <v>0</v>
      </c>
      <c r="AQ555" s="53">
        <v>0</v>
      </c>
      <c r="AR555" s="53">
        <v>0</v>
      </c>
      <c r="AS555" s="53">
        <v>0</v>
      </c>
      <c r="AT555" s="53">
        <v>0</v>
      </c>
      <c r="AU555" s="53">
        <v>0</v>
      </c>
      <c r="AV555" s="53">
        <v>0</v>
      </c>
      <c r="AW555" s="53">
        <v>0</v>
      </c>
      <c r="AX555" s="53">
        <v>0</v>
      </c>
      <c r="AY555" s="53">
        <v>0</v>
      </c>
      <c r="AZ555" s="53">
        <v>0</v>
      </c>
      <c r="BA555" s="53">
        <v>0</v>
      </c>
    </row>
    <row r="556" spans="1:53">
      <c r="A556" s="52" t="s">
        <v>3066</v>
      </c>
      <c r="B556" s="53">
        <v>0</v>
      </c>
      <c r="C556" s="53">
        <v>0</v>
      </c>
      <c r="D556" s="53">
        <v>0</v>
      </c>
      <c r="E556" s="53">
        <v>0</v>
      </c>
      <c r="F556" s="53">
        <v>0</v>
      </c>
      <c r="G556" s="53">
        <v>0</v>
      </c>
      <c r="H556" s="53">
        <v>0</v>
      </c>
      <c r="I556" s="53">
        <v>0</v>
      </c>
      <c r="J556" s="53">
        <v>0</v>
      </c>
      <c r="K556" s="53">
        <v>0</v>
      </c>
      <c r="L556" s="53">
        <v>0</v>
      </c>
      <c r="M556" s="53">
        <v>0</v>
      </c>
      <c r="N556" s="53">
        <v>0</v>
      </c>
      <c r="O556" s="53">
        <v>0</v>
      </c>
      <c r="P556" s="53">
        <v>0</v>
      </c>
      <c r="Q556" s="53">
        <v>0</v>
      </c>
      <c r="R556" s="53">
        <v>0</v>
      </c>
      <c r="S556" s="53">
        <v>0</v>
      </c>
      <c r="T556" s="53">
        <v>0</v>
      </c>
      <c r="U556" s="53">
        <v>0</v>
      </c>
      <c r="V556" s="53">
        <v>0</v>
      </c>
      <c r="W556" s="53">
        <v>0</v>
      </c>
      <c r="X556" s="53">
        <v>0</v>
      </c>
      <c r="Y556" s="53">
        <v>0</v>
      </c>
      <c r="Z556" s="53">
        <v>0</v>
      </c>
      <c r="AA556" s="53">
        <v>0</v>
      </c>
      <c r="AB556" s="53">
        <v>0</v>
      </c>
      <c r="AC556" s="53">
        <v>0</v>
      </c>
      <c r="AD556" s="53">
        <v>0</v>
      </c>
      <c r="AE556" s="53">
        <v>0</v>
      </c>
      <c r="AF556" s="53">
        <v>0</v>
      </c>
      <c r="AG556" s="53">
        <v>0</v>
      </c>
      <c r="AH556" s="53">
        <v>0</v>
      </c>
      <c r="AI556" s="53">
        <v>0</v>
      </c>
      <c r="AJ556" s="53">
        <v>0</v>
      </c>
      <c r="AK556" s="53">
        <v>0</v>
      </c>
      <c r="AL556" s="53">
        <v>0</v>
      </c>
      <c r="AM556" s="53">
        <v>0</v>
      </c>
      <c r="AN556" s="53">
        <v>0</v>
      </c>
      <c r="AO556" s="53">
        <v>0</v>
      </c>
      <c r="AP556" s="53">
        <v>0</v>
      </c>
      <c r="AQ556" s="53">
        <v>0</v>
      </c>
      <c r="AR556" s="53">
        <v>0</v>
      </c>
      <c r="AS556" s="53">
        <v>0</v>
      </c>
      <c r="AT556" s="53">
        <v>0</v>
      </c>
      <c r="AU556" s="53">
        <v>0</v>
      </c>
      <c r="AV556" s="53">
        <v>0</v>
      </c>
      <c r="AW556" s="53">
        <v>0</v>
      </c>
      <c r="AX556" s="53">
        <v>0</v>
      </c>
      <c r="AY556" s="53">
        <v>0</v>
      </c>
      <c r="AZ556" s="53">
        <v>0</v>
      </c>
      <c r="BA556" s="53">
        <v>0</v>
      </c>
    </row>
    <row r="557" spans="1:53">
      <c r="A557" s="52" t="s">
        <v>3067</v>
      </c>
      <c r="B557" s="53">
        <v>4196764.9257500004</v>
      </c>
      <c r="C557" s="53">
        <v>3983477.5784999998</v>
      </c>
      <c r="D557" s="53">
        <v>3770190.2312500002</v>
      </c>
      <c r="E557" s="53">
        <v>3556902.8840000001</v>
      </c>
      <c r="F557" s="53">
        <v>3343615.53675</v>
      </c>
      <c r="G557" s="53">
        <v>3130328.1894999999</v>
      </c>
      <c r="H557" s="53">
        <v>2917040.8422500002</v>
      </c>
      <c r="I557" s="53">
        <v>2703753.4950000001</v>
      </c>
      <c r="J557" s="53">
        <v>2490466.14775</v>
      </c>
      <c r="K557" s="53">
        <v>2277178.8004999999</v>
      </c>
      <c r="L557" s="53">
        <v>2063891.45325</v>
      </c>
      <c r="M557" s="53">
        <v>1850604.1059999999</v>
      </c>
      <c r="N557" s="53">
        <v>1850604.1059999999</v>
      </c>
      <c r="O557" s="53">
        <v>1637316.75875</v>
      </c>
      <c r="P557" s="53">
        <v>1424029.4114999999</v>
      </c>
      <c r="Q557" s="53">
        <v>1210742.0642500001</v>
      </c>
      <c r="R557" s="53">
        <v>997454.71700000495</v>
      </c>
      <c r="S557" s="53">
        <v>784167.36975000496</v>
      </c>
      <c r="T557" s="53">
        <v>570880.02250000497</v>
      </c>
      <c r="U557" s="53">
        <v>357592.67525000498</v>
      </c>
      <c r="V557" s="53">
        <v>144305.32800000501</v>
      </c>
      <c r="W557" s="53">
        <v>0.32800000539623397</v>
      </c>
      <c r="X557" s="53">
        <v>0.32800000539623397</v>
      </c>
      <c r="Y557" s="53">
        <v>0.32800000539623397</v>
      </c>
      <c r="Z557" s="53">
        <v>0.32800000539623397</v>
      </c>
      <c r="AA557" s="53">
        <v>0.32800000539623397</v>
      </c>
      <c r="AB557" s="53">
        <v>0.32800000539623397</v>
      </c>
      <c r="AC557" s="53">
        <v>0.32800000539623397</v>
      </c>
      <c r="AD557" s="53">
        <v>0.32800000539623397</v>
      </c>
      <c r="AE557" s="53">
        <v>0.32800000539623397</v>
      </c>
      <c r="AF557" s="53">
        <v>0.32800000539623397</v>
      </c>
      <c r="AG557" s="53">
        <v>0.32800000539623397</v>
      </c>
      <c r="AH557" s="53">
        <v>0.32800000539623397</v>
      </c>
      <c r="AI557" s="53">
        <v>0.32800000539623397</v>
      </c>
      <c r="AJ557" s="53">
        <v>0.32800000539623397</v>
      </c>
      <c r="AK557" s="53">
        <v>0.32800000539623397</v>
      </c>
      <c r="AL557" s="53">
        <v>0.32800000539623397</v>
      </c>
      <c r="AM557" s="53">
        <v>0.32800000539623397</v>
      </c>
      <c r="AN557" s="53">
        <v>0.32800000539623397</v>
      </c>
      <c r="AO557" s="53">
        <v>0.32800000539623397</v>
      </c>
      <c r="AP557" s="53">
        <v>0.32800000539623397</v>
      </c>
      <c r="AQ557" s="53">
        <v>0.32800000539623397</v>
      </c>
      <c r="AR557" s="53">
        <v>0.32800000539623397</v>
      </c>
      <c r="AS557" s="53">
        <v>0.32800000539623397</v>
      </c>
      <c r="AT557" s="53">
        <v>0.32800000539623397</v>
      </c>
      <c r="AU557" s="53">
        <v>0.32800000539623397</v>
      </c>
      <c r="AV557" s="53">
        <v>0.32800000539623397</v>
      </c>
      <c r="AW557" s="53">
        <v>0.32800000539623397</v>
      </c>
      <c r="AX557" s="53">
        <v>0.32800000539623397</v>
      </c>
      <c r="AY557" s="53">
        <v>0.32800000539623397</v>
      </c>
      <c r="AZ557" s="53">
        <v>0.32800000539623397</v>
      </c>
      <c r="BA557" s="53">
        <v>0.32800000539623397</v>
      </c>
    </row>
    <row r="558" spans="1:53">
      <c r="A558" s="52" t="s">
        <v>3068</v>
      </c>
      <c r="B558" s="53">
        <v>0</v>
      </c>
      <c r="C558" s="53">
        <v>0</v>
      </c>
      <c r="D558" s="53">
        <v>0</v>
      </c>
      <c r="E558" s="53">
        <v>0</v>
      </c>
      <c r="F558" s="53">
        <v>0</v>
      </c>
      <c r="G558" s="53">
        <v>0</v>
      </c>
      <c r="H558" s="53">
        <v>0</v>
      </c>
      <c r="I558" s="53">
        <v>0</v>
      </c>
      <c r="J558" s="53">
        <v>0</v>
      </c>
      <c r="K558" s="53">
        <v>0</v>
      </c>
      <c r="L558" s="53">
        <v>0</v>
      </c>
      <c r="M558" s="53">
        <v>0</v>
      </c>
      <c r="N558" s="53">
        <v>0</v>
      </c>
      <c r="O558" s="53">
        <v>0</v>
      </c>
      <c r="P558" s="53">
        <v>0</v>
      </c>
      <c r="Q558" s="53">
        <v>0</v>
      </c>
      <c r="R558" s="53">
        <v>0</v>
      </c>
      <c r="S558" s="53">
        <v>0</v>
      </c>
      <c r="T558" s="53">
        <v>0</v>
      </c>
      <c r="U558" s="53">
        <v>0</v>
      </c>
      <c r="V558" s="53">
        <v>0</v>
      </c>
      <c r="W558" s="53">
        <v>0</v>
      </c>
      <c r="X558" s="53">
        <v>0</v>
      </c>
      <c r="Y558" s="53">
        <v>0</v>
      </c>
      <c r="Z558" s="53">
        <v>0</v>
      </c>
      <c r="AA558" s="53">
        <v>0</v>
      </c>
      <c r="AB558" s="53">
        <v>0</v>
      </c>
      <c r="AC558" s="53">
        <v>0</v>
      </c>
      <c r="AD558" s="53">
        <v>0</v>
      </c>
      <c r="AE558" s="53">
        <v>0</v>
      </c>
      <c r="AF558" s="53">
        <v>0</v>
      </c>
      <c r="AG558" s="53">
        <v>0</v>
      </c>
      <c r="AH558" s="53">
        <v>0</v>
      </c>
      <c r="AI558" s="53">
        <v>0</v>
      </c>
      <c r="AJ558" s="53">
        <v>0</v>
      </c>
      <c r="AK558" s="53">
        <v>0</v>
      </c>
      <c r="AL558" s="53">
        <v>0</v>
      </c>
      <c r="AM558" s="53">
        <v>0</v>
      </c>
      <c r="AN558" s="53">
        <v>0</v>
      </c>
      <c r="AO558" s="53">
        <v>0</v>
      </c>
      <c r="AP558" s="53">
        <v>0</v>
      </c>
      <c r="AQ558" s="53">
        <v>0</v>
      </c>
      <c r="AR558" s="53">
        <v>0</v>
      </c>
      <c r="AS558" s="53">
        <v>0</v>
      </c>
      <c r="AT558" s="53">
        <v>0</v>
      </c>
      <c r="AU558" s="53">
        <v>0</v>
      </c>
      <c r="AV558" s="53">
        <v>0</v>
      </c>
      <c r="AW558" s="53">
        <v>0</v>
      </c>
      <c r="AX558" s="53">
        <v>0</v>
      </c>
      <c r="AY558" s="53">
        <v>0</v>
      </c>
      <c r="AZ558" s="53">
        <v>0</v>
      </c>
      <c r="BA558" s="53">
        <v>0</v>
      </c>
    </row>
    <row r="559" spans="1:53">
      <c r="A559" s="52" t="s">
        <v>3069</v>
      </c>
      <c r="B559" s="53">
        <v>0</v>
      </c>
      <c r="C559" s="53">
        <v>0</v>
      </c>
      <c r="D559" s="53">
        <v>0</v>
      </c>
      <c r="E559" s="53">
        <v>0</v>
      </c>
      <c r="F559" s="53">
        <v>0</v>
      </c>
      <c r="G559" s="53">
        <v>0</v>
      </c>
      <c r="H559" s="53">
        <v>0</v>
      </c>
      <c r="I559" s="53">
        <v>0</v>
      </c>
      <c r="J559" s="53">
        <v>0</v>
      </c>
      <c r="K559" s="53">
        <v>0</v>
      </c>
      <c r="L559" s="53">
        <v>0</v>
      </c>
      <c r="M559" s="53">
        <v>0</v>
      </c>
      <c r="N559" s="53">
        <v>0</v>
      </c>
      <c r="O559" s="53">
        <v>0</v>
      </c>
      <c r="P559" s="53">
        <v>0</v>
      </c>
      <c r="Q559" s="53">
        <v>0</v>
      </c>
      <c r="R559" s="53">
        <v>0</v>
      </c>
      <c r="S559" s="53">
        <v>0</v>
      </c>
      <c r="T559" s="53">
        <v>0</v>
      </c>
      <c r="U559" s="53">
        <v>0</v>
      </c>
      <c r="V559" s="53">
        <v>0</v>
      </c>
      <c r="W559" s="53">
        <v>0</v>
      </c>
      <c r="X559" s="53">
        <v>0</v>
      </c>
      <c r="Y559" s="53">
        <v>0</v>
      </c>
      <c r="Z559" s="53">
        <v>0</v>
      </c>
      <c r="AA559" s="53">
        <v>0</v>
      </c>
      <c r="AB559" s="53">
        <v>0</v>
      </c>
      <c r="AC559" s="53">
        <v>0</v>
      </c>
      <c r="AD559" s="53">
        <v>0</v>
      </c>
      <c r="AE559" s="53">
        <v>0</v>
      </c>
      <c r="AF559" s="53">
        <v>0</v>
      </c>
      <c r="AG559" s="53">
        <v>0</v>
      </c>
      <c r="AH559" s="53">
        <v>0</v>
      </c>
      <c r="AI559" s="53">
        <v>0</v>
      </c>
      <c r="AJ559" s="53">
        <v>0</v>
      </c>
      <c r="AK559" s="53">
        <v>0</v>
      </c>
      <c r="AL559" s="53">
        <v>0</v>
      </c>
      <c r="AM559" s="53">
        <v>0</v>
      </c>
      <c r="AN559" s="53">
        <v>0</v>
      </c>
      <c r="AO559" s="53">
        <v>0</v>
      </c>
      <c r="AP559" s="53">
        <v>0</v>
      </c>
      <c r="AQ559" s="53">
        <v>0</v>
      </c>
      <c r="AR559" s="53">
        <v>0</v>
      </c>
      <c r="AS559" s="53">
        <v>0</v>
      </c>
      <c r="AT559" s="53">
        <v>0</v>
      </c>
      <c r="AU559" s="53">
        <v>0</v>
      </c>
      <c r="AV559" s="53">
        <v>0</v>
      </c>
      <c r="AW559" s="53">
        <v>0</v>
      </c>
      <c r="AX559" s="53">
        <v>0</v>
      </c>
      <c r="AY559" s="53">
        <v>0</v>
      </c>
      <c r="AZ559" s="53">
        <v>0</v>
      </c>
      <c r="BA559" s="53">
        <v>0</v>
      </c>
    </row>
    <row r="560" spans="1:53">
      <c r="A560" s="52" t="s">
        <v>3070</v>
      </c>
      <c r="B560" s="53">
        <v>0</v>
      </c>
      <c r="C560" s="53">
        <v>0</v>
      </c>
      <c r="D560" s="53">
        <v>0</v>
      </c>
      <c r="E560" s="53">
        <v>0</v>
      </c>
      <c r="F560" s="53">
        <v>0</v>
      </c>
      <c r="G560" s="53">
        <v>0</v>
      </c>
      <c r="H560" s="53">
        <v>0</v>
      </c>
      <c r="I560" s="53">
        <v>0</v>
      </c>
      <c r="J560" s="53">
        <v>0</v>
      </c>
      <c r="K560" s="53">
        <v>0</v>
      </c>
      <c r="L560" s="53">
        <v>0</v>
      </c>
      <c r="M560" s="53">
        <v>0</v>
      </c>
      <c r="N560" s="53">
        <v>0</v>
      </c>
      <c r="O560" s="53">
        <v>0</v>
      </c>
      <c r="P560" s="53">
        <v>0</v>
      </c>
      <c r="Q560" s="53">
        <v>0</v>
      </c>
      <c r="R560" s="53">
        <v>0</v>
      </c>
      <c r="S560" s="53">
        <v>0</v>
      </c>
      <c r="T560" s="53">
        <v>0</v>
      </c>
      <c r="U560" s="53">
        <v>0</v>
      </c>
      <c r="V560" s="53">
        <v>0</v>
      </c>
      <c r="W560" s="53">
        <v>0</v>
      </c>
      <c r="X560" s="53">
        <v>0</v>
      </c>
      <c r="Y560" s="53">
        <v>0</v>
      </c>
      <c r="Z560" s="53">
        <v>0</v>
      </c>
      <c r="AA560" s="53">
        <v>0</v>
      </c>
      <c r="AB560" s="53">
        <v>0</v>
      </c>
      <c r="AC560" s="53">
        <v>0</v>
      </c>
      <c r="AD560" s="53">
        <v>0</v>
      </c>
      <c r="AE560" s="53">
        <v>0</v>
      </c>
      <c r="AF560" s="53">
        <v>0</v>
      </c>
      <c r="AG560" s="53">
        <v>0</v>
      </c>
      <c r="AH560" s="53">
        <v>0</v>
      </c>
      <c r="AI560" s="53">
        <v>0</v>
      </c>
      <c r="AJ560" s="53">
        <v>0</v>
      </c>
      <c r="AK560" s="53">
        <v>0</v>
      </c>
      <c r="AL560" s="53">
        <v>0</v>
      </c>
      <c r="AM560" s="53">
        <v>0</v>
      </c>
      <c r="AN560" s="53">
        <v>0</v>
      </c>
      <c r="AO560" s="53">
        <v>0</v>
      </c>
      <c r="AP560" s="53">
        <v>0</v>
      </c>
      <c r="AQ560" s="53">
        <v>0</v>
      </c>
      <c r="AR560" s="53">
        <v>0</v>
      </c>
      <c r="AS560" s="53">
        <v>0</v>
      </c>
      <c r="AT560" s="53">
        <v>0</v>
      </c>
      <c r="AU560" s="53">
        <v>0</v>
      </c>
      <c r="AV560" s="53">
        <v>0</v>
      </c>
      <c r="AW560" s="53">
        <v>0</v>
      </c>
      <c r="AX560" s="53">
        <v>0</v>
      </c>
      <c r="AY560" s="53">
        <v>0</v>
      </c>
      <c r="AZ560" s="53">
        <v>0</v>
      </c>
      <c r="BA560" s="53">
        <v>0</v>
      </c>
    </row>
    <row r="561" spans="1:53">
      <c r="A561" s="52" t="s">
        <v>3071</v>
      </c>
      <c r="B561" s="53">
        <v>1.0277290130034E-7</v>
      </c>
      <c r="C561" s="53">
        <v>1.0277290130034E-7</v>
      </c>
      <c r="D561" s="53">
        <v>1.0277290130034E-7</v>
      </c>
      <c r="E561" s="53">
        <v>1.0277290130034E-7</v>
      </c>
      <c r="F561" s="53">
        <v>1.0277290130034E-7</v>
      </c>
      <c r="G561" s="53">
        <v>1.0277290130034E-7</v>
      </c>
      <c r="H561" s="53">
        <v>1.0277290130034E-7</v>
      </c>
      <c r="I561" s="53">
        <v>1.0277290130034E-7</v>
      </c>
      <c r="J561" s="53">
        <v>1.0277290130034E-7</v>
      </c>
      <c r="K561" s="53">
        <v>1.0277290130034E-7</v>
      </c>
      <c r="L561" s="53">
        <v>1.0277290130034E-7</v>
      </c>
      <c r="M561" s="53">
        <v>1.0277290130034E-7</v>
      </c>
      <c r="N561" s="53">
        <v>1.0277290130034E-7</v>
      </c>
      <c r="O561" s="53">
        <v>1.0277290130034E-7</v>
      </c>
      <c r="P561" s="53">
        <v>1.0277290130034E-7</v>
      </c>
      <c r="Q561" s="53">
        <v>1.0277290130034E-7</v>
      </c>
      <c r="R561" s="53">
        <v>1.0277290130034E-7</v>
      </c>
      <c r="S561" s="53">
        <v>1.0277290130034E-7</v>
      </c>
      <c r="T561" s="53">
        <v>1.0277290130034E-7</v>
      </c>
      <c r="U561" s="53">
        <v>1.0277290130034E-7</v>
      </c>
      <c r="V561" s="53">
        <v>1.0277290130034E-7</v>
      </c>
      <c r="W561" s="53">
        <v>1.0277290130034E-7</v>
      </c>
      <c r="X561" s="53">
        <v>1.0277290130034E-7</v>
      </c>
      <c r="Y561" s="53">
        <v>1.0277290130034E-7</v>
      </c>
      <c r="Z561" s="53">
        <v>1.0277290130034E-7</v>
      </c>
      <c r="AA561" s="53">
        <v>1.0277290130034E-7</v>
      </c>
      <c r="AB561" s="53">
        <v>1.0277290130034E-7</v>
      </c>
      <c r="AC561" s="53">
        <v>1.0277290130034E-7</v>
      </c>
      <c r="AD561" s="53">
        <v>1.0277290130034E-7</v>
      </c>
      <c r="AE561" s="53">
        <v>1.0277290130034E-7</v>
      </c>
      <c r="AF561" s="53">
        <v>1.0277290130034E-7</v>
      </c>
      <c r="AG561" s="53">
        <v>1.0277290130034E-7</v>
      </c>
      <c r="AH561" s="53">
        <v>1.0277290130034E-7</v>
      </c>
      <c r="AI561" s="53">
        <v>1.0277290130034E-7</v>
      </c>
      <c r="AJ561" s="53">
        <v>1.0277290130034E-7</v>
      </c>
      <c r="AK561" s="53">
        <v>1.0277290130034E-7</v>
      </c>
      <c r="AL561" s="53">
        <v>1.0277290130034E-7</v>
      </c>
      <c r="AM561" s="53">
        <v>1.0277290130034E-7</v>
      </c>
      <c r="AN561" s="53">
        <v>1.0277290130034E-7</v>
      </c>
      <c r="AO561" s="53">
        <v>1.0277290130034E-7</v>
      </c>
      <c r="AP561" s="53">
        <v>1.0277290130034E-7</v>
      </c>
      <c r="AQ561" s="53">
        <v>1.0277290130034E-7</v>
      </c>
      <c r="AR561" s="53">
        <v>1.0277290130034E-7</v>
      </c>
      <c r="AS561" s="53">
        <v>1.0277290130034E-7</v>
      </c>
      <c r="AT561" s="53">
        <v>1.0277290130034E-7</v>
      </c>
      <c r="AU561" s="53">
        <v>1.0277290130034E-7</v>
      </c>
      <c r="AV561" s="53">
        <v>1.0277290130034E-7</v>
      </c>
      <c r="AW561" s="53">
        <v>1.0277290130034E-7</v>
      </c>
      <c r="AX561" s="53">
        <v>1.0277290130034E-7</v>
      </c>
      <c r="AY561" s="53">
        <v>1.0277290130034E-7</v>
      </c>
      <c r="AZ561" s="53">
        <v>1.0277290130034E-7</v>
      </c>
      <c r="BA561" s="53">
        <v>1.0277290130034E-7</v>
      </c>
    </row>
    <row r="562" spans="1:53">
      <c r="A562" s="52" t="s">
        <v>3072</v>
      </c>
      <c r="B562" s="53">
        <v>96346403.200000003</v>
      </c>
      <c r="C562" s="53">
        <v>96346403.200000003</v>
      </c>
      <c r="D562" s="53">
        <v>96346403.200000003</v>
      </c>
      <c r="E562" s="53">
        <v>96346403.200000003</v>
      </c>
      <c r="F562" s="53">
        <v>96346403.200000003</v>
      </c>
      <c r="G562" s="53">
        <v>96346403.200000003</v>
      </c>
      <c r="H562" s="53">
        <v>96346403.200000003</v>
      </c>
      <c r="I562" s="53">
        <v>96346403.200000003</v>
      </c>
      <c r="J562" s="53">
        <v>96346403.200000003</v>
      </c>
      <c r="K562" s="53">
        <v>96346403.200000003</v>
      </c>
      <c r="L562" s="53">
        <v>96346403.200000003</v>
      </c>
      <c r="M562" s="53">
        <v>96346403.200000003</v>
      </c>
      <c r="N562" s="53">
        <v>96346403.200000003</v>
      </c>
      <c r="O562" s="53">
        <v>95944643.200000003</v>
      </c>
      <c r="P562" s="53">
        <v>95542883.200000003</v>
      </c>
      <c r="Q562" s="53">
        <v>95141123.200000003</v>
      </c>
      <c r="R562" s="53">
        <v>94739363.200000003</v>
      </c>
      <c r="S562" s="53">
        <v>94337603.200000003</v>
      </c>
      <c r="T562" s="53">
        <v>93935843.200000003</v>
      </c>
      <c r="U562" s="53">
        <v>93534083.200000003</v>
      </c>
      <c r="V562" s="53">
        <v>93132323.200000003</v>
      </c>
      <c r="W562" s="53">
        <v>92730563.200000003</v>
      </c>
      <c r="X562" s="53">
        <v>92328803.200000003</v>
      </c>
      <c r="Y562" s="53">
        <v>91927043.200000003</v>
      </c>
      <c r="Z562" s="53">
        <v>91525283.200000003</v>
      </c>
      <c r="AA562" s="53">
        <v>91525283.200000003</v>
      </c>
      <c r="AB562" s="53">
        <v>91123523.200000003</v>
      </c>
      <c r="AC562" s="53">
        <v>90721763.200000003</v>
      </c>
      <c r="AD562" s="53">
        <v>90320003.200000003</v>
      </c>
      <c r="AE562" s="53">
        <v>89918243.200000003</v>
      </c>
      <c r="AF562" s="53">
        <v>89516483.200000003</v>
      </c>
      <c r="AG562" s="53">
        <v>89114723.200000003</v>
      </c>
      <c r="AH562" s="53">
        <v>88712963.200000107</v>
      </c>
      <c r="AI562" s="53">
        <v>88311203.200000107</v>
      </c>
      <c r="AJ562" s="53">
        <v>87909443.200000107</v>
      </c>
      <c r="AK562" s="53">
        <v>87507683.200000107</v>
      </c>
      <c r="AL562" s="53">
        <v>87105923.200000107</v>
      </c>
      <c r="AM562" s="53">
        <v>86704163.200000107</v>
      </c>
      <c r="AN562" s="53">
        <v>86704163.200000107</v>
      </c>
      <c r="AO562" s="53">
        <v>86302403.200000107</v>
      </c>
      <c r="AP562" s="53">
        <v>85900643.200000107</v>
      </c>
      <c r="AQ562" s="53">
        <v>85498883.200000107</v>
      </c>
      <c r="AR562" s="53">
        <v>85097123.200000107</v>
      </c>
      <c r="AS562" s="53">
        <v>84695363.200000107</v>
      </c>
      <c r="AT562" s="53">
        <v>84293603.200000107</v>
      </c>
      <c r="AU562" s="53">
        <v>83891843.200000107</v>
      </c>
      <c r="AV562" s="53">
        <v>83490083.200000107</v>
      </c>
      <c r="AW562" s="53">
        <v>83088323.200000107</v>
      </c>
      <c r="AX562" s="53">
        <v>82686563.200000107</v>
      </c>
      <c r="AY562" s="53">
        <v>82284803.200000107</v>
      </c>
      <c r="AZ562" s="53">
        <v>81883043.200000197</v>
      </c>
      <c r="BA562" s="53">
        <v>81883043.200000197</v>
      </c>
    </row>
    <row r="563" spans="1:53">
      <c r="A563" s="52" t="s">
        <v>3073</v>
      </c>
      <c r="B563" s="53">
        <v>-2448981.7000000002</v>
      </c>
      <c r="C563" s="53">
        <v>-2448981.7000000002</v>
      </c>
      <c r="D563" s="53">
        <v>-2448981.7000000002</v>
      </c>
      <c r="E563" s="53">
        <v>-2448981.7000000002</v>
      </c>
      <c r="F563" s="53">
        <v>-2448981.7000000002</v>
      </c>
      <c r="G563" s="53">
        <v>-2448981.7000000002</v>
      </c>
      <c r="H563" s="53">
        <v>-2448981.7000000002</v>
      </c>
      <c r="I563" s="53">
        <v>-2448981.7000000002</v>
      </c>
      <c r="J563" s="53">
        <v>-2448981.7000000002</v>
      </c>
      <c r="K563" s="53">
        <v>-2448981.7000000002</v>
      </c>
      <c r="L563" s="53">
        <v>-2448981.7000000002</v>
      </c>
      <c r="M563" s="53">
        <v>-2448981.7000000002</v>
      </c>
      <c r="N563" s="53">
        <v>-2448981.7000000002</v>
      </c>
      <c r="O563" s="53">
        <v>-2448981.7000000002</v>
      </c>
      <c r="P563" s="53">
        <v>-2448981.7000000002</v>
      </c>
      <c r="Q563" s="53">
        <v>-2448981.7000000002</v>
      </c>
      <c r="R563" s="53">
        <v>-2448981.7000000002</v>
      </c>
      <c r="S563" s="53">
        <v>-2448981.7000000002</v>
      </c>
      <c r="T563" s="53">
        <v>-2448981.7000000002</v>
      </c>
      <c r="U563" s="53">
        <v>-2448981.7000000002</v>
      </c>
      <c r="V563" s="53">
        <v>-2448981.7000000002</v>
      </c>
      <c r="W563" s="53">
        <v>-2448981.7000000002</v>
      </c>
      <c r="X563" s="53">
        <v>-2448981.7000000002</v>
      </c>
      <c r="Y563" s="53">
        <v>-2448981.7000000002</v>
      </c>
      <c r="Z563" s="53">
        <v>-2448981.7000000002</v>
      </c>
      <c r="AA563" s="53">
        <v>-2448981.7000000002</v>
      </c>
      <c r="AB563" s="53">
        <v>-2448981.7000000002</v>
      </c>
      <c r="AC563" s="53">
        <v>-2448981.7000000002</v>
      </c>
      <c r="AD563" s="53">
        <v>-2448981.7000000002</v>
      </c>
      <c r="AE563" s="53">
        <v>-2448981.7000000002</v>
      </c>
      <c r="AF563" s="53">
        <v>-2448981.7000000002</v>
      </c>
      <c r="AG563" s="53">
        <v>-2448981.7000000002</v>
      </c>
      <c r="AH563" s="53">
        <v>-2448981.7000000002</v>
      </c>
      <c r="AI563" s="53">
        <v>-2448981.7000000002</v>
      </c>
      <c r="AJ563" s="53">
        <v>-2448981.7000000002</v>
      </c>
      <c r="AK563" s="53">
        <v>-2448981.7000000002</v>
      </c>
      <c r="AL563" s="53">
        <v>-2448981.7000000002</v>
      </c>
      <c r="AM563" s="53">
        <v>-2448981.7000000002</v>
      </c>
      <c r="AN563" s="53">
        <v>-2448981.7000000002</v>
      </c>
      <c r="AO563" s="53">
        <v>-2448981.7000000002</v>
      </c>
      <c r="AP563" s="53">
        <v>-2448981.7000000002</v>
      </c>
      <c r="AQ563" s="53">
        <v>-2448981.7000000002</v>
      </c>
      <c r="AR563" s="53">
        <v>-2448981.7000000002</v>
      </c>
      <c r="AS563" s="53">
        <v>-2448981.7000000002</v>
      </c>
      <c r="AT563" s="53">
        <v>-2448981.7000000002</v>
      </c>
      <c r="AU563" s="53">
        <v>-2448981.7000000002</v>
      </c>
      <c r="AV563" s="53">
        <v>-2448981.7000000002</v>
      </c>
      <c r="AW563" s="53">
        <v>-2448981.7000000002</v>
      </c>
      <c r="AX563" s="53">
        <v>-2448981.7000000002</v>
      </c>
      <c r="AY563" s="53">
        <v>-2448981.7000000002</v>
      </c>
      <c r="AZ563" s="53">
        <v>-2448981.7000000002</v>
      </c>
      <c r="BA563" s="53">
        <v>-2448981.7000000002</v>
      </c>
    </row>
    <row r="564" spans="1:53">
      <c r="A564" s="52" t="s">
        <v>3074</v>
      </c>
      <c r="B564" s="53">
        <v>0</v>
      </c>
      <c r="C564" s="53">
        <v>0</v>
      </c>
      <c r="D564" s="53">
        <v>0</v>
      </c>
      <c r="E564" s="53">
        <v>0</v>
      </c>
      <c r="F564" s="53">
        <v>0</v>
      </c>
      <c r="G564" s="53">
        <v>0</v>
      </c>
      <c r="H564" s="53">
        <v>0</v>
      </c>
      <c r="I564" s="53">
        <v>0</v>
      </c>
      <c r="J564" s="53">
        <v>0</v>
      </c>
      <c r="K564" s="53">
        <v>0</v>
      </c>
      <c r="L564" s="53">
        <v>0</v>
      </c>
      <c r="M564" s="53">
        <v>0</v>
      </c>
      <c r="N564" s="53">
        <v>0</v>
      </c>
      <c r="O564" s="53">
        <v>0</v>
      </c>
      <c r="P564" s="53">
        <v>0</v>
      </c>
      <c r="Q564" s="53">
        <v>0</v>
      </c>
      <c r="R564" s="53">
        <v>0</v>
      </c>
      <c r="S564" s="53">
        <v>0</v>
      </c>
      <c r="T564" s="53">
        <v>0</v>
      </c>
      <c r="U564" s="53">
        <v>0</v>
      </c>
      <c r="V564" s="53">
        <v>0</v>
      </c>
      <c r="W564" s="53">
        <v>0</v>
      </c>
      <c r="X564" s="53">
        <v>0</v>
      </c>
      <c r="Y564" s="53">
        <v>0</v>
      </c>
      <c r="Z564" s="53">
        <v>0</v>
      </c>
      <c r="AA564" s="53">
        <v>0</v>
      </c>
      <c r="AB564" s="53">
        <v>0</v>
      </c>
      <c r="AC564" s="53">
        <v>0</v>
      </c>
      <c r="AD564" s="53">
        <v>0</v>
      </c>
      <c r="AE564" s="53">
        <v>0</v>
      </c>
      <c r="AF564" s="53">
        <v>0</v>
      </c>
      <c r="AG564" s="53">
        <v>0</v>
      </c>
      <c r="AH564" s="53">
        <v>0</v>
      </c>
      <c r="AI564" s="53">
        <v>0</v>
      </c>
      <c r="AJ564" s="53">
        <v>0</v>
      </c>
      <c r="AK564" s="53">
        <v>0</v>
      </c>
      <c r="AL564" s="53">
        <v>0</v>
      </c>
      <c r="AM564" s="53">
        <v>0</v>
      </c>
      <c r="AN564" s="53">
        <v>0</v>
      </c>
      <c r="AO564" s="53">
        <v>0</v>
      </c>
      <c r="AP564" s="53">
        <v>0</v>
      </c>
      <c r="AQ564" s="53">
        <v>0</v>
      </c>
      <c r="AR564" s="53">
        <v>0</v>
      </c>
      <c r="AS564" s="53">
        <v>0</v>
      </c>
      <c r="AT564" s="53">
        <v>0</v>
      </c>
      <c r="AU564" s="53">
        <v>0</v>
      </c>
      <c r="AV564" s="53">
        <v>0</v>
      </c>
      <c r="AW564" s="53">
        <v>0</v>
      </c>
      <c r="AX564" s="53">
        <v>0</v>
      </c>
      <c r="AY564" s="53">
        <v>0</v>
      </c>
      <c r="AZ564" s="53">
        <v>0</v>
      </c>
      <c r="BA564" s="53">
        <v>0</v>
      </c>
    </row>
    <row r="565" spans="1:53">
      <c r="A565" s="52" t="s">
        <v>3075</v>
      </c>
      <c r="B565" s="53">
        <v>75885870.228</v>
      </c>
      <c r="C565" s="53">
        <v>75426425.784000099</v>
      </c>
      <c r="D565" s="53">
        <v>74966981.340000093</v>
      </c>
      <c r="E565" s="53">
        <v>74507536.896000102</v>
      </c>
      <c r="F565" s="53">
        <v>74048092.452000096</v>
      </c>
      <c r="G565" s="53">
        <v>73588648.008000106</v>
      </c>
      <c r="H565" s="53">
        <v>73129203.5640001</v>
      </c>
      <c r="I565" s="53">
        <v>72669759.120000094</v>
      </c>
      <c r="J565" s="53">
        <v>72210314.676000103</v>
      </c>
      <c r="K565" s="53">
        <v>71750870.232000098</v>
      </c>
      <c r="L565" s="53">
        <v>71291425.788000107</v>
      </c>
      <c r="M565" s="53">
        <v>70831981.344000101</v>
      </c>
      <c r="N565" s="53">
        <v>70831981.344000101</v>
      </c>
      <c r="O565" s="53">
        <v>70372536.900000095</v>
      </c>
      <c r="P565" s="53">
        <v>69913092.456000105</v>
      </c>
      <c r="Q565" s="53">
        <v>69453648.012000099</v>
      </c>
      <c r="R565" s="53">
        <v>68994203.568000093</v>
      </c>
      <c r="S565" s="53">
        <v>68534759.124000102</v>
      </c>
      <c r="T565" s="53">
        <v>68075314.680000201</v>
      </c>
      <c r="U565" s="53">
        <v>67615870.236000195</v>
      </c>
      <c r="V565" s="53">
        <v>67156425.792000204</v>
      </c>
      <c r="W565" s="53">
        <v>66696981.348000199</v>
      </c>
      <c r="X565" s="53">
        <v>66237536.9040002</v>
      </c>
      <c r="Y565" s="53">
        <v>65778092.460000202</v>
      </c>
      <c r="Z565" s="53">
        <v>65318648.016000196</v>
      </c>
      <c r="AA565" s="53">
        <v>65318648.016000196</v>
      </c>
      <c r="AB565" s="53">
        <v>64859203.572000198</v>
      </c>
      <c r="AC565" s="53">
        <v>64399759.1280002</v>
      </c>
      <c r="AD565" s="53">
        <v>63940314.684000202</v>
      </c>
      <c r="AE565" s="53">
        <v>63480870.240000203</v>
      </c>
      <c r="AF565" s="53">
        <v>63021425.796000198</v>
      </c>
      <c r="AG565" s="53">
        <v>62561981.352000199</v>
      </c>
      <c r="AH565" s="53">
        <v>62102536.908000201</v>
      </c>
      <c r="AI565" s="53">
        <v>61643092.464000203</v>
      </c>
      <c r="AJ565" s="53">
        <v>61183648.020000197</v>
      </c>
      <c r="AK565" s="53">
        <v>60724203.576000199</v>
      </c>
      <c r="AL565" s="53">
        <v>60264759.1320002</v>
      </c>
      <c r="AM565" s="53">
        <v>59805314.688000202</v>
      </c>
      <c r="AN565" s="53">
        <v>59805314.688000202</v>
      </c>
      <c r="AO565" s="53">
        <v>59345870.244000196</v>
      </c>
      <c r="AP565" s="53">
        <v>58886425.800000198</v>
      </c>
      <c r="AQ565" s="53">
        <v>58426981.3560002</v>
      </c>
      <c r="AR565" s="53">
        <v>57967536.912000202</v>
      </c>
      <c r="AS565" s="53">
        <v>57508092.468000203</v>
      </c>
      <c r="AT565" s="53">
        <v>57048648.024000198</v>
      </c>
      <c r="AU565" s="53">
        <v>56589203.580000199</v>
      </c>
      <c r="AV565" s="53">
        <v>56129759.136000201</v>
      </c>
      <c r="AW565" s="53">
        <v>55670314.692000203</v>
      </c>
      <c r="AX565" s="53">
        <v>55210870.248000197</v>
      </c>
      <c r="AY565" s="53">
        <v>54751425.804000199</v>
      </c>
      <c r="AZ565" s="53">
        <v>54291981.360000201</v>
      </c>
      <c r="BA565" s="53">
        <v>54291981.360000201</v>
      </c>
    </row>
    <row r="566" spans="1:53">
      <c r="A566" s="52" t="s">
        <v>3076</v>
      </c>
      <c r="B566" s="53">
        <v>844498.21</v>
      </c>
      <c r="C566" s="53">
        <v>844498.21</v>
      </c>
      <c r="D566" s="53">
        <v>844498.21</v>
      </c>
      <c r="E566" s="53">
        <v>844498.21</v>
      </c>
      <c r="F566" s="53">
        <v>844498.21</v>
      </c>
      <c r="G566" s="53">
        <v>844498.21</v>
      </c>
      <c r="H566" s="53">
        <v>844498.21</v>
      </c>
      <c r="I566" s="53">
        <v>844498.21</v>
      </c>
      <c r="J566" s="53">
        <v>844498.21</v>
      </c>
      <c r="K566" s="53">
        <v>844498.21</v>
      </c>
      <c r="L566" s="53">
        <v>844498.21</v>
      </c>
      <c r="M566" s="53">
        <v>844498.21</v>
      </c>
      <c r="N566" s="53">
        <v>844498.21</v>
      </c>
      <c r="O566" s="53">
        <v>844498.21</v>
      </c>
      <c r="P566" s="53">
        <v>844498.21</v>
      </c>
      <c r="Q566" s="53">
        <v>844498.21</v>
      </c>
      <c r="R566" s="53">
        <v>844498.21</v>
      </c>
      <c r="S566" s="53">
        <v>844498.21</v>
      </c>
      <c r="T566" s="53">
        <v>844498.21</v>
      </c>
      <c r="U566" s="53">
        <v>844498.21</v>
      </c>
      <c r="V566" s="53">
        <v>844498.21</v>
      </c>
      <c r="W566" s="53">
        <v>844498.21</v>
      </c>
      <c r="X566" s="53">
        <v>844498.21</v>
      </c>
      <c r="Y566" s="53">
        <v>844498.21</v>
      </c>
      <c r="Z566" s="53">
        <v>844498.21</v>
      </c>
      <c r="AA566" s="53">
        <v>844498.21</v>
      </c>
      <c r="AB566" s="53">
        <v>844498.21</v>
      </c>
      <c r="AC566" s="53">
        <v>844498.21</v>
      </c>
      <c r="AD566" s="53">
        <v>844498.21</v>
      </c>
      <c r="AE566" s="53">
        <v>844498.21</v>
      </c>
      <c r="AF566" s="53">
        <v>844498.21</v>
      </c>
      <c r="AG566" s="53">
        <v>844498.21</v>
      </c>
      <c r="AH566" s="53">
        <v>844498.21</v>
      </c>
      <c r="AI566" s="53">
        <v>844498.21</v>
      </c>
      <c r="AJ566" s="53">
        <v>844498.21</v>
      </c>
      <c r="AK566" s="53">
        <v>844498.21</v>
      </c>
      <c r="AL566" s="53">
        <v>844498.21</v>
      </c>
      <c r="AM566" s="53">
        <v>844498.21</v>
      </c>
      <c r="AN566" s="53">
        <v>844498.21</v>
      </c>
      <c r="AO566" s="53">
        <v>844498.21</v>
      </c>
      <c r="AP566" s="53">
        <v>844498.21</v>
      </c>
      <c r="AQ566" s="53">
        <v>844498.21</v>
      </c>
      <c r="AR566" s="53">
        <v>844498.21</v>
      </c>
      <c r="AS566" s="53">
        <v>844498.21</v>
      </c>
      <c r="AT566" s="53">
        <v>844498.21</v>
      </c>
      <c r="AU566" s="53">
        <v>844498.21</v>
      </c>
      <c r="AV566" s="53">
        <v>844498.21</v>
      </c>
      <c r="AW566" s="53">
        <v>844498.21</v>
      </c>
      <c r="AX566" s="53">
        <v>844498.21</v>
      </c>
      <c r="AY566" s="53">
        <v>844498.21</v>
      </c>
      <c r="AZ566" s="53">
        <v>844498.21</v>
      </c>
      <c r="BA566" s="53">
        <v>844498.21</v>
      </c>
    </row>
    <row r="567" spans="1:53">
      <c r="A567" s="52" t="s">
        <v>3077</v>
      </c>
      <c r="B567" s="53">
        <v>761713.93041666702</v>
      </c>
      <c r="C567" s="53">
        <v>742238.49583333405</v>
      </c>
      <c r="D567" s="53">
        <v>722763.06125000096</v>
      </c>
      <c r="E567" s="53">
        <v>703287.62666666706</v>
      </c>
      <c r="F567" s="53">
        <v>683812.19208333397</v>
      </c>
      <c r="G567" s="53">
        <v>664336.757500001</v>
      </c>
      <c r="H567" s="53">
        <v>644861.32291666802</v>
      </c>
      <c r="I567" s="53">
        <v>625385.88833333401</v>
      </c>
      <c r="J567" s="53">
        <v>605910.45375000103</v>
      </c>
      <c r="K567" s="53">
        <v>586435.01916666795</v>
      </c>
      <c r="L567" s="53">
        <v>566959.58458333497</v>
      </c>
      <c r="M567" s="53">
        <v>547484.15000000095</v>
      </c>
      <c r="N567" s="53">
        <v>547484.15000000095</v>
      </c>
      <c r="O567" s="53">
        <v>528008.71541666798</v>
      </c>
      <c r="P567" s="53">
        <v>508533.28083333501</v>
      </c>
      <c r="Q567" s="53">
        <v>489057.84625000099</v>
      </c>
      <c r="R567" s="53">
        <v>469582.41166666802</v>
      </c>
      <c r="S567" s="53">
        <v>450106.97708333499</v>
      </c>
      <c r="T567" s="53">
        <v>430631.54250000202</v>
      </c>
      <c r="U567" s="53">
        <v>411156.107916668</v>
      </c>
      <c r="V567" s="53">
        <v>391680.67333333503</v>
      </c>
      <c r="W567" s="53">
        <v>372205.238750002</v>
      </c>
      <c r="X567" s="53">
        <v>352729.80416666798</v>
      </c>
      <c r="Y567" s="53">
        <v>333254.36958333501</v>
      </c>
      <c r="Z567" s="53">
        <v>313778.93500000198</v>
      </c>
      <c r="AA567" s="53">
        <v>313778.93500000198</v>
      </c>
      <c r="AB567" s="53">
        <v>313778.93500000198</v>
      </c>
      <c r="AC567" s="53">
        <v>313778.93500000198</v>
      </c>
      <c r="AD567" s="53">
        <v>313778.93500000198</v>
      </c>
      <c r="AE567" s="53">
        <v>313778.93500000198</v>
      </c>
      <c r="AF567" s="53">
        <v>313778.93500000198</v>
      </c>
      <c r="AG567" s="53">
        <v>313778.93500000198</v>
      </c>
      <c r="AH567" s="53">
        <v>313778.93500000198</v>
      </c>
      <c r="AI567" s="53">
        <v>313778.93500000198</v>
      </c>
      <c r="AJ567" s="53">
        <v>313778.93500000198</v>
      </c>
      <c r="AK567" s="53">
        <v>313778.93500000198</v>
      </c>
      <c r="AL567" s="53">
        <v>313778.93500000198</v>
      </c>
      <c r="AM567" s="53">
        <v>313778.93500000198</v>
      </c>
      <c r="AN567" s="53">
        <v>313778.93500000198</v>
      </c>
      <c r="AO567" s="53">
        <v>313778.93500000198</v>
      </c>
      <c r="AP567" s="53">
        <v>313778.93500000198</v>
      </c>
      <c r="AQ567" s="53">
        <v>313778.93500000198</v>
      </c>
      <c r="AR567" s="53">
        <v>313778.93500000198</v>
      </c>
      <c r="AS567" s="53">
        <v>313778.93500000198</v>
      </c>
      <c r="AT567" s="53">
        <v>313778.93500000198</v>
      </c>
      <c r="AU567" s="53">
        <v>313778.93500000198</v>
      </c>
      <c r="AV567" s="53">
        <v>313778.93500000198</v>
      </c>
      <c r="AW567" s="53">
        <v>313778.93500000198</v>
      </c>
      <c r="AX567" s="53">
        <v>313778.93500000198</v>
      </c>
      <c r="AY567" s="53">
        <v>313778.93500000198</v>
      </c>
      <c r="AZ567" s="53">
        <v>313778.93500000198</v>
      </c>
      <c r="BA567" s="53">
        <v>313778.93500000198</v>
      </c>
    </row>
    <row r="568" spans="1:53">
      <c r="A568" s="52" t="s">
        <v>3078</v>
      </c>
      <c r="B568" s="53">
        <v>913.54</v>
      </c>
      <c r="C568" s="53">
        <v>913.54</v>
      </c>
      <c r="D568" s="53">
        <v>913.54</v>
      </c>
      <c r="E568" s="53">
        <v>913.54</v>
      </c>
      <c r="F568" s="53">
        <v>913.54</v>
      </c>
      <c r="G568" s="53">
        <v>913.54</v>
      </c>
      <c r="H568" s="53">
        <v>913.54</v>
      </c>
      <c r="I568" s="53">
        <v>913.54</v>
      </c>
      <c r="J568" s="53">
        <v>913.54</v>
      </c>
      <c r="K568" s="53">
        <v>913.54</v>
      </c>
      <c r="L568" s="53">
        <v>913.54</v>
      </c>
      <c r="M568" s="53">
        <v>913.54</v>
      </c>
      <c r="N568" s="53">
        <v>913.54</v>
      </c>
      <c r="O568" s="53">
        <v>913.54</v>
      </c>
      <c r="P568" s="53">
        <v>913.54</v>
      </c>
      <c r="Q568" s="53">
        <v>913.54</v>
      </c>
      <c r="R568" s="53">
        <v>913.54</v>
      </c>
      <c r="S568" s="53">
        <v>913.54</v>
      </c>
      <c r="T568" s="53">
        <v>913.54</v>
      </c>
      <c r="U568" s="53">
        <v>913.54</v>
      </c>
      <c r="V568" s="53">
        <v>913.54</v>
      </c>
      <c r="W568" s="53">
        <v>913.54</v>
      </c>
      <c r="X568" s="53">
        <v>913.54</v>
      </c>
      <c r="Y568" s="53">
        <v>913.54</v>
      </c>
      <c r="Z568" s="53">
        <v>913.54</v>
      </c>
      <c r="AA568" s="53">
        <v>913.54</v>
      </c>
      <c r="AB568" s="53">
        <v>913.54</v>
      </c>
      <c r="AC568" s="53">
        <v>913.54</v>
      </c>
      <c r="AD568" s="53">
        <v>913.54</v>
      </c>
      <c r="AE568" s="53">
        <v>913.54</v>
      </c>
      <c r="AF568" s="53">
        <v>913.54</v>
      </c>
      <c r="AG568" s="53">
        <v>913.54</v>
      </c>
      <c r="AH568" s="53">
        <v>913.54</v>
      </c>
      <c r="AI568" s="53">
        <v>913.54</v>
      </c>
      <c r="AJ568" s="53">
        <v>913.54</v>
      </c>
      <c r="AK568" s="53">
        <v>913.54</v>
      </c>
      <c r="AL568" s="53">
        <v>913.54</v>
      </c>
      <c r="AM568" s="53">
        <v>913.54</v>
      </c>
      <c r="AN568" s="53">
        <v>913.54</v>
      </c>
      <c r="AO568" s="53">
        <v>913.54</v>
      </c>
      <c r="AP568" s="53">
        <v>913.54</v>
      </c>
      <c r="AQ568" s="53">
        <v>913.54</v>
      </c>
      <c r="AR568" s="53">
        <v>913.54</v>
      </c>
      <c r="AS568" s="53">
        <v>913.54</v>
      </c>
      <c r="AT568" s="53">
        <v>913.54</v>
      </c>
      <c r="AU568" s="53">
        <v>913.54</v>
      </c>
      <c r="AV568" s="53">
        <v>913.54</v>
      </c>
      <c r="AW568" s="53">
        <v>913.54</v>
      </c>
      <c r="AX568" s="53">
        <v>913.54</v>
      </c>
      <c r="AY568" s="53">
        <v>913.54</v>
      </c>
      <c r="AZ568" s="53">
        <v>913.54</v>
      </c>
      <c r="BA568" s="53">
        <v>913.54</v>
      </c>
    </row>
    <row r="569" spans="1:53">
      <c r="A569" s="52" t="s">
        <v>3079</v>
      </c>
      <c r="B569" s="53">
        <v>1869179.71</v>
      </c>
      <c r="C569" s="53">
        <v>1869179.71</v>
      </c>
      <c r="D569" s="53">
        <v>1869179.71</v>
      </c>
      <c r="E569" s="53">
        <v>1869179.71</v>
      </c>
      <c r="F569" s="53">
        <v>1869179.71</v>
      </c>
      <c r="G569" s="53">
        <v>1869179.71</v>
      </c>
      <c r="H569" s="53">
        <v>1869179.71</v>
      </c>
      <c r="I569" s="53">
        <v>1869179.71</v>
      </c>
      <c r="J569" s="53">
        <v>1869179.71</v>
      </c>
      <c r="K569" s="53">
        <v>1869179.71</v>
      </c>
      <c r="L569" s="53">
        <v>1869179.71</v>
      </c>
      <c r="M569" s="53">
        <v>1869179.71</v>
      </c>
      <c r="N569" s="53">
        <v>1869179.71</v>
      </c>
      <c r="O569" s="53">
        <v>1869179.71</v>
      </c>
      <c r="P569" s="53">
        <v>1869179.71</v>
      </c>
      <c r="Q569" s="53">
        <v>1869179.71</v>
      </c>
      <c r="R569" s="53">
        <v>1869179.71</v>
      </c>
      <c r="S569" s="53">
        <v>1869179.71</v>
      </c>
      <c r="T569" s="53">
        <v>1869179.71</v>
      </c>
      <c r="U569" s="53">
        <v>1869179.71</v>
      </c>
      <c r="V569" s="53">
        <v>1869179.71</v>
      </c>
      <c r="W569" s="53">
        <v>1869179.71</v>
      </c>
      <c r="X569" s="53">
        <v>1869179.71</v>
      </c>
      <c r="Y569" s="53">
        <v>1869179.71</v>
      </c>
      <c r="Z569" s="53">
        <v>1869179.71</v>
      </c>
      <c r="AA569" s="53">
        <v>1869179.71</v>
      </c>
      <c r="AB569" s="53">
        <v>1869179.71</v>
      </c>
      <c r="AC569" s="53">
        <v>1869179.71</v>
      </c>
      <c r="AD569" s="53">
        <v>1869179.71</v>
      </c>
      <c r="AE569" s="53">
        <v>1869179.71</v>
      </c>
      <c r="AF569" s="53">
        <v>1869179.71</v>
      </c>
      <c r="AG569" s="53">
        <v>1869179.71</v>
      </c>
      <c r="AH569" s="53">
        <v>1869179.71</v>
      </c>
      <c r="AI569" s="53">
        <v>1869179.71</v>
      </c>
      <c r="AJ569" s="53">
        <v>1869179.71</v>
      </c>
      <c r="AK569" s="53">
        <v>1869179.71</v>
      </c>
      <c r="AL569" s="53">
        <v>1869179.71</v>
      </c>
      <c r="AM569" s="53">
        <v>1869179.71</v>
      </c>
      <c r="AN569" s="53">
        <v>1869179.71</v>
      </c>
      <c r="AO569" s="53">
        <v>1869179.71</v>
      </c>
      <c r="AP569" s="53">
        <v>1869179.71</v>
      </c>
      <c r="AQ569" s="53">
        <v>1869179.71</v>
      </c>
      <c r="AR569" s="53">
        <v>1869179.71</v>
      </c>
      <c r="AS569" s="53">
        <v>1869179.71</v>
      </c>
      <c r="AT569" s="53">
        <v>1869179.71</v>
      </c>
      <c r="AU569" s="53">
        <v>1869179.71</v>
      </c>
      <c r="AV569" s="53">
        <v>1869179.71</v>
      </c>
      <c r="AW569" s="53">
        <v>1869179.71</v>
      </c>
      <c r="AX569" s="53">
        <v>1869179.71</v>
      </c>
      <c r="AY569" s="53">
        <v>1869179.71</v>
      </c>
      <c r="AZ569" s="53">
        <v>1869179.71</v>
      </c>
      <c r="BA569" s="53">
        <v>1869179.71</v>
      </c>
    </row>
    <row r="570" spans="1:53">
      <c r="A570" s="52" t="s">
        <v>3080</v>
      </c>
      <c r="B570" s="53">
        <v>0</v>
      </c>
      <c r="C570" s="53">
        <v>0</v>
      </c>
      <c r="D570" s="53">
        <v>0</v>
      </c>
      <c r="E570" s="53">
        <v>0</v>
      </c>
      <c r="F570" s="53">
        <v>0</v>
      </c>
      <c r="G570" s="53">
        <v>0</v>
      </c>
      <c r="H570" s="53">
        <v>0</v>
      </c>
      <c r="I570" s="53">
        <v>0</v>
      </c>
      <c r="J570" s="53">
        <v>0</v>
      </c>
      <c r="K570" s="53">
        <v>0</v>
      </c>
      <c r="L570" s="53">
        <v>0</v>
      </c>
      <c r="M570" s="53">
        <v>0</v>
      </c>
      <c r="N570" s="53">
        <v>0</v>
      </c>
      <c r="O570" s="53">
        <v>0</v>
      </c>
      <c r="P570" s="53">
        <v>0</v>
      </c>
      <c r="Q570" s="53">
        <v>0</v>
      </c>
      <c r="R570" s="53">
        <v>0</v>
      </c>
      <c r="S570" s="53">
        <v>0</v>
      </c>
      <c r="T570" s="53">
        <v>0</v>
      </c>
      <c r="U570" s="53">
        <v>0</v>
      </c>
      <c r="V570" s="53">
        <v>0</v>
      </c>
      <c r="W570" s="53">
        <v>0</v>
      </c>
      <c r="X570" s="53">
        <v>0</v>
      </c>
      <c r="Y570" s="53">
        <v>0</v>
      </c>
      <c r="Z570" s="53">
        <v>0</v>
      </c>
      <c r="AA570" s="53">
        <v>0</v>
      </c>
      <c r="AB570" s="53">
        <v>0</v>
      </c>
      <c r="AC570" s="53">
        <v>0</v>
      </c>
      <c r="AD570" s="53">
        <v>0</v>
      </c>
      <c r="AE570" s="53">
        <v>0</v>
      </c>
      <c r="AF570" s="53">
        <v>0</v>
      </c>
      <c r="AG570" s="53">
        <v>0</v>
      </c>
      <c r="AH570" s="53">
        <v>0</v>
      </c>
      <c r="AI570" s="53">
        <v>0</v>
      </c>
      <c r="AJ570" s="53">
        <v>0</v>
      </c>
      <c r="AK570" s="53">
        <v>0</v>
      </c>
      <c r="AL570" s="53">
        <v>0</v>
      </c>
      <c r="AM570" s="53">
        <v>0</v>
      </c>
      <c r="AN570" s="53">
        <v>0</v>
      </c>
      <c r="AO570" s="53">
        <v>0</v>
      </c>
      <c r="AP570" s="53">
        <v>0</v>
      </c>
      <c r="AQ570" s="53">
        <v>0</v>
      </c>
      <c r="AR570" s="53">
        <v>0</v>
      </c>
      <c r="AS570" s="53">
        <v>0</v>
      </c>
      <c r="AT570" s="53">
        <v>0</v>
      </c>
      <c r="AU570" s="53">
        <v>0</v>
      </c>
      <c r="AV570" s="53">
        <v>0</v>
      </c>
      <c r="AW570" s="53">
        <v>0</v>
      </c>
      <c r="AX570" s="53">
        <v>0</v>
      </c>
      <c r="AY570" s="53">
        <v>0</v>
      </c>
      <c r="AZ570" s="53">
        <v>0</v>
      </c>
      <c r="BA570" s="53">
        <v>0</v>
      </c>
    </row>
    <row r="571" spans="1:53">
      <c r="A571" s="52" t="s">
        <v>3081</v>
      </c>
      <c r="B571" s="53">
        <v>0</v>
      </c>
      <c r="C571" s="53">
        <v>0</v>
      </c>
      <c r="D571" s="53">
        <v>0</v>
      </c>
      <c r="E571" s="53">
        <v>0</v>
      </c>
      <c r="F571" s="53">
        <v>0</v>
      </c>
      <c r="G571" s="53">
        <v>0</v>
      </c>
      <c r="H571" s="53">
        <v>0</v>
      </c>
      <c r="I571" s="53">
        <v>0</v>
      </c>
      <c r="J571" s="53">
        <v>0</v>
      </c>
      <c r="K571" s="53">
        <v>0</v>
      </c>
      <c r="L571" s="53">
        <v>0</v>
      </c>
      <c r="M571" s="53">
        <v>0</v>
      </c>
      <c r="N571" s="53">
        <v>0</v>
      </c>
      <c r="O571" s="53">
        <v>0</v>
      </c>
      <c r="P571" s="53">
        <v>0</v>
      </c>
      <c r="Q571" s="53">
        <v>0</v>
      </c>
      <c r="R571" s="53">
        <v>0</v>
      </c>
      <c r="S571" s="53">
        <v>0</v>
      </c>
      <c r="T571" s="53">
        <v>0</v>
      </c>
      <c r="U571" s="53">
        <v>0</v>
      </c>
      <c r="V571" s="53">
        <v>0</v>
      </c>
      <c r="W571" s="53">
        <v>0</v>
      </c>
      <c r="X571" s="53">
        <v>0</v>
      </c>
      <c r="Y571" s="53">
        <v>0</v>
      </c>
      <c r="Z571" s="53">
        <v>0</v>
      </c>
      <c r="AA571" s="53">
        <v>0</v>
      </c>
      <c r="AB571" s="53">
        <v>0</v>
      </c>
      <c r="AC571" s="53">
        <v>0</v>
      </c>
      <c r="AD571" s="53">
        <v>0</v>
      </c>
      <c r="AE571" s="53">
        <v>0</v>
      </c>
      <c r="AF571" s="53">
        <v>0</v>
      </c>
      <c r="AG571" s="53">
        <v>0</v>
      </c>
      <c r="AH571" s="53">
        <v>0</v>
      </c>
      <c r="AI571" s="53">
        <v>0</v>
      </c>
      <c r="AJ571" s="53">
        <v>0</v>
      </c>
      <c r="AK571" s="53">
        <v>0</v>
      </c>
      <c r="AL571" s="53">
        <v>0</v>
      </c>
      <c r="AM571" s="53">
        <v>0</v>
      </c>
      <c r="AN571" s="53">
        <v>0</v>
      </c>
      <c r="AO571" s="53">
        <v>0</v>
      </c>
      <c r="AP571" s="53">
        <v>0</v>
      </c>
      <c r="AQ571" s="53">
        <v>0</v>
      </c>
      <c r="AR571" s="53">
        <v>0</v>
      </c>
      <c r="AS571" s="53">
        <v>0</v>
      </c>
      <c r="AT571" s="53">
        <v>0</v>
      </c>
      <c r="AU571" s="53">
        <v>0</v>
      </c>
      <c r="AV571" s="53">
        <v>0</v>
      </c>
      <c r="AW571" s="53">
        <v>0</v>
      </c>
      <c r="AX571" s="53">
        <v>0</v>
      </c>
      <c r="AY571" s="53">
        <v>0</v>
      </c>
      <c r="AZ571" s="53">
        <v>0</v>
      </c>
      <c r="BA571" s="53">
        <v>0</v>
      </c>
    </row>
    <row r="572" spans="1:53">
      <c r="A572" s="52" t="s">
        <v>3082</v>
      </c>
      <c r="B572" s="53">
        <v>0</v>
      </c>
      <c r="C572" s="53">
        <v>0</v>
      </c>
      <c r="D572" s="53">
        <v>0</v>
      </c>
      <c r="E572" s="53">
        <v>0</v>
      </c>
      <c r="F572" s="53">
        <v>0</v>
      </c>
      <c r="G572" s="53">
        <v>0</v>
      </c>
      <c r="H572" s="53">
        <v>0</v>
      </c>
      <c r="I572" s="53">
        <v>0</v>
      </c>
      <c r="J572" s="53">
        <v>0</v>
      </c>
      <c r="K572" s="53">
        <v>0</v>
      </c>
      <c r="L572" s="53">
        <v>0</v>
      </c>
      <c r="M572" s="53">
        <v>0</v>
      </c>
      <c r="N572" s="53">
        <v>0</v>
      </c>
      <c r="O572" s="53">
        <v>0</v>
      </c>
      <c r="P572" s="53">
        <v>0</v>
      </c>
      <c r="Q572" s="53">
        <v>0</v>
      </c>
      <c r="R572" s="53">
        <v>0</v>
      </c>
      <c r="S572" s="53">
        <v>0</v>
      </c>
      <c r="T572" s="53">
        <v>0</v>
      </c>
      <c r="U572" s="53">
        <v>0</v>
      </c>
      <c r="V572" s="53">
        <v>0</v>
      </c>
      <c r="W572" s="53">
        <v>0</v>
      </c>
      <c r="X572" s="53">
        <v>0</v>
      </c>
      <c r="Y572" s="53">
        <v>0</v>
      </c>
      <c r="Z572" s="53">
        <v>0</v>
      </c>
      <c r="AA572" s="53">
        <v>0</v>
      </c>
      <c r="AB572" s="53">
        <v>0</v>
      </c>
      <c r="AC572" s="53">
        <v>0</v>
      </c>
      <c r="AD572" s="53">
        <v>0</v>
      </c>
      <c r="AE572" s="53">
        <v>0</v>
      </c>
      <c r="AF572" s="53">
        <v>0</v>
      </c>
      <c r="AG572" s="53">
        <v>0</v>
      </c>
      <c r="AH572" s="53">
        <v>0</v>
      </c>
      <c r="AI572" s="53">
        <v>0</v>
      </c>
      <c r="AJ572" s="53">
        <v>0</v>
      </c>
      <c r="AK572" s="53">
        <v>0</v>
      </c>
      <c r="AL572" s="53">
        <v>0</v>
      </c>
      <c r="AM572" s="53">
        <v>0</v>
      </c>
      <c r="AN572" s="53">
        <v>0</v>
      </c>
      <c r="AO572" s="53">
        <v>0</v>
      </c>
      <c r="AP572" s="53">
        <v>0</v>
      </c>
      <c r="AQ572" s="53">
        <v>0</v>
      </c>
      <c r="AR572" s="53">
        <v>0</v>
      </c>
      <c r="AS572" s="53">
        <v>0</v>
      </c>
      <c r="AT572" s="53">
        <v>0</v>
      </c>
      <c r="AU572" s="53">
        <v>0</v>
      </c>
      <c r="AV572" s="53">
        <v>0</v>
      </c>
      <c r="AW572" s="53">
        <v>0</v>
      </c>
      <c r="AX572" s="53">
        <v>0</v>
      </c>
      <c r="AY572" s="53">
        <v>0</v>
      </c>
      <c r="AZ572" s="53">
        <v>0</v>
      </c>
      <c r="BA572" s="53">
        <v>0</v>
      </c>
    </row>
    <row r="573" spans="1:53">
      <c r="A573" s="52" t="s">
        <v>3083</v>
      </c>
      <c r="B573" s="53">
        <v>0</v>
      </c>
      <c r="C573" s="53">
        <v>0</v>
      </c>
      <c r="D573" s="53">
        <v>0</v>
      </c>
      <c r="E573" s="53">
        <v>0</v>
      </c>
      <c r="F573" s="53">
        <v>0</v>
      </c>
      <c r="G573" s="53">
        <v>0</v>
      </c>
      <c r="H573" s="53">
        <v>0</v>
      </c>
      <c r="I573" s="53">
        <v>0</v>
      </c>
      <c r="J573" s="53">
        <v>0</v>
      </c>
      <c r="K573" s="53">
        <v>0</v>
      </c>
      <c r="L573" s="53">
        <v>0</v>
      </c>
      <c r="M573" s="53">
        <v>0</v>
      </c>
      <c r="N573" s="53">
        <v>0</v>
      </c>
      <c r="O573" s="53">
        <v>0</v>
      </c>
      <c r="P573" s="53">
        <v>0</v>
      </c>
      <c r="Q573" s="53">
        <v>0</v>
      </c>
      <c r="R573" s="53">
        <v>0</v>
      </c>
      <c r="S573" s="53">
        <v>0</v>
      </c>
      <c r="T573" s="53">
        <v>0</v>
      </c>
      <c r="U573" s="53">
        <v>0</v>
      </c>
      <c r="V573" s="53">
        <v>0</v>
      </c>
      <c r="W573" s="53">
        <v>0</v>
      </c>
      <c r="X573" s="53">
        <v>0</v>
      </c>
      <c r="Y573" s="53">
        <v>0</v>
      </c>
      <c r="Z573" s="53">
        <v>0</v>
      </c>
      <c r="AA573" s="53">
        <v>0</v>
      </c>
      <c r="AB573" s="53">
        <v>0</v>
      </c>
      <c r="AC573" s="53">
        <v>0</v>
      </c>
      <c r="AD573" s="53">
        <v>0</v>
      </c>
      <c r="AE573" s="53">
        <v>0</v>
      </c>
      <c r="AF573" s="53">
        <v>0</v>
      </c>
      <c r="AG573" s="53">
        <v>0</v>
      </c>
      <c r="AH573" s="53">
        <v>0</v>
      </c>
      <c r="AI573" s="53">
        <v>0</v>
      </c>
      <c r="AJ573" s="53">
        <v>0</v>
      </c>
      <c r="AK573" s="53">
        <v>0</v>
      </c>
      <c r="AL573" s="53">
        <v>0</v>
      </c>
      <c r="AM573" s="53">
        <v>0</v>
      </c>
      <c r="AN573" s="53">
        <v>0</v>
      </c>
      <c r="AO573" s="53">
        <v>0</v>
      </c>
      <c r="AP573" s="53">
        <v>0</v>
      </c>
      <c r="AQ573" s="53">
        <v>0</v>
      </c>
      <c r="AR573" s="53">
        <v>0</v>
      </c>
      <c r="AS573" s="53">
        <v>0</v>
      </c>
      <c r="AT573" s="53">
        <v>0</v>
      </c>
      <c r="AU573" s="53">
        <v>0</v>
      </c>
      <c r="AV573" s="53">
        <v>0</v>
      </c>
      <c r="AW573" s="53">
        <v>0</v>
      </c>
      <c r="AX573" s="53">
        <v>0</v>
      </c>
      <c r="AY573" s="53">
        <v>0</v>
      </c>
      <c r="AZ573" s="53">
        <v>0</v>
      </c>
      <c r="BA573" s="53">
        <v>0</v>
      </c>
    </row>
    <row r="574" spans="1:53">
      <c r="A574" s="52" t="s">
        <v>3084</v>
      </c>
      <c r="B574" s="53">
        <v>174703.32999998899</v>
      </c>
      <c r="C574" s="53">
        <v>174703.32999998899</v>
      </c>
      <c r="D574" s="53">
        <v>174703.32999998899</v>
      </c>
      <c r="E574" s="53">
        <v>174703.32999998899</v>
      </c>
      <c r="F574" s="53">
        <v>174703.32999998899</v>
      </c>
      <c r="G574" s="53">
        <v>174703.32999998899</v>
      </c>
      <c r="H574" s="53">
        <v>174703.32999998899</v>
      </c>
      <c r="I574" s="53">
        <v>174703.32999998899</v>
      </c>
      <c r="J574" s="53">
        <v>174703.32999998899</v>
      </c>
      <c r="K574" s="53">
        <v>174703.32999998899</v>
      </c>
      <c r="L574" s="53">
        <v>174703.32999998899</v>
      </c>
      <c r="M574" s="53">
        <v>174703.32999998899</v>
      </c>
      <c r="N574" s="53">
        <v>174703.32999998899</v>
      </c>
      <c r="O574" s="53">
        <v>174703.32999998899</v>
      </c>
      <c r="P574" s="53">
        <v>174703.32999998899</v>
      </c>
      <c r="Q574" s="53">
        <v>174703.32999998899</v>
      </c>
      <c r="R574" s="53">
        <v>174703.32999998899</v>
      </c>
      <c r="S574" s="53">
        <v>174703.32999998899</v>
      </c>
      <c r="T574" s="53">
        <v>174703.32999998899</v>
      </c>
      <c r="U574" s="53">
        <v>174703.32999998899</v>
      </c>
      <c r="V574" s="53">
        <v>174703.32999998899</v>
      </c>
      <c r="W574" s="53">
        <v>174703.32999998899</v>
      </c>
      <c r="X574" s="53">
        <v>174703.32999998899</v>
      </c>
      <c r="Y574" s="53">
        <v>174703.32999998899</v>
      </c>
      <c r="Z574" s="53">
        <v>174703.32999998899</v>
      </c>
      <c r="AA574" s="53">
        <v>174703.32999998899</v>
      </c>
      <c r="AB574" s="53">
        <v>174703.32999998899</v>
      </c>
      <c r="AC574" s="53">
        <v>174703.32999998899</v>
      </c>
      <c r="AD574" s="53">
        <v>174703.32999998899</v>
      </c>
      <c r="AE574" s="53">
        <v>174703.32999998899</v>
      </c>
      <c r="AF574" s="53">
        <v>174703.32999998899</v>
      </c>
      <c r="AG574" s="53">
        <v>174703.32999998899</v>
      </c>
      <c r="AH574" s="53">
        <v>174703.32999998899</v>
      </c>
      <c r="AI574" s="53">
        <v>174703.32999998899</v>
      </c>
      <c r="AJ574" s="53">
        <v>174703.32999998899</v>
      </c>
      <c r="AK574" s="53">
        <v>174703.32999998899</v>
      </c>
      <c r="AL574" s="53">
        <v>174703.32999998899</v>
      </c>
      <c r="AM574" s="53">
        <v>174703.32999998899</v>
      </c>
      <c r="AN574" s="53">
        <v>174703.32999998899</v>
      </c>
      <c r="AO574" s="53">
        <v>174703.32999998899</v>
      </c>
      <c r="AP574" s="53">
        <v>174703.32999998899</v>
      </c>
      <c r="AQ574" s="53">
        <v>174703.32999998899</v>
      </c>
      <c r="AR574" s="53">
        <v>174703.32999998899</v>
      </c>
      <c r="AS574" s="53">
        <v>174703.32999998899</v>
      </c>
      <c r="AT574" s="53">
        <v>174703.32999998899</v>
      </c>
      <c r="AU574" s="53">
        <v>174703.32999998899</v>
      </c>
      <c r="AV574" s="53">
        <v>174703.32999998899</v>
      </c>
      <c r="AW574" s="53">
        <v>174703.32999998899</v>
      </c>
      <c r="AX574" s="53">
        <v>174703.32999998899</v>
      </c>
      <c r="AY574" s="53">
        <v>174703.32999998899</v>
      </c>
      <c r="AZ574" s="53">
        <v>174703.32999998899</v>
      </c>
      <c r="BA574" s="53">
        <v>174703.32999998899</v>
      </c>
    </row>
    <row r="575" spans="1:53">
      <c r="A575" s="52" t="s">
        <v>3085</v>
      </c>
      <c r="B575" s="53">
        <v>0</v>
      </c>
      <c r="C575" s="53">
        <v>0</v>
      </c>
      <c r="D575" s="53">
        <v>0</v>
      </c>
      <c r="E575" s="53">
        <v>0</v>
      </c>
      <c r="F575" s="53">
        <v>0</v>
      </c>
      <c r="G575" s="53">
        <v>0</v>
      </c>
      <c r="H575" s="53">
        <v>0</v>
      </c>
      <c r="I575" s="53">
        <v>0</v>
      </c>
      <c r="J575" s="53">
        <v>0</v>
      </c>
      <c r="K575" s="53">
        <v>0</v>
      </c>
      <c r="L575" s="53">
        <v>0</v>
      </c>
      <c r="M575" s="53">
        <v>0</v>
      </c>
      <c r="N575" s="53">
        <v>0</v>
      </c>
      <c r="O575" s="53">
        <v>0</v>
      </c>
      <c r="P575" s="53">
        <v>0</v>
      </c>
      <c r="Q575" s="53">
        <v>0</v>
      </c>
      <c r="R575" s="53">
        <v>0</v>
      </c>
      <c r="S575" s="53">
        <v>0</v>
      </c>
      <c r="T575" s="53">
        <v>0</v>
      </c>
      <c r="U575" s="53">
        <v>0</v>
      </c>
      <c r="V575" s="53">
        <v>0</v>
      </c>
      <c r="W575" s="53">
        <v>0</v>
      </c>
      <c r="X575" s="53">
        <v>0</v>
      </c>
      <c r="Y575" s="53">
        <v>0</v>
      </c>
      <c r="Z575" s="53">
        <v>0</v>
      </c>
      <c r="AA575" s="53">
        <v>0</v>
      </c>
      <c r="AB575" s="53">
        <v>0</v>
      </c>
      <c r="AC575" s="53">
        <v>0</v>
      </c>
      <c r="AD575" s="53">
        <v>0</v>
      </c>
      <c r="AE575" s="53">
        <v>0</v>
      </c>
      <c r="AF575" s="53">
        <v>0</v>
      </c>
      <c r="AG575" s="53">
        <v>0</v>
      </c>
      <c r="AH575" s="53">
        <v>0</v>
      </c>
      <c r="AI575" s="53">
        <v>0</v>
      </c>
      <c r="AJ575" s="53">
        <v>0</v>
      </c>
      <c r="AK575" s="53">
        <v>0</v>
      </c>
      <c r="AL575" s="53">
        <v>0</v>
      </c>
      <c r="AM575" s="53">
        <v>0</v>
      </c>
      <c r="AN575" s="53">
        <v>0</v>
      </c>
      <c r="AO575" s="53">
        <v>0</v>
      </c>
      <c r="AP575" s="53">
        <v>0</v>
      </c>
      <c r="AQ575" s="53">
        <v>0</v>
      </c>
      <c r="AR575" s="53">
        <v>0</v>
      </c>
      <c r="AS575" s="53">
        <v>0</v>
      </c>
      <c r="AT575" s="53">
        <v>0</v>
      </c>
      <c r="AU575" s="53">
        <v>0</v>
      </c>
      <c r="AV575" s="53">
        <v>0</v>
      </c>
      <c r="AW575" s="53">
        <v>0</v>
      </c>
      <c r="AX575" s="53">
        <v>0</v>
      </c>
      <c r="AY575" s="53">
        <v>0</v>
      </c>
      <c r="AZ575" s="53">
        <v>0</v>
      </c>
      <c r="BA575" s="53">
        <v>0</v>
      </c>
    </row>
    <row r="576" spans="1:53">
      <c r="A576" s="52" t="s">
        <v>3086</v>
      </c>
      <c r="B576" s="53">
        <v>0</v>
      </c>
      <c r="C576" s="53">
        <v>0</v>
      </c>
      <c r="D576" s="53">
        <v>0</v>
      </c>
      <c r="E576" s="53">
        <v>0</v>
      </c>
      <c r="F576" s="53">
        <v>0</v>
      </c>
      <c r="G576" s="53">
        <v>0</v>
      </c>
      <c r="H576" s="53">
        <v>0</v>
      </c>
      <c r="I576" s="53">
        <v>0</v>
      </c>
      <c r="J576" s="53">
        <v>0</v>
      </c>
      <c r="K576" s="53">
        <v>0</v>
      </c>
      <c r="L576" s="53">
        <v>0</v>
      </c>
      <c r="M576" s="53">
        <v>0</v>
      </c>
      <c r="N576" s="53">
        <v>0</v>
      </c>
      <c r="O576" s="53">
        <v>0</v>
      </c>
      <c r="P576" s="53">
        <v>0</v>
      </c>
      <c r="Q576" s="53">
        <v>0</v>
      </c>
      <c r="R576" s="53">
        <v>0</v>
      </c>
      <c r="S576" s="53">
        <v>0</v>
      </c>
      <c r="T576" s="53">
        <v>0</v>
      </c>
      <c r="U576" s="53">
        <v>0</v>
      </c>
      <c r="V576" s="53">
        <v>0</v>
      </c>
      <c r="W576" s="53">
        <v>0</v>
      </c>
      <c r="X576" s="53">
        <v>0</v>
      </c>
      <c r="Y576" s="53">
        <v>0</v>
      </c>
      <c r="Z576" s="53">
        <v>0</v>
      </c>
      <c r="AA576" s="53">
        <v>0</v>
      </c>
      <c r="AB576" s="53">
        <v>0</v>
      </c>
      <c r="AC576" s="53">
        <v>0</v>
      </c>
      <c r="AD576" s="53">
        <v>0</v>
      </c>
      <c r="AE576" s="53">
        <v>0</v>
      </c>
      <c r="AF576" s="53">
        <v>0</v>
      </c>
      <c r="AG576" s="53">
        <v>0</v>
      </c>
      <c r="AH576" s="53">
        <v>0</v>
      </c>
      <c r="AI576" s="53">
        <v>0</v>
      </c>
      <c r="AJ576" s="53">
        <v>0</v>
      </c>
      <c r="AK576" s="53">
        <v>0</v>
      </c>
      <c r="AL576" s="53">
        <v>0</v>
      </c>
      <c r="AM576" s="53">
        <v>0</v>
      </c>
      <c r="AN576" s="53">
        <v>0</v>
      </c>
      <c r="AO576" s="53">
        <v>0</v>
      </c>
      <c r="AP576" s="53">
        <v>0</v>
      </c>
      <c r="AQ576" s="53">
        <v>0</v>
      </c>
      <c r="AR576" s="53">
        <v>0</v>
      </c>
      <c r="AS576" s="53">
        <v>0</v>
      </c>
      <c r="AT576" s="53">
        <v>0</v>
      </c>
      <c r="AU576" s="53">
        <v>0</v>
      </c>
      <c r="AV576" s="53">
        <v>0</v>
      </c>
      <c r="AW576" s="53">
        <v>0</v>
      </c>
      <c r="AX576" s="53">
        <v>0</v>
      </c>
      <c r="AY576" s="53">
        <v>0</v>
      </c>
      <c r="AZ576" s="53">
        <v>0</v>
      </c>
      <c r="BA576" s="53">
        <v>0</v>
      </c>
    </row>
    <row r="577" spans="1:53">
      <c r="A577" s="52" t="s">
        <v>3087</v>
      </c>
      <c r="B577" s="53">
        <v>3128787.04</v>
      </c>
      <c r="C577" s="53">
        <v>3128787.04</v>
      </c>
      <c r="D577" s="53">
        <v>3128787.04</v>
      </c>
      <c r="E577" s="53">
        <v>3128787.04</v>
      </c>
      <c r="F577" s="53">
        <v>3128787.04</v>
      </c>
      <c r="G577" s="53">
        <v>3128787.04</v>
      </c>
      <c r="H577" s="53">
        <v>3128787.04</v>
      </c>
      <c r="I577" s="53">
        <v>3128787.04</v>
      </c>
      <c r="J577" s="53">
        <v>3128787.04</v>
      </c>
      <c r="K577" s="53">
        <v>3128787.04</v>
      </c>
      <c r="L577" s="53">
        <v>3128787.04</v>
      </c>
      <c r="M577" s="53">
        <v>3128787.04</v>
      </c>
      <c r="N577" s="53">
        <v>3128787.04</v>
      </c>
      <c r="O577" s="53">
        <v>3128787.04</v>
      </c>
      <c r="P577" s="53">
        <v>3128787.04</v>
      </c>
      <c r="Q577" s="53">
        <v>3128787.04</v>
      </c>
      <c r="R577" s="53">
        <v>3128787.04</v>
      </c>
      <c r="S577" s="53">
        <v>3128787.04</v>
      </c>
      <c r="T577" s="53">
        <v>3128787.04</v>
      </c>
      <c r="U577" s="53">
        <v>3128787.04</v>
      </c>
      <c r="V577" s="53">
        <v>3128787.04</v>
      </c>
      <c r="W577" s="53">
        <v>3128787.04</v>
      </c>
      <c r="X577" s="53">
        <v>3128787.04</v>
      </c>
      <c r="Y577" s="53">
        <v>3128787.04</v>
      </c>
      <c r="Z577" s="53">
        <v>3128787.04</v>
      </c>
      <c r="AA577" s="53">
        <v>3128787.04</v>
      </c>
      <c r="AB577" s="53">
        <v>3128787.04</v>
      </c>
      <c r="AC577" s="53">
        <v>3128787.04</v>
      </c>
      <c r="AD577" s="53">
        <v>3128787.04</v>
      </c>
      <c r="AE577" s="53">
        <v>3128787.04</v>
      </c>
      <c r="AF577" s="53">
        <v>3128787.04</v>
      </c>
      <c r="AG577" s="53">
        <v>3128787.04</v>
      </c>
      <c r="AH577" s="53">
        <v>3128787.04</v>
      </c>
      <c r="AI577" s="53">
        <v>3128787.04</v>
      </c>
      <c r="AJ577" s="53">
        <v>3128787.04</v>
      </c>
      <c r="AK577" s="53">
        <v>3128787.04</v>
      </c>
      <c r="AL577" s="53">
        <v>3128787.04</v>
      </c>
      <c r="AM577" s="53">
        <v>3128787.04</v>
      </c>
      <c r="AN577" s="53">
        <v>3128787.04</v>
      </c>
      <c r="AO577" s="53">
        <v>3128787.04</v>
      </c>
      <c r="AP577" s="53">
        <v>3128787.04</v>
      </c>
      <c r="AQ577" s="53">
        <v>3128787.04</v>
      </c>
      <c r="AR577" s="53">
        <v>3128787.04</v>
      </c>
      <c r="AS577" s="53">
        <v>3128787.04</v>
      </c>
      <c r="AT577" s="53">
        <v>3128787.04</v>
      </c>
      <c r="AU577" s="53">
        <v>3128787.04</v>
      </c>
      <c r="AV577" s="53">
        <v>3128787.04</v>
      </c>
      <c r="AW577" s="53">
        <v>3128787.04</v>
      </c>
      <c r="AX577" s="53">
        <v>3128787.04</v>
      </c>
      <c r="AY577" s="53">
        <v>3128787.04</v>
      </c>
      <c r="AZ577" s="53">
        <v>3128787.04</v>
      </c>
      <c r="BA577" s="53">
        <v>3128787.04</v>
      </c>
    </row>
    <row r="578" spans="1:53">
      <c r="A578" s="52" t="s">
        <v>3088</v>
      </c>
      <c r="B578" s="53">
        <v>2.0641891751438301E-5</v>
      </c>
      <c r="C578" s="53">
        <v>2.5729605113156099E-5</v>
      </c>
      <c r="D578" s="53">
        <v>2.6690031518228301E-5</v>
      </c>
      <c r="E578" s="53">
        <v>3.0415321816690198E-5</v>
      </c>
      <c r="F578" s="53">
        <v>2.9309376259334301E-5</v>
      </c>
      <c r="G578" s="53">
        <v>2.9658622224815098E-5</v>
      </c>
      <c r="H578" s="53">
        <v>2.97968654194846E-5</v>
      </c>
      <c r="I578" s="53">
        <v>3.6723577068187202E-5</v>
      </c>
      <c r="J578" s="53">
        <v>3.2649040804244503E-5</v>
      </c>
      <c r="K578" s="53">
        <v>3.7101926864124801E-5</v>
      </c>
      <c r="L578" s="53">
        <v>4.0827217162586701E-5</v>
      </c>
      <c r="M578" s="53">
        <v>4.3664840632118203E-5</v>
      </c>
      <c r="N578" s="53">
        <v>4.3664840632118203E-5</v>
      </c>
      <c r="O578" s="53">
        <v>4.1831299313344E-5</v>
      </c>
      <c r="P578" s="53">
        <v>4.5731212594546303E-5</v>
      </c>
      <c r="Q578" s="53">
        <v>4.74774424219504E-5</v>
      </c>
      <c r="R578" s="53">
        <v>5.0940798246301697E-5</v>
      </c>
      <c r="S578" s="53">
        <v>5.2454197430051802E-5</v>
      </c>
      <c r="T578" s="53">
        <v>5.2628820412792198E-5</v>
      </c>
      <c r="U578" s="53">
        <v>5.1348251872695901E-5</v>
      </c>
      <c r="V578" s="53">
        <v>5.1522874855436303E-5</v>
      </c>
      <c r="W578" s="53">
        <v>5.3240000852383599E-5</v>
      </c>
      <c r="X578" s="53">
        <v>5.8129444369114902E-5</v>
      </c>
      <c r="Y578" s="53">
        <v>5.6965291150845499E-5</v>
      </c>
      <c r="Z578" s="53">
        <v>5.4607880883850103E-5</v>
      </c>
      <c r="AA578" s="53">
        <v>5.4607880883850103E-5</v>
      </c>
      <c r="AB578" s="53">
        <v>5.8304067351855297E-5</v>
      </c>
      <c r="AC578" s="53">
        <v>6.09306880505755E-5</v>
      </c>
      <c r="AD578" s="53">
        <v>6.1527316574938595E-5</v>
      </c>
      <c r="AE578" s="53">
        <v>5.9621015680022497E-5</v>
      </c>
      <c r="AF578" s="53">
        <v>6.1047103372402394E-5</v>
      </c>
      <c r="AG578" s="53">
        <v>6.50634319754317E-5</v>
      </c>
      <c r="AH578" s="53">
        <v>6.4248524722643197E-5</v>
      </c>
      <c r="AI578" s="53">
        <v>7.5133357313461602E-5</v>
      </c>
      <c r="AJ578" s="53">
        <v>6.7304426920600195E-5</v>
      </c>
      <c r="AK578" s="53">
        <v>7.7941876952536404E-5</v>
      </c>
      <c r="AL578" s="53">
        <v>7.5497155194170705E-5</v>
      </c>
      <c r="AM578" s="53">
        <v>7.6719516073353494E-5</v>
      </c>
      <c r="AN578" s="53">
        <v>7.6719516073353494E-5</v>
      </c>
      <c r="AO578" s="53">
        <v>8.0473910202272196E-5</v>
      </c>
      <c r="AP578" s="53">
        <v>8.2212864072061994E-5</v>
      </c>
      <c r="AQ578" s="53">
        <v>8.7771695689298199E-5</v>
      </c>
      <c r="AR578" s="53">
        <v>8.3085978985764005E-5</v>
      </c>
      <c r="AS578" s="53">
        <v>8.5938154370523894E-5</v>
      </c>
      <c r="AT578" s="53">
        <v>9.0798494056798504E-5</v>
      </c>
      <c r="AU578" s="53">
        <v>8.5210558609105606E-5</v>
      </c>
      <c r="AV578" s="53">
        <v>8.6665750131942305E-5</v>
      </c>
      <c r="AW578" s="53">
        <v>9.1118636191822494E-5</v>
      </c>
      <c r="AX578" s="53">
        <v>8.9532477431930602E-5</v>
      </c>
      <c r="AY578" s="53">
        <v>9.0230969362892197E-5</v>
      </c>
      <c r="AZ578" s="53">
        <v>9.3723429017700201E-5</v>
      </c>
      <c r="BA578" s="53">
        <v>9.3723429017700201E-5</v>
      </c>
    </row>
    <row r="579" spans="1:53">
      <c r="A579" s="52" t="s">
        <v>3089</v>
      </c>
      <c r="B579" s="53">
        <v>0</v>
      </c>
      <c r="C579" s="53">
        <v>0</v>
      </c>
      <c r="D579" s="53">
        <v>0</v>
      </c>
      <c r="E579" s="53">
        <v>0</v>
      </c>
      <c r="F579" s="53">
        <v>0</v>
      </c>
      <c r="G579" s="53">
        <v>0</v>
      </c>
      <c r="H579" s="53">
        <v>0</v>
      </c>
      <c r="I579" s="53">
        <v>0</v>
      </c>
      <c r="J579" s="53">
        <v>0</v>
      </c>
      <c r="K579" s="53">
        <v>0</v>
      </c>
      <c r="L579" s="53">
        <v>0</v>
      </c>
      <c r="M579" s="53">
        <v>0</v>
      </c>
      <c r="N579" s="53">
        <v>0</v>
      </c>
      <c r="O579" s="53">
        <v>0</v>
      </c>
      <c r="P579" s="53">
        <v>0</v>
      </c>
      <c r="Q579" s="53">
        <v>0</v>
      </c>
      <c r="R579" s="53">
        <v>0</v>
      </c>
      <c r="S579" s="53">
        <v>0</v>
      </c>
      <c r="T579" s="53">
        <v>0</v>
      </c>
      <c r="U579" s="53">
        <v>0</v>
      </c>
      <c r="V579" s="53">
        <v>0</v>
      </c>
      <c r="W579" s="53">
        <v>0</v>
      </c>
      <c r="X579" s="53">
        <v>0</v>
      </c>
      <c r="Y579" s="53">
        <v>0</v>
      </c>
      <c r="Z579" s="53">
        <v>0</v>
      </c>
      <c r="AA579" s="53">
        <v>0</v>
      </c>
      <c r="AB579" s="53">
        <v>0</v>
      </c>
      <c r="AC579" s="53">
        <v>0</v>
      </c>
      <c r="AD579" s="53">
        <v>0</v>
      </c>
      <c r="AE579" s="53">
        <v>0</v>
      </c>
      <c r="AF579" s="53">
        <v>0</v>
      </c>
      <c r="AG579" s="53">
        <v>0</v>
      </c>
      <c r="AH579" s="53">
        <v>0</v>
      </c>
      <c r="AI579" s="53">
        <v>0</v>
      </c>
      <c r="AJ579" s="53">
        <v>0</v>
      </c>
      <c r="AK579" s="53">
        <v>0</v>
      </c>
      <c r="AL579" s="53">
        <v>0</v>
      </c>
      <c r="AM579" s="53">
        <v>0</v>
      </c>
      <c r="AN579" s="53">
        <v>0</v>
      </c>
      <c r="AO579" s="53">
        <v>0</v>
      </c>
      <c r="AP579" s="53">
        <v>0</v>
      </c>
      <c r="AQ579" s="53">
        <v>0</v>
      </c>
      <c r="AR579" s="53">
        <v>0</v>
      </c>
      <c r="AS579" s="53">
        <v>0</v>
      </c>
      <c r="AT579" s="53">
        <v>0</v>
      </c>
      <c r="AU579" s="53">
        <v>0</v>
      </c>
      <c r="AV579" s="53">
        <v>0</v>
      </c>
      <c r="AW579" s="53">
        <v>0</v>
      </c>
      <c r="AX579" s="53">
        <v>0</v>
      </c>
      <c r="AY579" s="53">
        <v>0</v>
      </c>
      <c r="AZ579" s="53">
        <v>0</v>
      </c>
      <c r="BA579" s="53">
        <v>0</v>
      </c>
    </row>
    <row r="580" spans="1:53">
      <c r="A580" s="52" t="s">
        <v>3090</v>
      </c>
      <c r="B580" s="53">
        <v>36</v>
      </c>
      <c r="C580" s="53">
        <v>36</v>
      </c>
      <c r="D580" s="53">
        <v>36</v>
      </c>
      <c r="E580" s="53">
        <v>36</v>
      </c>
      <c r="F580" s="53">
        <v>36</v>
      </c>
      <c r="G580" s="53">
        <v>36</v>
      </c>
      <c r="H580" s="53">
        <v>36</v>
      </c>
      <c r="I580" s="53">
        <v>36</v>
      </c>
      <c r="J580" s="53">
        <v>36</v>
      </c>
      <c r="K580" s="53">
        <v>36</v>
      </c>
      <c r="L580" s="53">
        <v>36</v>
      </c>
      <c r="M580" s="53">
        <v>36</v>
      </c>
      <c r="N580" s="53">
        <v>36</v>
      </c>
      <c r="O580" s="53">
        <v>36</v>
      </c>
      <c r="P580" s="53">
        <v>36</v>
      </c>
      <c r="Q580" s="53">
        <v>36</v>
      </c>
      <c r="R580" s="53">
        <v>36</v>
      </c>
      <c r="S580" s="53">
        <v>36</v>
      </c>
      <c r="T580" s="53">
        <v>36</v>
      </c>
      <c r="U580" s="53">
        <v>36</v>
      </c>
      <c r="V580" s="53">
        <v>36</v>
      </c>
      <c r="W580" s="53">
        <v>36</v>
      </c>
      <c r="X580" s="53">
        <v>36</v>
      </c>
      <c r="Y580" s="53">
        <v>36</v>
      </c>
      <c r="Z580" s="53">
        <v>36</v>
      </c>
      <c r="AA580" s="53">
        <v>36</v>
      </c>
      <c r="AB580" s="53">
        <v>36</v>
      </c>
      <c r="AC580" s="53">
        <v>36</v>
      </c>
      <c r="AD580" s="53">
        <v>36</v>
      </c>
      <c r="AE580" s="53">
        <v>36</v>
      </c>
      <c r="AF580" s="53">
        <v>36</v>
      </c>
      <c r="AG580" s="53">
        <v>36</v>
      </c>
      <c r="AH580" s="53">
        <v>36</v>
      </c>
      <c r="AI580" s="53">
        <v>36</v>
      </c>
      <c r="AJ580" s="53">
        <v>36</v>
      </c>
      <c r="AK580" s="53">
        <v>36</v>
      </c>
      <c r="AL580" s="53">
        <v>36</v>
      </c>
      <c r="AM580" s="53">
        <v>36</v>
      </c>
      <c r="AN580" s="53">
        <v>36</v>
      </c>
      <c r="AO580" s="53">
        <v>36</v>
      </c>
      <c r="AP580" s="53">
        <v>36</v>
      </c>
      <c r="AQ580" s="53">
        <v>36</v>
      </c>
      <c r="AR580" s="53">
        <v>36</v>
      </c>
      <c r="AS580" s="53">
        <v>36</v>
      </c>
      <c r="AT580" s="53">
        <v>36</v>
      </c>
      <c r="AU580" s="53">
        <v>36</v>
      </c>
      <c r="AV580" s="53">
        <v>36</v>
      </c>
      <c r="AW580" s="53">
        <v>36</v>
      </c>
      <c r="AX580" s="53">
        <v>36</v>
      </c>
      <c r="AY580" s="53">
        <v>36</v>
      </c>
      <c r="AZ580" s="53">
        <v>36</v>
      </c>
      <c r="BA580" s="53">
        <v>36</v>
      </c>
    </row>
    <row r="581" spans="1:53">
      <c r="A581" s="52" t="s">
        <v>3091</v>
      </c>
      <c r="B581" s="53">
        <v>0</v>
      </c>
      <c r="C581" s="53">
        <v>0</v>
      </c>
      <c r="D581" s="53">
        <v>0</v>
      </c>
      <c r="E581" s="53">
        <v>0</v>
      </c>
      <c r="F581" s="53">
        <v>0</v>
      </c>
      <c r="G581" s="53">
        <v>0</v>
      </c>
      <c r="H581" s="53">
        <v>0</v>
      </c>
      <c r="I581" s="53">
        <v>0</v>
      </c>
      <c r="J581" s="53">
        <v>0</v>
      </c>
      <c r="K581" s="53">
        <v>0</v>
      </c>
      <c r="L581" s="53">
        <v>0</v>
      </c>
      <c r="M581" s="53">
        <v>0</v>
      </c>
      <c r="N581" s="53">
        <v>0</v>
      </c>
      <c r="O581" s="53">
        <v>0</v>
      </c>
      <c r="P581" s="53">
        <v>0</v>
      </c>
      <c r="Q581" s="53">
        <v>0</v>
      </c>
      <c r="R581" s="53">
        <v>0</v>
      </c>
      <c r="S581" s="53">
        <v>0</v>
      </c>
      <c r="T581" s="53">
        <v>0</v>
      </c>
      <c r="U581" s="53">
        <v>0</v>
      </c>
      <c r="V581" s="53">
        <v>0</v>
      </c>
      <c r="W581" s="53">
        <v>0</v>
      </c>
      <c r="X581" s="53">
        <v>0</v>
      </c>
      <c r="Y581" s="53">
        <v>0</v>
      </c>
      <c r="Z581" s="53">
        <v>0</v>
      </c>
      <c r="AA581" s="53">
        <v>0</v>
      </c>
      <c r="AB581" s="53">
        <v>0</v>
      </c>
      <c r="AC581" s="53">
        <v>0</v>
      </c>
      <c r="AD581" s="53">
        <v>0</v>
      </c>
      <c r="AE581" s="53">
        <v>0</v>
      </c>
      <c r="AF581" s="53">
        <v>0</v>
      </c>
      <c r="AG581" s="53">
        <v>0</v>
      </c>
      <c r="AH581" s="53">
        <v>0</v>
      </c>
      <c r="AI581" s="53">
        <v>0</v>
      </c>
      <c r="AJ581" s="53">
        <v>0</v>
      </c>
      <c r="AK581" s="53">
        <v>0</v>
      </c>
      <c r="AL581" s="53">
        <v>0</v>
      </c>
      <c r="AM581" s="53">
        <v>0</v>
      </c>
      <c r="AN581" s="53">
        <v>0</v>
      </c>
      <c r="AO581" s="53">
        <v>0</v>
      </c>
      <c r="AP581" s="53">
        <v>0</v>
      </c>
      <c r="AQ581" s="53">
        <v>0</v>
      </c>
      <c r="AR581" s="53">
        <v>0</v>
      </c>
      <c r="AS581" s="53">
        <v>0</v>
      </c>
      <c r="AT581" s="53">
        <v>0</v>
      </c>
      <c r="AU581" s="53">
        <v>0</v>
      </c>
      <c r="AV581" s="53">
        <v>0</v>
      </c>
      <c r="AW581" s="53">
        <v>0</v>
      </c>
      <c r="AX581" s="53">
        <v>0</v>
      </c>
      <c r="AY581" s="53">
        <v>0</v>
      </c>
      <c r="AZ581" s="53">
        <v>0</v>
      </c>
      <c r="BA581" s="53">
        <v>0</v>
      </c>
    </row>
    <row r="582" spans="1:53">
      <c r="A582" s="52" t="s">
        <v>3092</v>
      </c>
      <c r="B582" s="53">
        <v>0</v>
      </c>
      <c r="C582" s="53">
        <v>0</v>
      </c>
      <c r="D582" s="53">
        <v>0</v>
      </c>
      <c r="E582" s="53">
        <v>0</v>
      </c>
      <c r="F582" s="53">
        <v>0</v>
      </c>
      <c r="G582" s="53">
        <v>0</v>
      </c>
      <c r="H582" s="53">
        <v>0</v>
      </c>
      <c r="I582" s="53">
        <v>0</v>
      </c>
      <c r="J582" s="53">
        <v>0</v>
      </c>
      <c r="K582" s="53">
        <v>0</v>
      </c>
      <c r="L582" s="53">
        <v>0</v>
      </c>
      <c r="M582" s="53">
        <v>0</v>
      </c>
      <c r="N582" s="53">
        <v>0</v>
      </c>
      <c r="O582" s="53">
        <v>0</v>
      </c>
      <c r="P582" s="53">
        <v>0</v>
      </c>
      <c r="Q582" s="53">
        <v>0</v>
      </c>
      <c r="R582" s="53">
        <v>0</v>
      </c>
      <c r="S582" s="53">
        <v>0</v>
      </c>
      <c r="T582" s="53">
        <v>0</v>
      </c>
      <c r="U582" s="53">
        <v>0</v>
      </c>
      <c r="V582" s="53">
        <v>0</v>
      </c>
      <c r="W582" s="53">
        <v>0</v>
      </c>
      <c r="X582" s="53">
        <v>0</v>
      </c>
      <c r="Y582" s="53">
        <v>0</v>
      </c>
      <c r="Z582" s="53">
        <v>0</v>
      </c>
      <c r="AA582" s="53">
        <v>0</v>
      </c>
      <c r="AB582" s="53">
        <v>0</v>
      </c>
      <c r="AC582" s="53">
        <v>0</v>
      </c>
      <c r="AD582" s="53">
        <v>0</v>
      </c>
      <c r="AE582" s="53">
        <v>0</v>
      </c>
      <c r="AF582" s="53">
        <v>0</v>
      </c>
      <c r="AG582" s="53">
        <v>0</v>
      </c>
      <c r="AH582" s="53">
        <v>0</v>
      </c>
      <c r="AI582" s="53">
        <v>0</v>
      </c>
      <c r="AJ582" s="53">
        <v>0</v>
      </c>
      <c r="AK582" s="53">
        <v>0</v>
      </c>
      <c r="AL582" s="53">
        <v>0</v>
      </c>
      <c r="AM582" s="53">
        <v>0</v>
      </c>
      <c r="AN582" s="53">
        <v>0</v>
      </c>
      <c r="AO582" s="53">
        <v>0</v>
      </c>
      <c r="AP582" s="53">
        <v>0</v>
      </c>
      <c r="AQ582" s="53">
        <v>0</v>
      </c>
      <c r="AR582" s="53">
        <v>0</v>
      </c>
      <c r="AS582" s="53">
        <v>0</v>
      </c>
      <c r="AT582" s="53">
        <v>0</v>
      </c>
      <c r="AU582" s="53">
        <v>0</v>
      </c>
      <c r="AV582" s="53">
        <v>0</v>
      </c>
      <c r="AW582" s="53">
        <v>0</v>
      </c>
      <c r="AX582" s="53">
        <v>0</v>
      </c>
      <c r="AY582" s="53">
        <v>0</v>
      </c>
      <c r="AZ582" s="53">
        <v>0</v>
      </c>
      <c r="BA582" s="53">
        <v>0</v>
      </c>
    </row>
    <row r="583" spans="1:53">
      <c r="A583" s="52" t="s">
        <v>3093</v>
      </c>
      <c r="B583" s="53">
        <v>8928751.5299999993</v>
      </c>
      <c r="C583" s="53">
        <v>8928751.5299999993</v>
      </c>
      <c r="D583" s="53">
        <v>8928751.5299999993</v>
      </c>
      <c r="E583" s="53">
        <v>8928751.5299999993</v>
      </c>
      <c r="F583" s="53">
        <v>8928751.5299999993</v>
      </c>
      <c r="G583" s="53">
        <v>8928751.5299999993</v>
      </c>
      <c r="H583" s="53">
        <v>8928751.5299999993</v>
      </c>
      <c r="I583" s="53">
        <v>8928751.5299999993</v>
      </c>
      <c r="J583" s="53">
        <v>8928751.5299999993</v>
      </c>
      <c r="K583" s="53">
        <v>8928751.5299999993</v>
      </c>
      <c r="L583" s="53">
        <v>8928751.5299999993</v>
      </c>
      <c r="M583" s="53">
        <v>8928751.5299999993</v>
      </c>
      <c r="N583" s="53">
        <v>8928751.5299999993</v>
      </c>
      <c r="O583" s="53">
        <v>8928751.5299999993</v>
      </c>
      <c r="P583" s="53">
        <v>8928751.5299999993</v>
      </c>
      <c r="Q583" s="53">
        <v>8928751.5299999993</v>
      </c>
      <c r="R583" s="53">
        <v>8928751.5299999993</v>
      </c>
      <c r="S583" s="53">
        <v>8928751.5299999993</v>
      </c>
      <c r="T583" s="53">
        <v>8928751.5299999993</v>
      </c>
      <c r="U583" s="53">
        <v>8928751.5299999993</v>
      </c>
      <c r="V583" s="53">
        <v>8928751.5299999993</v>
      </c>
      <c r="W583" s="53">
        <v>8928751.5299999993</v>
      </c>
      <c r="X583" s="53">
        <v>8928751.5299999993</v>
      </c>
      <c r="Y583" s="53">
        <v>8928751.5299999993</v>
      </c>
      <c r="Z583" s="53">
        <v>8928751.5299999993</v>
      </c>
      <c r="AA583" s="53">
        <v>8928751.5299999993</v>
      </c>
      <c r="AB583" s="53">
        <v>8928751.5299999993</v>
      </c>
      <c r="AC583" s="53">
        <v>8928751.5299999993</v>
      </c>
      <c r="AD583" s="53">
        <v>8928751.5299999993</v>
      </c>
      <c r="AE583" s="53">
        <v>8928751.5299999993</v>
      </c>
      <c r="AF583" s="53">
        <v>8928751.5299999993</v>
      </c>
      <c r="AG583" s="53">
        <v>8928751.5299999993</v>
      </c>
      <c r="AH583" s="53">
        <v>8928751.5299999993</v>
      </c>
      <c r="AI583" s="53">
        <v>8928751.5299999993</v>
      </c>
      <c r="AJ583" s="53">
        <v>8928751.5299999993</v>
      </c>
      <c r="AK583" s="53">
        <v>8928751.5299999993</v>
      </c>
      <c r="AL583" s="53">
        <v>8928751.5299999993</v>
      </c>
      <c r="AM583" s="53">
        <v>8928751.5299999993</v>
      </c>
      <c r="AN583" s="53">
        <v>8928751.5299999993</v>
      </c>
      <c r="AO583" s="53">
        <v>8928751.5299999993</v>
      </c>
      <c r="AP583" s="53">
        <v>8928751.5299999993</v>
      </c>
      <c r="AQ583" s="53">
        <v>8928751.5299999993</v>
      </c>
      <c r="AR583" s="53">
        <v>8928751.5299999993</v>
      </c>
      <c r="AS583" s="53">
        <v>8928751.5299999993</v>
      </c>
      <c r="AT583" s="53">
        <v>8928751.5299999993</v>
      </c>
      <c r="AU583" s="53">
        <v>8928751.5299999993</v>
      </c>
      <c r="AV583" s="53">
        <v>8928751.5299999993</v>
      </c>
      <c r="AW583" s="53">
        <v>8928751.5299999993</v>
      </c>
      <c r="AX583" s="53">
        <v>8928751.5299999993</v>
      </c>
      <c r="AY583" s="53">
        <v>8928751.5299999993</v>
      </c>
      <c r="AZ583" s="53">
        <v>8928751.5299999993</v>
      </c>
      <c r="BA583" s="53">
        <v>8928751.5299999993</v>
      </c>
    </row>
    <row r="584" spans="1:53">
      <c r="A584" s="52" t="s">
        <v>3094</v>
      </c>
      <c r="B584" s="53">
        <v>0</v>
      </c>
      <c r="C584" s="53">
        <v>0</v>
      </c>
      <c r="D584" s="53">
        <v>0</v>
      </c>
      <c r="E584" s="53">
        <v>0</v>
      </c>
      <c r="F584" s="53">
        <v>0</v>
      </c>
      <c r="G584" s="53">
        <v>0</v>
      </c>
      <c r="H584" s="53">
        <v>0</v>
      </c>
      <c r="I584" s="53">
        <v>0</v>
      </c>
      <c r="J584" s="53">
        <v>0</v>
      </c>
      <c r="K584" s="53">
        <v>0</v>
      </c>
      <c r="L584" s="53">
        <v>0</v>
      </c>
      <c r="M584" s="53">
        <v>0</v>
      </c>
      <c r="N584" s="53">
        <v>0</v>
      </c>
      <c r="O584" s="53">
        <v>0</v>
      </c>
      <c r="P584" s="53">
        <v>0</v>
      </c>
      <c r="Q584" s="53">
        <v>0</v>
      </c>
      <c r="R584" s="53">
        <v>0</v>
      </c>
      <c r="S584" s="53">
        <v>0</v>
      </c>
      <c r="T584" s="53">
        <v>0</v>
      </c>
      <c r="U584" s="53">
        <v>0</v>
      </c>
      <c r="V584" s="53">
        <v>0</v>
      </c>
      <c r="W584" s="53">
        <v>0</v>
      </c>
      <c r="X584" s="53">
        <v>0</v>
      </c>
      <c r="Y584" s="53">
        <v>0</v>
      </c>
      <c r="Z584" s="53">
        <v>0</v>
      </c>
      <c r="AA584" s="53">
        <v>0</v>
      </c>
      <c r="AB584" s="53">
        <v>0</v>
      </c>
      <c r="AC584" s="53">
        <v>0</v>
      </c>
      <c r="AD584" s="53">
        <v>0</v>
      </c>
      <c r="AE584" s="53">
        <v>0</v>
      </c>
      <c r="AF584" s="53">
        <v>0</v>
      </c>
      <c r="AG584" s="53">
        <v>0</v>
      </c>
      <c r="AH584" s="53">
        <v>0</v>
      </c>
      <c r="AI584" s="53">
        <v>0</v>
      </c>
      <c r="AJ584" s="53">
        <v>0</v>
      </c>
      <c r="AK584" s="53">
        <v>0</v>
      </c>
      <c r="AL584" s="53">
        <v>0</v>
      </c>
      <c r="AM584" s="53">
        <v>0</v>
      </c>
      <c r="AN584" s="53">
        <v>0</v>
      </c>
      <c r="AO584" s="53">
        <v>0</v>
      </c>
      <c r="AP584" s="53">
        <v>0</v>
      </c>
      <c r="AQ584" s="53">
        <v>0</v>
      </c>
      <c r="AR584" s="53">
        <v>0</v>
      </c>
      <c r="AS584" s="53">
        <v>0</v>
      </c>
      <c r="AT584" s="53">
        <v>0</v>
      </c>
      <c r="AU584" s="53">
        <v>0</v>
      </c>
      <c r="AV584" s="53">
        <v>0</v>
      </c>
      <c r="AW584" s="53">
        <v>0</v>
      </c>
      <c r="AX584" s="53">
        <v>0</v>
      </c>
      <c r="AY584" s="53">
        <v>0</v>
      </c>
      <c r="AZ584" s="53">
        <v>0</v>
      </c>
      <c r="BA584" s="53">
        <v>0</v>
      </c>
    </row>
    <row r="585" spans="1:53">
      <c r="A585" s="52" t="s">
        <v>3095</v>
      </c>
      <c r="B585" s="53">
        <v>0</v>
      </c>
      <c r="C585" s="53">
        <v>0</v>
      </c>
      <c r="D585" s="53">
        <v>0</v>
      </c>
      <c r="E585" s="53">
        <v>0</v>
      </c>
      <c r="F585" s="53">
        <v>0</v>
      </c>
      <c r="G585" s="53">
        <v>0</v>
      </c>
      <c r="H585" s="53">
        <v>0</v>
      </c>
      <c r="I585" s="53">
        <v>0</v>
      </c>
      <c r="J585" s="53">
        <v>0</v>
      </c>
      <c r="K585" s="53">
        <v>0</v>
      </c>
      <c r="L585" s="53">
        <v>0</v>
      </c>
      <c r="M585" s="53">
        <v>0</v>
      </c>
      <c r="N585" s="53">
        <v>0</v>
      </c>
      <c r="O585" s="53">
        <v>0</v>
      </c>
      <c r="P585" s="53">
        <v>0</v>
      </c>
      <c r="Q585" s="53">
        <v>0</v>
      </c>
      <c r="R585" s="53">
        <v>0</v>
      </c>
      <c r="S585" s="53">
        <v>0</v>
      </c>
      <c r="T585" s="53">
        <v>0</v>
      </c>
      <c r="U585" s="53">
        <v>0</v>
      </c>
      <c r="V585" s="53">
        <v>0</v>
      </c>
      <c r="W585" s="53">
        <v>0</v>
      </c>
      <c r="X585" s="53">
        <v>0</v>
      </c>
      <c r="Y585" s="53">
        <v>0</v>
      </c>
      <c r="Z585" s="53">
        <v>0</v>
      </c>
      <c r="AA585" s="53">
        <v>0</v>
      </c>
      <c r="AB585" s="53">
        <v>0</v>
      </c>
      <c r="AC585" s="53">
        <v>0</v>
      </c>
      <c r="AD585" s="53">
        <v>0</v>
      </c>
      <c r="AE585" s="53">
        <v>0</v>
      </c>
      <c r="AF585" s="53">
        <v>0</v>
      </c>
      <c r="AG585" s="53">
        <v>0</v>
      </c>
      <c r="AH585" s="53">
        <v>0</v>
      </c>
      <c r="AI585" s="53">
        <v>0</v>
      </c>
      <c r="AJ585" s="53">
        <v>0</v>
      </c>
      <c r="AK585" s="53">
        <v>0</v>
      </c>
      <c r="AL585" s="53">
        <v>0</v>
      </c>
      <c r="AM585" s="53">
        <v>0</v>
      </c>
      <c r="AN585" s="53">
        <v>0</v>
      </c>
      <c r="AO585" s="53">
        <v>0</v>
      </c>
      <c r="AP585" s="53">
        <v>0</v>
      </c>
      <c r="AQ585" s="53">
        <v>0</v>
      </c>
      <c r="AR585" s="53">
        <v>0</v>
      </c>
      <c r="AS585" s="53">
        <v>0</v>
      </c>
      <c r="AT585" s="53">
        <v>0</v>
      </c>
      <c r="AU585" s="53">
        <v>0</v>
      </c>
      <c r="AV585" s="53">
        <v>0</v>
      </c>
      <c r="AW585" s="53">
        <v>0</v>
      </c>
      <c r="AX585" s="53">
        <v>0</v>
      </c>
      <c r="AY585" s="53">
        <v>0</v>
      </c>
      <c r="AZ585" s="53">
        <v>0</v>
      </c>
      <c r="BA585" s="53">
        <v>0</v>
      </c>
    </row>
    <row r="586" spans="1:53">
      <c r="A586" s="52" t="s">
        <v>3096</v>
      </c>
      <c r="B586" s="53">
        <v>0</v>
      </c>
      <c r="C586" s="53">
        <v>0</v>
      </c>
      <c r="D586" s="53">
        <v>0</v>
      </c>
      <c r="E586" s="53">
        <v>0</v>
      </c>
      <c r="F586" s="53">
        <v>0</v>
      </c>
      <c r="G586" s="53">
        <v>0</v>
      </c>
      <c r="H586" s="53">
        <v>0</v>
      </c>
      <c r="I586" s="53">
        <v>0</v>
      </c>
      <c r="J586" s="53">
        <v>0</v>
      </c>
      <c r="K586" s="53">
        <v>0</v>
      </c>
      <c r="L586" s="53">
        <v>0</v>
      </c>
      <c r="M586" s="53">
        <v>0</v>
      </c>
      <c r="N586" s="53">
        <v>0</v>
      </c>
      <c r="O586" s="53">
        <v>0</v>
      </c>
      <c r="P586" s="53">
        <v>0</v>
      </c>
      <c r="Q586" s="53">
        <v>0</v>
      </c>
      <c r="R586" s="53">
        <v>0</v>
      </c>
      <c r="S586" s="53">
        <v>0</v>
      </c>
      <c r="T586" s="53">
        <v>0</v>
      </c>
      <c r="U586" s="53">
        <v>0</v>
      </c>
      <c r="V586" s="53">
        <v>0</v>
      </c>
      <c r="W586" s="53">
        <v>0</v>
      </c>
      <c r="X586" s="53">
        <v>0</v>
      </c>
      <c r="Y586" s="53">
        <v>0</v>
      </c>
      <c r="Z586" s="53">
        <v>0</v>
      </c>
      <c r="AA586" s="53">
        <v>0</v>
      </c>
      <c r="AB586" s="53">
        <v>0</v>
      </c>
      <c r="AC586" s="53">
        <v>0</v>
      </c>
      <c r="AD586" s="53">
        <v>0</v>
      </c>
      <c r="AE586" s="53">
        <v>0</v>
      </c>
      <c r="AF586" s="53">
        <v>0</v>
      </c>
      <c r="AG586" s="53">
        <v>0</v>
      </c>
      <c r="AH586" s="53">
        <v>0</v>
      </c>
      <c r="AI586" s="53">
        <v>0</v>
      </c>
      <c r="AJ586" s="53">
        <v>0</v>
      </c>
      <c r="AK586" s="53">
        <v>0</v>
      </c>
      <c r="AL586" s="53">
        <v>0</v>
      </c>
      <c r="AM586" s="53">
        <v>0</v>
      </c>
      <c r="AN586" s="53">
        <v>0</v>
      </c>
      <c r="AO586" s="53">
        <v>0</v>
      </c>
      <c r="AP586" s="53">
        <v>0</v>
      </c>
      <c r="AQ586" s="53">
        <v>0</v>
      </c>
      <c r="AR586" s="53">
        <v>0</v>
      </c>
      <c r="AS586" s="53">
        <v>0</v>
      </c>
      <c r="AT586" s="53">
        <v>0</v>
      </c>
      <c r="AU586" s="53">
        <v>0</v>
      </c>
      <c r="AV586" s="53">
        <v>0</v>
      </c>
      <c r="AW586" s="53">
        <v>0</v>
      </c>
      <c r="AX586" s="53">
        <v>0</v>
      </c>
      <c r="AY586" s="53">
        <v>0</v>
      </c>
      <c r="AZ586" s="53">
        <v>0</v>
      </c>
      <c r="BA586" s="53">
        <v>0</v>
      </c>
    </row>
    <row r="587" spans="1:53">
      <c r="A587" s="52" t="s">
        <v>3097</v>
      </c>
      <c r="B587" s="53">
        <v>0</v>
      </c>
      <c r="C587" s="53">
        <v>0</v>
      </c>
      <c r="D587" s="53">
        <v>0</v>
      </c>
      <c r="E587" s="53">
        <v>0</v>
      </c>
      <c r="F587" s="53">
        <v>0</v>
      </c>
      <c r="G587" s="53">
        <v>0</v>
      </c>
      <c r="H587" s="53">
        <v>0</v>
      </c>
      <c r="I587" s="53">
        <v>0</v>
      </c>
      <c r="J587" s="53">
        <v>0</v>
      </c>
      <c r="K587" s="53">
        <v>0</v>
      </c>
      <c r="L587" s="53">
        <v>0</v>
      </c>
      <c r="M587" s="53">
        <v>0</v>
      </c>
      <c r="N587" s="53">
        <v>0</v>
      </c>
      <c r="O587" s="53">
        <v>0</v>
      </c>
      <c r="P587" s="53">
        <v>0</v>
      </c>
      <c r="Q587" s="53">
        <v>0</v>
      </c>
      <c r="R587" s="53">
        <v>0</v>
      </c>
      <c r="S587" s="53">
        <v>0</v>
      </c>
      <c r="T587" s="53">
        <v>0</v>
      </c>
      <c r="U587" s="53">
        <v>0</v>
      </c>
      <c r="V587" s="53">
        <v>0</v>
      </c>
      <c r="W587" s="53">
        <v>0</v>
      </c>
      <c r="X587" s="53">
        <v>0</v>
      </c>
      <c r="Y587" s="53">
        <v>0</v>
      </c>
      <c r="Z587" s="53">
        <v>0</v>
      </c>
      <c r="AA587" s="53">
        <v>0</v>
      </c>
      <c r="AB587" s="53">
        <v>0</v>
      </c>
      <c r="AC587" s="53">
        <v>0</v>
      </c>
      <c r="AD587" s="53">
        <v>0</v>
      </c>
      <c r="AE587" s="53">
        <v>0</v>
      </c>
      <c r="AF587" s="53">
        <v>0</v>
      </c>
      <c r="AG587" s="53">
        <v>0</v>
      </c>
      <c r="AH587" s="53">
        <v>0</v>
      </c>
      <c r="AI587" s="53">
        <v>0</v>
      </c>
      <c r="AJ587" s="53">
        <v>0</v>
      </c>
      <c r="AK587" s="53">
        <v>0</v>
      </c>
      <c r="AL587" s="53">
        <v>0</v>
      </c>
      <c r="AM587" s="53">
        <v>0</v>
      </c>
      <c r="AN587" s="53">
        <v>0</v>
      </c>
      <c r="AO587" s="53">
        <v>0</v>
      </c>
      <c r="AP587" s="53">
        <v>0</v>
      </c>
      <c r="AQ587" s="53">
        <v>0</v>
      </c>
      <c r="AR587" s="53">
        <v>0</v>
      </c>
      <c r="AS587" s="53">
        <v>0</v>
      </c>
      <c r="AT587" s="53">
        <v>0</v>
      </c>
      <c r="AU587" s="53">
        <v>0</v>
      </c>
      <c r="AV587" s="53">
        <v>0</v>
      </c>
      <c r="AW587" s="53">
        <v>0</v>
      </c>
      <c r="AX587" s="53">
        <v>0</v>
      </c>
      <c r="AY587" s="53">
        <v>0</v>
      </c>
      <c r="AZ587" s="53">
        <v>0</v>
      </c>
      <c r="BA587" s="53">
        <v>0</v>
      </c>
    </row>
    <row r="588" spans="1:53">
      <c r="A588" s="52" t="s">
        <v>3098</v>
      </c>
      <c r="B588" s="53">
        <v>-5182935.2</v>
      </c>
      <c r="C588" s="53">
        <v>-5182935.2</v>
      </c>
      <c r="D588" s="53">
        <v>-5182935.2</v>
      </c>
      <c r="E588" s="53">
        <v>-5182935.2</v>
      </c>
      <c r="F588" s="53">
        <v>-5182935.2</v>
      </c>
      <c r="G588" s="53">
        <v>-5182935.2</v>
      </c>
      <c r="H588" s="53">
        <v>-5182935.2</v>
      </c>
      <c r="I588" s="53">
        <v>-5182935.2</v>
      </c>
      <c r="J588" s="53">
        <v>-5182935.2</v>
      </c>
      <c r="K588" s="53">
        <v>-5182935.2</v>
      </c>
      <c r="L588" s="53">
        <v>-5182935.2</v>
      </c>
      <c r="M588" s="53">
        <v>-5182935.2</v>
      </c>
      <c r="N588" s="53">
        <v>-5182935.2</v>
      </c>
      <c r="O588" s="53">
        <v>-5182935.2</v>
      </c>
      <c r="P588" s="53">
        <v>-5182935.2</v>
      </c>
      <c r="Q588" s="53">
        <v>-5182935.2</v>
      </c>
      <c r="R588" s="53">
        <v>-5182935.2</v>
      </c>
      <c r="S588" s="53">
        <v>-5182935.2</v>
      </c>
      <c r="T588" s="53">
        <v>-5182935.2</v>
      </c>
      <c r="U588" s="53">
        <v>-5182935.2</v>
      </c>
      <c r="V588" s="53">
        <v>-5182935.2</v>
      </c>
      <c r="W588" s="53">
        <v>-5182935.2</v>
      </c>
      <c r="X588" s="53">
        <v>-5182935.2</v>
      </c>
      <c r="Y588" s="53">
        <v>-5182935.2</v>
      </c>
      <c r="Z588" s="53">
        <v>-5182935.2</v>
      </c>
      <c r="AA588" s="53">
        <v>-5182935.2</v>
      </c>
      <c r="AB588" s="53">
        <v>-5182935.2</v>
      </c>
      <c r="AC588" s="53">
        <v>-5182935.2</v>
      </c>
      <c r="AD588" s="53">
        <v>-5182935.2</v>
      </c>
      <c r="AE588" s="53">
        <v>-5182935.2</v>
      </c>
      <c r="AF588" s="53">
        <v>-5182935.2</v>
      </c>
      <c r="AG588" s="53">
        <v>-5182935.2</v>
      </c>
      <c r="AH588" s="53">
        <v>-5182935.2</v>
      </c>
      <c r="AI588" s="53">
        <v>-5182935.2</v>
      </c>
      <c r="AJ588" s="53">
        <v>-5182935.2</v>
      </c>
      <c r="AK588" s="53">
        <v>-5182935.2</v>
      </c>
      <c r="AL588" s="53">
        <v>-5182935.2</v>
      </c>
      <c r="AM588" s="53">
        <v>-5182935.2</v>
      </c>
      <c r="AN588" s="53">
        <v>-5182935.2</v>
      </c>
      <c r="AO588" s="53">
        <v>-5182935.2</v>
      </c>
      <c r="AP588" s="53">
        <v>-5182935.2</v>
      </c>
      <c r="AQ588" s="53">
        <v>-5182935.2</v>
      </c>
      <c r="AR588" s="53">
        <v>-5182935.2</v>
      </c>
      <c r="AS588" s="53">
        <v>-5182935.2</v>
      </c>
      <c r="AT588" s="53">
        <v>-5182935.2</v>
      </c>
      <c r="AU588" s="53">
        <v>-5182935.2</v>
      </c>
      <c r="AV588" s="53">
        <v>-5182935.2</v>
      </c>
      <c r="AW588" s="53">
        <v>-5182935.2</v>
      </c>
      <c r="AX588" s="53">
        <v>-5182935.2</v>
      </c>
      <c r="AY588" s="53">
        <v>-5182935.2</v>
      </c>
      <c r="AZ588" s="53">
        <v>-5182935.2</v>
      </c>
      <c r="BA588" s="53">
        <v>-5182935.2</v>
      </c>
    </row>
    <row r="589" spans="1:53">
      <c r="A589" s="52" t="s">
        <v>3099</v>
      </c>
      <c r="B589" s="53">
        <v>0</v>
      </c>
      <c r="C589" s="53">
        <v>0</v>
      </c>
      <c r="D589" s="53">
        <v>0</v>
      </c>
      <c r="E589" s="53">
        <v>0</v>
      </c>
      <c r="F589" s="53">
        <v>0</v>
      </c>
      <c r="G589" s="53">
        <v>0</v>
      </c>
      <c r="H589" s="53">
        <v>0</v>
      </c>
      <c r="I589" s="53">
        <v>0</v>
      </c>
      <c r="J589" s="53">
        <v>0</v>
      </c>
      <c r="K589" s="53">
        <v>0</v>
      </c>
      <c r="L589" s="53">
        <v>0</v>
      </c>
      <c r="M589" s="53">
        <v>0</v>
      </c>
      <c r="N589" s="53">
        <v>0</v>
      </c>
      <c r="O589" s="53">
        <v>0</v>
      </c>
      <c r="P589" s="53">
        <v>0</v>
      </c>
      <c r="Q589" s="53">
        <v>0</v>
      </c>
      <c r="R589" s="53">
        <v>0</v>
      </c>
      <c r="S589" s="53">
        <v>0</v>
      </c>
      <c r="T589" s="53">
        <v>0</v>
      </c>
      <c r="U589" s="53">
        <v>0</v>
      </c>
      <c r="V589" s="53">
        <v>0</v>
      </c>
      <c r="W589" s="53">
        <v>0</v>
      </c>
      <c r="X589" s="53">
        <v>0</v>
      </c>
      <c r="Y589" s="53">
        <v>0</v>
      </c>
      <c r="Z589" s="53">
        <v>0</v>
      </c>
      <c r="AA589" s="53">
        <v>0</v>
      </c>
      <c r="AB589" s="53">
        <v>0</v>
      </c>
      <c r="AC589" s="53">
        <v>0</v>
      </c>
      <c r="AD589" s="53">
        <v>0</v>
      </c>
      <c r="AE589" s="53">
        <v>0</v>
      </c>
      <c r="AF589" s="53">
        <v>0</v>
      </c>
      <c r="AG589" s="53">
        <v>0</v>
      </c>
      <c r="AH589" s="53">
        <v>0</v>
      </c>
      <c r="AI589" s="53">
        <v>0</v>
      </c>
      <c r="AJ589" s="53">
        <v>0</v>
      </c>
      <c r="AK589" s="53">
        <v>0</v>
      </c>
      <c r="AL589" s="53">
        <v>0</v>
      </c>
      <c r="AM589" s="53">
        <v>0</v>
      </c>
      <c r="AN589" s="53">
        <v>0</v>
      </c>
      <c r="AO589" s="53">
        <v>0</v>
      </c>
      <c r="AP589" s="53">
        <v>0</v>
      </c>
      <c r="AQ589" s="53">
        <v>0</v>
      </c>
      <c r="AR589" s="53">
        <v>0</v>
      </c>
      <c r="AS589" s="53">
        <v>0</v>
      </c>
      <c r="AT589" s="53">
        <v>0</v>
      </c>
      <c r="AU589" s="53">
        <v>0</v>
      </c>
      <c r="AV589" s="53">
        <v>0</v>
      </c>
      <c r="AW589" s="53">
        <v>0</v>
      </c>
      <c r="AX589" s="53">
        <v>0</v>
      </c>
      <c r="AY589" s="53">
        <v>0</v>
      </c>
      <c r="AZ589" s="53">
        <v>0</v>
      </c>
      <c r="BA589" s="53">
        <v>0</v>
      </c>
    </row>
    <row r="590" spans="1:53">
      <c r="A590" s="52" t="s">
        <v>3100</v>
      </c>
      <c r="B590" s="53">
        <v>0</v>
      </c>
      <c r="C590" s="53">
        <v>0</v>
      </c>
      <c r="D590" s="53">
        <v>0</v>
      </c>
      <c r="E590" s="53">
        <v>0</v>
      </c>
      <c r="F590" s="53">
        <v>0</v>
      </c>
      <c r="G590" s="53">
        <v>0</v>
      </c>
      <c r="H590" s="53">
        <v>0</v>
      </c>
      <c r="I590" s="53">
        <v>0</v>
      </c>
      <c r="J590" s="53">
        <v>0</v>
      </c>
      <c r="K590" s="53">
        <v>0</v>
      </c>
      <c r="L590" s="53">
        <v>0</v>
      </c>
      <c r="M590" s="53">
        <v>0</v>
      </c>
      <c r="N590" s="53">
        <v>0</v>
      </c>
      <c r="O590" s="53">
        <v>0</v>
      </c>
      <c r="P590" s="53">
        <v>0</v>
      </c>
      <c r="Q590" s="53">
        <v>0</v>
      </c>
      <c r="R590" s="53">
        <v>0</v>
      </c>
      <c r="S590" s="53">
        <v>0</v>
      </c>
      <c r="T590" s="53">
        <v>0</v>
      </c>
      <c r="U590" s="53">
        <v>0</v>
      </c>
      <c r="V590" s="53">
        <v>0</v>
      </c>
      <c r="W590" s="53">
        <v>0</v>
      </c>
      <c r="X590" s="53">
        <v>0</v>
      </c>
      <c r="Y590" s="53">
        <v>0</v>
      </c>
      <c r="Z590" s="53">
        <v>0</v>
      </c>
      <c r="AA590" s="53">
        <v>0</v>
      </c>
      <c r="AB590" s="53">
        <v>0</v>
      </c>
      <c r="AC590" s="53">
        <v>0</v>
      </c>
      <c r="AD590" s="53">
        <v>0</v>
      </c>
      <c r="AE590" s="53">
        <v>0</v>
      </c>
      <c r="AF590" s="53">
        <v>0</v>
      </c>
      <c r="AG590" s="53">
        <v>0</v>
      </c>
      <c r="AH590" s="53">
        <v>0</v>
      </c>
      <c r="AI590" s="53">
        <v>0</v>
      </c>
      <c r="AJ590" s="53">
        <v>0</v>
      </c>
      <c r="AK590" s="53">
        <v>0</v>
      </c>
      <c r="AL590" s="53">
        <v>0</v>
      </c>
      <c r="AM590" s="53">
        <v>0</v>
      </c>
      <c r="AN590" s="53">
        <v>0</v>
      </c>
      <c r="AO590" s="53">
        <v>0</v>
      </c>
      <c r="AP590" s="53">
        <v>0</v>
      </c>
      <c r="AQ590" s="53">
        <v>0</v>
      </c>
      <c r="AR590" s="53">
        <v>0</v>
      </c>
      <c r="AS590" s="53">
        <v>0</v>
      </c>
      <c r="AT590" s="53">
        <v>0</v>
      </c>
      <c r="AU590" s="53">
        <v>0</v>
      </c>
      <c r="AV590" s="53">
        <v>0</v>
      </c>
      <c r="AW590" s="53">
        <v>0</v>
      </c>
      <c r="AX590" s="53">
        <v>0</v>
      </c>
      <c r="AY590" s="53">
        <v>0</v>
      </c>
      <c r="AZ590" s="53">
        <v>0</v>
      </c>
      <c r="BA590" s="53">
        <v>0</v>
      </c>
    </row>
    <row r="591" spans="1:53">
      <c r="A591" s="52" t="s">
        <v>3101</v>
      </c>
      <c r="B591" s="53">
        <v>0</v>
      </c>
      <c r="C591" s="53">
        <v>0</v>
      </c>
      <c r="D591" s="53">
        <v>0</v>
      </c>
      <c r="E591" s="53">
        <v>0</v>
      </c>
      <c r="F591" s="53">
        <v>0</v>
      </c>
      <c r="G591" s="53">
        <v>0</v>
      </c>
      <c r="H591" s="53">
        <v>0</v>
      </c>
      <c r="I591" s="53">
        <v>0</v>
      </c>
      <c r="J591" s="53">
        <v>0</v>
      </c>
      <c r="K591" s="53">
        <v>0</v>
      </c>
      <c r="L591" s="53">
        <v>0</v>
      </c>
      <c r="M591" s="53">
        <v>0</v>
      </c>
      <c r="N591" s="53">
        <v>0</v>
      </c>
      <c r="O591" s="53">
        <v>0</v>
      </c>
      <c r="P591" s="53">
        <v>0</v>
      </c>
      <c r="Q591" s="53">
        <v>0</v>
      </c>
      <c r="R591" s="53">
        <v>0</v>
      </c>
      <c r="S591" s="53">
        <v>0</v>
      </c>
      <c r="T591" s="53">
        <v>0</v>
      </c>
      <c r="U591" s="53">
        <v>0</v>
      </c>
      <c r="V591" s="53">
        <v>0</v>
      </c>
      <c r="W591" s="53">
        <v>0</v>
      </c>
      <c r="X591" s="53">
        <v>0</v>
      </c>
      <c r="Y591" s="53">
        <v>0</v>
      </c>
      <c r="Z591" s="53">
        <v>0</v>
      </c>
      <c r="AA591" s="53">
        <v>0</v>
      </c>
      <c r="AB591" s="53">
        <v>0</v>
      </c>
      <c r="AC591" s="53">
        <v>0</v>
      </c>
      <c r="AD591" s="53">
        <v>0</v>
      </c>
      <c r="AE591" s="53">
        <v>0</v>
      </c>
      <c r="AF591" s="53">
        <v>0</v>
      </c>
      <c r="AG591" s="53">
        <v>0</v>
      </c>
      <c r="AH591" s="53">
        <v>0</v>
      </c>
      <c r="AI591" s="53">
        <v>0</v>
      </c>
      <c r="AJ591" s="53">
        <v>0</v>
      </c>
      <c r="AK591" s="53">
        <v>0</v>
      </c>
      <c r="AL591" s="53">
        <v>0</v>
      </c>
      <c r="AM591" s="53">
        <v>0</v>
      </c>
      <c r="AN591" s="53">
        <v>0</v>
      </c>
      <c r="AO591" s="53">
        <v>0</v>
      </c>
      <c r="AP591" s="53">
        <v>0</v>
      </c>
      <c r="AQ591" s="53">
        <v>0</v>
      </c>
      <c r="AR591" s="53">
        <v>0</v>
      </c>
      <c r="AS591" s="53">
        <v>0</v>
      </c>
      <c r="AT591" s="53">
        <v>0</v>
      </c>
      <c r="AU591" s="53">
        <v>0</v>
      </c>
      <c r="AV591" s="53">
        <v>0</v>
      </c>
      <c r="AW591" s="53">
        <v>0</v>
      </c>
      <c r="AX591" s="53">
        <v>0</v>
      </c>
      <c r="AY591" s="53">
        <v>0</v>
      </c>
      <c r="AZ591" s="53">
        <v>0</v>
      </c>
      <c r="BA591" s="53">
        <v>0</v>
      </c>
    </row>
    <row r="592" spans="1:53">
      <c r="A592" s="58" t="s">
        <v>3102</v>
      </c>
      <c r="B592" s="134">
        <v>186023199.94473699</v>
      </c>
      <c r="C592" s="134">
        <v>185448018.839459</v>
      </c>
      <c r="D592" s="134">
        <v>184872837.73417601</v>
      </c>
      <c r="E592" s="134">
        <v>184297656.62889701</v>
      </c>
      <c r="F592" s="134">
        <v>183722475.52361199</v>
      </c>
      <c r="G592" s="134">
        <v>183147294.418329</v>
      </c>
      <c r="H592" s="134">
        <v>182572113.31304601</v>
      </c>
      <c r="I592" s="134">
        <v>181996932.20776999</v>
      </c>
      <c r="J592" s="134">
        <v>181421751.10248199</v>
      </c>
      <c r="K592" s="134">
        <v>180846569.99720401</v>
      </c>
      <c r="L592" s="134">
        <v>180271388.89192399</v>
      </c>
      <c r="M592" s="134">
        <v>179696207.786643</v>
      </c>
      <c r="N592" s="134">
        <v>179696207.786643</v>
      </c>
      <c r="O592" s="134">
        <v>178554968.67003199</v>
      </c>
      <c r="P592" s="134">
        <v>177413729.55342501</v>
      </c>
      <c r="Q592" s="134">
        <v>176272490.43681699</v>
      </c>
      <c r="R592" s="134">
        <v>175131251.32021099</v>
      </c>
      <c r="S592" s="134">
        <v>173990012.20360199</v>
      </c>
      <c r="T592" s="134">
        <v>172848773.086992</v>
      </c>
      <c r="U592" s="134">
        <v>171707533.97038099</v>
      </c>
      <c r="V592" s="134">
        <v>170566294.853771</v>
      </c>
      <c r="W592" s="134">
        <v>169494038.08441299</v>
      </c>
      <c r="X592" s="134">
        <v>168566086.31505799</v>
      </c>
      <c r="Y592" s="134">
        <v>167638134.545697</v>
      </c>
      <c r="Z592" s="134">
        <v>166710182.776335</v>
      </c>
      <c r="AA592" s="134">
        <v>166710182.776335</v>
      </c>
      <c r="AB592" s="134">
        <v>165801706.441562</v>
      </c>
      <c r="AC592" s="134">
        <v>164893230.10678801</v>
      </c>
      <c r="AD592" s="134">
        <v>163984753.77201101</v>
      </c>
      <c r="AE592" s="134">
        <v>163076277.437233</v>
      </c>
      <c r="AF592" s="134">
        <v>162167801.102458</v>
      </c>
      <c r="AG592" s="134">
        <v>161259324.767685</v>
      </c>
      <c r="AH592" s="134">
        <v>160350848.432908</v>
      </c>
      <c r="AI592" s="134">
        <v>159442372.098142</v>
      </c>
      <c r="AJ592" s="134">
        <v>158533895.76335701</v>
      </c>
      <c r="AK592" s="134">
        <v>157625419.42859101</v>
      </c>
      <c r="AL592" s="134">
        <v>156716943.09381199</v>
      </c>
      <c r="AM592" s="134">
        <v>155808466.75903699</v>
      </c>
      <c r="AN592" s="134">
        <v>155808466.75903699</v>
      </c>
      <c r="AO592" s="134">
        <v>154899990.42426401</v>
      </c>
      <c r="AP592" s="134">
        <v>153991514.08948901</v>
      </c>
      <c r="AQ592" s="134">
        <v>153083037.75471801</v>
      </c>
      <c r="AR592" s="134">
        <v>152174561.419936</v>
      </c>
      <c r="AS592" s="134">
        <v>151266085.085163</v>
      </c>
      <c r="AT592" s="134">
        <v>150357608.75039101</v>
      </c>
      <c r="AU592" s="134">
        <v>149449132.415609</v>
      </c>
      <c r="AV592" s="134">
        <v>148540656.08083299</v>
      </c>
      <c r="AW592" s="134">
        <v>147632179.746061</v>
      </c>
      <c r="AX592" s="134">
        <v>146723703.41128299</v>
      </c>
      <c r="AY592" s="134">
        <v>145815227.076507</v>
      </c>
      <c r="AZ592" s="134">
        <v>144906750.741734</v>
      </c>
      <c r="BA592" s="134">
        <v>144906750.741734</v>
      </c>
    </row>
    <row r="593" spans="1:53">
      <c r="A593" s="52" t="s">
        <v>3103</v>
      </c>
    </row>
    <row r="594" spans="1:53">
      <c r="A594" s="57" t="s">
        <v>3104</v>
      </c>
    </row>
    <row r="595" spans="1:53">
      <c r="A595" s="52" t="s">
        <v>3105</v>
      </c>
      <c r="B595" s="53">
        <v>4070652.7433333299</v>
      </c>
      <c r="C595" s="53">
        <v>3991795.4666666598</v>
      </c>
      <c r="D595" s="53">
        <v>3912938.19</v>
      </c>
      <c r="E595" s="53">
        <v>3834080.9133333298</v>
      </c>
      <c r="F595" s="53">
        <v>3755223.63666667</v>
      </c>
      <c r="G595" s="53">
        <v>3676366.36</v>
      </c>
      <c r="H595" s="53">
        <v>3597509.0833333302</v>
      </c>
      <c r="I595" s="53">
        <v>3518651.8066666699</v>
      </c>
      <c r="J595" s="53">
        <v>3439794.53</v>
      </c>
      <c r="K595" s="53">
        <v>3360937.2533333302</v>
      </c>
      <c r="L595" s="53">
        <v>3282079.9766666698</v>
      </c>
      <c r="M595" s="53">
        <v>3203222.7</v>
      </c>
      <c r="N595" s="53">
        <v>3203222.7</v>
      </c>
      <c r="O595" s="53">
        <v>3124365.4233333399</v>
      </c>
      <c r="P595" s="53">
        <v>3045508.1466666702</v>
      </c>
      <c r="Q595" s="53">
        <v>2966650.87</v>
      </c>
      <c r="R595" s="53">
        <v>2887793.5933333398</v>
      </c>
      <c r="S595" s="53">
        <v>2808936.3166666701</v>
      </c>
      <c r="T595" s="53">
        <v>2730079.0400000098</v>
      </c>
      <c r="U595" s="53">
        <v>2651221.7633333402</v>
      </c>
      <c r="V595" s="53">
        <v>2572364.4866666701</v>
      </c>
      <c r="W595" s="53">
        <v>2493507.2100000102</v>
      </c>
      <c r="X595" s="53">
        <v>2414649.9333333401</v>
      </c>
      <c r="Y595" s="53">
        <v>2335792.65666667</v>
      </c>
      <c r="Z595" s="53">
        <v>2256935.3800000101</v>
      </c>
      <c r="AA595" s="53">
        <v>2256935.3800000101</v>
      </c>
      <c r="AB595" s="53">
        <v>2180542.2921090298</v>
      </c>
      <c r="AC595" s="53">
        <v>2104149.20421805</v>
      </c>
      <c r="AD595" s="53">
        <v>2027756.1163270599</v>
      </c>
      <c r="AE595" s="53">
        <v>1951363.0284360801</v>
      </c>
      <c r="AF595" s="53">
        <v>1874969.9405451</v>
      </c>
      <c r="AG595" s="53">
        <v>1798576.85265412</v>
      </c>
      <c r="AH595" s="53">
        <v>1722183.7647631399</v>
      </c>
      <c r="AI595" s="53">
        <v>1645790.6768721601</v>
      </c>
      <c r="AJ595" s="53">
        <v>1569397.58898118</v>
      </c>
      <c r="AK595" s="53">
        <v>1493004.5010901899</v>
      </c>
      <c r="AL595" s="53">
        <v>1416611.4131992101</v>
      </c>
      <c r="AM595" s="53">
        <v>1340218.32530823</v>
      </c>
      <c r="AN595" s="53">
        <v>1340218.32530823</v>
      </c>
      <c r="AO595" s="53">
        <v>1272727.5290839199</v>
      </c>
      <c r="AP595" s="53">
        <v>1205236.7328596001</v>
      </c>
      <c r="AQ595" s="53">
        <v>1137745.93663529</v>
      </c>
      <c r="AR595" s="53">
        <v>1070255.14041097</v>
      </c>
      <c r="AS595" s="53">
        <v>1002764.34418666</v>
      </c>
      <c r="AT595" s="53">
        <v>935273.54796234495</v>
      </c>
      <c r="AU595" s="53">
        <v>867782.75173803</v>
      </c>
      <c r="AV595" s="53">
        <v>800291.95551371505</v>
      </c>
      <c r="AW595" s="53">
        <v>732801.15928939998</v>
      </c>
      <c r="AX595" s="53">
        <v>665310.36306508502</v>
      </c>
      <c r="AY595" s="53">
        <v>597819.56684076996</v>
      </c>
      <c r="AZ595" s="53">
        <v>530328.770616455</v>
      </c>
      <c r="BA595" s="53">
        <v>530328.770616455</v>
      </c>
    </row>
    <row r="596" spans="1:53">
      <c r="A596" s="58" t="s">
        <v>3106</v>
      </c>
      <c r="B596" s="134">
        <v>4070652.7433333299</v>
      </c>
      <c r="C596" s="134">
        <v>3991795.4666666598</v>
      </c>
      <c r="D596" s="134">
        <v>3912938.19</v>
      </c>
      <c r="E596" s="134">
        <v>3834080.9133333298</v>
      </c>
      <c r="F596" s="134">
        <v>3755223.63666667</v>
      </c>
      <c r="G596" s="134">
        <v>3676366.36</v>
      </c>
      <c r="H596" s="134">
        <v>3597509.0833333302</v>
      </c>
      <c r="I596" s="134">
        <v>3518651.8066666699</v>
      </c>
      <c r="J596" s="134">
        <v>3439794.53</v>
      </c>
      <c r="K596" s="134">
        <v>3360937.2533333302</v>
      </c>
      <c r="L596" s="134">
        <v>3282079.9766666698</v>
      </c>
      <c r="M596" s="134">
        <v>3203222.7</v>
      </c>
      <c r="N596" s="134">
        <v>3203222.7</v>
      </c>
      <c r="O596" s="134">
        <v>3124365.4233333399</v>
      </c>
      <c r="P596" s="134">
        <v>3045508.1466666702</v>
      </c>
      <c r="Q596" s="134">
        <v>2966650.87</v>
      </c>
      <c r="R596" s="134">
        <v>2887793.5933333398</v>
      </c>
      <c r="S596" s="134">
        <v>2808936.3166666701</v>
      </c>
      <c r="T596" s="134">
        <v>2730079.0400000098</v>
      </c>
      <c r="U596" s="134">
        <v>2651221.7633333402</v>
      </c>
      <c r="V596" s="134">
        <v>2572364.4866666701</v>
      </c>
      <c r="W596" s="134">
        <v>2493507.2100000102</v>
      </c>
      <c r="X596" s="134">
        <v>2414649.9333333401</v>
      </c>
      <c r="Y596" s="134">
        <v>2335792.65666667</v>
      </c>
      <c r="Z596" s="134">
        <v>2256935.3800000101</v>
      </c>
      <c r="AA596" s="134">
        <v>2256935.3800000101</v>
      </c>
      <c r="AB596" s="134">
        <v>2180542.2921090298</v>
      </c>
      <c r="AC596" s="134">
        <v>2104149.20421805</v>
      </c>
      <c r="AD596" s="134">
        <v>2027756.1163270599</v>
      </c>
      <c r="AE596" s="134">
        <v>1951363.0284360801</v>
      </c>
      <c r="AF596" s="134">
        <v>1874969.9405451</v>
      </c>
      <c r="AG596" s="134">
        <v>1798576.85265412</v>
      </c>
      <c r="AH596" s="134">
        <v>1722183.7647631399</v>
      </c>
      <c r="AI596" s="134">
        <v>1645790.6768721601</v>
      </c>
      <c r="AJ596" s="134">
        <v>1569397.58898118</v>
      </c>
      <c r="AK596" s="134">
        <v>1493004.5010901899</v>
      </c>
      <c r="AL596" s="134">
        <v>1416611.4131992101</v>
      </c>
      <c r="AM596" s="134">
        <v>1340218.32530823</v>
      </c>
      <c r="AN596" s="134">
        <v>1340218.32530823</v>
      </c>
      <c r="AO596" s="134">
        <v>1272727.5290839199</v>
      </c>
      <c r="AP596" s="134">
        <v>1205236.7328596001</v>
      </c>
      <c r="AQ596" s="134">
        <v>1137745.93663529</v>
      </c>
      <c r="AR596" s="134">
        <v>1070255.14041097</v>
      </c>
      <c r="AS596" s="134">
        <v>1002764.34418666</v>
      </c>
      <c r="AT596" s="134">
        <v>935273.54796234495</v>
      </c>
      <c r="AU596" s="134">
        <v>867782.75173803</v>
      </c>
      <c r="AV596" s="134">
        <v>800291.95551371505</v>
      </c>
      <c r="AW596" s="134">
        <v>732801.15928939998</v>
      </c>
      <c r="AX596" s="134">
        <v>665310.36306508502</v>
      </c>
      <c r="AY596" s="134">
        <v>597819.56684076996</v>
      </c>
      <c r="AZ596" s="134">
        <v>530328.770616455</v>
      </c>
      <c r="BA596" s="134">
        <v>530328.770616455</v>
      </c>
    </row>
    <row r="597" spans="1:53">
      <c r="A597" s="52" t="s">
        <v>639</v>
      </c>
    </row>
    <row r="598" spans="1:53">
      <c r="A598" s="52" t="s">
        <v>3107</v>
      </c>
    </row>
    <row r="599" spans="1:53">
      <c r="A599" s="57" t="s">
        <v>3108</v>
      </c>
    </row>
    <row r="600" spans="1:53">
      <c r="A600" s="52" t="s">
        <v>3109</v>
      </c>
      <c r="B600" s="53">
        <v>709668716.83000004</v>
      </c>
      <c r="C600" s="53">
        <v>709668716.83000004</v>
      </c>
      <c r="D600" s="53">
        <v>709668716.83000004</v>
      </c>
      <c r="E600" s="53">
        <v>709668716.83000004</v>
      </c>
      <c r="F600" s="53">
        <v>709668716.83000004</v>
      </c>
      <c r="G600" s="53">
        <v>709668716.83000004</v>
      </c>
      <c r="H600" s="53">
        <v>709668716.83000004</v>
      </c>
      <c r="I600" s="53">
        <v>709668716.83000004</v>
      </c>
      <c r="J600" s="53">
        <v>709668716.83000004</v>
      </c>
      <c r="K600" s="53">
        <v>709668716.83000004</v>
      </c>
      <c r="L600" s="53">
        <v>709668716.83000004</v>
      </c>
      <c r="M600" s="53">
        <v>709668716.83000004</v>
      </c>
      <c r="N600" s="53">
        <v>709668716.83000004</v>
      </c>
      <c r="O600" s="53">
        <v>709668716.83000004</v>
      </c>
      <c r="P600" s="53">
        <v>709668716.83000004</v>
      </c>
      <c r="Q600" s="53">
        <v>709668716.83000004</v>
      </c>
      <c r="R600" s="53">
        <v>709668716.83000004</v>
      </c>
      <c r="S600" s="53">
        <v>709668716.83000004</v>
      </c>
      <c r="T600" s="53">
        <v>709668716.83000004</v>
      </c>
      <c r="U600" s="53">
        <v>709668716.83000004</v>
      </c>
      <c r="V600" s="53">
        <v>709668716.83000004</v>
      </c>
      <c r="W600" s="53">
        <v>709668716.83000004</v>
      </c>
      <c r="X600" s="53">
        <v>709668716.83000004</v>
      </c>
      <c r="Y600" s="53">
        <v>709668716.83000004</v>
      </c>
      <c r="Z600" s="53">
        <v>709668716.83000004</v>
      </c>
      <c r="AA600" s="53">
        <v>709668716.83000004</v>
      </c>
      <c r="AB600" s="53">
        <v>709668716.83000004</v>
      </c>
      <c r="AC600" s="53">
        <v>709668716.83000004</v>
      </c>
      <c r="AD600" s="53">
        <v>709668716.83000004</v>
      </c>
      <c r="AE600" s="53">
        <v>709668716.83000004</v>
      </c>
      <c r="AF600" s="53">
        <v>709668716.83000004</v>
      </c>
      <c r="AG600" s="53">
        <v>709668716.83000004</v>
      </c>
      <c r="AH600" s="53">
        <v>709668716.83000004</v>
      </c>
      <c r="AI600" s="53">
        <v>709668716.83000004</v>
      </c>
      <c r="AJ600" s="53">
        <v>709668716.83000004</v>
      </c>
      <c r="AK600" s="53">
        <v>709668716.83000004</v>
      </c>
      <c r="AL600" s="53">
        <v>709668716.83000004</v>
      </c>
      <c r="AM600" s="53">
        <v>709668716.83000004</v>
      </c>
      <c r="AN600" s="53">
        <v>709668716.83000004</v>
      </c>
      <c r="AO600" s="53">
        <v>709668716.83000004</v>
      </c>
      <c r="AP600" s="53">
        <v>709668716.83000004</v>
      </c>
      <c r="AQ600" s="53">
        <v>709668716.83000004</v>
      </c>
      <c r="AR600" s="53">
        <v>709668716.83000004</v>
      </c>
      <c r="AS600" s="53">
        <v>709668716.83000004</v>
      </c>
      <c r="AT600" s="53">
        <v>709668716.83000004</v>
      </c>
      <c r="AU600" s="53">
        <v>709668716.83000004</v>
      </c>
      <c r="AV600" s="53">
        <v>709668716.83000004</v>
      </c>
      <c r="AW600" s="53">
        <v>709668716.83000004</v>
      </c>
      <c r="AX600" s="53">
        <v>709668716.83000004</v>
      </c>
      <c r="AY600" s="53">
        <v>709668716.83000004</v>
      </c>
      <c r="AZ600" s="53">
        <v>709668716.83000004</v>
      </c>
      <c r="BA600" s="53">
        <v>709668716.83000004</v>
      </c>
    </row>
    <row r="601" spans="1:53">
      <c r="A601" s="52" t="s">
        <v>3110</v>
      </c>
      <c r="B601" s="53">
        <v>123847441.809999</v>
      </c>
      <c r="C601" s="53">
        <v>123847441.809999</v>
      </c>
      <c r="D601" s="53">
        <v>123847441.809999</v>
      </c>
      <c r="E601" s="53">
        <v>123847441.809999</v>
      </c>
      <c r="F601" s="53">
        <v>123847441.809999</v>
      </c>
      <c r="G601" s="53">
        <v>123847441.809999</v>
      </c>
      <c r="H601" s="53">
        <v>123847441.809999</v>
      </c>
      <c r="I601" s="53">
        <v>123847441.809999</v>
      </c>
      <c r="J601" s="53">
        <v>123847441.809999</v>
      </c>
      <c r="K601" s="53">
        <v>123847441.809999</v>
      </c>
      <c r="L601" s="53">
        <v>123847441.809999</v>
      </c>
      <c r="M601" s="53">
        <v>123847441.809999</v>
      </c>
      <c r="N601" s="53">
        <v>123847441.809999</v>
      </c>
      <c r="O601" s="53">
        <v>123847441.809999</v>
      </c>
      <c r="P601" s="53">
        <v>123847441.809999</v>
      </c>
      <c r="Q601" s="53">
        <v>123847441.809999</v>
      </c>
      <c r="R601" s="53">
        <v>123847441.809999</v>
      </c>
      <c r="S601" s="53">
        <v>123847441.809999</v>
      </c>
      <c r="T601" s="53">
        <v>123847441.809999</v>
      </c>
      <c r="U601" s="53">
        <v>123847441.809999</v>
      </c>
      <c r="V601" s="53">
        <v>123847441.809999</v>
      </c>
      <c r="W601" s="53">
        <v>123847441.809999</v>
      </c>
      <c r="X601" s="53">
        <v>123847441.809999</v>
      </c>
      <c r="Y601" s="53">
        <v>123847441.809999</v>
      </c>
      <c r="Z601" s="53">
        <v>123847441.809999</v>
      </c>
      <c r="AA601" s="53">
        <v>123847441.809999</v>
      </c>
      <c r="AB601" s="53">
        <v>123847441.809999</v>
      </c>
      <c r="AC601" s="53">
        <v>123847441.809999</v>
      </c>
      <c r="AD601" s="53">
        <v>123847441.809999</v>
      </c>
      <c r="AE601" s="53">
        <v>123847441.809999</v>
      </c>
      <c r="AF601" s="53">
        <v>123847441.809999</v>
      </c>
      <c r="AG601" s="53">
        <v>123847441.809999</v>
      </c>
      <c r="AH601" s="53">
        <v>123847441.809999</v>
      </c>
      <c r="AI601" s="53">
        <v>123847441.809999</v>
      </c>
      <c r="AJ601" s="53">
        <v>123847441.809999</v>
      </c>
      <c r="AK601" s="53">
        <v>123847441.809999</v>
      </c>
      <c r="AL601" s="53">
        <v>123847441.809999</v>
      </c>
      <c r="AM601" s="53">
        <v>123847441.809999</v>
      </c>
      <c r="AN601" s="53">
        <v>123847441.809999</v>
      </c>
      <c r="AO601" s="53">
        <v>123847441.809999</v>
      </c>
      <c r="AP601" s="53">
        <v>123847441.809999</v>
      </c>
      <c r="AQ601" s="53">
        <v>123847441.809999</v>
      </c>
      <c r="AR601" s="53">
        <v>123847441.809999</v>
      </c>
      <c r="AS601" s="53">
        <v>123847441.809999</v>
      </c>
      <c r="AT601" s="53">
        <v>123847441.809999</v>
      </c>
      <c r="AU601" s="53">
        <v>123847441.809999</v>
      </c>
      <c r="AV601" s="53">
        <v>123847441.809999</v>
      </c>
      <c r="AW601" s="53">
        <v>123847441.809999</v>
      </c>
      <c r="AX601" s="53">
        <v>123847441.809999</v>
      </c>
      <c r="AY601" s="53">
        <v>123847441.809999</v>
      </c>
      <c r="AZ601" s="53">
        <v>123847441.809999</v>
      </c>
      <c r="BA601" s="53">
        <v>123847441.809999</v>
      </c>
    </row>
    <row r="602" spans="1:53">
      <c r="A602" s="52" t="s">
        <v>3111</v>
      </c>
      <c r="B602" s="53">
        <v>0</v>
      </c>
      <c r="C602" s="53">
        <v>0</v>
      </c>
      <c r="D602" s="53">
        <v>0</v>
      </c>
      <c r="E602" s="53">
        <v>0</v>
      </c>
      <c r="F602" s="53">
        <v>0</v>
      </c>
      <c r="G602" s="53">
        <v>0</v>
      </c>
      <c r="H602" s="53">
        <v>0</v>
      </c>
      <c r="I602" s="53">
        <v>0</v>
      </c>
      <c r="J602" s="53">
        <v>0</v>
      </c>
      <c r="K602" s="53">
        <v>0</v>
      </c>
      <c r="L602" s="53">
        <v>0</v>
      </c>
      <c r="M602" s="53">
        <v>0</v>
      </c>
      <c r="N602" s="53">
        <v>0</v>
      </c>
      <c r="O602" s="53">
        <v>0</v>
      </c>
      <c r="P602" s="53">
        <v>0</v>
      </c>
      <c r="Q602" s="53">
        <v>0</v>
      </c>
      <c r="R602" s="53">
        <v>0</v>
      </c>
      <c r="S602" s="53">
        <v>0</v>
      </c>
      <c r="T602" s="53">
        <v>0</v>
      </c>
      <c r="U602" s="53">
        <v>0</v>
      </c>
      <c r="V602" s="53">
        <v>0</v>
      </c>
      <c r="W602" s="53">
        <v>0</v>
      </c>
      <c r="X602" s="53">
        <v>0</v>
      </c>
      <c r="Y602" s="53">
        <v>0</v>
      </c>
      <c r="Z602" s="53">
        <v>0</v>
      </c>
      <c r="AA602" s="53">
        <v>0</v>
      </c>
      <c r="AB602" s="53">
        <v>0</v>
      </c>
      <c r="AC602" s="53">
        <v>0</v>
      </c>
      <c r="AD602" s="53">
        <v>0</v>
      </c>
      <c r="AE602" s="53">
        <v>0</v>
      </c>
      <c r="AF602" s="53">
        <v>0</v>
      </c>
      <c r="AG602" s="53">
        <v>0</v>
      </c>
      <c r="AH602" s="53">
        <v>0</v>
      </c>
      <c r="AI602" s="53">
        <v>0</v>
      </c>
      <c r="AJ602" s="53">
        <v>0</v>
      </c>
      <c r="AK602" s="53">
        <v>0</v>
      </c>
      <c r="AL602" s="53">
        <v>0</v>
      </c>
      <c r="AM602" s="53">
        <v>0</v>
      </c>
      <c r="AN602" s="53">
        <v>0</v>
      </c>
      <c r="AO602" s="53">
        <v>0</v>
      </c>
      <c r="AP602" s="53">
        <v>0</v>
      </c>
      <c r="AQ602" s="53">
        <v>0</v>
      </c>
      <c r="AR602" s="53">
        <v>0</v>
      </c>
      <c r="AS602" s="53">
        <v>0</v>
      </c>
      <c r="AT602" s="53">
        <v>0</v>
      </c>
      <c r="AU602" s="53">
        <v>0</v>
      </c>
      <c r="AV602" s="53">
        <v>0</v>
      </c>
      <c r="AW602" s="53">
        <v>0</v>
      </c>
      <c r="AX602" s="53">
        <v>0</v>
      </c>
      <c r="AY602" s="53">
        <v>0</v>
      </c>
      <c r="AZ602" s="53">
        <v>0</v>
      </c>
      <c r="BA602" s="53">
        <v>0</v>
      </c>
    </row>
    <row r="603" spans="1:53">
      <c r="A603" s="52" t="s">
        <v>3112</v>
      </c>
      <c r="B603" s="53">
        <v>0</v>
      </c>
      <c r="C603" s="53">
        <v>0</v>
      </c>
      <c r="D603" s="53">
        <v>0</v>
      </c>
      <c r="E603" s="53">
        <v>0</v>
      </c>
      <c r="F603" s="53">
        <v>0</v>
      </c>
      <c r="G603" s="53">
        <v>0</v>
      </c>
      <c r="H603" s="53">
        <v>0</v>
      </c>
      <c r="I603" s="53">
        <v>0</v>
      </c>
      <c r="J603" s="53">
        <v>0</v>
      </c>
      <c r="K603" s="53">
        <v>0</v>
      </c>
      <c r="L603" s="53">
        <v>0</v>
      </c>
      <c r="M603" s="53">
        <v>0</v>
      </c>
      <c r="N603" s="53">
        <v>0</v>
      </c>
      <c r="O603" s="53">
        <v>0</v>
      </c>
      <c r="P603" s="53">
        <v>0</v>
      </c>
      <c r="Q603" s="53">
        <v>0</v>
      </c>
      <c r="R603" s="53">
        <v>0</v>
      </c>
      <c r="S603" s="53">
        <v>0</v>
      </c>
      <c r="T603" s="53">
        <v>0</v>
      </c>
      <c r="U603" s="53">
        <v>0</v>
      </c>
      <c r="V603" s="53">
        <v>0</v>
      </c>
      <c r="W603" s="53">
        <v>0</v>
      </c>
      <c r="X603" s="53">
        <v>0</v>
      </c>
      <c r="Y603" s="53">
        <v>0</v>
      </c>
      <c r="Z603" s="53">
        <v>0</v>
      </c>
      <c r="AA603" s="53">
        <v>0</v>
      </c>
      <c r="AB603" s="53">
        <v>0</v>
      </c>
      <c r="AC603" s="53">
        <v>0</v>
      </c>
      <c r="AD603" s="53">
        <v>0</v>
      </c>
      <c r="AE603" s="53">
        <v>0</v>
      </c>
      <c r="AF603" s="53">
        <v>0</v>
      </c>
      <c r="AG603" s="53">
        <v>0</v>
      </c>
      <c r="AH603" s="53">
        <v>0</v>
      </c>
      <c r="AI603" s="53">
        <v>0</v>
      </c>
      <c r="AJ603" s="53">
        <v>0</v>
      </c>
      <c r="AK603" s="53">
        <v>0</v>
      </c>
      <c r="AL603" s="53">
        <v>0</v>
      </c>
      <c r="AM603" s="53">
        <v>0</v>
      </c>
      <c r="AN603" s="53">
        <v>0</v>
      </c>
      <c r="AO603" s="53">
        <v>0</v>
      </c>
      <c r="AP603" s="53">
        <v>0</v>
      </c>
      <c r="AQ603" s="53">
        <v>0</v>
      </c>
      <c r="AR603" s="53">
        <v>0</v>
      </c>
      <c r="AS603" s="53">
        <v>0</v>
      </c>
      <c r="AT603" s="53">
        <v>0</v>
      </c>
      <c r="AU603" s="53">
        <v>0</v>
      </c>
      <c r="AV603" s="53">
        <v>0</v>
      </c>
      <c r="AW603" s="53">
        <v>0</v>
      </c>
      <c r="AX603" s="53">
        <v>0</v>
      </c>
      <c r="AY603" s="53">
        <v>0</v>
      </c>
      <c r="AZ603" s="53">
        <v>0</v>
      </c>
      <c r="BA603" s="53">
        <v>0</v>
      </c>
    </row>
    <row r="604" spans="1:53">
      <c r="A604" s="52" t="s">
        <v>3113</v>
      </c>
      <c r="B604" s="53">
        <v>0</v>
      </c>
      <c r="C604" s="53">
        <v>0</v>
      </c>
      <c r="D604" s="53">
        <v>0</v>
      </c>
      <c r="E604" s="53">
        <v>0</v>
      </c>
      <c r="F604" s="53">
        <v>0</v>
      </c>
      <c r="G604" s="53">
        <v>0</v>
      </c>
      <c r="H604" s="53">
        <v>0</v>
      </c>
      <c r="I604" s="53">
        <v>0</v>
      </c>
      <c r="J604" s="53">
        <v>0</v>
      </c>
      <c r="K604" s="53">
        <v>0</v>
      </c>
      <c r="L604" s="53">
        <v>0</v>
      </c>
      <c r="M604" s="53">
        <v>0</v>
      </c>
      <c r="N604" s="53">
        <v>0</v>
      </c>
      <c r="O604" s="53">
        <v>0</v>
      </c>
      <c r="P604" s="53">
        <v>0</v>
      </c>
      <c r="Q604" s="53">
        <v>0</v>
      </c>
      <c r="R604" s="53">
        <v>0</v>
      </c>
      <c r="S604" s="53">
        <v>0</v>
      </c>
      <c r="T604" s="53">
        <v>0</v>
      </c>
      <c r="U604" s="53">
        <v>0</v>
      </c>
      <c r="V604" s="53">
        <v>0</v>
      </c>
      <c r="W604" s="53">
        <v>0</v>
      </c>
      <c r="X604" s="53">
        <v>0</v>
      </c>
      <c r="Y604" s="53">
        <v>0</v>
      </c>
      <c r="Z604" s="53">
        <v>0</v>
      </c>
      <c r="AA604" s="53">
        <v>0</v>
      </c>
      <c r="AB604" s="53">
        <v>0</v>
      </c>
      <c r="AC604" s="53">
        <v>0</v>
      </c>
      <c r="AD604" s="53">
        <v>0</v>
      </c>
      <c r="AE604" s="53">
        <v>0</v>
      </c>
      <c r="AF604" s="53">
        <v>0</v>
      </c>
      <c r="AG604" s="53">
        <v>0</v>
      </c>
      <c r="AH604" s="53">
        <v>0</v>
      </c>
      <c r="AI604" s="53">
        <v>0</v>
      </c>
      <c r="AJ604" s="53">
        <v>0</v>
      </c>
      <c r="AK604" s="53">
        <v>0</v>
      </c>
      <c r="AL604" s="53">
        <v>0</v>
      </c>
      <c r="AM604" s="53">
        <v>0</v>
      </c>
      <c r="AN604" s="53">
        <v>0</v>
      </c>
      <c r="AO604" s="53">
        <v>0</v>
      </c>
      <c r="AP604" s="53">
        <v>0</v>
      </c>
      <c r="AQ604" s="53">
        <v>0</v>
      </c>
      <c r="AR604" s="53">
        <v>0</v>
      </c>
      <c r="AS604" s="53">
        <v>0</v>
      </c>
      <c r="AT604" s="53">
        <v>0</v>
      </c>
      <c r="AU604" s="53">
        <v>0</v>
      </c>
      <c r="AV604" s="53">
        <v>0</v>
      </c>
      <c r="AW604" s="53">
        <v>0</v>
      </c>
      <c r="AX604" s="53">
        <v>0</v>
      </c>
      <c r="AY604" s="53">
        <v>0</v>
      </c>
      <c r="AZ604" s="53">
        <v>0</v>
      </c>
      <c r="BA604" s="53">
        <v>0</v>
      </c>
    </row>
    <row r="605" spans="1:53">
      <c r="A605" s="52" t="s">
        <v>3114</v>
      </c>
      <c r="B605" s="53">
        <v>-5348295.32</v>
      </c>
      <c r="C605" s="53">
        <v>-5348295.32</v>
      </c>
      <c r="D605" s="53">
        <v>-5348295.32</v>
      </c>
      <c r="E605" s="53">
        <v>-5348295.32</v>
      </c>
      <c r="F605" s="53">
        <v>-5348295.32</v>
      </c>
      <c r="G605" s="53">
        <v>-5348295.32</v>
      </c>
      <c r="H605" s="53">
        <v>-5348295.32</v>
      </c>
      <c r="I605" s="53">
        <v>-5348295.32</v>
      </c>
      <c r="J605" s="53">
        <v>-5348295.32</v>
      </c>
      <c r="K605" s="53">
        <v>-5348295.32</v>
      </c>
      <c r="L605" s="53">
        <v>-5348295.32</v>
      </c>
      <c r="M605" s="53">
        <v>-5348295.32</v>
      </c>
      <c r="N605" s="53">
        <v>-5348295.32</v>
      </c>
      <c r="O605" s="53">
        <v>-5348295.32</v>
      </c>
      <c r="P605" s="53">
        <v>-5348295.32</v>
      </c>
      <c r="Q605" s="53">
        <v>-5348295.32</v>
      </c>
      <c r="R605" s="53">
        <v>-5348295.32</v>
      </c>
      <c r="S605" s="53">
        <v>-5348295.32</v>
      </c>
      <c r="T605" s="53">
        <v>-5348295.32</v>
      </c>
      <c r="U605" s="53">
        <v>-5348295.32</v>
      </c>
      <c r="V605" s="53">
        <v>-5348295.32</v>
      </c>
      <c r="W605" s="53">
        <v>-5348295.32</v>
      </c>
      <c r="X605" s="53">
        <v>-5348295.32</v>
      </c>
      <c r="Y605" s="53">
        <v>-5348295.32</v>
      </c>
      <c r="Z605" s="53">
        <v>-5348295.32</v>
      </c>
      <c r="AA605" s="53">
        <v>-5348295.32</v>
      </c>
      <c r="AB605" s="53">
        <v>-5348295.32</v>
      </c>
      <c r="AC605" s="53">
        <v>-5348295.32</v>
      </c>
      <c r="AD605" s="53">
        <v>-5348295.32</v>
      </c>
      <c r="AE605" s="53">
        <v>-5348295.32</v>
      </c>
      <c r="AF605" s="53">
        <v>-5348295.32</v>
      </c>
      <c r="AG605" s="53">
        <v>-5348295.32</v>
      </c>
      <c r="AH605" s="53">
        <v>-5348295.32</v>
      </c>
      <c r="AI605" s="53">
        <v>-5348295.32</v>
      </c>
      <c r="AJ605" s="53">
        <v>-5348295.32</v>
      </c>
      <c r="AK605" s="53">
        <v>-5348295.32</v>
      </c>
      <c r="AL605" s="53">
        <v>-5348295.32</v>
      </c>
      <c r="AM605" s="53">
        <v>-5348295.32</v>
      </c>
      <c r="AN605" s="53">
        <v>-5348295.32</v>
      </c>
      <c r="AO605" s="53">
        <v>-5348295.32</v>
      </c>
      <c r="AP605" s="53">
        <v>-5348295.32</v>
      </c>
      <c r="AQ605" s="53">
        <v>-5348295.32</v>
      </c>
      <c r="AR605" s="53">
        <v>-5348295.32</v>
      </c>
      <c r="AS605" s="53">
        <v>-5348295.32</v>
      </c>
      <c r="AT605" s="53">
        <v>-5348295.32</v>
      </c>
      <c r="AU605" s="53">
        <v>-5348295.32</v>
      </c>
      <c r="AV605" s="53">
        <v>-5348295.32</v>
      </c>
      <c r="AW605" s="53">
        <v>-5348295.32</v>
      </c>
      <c r="AX605" s="53">
        <v>-5348295.32</v>
      </c>
      <c r="AY605" s="53">
        <v>-5348295.32</v>
      </c>
      <c r="AZ605" s="53">
        <v>-5348295.32</v>
      </c>
      <c r="BA605" s="53">
        <v>-5348295.32</v>
      </c>
    </row>
    <row r="606" spans="1:53">
      <c r="A606" s="52" t="s">
        <v>3115</v>
      </c>
      <c r="B606" s="53">
        <v>-1844745.18</v>
      </c>
      <c r="C606" s="53">
        <v>-1844745.18</v>
      </c>
      <c r="D606" s="53">
        <v>-1844745.18</v>
      </c>
      <c r="E606" s="53">
        <v>-1844745.18</v>
      </c>
      <c r="F606" s="53">
        <v>-1844745.18</v>
      </c>
      <c r="G606" s="53">
        <v>-1844745.18</v>
      </c>
      <c r="H606" s="53">
        <v>-1844745.18</v>
      </c>
      <c r="I606" s="53">
        <v>-1844745.18</v>
      </c>
      <c r="J606" s="53">
        <v>-1844745.18</v>
      </c>
      <c r="K606" s="53">
        <v>-1844745.18</v>
      </c>
      <c r="L606" s="53">
        <v>-1844745.18</v>
      </c>
      <c r="M606" s="53">
        <v>-1844745.18</v>
      </c>
      <c r="N606" s="53">
        <v>-1844745.18</v>
      </c>
      <c r="O606" s="53">
        <v>-1844745.18</v>
      </c>
      <c r="P606" s="53">
        <v>-1844745.18</v>
      </c>
      <c r="Q606" s="53">
        <v>-1844745.18</v>
      </c>
      <c r="R606" s="53">
        <v>-1844745.18</v>
      </c>
      <c r="S606" s="53">
        <v>-1844745.18</v>
      </c>
      <c r="T606" s="53">
        <v>-1844745.18</v>
      </c>
      <c r="U606" s="53">
        <v>-1844745.18</v>
      </c>
      <c r="V606" s="53">
        <v>-1844745.18</v>
      </c>
      <c r="W606" s="53">
        <v>-1844745.18</v>
      </c>
      <c r="X606" s="53">
        <v>-1844745.18</v>
      </c>
      <c r="Y606" s="53">
        <v>-1844745.18</v>
      </c>
      <c r="Z606" s="53">
        <v>-1844745.18</v>
      </c>
      <c r="AA606" s="53">
        <v>-1844745.18</v>
      </c>
      <c r="AB606" s="53">
        <v>-1844745.18</v>
      </c>
      <c r="AC606" s="53">
        <v>-1844745.18</v>
      </c>
      <c r="AD606" s="53">
        <v>-1844745.18</v>
      </c>
      <c r="AE606" s="53">
        <v>-1844745.18</v>
      </c>
      <c r="AF606" s="53">
        <v>-1844745.18</v>
      </c>
      <c r="AG606" s="53">
        <v>-1844745.18</v>
      </c>
      <c r="AH606" s="53">
        <v>-1844745.18</v>
      </c>
      <c r="AI606" s="53">
        <v>-1844745.18</v>
      </c>
      <c r="AJ606" s="53">
        <v>-1844745.18</v>
      </c>
      <c r="AK606" s="53">
        <v>-1844745.18</v>
      </c>
      <c r="AL606" s="53">
        <v>-1844745.18</v>
      </c>
      <c r="AM606" s="53">
        <v>-1844745.18</v>
      </c>
      <c r="AN606" s="53">
        <v>-1844745.18</v>
      </c>
      <c r="AO606" s="53">
        <v>-1844745.18</v>
      </c>
      <c r="AP606" s="53">
        <v>-1844745.18</v>
      </c>
      <c r="AQ606" s="53">
        <v>-1844745.18</v>
      </c>
      <c r="AR606" s="53">
        <v>-1844745.18</v>
      </c>
      <c r="AS606" s="53">
        <v>-1844745.18</v>
      </c>
      <c r="AT606" s="53">
        <v>-1844745.18</v>
      </c>
      <c r="AU606" s="53">
        <v>-1844745.18</v>
      </c>
      <c r="AV606" s="53">
        <v>-1844745.18</v>
      </c>
      <c r="AW606" s="53">
        <v>-1844745.18</v>
      </c>
      <c r="AX606" s="53">
        <v>-1844745.18</v>
      </c>
      <c r="AY606" s="53">
        <v>-1844745.18</v>
      </c>
      <c r="AZ606" s="53">
        <v>-1844745.18</v>
      </c>
      <c r="BA606" s="53">
        <v>-1844745.18</v>
      </c>
    </row>
    <row r="607" spans="1:53">
      <c r="A607" s="52" t="s">
        <v>3116</v>
      </c>
      <c r="B607" s="53">
        <v>-511267.24</v>
      </c>
      <c r="C607" s="53">
        <v>-511267.24</v>
      </c>
      <c r="D607" s="53">
        <v>-511267.24</v>
      </c>
      <c r="E607" s="53">
        <v>-511267.24</v>
      </c>
      <c r="F607" s="53">
        <v>-511267.24</v>
      </c>
      <c r="G607" s="53">
        <v>-511267.24</v>
      </c>
      <c r="H607" s="53">
        <v>-511267.24</v>
      </c>
      <c r="I607" s="53">
        <v>-511267.24</v>
      </c>
      <c r="J607" s="53">
        <v>-511267.24</v>
      </c>
      <c r="K607" s="53">
        <v>-511267.24</v>
      </c>
      <c r="L607" s="53">
        <v>-511267.24</v>
      </c>
      <c r="M607" s="53">
        <v>-511267.24</v>
      </c>
      <c r="N607" s="53">
        <v>-511267.24</v>
      </c>
      <c r="O607" s="53">
        <v>-511267.24</v>
      </c>
      <c r="P607" s="53">
        <v>-511267.24</v>
      </c>
      <c r="Q607" s="53">
        <v>-511267.24</v>
      </c>
      <c r="R607" s="53">
        <v>-511267.24</v>
      </c>
      <c r="S607" s="53">
        <v>-511267.24</v>
      </c>
      <c r="T607" s="53">
        <v>-511267.24</v>
      </c>
      <c r="U607" s="53">
        <v>-511267.24</v>
      </c>
      <c r="V607" s="53">
        <v>-511267.24</v>
      </c>
      <c r="W607" s="53">
        <v>-511267.24</v>
      </c>
      <c r="X607" s="53">
        <v>-511267.24</v>
      </c>
      <c r="Y607" s="53">
        <v>-511267.24</v>
      </c>
      <c r="Z607" s="53">
        <v>-511267.24</v>
      </c>
      <c r="AA607" s="53">
        <v>-511267.24</v>
      </c>
      <c r="AB607" s="53">
        <v>-511267.24</v>
      </c>
      <c r="AC607" s="53">
        <v>-511267.24</v>
      </c>
      <c r="AD607" s="53">
        <v>-511267.24</v>
      </c>
      <c r="AE607" s="53">
        <v>-511267.24</v>
      </c>
      <c r="AF607" s="53">
        <v>-511267.24</v>
      </c>
      <c r="AG607" s="53">
        <v>-511267.24</v>
      </c>
      <c r="AH607" s="53">
        <v>-511267.24</v>
      </c>
      <c r="AI607" s="53">
        <v>-511267.24</v>
      </c>
      <c r="AJ607" s="53">
        <v>-511267.24</v>
      </c>
      <c r="AK607" s="53">
        <v>-511267.24</v>
      </c>
      <c r="AL607" s="53">
        <v>-511267.24</v>
      </c>
      <c r="AM607" s="53">
        <v>-511267.24</v>
      </c>
      <c r="AN607" s="53">
        <v>-511267.24</v>
      </c>
      <c r="AO607" s="53">
        <v>-511267.24</v>
      </c>
      <c r="AP607" s="53">
        <v>-511267.24</v>
      </c>
      <c r="AQ607" s="53">
        <v>-511267.24</v>
      </c>
      <c r="AR607" s="53">
        <v>-511267.24</v>
      </c>
      <c r="AS607" s="53">
        <v>-511267.24</v>
      </c>
      <c r="AT607" s="53">
        <v>-511267.24</v>
      </c>
      <c r="AU607" s="53">
        <v>-511267.24</v>
      </c>
      <c r="AV607" s="53">
        <v>-511267.24</v>
      </c>
      <c r="AW607" s="53">
        <v>-511267.24</v>
      </c>
      <c r="AX607" s="53">
        <v>-511267.24</v>
      </c>
      <c r="AY607" s="53">
        <v>-511267.24</v>
      </c>
      <c r="AZ607" s="53">
        <v>-511267.24</v>
      </c>
      <c r="BA607" s="53">
        <v>-511267.24</v>
      </c>
    </row>
    <row r="608" spans="1:53">
      <c r="A608" s="52" t="s">
        <v>3117</v>
      </c>
      <c r="B608" s="53">
        <v>73994043.010000005</v>
      </c>
      <c r="C608" s="53">
        <v>73994043.010000005</v>
      </c>
      <c r="D608" s="53">
        <v>73994043.010000005</v>
      </c>
      <c r="E608" s="53">
        <v>73994043.010000005</v>
      </c>
      <c r="F608" s="53">
        <v>73994043.010000005</v>
      </c>
      <c r="G608" s="53">
        <v>73994043.010000005</v>
      </c>
      <c r="H608" s="53">
        <v>73994043.010000005</v>
      </c>
      <c r="I608" s="53">
        <v>73994043.010000005</v>
      </c>
      <c r="J608" s="53">
        <v>73994043.010000005</v>
      </c>
      <c r="K608" s="53">
        <v>73994043.010000005</v>
      </c>
      <c r="L608" s="53">
        <v>73994043.010000005</v>
      </c>
      <c r="M608" s="53">
        <v>73994043.010000005</v>
      </c>
      <c r="N608" s="53">
        <v>73994043.010000005</v>
      </c>
      <c r="O608" s="53">
        <v>73994043.010000005</v>
      </c>
      <c r="P608" s="53">
        <v>73994043.010000005</v>
      </c>
      <c r="Q608" s="53">
        <v>73994043.010000005</v>
      </c>
      <c r="R608" s="53">
        <v>73994043.010000005</v>
      </c>
      <c r="S608" s="53">
        <v>73994043.010000005</v>
      </c>
      <c r="T608" s="53">
        <v>73994043.010000005</v>
      </c>
      <c r="U608" s="53">
        <v>73994043.010000005</v>
      </c>
      <c r="V608" s="53">
        <v>73994043.010000005</v>
      </c>
      <c r="W608" s="53">
        <v>73994043.010000005</v>
      </c>
      <c r="X608" s="53">
        <v>73994043.010000005</v>
      </c>
      <c r="Y608" s="53">
        <v>73994043.010000005</v>
      </c>
      <c r="Z608" s="53">
        <v>73994043.010000005</v>
      </c>
      <c r="AA608" s="53">
        <v>73994043.010000005</v>
      </c>
      <c r="AB608" s="53">
        <v>73994043.010000005</v>
      </c>
      <c r="AC608" s="53">
        <v>73994043.010000005</v>
      </c>
      <c r="AD608" s="53">
        <v>73994043.010000005</v>
      </c>
      <c r="AE608" s="53">
        <v>73994043.010000005</v>
      </c>
      <c r="AF608" s="53">
        <v>73994043.010000005</v>
      </c>
      <c r="AG608" s="53">
        <v>73994043.010000005</v>
      </c>
      <c r="AH608" s="53">
        <v>73994043.010000005</v>
      </c>
      <c r="AI608" s="53">
        <v>73994043.010000005</v>
      </c>
      <c r="AJ608" s="53">
        <v>73994043.010000005</v>
      </c>
      <c r="AK608" s="53">
        <v>73994043.010000005</v>
      </c>
      <c r="AL608" s="53">
        <v>73994043.010000005</v>
      </c>
      <c r="AM608" s="53">
        <v>73994043.010000005</v>
      </c>
      <c r="AN608" s="53">
        <v>73994043.010000005</v>
      </c>
      <c r="AO608" s="53">
        <v>73994043.010000005</v>
      </c>
      <c r="AP608" s="53">
        <v>73994043.010000005</v>
      </c>
      <c r="AQ608" s="53">
        <v>73994043.010000005</v>
      </c>
      <c r="AR608" s="53">
        <v>73994043.010000005</v>
      </c>
      <c r="AS608" s="53">
        <v>73994043.010000005</v>
      </c>
      <c r="AT608" s="53">
        <v>73994043.010000005</v>
      </c>
      <c r="AU608" s="53">
        <v>73994043.010000005</v>
      </c>
      <c r="AV608" s="53">
        <v>73994043.010000005</v>
      </c>
      <c r="AW608" s="53">
        <v>73994043.010000005</v>
      </c>
      <c r="AX608" s="53">
        <v>73994043.010000005</v>
      </c>
      <c r="AY608" s="53">
        <v>73994043.010000005</v>
      </c>
      <c r="AZ608" s="53">
        <v>73994043.010000005</v>
      </c>
      <c r="BA608" s="53">
        <v>73994043.010000005</v>
      </c>
    </row>
    <row r="609" spans="1:53">
      <c r="A609" s="52" t="s">
        <v>3118</v>
      </c>
      <c r="B609" s="53">
        <v>77140922.719999999</v>
      </c>
      <c r="C609" s="53">
        <v>77140922.719999999</v>
      </c>
      <c r="D609" s="53">
        <v>77140922.719999999</v>
      </c>
      <c r="E609" s="53">
        <v>77140922.719999999</v>
      </c>
      <c r="F609" s="53">
        <v>77140922.719999999</v>
      </c>
      <c r="G609" s="53">
        <v>77140922.719999999</v>
      </c>
      <c r="H609" s="53">
        <v>77140922.719999999</v>
      </c>
      <c r="I609" s="53">
        <v>77140922.719999999</v>
      </c>
      <c r="J609" s="53">
        <v>77140922.719999999</v>
      </c>
      <c r="K609" s="53">
        <v>77140922.719999999</v>
      </c>
      <c r="L609" s="53">
        <v>77140922.719999999</v>
      </c>
      <c r="M609" s="53">
        <v>77140922.719999999</v>
      </c>
      <c r="N609" s="53">
        <v>77140922.719999999</v>
      </c>
      <c r="O609" s="53">
        <v>77140922.719999999</v>
      </c>
      <c r="P609" s="53">
        <v>77140922.719999999</v>
      </c>
      <c r="Q609" s="53">
        <v>77140922.719999999</v>
      </c>
      <c r="R609" s="53">
        <v>77140922.719999999</v>
      </c>
      <c r="S609" s="53">
        <v>77140922.719999999</v>
      </c>
      <c r="T609" s="53">
        <v>77140922.719999999</v>
      </c>
      <c r="U609" s="53">
        <v>77140922.719999999</v>
      </c>
      <c r="V609" s="53">
        <v>77140922.719999999</v>
      </c>
      <c r="W609" s="53">
        <v>77140922.719999999</v>
      </c>
      <c r="X609" s="53">
        <v>77140922.719999999</v>
      </c>
      <c r="Y609" s="53">
        <v>77140922.719999999</v>
      </c>
      <c r="Z609" s="53">
        <v>77140922.719999999</v>
      </c>
      <c r="AA609" s="53">
        <v>77140922.719999999</v>
      </c>
      <c r="AB609" s="53">
        <v>77140922.719999999</v>
      </c>
      <c r="AC609" s="53">
        <v>77140922.719999999</v>
      </c>
      <c r="AD609" s="53">
        <v>77140922.719999999</v>
      </c>
      <c r="AE609" s="53">
        <v>77140922.719999999</v>
      </c>
      <c r="AF609" s="53">
        <v>77140922.719999999</v>
      </c>
      <c r="AG609" s="53">
        <v>77140922.719999999</v>
      </c>
      <c r="AH609" s="53">
        <v>77140922.719999999</v>
      </c>
      <c r="AI609" s="53">
        <v>77140922.719999999</v>
      </c>
      <c r="AJ609" s="53">
        <v>77140922.719999999</v>
      </c>
      <c r="AK609" s="53">
        <v>77140922.719999999</v>
      </c>
      <c r="AL609" s="53">
        <v>77140922.719999999</v>
      </c>
      <c r="AM609" s="53">
        <v>77140922.719999999</v>
      </c>
      <c r="AN609" s="53">
        <v>77140922.719999999</v>
      </c>
      <c r="AO609" s="53">
        <v>77140922.719999999</v>
      </c>
      <c r="AP609" s="53">
        <v>77140922.719999999</v>
      </c>
      <c r="AQ609" s="53">
        <v>77140922.719999999</v>
      </c>
      <c r="AR609" s="53">
        <v>77140922.719999999</v>
      </c>
      <c r="AS609" s="53">
        <v>77140922.719999999</v>
      </c>
      <c r="AT609" s="53">
        <v>77140922.719999999</v>
      </c>
      <c r="AU609" s="53">
        <v>77140922.719999999</v>
      </c>
      <c r="AV609" s="53">
        <v>77140922.719999999</v>
      </c>
      <c r="AW609" s="53">
        <v>77140922.719999999</v>
      </c>
      <c r="AX609" s="53">
        <v>77140922.719999999</v>
      </c>
      <c r="AY609" s="53">
        <v>77140922.719999999</v>
      </c>
      <c r="AZ609" s="53">
        <v>77140922.719999999</v>
      </c>
      <c r="BA609" s="53">
        <v>77140922.719999999</v>
      </c>
    </row>
    <row r="610" spans="1:53">
      <c r="A610" s="52" t="s">
        <v>3119</v>
      </c>
      <c r="B610" s="53">
        <v>0</v>
      </c>
      <c r="C610" s="53">
        <v>0</v>
      </c>
      <c r="D610" s="53">
        <v>0</v>
      </c>
      <c r="E610" s="53">
        <v>0</v>
      </c>
      <c r="F610" s="53">
        <v>0</v>
      </c>
      <c r="G610" s="53">
        <v>0</v>
      </c>
      <c r="H610" s="53">
        <v>0</v>
      </c>
      <c r="I610" s="53">
        <v>0</v>
      </c>
      <c r="J610" s="53">
        <v>0</v>
      </c>
      <c r="K610" s="53">
        <v>0</v>
      </c>
      <c r="L610" s="53">
        <v>0</v>
      </c>
      <c r="M610" s="53">
        <v>0</v>
      </c>
      <c r="N610" s="53">
        <v>0</v>
      </c>
      <c r="O610" s="53">
        <v>0</v>
      </c>
      <c r="P610" s="53">
        <v>0</v>
      </c>
      <c r="Q610" s="53">
        <v>0</v>
      </c>
      <c r="R610" s="53">
        <v>0</v>
      </c>
      <c r="S610" s="53">
        <v>0</v>
      </c>
      <c r="T610" s="53">
        <v>0</v>
      </c>
      <c r="U610" s="53">
        <v>0</v>
      </c>
      <c r="V610" s="53">
        <v>0</v>
      </c>
      <c r="W610" s="53">
        <v>0</v>
      </c>
      <c r="X610" s="53">
        <v>0</v>
      </c>
      <c r="Y610" s="53">
        <v>0</v>
      </c>
      <c r="Z610" s="53">
        <v>0</v>
      </c>
      <c r="AA610" s="53">
        <v>0</v>
      </c>
      <c r="AB610" s="53">
        <v>0</v>
      </c>
      <c r="AC610" s="53">
        <v>0</v>
      </c>
      <c r="AD610" s="53">
        <v>0</v>
      </c>
      <c r="AE610" s="53">
        <v>0</v>
      </c>
      <c r="AF610" s="53">
        <v>0</v>
      </c>
      <c r="AG610" s="53">
        <v>0</v>
      </c>
      <c r="AH610" s="53">
        <v>0</v>
      </c>
      <c r="AI610" s="53">
        <v>0</v>
      </c>
      <c r="AJ610" s="53">
        <v>0</v>
      </c>
      <c r="AK610" s="53">
        <v>0</v>
      </c>
      <c r="AL610" s="53">
        <v>0</v>
      </c>
      <c r="AM610" s="53">
        <v>0</v>
      </c>
      <c r="AN610" s="53">
        <v>0</v>
      </c>
      <c r="AO610" s="53">
        <v>0</v>
      </c>
      <c r="AP610" s="53">
        <v>0</v>
      </c>
      <c r="AQ610" s="53">
        <v>0</v>
      </c>
      <c r="AR610" s="53">
        <v>0</v>
      </c>
      <c r="AS610" s="53">
        <v>0</v>
      </c>
      <c r="AT610" s="53">
        <v>0</v>
      </c>
      <c r="AU610" s="53">
        <v>0</v>
      </c>
      <c r="AV610" s="53">
        <v>0</v>
      </c>
      <c r="AW610" s="53">
        <v>0</v>
      </c>
      <c r="AX610" s="53">
        <v>0</v>
      </c>
      <c r="AY610" s="53">
        <v>0</v>
      </c>
      <c r="AZ610" s="53">
        <v>0</v>
      </c>
      <c r="BA610" s="53">
        <v>0</v>
      </c>
    </row>
    <row r="611" spans="1:53">
      <c r="A611" s="52" t="s">
        <v>3120</v>
      </c>
      <c r="B611" s="53">
        <v>0</v>
      </c>
      <c r="C611" s="53">
        <v>0</v>
      </c>
      <c r="D611" s="53">
        <v>0</v>
      </c>
      <c r="E611" s="53">
        <v>0</v>
      </c>
      <c r="F611" s="53">
        <v>0</v>
      </c>
      <c r="G611" s="53">
        <v>0</v>
      </c>
      <c r="H611" s="53">
        <v>0</v>
      </c>
      <c r="I611" s="53">
        <v>0</v>
      </c>
      <c r="J611" s="53">
        <v>0</v>
      </c>
      <c r="K611" s="53">
        <v>0</v>
      </c>
      <c r="L611" s="53">
        <v>0</v>
      </c>
      <c r="M611" s="53">
        <v>0</v>
      </c>
      <c r="N611" s="53">
        <v>0</v>
      </c>
      <c r="O611" s="53">
        <v>0</v>
      </c>
      <c r="P611" s="53">
        <v>0</v>
      </c>
      <c r="Q611" s="53">
        <v>0</v>
      </c>
      <c r="R611" s="53">
        <v>0</v>
      </c>
      <c r="S611" s="53">
        <v>0</v>
      </c>
      <c r="T611" s="53">
        <v>0</v>
      </c>
      <c r="U611" s="53">
        <v>0</v>
      </c>
      <c r="V611" s="53">
        <v>0</v>
      </c>
      <c r="W611" s="53">
        <v>0</v>
      </c>
      <c r="X611" s="53">
        <v>0</v>
      </c>
      <c r="Y611" s="53">
        <v>0</v>
      </c>
      <c r="Z611" s="53">
        <v>0</v>
      </c>
      <c r="AA611" s="53">
        <v>0</v>
      </c>
      <c r="AB611" s="53">
        <v>0</v>
      </c>
      <c r="AC611" s="53">
        <v>0</v>
      </c>
      <c r="AD611" s="53">
        <v>0</v>
      </c>
      <c r="AE611" s="53">
        <v>0</v>
      </c>
      <c r="AF611" s="53">
        <v>0</v>
      </c>
      <c r="AG611" s="53">
        <v>0</v>
      </c>
      <c r="AH611" s="53">
        <v>0</v>
      </c>
      <c r="AI611" s="53">
        <v>0</v>
      </c>
      <c r="AJ611" s="53">
        <v>0</v>
      </c>
      <c r="AK611" s="53">
        <v>0</v>
      </c>
      <c r="AL611" s="53">
        <v>0</v>
      </c>
      <c r="AM611" s="53">
        <v>0</v>
      </c>
      <c r="AN611" s="53">
        <v>0</v>
      </c>
      <c r="AO611" s="53">
        <v>0</v>
      </c>
      <c r="AP611" s="53">
        <v>0</v>
      </c>
      <c r="AQ611" s="53">
        <v>0</v>
      </c>
      <c r="AR611" s="53">
        <v>0</v>
      </c>
      <c r="AS611" s="53">
        <v>0</v>
      </c>
      <c r="AT611" s="53">
        <v>0</v>
      </c>
      <c r="AU611" s="53">
        <v>0</v>
      </c>
      <c r="AV611" s="53">
        <v>0</v>
      </c>
      <c r="AW611" s="53">
        <v>0</v>
      </c>
      <c r="AX611" s="53">
        <v>0</v>
      </c>
      <c r="AY611" s="53">
        <v>0</v>
      </c>
      <c r="AZ611" s="53">
        <v>0</v>
      </c>
      <c r="BA611" s="53">
        <v>0</v>
      </c>
    </row>
    <row r="612" spans="1:53">
      <c r="A612" s="58" t="s">
        <v>3121</v>
      </c>
      <c r="B612" s="134">
        <v>976946816.63</v>
      </c>
      <c r="C612" s="134">
        <v>976946816.63</v>
      </c>
      <c r="D612" s="134">
        <v>976946816.63</v>
      </c>
      <c r="E612" s="134">
        <v>976946816.63</v>
      </c>
      <c r="F612" s="134">
        <v>976946816.63</v>
      </c>
      <c r="G612" s="134">
        <v>976946816.63</v>
      </c>
      <c r="H612" s="134">
        <v>976946816.63</v>
      </c>
      <c r="I612" s="134">
        <v>976946816.63</v>
      </c>
      <c r="J612" s="134">
        <v>976946816.63</v>
      </c>
      <c r="K612" s="134">
        <v>976946816.63</v>
      </c>
      <c r="L612" s="134">
        <v>976946816.63</v>
      </c>
      <c r="M612" s="134">
        <v>976946816.63</v>
      </c>
      <c r="N612" s="134">
        <v>976946816.63</v>
      </c>
      <c r="O612" s="134">
        <v>976946816.63</v>
      </c>
      <c r="P612" s="134">
        <v>976946816.63</v>
      </c>
      <c r="Q612" s="134">
        <v>976946816.63</v>
      </c>
      <c r="R612" s="134">
        <v>976946816.63</v>
      </c>
      <c r="S612" s="134">
        <v>976946816.63</v>
      </c>
      <c r="T612" s="134">
        <v>976946816.63</v>
      </c>
      <c r="U612" s="134">
        <v>976946816.63</v>
      </c>
      <c r="V612" s="134">
        <v>976946816.63</v>
      </c>
      <c r="W612" s="134">
        <v>976946816.63</v>
      </c>
      <c r="X612" s="134">
        <v>976946816.63</v>
      </c>
      <c r="Y612" s="134">
        <v>976946816.63</v>
      </c>
      <c r="Z612" s="134">
        <v>976946816.63</v>
      </c>
      <c r="AA612" s="134">
        <v>976946816.63</v>
      </c>
      <c r="AB612" s="134">
        <v>976946816.63</v>
      </c>
      <c r="AC612" s="134">
        <v>976946816.63</v>
      </c>
      <c r="AD612" s="134">
        <v>976946816.63</v>
      </c>
      <c r="AE612" s="134">
        <v>976946816.63</v>
      </c>
      <c r="AF612" s="134">
        <v>976946816.63</v>
      </c>
      <c r="AG612" s="134">
        <v>976946816.63</v>
      </c>
      <c r="AH612" s="134">
        <v>976946816.63</v>
      </c>
      <c r="AI612" s="134">
        <v>976946816.63</v>
      </c>
      <c r="AJ612" s="134">
        <v>976946816.63</v>
      </c>
      <c r="AK612" s="134">
        <v>976946816.63</v>
      </c>
      <c r="AL612" s="134">
        <v>976946816.63</v>
      </c>
      <c r="AM612" s="134">
        <v>976946816.63</v>
      </c>
      <c r="AN612" s="134">
        <v>976946816.63</v>
      </c>
      <c r="AO612" s="134">
        <v>976946816.63</v>
      </c>
      <c r="AP612" s="134">
        <v>976946816.63</v>
      </c>
      <c r="AQ612" s="134">
        <v>976946816.63</v>
      </c>
      <c r="AR612" s="134">
        <v>976946816.63</v>
      </c>
      <c r="AS612" s="134">
        <v>976946816.63</v>
      </c>
      <c r="AT612" s="134">
        <v>976946816.63</v>
      </c>
      <c r="AU612" s="134">
        <v>976946816.63</v>
      </c>
      <c r="AV612" s="134">
        <v>976946816.63</v>
      </c>
      <c r="AW612" s="134">
        <v>976946816.63</v>
      </c>
      <c r="AX612" s="134">
        <v>976946816.63</v>
      </c>
      <c r="AY612" s="134">
        <v>976946816.63</v>
      </c>
      <c r="AZ612" s="134">
        <v>976946816.63</v>
      </c>
      <c r="BA612" s="134">
        <v>976946816.63</v>
      </c>
    </row>
    <row r="613" spans="1:53">
      <c r="A613" s="52" t="s">
        <v>3122</v>
      </c>
    </row>
    <row r="614" spans="1:53">
      <c r="A614" s="59" t="s">
        <v>3123</v>
      </c>
      <c r="B614" s="135">
        <v>27056686513.4258</v>
      </c>
      <c r="C614" s="135">
        <v>27081923520.9011</v>
      </c>
      <c r="D614" s="135">
        <v>27176974307.0364</v>
      </c>
      <c r="E614" s="135">
        <v>27263064395.3685</v>
      </c>
      <c r="F614" s="135">
        <v>27409990798.580101</v>
      </c>
      <c r="G614" s="135">
        <v>27519789779.594898</v>
      </c>
      <c r="H614" s="135">
        <v>27582028779.036598</v>
      </c>
      <c r="I614" s="135">
        <v>27811538281.606899</v>
      </c>
      <c r="J614" s="135">
        <v>27857030752.964901</v>
      </c>
      <c r="K614" s="135">
        <v>27955356309.863201</v>
      </c>
      <c r="L614" s="135">
        <v>27817448118.485802</v>
      </c>
      <c r="M614" s="135">
        <v>27729555999.8573</v>
      </c>
      <c r="N614" s="135">
        <v>27729555999.8573</v>
      </c>
      <c r="O614" s="135">
        <v>27902746164.4949</v>
      </c>
      <c r="P614" s="135">
        <v>27973074065.616798</v>
      </c>
      <c r="Q614" s="135">
        <v>28124965628.742901</v>
      </c>
      <c r="R614" s="135">
        <v>28278359547.530201</v>
      </c>
      <c r="S614" s="135">
        <v>28494470510.000099</v>
      </c>
      <c r="T614" s="135">
        <v>28914396005.4729</v>
      </c>
      <c r="U614" s="135">
        <v>29058785221.141499</v>
      </c>
      <c r="V614" s="135">
        <v>29302019042.944302</v>
      </c>
      <c r="W614" s="135">
        <v>29408392864.150101</v>
      </c>
      <c r="X614" s="135">
        <v>29504087214.182201</v>
      </c>
      <c r="Y614" s="135">
        <v>29340409529.308701</v>
      </c>
      <c r="Z614" s="135">
        <v>29447930956.2747</v>
      </c>
      <c r="AA614" s="135">
        <v>29447930956.2747</v>
      </c>
      <c r="AB614" s="135">
        <v>29682808841.101398</v>
      </c>
      <c r="AC614" s="135">
        <v>29730767402.944901</v>
      </c>
      <c r="AD614" s="135">
        <v>29860506338.418999</v>
      </c>
      <c r="AE614" s="135">
        <v>29989966237.060902</v>
      </c>
      <c r="AF614" s="135">
        <v>30181760892.955799</v>
      </c>
      <c r="AG614" s="135">
        <v>30576473633.072601</v>
      </c>
      <c r="AH614" s="135">
        <v>30723174111.960701</v>
      </c>
      <c r="AI614" s="135">
        <v>30970772361.584702</v>
      </c>
      <c r="AJ614" s="135">
        <v>30990846222.213902</v>
      </c>
      <c r="AK614" s="135">
        <v>31086652732.390701</v>
      </c>
      <c r="AL614" s="135">
        <v>30896617033.900101</v>
      </c>
      <c r="AM614" s="135">
        <v>31029719838.198399</v>
      </c>
      <c r="AN614" s="135">
        <v>31029719838.198399</v>
      </c>
      <c r="AO614" s="135">
        <v>31258583709.383801</v>
      </c>
      <c r="AP614" s="135">
        <v>31304586709.460499</v>
      </c>
      <c r="AQ614" s="135">
        <v>31436669160.9259</v>
      </c>
      <c r="AR614" s="135">
        <v>31564198100.778801</v>
      </c>
      <c r="AS614" s="135">
        <v>31753803222.3652</v>
      </c>
      <c r="AT614" s="135">
        <v>31994875997.586601</v>
      </c>
      <c r="AU614" s="135">
        <v>32153287149.6507</v>
      </c>
      <c r="AV614" s="135">
        <v>32403996077.6395</v>
      </c>
      <c r="AW614" s="135">
        <v>32578464465.198399</v>
      </c>
      <c r="AX614" s="135">
        <v>32674956627.9613</v>
      </c>
      <c r="AY614" s="135">
        <v>32468108253.601898</v>
      </c>
      <c r="AZ614" s="135">
        <v>32546302004.829498</v>
      </c>
      <c r="BA614" s="135">
        <v>32546302004.829498</v>
      </c>
    </row>
    <row r="615" spans="1:53">
      <c r="A615" s="52" t="s">
        <v>640</v>
      </c>
    </row>
    <row r="616" spans="1:53">
      <c r="A616" s="52" t="s">
        <v>3124</v>
      </c>
    </row>
    <row r="617" spans="1:53">
      <c r="A617" s="57" t="s">
        <v>3125</v>
      </c>
    </row>
    <row r="618" spans="1:53">
      <c r="A618" s="52" t="s">
        <v>1203</v>
      </c>
    </row>
    <row r="619" spans="1:53">
      <c r="A619" s="57" t="s">
        <v>3126</v>
      </c>
    </row>
    <row r="620" spans="1:53">
      <c r="A620" s="52" t="s">
        <v>3127</v>
      </c>
      <c r="B620" s="53">
        <v>0</v>
      </c>
      <c r="C620" s="53">
        <v>0</v>
      </c>
      <c r="D620" s="53">
        <v>0</v>
      </c>
      <c r="E620" s="53">
        <v>0</v>
      </c>
      <c r="F620" s="53">
        <v>0</v>
      </c>
      <c r="G620" s="53">
        <v>0</v>
      </c>
      <c r="H620" s="53">
        <v>0</v>
      </c>
      <c r="I620" s="53">
        <v>0</v>
      </c>
      <c r="J620" s="53">
        <v>0</v>
      </c>
      <c r="K620" s="53">
        <v>0</v>
      </c>
      <c r="L620" s="53">
        <v>0</v>
      </c>
      <c r="M620" s="53">
        <v>0</v>
      </c>
      <c r="N620" s="53">
        <v>0</v>
      </c>
      <c r="O620" s="53">
        <v>0</v>
      </c>
      <c r="P620" s="53">
        <v>0</v>
      </c>
      <c r="Q620" s="53">
        <v>0</v>
      </c>
      <c r="R620" s="53">
        <v>0</v>
      </c>
      <c r="S620" s="53">
        <v>0</v>
      </c>
      <c r="T620" s="53">
        <v>0</v>
      </c>
      <c r="U620" s="53">
        <v>0</v>
      </c>
      <c r="V620" s="53">
        <v>0</v>
      </c>
      <c r="W620" s="53">
        <v>0</v>
      </c>
      <c r="X620" s="53">
        <v>0</v>
      </c>
      <c r="Y620" s="53">
        <v>0</v>
      </c>
      <c r="Z620" s="53">
        <v>0</v>
      </c>
      <c r="AA620" s="53">
        <v>0</v>
      </c>
      <c r="AB620" s="53">
        <v>0</v>
      </c>
      <c r="AC620" s="53">
        <v>0</v>
      </c>
      <c r="AD620" s="53">
        <v>0</v>
      </c>
      <c r="AE620" s="53">
        <v>0</v>
      </c>
      <c r="AF620" s="53">
        <v>0</v>
      </c>
      <c r="AG620" s="53">
        <v>0</v>
      </c>
      <c r="AH620" s="53">
        <v>0</v>
      </c>
      <c r="AI620" s="53">
        <v>0</v>
      </c>
      <c r="AJ620" s="53">
        <v>0</v>
      </c>
      <c r="AK620" s="53">
        <v>0</v>
      </c>
      <c r="AL620" s="53">
        <v>0</v>
      </c>
      <c r="AM620" s="53">
        <v>0</v>
      </c>
      <c r="AN620" s="53">
        <v>0</v>
      </c>
      <c r="AO620" s="53">
        <v>0</v>
      </c>
      <c r="AP620" s="53">
        <v>0</v>
      </c>
      <c r="AQ620" s="53">
        <v>0</v>
      </c>
      <c r="AR620" s="53">
        <v>0</v>
      </c>
      <c r="AS620" s="53">
        <v>0</v>
      </c>
      <c r="AT620" s="53">
        <v>0</v>
      </c>
      <c r="AU620" s="53">
        <v>0</v>
      </c>
      <c r="AV620" s="53">
        <v>0</v>
      </c>
      <c r="AW620" s="53">
        <v>0</v>
      </c>
      <c r="AX620" s="53">
        <v>0</v>
      </c>
      <c r="AY620" s="53">
        <v>0</v>
      </c>
      <c r="AZ620" s="53">
        <v>0</v>
      </c>
      <c r="BA620" s="53">
        <v>0</v>
      </c>
    </row>
    <row r="621" spans="1:53">
      <c r="A621" s="58" t="s">
        <v>3128</v>
      </c>
      <c r="B621" s="134">
        <v>0</v>
      </c>
      <c r="C621" s="134">
        <v>0</v>
      </c>
      <c r="D621" s="134">
        <v>0</v>
      </c>
      <c r="E621" s="134">
        <v>0</v>
      </c>
      <c r="F621" s="134">
        <v>0</v>
      </c>
      <c r="G621" s="134">
        <v>0</v>
      </c>
      <c r="H621" s="134">
        <v>0</v>
      </c>
      <c r="I621" s="134">
        <v>0</v>
      </c>
      <c r="J621" s="134">
        <v>0</v>
      </c>
      <c r="K621" s="134">
        <v>0</v>
      </c>
      <c r="L621" s="134">
        <v>0</v>
      </c>
      <c r="M621" s="134">
        <v>0</v>
      </c>
      <c r="N621" s="134">
        <v>0</v>
      </c>
      <c r="O621" s="134">
        <v>0</v>
      </c>
      <c r="P621" s="134">
        <v>0</v>
      </c>
      <c r="Q621" s="134">
        <v>0</v>
      </c>
      <c r="R621" s="134">
        <v>0</v>
      </c>
      <c r="S621" s="134">
        <v>0</v>
      </c>
      <c r="T621" s="134">
        <v>0</v>
      </c>
      <c r="U621" s="134">
        <v>0</v>
      </c>
      <c r="V621" s="134">
        <v>0</v>
      </c>
      <c r="W621" s="134">
        <v>0</v>
      </c>
      <c r="X621" s="134">
        <v>0</v>
      </c>
      <c r="Y621" s="134">
        <v>0</v>
      </c>
      <c r="Z621" s="134">
        <v>0</v>
      </c>
      <c r="AA621" s="134">
        <v>0</v>
      </c>
      <c r="AB621" s="134">
        <v>0</v>
      </c>
      <c r="AC621" s="134">
        <v>0</v>
      </c>
      <c r="AD621" s="134">
        <v>0</v>
      </c>
      <c r="AE621" s="134">
        <v>0</v>
      </c>
      <c r="AF621" s="134">
        <v>0</v>
      </c>
      <c r="AG621" s="134">
        <v>0</v>
      </c>
      <c r="AH621" s="134">
        <v>0</v>
      </c>
      <c r="AI621" s="134">
        <v>0</v>
      </c>
      <c r="AJ621" s="134">
        <v>0</v>
      </c>
      <c r="AK621" s="134">
        <v>0</v>
      </c>
      <c r="AL621" s="134">
        <v>0</v>
      </c>
      <c r="AM621" s="134">
        <v>0</v>
      </c>
      <c r="AN621" s="134">
        <v>0</v>
      </c>
      <c r="AO621" s="134">
        <v>0</v>
      </c>
      <c r="AP621" s="134">
        <v>0</v>
      </c>
      <c r="AQ621" s="134">
        <v>0</v>
      </c>
      <c r="AR621" s="134">
        <v>0</v>
      </c>
      <c r="AS621" s="134">
        <v>0</v>
      </c>
      <c r="AT621" s="134">
        <v>0</v>
      </c>
      <c r="AU621" s="134">
        <v>0</v>
      </c>
      <c r="AV621" s="134">
        <v>0</v>
      </c>
      <c r="AW621" s="134">
        <v>0</v>
      </c>
      <c r="AX621" s="134">
        <v>0</v>
      </c>
      <c r="AY621" s="134">
        <v>0</v>
      </c>
      <c r="AZ621" s="134">
        <v>0</v>
      </c>
      <c r="BA621" s="134">
        <v>0</v>
      </c>
    </row>
    <row r="622" spans="1:53">
      <c r="A622" s="52" t="s">
        <v>3129</v>
      </c>
    </row>
    <row r="623" spans="1:53">
      <c r="A623" s="57" t="s">
        <v>3130</v>
      </c>
    </row>
    <row r="624" spans="1:53">
      <c r="A624" s="52" t="s">
        <v>3131</v>
      </c>
      <c r="B624" s="53">
        <v>0</v>
      </c>
      <c r="C624" s="53">
        <v>0</v>
      </c>
      <c r="D624" s="53">
        <v>0</v>
      </c>
      <c r="E624" s="53">
        <v>0</v>
      </c>
      <c r="F624" s="53">
        <v>0</v>
      </c>
      <c r="G624" s="53">
        <v>0</v>
      </c>
      <c r="H624" s="53">
        <v>0</v>
      </c>
      <c r="I624" s="53">
        <v>0</v>
      </c>
      <c r="J624" s="53">
        <v>0</v>
      </c>
      <c r="K624" s="53">
        <v>0</v>
      </c>
      <c r="L624" s="53">
        <v>0</v>
      </c>
      <c r="M624" s="53">
        <v>0</v>
      </c>
      <c r="N624" s="53">
        <v>0</v>
      </c>
      <c r="O624" s="53">
        <v>0</v>
      </c>
      <c r="P624" s="53">
        <v>0</v>
      </c>
      <c r="Q624" s="53">
        <v>0</v>
      </c>
      <c r="R624" s="53">
        <v>0</v>
      </c>
      <c r="S624" s="53">
        <v>0</v>
      </c>
      <c r="T624" s="53">
        <v>0</v>
      </c>
      <c r="U624" s="53">
        <v>0</v>
      </c>
      <c r="V624" s="53">
        <v>0</v>
      </c>
      <c r="W624" s="53">
        <v>0</v>
      </c>
      <c r="X624" s="53">
        <v>0</v>
      </c>
      <c r="Y624" s="53">
        <v>0</v>
      </c>
      <c r="Z624" s="53">
        <v>0</v>
      </c>
      <c r="AA624" s="53">
        <v>0</v>
      </c>
      <c r="AB624" s="53">
        <v>0</v>
      </c>
      <c r="AC624" s="53">
        <v>0</v>
      </c>
      <c r="AD624" s="53">
        <v>0</v>
      </c>
      <c r="AE624" s="53">
        <v>0</v>
      </c>
      <c r="AF624" s="53">
        <v>0</v>
      </c>
      <c r="AG624" s="53">
        <v>0</v>
      </c>
      <c r="AH624" s="53">
        <v>0</v>
      </c>
      <c r="AI624" s="53">
        <v>0</v>
      </c>
      <c r="AJ624" s="53">
        <v>0</v>
      </c>
      <c r="AK624" s="53">
        <v>0</v>
      </c>
      <c r="AL624" s="53">
        <v>0</v>
      </c>
      <c r="AM624" s="53">
        <v>0</v>
      </c>
      <c r="AN624" s="53">
        <v>0</v>
      </c>
      <c r="AO624" s="53">
        <v>0</v>
      </c>
      <c r="AP624" s="53">
        <v>0</v>
      </c>
      <c r="AQ624" s="53">
        <v>0</v>
      </c>
      <c r="AR624" s="53">
        <v>0</v>
      </c>
      <c r="AS624" s="53">
        <v>0</v>
      </c>
      <c r="AT624" s="53">
        <v>0</v>
      </c>
      <c r="AU624" s="53">
        <v>0</v>
      </c>
      <c r="AV624" s="53">
        <v>0</v>
      </c>
      <c r="AW624" s="53">
        <v>0</v>
      </c>
      <c r="AX624" s="53">
        <v>0</v>
      </c>
      <c r="AY624" s="53">
        <v>0</v>
      </c>
      <c r="AZ624" s="53">
        <v>0</v>
      </c>
      <c r="BA624" s="53">
        <v>0</v>
      </c>
    </row>
    <row r="625" spans="1:53">
      <c r="A625" s="58" t="s">
        <v>3132</v>
      </c>
      <c r="B625" s="134">
        <v>0</v>
      </c>
      <c r="C625" s="134">
        <v>0</v>
      </c>
      <c r="D625" s="134">
        <v>0</v>
      </c>
      <c r="E625" s="134">
        <v>0</v>
      </c>
      <c r="F625" s="134">
        <v>0</v>
      </c>
      <c r="G625" s="134">
        <v>0</v>
      </c>
      <c r="H625" s="134">
        <v>0</v>
      </c>
      <c r="I625" s="134">
        <v>0</v>
      </c>
      <c r="J625" s="134">
        <v>0</v>
      </c>
      <c r="K625" s="134">
        <v>0</v>
      </c>
      <c r="L625" s="134">
        <v>0</v>
      </c>
      <c r="M625" s="134">
        <v>0</v>
      </c>
      <c r="N625" s="134">
        <v>0</v>
      </c>
      <c r="O625" s="134">
        <v>0</v>
      </c>
      <c r="P625" s="134">
        <v>0</v>
      </c>
      <c r="Q625" s="134">
        <v>0</v>
      </c>
      <c r="R625" s="134">
        <v>0</v>
      </c>
      <c r="S625" s="134">
        <v>0</v>
      </c>
      <c r="T625" s="134">
        <v>0</v>
      </c>
      <c r="U625" s="134">
        <v>0</v>
      </c>
      <c r="V625" s="134">
        <v>0</v>
      </c>
      <c r="W625" s="134">
        <v>0</v>
      </c>
      <c r="X625" s="134">
        <v>0</v>
      </c>
      <c r="Y625" s="134">
        <v>0</v>
      </c>
      <c r="Z625" s="134">
        <v>0</v>
      </c>
      <c r="AA625" s="134">
        <v>0</v>
      </c>
      <c r="AB625" s="134">
        <v>0</v>
      </c>
      <c r="AC625" s="134">
        <v>0</v>
      </c>
      <c r="AD625" s="134">
        <v>0</v>
      </c>
      <c r="AE625" s="134">
        <v>0</v>
      </c>
      <c r="AF625" s="134">
        <v>0</v>
      </c>
      <c r="AG625" s="134">
        <v>0</v>
      </c>
      <c r="AH625" s="134">
        <v>0</v>
      </c>
      <c r="AI625" s="134">
        <v>0</v>
      </c>
      <c r="AJ625" s="134">
        <v>0</v>
      </c>
      <c r="AK625" s="134">
        <v>0</v>
      </c>
      <c r="AL625" s="134">
        <v>0</v>
      </c>
      <c r="AM625" s="134">
        <v>0</v>
      </c>
      <c r="AN625" s="134">
        <v>0</v>
      </c>
      <c r="AO625" s="134">
        <v>0</v>
      </c>
      <c r="AP625" s="134">
        <v>0</v>
      </c>
      <c r="AQ625" s="134">
        <v>0</v>
      </c>
      <c r="AR625" s="134">
        <v>0</v>
      </c>
      <c r="AS625" s="134">
        <v>0</v>
      </c>
      <c r="AT625" s="134">
        <v>0</v>
      </c>
      <c r="AU625" s="134">
        <v>0</v>
      </c>
      <c r="AV625" s="134">
        <v>0</v>
      </c>
      <c r="AW625" s="134">
        <v>0</v>
      </c>
      <c r="AX625" s="134">
        <v>0</v>
      </c>
      <c r="AY625" s="134">
        <v>0</v>
      </c>
      <c r="AZ625" s="134">
        <v>0</v>
      </c>
      <c r="BA625" s="134">
        <v>0</v>
      </c>
    </row>
    <row r="626" spans="1:53">
      <c r="A626" s="57" t="s">
        <v>3133</v>
      </c>
    </row>
    <row r="627" spans="1:53">
      <c r="A627" s="57" t="s">
        <v>3134</v>
      </c>
    </row>
    <row r="628" spans="1:53">
      <c r="A628" s="52" t="s">
        <v>3135</v>
      </c>
      <c r="B628" s="53">
        <v>0</v>
      </c>
      <c r="C628" s="53">
        <v>0</v>
      </c>
      <c r="D628" s="53">
        <v>0</v>
      </c>
      <c r="E628" s="53">
        <v>0</v>
      </c>
      <c r="F628" s="53">
        <v>0</v>
      </c>
      <c r="G628" s="53">
        <v>0</v>
      </c>
      <c r="H628" s="53">
        <v>0</v>
      </c>
      <c r="I628" s="53">
        <v>0</v>
      </c>
      <c r="J628" s="53">
        <v>0</v>
      </c>
      <c r="K628" s="53">
        <v>0</v>
      </c>
      <c r="L628" s="53">
        <v>0</v>
      </c>
      <c r="M628" s="53">
        <v>0</v>
      </c>
      <c r="N628" s="53">
        <v>0</v>
      </c>
      <c r="O628" s="53">
        <v>0</v>
      </c>
      <c r="P628" s="53">
        <v>0</v>
      </c>
      <c r="Q628" s="53">
        <v>0</v>
      </c>
      <c r="R628" s="53">
        <v>0</v>
      </c>
      <c r="S628" s="53">
        <v>0</v>
      </c>
      <c r="T628" s="53">
        <v>0</v>
      </c>
      <c r="U628" s="53">
        <v>0</v>
      </c>
      <c r="V628" s="53">
        <v>0</v>
      </c>
      <c r="W628" s="53">
        <v>0</v>
      </c>
      <c r="X628" s="53">
        <v>0</v>
      </c>
      <c r="Y628" s="53">
        <v>0</v>
      </c>
      <c r="Z628" s="53">
        <v>0</v>
      </c>
      <c r="AA628" s="53">
        <v>0</v>
      </c>
      <c r="AB628" s="53">
        <v>0</v>
      </c>
      <c r="AC628" s="53">
        <v>0</v>
      </c>
      <c r="AD628" s="53">
        <v>0</v>
      </c>
      <c r="AE628" s="53">
        <v>0</v>
      </c>
      <c r="AF628" s="53">
        <v>0</v>
      </c>
      <c r="AG628" s="53">
        <v>0</v>
      </c>
      <c r="AH628" s="53">
        <v>0</v>
      </c>
      <c r="AI628" s="53">
        <v>0</v>
      </c>
      <c r="AJ628" s="53">
        <v>0</v>
      </c>
      <c r="AK628" s="53">
        <v>0</v>
      </c>
      <c r="AL628" s="53">
        <v>0</v>
      </c>
      <c r="AM628" s="53">
        <v>0</v>
      </c>
      <c r="AN628" s="53">
        <v>0</v>
      </c>
      <c r="AO628" s="53">
        <v>0</v>
      </c>
      <c r="AP628" s="53">
        <v>0</v>
      </c>
      <c r="AQ628" s="53">
        <v>0</v>
      </c>
      <c r="AR628" s="53">
        <v>0</v>
      </c>
      <c r="AS628" s="53">
        <v>0</v>
      </c>
      <c r="AT628" s="53">
        <v>0</v>
      </c>
      <c r="AU628" s="53">
        <v>0</v>
      </c>
      <c r="AV628" s="53">
        <v>0</v>
      </c>
      <c r="AW628" s="53">
        <v>0</v>
      </c>
      <c r="AX628" s="53">
        <v>0</v>
      </c>
      <c r="AY628" s="53">
        <v>0</v>
      </c>
      <c r="AZ628" s="53">
        <v>0</v>
      </c>
      <c r="BA628" s="53">
        <v>0</v>
      </c>
    </row>
    <row r="629" spans="1:53">
      <c r="A629" s="52" t="s">
        <v>3136</v>
      </c>
      <c r="B629" s="53">
        <v>0</v>
      </c>
      <c r="C629" s="53">
        <v>0</v>
      </c>
      <c r="D629" s="53">
        <v>0</v>
      </c>
      <c r="E629" s="53">
        <v>0</v>
      </c>
      <c r="F629" s="53">
        <v>0</v>
      </c>
      <c r="G629" s="53">
        <v>0</v>
      </c>
      <c r="H629" s="53">
        <v>0</v>
      </c>
      <c r="I629" s="53">
        <v>0</v>
      </c>
      <c r="J629" s="53">
        <v>0</v>
      </c>
      <c r="K629" s="53">
        <v>0</v>
      </c>
      <c r="L629" s="53">
        <v>0</v>
      </c>
      <c r="M629" s="53">
        <v>0</v>
      </c>
      <c r="N629" s="53">
        <v>0</v>
      </c>
      <c r="O629" s="53">
        <v>0</v>
      </c>
      <c r="P629" s="53">
        <v>0</v>
      </c>
      <c r="Q629" s="53">
        <v>0</v>
      </c>
      <c r="R629" s="53">
        <v>0</v>
      </c>
      <c r="S629" s="53">
        <v>0</v>
      </c>
      <c r="T629" s="53">
        <v>0</v>
      </c>
      <c r="U629" s="53">
        <v>0</v>
      </c>
      <c r="V629" s="53">
        <v>0</v>
      </c>
      <c r="W629" s="53">
        <v>0</v>
      </c>
      <c r="X629" s="53">
        <v>0</v>
      </c>
      <c r="Y629" s="53">
        <v>0</v>
      </c>
      <c r="Z629" s="53">
        <v>0</v>
      </c>
      <c r="AA629" s="53">
        <v>0</v>
      </c>
      <c r="AB629" s="53">
        <v>0</v>
      </c>
      <c r="AC629" s="53">
        <v>0</v>
      </c>
      <c r="AD629" s="53">
        <v>0</v>
      </c>
      <c r="AE629" s="53">
        <v>0</v>
      </c>
      <c r="AF629" s="53">
        <v>0</v>
      </c>
      <c r="AG629" s="53">
        <v>0</v>
      </c>
      <c r="AH629" s="53">
        <v>0</v>
      </c>
      <c r="AI629" s="53">
        <v>0</v>
      </c>
      <c r="AJ629" s="53">
        <v>0</v>
      </c>
      <c r="AK629" s="53">
        <v>0</v>
      </c>
      <c r="AL629" s="53">
        <v>0</v>
      </c>
      <c r="AM629" s="53">
        <v>0</v>
      </c>
      <c r="AN629" s="53">
        <v>0</v>
      </c>
      <c r="AO629" s="53">
        <v>0</v>
      </c>
      <c r="AP629" s="53">
        <v>0</v>
      </c>
      <c r="AQ629" s="53">
        <v>0</v>
      </c>
      <c r="AR629" s="53">
        <v>0</v>
      </c>
      <c r="AS629" s="53">
        <v>0</v>
      </c>
      <c r="AT629" s="53">
        <v>0</v>
      </c>
      <c r="AU629" s="53">
        <v>0</v>
      </c>
      <c r="AV629" s="53">
        <v>0</v>
      </c>
      <c r="AW629" s="53">
        <v>0</v>
      </c>
      <c r="AX629" s="53">
        <v>0</v>
      </c>
      <c r="AY629" s="53">
        <v>0</v>
      </c>
      <c r="AZ629" s="53">
        <v>0</v>
      </c>
      <c r="BA629" s="53">
        <v>0</v>
      </c>
    </row>
    <row r="630" spans="1:53">
      <c r="A630" s="58" t="s">
        <v>3137</v>
      </c>
      <c r="B630" s="134">
        <v>0</v>
      </c>
      <c r="C630" s="134">
        <v>0</v>
      </c>
      <c r="D630" s="134">
        <v>0</v>
      </c>
      <c r="E630" s="134">
        <v>0</v>
      </c>
      <c r="F630" s="134">
        <v>0</v>
      </c>
      <c r="G630" s="134">
        <v>0</v>
      </c>
      <c r="H630" s="134">
        <v>0</v>
      </c>
      <c r="I630" s="134">
        <v>0</v>
      </c>
      <c r="J630" s="134">
        <v>0</v>
      </c>
      <c r="K630" s="134">
        <v>0</v>
      </c>
      <c r="L630" s="134">
        <v>0</v>
      </c>
      <c r="M630" s="134">
        <v>0</v>
      </c>
      <c r="N630" s="134">
        <v>0</v>
      </c>
      <c r="O630" s="134">
        <v>0</v>
      </c>
      <c r="P630" s="134">
        <v>0</v>
      </c>
      <c r="Q630" s="134">
        <v>0</v>
      </c>
      <c r="R630" s="134">
        <v>0</v>
      </c>
      <c r="S630" s="134">
        <v>0</v>
      </c>
      <c r="T630" s="134">
        <v>0</v>
      </c>
      <c r="U630" s="134">
        <v>0</v>
      </c>
      <c r="V630" s="134">
        <v>0</v>
      </c>
      <c r="W630" s="134">
        <v>0</v>
      </c>
      <c r="X630" s="134">
        <v>0</v>
      </c>
      <c r="Y630" s="134">
        <v>0</v>
      </c>
      <c r="Z630" s="134">
        <v>0</v>
      </c>
      <c r="AA630" s="134">
        <v>0</v>
      </c>
      <c r="AB630" s="134">
        <v>0</v>
      </c>
      <c r="AC630" s="134">
        <v>0</v>
      </c>
      <c r="AD630" s="134">
        <v>0</v>
      </c>
      <c r="AE630" s="134">
        <v>0</v>
      </c>
      <c r="AF630" s="134">
        <v>0</v>
      </c>
      <c r="AG630" s="134">
        <v>0</v>
      </c>
      <c r="AH630" s="134">
        <v>0</v>
      </c>
      <c r="AI630" s="134">
        <v>0</v>
      </c>
      <c r="AJ630" s="134">
        <v>0</v>
      </c>
      <c r="AK630" s="134">
        <v>0</v>
      </c>
      <c r="AL630" s="134">
        <v>0</v>
      </c>
      <c r="AM630" s="134">
        <v>0</v>
      </c>
      <c r="AN630" s="134">
        <v>0</v>
      </c>
      <c r="AO630" s="134">
        <v>0</v>
      </c>
      <c r="AP630" s="134">
        <v>0</v>
      </c>
      <c r="AQ630" s="134">
        <v>0</v>
      </c>
      <c r="AR630" s="134">
        <v>0</v>
      </c>
      <c r="AS630" s="134">
        <v>0</v>
      </c>
      <c r="AT630" s="134">
        <v>0</v>
      </c>
      <c r="AU630" s="134">
        <v>0</v>
      </c>
      <c r="AV630" s="134">
        <v>0</v>
      </c>
      <c r="AW630" s="134">
        <v>0</v>
      </c>
      <c r="AX630" s="134">
        <v>0</v>
      </c>
      <c r="AY630" s="134">
        <v>0</v>
      </c>
      <c r="AZ630" s="134">
        <v>0</v>
      </c>
      <c r="BA630" s="134">
        <v>0</v>
      </c>
    </row>
    <row r="631" spans="1:53">
      <c r="A631" s="52" t="s">
        <v>3138</v>
      </c>
    </row>
    <row r="632" spans="1:53">
      <c r="A632" s="57" t="s">
        <v>3139</v>
      </c>
    </row>
    <row r="633" spans="1:53">
      <c r="A633" s="52" t="s">
        <v>3140</v>
      </c>
      <c r="B633" s="53">
        <v>-1590290115.8900001</v>
      </c>
      <c r="C633" s="53">
        <v>-1590290115.8900001</v>
      </c>
      <c r="D633" s="53">
        <v>-1590290115.8900001</v>
      </c>
      <c r="E633" s="53">
        <v>-1590290115.8900001</v>
      </c>
      <c r="F633" s="53">
        <v>-1590290115.8900001</v>
      </c>
      <c r="G633" s="53">
        <v>-1590290115.8900001</v>
      </c>
      <c r="H633" s="53">
        <v>-1590290115.8900001</v>
      </c>
      <c r="I633" s="53">
        <v>-1590290115.8900001</v>
      </c>
      <c r="J633" s="53">
        <v>-1590290115.8900001</v>
      </c>
      <c r="K633" s="53">
        <v>-1590290115.8900001</v>
      </c>
      <c r="L633" s="53">
        <v>-1590290115.8900001</v>
      </c>
      <c r="M633" s="53">
        <v>-1590290115.8900001</v>
      </c>
      <c r="N633" s="53">
        <v>-1590290115.8900001</v>
      </c>
      <c r="O633" s="53">
        <v>-1590290115.8900001</v>
      </c>
      <c r="P633" s="53">
        <v>-1590290115.8900001</v>
      </c>
      <c r="Q633" s="53">
        <v>-1590290115.8900001</v>
      </c>
      <c r="R633" s="53">
        <v>-1590290115.8900001</v>
      </c>
      <c r="S633" s="53">
        <v>-1590290115.8900001</v>
      </c>
      <c r="T633" s="53">
        <v>-1590290115.8900001</v>
      </c>
      <c r="U633" s="53">
        <v>-1590290115.8900001</v>
      </c>
      <c r="V633" s="53">
        <v>-1590290115.8900001</v>
      </c>
      <c r="W633" s="53">
        <v>-1590290115.8900001</v>
      </c>
      <c r="X633" s="53">
        <v>-1590290115.8900001</v>
      </c>
      <c r="Y633" s="53">
        <v>-1590290115.8900001</v>
      </c>
      <c r="Z633" s="53">
        <v>-1590290115.8900001</v>
      </c>
      <c r="AA633" s="53">
        <v>-1590290115.8900001</v>
      </c>
      <c r="AB633" s="53">
        <v>-1590290115.8900001</v>
      </c>
      <c r="AC633" s="53">
        <v>-1590290115.8900001</v>
      </c>
      <c r="AD633" s="53">
        <v>-1590290115.8900001</v>
      </c>
      <c r="AE633" s="53">
        <v>-1590290115.8900001</v>
      </c>
      <c r="AF633" s="53">
        <v>-1590290115.8900001</v>
      </c>
      <c r="AG633" s="53">
        <v>-1590290115.8900001</v>
      </c>
      <c r="AH633" s="53">
        <v>-1590290115.8900001</v>
      </c>
      <c r="AI633" s="53">
        <v>-1590290115.8900001</v>
      </c>
      <c r="AJ633" s="53">
        <v>-1590290115.8900001</v>
      </c>
      <c r="AK633" s="53">
        <v>-1590290115.8900001</v>
      </c>
      <c r="AL633" s="53">
        <v>-1590290115.8900001</v>
      </c>
      <c r="AM633" s="53">
        <v>-1590290115.8900001</v>
      </c>
      <c r="AN633" s="53">
        <v>-1590290115.8900001</v>
      </c>
      <c r="AO633" s="53">
        <v>-1590290115.8900001</v>
      </c>
      <c r="AP633" s="53">
        <v>-1590290115.8900001</v>
      </c>
      <c r="AQ633" s="53">
        <v>-1590290115.8900001</v>
      </c>
      <c r="AR633" s="53">
        <v>-1590290115.8900001</v>
      </c>
      <c r="AS633" s="53">
        <v>-1590290115.8900001</v>
      </c>
      <c r="AT633" s="53">
        <v>-1590290115.8900001</v>
      </c>
      <c r="AU633" s="53">
        <v>-1590290115.8900001</v>
      </c>
      <c r="AV633" s="53">
        <v>-1590290115.8900001</v>
      </c>
      <c r="AW633" s="53">
        <v>-1590290115.8900001</v>
      </c>
      <c r="AX633" s="53">
        <v>-1590290115.8900001</v>
      </c>
      <c r="AY633" s="53">
        <v>-1590290115.8900001</v>
      </c>
      <c r="AZ633" s="53">
        <v>-1590290115.8900001</v>
      </c>
      <c r="BA633" s="53">
        <v>-1590290115.8900001</v>
      </c>
    </row>
    <row r="634" spans="1:53">
      <c r="A634" s="52" t="s">
        <v>3141</v>
      </c>
      <c r="B634" s="53">
        <v>0</v>
      </c>
      <c r="C634" s="53">
        <v>0</v>
      </c>
      <c r="D634" s="53">
        <v>0</v>
      </c>
      <c r="E634" s="53">
        <v>0</v>
      </c>
      <c r="F634" s="53">
        <v>0</v>
      </c>
      <c r="G634" s="53">
        <v>0</v>
      </c>
      <c r="H634" s="53">
        <v>0</v>
      </c>
      <c r="I634" s="53">
        <v>0</v>
      </c>
      <c r="J634" s="53">
        <v>0</v>
      </c>
      <c r="K634" s="53">
        <v>0</v>
      </c>
      <c r="L634" s="53">
        <v>0</v>
      </c>
      <c r="M634" s="53">
        <v>0</v>
      </c>
      <c r="N634" s="53">
        <v>0</v>
      </c>
      <c r="O634" s="53">
        <v>0</v>
      </c>
      <c r="P634" s="53">
        <v>0</v>
      </c>
      <c r="Q634" s="53">
        <v>0</v>
      </c>
      <c r="R634" s="53">
        <v>0</v>
      </c>
      <c r="S634" s="53">
        <v>0</v>
      </c>
      <c r="T634" s="53">
        <v>0</v>
      </c>
      <c r="U634" s="53">
        <v>0</v>
      </c>
      <c r="V634" s="53">
        <v>0</v>
      </c>
      <c r="W634" s="53">
        <v>0</v>
      </c>
      <c r="X634" s="53">
        <v>0</v>
      </c>
      <c r="Y634" s="53">
        <v>0</v>
      </c>
      <c r="Z634" s="53">
        <v>0</v>
      </c>
      <c r="AA634" s="53">
        <v>0</v>
      </c>
      <c r="AB634" s="53">
        <v>0</v>
      </c>
      <c r="AC634" s="53">
        <v>0</v>
      </c>
      <c r="AD634" s="53">
        <v>0</v>
      </c>
      <c r="AE634" s="53">
        <v>0</v>
      </c>
      <c r="AF634" s="53">
        <v>0</v>
      </c>
      <c r="AG634" s="53">
        <v>0</v>
      </c>
      <c r="AH634" s="53">
        <v>0</v>
      </c>
      <c r="AI634" s="53">
        <v>0</v>
      </c>
      <c r="AJ634" s="53">
        <v>0</v>
      </c>
      <c r="AK634" s="53">
        <v>0</v>
      </c>
      <c r="AL634" s="53">
        <v>0</v>
      </c>
      <c r="AM634" s="53">
        <v>0</v>
      </c>
      <c r="AN634" s="53">
        <v>0</v>
      </c>
      <c r="AO634" s="53">
        <v>0</v>
      </c>
      <c r="AP634" s="53">
        <v>0</v>
      </c>
      <c r="AQ634" s="53">
        <v>0</v>
      </c>
      <c r="AR634" s="53">
        <v>0</v>
      </c>
      <c r="AS634" s="53">
        <v>0</v>
      </c>
      <c r="AT634" s="53">
        <v>0</v>
      </c>
      <c r="AU634" s="53">
        <v>0</v>
      </c>
      <c r="AV634" s="53">
        <v>0</v>
      </c>
      <c r="AW634" s="53">
        <v>0</v>
      </c>
      <c r="AX634" s="53">
        <v>0</v>
      </c>
      <c r="AY634" s="53">
        <v>0</v>
      </c>
      <c r="AZ634" s="53">
        <v>0</v>
      </c>
      <c r="BA634" s="53">
        <v>0</v>
      </c>
    </row>
    <row r="635" spans="1:53">
      <c r="A635" s="52" t="s">
        <v>3142</v>
      </c>
      <c r="B635" s="53">
        <v>0</v>
      </c>
      <c r="C635" s="53">
        <v>0</v>
      </c>
      <c r="D635" s="53">
        <v>0</v>
      </c>
      <c r="E635" s="53">
        <v>0</v>
      </c>
      <c r="F635" s="53">
        <v>0</v>
      </c>
      <c r="G635" s="53">
        <v>0</v>
      </c>
      <c r="H635" s="53">
        <v>0</v>
      </c>
      <c r="I635" s="53">
        <v>0</v>
      </c>
      <c r="J635" s="53">
        <v>0</v>
      </c>
      <c r="K635" s="53">
        <v>0</v>
      </c>
      <c r="L635" s="53">
        <v>0</v>
      </c>
      <c r="M635" s="53">
        <v>0</v>
      </c>
      <c r="N635" s="53">
        <v>0</v>
      </c>
      <c r="O635" s="53">
        <v>0</v>
      </c>
      <c r="P635" s="53">
        <v>0</v>
      </c>
      <c r="Q635" s="53">
        <v>0</v>
      </c>
      <c r="R635" s="53">
        <v>0</v>
      </c>
      <c r="S635" s="53">
        <v>0</v>
      </c>
      <c r="T635" s="53">
        <v>0</v>
      </c>
      <c r="U635" s="53">
        <v>0</v>
      </c>
      <c r="V635" s="53">
        <v>0</v>
      </c>
      <c r="W635" s="53">
        <v>0</v>
      </c>
      <c r="X635" s="53">
        <v>0</v>
      </c>
      <c r="Y635" s="53">
        <v>0</v>
      </c>
      <c r="Z635" s="53">
        <v>0</v>
      </c>
      <c r="AA635" s="53">
        <v>0</v>
      </c>
      <c r="AB635" s="53">
        <v>0</v>
      </c>
      <c r="AC635" s="53">
        <v>0</v>
      </c>
      <c r="AD635" s="53">
        <v>0</v>
      </c>
      <c r="AE635" s="53">
        <v>0</v>
      </c>
      <c r="AF635" s="53">
        <v>0</v>
      </c>
      <c r="AG635" s="53">
        <v>0</v>
      </c>
      <c r="AH635" s="53">
        <v>0</v>
      </c>
      <c r="AI635" s="53">
        <v>0</v>
      </c>
      <c r="AJ635" s="53">
        <v>0</v>
      </c>
      <c r="AK635" s="53">
        <v>0</v>
      </c>
      <c r="AL635" s="53">
        <v>0</v>
      </c>
      <c r="AM635" s="53">
        <v>0</v>
      </c>
      <c r="AN635" s="53">
        <v>0</v>
      </c>
      <c r="AO635" s="53">
        <v>0</v>
      </c>
      <c r="AP635" s="53">
        <v>0</v>
      </c>
      <c r="AQ635" s="53">
        <v>0</v>
      </c>
      <c r="AR635" s="53">
        <v>0</v>
      </c>
      <c r="AS635" s="53">
        <v>0</v>
      </c>
      <c r="AT635" s="53">
        <v>0</v>
      </c>
      <c r="AU635" s="53">
        <v>0</v>
      </c>
      <c r="AV635" s="53">
        <v>0</v>
      </c>
      <c r="AW635" s="53">
        <v>0</v>
      </c>
      <c r="AX635" s="53">
        <v>0</v>
      </c>
      <c r="AY635" s="53">
        <v>0</v>
      </c>
      <c r="AZ635" s="53">
        <v>0</v>
      </c>
      <c r="BA635" s="53">
        <v>0</v>
      </c>
    </row>
    <row r="636" spans="1:53">
      <c r="A636" s="52" t="s">
        <v>3143</v>
      </c>
      <c r="B636" s="53">
        <v>0</v>
      </c>
      <c r="C636" s="53">
        <v>0</v>
      </c>
      <c r="D636" s="53">
        <v>0</v>
      </c>
      <c r="E636" s="53">
        <v>0</v>
      </c>
      <c r="F636" s="53">
        <v>0</v>
      </c>
      <c r="G636" s="53">
        <v>0</v>
      </c>
      <c r="H636" s="53">
        <v>0</v>
      </c>
      <c r="I636" s="53">
        <v>0</v>
      </c>
      <c r="J636" s="53">
        <v>0</v>
      </c>
      <c r="K636" s="53">
        <v>0</v>
      </c>
      <c r="L636" s="53">
        <v>0</v>
      </c>
      <c r="M636" s="53">
        <v>0</v>
      </c>
      <c r="N636" s="53">
        <v>0</v>
      </c>
      <c r="O636" s="53">
        <v>0</v>
      </c>
      <c r="P636" s="53">
        <v>0</v>
      </c>
      <c r="Q636" s="53">
        <v>0</v>
      </c>
      <c r="R636" s="53">
        <v>0</v>
      </c>
      <c r="S636" s="53">
        <v>0</v>
      </c>
      <c r="T636" s="53">
        <v>0</v>
      </c>
      <c r="U636" s="53">
        <v>0</v>
      </c>
      <c r="V636" s="53">
        <v>0</v>
      </c>
      <c r="W636" s="53">
        <v>0</v>
      </c>
      <c r="X636" s="53">
        <v>0</v>
      </c>
      <c r="Y636" s="53">
        <v>0</v>
      </c>
      <c r="Z636" s="53">
        <v>0</v>
      </c>
      <c r="AA636" s="53">
        <v>0</v>
      </c>
      <c r="AB636" s="53">
        <v>0</v>
      </c>
      <c r="AC636" s="53">
        <v>0</v>
      </c>
      <c r="AD636" s="53">
        <v>0</v>
      </c>
      <c r="AE636" s="53">
        <v>0</v>
      </c>
      <c r="AF636" s="53">
        <v>0</v>
      </c>
      <c r="AG636" s="53">
        <v>0</v>
      </c>
      <c r="AH636" s="53">
        <v>0</v>
      </c>
      <c r="AI636" s="53">
        <v>0</v>
      </c>
      <c r="AJ636" s="53">
        <v>0</v>
      </c>
      <c r="AK636" s="53">
        <v>0</v>
      </c>
      <c r="AL636" s="53">
        <v>0</v>
      </c>
      <c r="AM636" s="53">
        <v>0</v>
      </c>
      <c r="AN636" s="53">
        <v>0</v>
      </c>
      <c r="AO636" s="53">
        <v>0</v>
      </c>
      <c r="AP636" s="53">
        <v>0</v>
      </c>
      <c r="AQ636" s="53">
        <v>0</v>
      </c>
      <c r="AR636" s="53">
        <v>0</v>
      </c>
      <c r="AS636" s="53">
        <v>0</v>
      </c>
      <c r="AT636" s="53">
        <v>0</v>
      </c>
      <c r="AU636" s="53">
        <v>0</v>
      </c>
      <c r="AV636" s="53">
        <v>0</v>
      </c>
      <c r="AW636" s="53">
        <v>0</v>
      </c>
      <c r="AX636" s="53">
        <v>0</v>
      </c>
      <c r="AY636" s="53">
        <v>0</v>
      </c>
      <c r="AZ636" s="53">
        <v>0</v>
      </c>
      <c r="BA636" s="53">
        <v>0</v>
      </c>
    </row>
    <row r="637" spans="1:53">
      <c r="A637" s="52" t="s">
        <v>3144</v>
      </c>
      <c r="B637" s="53">
        <v>0</v>
      </c>
      <c r="C637" s="53">
        <v>0</v>
      </c>
      <c r="D637" s="53">
        <v>0</v>
      </c>
      <c r="E637" s="53">
        <v>0</v>
      </c>
      <c r="F637" s="53">
        <v>0</v>
      </c>
      <c r="G637" s="53">
        <v>0</v>
      </c>
      <c r="H637" s="53">
        <v>0</v>
      </c>
      <c r="I637" s="53">
        <v>0</v>
      </c>
      <c r="J637" s="53">
        <v>0</v>
      </c>
      <c r="K637" s="53">
        <v>0</v>
      </c>
      <c r="L637" s="53">
        <v>0</v>
      </c>
      <c r="M637" s="53">
        <v>0</v>
      </c>
      <c r="N637" s="53">
        <v>0</v>
      </c>
      <c r="O637" s="53">
        <v>0</v>
      </c>
      <c r="P637" s="53">
        <v>0</v>
      </c>
      <c r="Q637" s="53">
        <v>0</v>
      </c>
      <c r="R637" s="53">
        <v>0</v>
      </c>
      <c r="S637" s="53">
        <v>0</v>
      </c>
      <c r="T637" s="53">
        <v>0</v>
      </c>
      <c r="U637" s="53">
        <v>0</v>
      </c>
      <c r="V637" s="53">
        <v>0</v>
      </c>
      <c r="W637" s="53">
        <v>0</v>
      </c>
      <c r="X637" s="53">
        <v>0</v>
      </c>
      <c r="Y637" s="53">
        <v>0</v>
      </c>
      <c r="Z637" s="53">
        <v>0</v>
      </c>
      <c r="AA637" s="53">
        <v>0</v>
      </c>
      <c r="AB637" s="53">
        <v>0</v>
      </c>
      <c r="AC637" s="53">
        <v>0</v>
      </c>
      <c r="AD637" s="53">
        <v>0</v>
      </c>
      <c r="AE637" s="53">
        <v>0</v>
      </c>
      <c r="AF637" s="53">
        <v>0</v>
      </c>
      <c r="AG637" s="53">
        <v>0</v>
      </c>
      <c r="AH637" s="53">
        <v>0</v>
      </c>
      <c r="AI637" s="53">
        <v>0</v>
      </c>
      <c r="AJ637" s="53">
        <v>0</v>
      </c>
      <c r="AK637" s="53">
        <v>0</v>
      </c>
      <c r="AL637" s="53">
        <v>0</v>
      </c>
      <c r="AM637" s="53">
        <v>0</v>
      </c>
      <c r="AN637" s="53">
        <v>0</v>
      </c>
      <c r="AO637" s="53">
        <v>0</v>
      </c>
      <c r="AP637" s="53">
        <v>0</v>
      </c>
      <c r="AQ637" s="53">
        <v>0</v>
      </c>
      <c r="AR637" s="53">
        <v>0</v>
      </c>
      <c r="AS637" s="53">
        <v>0</v>
      </c>
      <c r="AT637" s="53">
        <v>0</v>
      </c>
      <c r="AU637" s="53">
        <v>0</v>
      </c>
      <c r="AV637" s="53">
        <v>0</v>
      </c>
      <c r="AW637" s="53">
        <v>0</v>
      </c>
      <c r="AX637" s="53">
        <v>0</v>
      </c>
      <c r="AY637" s="53">
        <v>0</v>
      </c>
      <c r="AZ637" s="53">
        <v>0</v>
      </c>
      <c r="BA637" s="53">
        <v>0</v>
      </c>
    </row>
    <row r="638" spans="1:53">
      <c r="A638" s="52" t="s">
        <v>3145</v>
      </c>
      <c r="B638" s="53">
        <v>-419213.02</v>
      </c>
      <c r="C638" s="53">
        <v>-419213.02</v>
      </c>
      <c r="D638" s="53">
        <v>-419213.02</v>
      </c>
      <c r="E638" s="53">
        <v>-419213.02</v>
      </c>
      <c r="F638" s="53">
        <v>-419213.02</v>
      </c>
      <c r="G638" s="53">
        <v>-419213.02</v>
      </c>
      <c r="H638" s="53">
        <v>-419213.02</v>
      </c>
      <c r="I638" s="53">
        <v>-419213.02</v>
      </c>
      <c r="J638" s="53">
        <v>-419213.02</v>
      </c>
      <c r="K638" s="53">
        <v>-419213.02</v>
      </c>
      <c r="L638" s="53">
        <v>-419213.02</v>
      </c>
      <c r="M638" s="53">
        <v>-419213.02</v>
      </c>
      <c r="N638" s="53">
        <v>-419213.02</v>
      </c>
      <c r="O638" s="53">
        <v>-419213.02</v>
      </c>
      <c r="P638" s="53">
        <v>-419213.02</v>
      </c>
      <c r="Q638" s="53">
        <v>-419213.02</v>
      </c>
      <c r="R638" s="53">
        <v>-419213.02</v>
      </c>
      <c r="S638" s="53">
        <v>-419213.02</v>
      </c>
      <c r="T638" s="53">
        <v>-419213.02</v>
      </c>
      <c r="U638" s="53">
        <v>-419213.02</v>
      </c>
      <c r="V638" s="53">
        <v>-419213.02</v>
      </c>
      <c r="W638" s="53">
        <v>-419213.02</v>
      </c>
      <c r="X638" s="53">
        <v>-419213.02</v>
      </c>
      <c r="Y638" s="53">
        <v>-419213.02</v>
      </c>
      <c r="Z638" s="53">
        <v>-419213.02</v>
      </c>
      <c r="AA638" s="53">
        <v>-419213.02</v>
      </c>
      <c r="AB638" s="53">
        <v>-419213.02</v>
      </c>
      <c r="AC638" s="53">
        <v>-419213.02</v>
      </c>
      <c r="AD638" s="53">
        <v>-419213.02</v>
      </c>
      <c r="AE638" s="53">
        <v>-419213.02</v>
      </c>
      <c r="AF638" s="53">
        <v>-419213.02</v>
      </c>
      <c r="AG638" s="53">
        <v>-419213.02</v>
      </c>
      <c r="AH638" s="53">
        <v>-419213.02</v>
      </c>
      <c r="AI638" s="53">
        <v>-419213.02</v>
      </c>
      <c r="AJ638" s="53">
        <v>-419213.02</v>
      </c>
      <c r="AK638" s="53">
        <v>-419213.02</v>
      </c>
      <c r="AL638" s="53">
        <v>-419213.02</v>
      </c>
      <c r="AM638" s="53">
        <v>-419213.02</v>
      </c>
      <c r="AN638" s="53">
        <v>-419213.02</v>
      </c>
      <c r="AO638" s="53">
        <v>-419213.02</v>
      </c>
      <c r="AP638" s="53">
        <v>-419213.02</v>
      </c>
      <c r="AQ638" s="53">
        <v>-419213.02</v>
      </c>
      <c r="AR638" s="53">
        <v>-419213.02</v>
      </c>
      <c r="AS638" s="53">
        <v>-419213.02</v>
      </c>
      <c r="AT638" s="53">
        <v>-419213.02</v>
      </c>
      <c r="AU638" s="53">
        <v>-419213.02</v>
      </c>
      <c r="AV638" s="53">
        <v>-419213.02</v>
      </c>
      <c r="AW638" s="53">
        <v>-419213.02</v>
      </c>
      <c r="AX638" s="53">
        <v>-419213.02</v>
      </c>
      <c r="AY638" s="53">
        <v>-419213.02</v>
      </c>
      <c r="AZ638" s="53">
        <v>-419213.02</v>
      </c>
      <c r="BA638" s="53">
        <v>-419213.02</v>
      </c>
    </row>
    <row r="639" spans="1:53">
      <c r="A639" s="52" t="s">
        <v>3146</v>
      </c>
      <c r="B639" s="53">
        <v>-326031.84000000003</v>
      </c>
      <c r="C639" s="53">
        <v>-326031.84000000003</v>
      </c>
      <c r="D639" s="53">
        <v>-326031.84000000003</v>
      </c>
      <c r="E639" s="53">
        <v>-326031.84000000003</v>
      </c>
      <c r="F639" s="53">
        <v>-326031.84000000003</v>
      </c>
      <c r="G639" s="53">
        <v>-326031.84000000003</v>
      </c>
      <c r="H639" s="53">
        <v>-326031.84000000003</v>
      </c>
      <c r="I639" s="53">
        <v>-326031.84000000003</v>
      </c>
      <c r="J639" s="53">
        <v>-326031.84000000003</v>
      </c>
      <c r="K639" s="53">
        <v>-326031.84000000003</v>
      </c>
      <c r="L639" s="53">
        <v>-326031.84000000003</v>
      </c>
      <c r="M639" s="53">
        <v>-326031.84000000003</v>
      </c>
      <c r="N639" s="53">
        <v>-326031.84000000003</v>
      </c>
      <c r="O639" s="53">
        <v>-326031.84000000003</v>
      </c>
      <c r="P639" s="53">
        <v>-326031.84000000003</v>
      </c>
      <c r="Q639" s="53">
        <v>-326031.84000000003</v>
      </c>
      <c r="R639" s="53">
        <v>-326031.84000000003</v>
      </c>
      <c r="S639" s="53">
        <v>-326031.84000000003</v>
      </c>
      <c r="T639" s="53">
        <v>-326031.84000000003</v>
      </c>
      <c r="U639" s="53">
        <v>-326031.84000000003</v>
      </c>
      <c r="V639" s="53">
        <v>-326031.84000000003</v>
      </c>
      <c r="W639" s="53">
        <v>-326031.84000000003</v>
      </c>
      <c r="X639" s="53">
        <v>-326031.84000000003</v>
      </c>
      <c r="Y639" s="53">
        <v>-326031.84000000003</v>
      </c>
      <c r="Z639" s="53">
        <v>-326031.84000000003</v>
      </c>
      <c r="AA639" s="53">
        <v>-326031.84000000003</v>
      </c>
      <c r="AB639" s="53">
        <v>-326031.84000000003</v>
      </c>
      <c r="AC639" s="53">
        <v>-326031.84000000003</v>
      </c>
      <c r="AD639" s="53">
        <v>-326031.84000000003</v>
      </c>
      <c r="AE639" s="53">
        <v>-326031.84000000003</v>
      </c>
      <c r="AF639" s="53">
        <v>-326031.84000000003</v>
      </c>
      <c r="AG639" s="53">
        <v>-326031.84000000003</v>
      </c>
      <c r="AH639" s="53">
        <v>-326031.84000000003</v>
      </c>
      <c r="AI639" s="53">
        <v>-326031.84000000003</v>
      </c>
      <c r="AJ639" s="53">
        <v>-326031.84000000003</v>
      </c>
      <c r="AK639" s="53">
        <v>-326031.84000000003</v>
      </c>
      <c r="AL639" s="53">
        <v>-326031.84000000003</v>
      </c>
      <c r="AM639" s="53">
        <v>-326031.84000000003</v>
      </c>
      <c r="AN639" s="53">
        <v>-326031.84000000003</v>
      </c>
      <c r="AO639" s="53">
        <v>-326031.84000000003</v>
      </c>
      <c r="AP639" s="53">
        <v>-326031.84000000003</v>
      </c>
      <c r="AQ639" s="53">
        <v>-326031.84000000003</v>
      </c>
      <c r="AR639" s="53">
        <v>-326031.84000000003</v>
      </c>
      <c r="AS639" s="53">
        <v>-326031.84000000003</v>
      </c>
      <c r="AT639" s="53">
        <v>-326031.84000000003</v>
      </c>
      <c r="AU639" s="53">
        <v>-326031.84000000003</v>
      </c>
      <c r="AV639" s="53">
        <v>-326031.84000000003</v>
      </c>
      <c r="AW639" s="53">
        <v>-326031.84000000003</v>
      </c>
      <c r="AX639" s="53">
        <v>-326031.84000000003</v>
      </c>
      <c r="AY639" s="53">
        <v>-326031.84000000003</v>
      </c>
      <c r="AZ639" s="53">
        <v>-326031.84000000003</v>
      </c>
      <c r="BA639" s="53">
        <v>-326031.84000000003</v>
      </c>
    </row>
    <row r="640" spans="1:53">
      <c r="A640" s="58" t="s">
        <v>3147</v>
      </c>
      <c r="B640" s="134">
        <v>-1591035360.75</v>
      </c>
      <c r="C640" s="134">
        <v>-1591035360.75</v>
      </c>
      <c r="D640" s="134">
        <v>-1591035360.75</v>
      </c>
      <c r="E640" s="134">
        <v>-1591035360.75</v>
      </c>
      <c r="F640" s="134">
        <v>-1591035360.75</v>
      </c>
      <c r="G640" s="134">
        <v>-1591035360.75</v>
      </c>
      <c r="H640" s="134">
        <v>-1591035360.75</v>
      </c>
      <c r="I640" s="134">
        <v>-1591035360.75</v>
      </c>
      <c r="J640" s="134">
        <v>-1591035360.75</v>
      </c>
      <c r="K640" s="134">
        <v>-1591035360.75</v>
      </c>
      <c r="L640" s="134">
        <v>-1591035360.75</v>
      </c>
      <c r="M640" s="134">
        <v>-1591035360.75</v>
      </c>
      <c r="N640" s="134">
        <v>-1591035360.75</v>
      </c>
      <c r="O640" s="134">
        <v>-1591035360.75</v>
      </c>
      <c r="P640" s="134">
        <v>-1591035360.75</v>
      </c>
      <c r="Q640" s="134">
        <v>-1591035360.75</v>
      </c>
      <c r="R640" s="134">
        <v>-1591035360.75</v>
      </c>
      <c r="S640" s="134">
        <v>-1591035360.75</v>
      </c>
      <c r="T640" s="134">
        <v>-1591035360.75</v>
      </c>
      <c r="U640" s="134">
        <v>-1591035360.75</v>
      </c>
      <c r="V640" s="134">
        <v>-1591035360.75</v>
      </c>
      <c r="W640" s="134">
        <v>-1591035360.75</v>
      </c>
      <c r="X640" s="134">
        <v>-1591035360.75</v>
      </c>
      <c r="Y640" s="134">
        <v>-1591035360.75</v>
      </c>
      <c r="Z640" s="134">
        <v>-1591035360.75</v>
      </c>
      <c r="AA640" s="134">
        <v>-1591035360.75</v>
      </c>
      <c r="AB640" s="134">
        <v>-1591035360.75</v>
      </c>
      <c r="AC640" s="134">
        <v>-1591035360.75</v>
      </c>
      <c r="AD640" s="134">
        <v>-1591035360.75</v>
      </c>
      <c r="AE640" s="134">
        <v>-1591035360.75</v>
      </c>
      <c r="AF640" s="134">
        <v>-1591035360.75</v>
      </c>
      <c r="AG640" s="134">
        <v>-1591035360.75</v>
      </c>
      <c r="AH640" s="134">
        <v>-1591035360.75</v>
      </c>
      <c r="AI640" s="134">
        <v>-1591035360.75</v>
      </c>
      <c r="AJ640" s="134">
        <v>-1591035360.75</v>
      </c>
      <c r="AK640" s="134">
        <v>-1591035360.75</v>
      </c>
      <c r="AL640" s="134">
        <v>-1591035360.75</v>
      </c>
      <c r="AM640" s="134">
        <v>-1591035360.75</v>
      </c>
      <c r="AN640" s="134">
        <v>-1591035360.75</v>
      </c>
      <c r="AO640" s="134">
        <v>-1591035360.75</v>
      </c>
      <c r="AP640" s="134">
        <v>-1591035360.75</v>
      </c>
      <c r="AQ640" s="134">
        <v>-1591035360.75</v>
      </c>
      <c r="AR640" s="134">
        <v>-1591035360.75</v>
      </c>
      <c r="AS640" s="134">
        <v>-1591035360.75</v>
      </c>
      <c r="AT640" s="134">
        <v>-1591035360.75</v>
      </c>
      <c r="AU640" s="134">
        <v>-1591035360.75</v>
      </c>
      <c r="AV640" s="134">
        <v>-1591035360.75</v>
      </c>
      <c r="AW640" s="134">
        <v>-1591035360.75</v>
      </c>
      <c r="AX640" s="134">
        <v>-1591035360.75</v>
      </c>
      <c r="AY640" s="134">
        <v>-1591035360.75</v>
      </c>
      <c r="AZ640" s="134">
        <v>-1591035360.75</v>
      </c>
      <c r="BA640" s="134">
        <v>-1591035360.75</v>
      </c>
    </row>
    <row r="641" spans="1:53">
      <c r="A641" s="52" t="s">
        <v>3148</v>
      </c>
    </row>
    <row r="642" spans="1:53">
      <c r="A642" s="57" t="s">
        <v>3149</v>
      </c>
    </row>
    <row r="643" spans="1:53">
      <c r="A643" s="58" t="s">
        <v>3150</v>
      </c>
      <c r="B643" s="53">
        <v>-186790</v>
      </c>
      <c r="C643" s="53">
        <v>-186790</v>
      </c>
      <c r="D643" s="53">
        <v>-186790</v>
      </c>
      <c r="E643" s="53">
        <v>-186790</v>
      </c>
      <c r="F643" s="53">
        <v>-186790</v>
      </c>
      <c r="G643" s="53">
        <v>-186790</v>
      </c>
      <c r="H643" s="53">
        <v>-186790</v>
      </c>
      <c r="I643" s="53">
        <v>-186790</v>
      </c>
      <c r="J643" s="53">
        <v>-186790</v>
      </c>
      <c r="K643" s="53">
        <v>-186790</v>
      </c>
      <c r="L643" s="53">
        <v>-186790</v>
      </c>
      <c r="M643" s="53">
        <v>-186790</v>
      </c>
      <c r="N643" s="53">
        <v>-186790</v>
      </c>
      <c r="O643" s="53">
        <v>-186790</v>
      </c>
      <c r="P643" s="53">
        <v>-186790</v>
      </c>
      <c r="Q643" s="53">
        <v>-186790</v>
      </c>
      <c r="R643" s="53">
        <v>-186790</v>
      </c>
      <c r="S643" s="53">
        <v>-186790</v>
      </c>
      <c r="T643" s="53">
        <v>-186790</v>
      </c>
      <c r="U643" s="53">
        <v>-186790</v>
      </c>
      <c r="V643" s="53">
        <v>-186790</v>
      </c>
      <c r="W643" s="53">
        <v>-186790</v>
      </c>
      <c r="X643" s="53">
        <v>-186790</v>
      </c>
      <c r="Y643" s="53">
        <v>-186790</v>
      </c>
      <c r="Z643" s="53">
        <v>-186790</v>
      </c>
      <c r="AA643" s="53">
        <v>-186790</v>
      </c>
      <c r="AB643" s="53">
        <v>-186790</v>
      </c>
      <c r="AC643" s="53">
        <v>-186790</v>
      </c>
      <c r="AD643" s="53">
        <v>-186790</v>
      </c>
      <c r="AE643" s="53">
        <v>-186790</v>
      </c>
      <c r="AF643" s="53">
        <v>-186790</v>
      </c>
      <c r="AG643" s="53">
        <v>-186790</v>
      </c>
      <c r="AH643" s="53">
        <v>-186790</v>
      </c>
      <c r="AI643" s="53">
        <v>-186790</v>
      </c>
      <c r="AJ643" s="53">
        <v>-186790</v>
      </c>
      <c r="AK643" s="53">
        <v>-186790</v>
      </c>
      <c r="AL643" s="53">
        <v>-186790</v>
      </c>
      <c r="AM643" s="53">
        <v>-186790</v>
      </c>
      <c r="AN643" s="53">
        <v>-186790</v>
      </c>
      <c r="AO643" s="53">
        <v>-186790</v>
      </c>
      <c r="AP643" s="53">
        <v>-186790</v>
      </c>
      <c r="AQ643" s="53">
        <v>-186790</v>
      </c>
      <c r="AR643" s="53">
        <v>-186790</v>
      </c>
      <c r="AS643" s="53">
        <v>-186790</v>
      </c>
      <c r="AT643" s="53">
        <v>-186790</v>
      </c>
      <c r="AU643" s="53">
        <v>-186790</v>
      </c>
      <c r="AV643" s="53">
        <v>-186790</v>
      </c>
      <c r="AW643" s="53">
        <v>-186790</v>
      </c>
      <c r="AX643" s="53">
        <v>-186790</v>
      </c>
      <c r="AY643" s="53">
        <v>-186790</v>
      </c>
      <c r="AZ643" s="53">
        <v>-186790</v>
      </c>
      <c r="BA643" s="53">
        <v>-186790</v>
      </c>
    </row>
    <row r="644" spans="1:53">
      <c r="A644" s="58" t="s">
        <v>3151</v>
      </c>
      <c r="B644" s="53">
        <v>0</v>
      </c>
      <c r="C644" s="53">
        <v>0</v>
      </c>
      <c r="D644" s="53">
        <v>0</v>
      </c>
      <c r="E644" s="53">
        <v>0</v>
      </c>
      <c r="F644" s="53">
        <v>0</v>
      </c>
      <c r="G644" s="53">
        <v>0</v>
      </c>
      <c r="H644" s="53">
        <v>0</v>
      </c>
      <c r="I644" s="53">
        <v>0</v>
      </c>
      <c r="J644" s="53">
        <v>0</v>
      </c>
      <c r="K644" s="53">
        <v>0</v>
      </c>
      <c r="L644" s="53">
        <v>0</v>
      </c>
      <c r="M644" s="53">
        <v>0</v>
      </c>
      <c r="N644" s="53">
        <v>0</v>
      </c>
      <c r="O644" s="53">
        <v>0</v>
      </c>
      <c r="P644" s="53">
        <v>0</v>
      </c>
      <c r="Q644" s="53">
        <v>0</v>
      </c>
      <c r="R644" s="53">
        <v>0</v>
      </c>
      <c r="S644" s="53">
        <v>0</v>
      </c>
      <c r="T644" s="53">
        <v>0</v>
      </c>
      <c r="U644" s="53">
        <v>0</v>
      </c>
      <c r="V644" s="53">
        <v>0</v>
      </c>
      <c r="W644" s="53">
        <v>0</v>
      </c>
      <c r="X644" s="53">
        <v>0</v>
      </c>
      <c r="Y644" s="53">
        <v>0</v>
      </c>
      <c r="Z644" s="53">
        <v>0</v>
      </c>
      <c r="AA644" s="53">
        <v>0</v>
      </c>
      <c r="AB644" s="53">
        <v>0</v>
      </c>
      <c r="AC644" s="53">
        <v>0</v>
      </c>
      <c r="AD644" s="53">
        <v>0</v>
      </c>
      <c r="AE644" s="53">
        <v>0</v>
      </c>
      <c r="AF644" s="53">
        <v>0</v>
      </c>
      <c r="AG644" s="53">
        <v>0</v>
      </c>
      <c r="AH644" s="53">
        <v>0</v>
      </c>
      <c r="AI644" s="53">
        <v>0</v>
      </c>
      <c r="AJ644" s="53">
        <v>0</v>
      </c>
      <c r="AK644" s="53">
        <v>0</v>
      </c>
      <c r="AL644" s="53">
        <v>0</v>
      </c>
      <c r="AM644" s="53">
        <v>0</v>
      </c>
      <c r="AN644" s="53">
        <v>0</v>
      </c>
      <c r="AO644" s="53">
        <v>0</v>
      </c>
      <c r="AP644" s="53">
        <v>0</v>
      </c>
      <c r="AQ644" s="53">
        <v>0</v>
      </c>
      <c r="AR644" s="53">
        <v>0</v>
      </c>
      <c r="AS644" s="53">
        <v>0</v>
      </c>
      <c r="AT644" s="53">
        <v>0</v>
      </c>
      <c r="AU644" s="53">
        <v>0</v>
      </c>
      <c r="AV644" s="53">
        <v>0</v>
      </c>
      <c r="AW644" s="53">
        <v>0</v>
      </c>
      <c r="AX644" s="53">
        <v>0</v>
      </c>
      <c r="AY644" s="53">
        <v>0</v>
      </c>
      <c r="AZ644" s="53">
        <v>0</v>
      </c>
      <c r="BA644" s="53">
        <v>0</v>
      </c>
    </row>
    <row r="645" spans="1:53">
      <c r="A645" s="58" t="s">
        <v>3152</v>
      </c>
      <c r="B645" s="53">
        <v>0</v>
      </c>
      <c r="C645" s="53">
        <v>0</v>
      </c>
      <c r="D645" s="53">
        <v>0</v>
      </c>
      <c r="E645" s="53">
        <v>0</v>
      </c>
      <c r="F645" s="53">
        <v>0</v>
      </c>
      <c r="G645" s="53">
        <v>0</v>
      </c>
      <c r="H645" s="53">
        <v>0</v>
      </c>
      <c r="I645" s="53">
        <v>0</v>
      </c>
      <c r="J645" s="53">
        <v>0</v>
      </c>
      <c r="K645" s="53">
        <v>0</v>
      </c>
      <c r="L645" s="53">
        <v>0</v>
      </c>
      <c r="M645" s="53">
        <v>0</v>
      </c>
      <c r="N645" s="53">
        <v>0</v>
      </c>
      <c r="O645" s="53">
        <v>0</v>
      </c>
      <c r="P645" s="53">
        <v>0</v>
      </c>
      <c r="Q645" s="53">
        <v>0</v>
      </c>
      <c r="R645" s="53">
        <v>0</v>
      </c>
      <c r="S645" s="53">
        <v>0</v>
      </c>
      <c r="T645" s="53">
        <v>0</v>
      </c>
      <c r="U645" s="53">
        <v>0</v>
      </c>
      <c r="V645" s="53">
        <v>0</v>
      </c>
      <c r="W645" s="53">
        <v>0</v>
      </c>
      <c r="X645" s="53">
        <v>0</v>
      </c>
      <c r="Y645" s="53">
        <v>0</v>
      </c>
      <c r="Z645" s="53">
        <v>0</v>
      </c>
      <c r="AA645" s="53">
        <v>0</v>
      </c>
      <c r="AB645" s="53">
        <v>0</v>
      </c>
      <c r="AC645" s="53">
        <v>0</v>
      </c>
      <c r="AD645" s="53">
        <v>0</v>
      </c>
      <c r="AE645" s="53">
        <v>0</v>
      </c>
      <c r="AF645" s="53">
        <v>0</v>
      </c>
      <c r="AG645" s="53">
        <v>0</v>
      </c>
      <c r="AH645" s="53">
        <v>0</v>
      </c>
      <c r="AI645" s="53">
        <v>0</v>
      </c>
      <c r="AJ645" s="53">
        <v>0</v>
      </c>
      <c r="AK645" s="53">
        <v>0</v>
      </c>
      <c r="AL645" s="53">
        <v>0</v>
      </c>
      <c r="AM645" s="53">
        <v>0</v>
      </c>
      <c r="AN645" s="53">
        <v>0</v>
      </c>
      <c r="AO645" s="53">
        <v>0</v>
      </c>
      <c r="AP645" s="53">
        <v>0</v>
      </c>
      <c r="AQ645" s="53">
        <v>0</v>
      </c>
      <c r="AR645" s="53">
        <v>0</v>
      </c>
      <c r="AS645" s="53">
        <v>0</v>
      </c>
      <c r="AT645" s="53">
        <v>0</v>
      </c>
      <c r="AU645" s="53">
        <v>0</v>
      </c>
      <c r="AV645" s="53">
        <v>0</v>
      </c>
      <c r="AW645" s="53">
        <v>0</v>
      </c>
      <c r="AX645" s="53">
        <v>0</v>
      </c>
      <c r="AY645" s="53">
        <v>0</v>
      </c>
      <c r="AZ645" s="53">
        <v>0</v>
      </c>
      <c r="BA645" s="53">
        <v>0</v>
      </c>
    </row>
    <row r="646" spans="1:53">
      <c r="A646" s="52" t="s">
        <v>3153</v>
      </c>
      <c r="B646" s="53">
        <v>-8509865587.60536</v>
      </c>
      <c r="C646" s="53">
        <v>-8560752828.89048</v>
      </c>
      <c r="D646" s="53">
        <v>-8602960946.0455208</v>
      </c>
      <c r="E646" s="53">
        <v>-8651981891.0786591</v>
      </c>
      <c r="F646" s="53">
        <v>-8729868465.6367607</v>
      </c>
      <c r="G646" s="53">
        <v>-8834996392.1612396</v>
      </c>
      <c r="H646" s="53">
        <v>-8938814152.0749798</v>
      </c>
      <c r="I646" s="53">
        <v>-9091664564.0413895</v>
      </c>
      <c r="J646" s="53">
        <v>-9185756563.8934402</v>
      </c>
      <c r="K646" s="53">
        <v>-9254115035.6654797</v>
      </c>
      <c r="L646" s="53">
        <v>-9290866290.9989204</v>
      </c>
      <c r="M646" s="53">
        <v>-9358107503.6660995</v>
      </c>
      <c r="N646" s="53">
        <v>-9358107503.6660995</v>
      </c>
      <c r="O646" s="53">
        <v>-9474300019.3460999</v>
      </c>
      <c r="P646" s="53">
        <v>-9514856092.6016006</v>
      </c>
      <c r="Q646" s="53">
        <v>-9545001108.1935501</v>
      </c>
      <c r="R646" s="53">
        <v>-9588278021.4655704</v>
      </c>
      <c r="S646" s="53">
        <v>-9659740186.72575</v>
      </c>
      <c r="T646" s="53">
        <v>-9747637974.6563606</v>
      </c>
      <c r="U646" s="53">
        <v>-9845329972.9381409</v>
      </c>
      <c r="V646" s="53">
        <v>-9991452547.5991802</v>
      </c>
      <c r="W646" s="53">
        <v>-10070617285.102501</v>
      </c>
      <c r="X646" s="53">
        <v>-10131414672.6038</v>
      </c>
      <c r="Y646" s="53">
        <v>-10158157175.052099</v>
      </c>
      <c r="Z646" s="53">
        <v>-10211113181.329901</v>
      </c>
      <c r="AA646" s="53">
        <v>-10211113181.329901</v>
      </c>
      <c r="AB646" s="53">
        <v>-10326397508.996599</v>
      </c>
      <c r="AC646" s="53">
        <v>-10366050645.637199</v>
      </c>
      <c r="AD646" s="53">
        <v>-10394619659.113001</v>
      </c>
      <c r="AE646" s="53">
        <v>-10436882511.6047</v>
      </c>
      <c r="AF646" s="53">
        <v>-10507827786.1276</v>
      </c>
      <c r="AG646" s="53">
        <v>-10546934359.4597</v>
      </c>
      <c r="AH646" s="53">
        <v>-10645671175.555099</v>
      </c>
      <c r="AI646" s="53">
        <v>-10792827929.4007</v>
      </c>
      <c r="AJ646" s="53">
        <v>-10872631898.070601</v>
      </c>
      <c r="AK646" s="53">
        <v>-10933854543.303101</v>
      </c>
      <c r="AL646" s="53">
        <v>-10960167838.248301</v>
      </c>
      <c r="AM646" s="53">
        <v>-11014704603.0186</v>
      </c>
      <c r="AN646" s="53">
        <v>-11014704603.0186</v>
      </c>
      <c r="AO646" s="53">
        <v>-11127333016.7227</v>
      </c>
      <c r="AP646" s="53">
        <v>-11167045140.6817</v>
      </c>
      <c r="AQ646" s="53">
        <v>-11194527309.7992</v>
      </c>
      <c r="AR646" s="53">
        <v>-11235285914.563299</v>
      </c>
      <c r="AS646" s="53">
        <v>-11305528232.555901</v>
      </c>
      <c r="AT646" s="53">
        <v>-11267496858.496201</v>
      </c>
      <c r="AU646" s="53">
        <v>-11363942964.4655</v>
      </c>
      <c r="AV646" s="53">
        <v>-11508897585.8459</v>
      </c>
      <c r="AW646" s="53">
        <v>-11587441310.053499</v>
      </c>
      <c r="AX646" s="53">
        <v>-11646846115.253</v>
      </c>
      <c r="AY646" s="53">
        <v>-11670946927.676001</v>
      </c>
      <c r="AZ646" s="53">
        <v>-11724306842.1381</v>
      </c>
      <c r="BA646" s="53">
        <v>-11724306842.1381</v>
      </c>
    </row>
    <row r="647" spans="1:53">
      <c r="A647" s="52" t="s">
        <v>3154</v>
      </c>
      <c r="B647" s="53">
        <v>0</v>
      </c>
      <c r="C647" s="53">
        <v>0</v>
      </c>
      <c r="D647" s="53">
        <v>0</v>
      </c>
      <c r="E647" s="53">
        <v>0</v>
      </c>
      <c r="F647" s="53">
        <v>0</v>
      </c>
      <c r="G647" s="53">
        <v>0</v>
      </c>
      <c r="H647" s="53">
        <v>0</v>
      </c>
      <c r="I647" s="53">
        <v>0</v>
      </c>
      <c r="J647" s="53">
        <v>0</v>
      </c>
      <c r="K647" s="53">
        <v>0</v>
      </c>
      <c r="L647" s="53">
        <v>0</v>
      </c>
      <c r="M647" s="53">
        <v>0</v>
      </c>
      <c r="N647" s="53">
        <v>0</v>
      </c>
      <c r="O647" s="53">
        <v>0</v>
      </c>
      <c r="P647" s="53">
        <v>0</v>
      </c>
      <c r="Q647" s="53">
        <v>0</v>
      </c>
      <c r="R647" s="53">
        <v>0</v>
      </c>
      <c r="S647" s="53">
        <v>0</v>
      </c>
      <c r="T647" s="53">
        <v>0</v>
      </c>
      <c r="U647" s="53">
        <v>0</v>
      </c>
      <c r="V647" s="53">
        <v>0</v>
      </c>
      <c r="W647" s="53">
        <v>0</v>
      </c>
      <c r="X647" s="53">
        <v>0</v>
      </c>
      <c r="Y647" s="53">
        <v>0</v>
      </c>
      <c r="Z647" s="53">
        <v>0</v>
      </c>
      <c r="AA647" s="53">
        <v>0</v>
      </c>
      <c r="AB647" s="53">
        <v>0</v>
      </c>
      <c r="AC647" s="53">
        <v>0</v>
      </c>
      <c r="AD647" s="53">
        <v>0</v>
      </c>
      <c r="AE647" s="53">
        <v>0</v>
      </c>
      <c r="AF647" s="53">
        <v>0</v>
      </c>
      <c r="AG647" s="53">
        <v>0</v>
      </c>
      <c r="AH647" s="53">
        <v>0</v>
      </c>
      <c r="AI647" s="53">
        <v>0</v>
      </c>
      <c r="AJ647" s="53">
        <v>0</v>
      </c>
      <c r="AK647" s="53">
        <v>0</v>
      </c>
      <c r="AL647" s="53">
        <v>0</v>
      </c>
      <c r="AM647" s="53">
        <v>0</v>
      </c>
      <c r="AN647" s="53">
        <v>0</v>
      </c>
      <c r="AO647" s="53">
        <v>0</v>
      </c>
      <c r="AP647" s="53">
        <v>0</v>
      </c>
      <c r="AQ647" s="53">
        <v>0</v>
      </c>
      <c r="AR647" s="53">
        <v>0</v>
      </c>
      <c r="AS647" s="53">
        <v>0</v>
      </c>
      <c r="AT647" s="53">
        <v>0</v>
      </c>
      <c r="AU647" s="53">
        <v>0</v>
      </c>
      <c r="AV647" s="53">
        <v>0</v>
      </c>
      <c r="AW647" s="53">
        <v>0</v>
      </c>
      <c r="AX647" s="53">
        <v>0</v>
      </c>
      <c r="AY647" s="53">
        <v>0</v>
      </c>
      <c r="AZ647" s="53">
        <v>0</v>
      </c>
      <c r="BA647" s="53">
        <v>0</v>
      </c>
    </row>
    <row r="648" spans="1:53">
      <c r="A648" s="52" t="s">
        <v>3155</v>
      </c>
      <c r="B648" s="53">
        <v>736991</v>
      </c>
      <c r="C648" s="53">
        <v>736991</v>
      </c>
      <c r="D648" s="53">
        <v>736991</v>
      </c>
      <c r="E648" s="53">
        <v>736991</v>
      </c>
      <c r="F648" s="53">
        <v>736991</v>
      </c>
      <c r="G648" s="53">
        <v>736991</v>
      </c>
      <c r="H648" s="53">
        <v>736991</v>
      </c>
      <c r="I648" s="53">
        <v>736991</v>
      </c>
      <c r="J648" s="53">
        <v>736991</v>
      </c>
      <c r="K648" s="53">
        <v>736991</v>
      </c>
      <c r="L648" s="53">
        <v>736991</v>
      </c>
      <c r="M648" s="53">
        <v>736991</v>
      </c>
      <c r="N648" s="53">
        <v>736991</v>
      </c>
      <c r="O648" s="53">
        <v>736991</v>
      </c>
      <c r="P648" s="53">
        <v>736991</v>
      </c>
      <c r="Q648" s="53">
        <v>736991</v>
      </c>
      <c r="R648" s="53">
        <v>736991</v>
      </c>
      <c r="S648" s="53">
        <v>736991</v>
      </c>
      <c r="T648" s="53">
        <v>736991</v>
      </c>
      <c r="U648" s="53">
        <v>736991</v>
      </c>
      <c r="V648" s="53">
        <v>736991</v>
      </c>
      <c r="W648" s="53">
        <v>736991</v>
      </c>
      <c r="X648" s="53">
        <v>736991</v>
      </c>
      <c r="Y648" s="53">
        <v>736991</v>
      </c>
      <c r="Z648" s="53">
        <v>736991</v>
      </c>
      <c r="AA648" s="53">
        <v>736991</v>
      </c>
      <c r="AB648" s="53">
        <v>736991</v>
      </c>
      <c r="AC648" s="53">
        <v>736991</v>
      </c>
      <c r="AD648" s="53">
        <v>736991</v>
      </c>
      <c r="AE648" s="53">
        <v>736991</v>
      </c>
      <c r="AF648" s="53">
        <v>736991</v>
      </c>
      <c r="AG648" s="53">
        <v>736991</v>
      </c>
      <c r="AH648" s="53">
        <v>736991</v>
      </c>
      <c r="AI648" s="53">
        <v>736991</v>
      </c>
      <c r="AJ648" s="53">
        <v>736991</v>
      </c>
      <c r="AK648" s="53">
        <v>736991</v>
      </c>
      <c r="AL648" s="53">
        <v>736991</v>
      </c>
      <c r="AM648" s="53">
        <v>736991</v>
      </c>
      <c r="AN648" s="53">
        <v>736991</v>
      </c>
      <c r="AO648" s="53">
        <v>736991</v>
      </c>
      <c r="AP648" s="53">
        <v>736991</v>
      </c>
      <c r="AQ648" s="53">
        <v>736991</v>
      </c>
      <c r="AR648" s="53">
        <v>736991</v>
      </c>
      <c r="AS648" s="53">
        <v>736991</v>
      </c>
      <c r="AT648" s="53">
        <v>736991</v>
      </c>
      <c r="AU648" s="53">
        <v>736991</v>
      </c>
      <c r="AV648" s="53">
        <v>736991</v>
      </c>
      <c r="AW648" s="53">
        <v>736991</v>
      </c>
      <c r="AX648" s="53">
        <v>736991</v>
      </c>
      <c r="AY648" s="53">
        <v>736991</v>
      </c>
      <c r="AZ648" s="53">
        <v>736991</v>
      </c>
      <c r="BA648" s="53">
        <v>736991</v>
      </c>
    </row>
    <row r="649" spans="1:53">
      <c r="A649" s="52" t="s">
        <v>3156</v>
      </c>
      <c r="B649" s="53">
        <v>-226299.899998935</v>
      </c>
      <c r="C649" s="53">
        <v>-226299.899998935</v>
      </c>
      <c r="D649" s="53">
        <v>-226299.899998935</v>
      </c>
      <c r="E649" s="53">
        <v>-226299.899998935</v>
      </c>
      <c r="F649" s="53">
        <v>-226299.899998935</v>
      </c>
      <c r="G649" s="53">
        <v>-226299.899998935</v>
      </c>
      <c r="H649" s="53">
        <v>-226299.899998935</v>
      </c>
      <c r="I649" s="53">
        <v>-226299.899998935</v>
      </c>
      <c r="J649" s="53">
        <v>-226299.899998935</v>
      </c>
      <c r="K649" s="53">
        <v>-226299.899998935</v>
      </c>
      <c r="L649" s="53">
        <v>-226299.899998935</v>
      </c>
      <c r="M649" s="53">
        <v>-226299.899998935</v>
      </c>
      <c r="N649" s="53">
        <v>-226299.899998935</v>
      </c>
      <c r="O649" s="53">
        <v>-226299.899998935</v>
      </c>
      <c r="P649" s="53">
        <v>-226299.899998935</v>
      </c>
      <c r="Q649" s="53">
        <v>-226299.899998935</v>
      </c>
      <c r="R649" s="53">
        <v>-226299.899998935</v>
      </c>
      <c r="S649" s="53">
        <v>-226299.899998935</v>
      </c>
      <c r="T649" s="53">
        <v>-226299.899998935</v>
      </c>
      <c r="U649" s="53">
        <v>-226299.899998935</v>
      </c>
      <c r="V649" s="53">
        <v>-226299.899998935</v>
      </c>
      <c r="W649" s="53">
        <v>-226299.899998935</v>
      </c>
      <c r="X649" s="53">
        <v>-226299.899998935</v>
      </c>
      <c r="Y649" s="53">
        <v>-226299.899998935</v>
      </c>
      <c r="Z649" s="53">
        <v>-226299.899998935</v>
      </c>
      <c r="AA649" s="53">
        <v>-226299.899998935</v>
      </c>
      <c r="AB649" s="53">
        <v>-226299.899998935</v>
      </c>
      <c r="AC649" s="53">
        <v>-226299.899998935</v>
      </c>
      <c r="AD649" s="53">
        <v>-226299.899998935</v>
      </c>
      <c r="AE649" s="53">
        <v>-226299.899998935</v>
      </c>
      <c r="AF649" s="53">
        <v>-226299.899998935</v>
      </c>
      <c r="AG649" s="53">
        <v>-226299.899998935</v>
      </c>
      <c r="AH649" s="53">
        <v>-226299.899998935</v>
      </c>
      <c r="AI649" s="53">
        <v>-226299.899998935</v>
      </c>
      <c r="AJ649" s="53">
        <v>-226299.899998935</v>
      </c>
      <c r="AK649" s="53">
        <v>-226299.899998935</v>
      </c>
      <c r="AL649" s="53">
        <v>-226299.899998935</v>
      </c>
      <c r="AM649" s="53">
        <v>-226299.899998935</v>
      </c>
      <c r="AN649" s="53">
        <v>-226299.899998935</v>
      </c>
      <c r="AO649" s="53">
        <v>-226299.899998935</v>
      </c>
      <c r="AP649" s="53">
        <v>-226299.899998935</v>
      </c>
      <c r="AQ649" s="53">
        <v>-226299.899998935</v>
      </c>
      <c r="AR649" s="53">
        <v>-226299.899998935</v>
      </c>
      <c r="AS649" s="53">
        <v>-226299.899998935</v>
      </c>
      <c r="AT649" s="53">
        <v>-226299.899998935</v>
      </c>
      <c r="AU649" s="53">
        <v>-226299.899998935</v>
      </c>
      <c r="AV649" s="53">
        <v>-226299.899998935</v>
      </c>
      <c r="AW649" s="53">
        <v>-226299.899998935</v>
      </c>
      <c r="AX649" s="53">
        <v>-226299.899998935</v>
      </c>
      <c r="AY649" s="53">
        <v>-226299.899998935</v>
      </c>
      <c r="AZ649" s="53">
        <v>-226299.899998935</v>
      </c>
      <c r="BA649" s="53">
        <v>-226299.899998935</v>
      </c>
    </row>
    <row r="650" spans="1:53">
      <c r="A650" s="52" t="s">
        <v>3157</v>
      </c>
      <c r="B650" s="53">
        <v>215889267.34</v>
      </c>
      <c r="C650" s="53">
        <v>215889267.34</v>
      </c>
      <c r="D650" s="53">
        <v>215889267.34</v>
      </c>
      <c r="E650" s="53">
        <v>215889267.34</v>
      </c>
      <c r="F650" s="53">
        <v>215889267.34</v>
      </c>
      <c r="G650" s="53">
        <v>215889267.34</v>
      </c>
      <c r="H650" s="53">
        <v>215889267.34</v>
      </c>
      <c r="I650" s="53">
        <v>215889267.34</v>
      </c>
      <c r="J650" s="53">
        <v>215889267.34</v>
      </c>
      <c r="K650" s="53">
        <v>215889267.34</v>
      </c>
      <c r="L650" s="53">
        <v>215889267.34</v>
      </c>
      <c r="M650" s="53">
        <v>215889267.34</v>
      </c>
      <c r="N650" s="53">
        <v>215889267.34</v>
      </c>
      <c r="O650" s="53">
        <v>215889267.34</v>
      </c>
      <c r="P650" s="53">
        <v>215889267.34</v>
      </c>
      <c r="Q650" s="53">
        <v>215889267.34</v>
      </c>
      <c r="R650" s="53">
        <v>215889267.34</v>
      </c>
      <c r="S650" s="53">
        <v>215889267.34</v>
      </c>
      <c r="T650" s="53">
        <v>215889267.34</v>
      </c>
      <c r="U650" s="53">
        <v>215889267.34</v>
      </c>
      <c r="V650" s="53">
        <v>215889267.34</v>
      </c>
      <c r="W650" s="53">
        <v>215889267.34</v>
      </c>
      <c r="X650" s="53">
        <v>215889267.34</v>
      </c>
      <c r="Y650" s="53">
        <v>215889267.34</v>
      </c>
      <c r="Z650" s="53">
        <v>215889267.34</v>
      </c>
      <c r="AA650" s="53">
        <v>215889267.34</v>
      </c>
      <c r="AB650" s="53">
        <v>215889267.34</v>
      </c>
      <c r="AC650" s="53">
        <v>215889267.34</v>
      </c>
      <c r="AD650" s="53">
        <v>215889267.34</v>
      </c>
      <c r="AE650" s="53">
        <v>215889267.34</v>
      </c>
      <c r="AF650" s="53">
        <v>215889267.34</v>
      </c>
      <c r="AG650" s="53">
        <v>215889267.34</v>
      </c>
      <c r="AH650" s="53">
        <v>215889267.34</v>
      </c>
      <c r="AI650" s="53">
        <v>215889267.34</v>
      </c>
      <c r="AJ650" s="53">
        <v>215889267.34</v>
      </c>
      <c r="AK650" s="53">
        <v>215889267.34</v>
      </c>
      <c r="AL650" s="53">
        <v>215889267.34</v>
      </c>
      <c r="AM650" s="53">
        <v>215889267.34</v>
      </c>
      <c r="AN650" s="53">
        <v>215889267.34</v>
      </c>
      <c r="AO650" s="53">
        <v>215889267.34</v>
      </c>
      <c r="AP650" s="53">
        <v>215889267.34</v>
      </c>
      <c r="AQ650" s="53">
        <v>215889267.34</v>
      </c>
      <c r="AR650" s="53">
        <v>215889267.34</v>
      </c>
      <c r="AS650" s="53">
        <v>215889267.34</v>
      </c>
      <c r="AT650" s="53">
        <v>215889267.34</v>
      </c>
      <c r="AU650" s="53">
        <v>215889267.34</v>
      </c>
      <c r="AV650" s="53">
        <v>215889267.34</v>
      </c>
      <c r="AW650" s="53">
        <v>215889267.34</v>
      </c>
      <c r="AX650" s="53">
        <v>215889267.34</v>
      </c>
      <c r="AY650" s="53">
        <v>215889267.34</v>
      </c>
      <c r="AZ650" s="53">
        <v>215889267.34</v>
      </c>
      <c r="BA650" s="53">
        <v>215889267.34</v>
      </c>
    </row>
    <row r="651" spans="1:53">
      <c r="A651" s="52" t="s">
        <v>3158</v>
      </c>
      <c r="B651" s="53">
        <v>-215889267.33000299</v>
      </c>
      <c r="C651" s="53">
        <v>-215889267.33000299</v>
      </c>
      <c r="D651" s="53">
        <v>-215889267.33000299</v>
      </c>
      <c r="E651" s="53">
        <v>-215889267.33000299</v>
      </c>
      <c r="F651" s="53">
        <v>-215889267.33000299</v>
      </c>
      <c r="G651" s="53">
        <v>-215889267.33000299</v>
      </c>
      <c r="H651" s="53">
        <v>-215889267.33000299</v>
      </c>
      <c r="I651" s="53">
        <v>-215889267.33000299</v>
      </c>
      <c r="J651" s="53">
        <v>-215889267.33000299</v>
      </c>
      <c r="K651" s="53">
        <v>-215889267.33000299</v>
      </c>
      <c r="L651" s="53">
        <v>-215889267.33000299</v>
      </c>
      <c r="M651" s="53">
        <v>-215889267.33000299</v>
      </c>
      <c r="N651" s="53">
        <v>-215889267.33000299</v>
      </c>
      <c r="O651" s="53">
        <v>-215889267.33000299</v>
      </c>
      <c r="P651" s="53">
        <v>-215889267.33000299</v>
      </c>
      <c r="Q651" s="53">
        <v>-215889267.33000299</v>
      </c>
      <c r="R651" s="53">
        <v>-215889267.33000299</v>
      </c>
      <c r="S651" s="53">
        <v>-215889267.33000299</v>
      </c>
      <c r="T651" s="53">
        <v>-215889267.33000299</v>
      </c>
      <c r="U651" s="53">
        <v>-215889267.33000299</v>
      </c>
      <c r="V651" s="53">
        <v>-215889267.33000299</v>
      </c>
      <c r="W651" s="53">
        <v>-215889267.33000299</v>
      </c>
      <c r="X651" s="53">
        <v>-215889267.33000299</v>
      </c>
      <c r="Y651" s="53">
        <v>-215889267.33000299</v>
      </c>
      <c r="Z651" s="53">
        <v>-215889267.33000299</v>
      </c>
      <c r="AA651" s="53">
        <v>-215889267.33000299</v>
      </c>
      <c r="AB651" s="53">
        <v>-215889267.33000299</v>
      </c>
      <c r="AC651" s="53">
        <v>-215889267.33000299</v>
      </c>
      <c r="AD651" s="53">
        <v>-215889267.33000299</v>
      </c>
      <c r="AE651" s="53">
        <v>-215889267.33000299</v>
      </c>
      <c r="AF651" s="53">
        <v>-215889267.33000299</v>
      </c>
      <c r="AG651" s="53">
        <v>-215889267.33000299</v>
      </c>
      <c r="AH651" s="53">
        <v>-215889267.33000299</v>
      </c>
      <c r="AI651" s="53">
        <v>-215889267.33000299</v>
      </c>
      <c r="AJ651" s="53">
        <v>-215889267.33000299</v>
      </c>
      <c r="AK651" s="53">
        <v>-215889267.33000299</v>
      </c>
      <c r="AL651" s="53">
        <v>-215889267.33000299</v>
      </c>
      <c r="AM651" s="53">
        <v>-215889267.33000299</v>
      </c>
      <c r="AN651" s="53">
        <v>-215889267.33000299</v>
      </c>
      <c r="AO651" s="53">
        <v>-215889267.33000299</v>
      </c>
      <c r="AP651" s="53">
        <v>-215889267.33000299</v>
      </c>
      <c r="AQ651" s="53">
        <v>-215889267.33000299</v>
      </c>
      <c r="AR651" s="53">
        <v>-215889267.33000299</v>
      </c>
      <c r="AS651" s="53">
        <v>-215889267.33000299</v>
      </c>
      <c r="AT651" s="53">
        <v>-215889267.33000299</v>
      </c>
      <c r="AU651" s="53">
        <v>-215889267.33000299</v>
      </c>
      <c r="AV651" s="53">
        <v>-215889267.33000299</v>
      </c>
      <c r="AW651" s="53">
        <v>-215889267.33000299</v>
      </c>
      <c r="AX651" s="53">
        <v>-215889267.33000299</v>
      </c>
      <c r="AY651" s="53">
        <v>-215889267.33000299</v>
      </c>
      <c r="AZ651" s="53">
        <v>-215889267.33000299</v>
      </c>
      <c r="BA651" s="53">
        <v>-215889267.33000299</v>
      </c>
    </row>
    <row r="652" spans="1:53">
      <c r="A652" s="58" t="s">
        <v>3159</v>
      </c>
      <c r="B652" s="134">
        <v>-8509541686.4953604</v>
      </c>
      <c r="C652" s="134">
        <v>-8560428927.7804804</v>
      </c>
      <c r="D652" s="134">
        <v>-8602637044.9355202</v>
      </c>
      <c r="E652" s="134">
        <v>-8651657989.9686604</v>
      </c>
      <c r="F652" s="134">
        <v>-8729544564.5267601</v>
      </c>
      <c r="G652" s="134">
        <v>-8834672491.0512409</v>
      </c>
      <c r="H652" s="134">
        <v>-8938490250.9649792</v>
      </c>
      <c r="I652" s="134">
        <v>-9091340662.9313908</v>
      </c>
      <c r="J652" s="134">
        <v>-9185432662.7834492</v>
      </c>
      <c r="K652" s="134">
        <v>-9253791134.555479</v>
      </c>
      <c r="L652" s="134">
        <v>-9290542389.8889294</v>
      </c>
      <c r="M652" s="134">
        <v>-9357783602.5561008</v>
      </c>
      <c r="N652" s="134">
        <v>-9357783602.5561008</v>
      </c>
      <c r="O652" s="134">
        <v>-9473976118.2360992</v>
      </c>
      <c r="P652" s="134">
        <v>-9514532191.4916</v>
      </c>
      <c r="Q652" s="134">
        <v>-9544677207.0835495</v>
      </c>
      <c r="R652" s="134">
        <v>-9587954120.3555698</v>
      </c>
      <c r="S652" s="134">
        <v>-9659416285.6157494</v>
      </c>
      <c r="T652" s="134">
        <v>-9747314073.54636</v>
      </c>
      <c r="U652" s="134">
        <v>-9845006071.8281403</v>
      </c>
      <c r="V652" s="134">
        <v>-9991128646.4891796</v>
      </c>
      <c r="W652" s="134">
        <v>-10070293383.9925</v>
      </c>
      <c r="X652" s="134">
        <v>-10131090771.493799</v>
      </c>
      <c r="Y652" s="134">
        <v>-10157833273.942101</v>
      </c>
      <c r="Z652" s="134">
        <v>-10210789280.2199</v>
      </c>
      <c r="AA652" s="134">
        <v>-10210789280.2199</v>
      </c>
      <c r="AB652" s="134">
        <v>-10326073607.8866</v>
      </c>
      <c r="AC652" s="134">
        <v>-10365726744.527201</v>
      </c>
      <c r="AD652" s="134">
        <v>-10394295758.003</v>
      </c>
      <c r="AE652" s="134">
        <v>-10436558610.494699</v>
      </c>
      <c r="AF652" s="134">
        <v>-10507503885.017599</v>
      </c>
      <c r="AG652" s="134">
        <v>-10546610458.349701</v>
      </c>
      <c r="AH652" s="134">
        <v>-10645347274.445101</v>
      </c>
      <c r="AI652" s="134">
        <v>-10792504028.290701</v>
      </c>
      <c r="AJ652" s="134">
        <v>-10872307996.9606</v>
      </c>
      <c r="AK652" s="134">
        <v>-10933530642.1931</v>
      </c>
      <c r="AL652" s="134">
        <v>-10959843937.1383</v>
      </c>
      <c r="AM652" s="134">
        <v>-11014380701.9086</v>
      </c>
      <c r="AN652" s="134">
        <v>-11014380701.9086</v>
      </c>
      <c r="AO652" s="134">
        <v>-11127009115.6127</v>
      </c>
      <c r="AP652" s="134">
        <v>-11166721239.571699</v>
      </c>
      <c r="AQ652" s="134">
        <v>-11194203408.689199</v>
      </c>
      <c r="AR652" s="134">
        <v>-11234962013.4533</v>
      </c>
      <c r="AS652" s="134">
        <v>-11305204331.4459</v>
      </c>
      <c r="AT652" s="134">
        <v>-11267172957.3862</v>
      </c>
      <c r="AU652" s="134">
        <v>-11363619063.355499</v>
      </c>
      <c r="AV652" s="134">
        <v>-11508573684.735901</v>
      </c>
      <c r="AW652" s="134">
        <v>-11587117408.943501</v>
      </c>
      <c r="AX652" s="134">
        <v>-11646522214.143</v>
      </c>
      <c r="AY652" s="134">
        <v>-11670623026.566</v>
      </c>
      <c r="AZ652" s="134">
        <v>-11723982941.028099</v>
      </c>
      <c r="BA652" s="134">
        <v>-11723982941.028099</v>
      </c>
    </row>
    <row r="653" spans="1:53">
      <c r="A653" s="52" t="s">
        <v>3160</v>
      </c>
    </row>
    <row r="654" spans="1:53">
      <c r="A654" s="57" t="s">
        <v>3161</v>
      </c>
    </row>
    <row r="655" spans="1:53">
      <c r="A655" s="52" t="s">
        <v>3162</v>
      </c>
      <c r="B655" s="53">
        <v>0</v>
      </c>
      <c r="C655" s="53">
        <v>0</v>
      </c>
      <c r="D655" s="53">
        <v>0</v>
      </c>
      <c r="E655" s="53">
        <v>0</v>
      </c>
      <c r="F655" s="53">
        <v>0</v>
      </c>
      <c r="G655" s="53">
        <v>0</v>
      </c>
      <c r="H655" s="53">
        <v>0</v>
      </c>
      <c r="I655" s="53">
        <v>0</v>
      </c>
      <c r="J655" s="53">
        <v>0</v>
      </c>
      <c r="K655" s="53">
        <v>0</v>
      </c>
      <c r="L655" s="53">
        <v>0</v>
      </c>
      <c r="M655" s="53">
        <v>0</v>
      </c>
      <c r="N655" s="53">
        <v>0</v>
      </c>
      <c r="O655" s="53">
        <v>0</v>
      </c>
      <c r="P655" s="53">
        <v>0</v>
      </c>
      <c r="Q655" s="53">
        <v>0</v>
      </c>
      <c r="R655" s="53">
        <v>0</v>
      </c>
      <c r="S655" s="53">
        <v>0</v>
      </c>
      <c r="T655" s="53">
        <v>0</v>
      </c>
      <c r="U655" s="53">
        <v>0</v>
      </c>
      <c r="V655" s="53">
        <v>0</v>
      </c>
      <c r="W655" s="53">
        <v>0</v>
      </c>
      <c r="X655" s="53">
        <v>0</v>
      </c>
      <c r="Y655" s="53">
        <v>0</v>
      </c>
      <c r="Z655" s="53">
        <v>0</v>
      </c>
      <c r="AA655" s="53">
        <v>0</v>
      </c>
      <c r="AB655" s="53">
        <v>0</v>
      </c>
      <c r="AC655" s="53">
        <v>0</v>
      </c>
      <c r="AD655" s="53">
        <v>0</v>
      </c>
      <c r="AE655" s="53">
        <v>0</v>
      </c>
      <c r="AF655" s="53">
        <v>0</v>
      </c>
      <c r="AG655" s="53">
        <v>0</v>
      </c>
      <c r="AH655" s="53">
        <v>0</v>
      </c>
      <c r="AI655" s="53">
        <v>0</v>
      </c>
      <c r="AJ655" s="53">
        <v>0</v>
      </c>
      <c r="AK655" s="53">
        <v>0</v>
      </c>
      <c r="AL655" s="53">
        <v>0</v>
      </c>
      <c r="AM655" s="53">
        <v>0</v>
      </c>
      <c r="AN655" s="53">
        <v>0</v>
      </c>
      <c r="AO655" s="53">
        <v>0</v>
      </c>
      <c r="AP655" s="53">
        <v>0</v>
      </c>
      <c r="AQ655" s="53">
        <v>0</v>
      </c>
      <c r="AR655" s="53">
        <v>0</v>
      </c>
      <c r="AS655" s="53">
        <v>0</v>
      </c>
      <c r="AT655" s="53">
        <v>0</v>
      </c>
      <c r="AU655" s="53">
        <v>0</v>
      </c>
      <c r="AV655" s="53">
        <v>0</v>
      </c>
      <c r="AW655" s="53">
        <v>0</v>
      </c>
      <c r="AX655" s="53">
        <v>0</v>
      </c>
      <c r="AY655" s="53">
        <v>0</v>
      </c>
      <c r="AZ655" s="53">
        <v>0</v>
      </c>
      <c r="BA655" s="53">
        <v>0</v>
      </c>
    </row>
    <row r="656" spans="1:53">
      <c r="A656" s="52" t="s">
        <v>3163</v>
      </c>
      <c r="B656" s="53">
        <v>0</v>
      </c>
      <c r="C656" s="53">
        <v>0</v>
      </c>
      <c r="D656" s="53">
        <v>0</v>
      </c>
      <c r="E656" s="53">
        <v>0</v>
      </c>
      <c r="F656" s="53">
        <v>0</v>
      </c>
      <c r="G656" s="53">
        <v>0</v>
      </c>
      <c r="H656" s="53">
        <v>0</v>
      </c>
      <c r="I656" s="53">
        <v>0</v>
      </c>
      <c r="J656" s="53">
        <v>0</v>
      </c>
      <c r="K656" s="53">
        <v>0</v>
      </c>
      <c r="L656" s="53">
        <v>0</v>
      </c>
      <c r="M656" s="53">
        <v>0</v>
      </c>
      <c r="N656" s="53">
        <v>0</v>
      </c>
      <c r="O656" s="53">
        <v>0</v>
      </c>
      <c r="P656" s="53">
        <v>0</v>
      </c>
      <c r="Q656" s="53">
        <v>0</v>
      </c>
      <c r="R656" s="53">
        <v>0</v>
      </c>
      <c r="S656" s="53">
        <v>0</v>
      </c>
      <c r="T656" s="53">
        <v>0</v>
      </c>
      <c r="U656" s="53">
        <v>0</v>
      </c>
      <c r="V656" s="53">
        <v>0</v>
      </c>
      <c r="W656" s="53">
        <v>0</v>
      </c>
      <c r="X656" s="53">
        <v>0</v>
      </c>
      <c r="Y656" s="53">
        <v>0</v>
      </c>
      <c r="Z656" s="53">
        <v>0</v>
      </c>
      <c r="AA656" s="53">
        <v>0</v>
      </c>
      <c r="AB656" s="53">
        <v>0</v>
      </c>
      <c r="AC656" s="53">
        <v>0</v>
      </c>
      <c r="AD656" s="53">
        <v>0</v>
      </c>
      <c r="AE656" s="53">
        <v>0</v>
      </c>
      <c r="AF656" s="53">
        <v>0</v>
      </c>
      <c r="AG656" s="53">
        <v>0</v>
      </c>
      <c r="AH656" s="53">
        <v>0</v>
      </c>
      <c r="AI656" s="53">
        <v>0</v>
      </c>
      <c r="AJ656" s="53">
        <v>0</v>
      </c>
      <c r="AK656" s="53">
        <v>0</v>
      </c>
      <c r="AL656" s="53">
        <v>0</v>
      </c>
      <c r="AM656" s="53">
        <v>0</v>
      </c>
      <c r="AN656" s="53">
        <v>0</v>
      </c>
      <c r="AO656" s="53">
        <v>0</v>
      </c>
      <c r="AP656" s="53">
        <v>0</v>
      </c>
      <c r="AQ656" s="53">
        <v>0</v>
      </c>
      <c r="AR656" s="53">
        <v>0</v>
      </c>
      <c r="AS656" s="53">
        <v>0</v>
      </c>
      <c r="AT656" s="53">
        <v>0</v>
      </c>
      <c r="AU656" s="53">
        <v>0</v>
      </c>
      <c r="AV656" s="53">
        <v>0</v>
      </c>
      <c r="AW656" s="53">
        <v>0</v>
      </c>
      <c r="AX656" s="53">
        <v>0</v>
      </c>
      <c r="AY656" s="53">
        <v>0</v>
      </c>
      <c r="AZ656" s="53">
        <v>0</v>
      </c>
      <c r="BA656" s="53">
        <v>0</v>
      </c>
    </row>
    <row r="657" spans="1:53">
      <c r="A657" s="52" t="s">
        <v>3164</v>
      </c>
      <c r="B657" s="53">
        <v>0</v>
      </c>
      <c r="C657" s="53">
        <v>0</v>
      </c>
      <c r="D657" s="53">
        <v>0</v>
      </c>
      <c r="E657" s="53">
        <v>0</v>
      </c>
      <c r="F657" s="53">
        <v>0</v>
      </c>
      <c r="G657" s="53">
        <v>0</v>
      </c>
      <c r="H657" s="53">
        <v>0</v>
      </c>
      <c r="I657" s="53">
        <v>0</v>
      </c>
      <c r="J657" s="53">
        <v>0</v>
      </c>
      <c r="K657" s="53">
        <v>0</v>
      </c>
      <c r="L657" s="53">
        <v>0</v>
      </c>
      <c r="M657" s="53">
        <v>0</v>
      </c>
      <c r="N657" s="53">
        <v>0</v>
      </c>
      <c r="O657" s="53">
        <v>0</v>
      </c>
      <c r="P657" s="53">
        <v>0</v>
      </c>
      <c r="Q657" s="53">
        <v>0</v>
      </c>
      <c r="R657" s="53">
        <v>0</v>
      </c>
      <c r="S657" s="53">
        <v>0</v>
      </c>
      <c r="T657" s="53">
        <v>0</v>
      </c>
      <c r="U657" s="53">
        <v>0</v>
      </c>
      <c r="V657" s="53">
        <v>0</v>
      </c>
      <c r="W657" s="53">
        <v>0</v>
      </c>
      <c r="X657" s="53">
        <v>0</v>
      </c>
      <c r="Y657" s="53">
        <v>0</v>
      </c>
      <c r="Z657" s="53">
        <v>0</v>
      </c>
      <c r="AA657" s="53">
        <v>0</v>
      </c>
      <c r="AB657" s="53">
        <v>0</v>
      </c>
      <c r="AC657" s="53">
        <v>0</v>
      </c>
      <c r="AD657" s="53">
        <v>0</v>
      </c>
      <c r="AE657" s="53">
        <v>0</v>
      </c>
      <c r="AF657" s="53">
        <v>0</v>
      </c>
      <c r="AG657" s="53">
        <v>0</v>
      </c>
      <c r="AH657" s="53">
        <v>0</v>
      </c>
      <c r="AI657" s="53">
        <v>0</v>
      </c>
      <c r="AJ657" s="53">
        <v>0</v>
      </c>
      <c r="AK657" s="53">
        <v>0</v>
      </c>
      <c r="AL657" s="53">
        <v>0</v>
      </c>
      <c r="AM657" s="53">
        <v>0</v>
      </c>
      <c r="AN657" s="53">
        <v>0</v>
      </c>
      <c r="AO657" s="53">
        <v>0</v>
      </c>
      <c r="AP657" s="53">
        <v>0</v>
      </c>
      <c r="AQ657" s="53">
        <v>0</v>
      </c>
      <c r="AR657" s="53">
        <v>0</v>
      </c>
      <c r="AS657" s="53">
        <v>0</v>
      </c>
      <c r="AT657" s="53">
        <v>0</v>
      </c>
      <c r="AU657" s="53">
        <v>0</v>
      </c>
      <c r="AV657" s="53">
        <v>0</v>
      </c>
      <c r="AW657" s="53">
        <v>0</v>
      </c>
      <c r="AX657" s="53">
        <v>0</v>
      </c>
      <c r="AY657" s="53">
        <v>0</v>
      </c>
      <c r="AZ657" s="53">
        <v>0</v>
      </c>
      <c r="BA657" s="53">
        <v>0</v>
      </c>
    </row>
    <row r="658" spans="1:53">
      <c r="A658" s="52" t="s">
        <v>3165</v>
      </c>
      <c r="B658" s="53">
        <v>0</v>
      </c>
      <c r="C658" s="53">
        <v>0</v>
      </c>
      <c r="D658" s="53">
        <v>0</v>
      </c>
      <c r="E658" s="53">
        <v>0</v>
      </c>
      <c r="F658" s="53">
        <v>0</v>
      </c>
      <c r="G658" s="53">
        <v>0</v>
      </c>
      <c r="H658" s="53">
        <v>0</v>
      </c>
      <c r="I658" s="53">
        <v>0</v>
      </c>
      <c r="J658" s="53">
        <v>0</v>
      </c>
      <c r="K658" s="53">
        <v>0</v>
      </c>
      <c r="L658" s="53">
        <v>0</v>
      </c>
      <c r="M658" s="53">
        <v>0</v>
      </c>
      <c r="N658" s="53">
        <v>0</v>
      </c>
      <c r="O658" s="53">
        <v>0</v>
      </c>
      <c r="P658" s="53">
        <v>0</v>
      </c>
      <c r="Q658" s="53">
        <v>0</v>
      </c>
      <c r="R658" s="53">
        <v>0</v>
      </c>
      <c r="S658" s="53">
        <v>0</v>
      </c>
      <c r="T658" s="53">
        <v>0</v>
      </c>
      <c r="U658" s="53">
        <v>0</v>
      </c>
      <c r="V658" s="53">
        <v>0</v>
      </c>
      <c r="W658" s="53">
        <v>0</v>
      </c>
      <c r="X658" s="53">
        <v>0</v>
      </c>
      <c r="Y658" s="53">
        <v>0</v>
      </c>
      <c r="Z658" s="53">
        <v>0</v>
      </c>
      <c r="AA658" s="53">
        <v>0</v>
      </c>
      <c r="AB658" s="53">
        <v>0</v>
      </c>
      <c r="AC658" s="53">
        <v>0</v>
      </c>
      <c r="AD658" s="53">
        <v>0</v>
      </c>
      <c r="AE658" s="53">
        <v>0</v>
      </c>
      <c r="AF658" s="53">
        <v>0</v>
      </c>
      <c r="AG658" s="53">
        <v>0</v>
      </c>
      <c r="AH658" s="53">
        <v>0</v>
      </c>
      <c r="AI658" s="53">
        <v>0</v>
      </c>
      <c r="AJ658" s="53">
        <v>0</v>
      </c>
      <c r="AK658" s="53">
        <v>0</v>
      </c>
      <c r="AL658" s="53">
        <v>0</v>
      </c>
      <c r="AM658" s="53">
        <v>0</v>
      </c>
      <c r="AN658" s="53">
        <v>0</v>
      </c>
      <c r="AO658" s="53">
        <v>0</v>
      </c>
      <c r="AP658" s="53">
        <v>0</v>
      </c>
      <c r="AQ658" s="53">
        <v>0</v>
      </c>
      <c r="AR658" s="53">
        <v>0</v>
      </c>
      <c r="AS658" s="53">
        <v>0</v>
      </c>
      <c r="AT658" s="53">
        <v>0</v>
      </c>
      <c r="AU658" s="53">
        <v>0</v>
      </c>
      <c r="AV658" s="53">
        <v>0</v>
      </c>
      <c r="AW658" s="53">
        <v>0</v>
      </c>
      <c r="AX658" s="53">
        <v>0</v>
      </c>
      <c r="AY658" s="53">
        <v>0</v>
      </c>
      <c r="AZ658" s="53">
        <v>0</v>
      </c>
      <c r="BA658" s="53">
        <v>0</v>
      </c>
    </row>
    <row r="659" spans="1:53">
      <c r="A659" s="52" t="s">
        <v>3166</v>
      </c>
      <c r="B659" s="53">
        <v>0</v>
      </c>
      <c r="C659" s="53">
        <v>0</v>
      </c>
      <c r="D659" s="53">
        <v>0</v>
      </c>
      <c r="E659" s="53">
        <v>0</v>
      </c>
      <c r="F659" s="53">
        <v>0</v>
      </c>
      <c r="G659" s="53">
        <v>0</v>
      </c>
      <c r="H659" s="53">
        <v>0</v>
      </c>
      <c r="I659" s="53">
        <v>0</v>
      </c>
      <c r="J659" s="53">
        <v>0</v>
      </c>
      <c r="K659" s="53">
        <v>0</v>
      </c>
      <c r="L659" s="53">
        <v>0</v>
      </c>
      <c r="M659" s="53">
        <v>0</v>
      </c>
      <c r="N659" s="53">
        <v>0</v>
      </c>
      <c r="O659" s="53">
        <v>0</v>
      </c>
      <c r="P659" s="53">
        <v>0</v>
      </c>
      <c r="Q659" s="53">
        <v>0</v>
      </c>
      <c r="R659" s="53">
        <v>0</v>
      </c>
      <c r="S659" s="53">
        <v>0</v>
      </c>
      <c r="T659" s="53">
        <v>0</v>
      </c>
      <c r="U659" s="53">
        <v>0</v>
      </c>
      <c r="V659" s="53">
        <v>0</v>
      </c>
      <c r="W659" s="53">
        <v>0</v>
      </c>
      <c r="X659" s="53">
        <v>0</v>
      </c>
      <c r="Y659" s="53">
        <v>0</v>
      </c>
      <c r="Z659" s="53">
        <v>0</v>
      </c>
      <c r="AA659" s="53">
        <v>0</v>
      </c>
      <c r="AB659" s="53">
        <v>0</v>
      </c>
      <c r="AC659" s="53">
        <v>0</v>
      </c>
      <c r="AD659" s="53">
        <v>0</v>
      </c>
      <c r="AE659" s="53">
        <v>0</v>
      </c>
      <c r="AF659" s="53">
        <v>0</v>
      </c>
      <c r="AG659" s="53">
        <v>0</v>
      </c>
      <c r="AH659" s="53">
        <v>0</v>
      </c>
      <c r="AI659" s="53">
        <v>0</v>
      </c>
      <c r="AJ659" s="53">
        <v>0</v>
      </c>
      <c r="AK659" s="53">
        <v>0</v>
      </c>
      <c r="AL659" s="53">
        <v>0</v>
      </c>
      <c r="AM659" s="53">
        <v>0</v>
      </c>
      <c r="AN659" s="53">
        <v>0</v>
      </c>
      <c r="AO659" s="53">
        <v>0</v>
      </c>
      <c r="AP659" s="53">
        <v>0</v>
      </c>
      <c r="AQ659" s="53">
        <v>0</v>
      </c>
      <c r="AR659" s="53">
        <v>0</v>
      </c>
      <c r="AS659" s="53">
        <v>0</v>
      </c>
      <c r="AT659" s="53">
        <v>0</v>
      </c>
      <c r="AU659" s="53">
        <v>0</v>
      </c>
      <c r="AV659" s="53">
        <v>0</v>
      </c>
      <c r="AW659" s="53">
        <v>0</v>
      </c>
      <c r="AX659" s="53">
        <v>0</v>
      </c>
      <c r="AY659" s="53">
        <v>0</v>
      </c>
      <c r="AZ659" s="53">
        <v>0</v>
      </c>
      <c r="BA659" s="53">
        <v>0</v>
      </c>
    </row>
    <row r="660" spans="1:53">
      <c r="A660" s="52" t="s">
        <v>3167</v>
      </c>
      <c r="B660" s="53">
        <v>0</v>
      </c>
      <c r="C660" s="53">
        <v>0</v>
      </c>
      <c r="D660" s="53">
        <v>0</v>
      </c>
      <c r="E660" s="53">
        <v>0</v>
      </c>
      <c r="F660" s="53">
        <v>0</v>
      </c>
      <c r="G660" s="53">
        <v>0</v>
      </c>
      <c r="H660" s="53">
        <v>0</v>
      </c>
      <c r="I660" s="53">
        <v>0</v>
      </c>
      <c r="J660" s="53">
        <v>0</v>
      </c>
      <c r="K660" s="53">
        <v>0</v>
      </c>
      <c r="L660" s="53">
        <v>0</v>
      </c>
      <c r="M660" s="53">
        <v>0</v>
      </c>
      <c r="N660" s="53">
        <v>0</v>
      </c>
      <c r="O660" s="53">
        <v>0</v>
      </c>
      <c r="P660" s="53">
        <v>0</v>
      </c>
      <c r="Q660" s="53">
        <v>0</v>
      </c>
      <c r="R660" s="53">
        <v>0</v>
      </c>
      <c r="S660" s="53">
        <v>0</v>
      </c>
      <c r="T660" s="53">
        <v>0</v>
      </c>
      <c r="U660" s="53">
        <v>0</v>
      </c>
      <c r="V660" s="53">
        <v>0</v>
      </c>
      <c r="W660" s="53">
        <v>0</v>
      </c>
      <c r="X660" s="53">
        <v>0</v>
      </c>
      <c r="Y660" s="53">
        <v>0</v>
      </c>
      <c r="Z660" s="53">
        <v>0</v>
      </c>
      <c r="AA660" s="53">
        <v>0</v>
      </c>
      <c r="AB660" s="53">
        <v>0</v>
      </c>
      <c r="AC660" s="53">
        <v>0</v>
      </c>
      <c r="AD660" s="53">
        <v>0</v>
      </c>
      <c r="AE660" s="53">
        <v>0</v>
      </c>
      <c r="AF660" s="53">
        <v>0</v>
      </c>
      <c r="AG660" s="53">
        <v>0</v>
      </c>
      <c r="AH660" s="53">
        <v>0</v>
      </c>
      <c r="AI660" s="53">
        <v>0</v>
      </c>
      <c r="AJ660" s="53">
        <v>0</v>
      </c>
      <c r="AK660" s="53">
        <v>0</v>
      </c>
      <c r="AL660" s="53">
        <v>0</v>
      </c>
      <c r="AM660" s="53">
        <v>0</v>
      </c>
      <c r="AN660" s="53">
        <v>0</v>
      </c>
      <c r="AO660" s="53">
        <v>0</v>
      </c>
      <c r="AP660" s="53">
        <v>0</v>
      </c>
      <c r="AQ660" s="53">
        <v>0</v>
      </c>
      <c r="AR660" s="53">
        <v>0</v>
      </c>
      <c r="AS660" s="53">
        <v>0</v>
      </c>
      <c r="AT660" s="53">
        <v>0</v>
      </c>
      <c r="AU660" s="53">
        <v>0</v>
      </c>
      <c r="AV660" s="53">
        <v>0</v>
      </c>
      <c r="AW660" s="53">
        <v>0</v>
      </c>
      <c r="AX660" s="53">
        <v>0</v>
      </c>
      <c r="AY660" s="53">
        <v>0</v>
      </c>
      <c r="AZ660" s="53">
        <v>0</v>
      </c>
      <c r="BA660" s="53">
        <v>0</v>
      </c>
    </row>
    <row r="661" spans="1:53">
      <c r="A661" s="52" t="s">
        <v>3168</v>
      </c>
      <c r="B661" s="53">
        <v>0</v>
      </c>
      <c r="C661" s="53">
        <v>0</v>
      </c>
      <c r="D661" s="53">
        <v>0</v>
      </c>
      <c r="E661" s="53">
        <v>0</v>
      </c>
      <c r="F661" s="53">
        <v>0</v>
      </c>
      <c r="G661" s="53">
        <v>0</v>
      </c>
      <c r="H661" s="53">
        <v>0</v>
      </c>
      <c r="I661" s="53">
        <v>0</v>
      </c>
      <c r="J661" s="53">
        <v>0</v>
      </c>
      <c r="K661" s="53">
        <v>0</v>
      </c>
      <c r="L661" s="53">
        <v>0</v>
      </c>
      <c r="M661" s="53">
        <v>0</v>
      </c>
      <c r="N661" s="53">
        <v>0</v>
      </c>
      <c r="O661" s="53">
        <v>0</v>
      </c>
      <c r="P661" s="53">
        <v>0</v>
      </c>
      <c r="Q661" s="53">
        <v>0</v>
      </c>
      <c r="R661" s="53">
        <v>0</v>
      </c>
      <c r="S661" s="53">
        <v>0</v>
      </c>
      <c r="T661" s="53">
        <v>0</v>
      </c>
      <c r="U661" s="53">
        <v>0</v>
      </c>
      <c r="V661" s="53">
        <v>0</v>
      </c>
      <c r="W661" s="53">
        <v>0</v>
      </c>
      <c r="X661" s="53">
        <v>0</v>
      </c>
      <c r="Y661" s="53">
        <v>0</v>
      </c>
      <c r="Z661" s="53">
        <v>0</v>
      </c>
      <c r="AA661" s="53">
        <v>0</v>
      </c>
      <c r="AB661" s="53">
        <v>0</v>
      </c>
      <c r="AC661" s="53">
        <v>0</v>
      </c>
      <c r="AD661" s="53">
        <v>0</v>
      </c>
      <c r="AE661" s="53">
        <v>0</v>
      </c>
      <c r="AF661" s="53">
        <v>0</v>
      </c>
      <c r="AG661" s="53">
        <v>0</v>
      </c>
      <c r="AH661" s="53">
        <v>0</v>
      </c>
      <c r="AI661" s="53">
        <v>0</v>
      </c>
      <c r="AJ661" s="53">
        <v>0</v>
      </c>
      <c r="AK661" s="53">
        <v>0</v>
      </c>
      <c r="AL661" s="53">
        <v>0</v>
      </c>
      <c r="AM661" s="53">
        <v>0</v>
      </c>
      <c r="AN661" s="53">
        <v>0</v>
      </c>
      <c r="AO661" s="53">
        <v>0</v>
      </c>
      <c r="AP661" s="53">
        <v>0</v>
      </c>
      <c r="AQ661" s="53">
        <v>0</v>
      </c>
      <c r="AR661" s="53">
        <v>0</v>
      </c>
      <c r="AS661" s="53">
        <v>0</v>
      </c>
      <c r="AT661" s="53">
        <v>0</v>
      </c>
      <c r="AU661" s="53">
        <v>0</v>
      </c>
      <c r="AV661" s="53">
        <v>0</v>
      </c>
      <c r="AW661" s="53">
        <v>0</v>
      </c>
      <c r="AX661" s="53">
        <v>0</v>
      </c>
      <c r="AY661" s="53">
        <v>0</v>
      </c>
      <c r="AZ661" s="53">
        <v>0</v>
      </c>
      <c r="BA661" s="53">
        <v>0</v>
      </c>
    </row>
    <row r="662" spans="1:53">
      <c r="A662" s="52" t="s">
        <v>3169</v>
      </c>
      <c r="B662" s="53">
        <v>-641602</v>
      </c>
      <c r="C662" s="53">
        <v>-641602</v>
      </c>
      <c r="D662" s="53">
        <v>-641602</v>
      </c>
      <c r="E662" s="53">
        <v>-641602</v>
      </c>
      <c r="F662" s="53">
        <v>-641602</v>
      </c>
      <c r="G662" s="53">
        <v>-641602</v>
      </c>
      <c r="H662" s="53">
        <v>-641602</v>
      </c>
      <c r="I662" s="53">
        <v>-641602</v>
      </c>
      <c r="J662" s="53">
        <v>-641602</v>
      </c>
      <c r="K662" s="53">
        <v>-641602</v>
      </c>
      <c r="L662" s="53">
        <v>-641602</v>
      </c>
      <c r="M662" s="53">
        <v>-641602</v>
      </c>
      <c r="N662" s="53">
        <v>-641602</v>
      </c>
      <c r="O662" s="53">
        <v>-641602</v>
      </c>
      <c r="P662" s="53">
        <v>-641602</v>
      </c>
      <c r="Q662" s="53">
        <v>-641602</v>
      </c>
      <c r="R662" s="53">
        <v>-641602</v>
      </c>
      <c r="S662" s="53">
        <v>-641602</v>
      </c>
      <c r="T662" s="53">
        <v>-641602</v>
      </c>
      <c r="U662" s="53">
        <v>-641602</v>
      </c>
      <c r="V662" s="53">
        <v>-641602</v>
      </c>
      <c r="W662" s="53">
        <v>-641602</v>
      </c>
      <c r="X662" s="53">
        <v>-641602</v>
      </c>
      <c r="Y662" s="53">
        <v>-641602</v>
      </c>
      <c r="Z662" s="53">
        <v>-641602</v>
      </c>
      <c r="AA662" s="53">
        <v>-641602</v>
      </c>
      <c r="AB662" s="53">
        <v>-641602</v>
      </c>
      <c r="AC662" s="53">
        <v>-641602</v>
      </c>
      <c r="AD662" s="53">
        <v>-641602</v>
      </c>
      <c r="AE662" s="53">
        <v>-641602</v>
      </c>
      <c r="AF662" s="53">
        <v>-641602</v>
      </c>
      <c r="AG662" s="53">
        <v>-641602</v>
      </c>
      <c r="AH662" s="53">
        <v>-641602</v>
      </c>
      <c r="AI662" s="53">
        <v>-641602</v>
      </c>
      <c r="AJ662" s="53">
        <v>-641602</v>
      </c>
      <c r="AK662" s="53">
        <v>-641602</v>
      </c>
      <c r="AL662" s="53">
        <v>-641602</v>
      </c>
      <c r="AM662" s="53">
        <v>-641602</v>
      </c>
      <c r="AN662" s="53">
        <v>-641602</v>
      </c>
      <c r="AO662" s="53">
        <v>-641602</v>
      </c>
      <c r="AP662" s="53">
        <v>-641602</v>
      </c>
      <c r="AQ662" s="53">
        <v>-641602</v>
      </c>
      <c r="AR662" s="53">
        <v>-641602</v>
      </c>
      <c r="AS662" s="53">
        <v>-641602</v>
      </c>
      <c r="AT662" s="53">
        <v>-641602</v>
      </c>
      <c r="AU662" s="53">
        <v>-641602</v>
      </c>
      <c r="AV662" s="53">
        <v>-641602</v>
      </c>
      <c r="AW662" s="53">
        <v>-641602</v>
      </c>
      <c r="AX662" s="53">
        <v>-641602</v>
      </c>
      <c r="AY662" s="53">
        <v>-641602</v>
      </c>
      <c r="AZ662" s="53">
        <v>-641602</v>
      </c>
      <c r="BA662" s="53">
        <v>-641602</v>
      </c>
    </row>
    <row r="663" spans="1:53">
      <c r="A663" s="52" t="s">
        <v>3170</v>
      </c>
      <c r="B663" s="53">
        <v>0</v>
      </c>
      <c r="C663" s="53">
        <v>0</v>
      </c>
      <c r="D663" s="53">
        <v>0</v>
      </c>
      <c r="E663" s="53">
        <v>0</v>
      </c>
      <c r="F663" s="53">
        <v>0</v>
      </c>
      <c r="G663" s="53">
        <v>0</v>
      </c>
      <c r="H663" s="53">
        <v>0</v>
      </c>
      <c r="I663" s="53">
        <v>0</v>
      </c>
      <c r="J663" s="53">
        <v>0</v>
      </c>
      <c r="K663" s="53">
        <v>0</v>
      </c>
      <c r="L663" s="53">
        <v>0</v>
      </c>
      <c r="M663" s="53">
        <v>0</v>
      </c>
      <c r="N663" s="53">
        <v>0</v>
      </c>
      <c r="O663" s="53">
        <v>0</v>
      </c>
      <c r="P663" s="53">
        <v>0</v>
      </c>
      <c r="Q663" s="53">
        <v>0</v>
      </c>
      <c r="R663" s="53">
        <v>0</v>
      </c>
      <c r="S663" s="53">
        <v>0</v>
      </c>
      <c r="T663" s="53">
        <v>0</v>
      </c>
      <c r="U663" s="53">
        <v>0</v>
      </c>
      <c r="V663" s="53">
        <v>0</v>
      </c>
      <c r="W663" s="53">
        <v>0</v>
      </c>
      <c r="X663" s="53">
        <v>0</v>
      </c>
      <c r="Y663" s="53">
        <v>0</v>
      </c>
      <c r="Z663" s="53">
        <v>0</v>
      </c>
      <c r="AA663" s="53">
        <v>0</v>
      </c>
      <c r="AB663" s="53">
        <v>0</v>
      </c>
      <c r="AC663" s="53">
        <v>0</v>
      </c>
      <c r="AD663" s="53">
        <v>0</v>
      </c>
      <c r="AE663" s="53">
        <v>0</v>
      </c>
      <c r="AF663" s="53">
        <v>0</v>
      </c>
      <c r="AG663" s="53">
        <v>0</v>
      </c>
      <c r="AH663" s="53">
        <v>0</v>
      </c>
      <c r="AI663" s="53">
        <v>0</v>
      </c>
      <c r="AJ663" s="53">
        <v>0</v>
      </c>
      <c r="AK663" s="53">
        <v>0</v>
      </c>
      <c r="AL663" s="53">
        <v>0</v>
      </c>
      <c r="AM663" s="53">
        <v>0</v>
      </c>
      <c r="AN663" s="53">
        <v>0</v>
      </c>
      <c r="AO663" s="53">
        <v>0</v>
      </c>
      <c r="AP663" s="53">
        <v>0</v>
      </c>
      <c r="AQ663" s="53">
        <v>0</v>
      </c>
      <c r="AR663" s="53">
        <v>0</v>
      </c>
      <c r="AS663" s="53">
        <v>0</v>
      </c>
      <c r="AT663" s="53">
        <v>0</v>
      </c>
      <c r="AU663" s="53">
        <v>0</v>
      </c>
      <c r="AV663" s="53">
        <v>0</v>
      </c>
      <c r="AW663" s="53">
        <v>0</v>
      </c>
      <c r="AX663" s="53">
        <v>0</v>
      </c>
      <c r="AY663" s="53">
        <v>0</v>
      </c>
      <c r="AZ663" s="53">
        <v>0</v>
      </c>
      <c r="BA663" s="53">
        <v>0</v>
      </c>
    </row>
    <row r="664" spans="1:53">
      <c r="A664" s="52" t="s">
        <v>3171</v>
      </c>
      <c r="B664" s="53">
        <v>0</v>
      </c>
      <c r="C664" s="53">
        <v>0</v>
      </c>
      <c r="D664" s="53">
        <v>0</v>
      </c>
      <c r="E664" s="53">
        <v>0</v>
      </c>
      <c r="F664" s="53">
        <v>0</v>
      </c>
      <c r="G664" s="53">
        <v>0</v>
      </c>
      <c r="H664" s="53">
        <v>0</v>
      </c>
      <c r="I664" s="53">
        <v>0</v>
      </c>
      <c r="J664" s="53">
        <v>0</v>
      </c>
      <c r="K664" s="53">
        <v>0</v>
      </c>
      <c r="L664" s="53">
        <v>0</v>
      </c>
      <c r="M664" s="53">
        <v>0</v>
      </c>
      <c r="N664" s="53">
        <v>0</v>
      </c>
      <c r="O664" s="53">
        <v>0</v>
      </c>
      <c r="P664" s="53">
        <v>0</v>
      </c>
      <c r="Q664" s="53">
        <v>0</v>
      </c>
      <c r="R664" s="53">
        <v>0</v>
      </c>
      <c r="S664" s="53">
        <v>0</v>
      </c>
      <c r="T664" s="53">
        <v>0</v>
      </c>
      <c r="U664" s="53">
        <v>0</v>
      </c>
      <c r="V664" s="53">
        <v>0</v>
      </c>
      <c r="W664" s="53">
        <v>0</v>
      </c>
      <c r="X664" s="53">
        <v>0</v>
      </c>
      <c r="Y664" s="53">
        <v>0</v>
      </c>
      <c r="Z664" s="53">
        <v>0</v>
      </c>
      <c r="AA664" s="53">
        <v>0</v>
      </c>
      <c r="AB664" s="53">
        <v>0</v>
      </c>
      <c r="AC664" s="53">
        <v>0</v>
      </c>
      <c r="AD664" s="53">
        <v>0</v>
      </c>
      <c r="AE664" s="53">
        <v>0</v>
      </c>
      <c r="AF664" s="53">
        <v>0</v>
      </c>
      <c r="AG664" s="53">
        <v>0</v>
      </c>
      <c r="AH664" s="53">
        <v>0</v>
      </c>
      <c r="AI664" s="53">
        <v>0</v>
      </c>
      <c r="AJ664" s="53">
        <v>0</v>
      </c>
      <c r="AK664" s="53">
        <v>0</v>
      </c>
      <c r="AL664" s="53">
        <v>0</v>
      </c>
      <c r="AM664" s="53">
        <v>0</v>
      </c>
      <c r="AN664" s="53">
        <v>0</v>
      </c>
      <c r="AO664" s="53">
        <v>0</v>
      </c>
      <c r="AP664" s="53">
        <v>0</v>
      </c>
      <c r="AQ664" s="53">
        <v>0</v>
      </c>
      <c r="AR664" s="53">
        <v>0</v>
      </c>
      <c r="AS664" s="53">
        <v>0</v>
      </c>
      <c r="AT664" s="53">
        <v>0</v>
      </c>
      <c r="AU664" s="53">
        <v>0</v>
      </c>
      <c r="AV664" s="53">
        <v>0</v>
      </c>
      <c r="AW664" s="53">
        <v>0</v>
      </c>
      <c r="AX664" s="53">
        <v>0</v>
      </c>
      <c r="AY664" s="53">
        <v>0</v>
      </c>
      <c r="AZ664" s="53">
        <v>0</v>
      </c>
      <c r="BA664" s="53">
        <v>0</v>
      </c>
    </row>
    <row r="665" spans="1:53">
      <c r="A665" s="52" t="s">
        <v>3172</v>
      </c>
      <c r="B665" s="53">
        <v>2748575.88</v>
      </c>
      <c r="C665" s="53">
        <v>2748575.88</v>
      </c>
      <c r="D665" s="53">
        <v>2748575.88</v>
      </c>
      <c r="E665" s="53">
        <v>2748575.88</v>
      </c>
      <c r="F665" s="53">
        <v>2748575.88</v>
      </c>
      <c r="G665" s="53">
        <v>2748575.88</v>
      </c>
      <c r="H665" s="53">
        <v>2748575.88</v>
      </c>
      <c r="I665" s="53">
        <v>2748575.88</v>
      </c>
      <c r="J665" s="53">
        <v>2748575.88</v>
      </c>
      <c r="K665" s="53">
        <v>2748575.88</v>
      </c>
      <c r="L665" s="53">
        <v>2748575.88</v>
      </c>
      <c r="M665" s="53">
        <v>2748575.88</v>
      </c>
      <c r="N665" s="53">
        <v>2748575.88</v>
      </c>
      <c r="O665" s="53">
        <v>2748575.88</v>
      </c>
      <c r="P665" s="53">
        <v>2748575.88</v>
      </c>
      <c r="Q665" s="53">
        <v>2748575.88</v>
      </c>
      <c r="R665" s="53">
        <v>2748575.88</v>
      </c>
      <c r="S665" s="53">
        <v>2748575.88</v>
      </c>
      <c r="T665" s="53">
        <v>2748575.88</v>
      </c>
      <c r="U665" s="53">
        <v>2748575.88</v>
      </c>
      <c r="V665" s="53">
        <v>2748575.88</v>
      </c>
      <c r="W665" s="53">
        <v>2748575.88</v>
      </c>
      <c r="X665" s="53">
        <v>2748575.88</v>
      </c>
      <c r="Y665" s="53">
        <v>2748575.88</v>
      </c>
      <c r="Z665" s="53">
        <v>2748575.88</v>
      </c>
      <c r="AA665" s="53">
        <v>2748575.88</v>
      </c>
      <c r="AB665" s="53">
        <v>2748575.88</v>
      </c>
      <c r="AC665" s="53">
        <v>2748575.88</v>
      </c>
      <c r="AD665" s="53">
        <v>2748575.88</v>
      </c>
      <c r="AE665" s="53">
        <v>2748575.88</v>
      </c>
      <c r="AF665" s="53">
        <v>2748575.88</v>
      </c>
      <c r="AG665" s="53">
        <v>2748575.88</v>
      </c>
      <c r="AH665" s="53">
        <v>2748575.88</v>
      </c>
      <c r="AI665" s="53">
        <v>2748575.88</v>
      </c>
      <c r="AJ665" s="53">
        <v>2748575.88</v>
      </c>
      <c r="AK665" s="53">
        <v>2748575.88</v>
      </c>
      <c r="AL665" s="53">
        <v>2748575.88</v>
      </c>
      <c r="AM665" s="53">
        <v>2748575.88</v>
      </c>
      <c r="AN665" s="53">
        <v>2748575.88</v>
      </c>
      <c r="AO665" s="53">
        <v>2748575.88</v>
      </c>
      <c r="AP665" s="53">
        <v>2748575.88</v>
      </c>
      <c r="AQ665" s="53">
        <v>2748575.88</v>
      </c>
      <c r="AR665" s="53">
        <v>2748575.88</v>
      </c>
      <c r="AS665" s="53">
        <v>2748575.88</v>
      </c>
      <c r="AT665" s="53">
        <v>2748575.88</v>
      </c>
      <c r="AU665" s="53">
        <v>2748575.88</v>
      </c>
      <c r="AV665" s="53">
        <v>2748575.88</v>
      </c>
      <c r="AW665" s="53">
        <v>2748575.88</v>
      </c>
      <c r="AX665" s="53">
        <v>2748575.88</v>
      </c>
      <c r="AY665" s="53">
        <v>2748575.88</v>
      </c>
      <c r="AZ665" s="53">
        <v>2748575.88</v>
      </c>
      <c r="BA665" s="53">
        <v>2748575.88</v>
      </c>
    </row>
    <row r="666" spans="1:53">
      <c r="A666" s="58" t="s">
        <v>3173</v>
      </c>
      <c r="B666" s="134">
        <v>2106973.88</v>
      </c>
      <c r="C666" s="134">
        <v>2106973.88</v>
      </c>
      <c r="D666" s="134">
        <v>2106973.88</v>
      </c>
      <c r="E666" s="134">
        <v>2106973.88</v>
      </c>
      <c r="F666" s="134">
        <v>2106973.88</v>
      </c>
      <c r="G666" s="134">
        <v>2106973.88</v>
      </c>
      <c r="H666" s="134">
        <v>2106973.88</v>
      </c>
      <c r="I666" s="134">
        <v>2106973.88</v>
      </c>
      <c r="J666" s="134">
        <v>2106973.88</v>
      </c>
      <c r="K666" s="134">
        <v>2106973.88</v>
      </c>
      <c r="L666" s="134">
        <v>2106973.88</v>
      </c>
      <c r="M666" s="134">
        <v>2106973.88</v>
      </c>
      <c r="N666" s="134">
        <v>2106973.88</v>
      </c>
      <c r="O666" s="134">
        <v>2106973.88</v>
      </c>
      <c r="P666" s="134">
        <v>2106973.88</v>
      </c>
      <c r="Q666" s="134">
        <v>2106973.88</v>
      </c>
      <c r="R666" s="134">
        <v>2106973.88</v>
      </c>
      <c r="S666" s="134">
        <v>2106973.88</v>
      </c>
      <c r="T666" s="134">
        <v>2106973.88</v>
      </c>
      <c r="U666" s="134">
        <v>2106973.88</v>
      </c>
      <c r="V666" s="134">
        <v>2106973.88</v>
      </c>
      <c r="W666" s="134">
        <v>2106973.88</v>
      </c>
      <c r="X666" s="134">
        <v>2106973.88</v>
      </c>
      <c r="Y666" s="134">
        <v>2106973.88</v>
      </c>
      <c r="Z666" s="134">
        <v>2106973.88</v>
      </c>
      <c r="AA666" s="134">
        <v>2106973.88</v>
      </c>
      <c r="AB666" s="134">
        <v>2106973.88</v>
      </c>
      <c r="AC666" s="134">
        <v>2106973.88</v>
      </c>
      <c r="AD666" s="134">
        <v>2106973.88</v>
      </c>
      <c r="AE666" s="134">
        <v>2106973.88</v>
      </c>
      <c r="AF666" s="134">
        <v>2106973.88</v>
      </c>
      <c r="AG666" s="134">
        <v>2106973.88</v>
      </c>
      <c r="AH666" s="134">
        <v>2106973.88</v>
      </c>
      <c r="AI666" s="134">
        <v>2106973.88</v>
      </c>
      <c r="AJ666" s="134">
        <v>2106973.88</v>
      </c>
      <c r="AK666" s="134">
        <v>2106973.88</v>
      </c>
      <c r="AL666" s="134">
        <v>2106973.88</v>
      </c>
      <c r="AM666" s="134">
        <v>2106973.88</v>
      </c>
      <c r="AN666" s="134">
        <v>2106973.88</v>
      </c>
      <c r="AO666" s="134">
        <v>2106973.88</v>
      </c>
      <c r="AP666" s="134">
        <v>2106973.88</v>
      </c>
      <c r="AQ666" s="134">
        <v>2106973.88</v>
      </c>
      <c r="AR666" s="134">
        <v>2106973.88</v>
      </c>
      <c r="AS666" s="134">
        <v>2106973.88</v>
      </c>
      <c r="AT666" s="134">
        <v>2106973.88</v>
      </c>
      <c r="AU666" s="134">
        <v>2106973.88</v>
      </c>
      <c r="AV666" s="134">
        <v>2106973.88</v>
      </c>
      <c r="AW666" s="134">
        <v>2106973.88</v>
      </c>
      <c r="AX666" s="134">
        <v>2106973.88</v>
      </c>
      <c r="AY666" s="134">
        <v>2106973.88</v>
      </c>
      <c r="AZ666" s="134">
        <v>2106973.88</v>
      </c>
      <c r="BA666" s="134">
        <v>2106973.88</v>
      </c>
    </row>
    <row r="667" spans="1:53">
      <c r="A667" s="52" t="s">
        <v>3174</v>
      </c>
    </row>
    <row r="668" spans="1:53">
      <c r="A668" s="57" t="s">
        <v>3175</v>
      </c>
    </row>
    <row r="669" spans="1:53">
      <c r="A669" s="52" t="s">
        <v>3176</v>
      </c>
      <c r="B669" s="53">
        <v>-650000000</v>
      </c>
      <c r="C669" s="53">
        <v>-650000000</v>
      </c>
      <c r="D669" s="53">
        <v>-650000000</v>
      </c>
      <c r="E669" s="53">
        <v>150000000</v>
      </c>
      <c r="F669" s="53">
        <v>150000000</v>
      </c>
      <c r="G669" s="53">
        <v>150000000</v>
      </c>
      <c r="H669" s="53">
        <v>150000000</v>
      </c>
      <c r="I669" s="53">
        <v>-850000000</v>
      </c>
      <c r="J669" s="53">
        <v>-850000000</v>
      </c>
      <c r="K669" s="53">
        <v>-850000000</v>
      </c>
      <c r="L669" s="53">
        <v>-850000000</v>
      </c>
      <c r="M669" s="53">
        <v>-850000000</v>
      </c>
      <c r="N669" s="53">
        <v>-850000000</v>
      </c>
      <c r="O669" s="53">
        <v>-850000000</v>
      </c>
      <c r="P669" s="53">
        <v>-850000000</v>
      </c>
      <c r="Q669" s="53">
        <v>-850000000</v>
      </c>
      <c r="R669" s="53">
        <v>-850000000</v>
      </c>
      <c r="S669" s="53">
        <v>-850000000</v>
      </c>
      <c r="T669" s="53">
        <v>-1550000000</v>
      </c>
      <c r="U669" s="53">
        <v>-1550000000</v>
      </c>
      <c r="V669" s="53">
        <v>-1550000000</v>
      </c>
      <c r="W669" s="53">
        <v>-1550000000</v>
      </c>
      <c r="X669" s="53">
        <v>-1550000000</v>
      </c>
      <c r="Y669" s="53">
        <v>-1550000000</v>
      </c>
      <c r="Z669" s="53">
        <v>-1550000000</v>
      </c>
      <c r="AA669" s="53">
        <v>-1550000000</v>
      </c>
      <c r="AB669" s="53">
        <v>-1550001620.1958699</v>
      </c>
      <c r="AC669" s="53">
        <v>-1550004860.58762</v>
      </c>
      <c r="AD669" s="53">
        <v>-1550008100.9793799</v>
      </c>
      <c r="AE669" s="53">
        <v>-1550011341.37113</v>
      </c>
      <c r="AF669" s="53">
        <v>-1550014581.7628801</v>
      </c>
      <c r="AG669" s="53">
        <v>-2200017822.1546302</v>
      </c>
      <c r="AH669" s="53">
        <v>-2200021062.5463901</v>
      </c>
      <c r="AI669" s="53">
        <v>-2200024302.9381399</v>
      </c>
      <c r="AJ669" s="53">
        <v>-2200027543.3298898</v>
      </c>
      <c r="AK669" s="53">
        <v>-2200030783.7216501</v>
      </c>
      <c r="AL669" s="53">
        <v>-2200034024.1134</v>
      </c>
      <c r="AM669" s="53">
        <v>-2200037264.5051498</v>
      </c>
      <c r="AN669" s="53">
        <v>-2200037264.5051498</v>
      </c>
      <c r="AO669" s="53">
        <v>-1550038884.70103</v>
      </c>
      <c r="AP669" s="53">
        <v>-1550040098.6354499</v>
      </c>
      <c r="AQ669" s="53">
        <v>-1550041312.56988</v>
      </c>
      <c r="AR669" s="53">
        <v>-1550042526.5043099</v>
      </c>
      <c r="AS669" s="53">
        <v>-1550043740.43873</v>
      </c>
      <c r="AT669" s="53">
        <v>-2800044954.3731599</v>
      </c>
      <c r="AU669" s="53">
        <v>-2800050760.9541998</v>
      </c>
      <c r="AV669" s="53">
        <v>-2800061160.18186</v>
      </c>
      <c r="AW669" s="53">
        <v>-2800071559.4095201</v>
      </c>
      <c r="AX669" s="53">
        <v>-2800081958.6371799</v>
      </c>
      <c r="AY669" s="53">
        <v>-2800092357.86484</v>
      </c>
      <c r="AZ669" s="53">
        <v>-2800102757.0925002</v>
      </c>
      <c r="BA669" s="53">
        <v>-2800102757.0925002</v>
      </c>
    </row>
    <row r="670" spans="1:53">
      <c r="A670" s="52" t="s">
        <v>3177</v>
      </c>
      <c r="B670" s="53">
        <v>-650000000</v>
      </c>
      <c r="C670" s="53">
        <v>-650000000</v>
      </c>
      <c r="D670" s="53">
        <v>-650000000</v>
      </c>
      <c r="E670" s="53">
        <v>-650000000</v>
      </c>
      <c r="F670" s="53">
        <v>-650000000</v>
      </c>
      <c r="G670" s="53">
        <v>-650000000</v>
      </c>
      <c r="H670" s="53">
        <v>-650000000</v>
      </c>
      <c r="I670" s="53">
        <v>-650000000</v>
      </c>
      <c r="J670" s="53">
        <v>-650000000</v>
      </c>
      <c r="K670" s="53">
        <v>-650000000</v>
      </c>
      <c r="L670" s="53">
        <v>-650000000</v>
      </c>
      <c r="M670" s="53">
        <v>-650000000</v>
      </c>
      <c r="N670" s="53">
        <v>-650000000</v>
      </c>
      <c r="O670" s="53">
        <v>-650000000</v>
      </c>
      <c r="P670" s="53">
        <v>-650000000</v>
      </c>
      <c r="Q670" s="53">
        <v>-650000000</v>
      </c>
      <c r="R670" s="53">
        <v>-650000000</v>
      </c>
      <c r="S670" s="53">
        <v>-650000000</v>
      </c>
      <c r="T670" s="53">
        <v>-650000000</v>
      </c>
      <c r="U670" s="53">
        <v>-650000000</v>
      </c>
      <c r="V670" s="53">
        <v>-650000000</v>
      </c>
      <c r="W670" s="53">
        <v>-650000000</v>
      </c>
      <c r="X670" s="53">
        <v>-650000000</v>
      </c>
      <c r="Y670" s="53">
        <v>-650000000</v>
      </c>
      <c r="Z670" s="53">
        <v>-650000000</v>
      </c>
      <c r="AA670" s="53">
        <v>-650000000</v>
      </c>
      <c r="AB670" s="53">
        <v>-650000000</v>
      </c>
      <c r="AC670" s="53">
        <v>-650000000</v>
      </c>
      <c r="AD670" s="53">
        <v>-650000000</v>
      </c>
      <c r="AE670" s="53">
        <v>-650000000</v>
      </c>
      <c r="AF670" s="53">
        <v>-650000000</v>
      </c>
      <c r="AG670" s="53">
        <v>-650000000</v>
      </c>
      <c r="AH670" s="53">
        <v>-650000000</v>
      </c>
      <c r="AI670" s="53">
        <v>-650000000</v>
      </c>
      <c r="AJ670" s="53">
        <v>-650000000</v>
      </c>
      <c r="AK670" s="53">
        <v>-650000000</v>
      </c>
      <c r="AL670" s="53">
        <v>-650000000</v>
      </c>
      <c r="AM670" s="53">
        <v>-650000000</v>
      </c>
      <c r="AN670" s="53">
        <v>-650000000</v>
      </c>
      <c r="AO670" s="53">
        <v>-650000000</v>
      </c>
      <c r="AP670" s="53">
        <v>-650000000</v>
      </c>
      <c r="AQ670" s="53">
        <v>-650000000</v>
      </c>
      <c r="AR670" s="53">
        <v>-650000000</v>
      </c>
      <c r="AS670" s="53">
        <v>-650000000</v>
      </c>
      <c r="AT670" s="53">
        <v>-650000000</v>
      </c>
      <c r="AU670" s="53">
        <v>-650000000</v>
      </c>
      <c r="AV670" s="53">
        <v>-650000000</v>
      </c>
      <c r="AW670" s="53">
        <v>-650000000</v>
      </c>
      <c r="AX670" s="53">
        <v>-650000000</v>
      </c>
      <c r="AY670" s="53">
        <v>-650000000</v>
      </c>
      <c r="AZ670" s="53">
        <v>-650000000</v>
      </c>
      <c r="BA670" s="53">
        <v>-650000000</v>
      </c>
    </row>
    <row r="671" spans="1:53">
      <c r="A671" s="52" t="s">
        <v>3178</v>
      </c>
      <c r="B671" s="53">
        <v>-500000000</v>
      </c>
      <c r="C671" s="53">
        <v>-500000000</v>
      </c>
      <c r="D671" s="53">
        <v>-500000000</v>
      </c>
      <c r="E671" s="53">
        <v>-500000000</v>
      </c>
      <c r="F671" s="53">
        <v>-500000000</v>
      </c>
      <c r="G671" s="53">
        <v>-500000000</v>
      </c>
      <c r="H671" s="53">
        <v>-500000000</v>
      </c>
      <c r="I671" s="53">
        <v>-500000000</v>
      </c>
      <c r="J671" s="53">
        <v>-500000000</v>
      </c>
      <c r="K671" s="53">
        <v>-500000000</v>
      </c>
      <c r="L671" s="53">
        <v>-500000000</v>
      </c>
      <c r="M671" s="53">
        <v>-500000000</v>
      </c>
      <c r="N671" s="53">
        <v>-500000000</v>
      </c>
      <c r="O671" s="53">
        <v>-500000000</v>
      </c>
      <c r="P671" s="53">
        <v>-500000000</v>
      </c>
      <c r="Q671" s="53">
        <v>-500000000</v>
      </c>
      <c r="R671" s="53">
        <v>-500000000</v>
      </c>
      <c r="S671" s="53">
        <v>-500000000</v>
      </c>
      <c r="T671" s="53">
        <v>-500000000</v>
      </c>
      <c r="U671" s="53">
        <v>-500000000</v>
      </c>
      <c r="V671" s="53">
        <v>-500000000</v>
      </c>
      <c r="W671" s="53">
        <v>-500000000</v>
      </c>
      <c r="X671" s="53">
        <v>-500000000</v>
      </c>
      <c r="Y671" s="53">
        <v>-500000000</v>
      </c>
      <c r="Z671" s="53">
        <v>-500000000</v>
      </c>
      <c r="AA671" s="53">
        <v>-500000000</v>
      </c>
      <c r="AB671" s="53">
        <v>-500000000</v>
      </c>
      <c r="AC671" s="53">
        <v>-500000000</v>
      </c>
      <c r="AD671" s="53">
        <v>-500000000</v>
      </c>
      <c r="AE671" s="53">
        <v>-500000000</v>
      </c>
      <c r="AF671" s="53">
        <v>-500000000</v>
      </c>
      <c r="AG671" s="53">
        <v>-500000000</v>
      </c>
      <c r="AH671" s="53">
        <v>-500000000</v>
      </c>
      <c r="AI671" s="53">
        <v>-500000000</v>
      </c>
      <c r="AJ671" s="53">
        <v>-500000000</v>
      </c>
      <c r="AK671" s="53">
        <v>-500000000</v>
      </c>
      <c r="AL671" s="53">
        <v>-500000000</v>
      </c>
      <c r="AM671" s="53">
        <v>-500000000</v>
      </c>
      <c r="AN671" s="53">
        <v>-500000000</v>
      </c>
      <c r="AO671" s="53">
        <v>-500000000</v>
      </c>
      <c r="AP671" s="53">
        <v>-500000000</v>
      </c>
      <c r="AQ671" s="53">
        <v>-500000000</v>
      </c>
      <c r="AR671" s="53">
        <v>-500000000</v>
      </c>
      <c r="AS671" s="53">
        <v>-500000000</v>
      </c>
      <c r="AT671" s="53">
        <v>-500000000</v>
      </c>
      <c r="AU671" s="53">
        <v>-500000000</v>
      </c>
      <c r="AV671" s="53">
        <v>-500000000</v>
      </c>
      <c r="AW671" s="53">
        <v>-500000000</v>
      </c>
      <c r="AX671" s="53">
        <v>-500000000</v>
      </c>
      <c r="AY671" s="53">
        <v>-500000000</v>
      </c>
      <c r="AZ671" s="53">
        <v>-500000000</v>
      </c>
      <c r="BA671" s="53">
        <v>-500000000</v>
      </c>
    </row>
    <row r="672" spans="1:53">
      <c r="A672" s="52" t="s">
        <v>3179</v>
      </c>
      <c r="B672" s="53">
        <v>-600000000</v>
      </c>
      <c r="C672" s="53">
        <v>-600000000</v>
      </c>
      <c r="D672" s="53">
        <v>-600000000</v>
      </c>
      <c r="E672" s="53">
        <v>-600000000</v>
      </c>
      <c r="F672" s="53">
        <v>-600000000</v>
      </c>
      <c r="G672" s="53">
        <v>-600000000</v>
      </c>
      <c r="H672" s="53">
        <v>-600000000</v>
      </c>
      <c r="I672" s="53">
        <v>-600000000</v>
      </c>
      <c r="J672" s="53">
        <v>-600000000</v>
      </c>
      <c r="K672" s="53">
        <v>-600000000</v>
      </c>
      <c r="L672" s="53">
        <v>-600000000</v>
      </c>
      <c r="M672" s="53">
        <v>-600000000</v>
      </c>
      <c r="N672" s="53">
        <v>-600000000</v>
      </c>
      <c r="O672" s="53">
        <v>-600000000</v>
      </c>
      <c r="P672" s="53">
        <v>-600000000</v>
      </c>
      <c r="Q672" s="53">
        <v>-600000000</v>
      </c>
      <c r="R672" s="53">
        <v>-600000000</v>
      </c>
      <c r="S672" s="53">
        <v>-600000000</v>
      </c>
      <c r="T672" s="53">
        <v>-600000000</v>
      </c>
      <c r="U672" s="53">
        <v>-600000000</v>
      </c>
      <c r="V672" s="53">
        <v>-600000000</v>
      </c>
      <c r="W672" s="53">
        <v>-600000000</v>
      </c>
      <c r="X672" s="53">
        <v>-600000000</v>
      </c>
      <c r="Y672" s="53">
        <v>-600000000</v>
      </c>
      <c r="Z672" s="53">
        <v>-600000000</v>
      </c>
      <c r="AA672" s="53">
        <v>-600000000</v>
      </c>
      <c r="AB672" s="53">
        <v>-600000000</v>
      </c>
      <c r="AC672" s="53">
        <v>-600000000</v>
      </c>
      <c r="AD672" s="53">
        <v>-600000000</v>
      </c>
      <c r="AE672" s="53">
        <v>-600000000</v>
      </c>
      <c r="AF672" s="53">
        <v>-600000000</v>
      </c>
      <c r="AG672" s="53">
        <v>-600000000</v>
      </c>
      <c r="AH672" s="53">
        <v>-600000000</v>
      </c>
      <c r="AI672" s="53">
        <v>-600000000</v>
      </c>
      <c r="AJ672" s="53">
        <v>-600000000</v>
      </c>
      <c r="AK672" s="53">
        <v>-600000000</v>
      </c>
      <c r="AL672" s="53">
        <v>-600000000</v>
      </c>
      <c r="AM672" s="53">
        <v>-600000000</v>
      </c>
      <c r="AN672" s="53">
        <v>-600000000</v>
      </c>
      <c r="AO672" s="53">
        <v>-600000000</v>
      </c>
      <c r="AP672" s="53">
        <v>-600000000</v>
      </c>
      <c r="AQ672" s="53">
        <v>-600000000</v>
      </c>
      <c r="AR672" s="53">
        <v>-600000000</v>
      </c>
      <c r="AS672" s="53">
        <v>-600000000</v>
      </c>
      <c r="AT672" s="53">
        <v>-600000000</v>
      </c>
      <c r="AU672" s="53">
        <v>-600000000</v>
      </c>
      <c r="AV672" s="53">
        <v>-600000000</v>
      </c>
      <c r="AW672" s="53">
        <v>-600000000</v>
      </c>
      <c r="AX672" s="53">
        <v>-600000000</v>
      </c>
      <c r="AY672" s="53">
        <v>-600000000</v>
      </c>
      <c r="AZ672" s="53">
        <v>-600000000</v>
      </c>
      <c r="BA672" s="53">
        <v>-600000000</v>
      </c>
    </row>
    <row r="673" spans="1:53">
      <c r="A673" s="52" t="s">
        <v>3180</v>
      </c>
      <c r="B673" s="53">
        <v>-400000000</v>
      </c>
      <c r="C673" s="53">
        <v>-400000000</v>
      </c>
      <c r="D673" s="53">
        <v>-400000000</v>
      </c>
      <c r="E673" s="53">
        <v>-400000000</v>
      </c>
      <c r="F673" s="53">
        <v>-400000000</v>
      </c>
      <c r="G673" s="53">
        <v>-400000000</v>
      </c>
      <c r="H673" s="53">
        <v>-400000000</v>
      </c>
      <c r="I673" s="53">
        <v>-400000000</v>
      </c>
      <c r="J673" s="53">
        <v>-400000000</v>
      </c>
      <c r="K673" s="53">
        <v>-400000000</v>
      </c>
      <c r="L673" s="53">
        <v>-400000000</v>
      </c>
      <c r="M673" s="53">
        <v>-400000000</v>
      </c>
      <c r="N673" s="53">
        <v>-400000000</v>
      </c>
      <c r="O673" s="53">
        <v>-400000000</v>
      </c>
      <c r="P673" s="53">
        <v>-400000000</v>
      </c>
      <c r="Q673" s="53">
        <v>-400000000</v>
      </c>
      <c r="R673" s="53">
        <v>-400000000</v>
      </c>
      <c r="S673" s="53">
        <v>-400000000</v>
      </c>
      <c r="T673" s="53">
        <v>-400000000</v>
      </c>
      <c r="U673" s="53">
        <v>-400000000</v>
      </c>
      <c r="V673" s="53">
        <v>-400000000</v>
      </c>
      <c r="W673" s="53">
        <v>-400000000</v>
      </c>
      <c r="X673" s="53">
        <v>-400000000</v>
      </c>
      <c r="Y673" s="53">
        <v>-400000000</v>
      </c>
      <c r="Z673" s="53">
        <v>-400000000</v>
      </c>
      <c r="AA673" s="53">
        <v>-400000000</v>
      </c>
      <c r="AB673" s="53">
        <v>-400000000</v>
      </c>
      <c r="AC673" s="53">
        <v>-400000000</v>
      </c>
      <c r="AD673" s="53">
        <v>-400000000</v>
      </c>
      <c r="AE673" s="53">
        <v>-400000000</v>
      </c>
      <c r="AF673" s="53">
        <v>-400000000</v>
      </c>
      <c r="AG673" s="53">
        <v>-400000000</v>
      </c>
      <c r="AH673" s="53">
        <v>-400000000</v>
      </c>
      <c r="AI673" s="53">
        <v>-400000000</v>
      </c>
      <c r="AJ673" s="53">
        <v>-400000000</v>
      </c>
      <c r="AK673" s="53">
        <v>-400000000</v>
      </c>
      <c r="AL673" s="53">
        <v>-400000000</v>
      </c>
      <c r="AM673" s="53">
        <v>-400000000</v>
      </c>
      <c r="AN673" s="53">
        <v>-400000000</v>
      </c>
      <c r="AO673" s="53">
        <v>-400000000</v>
      </c>
      <c r="AP673" s="53">
        <v>-400000000</v>
      </c>
      <c r="AQ673" s="53">
        <v>-400000000</v>
      </c>
      <c r="AR673" s="53">
        <v>-400000000</v>
      </c>
      <c r="AS673" s="53">
        <v>-400000000</v>
      </c>
      <c r="AT673" s="53">
        <v>-400000000</v>
      </c>
      <c r="AU673" s="53">
        <v>-400000000</v>
      </c>
      <c r="AV673" s="53">
        <v>-400000000</v>
      </c>
      <c r="AW673" s="53">
        <v>-400000000</v>
      </c>
      <c r="AX673" s="53">
        <v>-400000000</v>
      </c>
      <c r="AY673" s="53">
        <v>-400000000</v>
      </c>
      <c r="AZ673" s="53">
        <v>-400000000</v>
      </c>
      <c r="BA673" s="53">
        <v>-400000000</v>
      </c>
    </row>
    <row r="674" spans="1:53">
      <c r="A674" s="52" t="s">
        <v>3181</v>
      </c>
      <c r="B674" s="53">
        <v>-500000000</v>
      </c>
      <c r="C674" s="53">
        <v>-500000000</v>
      </c>
      <c r="D674" s="53">
        <v>-500000000</v>
      </c>
      <c r="E674" s="53">
        <v>-500000000</v>
      </c>
      <c r="F674" s="53">
        <v>-500000000</v>
      </c>
      <c r="G674" s="53">
        <v>-500000000</v>
      </c>
      <c r="H674" s="53">
        <v>-500000000</v>
      </c>
      <c r="I674" s="53">
        <v>-500000000</v>
      </c>
      <c r="J674" s="53">
        <v>-500000000</v>
      </c>
      <c r="K674" s="53">
        <v>-500000000</v>
      </c>
      <c r="L674" s="53">
        <v>-500000000</v>
      </c>
      <c r="M674" s="53">
        <v>-500000000</v>
      </c>
      <c r="N674" s="53">
        <v>-500000000</v>
      </c>
      <c r="O674" s="53">
        <v>-500000000</v>
      </c>
      <c r="P674" s="53">
        <v>-500000000</v>
      </c>
      <c r="Q674" s="53">
        <v>-500000000</v>
      </c>
      <c r="R674" s="53">
        <v>-500000000</v>
      </c>
      <c r="S674" s="53">
        <v>-500000000</v>
      </c>
      <c r="T674" s="53">
        <v>-500000000</v>
      </c>
      <c r="U674" s="53">
        <v>-500000000</v>
      </c>
      <c r="V674" s="53">
        <v>-500000000</v>
      </c>
      <c r="W674" s="53">
        <v>-500000000</v>
      </c>
      <c r="X674" s="53">
        <v>-500000000</v>
      </c>
      <c r="Y674" s="53">
        <v>-500000000</v>
      </c>
      <c r="Z674" s="53">
        <v>-500000000</v>
      </c>
      <c r="AA674" s="53">
        <v>-500000000</v>
      </c>
      <c r="AB674" s="53">
        <v>-500000000</v>
      </c>
      <c r="AC674" s="53">
        <v>-500000000</v>
      </c>
      <c r="AD674" s="53">
        <v>-500000000</v>
      </c>
      <c r="AE674" s="53">
        <v>-500000000</v>
      </c>
      <c r="AF674" s="53">
        <v>-500000000</v>
      </c>
      <c r="AG674" s="53">
        <v>-500000000</v>
      </c>
      <c r="AH674" s="53">
        <v>-500000000</v>
      </c>
      <c r="AI674" s="53">
        <v>-500000000</v>
      </c>
      <c r="AJ674" s="53">
        <v>-500000000</v>
      </c>
      <c r="AK674" s="53">
        <v>-500000000</v>
      </c>
      <c r="AL674" s="53">
        <v>-500000000</v>
      </c>
      <c r="AM674" s="53">
        <v>-500000000</v>
      </c>
      <c r="AN674" s="53">
        <v>-500000000</v>
      </c>
      <c r="AO674" s="53">
        <v>-500000000</v>
      </c>
      <c r="AP674" s="53">
        <v>-500000000</v>
      </c>
      <c r="AQ674" s="53">
        <v>-500000000</v>
      </c>
      <c r="AR674" s="53">
        <v>-500000000</v>
      </c>
      <c r="AS674" s="53">
        <v>-500000000</v>
      </c>
      <c r="AT674" s="53">
        <v>-500000000</v>
      </c>
      <c r="AU674" s="53">
        <v>-500000000</v>
      </c>
      <c r="AV674" s="53">
        <v>-500000000</v>
      </c>
      <c r="AW674" s="53">
        <v>-500000000</v>
      </c>
      <c r="AX674" s="53">
        <v>-500000000</v>
      </c>
      <c r="AY674" s="53">
        <v>-500000000</v>
      </c>
      <c r="AZ674" s="53">
        <v>-500000000</v>
      </c>
      <c r="BA674" s="53">
        <v>-500000000</v>
      </c>
    </row>
    <row r="675" spans="1:53">
      <c r="A675" s="52" t="s">
        <v>3182</v>
      </c>
      <c r="B675" s="53">
        <v>-500000000</v>
      </c>
      <c r="C675" s="53">
        <v>-500000000</v>
      </c>
      <c r="D675" s="53">
        <v>-500000000</v>
      </c>
      <c r="E675" s="53">
        <v>-500000000</v>
      </c>
      <c r="F675" s="53">
        <v>-500000000</v>
      </c>
      <c r="G675" s="53">
        <v>-500000000</v>
      </c>
      <c r="H675" s="53">
        <v>-500000000</v>
      </c>
      <c r="I675" s="53">
        <v>-500000000</v>
      </c>
      <c r="J675" s="53">
        <v>-500000000</v>
      </c>
      <c r="K675" s="53">
        <v>-500000000</v>
      </c>
      <c r="L675" s="53">
        <v>-500000000</v>
      </c>
      <c r="M675" s="53">
        <v>-500000000</v>
      </c>
      <c r="N675" s="53">
        <v>-500000000</v>
      </c>
      <c r="O675" s="53">
        <v>-500000000</v>
      </c>
      <c r="P675" s="53">
        <v>-500000000</v>
      </c>
      <c r="Q675" s="53">
        <v>-500000000</v>
      </c>
      <c r="R675" s="53">
        <v>-500000000</v>
      </c>
      <c r="S675" s="53">
        <v>-500000000</v>
      </c>
      <c r="T675" s="53">
        <v>-500000000</v>
      </c>
      <c r="U675" s="53">
        <v>-500000000</v>
      </c>
      <c r="V675" s="53">
        <v>-500000000</v>
      </c>
      <c r="W675" s="53">
        <v>-500000000</v>
      </c>
      <c r="X675" s="53">
        <v>-500000000</v>
      </c>
      <c r="Y675" s="53">
        <v>-500000000</v>
      </c>
      <c r="Z675" s="53">
        <v>-500000000</v>
      </c>
      <c r="AA675" s="53">
        <v>-500000000</v>
      </c>
      <c r="AB675" s="53">
        <v>-500000000</v>
      </c>
      <c r="AC675" s="53">
        <v>-500000000</v>
      </c>
      <c r="AD675" s="53">
        <v>-500000000</v>
      </c>
      <c r="AE675" s="53">
        <v>-500000000</v>
      </c>
      <c r="AF675" s="53">
        <v>-500000000</v>
      </c>
      <c r="AG675" s="53">
        <v>-500000000</v>
      </c>
      <c r="AH675" s="53">
        <v>-500000000</v>
      </c>
      <c r="AI675" s="53">
        <v>-500000000</v>
      </c>
      <c r="AJ675" s="53">
        <v>-500000000</v>
      </c>
      <c r="AK675" s="53">
        <v>-500000000</v>
      </c>
      <c r="AL675" s="53">
        <v>-500000000</v>
      </c>
      <c r="AM675" s="53">
        <v>-500000000</v>
      </c>
      <c r="AN675" s="53">
        <v>-500000000</v>
      </c>
      <c r="AO675" s="53">
        <v>-500000000</v>
      </c>
      <c r="AP675" s="53">
        <v>-500000000</v>
      </c>
      <c r="AQ675" s="53">
        <v>-500000000</v>
      </c>
      <c r="AR675" s="53">
        <v>-500000000</v>
      </c>
      <c r="AS675" s="53">
        <v>-500000000</v>
      </c>
      <c r="AT675" s="53">
        <v>-500000000</v>
      </c>
      <c r="AU675" s="53">
        <v>-500000000</v>
      </c>
      <c r="AV675" s="53">
        <v>-500000000</v>
      </c>
      <c r="AW675" s="53">
        <v>-500000000</v>
      </c>
      <c r="AX675" s="53">
        <v>-500000000</v>
      </c>
      <c r="AY675" s="53">
        <v>-500000000</v>
      </c>
      <c r="AZ675" s="53">
        <v>-500000000</v>
      </c>
      <c r="BA675" s="53">
        <v>-500000000</v>
      </c>
    </row>
    <row r="676" spans="1:53">
      <c r="A676" s="52" t="s">
        <v>3183</v>
      </c>
      <c r="B676" s="53">
        <v>-600000000</v>
      </c>
      <c r="C676" s="53">
        <v>-600000000</v>
      </c>
      <c r="D676" s="53">
        <v>-600000000</v>
      </c>
      <c r="E676" s="53">
        <v>-600000000</v>
      </c>
      <c r="F676" s="53">
        <v>-600000000</v>
      </c>
      <c r="G676" s="53">
        <v>-600000000</v>
      </c>
      <c r="H676" s="53">
        <v>-600000000</v>
      </c>
      <c r="I676" s="53">
        <v>-600000000</v>
      </c>
      <c r="J676" s="53">
        <v>-600000000</v>
      </c>
      <c r="K676" s="53">
        <v>-600000000</v>
      </c>
      <c r="L676" s="53">
        <v>-600000000</v>
      </c>
      <c r="M676" s="53">
        <v>-600000000</v>
      </c>
      <c r="N676" s="53">
        <v>-600000000</v>
      </c>
      <c r="O676" s="53">
        <v>-600000000</v>
      </c>
      <c r="P676" s="53">
        <v>-600000000</v>
      </c>
      <c r="Q676" s="53">
        <v>-600000000</v>
      </c>
      <c r="R676" s="53">
        <v>-600000000</v>
      </c>
      <c r="S676" s="53">
        <v>-600000000</v>
      </c>
      <c r="T676" s="53">
        <v>-600000000</v>
      </c>
      <c r="U676" s="53">
        <v>-600000000</v>
      </c>
      <c r="V676" s="53">
        <v>-600000000</v>
      </c>
      <c r="W676" s="53">
        <v>-600000000</v>
      </c>
      <c r="X676" s="53">
        <v>-600000000</v>
      </c>
      <c r="Y676" s="53">
        <v>-600000000</v>
      </c>
      <c r="Z676" s="53">
        <v>-600000000</v>
      </c>
      <c r="AA676" s="53">
        <v>-600000000</v>
      </c>
      <c r="AB676" s="53">
        <v>-600000000</v>
      </c>
      <c r="AC676" s="53">
        <v>-600000000</v>
      </c>
      <c r="AD676" s="53">
        <v>-600000000</v>
      </c>
      <c r="AE676" s="53">
        <v>-600000000</v>
      </c>
      <c r="AF676" s="53">
        <v>-600000000</v>
      </c>
      <c r="AG676" s="53">
        <v>-600000000</v>
      </c>
      <c r="AH676" s="53">
        <v>-600000000</v>
      </c>
      <c r="AI676" s="53">
        <v>-600000000</v>
      </c>
      <c r="AJ676" s="53">
        <v>-600000000</v>
      </c>
      <c r="AK676" s="53">
        <v>-600000000</v>
      </c>
      <c r="AL676" s="53">
        <v>-600000000</v>
      </c>
      <c r="AM676" s="53">
        <v>-600000000</v>
      </c>
      <c r="AN676" s="53">
        <v>-600000000</v>
      </c>
      <c r="AO676" s="53">
        <v>-600000000</v>
      </c>
      <c r="AP676" s="53">
        <v>-600000000</v>
      </c>
      <c r="AQ676" s="53">
        <v>-600000000</v>
      </c>
      <c r="AR676" s="53">
        <v>-600000000</v>
      </c>
      <c r="AS676" s="53">
        <v>-600000000</v>
      </c>
      <c r="AT676" s="53">
        <v>-600000000</v>
      </c>
      <c r="AU676" s="53">
        <v>-600000000</v>
      </c>
      <c r="AV676" s="53">
        <v>-600000000</v>
      </c>
      <c r="AW676" s="53">
        <v>-600000000</v>
      </c>
      <c r="AX676" s="53">
        <v>-600000000</v>
      </c>
      <c r="AY676" s="53">
        <v>-600000000</v>
      </c>
      <c r="AZ676" s="53">
        <v>-600000000</v>
      </c>
      <c r="BA676" s="53">
        <v>-600000000</v>
      </c>
    </row>
    <row r="677" spans="1:53">
      <c r="A677" s="52" t="s">
        <v>3184</v>
      </c>
      <c r="B677" s="53">
        <v>0</v>
      </c>
      <c r="C677" s="53">
        <v>0</v>
      </c>
      <c r="D677" s="53">
        <v>0</v>
      </c>
      <c r="E677" s="53">
        <v>0</v>
      </c>
      <c r="F677" s="53">
        <v>0</v>
      </c>
      <c r="G677" s="53">
        <v>0</v>
      </c>
      <c r="H677" s="53">
        <v>0</v>
      </c>
      <c r="I677" s="53">
        <v>0</v>
      </c>
      <c r="J677" s="53">
        <v>0</v>
      </c>
      <c r="K677" s="53">
        <v>0</v>
      </c>
      <c r="L677" s="53">
        <v>0</v>
      </c>
      <c r="M677" s="53">
        <v>0</v>
      </c>
      <c r="N677" s="53">
        <v>0</v>
      </c>
      <c r="O677" s="53">
        <v>0</v>
      </c>
      <c r="P677" s="53">
        <v>0</v>
      </c>
      <c r="Q677" s="53">
        <v>0</v>
      </c>
      <c r="R677" s="53">
        <v>0</v>
      </c>
      <c r="S677" s="53">
        <v>0</v>
      </c>
      <c r="T677" s="53">
        <v>0</v>
      </c>
      <c r="U677" s="53">
        <v>0</v>
      </c>
      <c r="V677" s="53">
        <v>0</v>
      </c>
      <c r="W677" s="53">
        <v>0</v>
      </c>
      <c r="X677" s="53">
        <v>0</v>
      </c>
      <c r="Y677" s="53">
        <v>0</v>
      </c>
      <c r="Z677" s="53">
        <v>0</v>
      </c>
      <c r="AA677" s="53">
        <v>0</v>
      </c>
      <c r="AB677" s="53">
        <v>0</v>
      </c>
      <c r="AC677" s="53">
        <v>0</v>
      </c>
      <c r="AD677" s="53">
        <v>0</v>
      </c>
      <c r="AE677" s="53">
        <v>0</v>
      </c>
      <c r="AF677" s="53">
        <v>0</v>
      </c>
      <c r="AG677" s="53">
        <v>0</v>
      </c>
      <c r="AH677" s="53">
        <v>0</v>
      </c>
      <c r="AI677" s="53">
        <v>0</v>
      </c>
      <c r="AJ677" s="53">
        <v>0</v>
      </c>
      <c r="AK677" s="53">
        <v>0</v>
      </c>
      <c r="AL677" s="53">
        <v>0</v>
      </c>
      <c r="AM677" s="53">
        <v>0</v>
      </c>
      <c r="AN677" s="53">
        <v>0</v>
      </c>
      <c r="AO677" s="53">
        <v>0</v>
      </c>
      <c r="AP677" s="53">
        <v>0</v>
      </c>
      <c r="AQ677" s="53">
        <v>0</v>
      </c>
      <c r="AR677" s="53">
        <v>0</v>
      </c>
      <c r="AS677" s="53">
        <v>0</v>
      </c>
      <c r="AT677" s="53">
        <v>0</v>
      </c>
      <c r="AU677" s="53">
        <v>0</v>
      </c>
      <c r="AV677" s="53">
        <v>0</v>
      </c>
      <c r="AW677" s="53">
        <v>0</v>
      </c>
      <c r="AX677" s="53">
        <v>0</v>
      </c>
      <c r="AY677" s="53">
        <v>0</v>
      </c>
      <c r="AZ677" s="53">
        <v>0</v>
      </c>
      <c r="BA677" s="53">
        <v>0</v>
      </c>
    </row>
    <row r="678" spans="1:53">
      <c r="A678" s="52" t="s">
        <v>3185</v>
      </c>
      <c r="B678" s="53">
        <v>-650000000</v>
      </c>
      <c r="C678" s="53">
        <v>-650000000</v>
      </c>
      <c r="D678" s="53">
        <v>-650000000</v>
      </c>
      <c r="E678" s="53">
        <v>-650000000</v>
      </c>
      <c r="F678" s="53">
        <v>-650000000</v>
      </c>
      <c r="G678" s="53">
        <v>-650000000</v>
      </c>
      <c r="H678" s="53">
        <v>-650000000</v>
      </c>
      <c r="I678" s="53">
        <v>-650000000</v>
      </c>
      <c r="J678" s="53">
        <v>-650000000</v>
      </c>
      <c r="K678" s="53">
        <v>-650000000</v>
      </c>
      <c r="L678" s="53">
        <v>-650000000</v>
      </c>
      <c r="M678" s="53">
        <v>-650000000</v>
      </c>
      <c r="N678" s="53">
        <v>-650000000</v>
      </c>
      <c r="O678" s="53">
        <v>-650000000</v>
      </c>
      <c r="P678" s="53">
        <v>-650000000</v>
      </c>
      <c r="Q678" s="53">
        <v>-650000000</v>
      </c>
      <c r="R678" s="53">
        <v>-650000000</v>
      </c>
      <c r="S678" s="53">
        <v>-650000000</v>
      </c>
      <c r="T678" s="53">
        <v>-650000000</v>
      </c>
      <c r="U678" s="53">
        <v>-650000000</v>
      </c>
      <c r="V678" s="53">
        <v>-650000000</v>
      </c>
      <c r="W678" s="53">
        <v>-650000000</v>
      </c>
      <c r="X678" s="53">
        <v>-650000000</v>
      </c>
      <c r="Y678" s="53">
        <v>-650000000</v>
      </c>
      <c r="Z678" s="53">
        <v>-650000000</v>
      </c>
      <c r="AA678" s="53">
        <v>-650000000</v>
      </c>
      <c r="AB678" s="53">
        <v>-650000000</v>
      </c>
      <c r="AC678" s="53">
        <v>-650000000</v>
      </c>
      <c r="AD678" s="53">
        <v>-650000000</v>
      </c>
      <c r="AE678" s="53">
        <v>-650000000</v>
      </c>
      <c r="AF678" s="53">
        <v>-650000000</v>
      </c>
      <c r="AG678" s="53">
        <v>-650000000</v>
      </c>
      <c r="AH678" s="53">
        <v>-650000000</v>
      </c>
      <c r="AI678" s="53">
        <v>-650000000</v>
      </c>
      <c r="AJ678" s="53">
        <v>-650000000</v>
      </c>
      <c r="AK678" s="53">
        <v>-650000000</v>
      </c>
      <c r="AL678" s="53">
        <v>-650000000</v>
      </c>
      <c r="AM678" s="53">
        <v>-650000000</v>
      </c>
      <c r="AN678" s="53">
        <v>-650000000</v>
      </c>
      <c r="AO678" s="53">
        <v>-650000000</v>
      </c>
      <c r="AP678" s="53">
        <v>-650000000</v>
      </c>
      <c r="AQ678" s="53">
        <v>-650000000</v>
      </c>
      <c r="AR678" s="53">
        <v>-650000000</v>
      </c>
      <c r="AS678" s="53">
        <v>-650000000</v>
      </c>
      <c r="AT678" s="53">
        <v>-650000000</v>
      </c>
      <c r="AU678" s="53">
        <v>-650000000</v>
      </c>
      <c r="AV678" s="53">
        <v>-650000000</v>
      </c>
      <c r="AW678" s="53">
        <v>-650000000</v>
      </c>
      <c r="AX678" s="53">
        <v>-650000000</v>
      </c>
      <c r="AY678" s="53">
        <v>-650000000</v>
      </c>
      <c r="AZ678" s="53">
        <v>-650000000</v>
      </c>
      <c r="BA678" s="53">
        <v>-650000000</v>
      </c>
    </row>
    <row r="679" spans="1:53">
      <c r="A679" s="52" t="s">
        <v>3186</v>
      </c>
      <c r="B679" s="53">
        <v>-700000000</v>
      </c>
      <c r="C679" s="53">
        <v>-700000000</v>
      </c>
      <c r="D679" s="53">
        <v>-700000000</v>
      </c>
      <c r="E679" s="53">
        <v>-700000000</v>
      </c>
      <c r="F679" s="53">
        <v>-700000000</v>
      </c>
      <c r="G679" s="53">
        <v>-700000000</v>
      </c>
      <c r="H679" s="53">
        <v>-700000000</v>
      </c>
      <c r="I679" s="53">
        <v>-700000000</v>
      </c>
      <c r="J679" s="53">
        <v>-700000000</v>
      </c>
      <c r="K679" s="53">
        <v>-700000000</v>
      </c>
      <c r="L679" s="53">
        <v>-700000000</v>
      </c>
      <c r="M679" s="53">
        <v>-700000000</v>
      </c>
      <c r="N679" s="53">
        <v>-700000000</v>
      </c>
      <c r="O679" s="53">
        <v>-700000000</v>
      </c>
      <c r="P679" s="53">
        <v>-700000000</v>
      </c>
      <c r="Q679" s="53">
        <v>-700000000</v>
      </c>
      <c r="R679" s="53">
        <v>-700000000</v>
      </c>
      <c r="S679" s="53">
        <v>-700000000</v>
      </c>
      <c r="T679" s="53">
        <v>-700000000</v>
      </c>
      <c r="U679" s="53">
        <v>-700000000</v>
      </c>
      <c r="V679" s="53">
        <v>-700000000</v>
      </c>
      <c r="W679" s="53">
        <v>-700000000</v>
      </c>
      <c r="X679" s="53">
        <v>-700000000</v>
      </c>
      <c r="Y679" s="53">
        <v>-700000000</v>
      </c>
      <c r="Z679" s="53">
        <v>-700000000</v>
      </c>
      <c r="AA679" s="53">
        <v>-700000000</v>
      </c>
      <c r="AB679" s="53">
        <v>-700000000</v>
      </c>
      <c r="AC679" s="53">
        <v>-700000000</v>
      </c>
      <c r="AD679" s="53">
        <v>-700000000</v>
      </c>
      <c r="AE679" s="53">
        <v>-700000000</v>
      </c>
      <c r="AF679" s="53">
        <v>-700000000</v>
      </c>
      <c r="AG679" s="53">
        <v>-700000000</v>
      </c>
      <c r="AH679" s="53">
        <v>-700000000</v>
      </c>
      <c r="AI679" s="53">
        <v>-700000000</v>
      </c>
      <c r="AJ679" s="53">
        <v>-700000000</v>
      </c>
      <c r="AK679" s="53">
        <v>-700000000</v>
      </c>
      <c r="AL679" s="53">
        <v>-700000000</v>
      </c>
      <c r="AM679" s="53">
        <v>-700000000</v>
      </c>
      <c r="AN679" s="53">
        <v>-700000000</v>
      </c>
      <c r="AO679" s="53">
        <v>-700000000</v>
      </c>
      <c r="AP679" s="53">
        <v>-700000000</v>
      </c>
      <c r="AQ679" s="53">
        <v>-700000000</v>
      </c>
      <c r="AR679" s="53">
        <v>-700000000</v>
      </c>
      <c r="AS679" s="53">
        <v>-700000000</v>
      </c>
      <c r="AT679" s="53">
        <v>-700000000</v>
      </c>
      <c r="AU679" s="53">
        <v>-700000000</v>
      </c>
      <c r="AV679" s="53">
        <v>-700000000</v>
      </c>
      <c r="AW679" s="53">
        <v>-700000000</v>
      </c>
      <c r="AX679" s="53">
        <v>-700000000</v>
      </c>
      <c r="AY679" s="53">
        <v>-700000000</v>
      </c>
      <c r="AZ679" s="53">
        <v>-700000000</v>
      </c>
      <c r="BA679" s="53">
        <v>-700000000</v>
      </c>
    </row>
    <row r="680" spans="1:53">
      <c r="A680" s="52" t="s">
        <v>3187</v>
      </c>
      <c r="B680" s="53">
        <v>0</v>
      </c>
      <c r="C680" s="53">
        <v>0</v>
      </c>
      <c r="D680" s="53">
        <v>0</v>
      </c>
      <c r="E680" s="53">
        <v>0</v>
      </c>
      <c r="F680" s="53">
        <v>0</v>
      </c>
      <c r="G680" s="53">
        <v>0</v>
      </c>
      <c r="H680" s="53">
        <v>0</v>
      </c>
      <c r="I680" s="53">
        <v>0</v>
      </c>
      <c r="J680" s="53">
        <v>0</v>
      </c>
      <c r="K680" s="53">
        <v>0</v>
      </c>
      <c r="L680" s="53">
        <v>0</v>
      </c>
      <c r="M680" s="53">
        <v>0</v>
      </c>
      <c r="N680" s="53">
        <v>0</v>
      </c>
      <c r="O680" s="53">
        <v>0</v>
      </c>
      <c r="P680" s="53">
        <v>0</v>
      </c>
      <c r="Q680" s="53">
        <v>0</v>
      </c>
      <c r="R680" s="53">
        <v>0</v>
      </c>
      <c r="S680" s="53">
        <v>0</v>
      </c>
      <c r="T680" s="53">
        <v>0</v>
      </c>
      <c r="U680" s="53">
        <v>0</v>
      </c>
      <c r="V680" s="53">
        <v>0</v>
      </c>
      <c r="W680" s="53">
        <v>0</v>
      </c>
      <c r="X680" s="53">
        <v>0</v>
      </c>
      <c r="Y680" s="53">
        <v>0</v>
      </c>
      <c r="Z680" s="53">
        <v>0</v>
      </c>
      <c r="AA680" s="53">
        <v>0</v>
      </c>
      <c r="AB680" s="53">
        <v>0</v>
      </c>
      <c r="AC680" s="53">
        <v>0</v>
      </c>
      <c r="AD680" s="53">
        <v>0</v>
      </c>
      <c r="AE680" s="53">
        <v>0</v>
      </c>
      <c r="AF680" s="53">
        <v>0</v>
      </c>
      <c r="AG680" s="53">
        <v>0</v>
      </c>
      <c r="AH680" s="53">
        <v>0</v>
      </c>
      <c r="AI680" s="53">
        <v>0</v>
      </c>
      <c r="AJ680" s="53">
        <v>0</v>
      </c>
      <c r="AK680" s="53">
        <v>0</v>
      </c>
      <c r="AL680" s="53">
        <v>0</v>
      </c>
      <c r="AM680" s="53">
        <v>0</v>
      </c>
      <c r="AN680" s="53">
        <v>0</v>
      </c>
      <c r="AO680" s="53">
        <v>0</v>
      </c>
      <c r="AP680" s="53">
        <v>0</v>
      </c>
      <c r="AQ680" s="53">
        <v>0</v>
      </c>
      <c r="AR680" s="53">
        <v>0</v>
      </c>
      <c r="AS680" s="53">
        <v>0</v>
      </c>
      <c r="AT680" s="53">
        <v>0</v>
      </c>
      <c r="AU680" s="53">
        <v>0</v>
      </c>
      <c r="AV680" s="53">
        <v>0</v>
      </c>
      <c r="AW680" s="53">
        <v>0</v>
      </c>
      <c r="AX680" s="53">
        <v>0</v>
      </c>
      <c r="AY680" s="53">
        <v>0</v>
      </c>
      <c r="AZ680" s="53">
        <v>0</v>
      </c>
      <c r="BA680" s="53">
        <v>0</v>
      </c>
    </row>
    <row r="681" spans="1:53">
      <c r="A681" s="52" t="s">
        <v>3188</v>
      </c>
      <c r="B681" s="53">
        <v>0</v>
      </c>
      <c r="C681" s="53">
        <v>0</v>
      </c>
      <c r="D681" s="53">
        <v>0</v>
      </c>
      <c r="E681" s="53">
        <v>0</v>
      </c>
      <c r="F681" s="53">
        <v>0</v>
      </c>
      <c r="G681" s="53">
        <v>0</v>
      </c>
      <c r="H681" s="53">
        <v>0</v>
      </c>
      <c r="I681" s="53">
        <v>0</v>
      </c>
      <c r="J681" s="53">
        <v>0</v>
      </c>
      <c r="K681" s="53">
        <v>0</v>
      </c>
      <c r="L681" s="53">
        <v>0</v>
      </c>
      <c r="M681" s="53">
        <v>0</v>
      </c>
      <c r="N681" s="53">
        <v>0</v>
      </c>
      <c r="O681" s="53">
        <v>0</v>
      </c>
      <c r="P681" s="53">
        <v>0</v>
      </c>
      <c r="Q681" s="53">
        <v>0</v>
      </c>
      <c r="R681" s="53">
        <v>0</v>
      </c>
      <c r="S681" s="53">
        <v>0</v>
      </c>
      <c r="T681" s="53">
        <v>0</v>
      </c>
      <c r="U681" s="53">
        <v>0</v>
      </c>
      <c r="V681" s="53">
        <v>0</v>
      </c>
      <c r="W681" s="53">
        <v>0</v>
      </c>
      <c r="X681" s="53">
        <v>0</v>
      </c>
      <c r="Y681" s="53">
        <v>0</v>
      </c>
      <c r="Z681" s="53">
        <v>0</v>
      </c>
      <c r="AA681" s="53">
        <v>0</v>
      </c>
      <c r="AB681" s="53">
        <v>0</v>
      </c>
      <c r="AC681" s="53">
        <v>0</v>
      </c>
      <c r="AD681" s="53">
        <v>0</v>
      </c>
      <c r="AE681" s="53">
        <v>0</v>
      </c>
      <c r="AF681" s="53">
        <v>0</v>
      </c>
      <c r="AG681" s="53">
        <v>0</v>
      </c>
      <c r="AH681" s="53">
        <v>0</v>
      </c>
      <c r="AI681" s="53">
        <v>0</v>
      </c>
      <c r="AJ681" s="53">
        <v>0</v>
      </c>
      <c r="AK681" s="53">
        <v>0</v>
      </c>
      <c r="AL681" s="53">
        <v>0</v>
      </c>
      <c r="AM681" s="53">
        <v>0</v>
      </c>
      <c r="AN681" s="53">
        <v>0</v>
      </c>
      <c r="AO681" s="53">
        <v>0</v>
      </c>
      <c r="AP681" s="53">
        <v>0</v>
      </c>
      <c r="AQ681" s="53">
        <v>0</v>
      </c>
      <c r="AR681" s="53">
        <v>0</v>
      </c>
      <c r="AS681" s="53">
        <v>0</v>
      </c>
      <c r="AT681" s="53">
        <v>0</v>
      </c>
      <c r="AU681" s="53">
        <v>0</v>
      </c>
      <c r="AV681" s="53">
        <v>0</v>
      </c>
      <c r="AW681" s="53">
        <v>0</v>
      </c>
      <c r="AX681" s="53">
        <v>0</v>
      </c>
      <c r="AY681" s="53">
        <v>0</v>
      </c>
      <c r="AZ681" s="53">
        <v>0</v>
      </c>
      <c r="BA681" s="53">
        <v>0</v>
      </c>
    </row>
    <row r="682" spans="1:53">
      <c r="A682" s="52" t="s">
        <v>3189</v>
      </c>
      <c r="B682" s="53">
        <v>0</v>
      </c>
      <c r="C682" s="53">
        <v>0</v>
      </c>
      <c r="D682" s="53">
        <v>0</v>
      </c>
      <c r="E682" s="53">
        <v>0</v>
      </c>
      <c r="F682" s="53">
        <v>0</v>
      </c>
      <c r="G682" s="53">
        <v>0</v>
      </c>
      <c r="H682" s="53">
        <v>0</v>
      </c>
      <c r="I682" s="53">
        <v>0</v>
      </c>
      <c r="J682" s="53">
        <v>0</v>
      </c>
      <c r="K682" s="53">
        <v>0</v>
      </c>
      <c r="L682" s="53">
        <v>0</v>
      </c>
      <c r="M682" s="53">
        <v>0</v>
      </c>
      <c r="N682" s="53">
        <v>0</v>
      </c>
      <c r="O682" s="53">
        <v>0</v>
      </c>
      <c r="P682" s="53">
        <v>0</v>
      </c>
      <c r="Q682" s="53">
        <v>0</v>
      </c>
      <c r="R682" s="53">
        <v>0</v>
      </c>
      <c r="S682" s="53">
        <v>0</v>
      </c>
      <c r="T682" s="53">
        <v>0</v>
      </c>
      <c r="U682" s="53">
        <v>0</v>
      </c>
      <c r="V682" s="53">
        <v>0</v>
      </c>
      <c r="W682" s="53">
        <v>0</v>
      </c>
      <c r="X682" s="53">
        <v>0</v>
      </c>
      <c r="Y682" s="53">
        <v>0</v>
      </c>
      <c r="Z682" s="53">
        <v>0</v>
      </c>
      <c r="AA682" s="53">
        <v>0</v>
      </c>
      <c r="AB682" s="53">
        <v>0</v>
      </c>
      <c r="AC682" s="53">
        <v>0</v>
      </c>
      <c r="AD682" s="53">
        <v>0</v>
      </c>
      <c r="AE682" s="53">
        <v>0</v>
      </c>
      <c r="AF682" s="53">
        <v>0</v>
      </c>
      <c r="AG682" s="53">
        <v>0</v>
      </c>
      <c r="AH682" s="53">
        <v>0</v>
      </c>
      <c r="AI682" s="53">
        <v>0</v>
      </c>
      <c r="AJ682" s="53">
        <v>0</v>
      </c>
      <c r="AK682" s="53">
        <v>0</v>
      </c>
      <c r="AL682" s="53">
        <v>0</v>
      </c>
      <c r="AM682" s="53">
        <v>0</v>
      </c>
      <c r="AN682" s="53">
        <v>0</v>
      </c>
      <c r="AO682" s="53">
        <v>0</v>
      </c>
      <c r="AP682" s="53">
        <v>0</v>
      </c>
      <c r="AQ682" s="53">
        <v>0</v>
      </c>
      <c r="AR682" s="53">
        <v>0</v>
      </c>
      <c r="AS682" s="53">
        <v>0</v>
      </c>
      <c r="AT682" s="53">
        <v>0</v>
      </c>
      <c r="AU682" s="53">
        <v>0</v>
      </c>
      <c r="AV682" s="53">
        <v>0</v>
      </c>
      <c r="AW682" s="53">
        <v>0</v>
      </c>
      <c r="AX682" s="53">
        <v>0</v>
      </c>
      <c r="AY682" s="53">
        <v>0</v>
      </c>
      <c r="AZ682" s="53">
        <v>0</v>
      </c>
      <c r="BA682" s="53">
        <v>0</v>
      </c>
    </row>
    <row r="683" spans="1:53">
      <c r="A683" s="52" t="s">
        <v>3190</v>
      </c>
      <c r="B683" s="53">
        <v>0</v>
      </c>
      <c r="C683" s="53">
        <v>0</v>
      </c>
      <c r="D683" s="53">
        <v>0</v>
      </c>
      <c r="E683" s="53">
        <v>0</v>
      </c>
      <c r="F683" s="53">
        <v>0</v>
      </c>
      <c r="G683" s="53">
        <v>0</v>
      </c>
      <c r="H683" s="53">
        <v>0</v>
      </c>
      <c r="I683" s="53">
        <v>0</v>
      </c>
      <c r="J683" s="53">
        <v>0</v>
      </c>
      <c r="K683" s="53">
        <v>0</v>
      </c>
      <c r="L683" s="53">
        <v>0</v>
      </c>
      <c r="M683" s="53">
        <v>0</v>
      </c>
      <c r="N683" s="53">
        <v>0</v>
      </c>
      <c r="O683" s="53">
        <v>0</v>
      </c>
      <c r="P683" s="53">
        <v>0</v>
      </c>
      <c r="Q683" s="53">
        <v>0</v>
      </c>
      <c r="R683" s="53">
        <v>0</v>
      </c>
      <c r="S683" s="53">
        <v>0</v>
      </c>
      <c r="T683" s="53">
        <v>0</v>
      </c>
      <c r="U683" s="53">
        <v>0</v>
      </c>
      <c r="V683" s="53">
        <v>0</v>
      </c>
      <c r="W683" s="53">
        <v>0</v>
      </c>
      <c r="X683" s="53">
        <v>0</v>
      </c>
      <c r="Y683" s="53">
        <v>0</v>
      </c>
      <c r="Z683" s="53">
        <v>0</v>
      </c>
      <c r="AA683" s="53">
        <v>0</v>
      </c>
      <c r="AB683" s="53">
        <v>0</v>
      </c>
      <c r="AC683" s="53">
        <v>0</v>
      </c>
      <c r="AD683" s="53">
        <v>0</v>
      </c>
      <c r="AE683" s="53">
        <v>0</v>
      </c>
      <c r="AF683" s="53">
        <v>0</v>
      </c>
      <c r="AG683" s="53">
        <v>0</v>
      </c>
      <c r="AH683" s="53">
        <v>0</v>
      </c>
      <c r="AI683" s="53">
        <v>0</v>
      </c>
      <c r="AJ683" s="53">
        <v>0</v>
      </c>
      <c r="AK683" s="53">
        <v>0</v>
      </c>
      <c r="AL683" s="53">
        <v>0</v>
      </c>
      <c r="AM683" s="53">
        <v>0</v>
      </c>
      <c r="AN683" s="53">
        <v>0</v>
      </c>
      <c r="AO683" s="53">
        <v>0</v>
      </c>
      <c r="AP683" s="53">
        <v>0</v>
      </c>
      <c r="AQ683" s="53">
        <v>0</v>
      </c>
      <c r="AR683" s="53">
        <v>0</v>
      </c>
      <c r="AS683" s="53">
        <v>0</v>
      </c>
      <c r="AT683" s="53">
        <v>0</v>
      </c>
      <c r="AU683" s="53">
        <v>0</v>
      </c>
      <c r="AV683" s="53">
        <v>0</v>
      </c>
      <c r="AW683" s="53">
        <v>0</v>
      </c>
      <c r="AX683" s="53">
        <v>0</v>
      </c>
      <c r="AY683" s="53">
        <v>0</v>
      </c>
      <c r="AZ683" s="53">
        <v>0</v>
      </c>
      <c r="BA683" s="53">
        <v>0</v>
      </c>
    </row>
    <row r="684" spans="1:53">
      <c r="A684" s="52" t="s">
        <v>3191</v>
      </c>
      <c r="B684" s="53">
        <v>0</v>
      </c>
      <c r="C684" s="53">
        <v>0</v>
      </c>
      <c r="D684" s="53">
        <v>0</v>
      </c>
      <c r="E684" s="53">
        <v>0</v>
      </c>
      <c r="F684" s="53">
        <v>0</v>
      </c>
      <c r="G684" s="53">
        <v>0</v>
      </c>
      <c r="H684" s="53">
        <v>0</v>
      </c>
      <c r="I684" s="53">
        <v>0</v>
      </c>
      <c r="J684" s="53">
        <v>0</v>
      </c>
      <c r="K684" s="53">
        <v>0</v>
      </c>
      <c r="L684" s="53">
        <v>0</v>
      </c>
      <c r="M684" s="53">
        <v>0</v>
      </c>
      <c r="N684" s="53">
        <v>0</v>
      </c>
      <c r="O684" s="53">
        <v>0</v>
      </c>
      <c r="P684" s="53">
        <v>0</v>
      </c>
      <c r="Q684" s="53">
        <v>0</v>
      </c>
      <c r="R684" s="53">
        <v>0</v>
      </c>
      <c r="S684" s="53">
        <v>0</v>
      </c>
      <c r="T684" s="53">
        <v>0</v>
      </c>
      <c r="U684" s="53">
        <v>0</v>
      </c>
      <c r="V684" s="53">
        <v>0</v>
      </c>
      <c r="W684" s="53">
        <v>0</v>
      </c>
      <c r="X684" s="53">
        <v>0</v>
      </c>
      <c r="Y684" s="53">
        <v>0</v>
      </c>
      <c r="Z684" s="53">
        <v>0</v>
      </c>
      <c r="AA684" s="53">
        <v>0</v>
      </c>
      <c r="AB684" s="53">
        <v>0</v>
      </c>
      <c r="AC684" s="53">
        <v>0</v>
      </c>
      <c r="AD684" s="53">
        <v>0</v>
      </c>
      <c r="AE684" s="53">
        <v>0</v>
      </c>
      <c r="AF684" s="53">
        <v>0</v>
      </c>
      <c r="AG684" s="53">
        <v>0</v>
      </c>
      <c r="AH684" s="53">
        <v>0</v>
      </c>
      <c r="AI684" s="53">
        <v>0</v>
      </c>
      <c r="AJ684" s="53">
        <v>0</v>
      </c>
      <c r="AK684" s="53">
        <v>0</v>
      </c>
      <c r="AL684" s="53">
        <v>0</v>
      </c>
      <c r="AM684" s="53">
        <v>0</v>
      </c>
      <c r="AN684" s="53">
        <v>0</v>
      </c>
      <c r="AO684" s="53">
        <v>0</v>
      </c>
      <c r="AP684" s="53">
        <v>0</v>
      </c>
      <c r="AQ684" s="53">
        <v>0</v>
      </c>
      <c r="AR684" s="53">
        <v>0</v>
      </c>
      <c r="AS684" s="53">
        <v>0</v>
      </c>
      <c r="AT684" s="53">
        <v>0</v>
      </c>
      <c r="AU684" s="53">
        <v>0</v>
      </c>
      <c r="AV684" s="53">
        <v>0</v>
      </c>
      <c r="AW684" s="53">
        <v>0</v>
      </c>
      <c r="AX684" s="53">
        <v>0</v>
      </c>
      <c r="AY684" s="53">
        <v>0</v>
      </c>
      <c r="AZ684" s="53">
        <v>0</v>
      </c>
      <c r="BA684" s="53">
        <v>0</v>
      </c>
    </row>
    <row r="685" spans="1:53">
      <c r="A685" s="52" t="s">
        <v>3192</v>
      </c>
      <c r="B685" s="53">
        <v>0</v>
      </c>
      <c r="C685" s="53">
        <v>0</v>
      </c>
      <c r="D685" s="53">
        <v>0</v>
      </c>
      <c r="E685" s="53">
        <v>0</v>
      </c>
      <c r="F685" s="53">
        <v>0</v>
      </c>
      <c r="G685" s="53">
        <v>0</v>
      </c>
      <c r="H685" s="53">
        <v>0</v>
      </c>
      <c r="I685" s="53">
        <v>0</v>
      </c>
      <c r="J685" s="53">
        <v>0</v>
      </c>
      <c r="K685" s="53">
        <v>0</v>
      </c>
      <c r="L685" s="53">
        <v>0</v>
      </c>
      <c r="M685" s="53">
        <v>0</v>
      </c>
      <c r="N685" s="53">
        <v>0</v>
      </c>
      <c r="O685" s="53">
        <v>0</v>
      </c>
      <c r="P685" s="53">
        <v>0</v>
      </c>
      <c r="Q685" s="53">
        <v>0</v>
      </c>
      <c r="R685" s="53">
        <v>0</v>
      </c>
      <c r="S685" s="53">
        <v>0</v>
      </c>
      <c r="T685" s="53">
        <v>0</v>
      </c>
      <c r="U685" s="53">
        <v>0</v>
      </c>
      <c r="V685" s="53">
        <v>0</v>
      </c>
      <c r="W685" s="53">
        <v>0</v>
      </c>
      <c r="X685" s="53">
        <v>0</v>
      </c>
      <c r="Y685" s="53">
        <v>0</v>
      </c>
      <c r="Z685" s="53">
        <v>0</v>
      </c>
      <c r="AA685" s="53">
        <v>0</v>
      </c>
      <c r="AB685" s="53">
        <v>0</v>
      </c>
      <c r="AC685" s="53">
        <v>0</v>
      </c>
      <c r="AD685" s="53">
        <v>0</v>
      </c>
      <c r="AE685" s="53">
        <v>0</v>
      </c>
      <c r="AF685" s="53">
        <v>0</v>
      </c>
      <c r="AG685" s="53">
        <v>0</v>
      </c>
      <c r="AH685" s="53">
        <v>0</v>
      </c>
      <c r="AI685" s="53">
        <v>0</v>
      </c>
      <c r="AJ685" s="53">
        <v>0</v>
      </c>
      <c r="AK685" s="53">
        <v>0</v>
      </c>
      <c r="AL685" s="53">
        <v>0</v>
      </c>
      <c r="AM685" s="53">
        <v>0</v>
      </c>
      <c r="AN685" s="53">
        <v>0</v>
      </c>
      <c r="AO685" s="53">
        <v>0</v>
      </c>
      <c r="AP685" s="53">
        <v>0</v>
      </c>
      <c r="AQ685" s="53">
        <v>0</v>
      </c>
      <c r="AR685" s="53">
        <v>0</v>
      </c>
      <c r="AS685" s="53">
        <v>0</v>
      </c>
      <c r="AT685" s="53">
        <v>0</v>
      </c>
      <c r="AU685" s="53">
        <v>0</v>
      </c>
      <c r="AV685" s="53">
        <v>0</v>
      </c>
      <c r="AW685" s="53">
        <v>0</v>
      </c>
      <c r="AX685" s="53">
        <v>0</v>
      </c>
      <c r="AY685" s="53">
        <v>0</v>
      </c>
      <c r="AZ685" s="53">
        <v>0</v>
      </c>
      <c r="BA685" s="53">
        <v>0</v>
      </c>
    </row>
    <row r="686" spans="1:53">
      <c r="A686" s="52" t="s">
        <v>3193</v>
      </c>
      <c r="B686" s="53">
        <v>-225000000</v>
      </c>
      <c r="C686" s="53">
        <v>-225000000</v>
      </c>
      <c r="D686" s="53">
        <v>-225000000</v>
      </c>
      <c r="E686" s="53">
        <v>-225000000</v>
      </c>
      <c r="F686" s="53">
        <v>-225000000</v>
      </c>
      <c r="G686" s="53">
        <v>-225000000</v>
      </c>
      <c r="H686" s="53">
        <v>-225000000</v>
      </c>
      <c r="I686" s="53">
        <v>-225000000</v>
      </c>
      <c r="J686" s="53">
        <v>-225000000</v>
      </c>
      <c r="K686" s="53">
        <v>-225000000</v>
      </c>
      <c r="L686" s="53">
        <v>-225000000</v>
      </c>
      <c r="M686" s="53">
        <v>-225000000</v>
      </c>
      <c r="N686" s="53">
        <v>-225000000</v>
      </c>
      <c r="O686" s="53">
        <v>-225000000</v>
      </c>
      <c r="P686" s="53">
        <v>-225000000</v>
      </c>
      <c r="Q686" s="53">
        <v>-225000000</v>
      </c>
      <c r="R686" s="53">
        <v>-225000000</v>
      </c>
      <c r="S686" s="53">
        <v>-225000000</v>
      </c>
      <c r="T686" s="53">
        <v>-225000000</v>
      </c>
      <c r="U686" s="53">
        <v>-225000000</v>
      </c>
      <c r="V686" s="53">
        <v>-225000000</v>
      </c>
      <c r="W686" s="53">
        <v>-225000000</v>
      </c>
      <c r="X686" s="53">
        <v>-225000000</v>
      </c>
      <c r="Y686" s="53">
        <v>-225000000</v>
      </c>
      <c r="Z686" s="53">
        <v>-225000000</v>
      </c>
      <c r="AA686" s="53">
        <v>-225000000</v>
      </c>
      <c r="AB686" s="53">
        <v>-225000000</v>
      </c>
      <c r="AC686" s="53">
        <v>-225000000</v>
      </c>
      <c r="AD686" s="53">
        <v>-225000000</v>
      </c>
      <c r="AE686" s="53">
        <v>-225000000</v>
      </c>
      <c r="AF686" s="53">
        <v>-225000000</v>
      </c>
      <c r="AG686" s="53">
        <v>-225000000</v>
      </c>
      <c r="AH686" s="53">
        <v>-225000000</v>
      </c>
      <c r="AI686" s="53">
        <v>-225000000</v>
      </c>
      <c r="AJ686" s="53">
        <v>-225000000</v>
      </c>
      <c r="AK686" s="53">
        <v>-225000000</v>
      </c>
      <c r="AL686" s="53">
        <v>-225000000</v>
      </c>
      <c r="AM686" s="53">
        <v>-225000000</v>
      </c>
      <c r="AN686" s="53">
        <v>-225000000</v>
      </c>
      <c r="AO686" s="53">
        <v>-225000000</v>
      </c>
      <c r="AP686" s="53">
        <v>-225000000</v>
      </c>
      <c r="AQ686" s="53">
        <v>-225000000</v>
      </c>
      <c r="AR686" s="53">
        <v>-225000000</v>
      </c>
      <c r="AS686" s="53">
        <v>-225000000</v>
      </c>
      <c r="AT686" s="53">
        <v>-225000000</v>
      </c>
      <c r="AU686" s="53">
        <v>-225000000</v>
      </c>
      <c r="AV686" s="53">
        <v>-225000000</v>
      </c>
      <c r="AW686" s="53">
        <v>-225000000</v>
      </c>
      <c r="AX686" s="53">
        <v>-225000000</v>
      </c>
      <c r="AY686" s="53">
        <v>-225000000</v>
      </c>
      <c r="AZ686" s="53">
        <v>-225000000</v>
      </c>
      <c r="BA686" s="53">
        <v>-225000000</v>
      </c>
    </row>
    <row r="687" spans="1:53">
      <c r="A687" s="52" t="s">
        <v>3194</v>
      </c>
      <c r="B687" s="53">
        <v>0</v>
      </c>
      <c r="C687" s="53">
        <v>0</v>
      </c>
      <c r="D687" s="53">
        <v>0</v>
      </c>
      <c r="E687" s="53">
        <v>0</v>
      </c>
      <c r="F687" s="53">
        <v>0</v>
      </c>
      <c r="G687" s="53">
        <v>0</v>
      </c>
      <c r="H687" s="53">
        <v>0</v>
      </c>
      <c r="I687" s="53">
        <v>0</v>
      </c>
      <c r="J687" s="53">
        <v>0</v>
      </c>
      <c r="K687" s="53">
        <v>0</v>
      </c>
      <c r="L687" s="53">
        <v>0</v>
      </c>
      <c r="M687" s="53">
        <v>0</v>
      </c>
      <c r="N687" s="53">
        <v>0</v>
      </c>
      <c r="O687" s="53">
        <v>0</v>
      </c>
      <c r="P687" s="53">
        <v>0</v>
      </c>
      <c r="Q687" s="53">
        <v>0</v>
      </c>
      <c r="R687" s="53">
        <v>0</v>
      </c>
      <c r="S687" s="53">
        <v>0</v>
      </c>
      <c r="T687" s="53">
        <v>0</v>
      </c>
      <c r="U687" s="53">
        <v>0</v>
      </c>
      <c r="V687" s="53">
        <v>0</v>
      </c>
      <c r="W687" s="53">
        <v>0</v>
      </c>
      <c r="X687" s="53">
        <v>0</v>
      </c>
      <c r="Y687" s="53">
        <v>0</v>
      </c>
      <c r="Z687" s="53">
        <v>0</v>
      </c>
      <c r="AA687" s="53">
        <v>0</v>
      </c>
      <c r="AB687" s="53">
        <v>0</v>
      </c>
      <c r="AC687" s="53">
        <v>0</v>
      </c>
      <c r="AD687" s="53">
        <v>0</v>
      </c>
      <c r="AE687" s="53">
        <v>0</v>
      </c>
      <c r="AF687" s="53">
        <v>0</v>
      </c>
      <c r="AG687" s="53">
        <v>0</v>
      </c>
      <c r="AH687" s="53">
        <v>0</v>
      </c>
      <c r="AI687" s="53">
        <v>0</v>
      </c>
      <c r="AJ687" s="53">
        <v>0</v>
      </c>
      <c r="AK687" s="53">
        <v>0</v>
      </c>
      <c r="AL687" s="53">
        <v>0</v>
      </c>
      <c r="AM687" s="53">
        <v>0</v>
      </c>
      <c r="AN687" s="53">
        <v>0</v>
      </c>
      <c r="AO687" s="53">
        <v>0</v>
      </c>
      <c r="AP687" s="53">
        <v>0</v>
      </c>
      <c r="AQ687" s="53">
        <v>0</v>
      </c>
      <c r="AR687" s="53">
        <v>0</v>
      </c>
      <c r="AS687" s="53">
        <v>0</v>
      </c>
      <c r="AT687" s="53">
        <v>0</v>
      </c>
      <c r="AU687" s="53">
        <v>0</v>
      </c>
      <c r="AV687" s="53">
        <v>0</v>
      </c>
      <c r="AW687" s="53">
        <v>0</v>
      </c>
      <c r="AX687" s="53">
        <v>0</v>
      </c>
      <c r="AY687" s="53">
        <v>0</v>
      </c>
      <c r="AZ687" s="53">
        <v>0</v>
      </c>
      <c r="BA687" s="53">
        <v>0</v>
      </c>
    </row>
    <row r="688" spans="1:53">
      <c r="A688" s="52" t="s">
        <v>3195</v>
      </c>
      <c r="B688" s="53">
        <v>-500000000</v>
      </c>
      <c r="C688" s="53">
        <v>-500000000</v>
      </c>
      <c r="D688" s="53">
        <v>-500000000</v>
      </c>
      <c r="E688" s="53">
        <v>-500000000</v>
      </c>
      <c r="F688" s="53">
        <v>-500000000</v>
      </c>
      <c r="G688" s="53">
        <v>-500000000</v>
      </c>
      <c r="H688" s="53">
        <v>-500000000</v>
      </c>
      <c r="I688" s="53">
        <v>-500000000</v>
      </c>
      <c r="J688" s="53">
        <v>-500000000</v>
      </c>
      <c r="K688" s="53">
        <v>-500000000</v>
      </c>
      <c r="L688" s="53">
        <v>-500000000</v>
      </c>
      <c r="M688" s="53">
        <v>-500000000</v>
      </c>
      <c r="N688" s="53">
        <v>-500000000</v>
      </c>
      <c r="O688" s="53">
        <v>-500000000</v>
      </c>
      <c r="P688" s="53">
        <v>-500000000</v>
      </c>
      <c r="Q688" s="53">
        <v>-500000000</v>
      </c>
      <c r="R688" s="53">
        <v>-500000000</v>
      </c>
      <c r="S688" s="53">
        <v>-500000000</v>
      </c>
      <c r="T688" s="53">
        <v>-500000000</v>
      </c>
      <c r="U688" s="53">
        <v>-500000000</v>
      </c>
      <c r="V688" s="53">
        <v>-500000000</v>
      </c>
      <c r="W688" s="53">
        <v>-500000000</v>
      </c>
      <c r="X688" s="53">
        <v>-500000000</v>
      </c>
      <c r="Y688" s="53">
        <v>-500000000</v>
      </c>
      <c r="Z688" s="53">
        <v>-500000000</v>
      </c>
      <c r="AA688" s="53">
        <v>-500000000</v>
      </c>
      <c r="AB688" s="53">
        <v>-500000000</v>
      </c>
      <c r="AC688" s="53">
        <v>-500000000</v>
      </c>
      <c r="AD688" s="53">
        <v>-500000000</v>
      </c>
      <c r="AE688" s="53">
        <v>-500000000</v>
      </c>
      <c r="AF688" s="53">
        <v>-500000000</v>
      </c>
      <c r="AG688" s="53">
        <v>-500000000</v>
      </c>
      <c r="AH688" s="53">
        <v>-500000000</v>
      </c>
      <c r="AI688" s="53">
        <v>-500000000</v>
      </c>
      <c r="AJ688" s="53">
        <v>-500000000</v>
      </c>
      <c r="AK688" s="53">
        <v>-500000000</v>
      </c>
      <c r="AL688" s="53">
        <v>-500000000</v>
      </c>
      <c r="AM688" s="53">
        <v>-500000000</v>
      </c>
      <c r="AN688" s="53">
        <v>-500000000</v>
      </c>
      <c r="AO688" s="53">
        <v>-500000000</v>
      </c>
      <c r="AP688" s="53">
        <v>-500000000</v>
      </c>
      <c r="AQ688" s="53">
        <v>-500000000</v>
      </c>
      <c r="AR688" s="53">
        <v>-500000000</v>
      </c>
      <c r="AS688" s="53">
        <v>-500000000</v>
      </c>
      <c r="AT688" s="53">
        <v>-500000000</v>
      </c>
      <c r="AU688" s="53">
        <v>-500000000</v>
      </c>
      <c r="AV688" s="53">
        <v>-500000000</v>
      </c>
      <c r="AW688" s="53">
        <v>-500000000</v>
      </c>
      <c r="AX688" s="53">
        <v>-500000000</v>
      </c>
      <c r="AY688" s="53">
        <v>-500000000</v>
      </c>
      <c r="AZ688" s="53">
        <v>-500000000</v>
      </c>
      <c r="BA688" s="53">
        <v>-500000000</v>
      </c>
    </row>
    <row r="689" spans="1:53">
      <c r="A689" s="52" t="s">
        <v>3196</v>
      </c>
      <c r="B689" s="53">
        <v>0</v>
      </c>
      <c r="C689" s="53">
        <v>0</v>
      </c>
      <c r="D689" s="53">
        <v>0</v>
      </c>
      <c r="E689" s="53">
        <v>0</v>
      </c>
      <c r="F689" s="53">
        <v>0</v>
      </c>
      <c r="G689" s="53">
        <v>0</v>
      </c>
      <c r="H689" s="53">
        <v>0</v>
      </c>
      <c r="I689" s="53">
        <v>0</v>
      </c>
      <c r="J689" s="53">
        <v>0</v>
      </c>
      <c r="K689" s="53">
        <v>0</v>
      </c>
      <c r="L689" s="53">
        <v>0</v>
      </c>
      <c r="M689" s="53">
        <v>0</v>
      </c>
      <c r="N689" s="53">
        <v>0</v>
      </c>
      <c r="O689" s="53">
        <v>0</v>
      </c>
      <c r="P689" s="53">
        <v>0</v>
      </c>
      <c r="Q689" s="53">
        <v>0</v>
      </c>
      <c r="R689" s="53">
        <v>0</v>
      </c>
      <c r="S689" s="53">
        <v>0</v>
      </c>
      <c r="T689" s="53">
        <v>0</v>
      </c>
      <c r="U689" s="53">
        <v>0</v>
      </c>
      <c r="V689" s="53">
        <v>0</v>
      </c>
      <c r="W689" s="53">
        <v>0</v>
      </c>
      <c r="X689" s="53">
        <v>0</v>
      </c>
      <c r="Y689" s="53">
        <v>0</v>
      </c>
      <c r="Z689" s="53">
        <v>0</v>
      </c>
      <c r="AA689" s="53">
        <v>0</v>
      </c>
      <c r="AB689" s="53">
        <v>0</v>
      </c>
      <c r="AC689" s="53">
        <v>0</v>
      </c>
      <c r="AD689" s="53">
        <v>0</v>
      </c>
      <c r="AE689" s="53">
        <v>0</v>
      </c>
      <c r="AF689" s="53">
        <v>0</v>
      </c>
      <c r="AG689" s="53">
        <v>0</v>
      </c>
      <c r="AH689" s="53">
        <v>0</v>
      </c>
      <c r="AI689" s="53">
        <v>0</v>
      </c>
      <c r="AJ689" s="53">
        <v>0</v>
      </c>
      <c r="AK689" s="53">
        <v>0</v>
      </c>
      <c r="AL689" s="53">
        <v>0</v>
      </c>
      <c r="AM689" s="53">
        <v>0</v>
      </c>
      <c r="AN689" s="53">
        <v>0</v>
      </c>
      <c r="AO689" s="53">
        <v>0</v>
      </c>
      <c r="AP689" s="53">
        <v>0</v>
      </c>
      <c r="AQ689" s="53">
        <v>0</v>
      </c>
      <c r="AR689" s="53">
        <v>0</v>
      </c>
      <c r="AS689" s="53">
        <v>0</v>
      </c>
      <c r="AT689" s="53">
        <v>0</v>
      </c>
      <c r="AU689" s="53">
        <v>0</v>
      </c>
      <c r="AV689" s="53">
        <v>0</v>
      </c>
      <c r="AW689" s="53">
        <v>0</v>
      </c>
      <c r="AX689" s="53">
        <v>0</v>
      </c>
      <c r="AY689" s="53">
        <v>0</v>
      </c>
      <c r="AZ689" s="53">
        <v>0</v>
      </c>
      <c r="BA689" s="53">
        <v>0</v>
      </c>
    </row>
    <row r="690" spans="1:53">
      <c r="A690" s="52" t="s">
        <v>3197</v>
      </c>
      <c r="B690" s="53">
        <v>0</v>
      </c>
      <c r="C690" s="53">
        <v>0</v>
      </c>
      <c r="D690" s="53">
        <v>0</v>
      </c>
      <c r="E690" s="53">
        <v>0</v>
      </c>
      <c r="F690" s="53">
        <v>0</v>
      </c>
      <c r="G690" s="53">
        <v>0</v>
      </c>
      <c r="H690" s="53">
        <v>0</v>
      </c>
      <c r="I690" s="53">
        <v>0</v>
      </c>
      <c r="J690" s="53">
        <v>0</v>
      </c>
      <c r="K690" s="53">
        <v>0</v>
      </c>
      <c r="L690" s="53">
        <v>0</v>
      </c>
      <c r="M690" s="53">
        <v>0</v>
      </c>
      <c r="N690" s="53">
        <v>0</v>
      </c>
      <c r="O690" s="53">
        <v>0</v>
      </c>
      <c r="P690" s="53">
        <v>0</v>
      </c>
      <c r="Q690" s="53">
        <v>0</v>
      </c>
      <c r="R690" s="53">
        <v>0</v>
      </c>
      <c r="S690" s="53">
        <v>0</v>
      </c>
      <c r="T690" s="53">
        <v>0</v>
      </c>
      <c r="U690" s="53">
        <v>0</v>
      </c>
      <c r="V690" s="53">
        <v>0</v>
      </c>
      <c r="W690" s="53">
        <v>0</v>
      </c>
      <c r="X690" s="53">
        <v>0</v>
      </c>
      <c r="Y690" s="53">
        <v>0</v>
      </c>
      <c r="Z690" s="53">
        <v>0</v>
      </c>
      <c r="AA690" s="53">
        <v>0</v>
      </c>
      <c r="AB690" s="53">
        <v>0</v>
      </c>
      <c r="AC690" s="53">
        <v>0</v>
      </c>
      <c r="AD690" s="53">
        <v>0</v>
      </c>
      <c r="AE690" s="53">
        <v>0</v>
      </c>
      <c r="AF690" s="53">
        <v>0</v>
      </c>
      <c r="AG690" s="53">
        <v>0</v>
      </c>
      <c r="AH690" s="53">
        <v>0</v>
      </c>
      <c r="AI690" s="53">
        <v>0</v>
      </c>
      <c r="AJ690" s="53">
        <v>0</v>
      </c>
      <c r="AK690" s="53">
        <v>0</v>
      </c>
      <c r="AL690" s="53">
        <v>0</v>
      </c>
      <c r="AM690" s="53">
        <v>0</v>
      </c>
      <c r="AN690" s="53">
        <v>0</v>
      </c>
      <c r="AO690" s="53">
        <v>0</v>
      </c>
      <c r="AP690" s="53">
        <v>0</v>
      </c>
      <c r="AQ690" s="53">
        <v>0</v>
      </c>
      <c r="AR690" s="53">
        <v>0</v>
      </c>
      <c r="AS690" s="53">
        <v>0</v>
      </c>
      <c r="AT690" s="53">
        <v>0</v>
      </c>
      <c r="AU690" s="53">
        <v>0</v>
      </c>
      <c r="AV690" s="53">
        <v>0</v>
      </c>
      <c r="AW690" s="53">
        <v>0</v>
      </c>
      <c r="AX690" s="53">
        <v>0</v>
      </c>
      <c r="AY690" s="53">
        <v>0</v>
      </c>
      <c r="AZ690" s="53">
        <v>0</v>
      </c>
      <c r="BA690" s="53">
        <v>0</v>
      </c>
    </row>
    <row r="691" spans="1:53">
      <c r="A691" s="52" t="s">
        <v>3198</v>
      </c>
      <c r="B691" s="53">
        <v>0</v>
      </c>
      <c r="C691" s="53">
        <v>0</v>
      </c>
      <c r="D691" s="53">
        <v>0</v>
      </c>
      <c r="E691" s="53">
        <v>0</v>
      </c>
      <c r="F691" s="53">
        <v>0</v>
      </c>
      <c r="G691" s="53">
        <v>0</v>
      </c>
      <c r="H691" s="53">
        <v>0</v>
      </c>
      <c r="I691" s="53">
        <v>0</v>
      </c>
      <c r="J691" s="53">
        <v>0</v>
      </c>
      <c r="K691" s="53">
        <v>0</v>
      </c>
      <c r="L691" s="53">
        <v>0</v>
      </c>
      <c r="M691" s="53">
        <v>0</v>
      </c>
      <c r="N691" s="53">
        <v>0</v>
      </c>
      <c r="O691" s="53">
        <v>0</v>
      </c>
      <c r="P691" s="53">
        <v>0</v>
      </c>
      <c r="Q691" s="53">
        <v>0</v>
      </c>
      <c r="R691" s="53">
        <v>0</v>
      </c>
      <c r="S691" s="53">
        <v>0</v>
      </c>
      <c r="T691" s="53">
        <v>0</v>
      </c>
      <c r="U691" s="53">
        <v>0</v>
      </c>
      <c r="V691" s="53">
        <v>0</v>
      </c>
      <c r="W691" s="53">
        <v>0</v>
      </c>
      <c r="X691" s="53">
        <v>0</v>
      </c>
      <c r="Y691" s="53">
        <v>0</v>
      </c>
      <c r="Z691" s="53">
        <v>0</v>
      </c>
      <c r="AA691" s="53">
        <v>0</v>
      </c>
      <c r="AB691" s="53">
        <v>0</v>
      </c>
      <c r="AC691" s="53">
        <v>0</v>
      </c>
      <c r="AD691" s="53">
        <v>0</v>
      </c>
      <c r="AE691" s="53">
        <v>0</v>
      </c>
      <c r="AF691" s="53">
        <v>0</v>
      </c>
      <c r="AG691" s="53">
        <v>0</v>
      </c>
      <c r="AH691" s="53">
        <v>0</v>
      </c>
      <c r="AI691" s="53">
        <v>0</v>
      </c>
      <c r="AJ691" s="53">
        <v>0</v>
      </c>
      <c r="AK691" s="53">
        <v>0</v>
      </c>
      <c r="AL691" s="53">
        <v>0</v>
      </c>
      <c r="AM691" s="53">
        <v>0</v>
      </c>
      <c r="AN691" s="53">
        <v>0</v>
      </c>
      <c r="AO691" s="53">
        <v>0</v>
      </c>
      <c r="AP691" s="53">
        <v>0</v>
      </c>
      <c r="AQ691" s="53">
        <v>0</v>
      </c>
      <c r="AR691" s="53">
        <v>0</v>
      </c>
      <c r="AS691" s="53">
        <v>0</v>
      </c>
      <c r="AT691" s="53">
        <v>0</v>
      </c>
      <c r="AU691" s="53">
        <v>0</v>
      </c>
      <c r="AV691" s="53">
        <v>0</v>
      </c>
      <c r="AW691" s="53">
        <v>0</v>
      </c>
      <c r="AX691" s="53">
        <v>0</v>
      </c>
      <c r="AY691" s="53">
        <v>0</v>
      </c>
      <c r="AZ691" s="53">
        <v>0</v>
      </c>
      <c r="BA691" s="53">
        <v>0</v>
      </c>
    </row>
    <row r="692" spans="1:53">
      <c r="A692" s="52" t="s">
        <v>3199</v>
      </c>
      <c r="B692" s="53">
        <v>-350000000</v>
      </c>
      <c r="C692" s="53">
        <v>-350000000</v>
      </c>
      <c r="D692" s="53">
        <v>-350000000</v>
      </c>
      <c r="E692" s="53">
        <v>-350000000</v>
      </c>
      <c r="F692" s="53">
        <v>-350000000</v>
      </c>
      <c r="G692" s="53">
        <v>-350000000</v>
      </c>
      <c r="H692" s="53">
        <v>-350000000</v>
      </c>
      <c r="I692" s="53">
        <v>-350000000</v>
      </c>
      <c r="J692" s="53">
        <v>-350000000</v>
      </c>
      <c r="K692" s="53">
        <v>-350000000</v>
      </c>
      <c r="L692" s="53">
        <v>-350000000</v>
      </c>
      <c r="M692" s="53">
        <v>-350000000</v>
      </c>
      <c r="N692" s="53">
        <v>-350000000</v>
      </c>
      <c r="O692" s="53">
        <v>-350000000</v>
      </c>
      <c r="P692" s="53">
        <v>-350000000</v>
      </c>
      <c r="Q692" s="53">
        <v>-350000000</v>
      </c>
      <c r="R692" s="53">
        <v>-350000000</v>
      </c>
      <c r="S692" s="53">
        <v>-350000000</v>
      </c>
      <c r="T692" s="53">
        <v>-350000000</v>
      </c>
      <c r="U692" s="53">
        <v>-350000000</v>
      </c>
      <c r="V692" s="53">
        <v>-350000000</v>
      </c>
      <c r="W692" s="53">
        <v>-350000000</v>
      </c>
      <c r="X692" s="53">
        <v>-350000000</v>
      </c>
      <c r="Y692" s="53">
        <v>-350000000</v>
      </c>
      <c r="Z692" s="53">
        <v>-350000000</v>
      </c>
      <c r="AA692" s="53">
        <v>-350000000</v>
      </c>
      <c r="AB692" s="53">
        <v>-350000000</v>
      </c>
      <c r="AC692" s="53">
        <v>-350000000</v>
      </c>
      <c r="AD692" s="53">
        <v>-350000000</v>
      </c>
      <c r="AE692" s="53">
        <v>-350000000</v>
      </c>
      <c r="AF692" s="53">
        <v>-350000000</v>
      </c>
      <c r="AG692" s="53">
        <v>-350000000</v>
      </c>
      <c r="AH692" s="53">
        <v>-350000000</v>
      </c>
      <c r="AI692" s="53">
        <v>-350000000</v>
      </c>
      <c r="AJ692" s="53">
        <v>-350000000</v>
      </c>
      <c r="AK692" s="53">
        <v>-350000000</v>
      </c>
      <c r="AL692" s="53">
        <v>-350000000</v>
      </c>
      <c r="AM692" s="53">
        <v>-350000000</v>
      </c>
      <c r="AN692" s="53">
        <v>-350000000</v>
      </c>
      <c r="AO692" s="53">
        <v>-350000000</v>
      </c>
      <c r="AP692" s="53">
        <v>-350000000</v>
      </c>
      <c r="AQ692" s="53">
        <v>-350000000</v>
      </c>
      <c r="AR692" s="53">
        <v>-350000000</v>
      </c>
      <c r="AS692" s="53">
        <v>-350000000</v>
      </c>
      <c r="AT692" s="53">
        <v>-350000000</v>
      </c>
      <c r="AU692" s="53">
        <v>-350000000</v>
      </c>
      <c r="AV692" s="53">
        <v>-350000000</v>
      </c>
      <c r="AW692" s="53">
        <v>-350000000</v>
      </c>
      <c r="AX692" s="53">
        <v>-350000000</v>
      </c>
      <c r="AY692" s="53">
        <v>-350000000</v>
      </c>
      <c r="AZ692" s="53">
        <v>-350000000</v>
      </c>
      <c r="BA692" s="53">
        <v>-350000000</v>
      </c>
    </row>
    <row r="693" spans="1:53">
      <c r="A693" s="52" t="s">
        <v>3200</v>
      </c>
      <c r="B693" s="53">
        <v>0</v>
      </c>
      <c r="C693" s="53">
        <v>0</v>
      </c>
      <c r="D693" s="53">
        <v>0</v>
      </c>
      <c r="E693" s="53">
        <v>0</v>
      </c>
      <c r="F693" s="53">
        <v>0</v>
      </c>
      <c r="G693" s="53">
        <v>0</v>
      </c>
      <c r="H693" s="53">
        <v>0</v>
      </c>
      <c r="I693" s="53">
        <v>0</v>
      </c>
      <c r="J693" s="53">
        <v>0</v>
      </c>
      <c r="K693" s="53">
        <v>0</v>
      </c>
      <c r="L693" s="53">
        <v>0</v>
      </c>
      <c r="M693" s="53">
        <v>0</v>
      </c>
      <c r="N693" s="53">
        <v>0</v>
      </c>
      <c r="O693" s="53">
        <v>0</v>
      </c>
      <c r="P693" s="53">
        <v>0</v>
      </c>
      <c r="Q693" s="53">
        <v>0</v>
      </c>
      <c r="R693" s="53">
        <v>0</v>
      </c>
      <c r="S693" s="53">
        <v>0</v>
      </c>
      <c r="T693" s="53">
        <v>0</v>
      </c>
      <c r="U693" s="53">
        <v>0</v>
      </c>
      <c r="V693" s="53">
        <v>0</v>
      </c>
      <c r="W693" s="53">
        <v>0</v>
      </c>
      <c r="X693" s="53">
        <v>0</v>
      </c>
      <c r="Y693" s="53">
        <v>0</v>
      </c>
      <c r="Z693" s="53">
        <v>0</v>
      </c>
      <c r="AA693" s="53">
        <v>0</v>
      </c>
      <c r="AB693" s="53">
        <v>0</v>
      </c>
      <c r="AC693" s="53">
        <v>0</v>
      </c>
      <c r="AD693" s="53">
        <v>0</v>
      </c>
      <c r="AE693" s="53">
        <v>0</v>
      </c>
      <c r="AF693" s="53">
        <v>0</v>
      </c>
      <c r="AG693" s="53">
        <v>0</v>
      </c>
      <c r="AH693" s="53">
        <v>0</v>
      </c>
      <c r="AI693" s="53">
        <v>0</v>
      </c>
      <c r="AJ693" s="53">
        <v>0</v>
      </c>
      <c r="AK693" s="53">
        <v>0</v>
      </c>
      <c r="AL693" s="53">
        <v>0</v>
      </c>
      <c r="AM693" s="53">
        <v>0</v>
      </c>
      <c r="AN693" s="53">
        <v>0</v>
      </c>
      <c r="AO693" s="53">
        <v>0</v>
      </c>
      <c r="AP693" s="53">
        <v>0</v>
      </c>
      <c r="AQ693" s="53">
        <v>0</v>
      </c>
      <c r="AR693" s="53">
        <v>0</v>
      </c>
      <c r="AS693" s="53">
        <v>0</v>
      </c>
      <c r="AT693" s="53">
        <v>0</v>
      </c>
      <c r="AU693" s="53">
        <v>0</v>
      </c>
      <c r="AV693" s="53">
        <v>0</v>
      </c>
      <c r="AW693" s="53">
        <v>0</v>
      </c>
      <c r="AX693" s="53">
        <v>0</v>
      </c>
      <c r="AY693" s="53">
        <v>0</v>
      </c>
      <c r="AZ693" s="53">
        <v>0</v>
      </c>
      <c r="BA693" s="53">
        <v>0</v>
      </c>
    </row>
    <row r="694" spans="1:53">
      <c r="A694" s="52" t="s">
        <v>3201</v>
      </c>
      <c r="B694" s="53">
        <v>-1000000000</v>
      </c>
      <c r="C694" s="53">
        <v>-1000000000</v>
      </c>
      <c r="D694" s="53">
        <v>-1000000000</v>
      </c>
      <c r="E694" s="53">
        <v>-1000000000</v>
      </c>
      <c r="F694" s="53">
        <v>-1000000000</v>
      </c>
      <c r="G694" s="53">
        <v>-1000000000</v>
      </c>
      <c r="H694" s="53">
        <v>-1000000000</v>
      </c>
      <c r="I694" s="53">
        <v>-1000000000</v>
      </c>
      <c r="J694" s="53">
        <v>-1000000000</v>
      </c>
      <c r="K694" s="53">
        <v>-1000000000</v>
      </c>
      <c r="L694" s="53">
        <v>-1000000000</v>
      </c>
      <c r="M694" s="53">
        <v>-1000000000</v>
      </c>
      <c r="N694" s="53">
        <v>-1000000000</v>
      </c>
      <c r="O694" s="53">
        <v>-1000000000</v>
      </c>
      <c r="P694" s="53">
        <v>-1000000000</v>
      </c>
      <c r="Q694" s="53">
        <v>-1000000000</v>
      </c>
      <c r="R694" s="53">
        <v>-1000000000</v>
      </c>
      <c r="S694" s="53">
        <v>-1000000000</v>
      </c>
      <c r="T694" s="53">
        <v>-1000000000</v>
      </c>
      <c r="U694" s="53">
        <v>-1000000000</v>
      </c>
      <c r="V694" s="53">
        <v>-1000000000</v>
      </c>
      <c r="W694" s="53">
        <v>-1000000000</v>
      </c>
      <c r="X694" s="53">
        <v>-1000000000</v>
      </c>
      <c r="Y694" s="53">
        <v>-1000000000</v>
      </c>
      <c r="Z694" s="53">
        <v>-1000000000</v>
      </c>
      <c r="AA694" s="53">
        <v>-1000000000</v>
      </c>
      <c r="AB694" s="53">
        <v>-1000000000</v>
      </c>
      <c r="AC694" s="53">
        <v>-1000000000</v>
      </c>
      <c r="AD694" s="53">
        <v>-1000000000</v>
      </c>
      <c r="AE694" s="53">
        <v>-1000000000</v>
      </c>
      <c r="AF694" s="53">
        <v>-1000000000</v>
      </c>
      <c r="AG694" s="53">
        <v>-1000000000</v>
      </c>
      <c r="AH694" s="53">
        <v>-1000000000</v>
      </c>
      <c r="AI694" s="53">
        <v>-1000000000</v>
      </c>
      <c r="AJ694" s="53">
        <v>-1000000000</v>
      </c>
      <c r="AK694" s="53">
        <v>-1000000000</v>
      </c>
      <c r="AL694" s="53">
        <v>-1000000000</v>
      </c>
      <c r="AM694" s="53">
        <v>-1000000000</v>
      </c>
      <c r="AN694" s="53">
        <v>-1000000000</v>
      </c>
      <c r="AO694" s="53">
        <v>-1000000000</v>
      </c>
      <c r="AP694" s="53">
        <v>-1000000000</v>
      </c>
      <c r="AQ694" s="53">
        <v>-1000000000</v>
      </c>
      <c r="AR694" s="53">
        <v>-1000000000</v>
      </c>
      <c r="AS694" s="53">
        <v>-1000000000</v>
      </c>
      <c r="AT694" s="53">
        <v>-1000000000</v>
      </c>
      <c r="AU694" s="53">
        <v>-1000000000</v>
      </c>
      <c r="AV694" s="53">
        <v>-1000000000</v>
      </c>
      <c r="AW694" s="53">
        <v>-1000000000</v>
      </c>
      <c r="AX694" s="53">
        <v>-1000000000</v>
      </c>
      <c r="AY694" s="53">
        <v>-1000000000</v>
      </c>
      <c r="AZ694" s="53">
        <v>-1000000000</v>
      </c>
      <c r="BA694" s="53">
        <v>-1000000000</v>
      </c>
    </row>
    <row r="695" spans="1:53">
      <c r="A695" s="52" t="s">
        <v>3202</v>
      </c>
      <c r="B695" s="53">
        <v>-400000000</v>
      </c>
      <c r="C695" s="53">
        <v>-400000000</v>
      </c>
      <c r="D695" s="53">
        <v>-400000000</v>
      </c>
      <c r="E695" s="53">
        <v>-400000000</v>
      </c>
      <c r="F695" s="53">
        <v>-400000000</v>
      </c>
      <c r="G695" s="53">
        <v>-400000000</v>
      </c>
      <c r="H695" s="53">
        <v>-400000000</v>
      </c>
      <c r="I695" s="53">
        <v>-400000000</v>
      </c>
      <c r="J695" s="53">
        <v>-400000000</v>
      </c>
      <c r="K695" s="53">
        <v>-400000000</v>
      </c>
      <c r="L695" s="53">
        <v>-400000000</v>
      </c>
      <c r="M695" s="53">
        <v>-400000000</v>
      </c>
      <c r="N695" s="53">
        <v>-400000000</v>
      </c>
      <c r="O695" s="53">
        <v>-400000000</v>
      </c>
      <c r="P695" s="53">
        <v>-400000000</v>
      </c>
      <c r="Q695" s="53">
        <v>-400000000</v>
      </c>
      <c r="R695" s="53">
        <v>-400000000</v>
      </c>
      <c r="S695" s="53">
        <v>-400000000</v>
      </c>
      <c r="T695" s="53">
        <v>-400000000</v>
      </c>
      <c r="U695" s="53">
        <v>-400000000</v>
      </c>
      <c r="V695" s="53">
        <v>-400000000</v>
      </c>
      <c r="W695" s="53">
        <v>-400000000</v>
      </c>
      <c r="X695" s="53">
        <v>-400000000</v>
      </c>
      <c r="Y695" s="53">
        <v>-400000000</v>
      </c>
      <c r="Z695" s="53">
        <v>-400000000</v>
      </c>
      <c r="AA695" s="53">
        <v>-400000000</v>
      </c>
      <c r="AB695" s="53">
        <v>-400000000</v>
      </c>
      <c r="AC695" s="53">
        <v>-400000000</v>
      </c>
      <c r="AD695" s="53">
        <v>-400000000</v>
      </c>
      <c r="AE695" s="53">
        <v>-400000000</v>
      </c>
      <c r="AF695" s="53">
        <v>-400000000</v>
      </c>
      <c r="AG695" s="53">
        <v>-400000000</v>
      </c>
      <c r="AH695" s="53">
        <v>-400000000</v>
      </c>
      <c r="AI695" s="53">
        <v>-400000000</v>
      </c>
      <c r="AJ695" s="53">
        <v>-400000000</v>
      </c>
      <c r="AK695" s="53">
        <v>-400000000</v>
      </c>
      <c r="AL695" s="53">
        <v>-400000000</v>
      </c>
      <c r="AM695" s="53">
        <v>-400000000</v>
      </c>
      <c r="AN695" s="53">
        <v>-400000000</v>
      </c>
      <c r="AO695" s="53">
        <v>-400000000</v>
      </c>
      <c r="AP695" s="53">
        <v>-400000000</v>
      </c>
      <c r="AQ695" s="53">
        <v>-400000000</v>
      </c>
      <c r="AR695" s="53">
        <v>-400000000</v>
      </c>
      <c r="AS695" s="53">
        <v>-400000000</v>
      </c>
      <c r="AT695" s="53">
        <v>-400000000</v>
      </c>
      <c r="AU695" s="53">
        <v>-400000000</v>
      </c>
      <c r="AV695" s="53">
        <v>-400000000</v>
      </c>
      <c r="AW695" s="53">
        <v>-400000000</v>
      </c>
      <c r="AX695" s="53">
        <v>-400000000</v>
      </c>
      <c r="AY695" s="53">
        <v>-400000000</v>
      </c>
      <c r="AZ695" s="53">
        <v>-400000000</v>
      </c>
      <c r="BA695" s="53">
        <v>-400000000</v>
      </c>
    </row>
    <row r="696" spans="1:53">
      <c r="A696" s="52" t="s">
        <v>3203</v>
      </c>
      <c r="B696" s="53">
        <v>0</v>
      </c>
      <c r="C696" s="53">
        <v>0</v>
      </c>
      <c r="D696" s="53">
        <v>0</v>
      </c>
      <c r="E696" s="53">
        <v>0</v>
      </c>
      <c r="F696" s="53">
        <v>0</v>
      </c>
      <c r="G696" s="53">
        <v>0</v>
      </c>
      <c r="H696" s="53">
        <v>0</v>
      </c>
      <c r="I696" s="53">
        <v>0</v>
      </c>
      <c r="J696" s="53">
        <v>0</v>
      </c>
      <c r="K696" s="53">
        <v>0</v>
      </c>
      <c r="L696" s="53">
        <v>0</v>
      </c>
      <c r="M696" s="53">
        <v>0</v>
      </c>
      <c r="N696" s="53">
        <v>0</v>
      </c>
      <c r="O696" s="53">
        <v>0</v>
      </c>
      <c r="P696" s="53">
        <v>0</v>
      </c>
      <c r="Q696" s="53">
        <v>0</v>
      </c>
      <c r="R696" s="53">
        <v>0</v>
      </c>
      <c r="S696" s="53">
        <v>0</v>
      </c>
      <c r="T696" s="53">
        <v>0</v>
      </c>
      <c r="U696" s="53">
        <v>0</v>
      </c>
      <c r="V696" s="53">
        <v>0</v>
      </c>
      <c r="W696" s="53">
        <v>0</v>
      </c>
      <c r="X696" s="53">
        <v>0</v>
      </c>
      <c r="Y696" s="53">
        <v>0</v>
      </c>
      <c r="Z696" s="53">
        <v>0</v>
      </c>
      <c r="AA696" s="53">
        <v>0</v>
      </c>
      <c r="AB696" s="53">
        <v>0</v>
      </c>
      <c r="AC696" s="53">
        <v>0</v>
      </c>
      <c r="AD696" s="53">
        <v>0</v>
      </c>
      <c r="AE696" s="53">
        <v>0</v>
      </c>
      <c r="AF696" s="53">
        <v>0</v>
      </c>
      <c r="AG696" s="53">
        <v>0</v>
      </c>
      <c r="AH696" s="53">
        <v>0</v>
      </c>
      <c r="AI696" s="53">
        <v>0</v>
      </c>
      <c r="AJ696" s="53">
        <v>0</v>
      </c>
      <c r="AK696" s="53">
        <v>0</v>
      </c>
      <c r="AL696" s="53">
        <v>0</v>
      </c>
      <c r="AM696" s="53">
        <v>0</v>
      </c>
      <c r="AN696" s="53">
        <v>0</v>
      </c>
      <c r="AO696" s="53">
        <v>0</v>
      </c>
      <c r="AP696" s="53">
        <v>0</v>
      </c>
      <c r="AQ696" s="53">
        <v>0</v>
      </c>
      <c r="AR696" s="53">
        <v>0</v>
      </c>
      <c r="AS696" s="53">
        <v>0</v>
      </c>
      <c r="AT696" s="53">
        <v>0</v>
      </c>
      <c r="AU696" s="53">
        <v>0</v>
      </c>
      <c r="AV696" s="53">
        <v>0</v>
      </c>
      <c r="AW696" s="53">
        <v>0</v>
      </c>
      <c r="AX696" s="53">
        <v>0</v>
      </c>
      <c r="AY696" s="53">
        <v>0</v>
      </c>
      <c r="AZ696" s="53">
        <v>0</v>
      </c>
      <c r="BA696" s="53">
        <v>0</v>
      </c>
    </row>
    <row r="697" spans="1:53">
      <c r="A697" s="58" t="s">
        <v>3204</v>
      </c>
      <c r="B697" s="134">
        <v>-8225000000</v>
      </c>
      <c r="C697" s="134">
        <v>-8225000000</v>
      </c>
      <c r="D697" s="134">
        <v>-8225000000</v>
      </c>
      <c r="E697" s="134">
        <v>-7425000000</v>
      </c>
      <c r="F697" s="134">
        <v>-7425000000</v>
      </c>
      <c r="G697" s="134">
        <v>-7425000000</v>
      </c>
      <c r="H697" s="134">
        <v>-7425000000</v>
      </c>
      <c r="I697" s="134">
        <v>-8425000000</v>
      </c>
      <c r="J697" s="134">
        <v>-8425000000</v>
      </c>
      <c r="K697" s="134">
        <v>-8425000000</v>
      </c>
      <c r="L697" s="134">
        <v>-8425000000</v>
      </c>
      <c r="M697" s="134">
        <v>-8425000000</v>
      </c>
      <c r="N697" s="134">
        <v>-8425000000</v>
      </c>
      <c r="O697" s="134">
        <v>-8425000000</v>
      </c>
      <c r="P697" s="134">
        <v>-8425000000</v>
      </c>
      <c r="Q697" s="134">
        <v>-8425000000</v>
      </c>
      <c r="R697" s="134">
        <v>-8425000000</v>
      </c>
      <c r="S697" s="134">
        <v>-8425000000</v>
      </c>
      <c r="T697" s="134">
        <v>-9125000000</v>
      </c>
      <c r="U697" s="134">
        <v>-9125000000</v>
      </c>
      <c r="V697" s="134">
        <v>-9125000000</v>
      </c>
      <c r="W697" s="134">
        <v>-9125000000</v>
      </c>
      <c r="X697" s="134">
        <v>-9125000000</v>
      </c>
      <c r="Y697" s="134">
        <v>-9125000000</v>
      </c>
      <c r="Z697" s="134">
        <v>-9125000000</v>
      </c>
      <c r="AA697" s="134">
        <v>-9125000000</v>
      </c>
      <c r="AB697" s="134">
        <v>-9125001620.1958694</v>
      </c>
      <c r="AC697" s="134">
        <v>-9125004860.5876293</v>
      </c>
      <c r="AD697" s="134">
        <v>-9125008100.9793797</v>
      </c>
      <c r="AE697" s="134">
        <v>-9125011341.37113</v>
      </c>
      <c r="AF697" s="134">
        <v>-9125014581.7628803</v>
      </c>
      <c r="AG697" s="134">
        <v>-9775017822.1546402</v>
      </c>
      <c r="AH697" s="134">
        <v>-9775021062.5463905</v>
      </c>
      <c r="AI697" s="134">
        <v>-9775024302.9381409</v>
      </c>
      <c r="AJ697" s="134">
        <v>-9775027543.3298893</v>
      </c>
      <c r="AK697" s="134">
        <v>-9775030783.7216492</v>
      </c>
      <c r="AL697" s="134">
        <v>-9775034024.1133995</v>
      </c>
      <c r="AM697" s="134">
        <v>-9775037264.5051498</v>
      </c>
      <c r="AN697" s="134">
        <v>-9775037264.5051498</v>
      </c>
      <c r="AO697" s="134">
        <v>-9125038884.7010307</v>
      </c>
      <c r="AP697" s="134">
        <v>-9125040098.6354504</v>
      </c>
      <c r="AQ697" s="134">
        <v>-9125041312.5698795</v>
      </c>
      <c r="AR697" s="134">
        <v>-9125042526.5043106</v>
      </c>
      <c r="AS697" s="134">
        <v>-9125043740.4387302</v>
      </c>
      <c r="AT697" s="134">
        <v>-10375044954.3731</v>
      </c>
      <c r="AU697" s="134">
        <v>-10375050760.954201</v>
      </c>
      <c r="AV697" s="134">
        <v>-10375061160.181801</v>
      </c>
      <c r="AW697" s="134">
        <v>-10375071559.4095</v>
      </c>
      <c r="AX697" s="134">
        <v>-10375081958.6371</v>
      </c>
      <c r="AY697" s="134">
        <v>-10375092357.864799</v>
      </c>
      <c r="AZ697" s="134">
        <v>-10375102757.092501</v>
      </c>
      <c r="BA697" s="134">
        <v>-10375102757.092501</v>
      </c>
    </row>
    <row r="698" spans="1:53">
      <c r="A698" s="52" t="s">
        <v>3205</v>
      </c>
    </row>
    <row r="699" spans="1:53">
      <c r="A699" s="57" t="s">
        <v>3206</v>
      </c>
    </row>
    <row r="700" spans="1:53">
      <c r="A700" s="52" t="s">
        <v>3207</v>
      </c>
      <c r="B700" s="53">
        <v>-250000000</v>
      </c>
      <c r="C700" s="53">
        <v>-250000000</v>
      </c>
      <c r="D700" s="53">
        <v>-250000000</v>
      </c>
      <c r="E700" s="53">
        <v>-250000000</v>
      </c>
      <c r="F700" s="53">
        <v>-250000000</v>
      </c>
      <c r="G700" s="53">
        <v>-250000000</v>
      </c>
      <c r="H700" s="53">
        <v>-250000000</v>
      </c>
      <c r="I700" s="53">
        <v>-250000000</v>
      </c>
      <c r="J700" s="53">
        <v>-250000000</v>
      </c>
      <c r="K700" s="53">
        <v>-250000000</v>
      </c>
      <c r="L700" s="53">
        <v>-250000000</v>
      </c>
      <c r="M700" s="53">
        <v>-250000000</v>
      </c>
      <c r="N700" s="53">
        <v>-250000000</v>
      </c>
      <c r="O700" s="53">
        <v>-250000000</v>
      </c>
      <c r="P700" s="53">
        <v>-250000000</v>
      </c>
      <c r="Q700" s="53">
        <v>-250000000</v>
      </c>
      <c r="R700" s="53">
        <v>-250000000</v>
      </c>
      <c r="S700" s="53">
        <v>-250000000</v>
      </c>
      <c r="T700" s="53">
        <v>-250000000</v>
      </c>
      <c r="U700" s="53">
        <v>-250000000</v>
      </c>
      <c r="V700" s="53">
        <v>-250000000</v>
      </c>
      <c r="W700" s="53">
        <v>-250000000</v>
      </c>
      <c r="X700" s="53">
        <v>-250000000</v>
      </c>
      <c r="Y700" s="53">
        <v>-250000000</v>
      </c>
      <c r="Z700" s="53">
        <v>-250000000</v>
      </c>
      <c r="AA700" s="53">
        <v>-250000000</v>
      </c>
      <c r="AB700" s="53">
        <v>-250000000</v>
      </c>
      <c r="AC700" s="53">
        <v>-250000000</v>
      </c>
      <c r="AD700" s="53">
        <v>-250000000</v>
      </c>
      <c r="AE700" s="53">
        <v>-250000000</v>
      </c>
      <c r="AF700" s="53">
        <v>-250000000</v>
      </c>
      <c r="AG700" s="53">
        <v>-250000000</v>
      </c>
      <c r="AH700" s="53">
        <v>-250000000</v>
      </c>
      <c r="AI700" s="53">
        <v>-250000000</v>
      </c>
      <c r="AJ700" s="53">
        <v>-250000000</v>
      </c>
      <c r="AK700" s="53">
        <v>-250000000</v>
      </c>
      <c r="AL700" s="53">
        <v>-250000000</v>
      </c>
      <c r="AM700" s="53">
        <v>-250000000</v>
      </c>
      <c r="AN700" s="53">
        <v>-250000000</v>
      </c>
      <c r="AO700" s="53">
        <v>-250000000</v>
      </c>
      <c r="AP700" s="53">
        <v>-250000000</v>
      </c>
      <c r="AQ700" s="53">
        <v>-250000000</v>
      </c>
      <c r="AR700" s="53">
        <v>-250000000</v>
      </c>
      <c r="AS700" s="53">
        <v>-250000000</v>
      </c>
      <c r="AT700" s="53">
        <v>-250000000</v>
      </c>
      <c r="AU700" s="53">
        <v>-250000000</v>
      </c>
      <c r="AV700" s="53">
        <v>-250000000</v>
      </c>
      <c r="AW700" s="53">
        <v>-250000000</v>
      </c>
      <c r="AX700" s="53">
        <v>-250000000</v>
      </c>
      <c r="AY700" s="53">
        <v>-250000000</v>
      </c>
      <c r="AZ700" s="53">
        <v>-250000000</v>
      </c>
      <c r="BA700" s="53">
        <v>-250000000</v>
      </c>
    </row>
    <row r="701" spans="1:53">
      <c r="A701" s="52" t="s">
        <v>3208</v>
      </c>
      <c r="B701" s="53">
        <v>-800000000</v>
      </c>
      <c r="C701" s="53">
        <v>-800000000</v>
      </c>
      <c r="D701" s="53">
        <v>-800000000</v>
      </c>
      <c r="E701" s="53">
        <v>-800000000</v>
      </c>
      <c r="F701" s="53">
        <v>-800000000</v>
      </c>
      <c r="G701" s="53">
        <v>-800000000</v>
      </c>
      <c r="H701" s="53">
        <v>-800000000</v>
      </c>
      <c r="I701" s="53">
        <v>-800000000</v>
      </c>
      <c r="J701" s="53">
        <v>-800000000</v>
      </c>
      <c r="K701" s="53">
        <v>-800000000</v>
      </c>
      <c r="L701" s="53">
        <v>-800000000</v>
      </c>
      <c r="M701" s="53">
        <v>-800000000</v>
      </c>
      <c r="N701" s="53">
        <v>-800000000</v>
      </c>
      <c r="O701" s="53">
        <v>-800000000</v>
      </c>
      <c r="P701" s="53">
        <v>-800000000</v>
      </c>
      <c r="Q701" s="53">
        <v>-800000000</v>
      </c>
      <c r="R701" s="53">
        <v>-800000000</v>
      </c>
      <c r="S701" s="53">
        <v>-800000000</v>
      </c>
      <c r="T701" s="53">
        <v>-800000000</v>
      </c>
      <c r="U701" s="53">
        <v>-800000000</v>
      </c>
      <c r="V701" s="53">
        <v>-800000000</v>
      </c>
      <c r="W701" s="53">
        <v>-800000000</v>
      </c>
      <c r="X701" s="53">
        <v>-800000000</v>
      </c>
      <c r="Y701" s="53">
        <v>-800000000</v>
      </c>
      <c r="Z701" s="53">
        <v>-800000000</v>
      </c>
      <c r="AA701" s="53">
        <v>-800000000</v>
      </c>
      <c r="AB701" s="53">
        <v>-800000000</v>
      </c>
      <c r="AC701" s="53">
        <v>-800000000</v>
      </c>
      <c r="AD701" s="53">
        <v>-800000000</v>
      </c>
      <c r="AE701" s="53">
        <v>-800000000</v>
      </c>
      <c r="AF701" s="53">
        <v>-800000000</v>
      </c>
      <c r="AG701" s="53">
        <v>-800000000</v>
      </c>
      <c r="AH701" s="53">
        <v>-800000000</v>
      </c>
      <c r="AI701" s="53">
        <v>-800000000</v>
      </c>
      <c r="AJ701" s="53">
        <v>-800000000</v>
      </c>
      <c r="AK701" s="53">
        <v>-800000000</v>
      </c>
      <c r="AL701" s="53">
        <v>-800000000</v>
      </c>
      <c r="AM701" s="53">
        <v>-800000000</v>
      </c>
      <c r="AN701" s="53">
        <v>-800000000</v>
      </c>
      <c r="AO701" s="53">
        <v>-800000000</v>
      </c>
      <c r="AP701" s="53">
        <v>-800000000</v>
      </c>
      <c r="AQ701" s="53">
        <v>-800000000</v>
      </c>
      <c r="AR701" s="53">
        <v>-800000000</v>
      </c>
      <c r="AS701" s="53">
        <v>-800000000</v>
      </c>
      <c r="AT701" s="53">
        <v>-800000000</v>
      </c>
      <c r="AU701" s="53">
        <v>-800000000</v>
      </c>
      <c r="AV701" s="53">
        <v>-800000000</v>
      </c>
      <c r="AW701" s="53">
        <v>-800000000</v>
      </c>
      <c r="AX701" s="53">
        <v>-800000000</v>
      </c>
      <c r="AY701" s="53">
        <v>-800000000</v>
      </c>
      <c r="AZ701" s="53">
        <v>-800000000</v>
      </c>
      <c r="BA701" s="53">
        <v>-800000000</v>
      </c>
    </row>
    <row r="702" spans="1:53">
      <c r="A702" s="52" t="s">
        <v>3209</v>
      </c>
      <c r="B702" s="53">
        <v>-150000000</v>
      </c>
      <c r="C702" s="53">
        <v>-150000000</v>
      </c>
      <c r="D702" s="53">
        <v>-150000000</v>
      </c>
      <c r="E702" s="53">
        <v>-150000000</v>
      </c>
      <c r="F702" s="53">
        <v>-150000000</v>
      </c>
      <c r="G702" s="53">
        <v>-150000000</v>
      </c>
      <c r="H702" s="53">
        <v>-150000000</v>
      </c>
      <c r="I702" s="53">
        <v>-150000000</v>
      </c>
      <c r="J702" s="53">
        <v>-150000000</v>
      </c>
      <c r="K702" s="53">
        <v>-150000000</v>
      </c>
      <c r="L702" s="53">
        <v>-150000000</v>
      </c>
      <c r="M702" s="53">
        <v>-150000000</v>
      </c>
      <c r="N702" s="53">
        <v>-150000000</v>
      </c>
      <c r="O702" s="53">
        <v>-150000000</v>
      </c>
      <c r="P702" s="53">
        <v>-150000000</v>
      </c>
      <c r="Q702" s="53">
        <v>-150000000</v>
      </c>
      <c r="R702" s="53">
        <v>-150000000</v>
      </c>
      <c r="S702" s="53">
        <v>-150000000</v>
      </c>
      <c r="T702" s="53">
        <v>-150000000</v>
      </c>
      <c r="U702" s="53">
        <v>-150000000</v>
      </c>
      <c r="V702" s="53">
        <v>-150000000</v>
      </c>
      <c r="W702" s="53">
        <v>-150000000</v>
      </c>
      <c r="X702" s="53">
        <v>-150000000</v>
      </c>
      <c r="Y702" s="53">
        <v>-150000000</v>
      </c>
      <c r="Z702" s="53">
        <v>-150000000</v>
      </c>
      <c r="AA702" s="53">
        <v>-150000000</v>
      </c>
      <c r="AB702" s="53">
        <v>-150000000</v>
      </c>
      <c r="AC702" s="53">
        <v>-150000000</v>
      </c>
      <c r="AD702" s="53">
        <v>-150000000</v>
      </c>
      <c r="AE702" s="53">
        <v>-150000000</v>
      </c>
      <c r="AF702" s="53">
        <v>-150000000</v>
      </c>
      <c r="AG702" s="53">
        <v>-150000000</v>
      </c>
      <c r="AH702" s="53">
        <v>-150000000</v>
      </c>
      <c r="AI702" s="53">
        <v>-150000000</v>
      </c>
      <c r="AJ702" s="53">
        <v>-150000000</v>
      </c>
      <c r="AK702" s="53">
        <v>-150000000</v>
      </c>
      <c r="AL702" s="53">
        <v>-150000000</v>
      </c>
      <c r="AM702" s="53">
        <v>-150000000</v>
      </c>
      <c r="AN702" s="53">
        <v>-150000000</v>
      </c>
      <c r="AO702" s="53">
        <v>-150000000</v>
      </c>
      <c r="AP702" s="53">
        <v>-150000000</v>
      </c>
      <c r="AQ702" s="53">
        <v>-150000000</v>
      </c>
      <c r="AR702" s="53">
        <v>-150000000</v>
      </c>
      <c r="AS702" s="53">
        <v>-150000000</v>
      </c>
      <c r="AT702" s="53">
        <v>-150000000</v>
      </c>
      <c r="AU702" s="53">
        <v>-150000000</v>
      </c>
      <c r="AV702" s="53">
        <v>-150000000</v>
      </c>
      <c r="AW702" s="53">
        <v>-150000000</v>
      </c>
      <c r="AX702" s="53">
        <v>-150000000</v>
      </c>
      <c r="AY702" s="53">
        <v>-150000000</v>
      </c>
      <c r="AZ702" s="53">
        <v>-150000000</v>
      </c>
      <c r="BA702" s="53">
        <v>-150000000</v>
      </c>
    </row>
    <row r="703" spans="1:53">
      <c r="A703" s="52" t="s">
        <v>3210</v>
      </c>
      <c r="B703" s="53">
        <v>0</v>
      </c>
      <c r="C703" s="53">
        <v>0</v>
      </c>
      <c r="D703" s="53">
        <v>0</v>
      </c>
      <c r="E703" s="53">
        <v>0</v>
      </c>
      <c r="F703" s="53">
        <v>0</v>
      </c>
      <c r="G703" s="53">
        <v>0</v>
      </c>
      <c r="H703" s="53">
        <v>0</v>
      </c>
      <c r="I703" s="53">
        <v>0</v>
      </c>
      <c r="J703" s="53">
        <v>0</v>
      </c>
      <c r="K703" s="53">
        <v>0</v>
      </c>
      <c r="L703" s="53">
        <v>0</v>
      </c>
      <c r="M703" s="53">
        <v>0</v>
      </c>
      <c r="N703" s="53">
        <v>0</v>
      </c>
      <c r="O703" s="53">
        <v>0</v>
      </c>
      <c r="P703" s="53">
        <v>0</v>
      </c>
      <c r="Q703" s="53">
        <v>0</v>
      </c>
      <c r="R703" s="53">
        <v>0</v>
      </c>
      <c r="S703" s="53">
        <v>0</v>
      </c>
      <c r="T703" s="53">
        <v>0</v>
      </c>
      <c r="U703" s="53">
        <v>0</v>
      </c>
      <c r="V703" s="53">
        <v>0</v>
      </c>
      <c r="W703" s="53">
        <v>0</v>
      </c>
      <c r="X703" s="53">
        <v>0</v>
      </c>
      <c r="Y703" s="53">
        <v>0</v>
      </c>
      <c r="Z703" s="53">
        <v>0</v>
      </c>
      <c r="AA703" s="53">
        <v>0</v>
      </c>
      <c r="AB703" s="53">
        <v>0</v>
      </c>
      <c r="AC703" s="53">
        <v>0</v>
      </c>
      <c r="AD703" s="53">
        <v>0</v>
      </c>
      <c r="AE703" s="53">
        <v>0</v>
      </c>
      <c r="AF703" s="53">
        <v>0</v>
      </c>
      <c r="AG703" s="53">
        <v>0</v>
      </c>
      <c r="AH703" s="53">
        <v>0</v>
      </c>
      <c r="AI703" s="53">
        <v>0</v>
      </c>
      <c r="AJ703" s="53">
        <v>0</v>
      </c>
      <c r="AK703" s="53">
        <v>0</v>
      </c>
      <c r="AL703" s="53">
        <v>0</v>
      </c>
      <c r="AM703" s="53">
        <v>0</v>
      </c>
      <c r="AN703" s="53">
        <v>0</v>
      </c>
      <c r="AO703" s="53">
        <v>0</v>
      </c>
      <c r="AP703" s="53">
        <v>0</v>
      </c>
      <c r="AQ703" s="53">
        <v>0</v>
      </c>
      <c r="AR703" s="53">
        <v>0</v>
      </c>
      <c r="AS703" s="53">
        <v>0</v>
      </c>
      <c r="AT703" s="53">
        <v>0</v>
      </c>
      <c r="AU703" s="53">
        <v>0</v>
      </c>
      <c r="AV703" s="53">
        <v>0</v>
      </c>
      <c r="AW703" s="53">
        <v>0</v>
      </c>
      <c r="AX703" s="53">
        <v>0</v>
      </c>
      <c r="AY703" s="53">
        <v>0</v>
      </c>
      <c r="AZ703" s="53">
        <v>0</v>
      </c>
      <c r="BA703" s="53">
        <v>0</v>
      </c>
    </row>
    <row r="704" spans="1:53">
      <c r="A704" s="52" t="s">
        <v>3211</v>
      </c>
      <c r="B704" s="53">
        <v>0</v>
      </c>
      <c r="C704" s="53">
        <v>0</v>
      </c>
      <c r="D704" s="53">
        <v>0</v>
      </c>
      <c r="E704" s="53">
        <v>0</v>
      </c>
      <c r="F704" s="53">
        <v>0</v>
      </c>
      <c r="G704" s="53">
        <v>0</v>
      </c>
      <c r="H704" s="53">
        <v>0</v>
      </c>
      <c r="I704" s="53">
        <v>0</v>
      </c>
      <c r="J704" s="53">
        <v>0</v>
      </c>
      <c r="K704" s="53">
        <v>0</v>
      </c>
      <c r="L704" s="53">
        <v>0</v>
      </c>
      <c r="M704" s="53">
        <v>0</v>
      </c>
      <c r="N704" s="53">
        <v>0</v>
      </c>
      <c r="O704" s="53">
        <v>0</v>
      </c>
      <c r="P704" s="53">
        <v>0</v>
      </c>
      <c r="Q704" s="53">
        <v>0</v>
      </c>
      <c r="R704" s="53">
        <v>0</v>
      </c>
      <c r="S704" s="53">
        <v>0</v>
      </c>
      <c r="T704" s="53">
        <v>0</v>
      </c>
      <c r="U704" s="53">
        <v>0</v>
      </c>
      <c r="V704" s="53">
        <v>0</v>
      </c>
      <c r="W704" s="53">
        <v>0</v>
      </c>
      <c r="X704" s="53">
        <v>0</v>
      </c>
      <c r="Y704" s="53">
        <v>0</v>
      </c>
      <c r="Z704" s="53">
        <v>0</v>
      </c>
      <c r="AA704" s="53">
        <v>0</v>
      </c>
      <c r="AB704" s="53">
        <v>0</v>
      </c>
      <c r="AC704" s="53">
        <v>0</v>
      </c>
      <c r="AD704" s="53">
        <v>0</v>
      </c>
      <c r="AE704" s="53">
        <v>0</v>
      </c>
      <c r="AF704" s="53">
        <v>0</v>
      </c>
      <c r="AG704" s="53">
        <v>0</v>
      </c>
      <c r="AH704" s="53">
        <v>0</v>
      </c>
      <c r="AI704" s="53">
        <v>0</v>
      </c>
      <c r="AJ704" s="53">
        <v>0</v>
      </c>
      <c r="AK704" s="53">
        <v>0</v>
      </c>
      <c r="AL704" s="53">
        <v>0</v>
      </c>
      <c r="AM704" s="53">
        <v>0</v>
      </c>
      <c r="AN704" s="53">
        <v>0</v>
      </c>
      <c r="AO704" s="53">
        <v>0</v>
      </c>
      <c r="AP704" s="53">
        <v>0</v>
      </c>
      <c r="AQ704" s="53">
        <v>0</v>
      </c>
      <c r="AR704" s="53">
        <v>0</v>
      </c>
      <c r="AS704" s="53">
        <v>0</v>
      </c>
      <c r="AT704" s="53">
        <v>0</v>
      </c>
      <c r="AU704" s="53">
        <v>0</v>
      </c>
      <c r="AV704" s="53">
        <v>0</v>
      </c>
      <c r="AW704" s="53">
        <v>0</v>
      </c>
      <c r="AX704" s="53">
        <v>0</v>
      </c>
      <c r="AY704" s="53">
        <v>0</v>
      </c>
      <c r="AZ704" s="53">
        <v>0</v>
      </c>
      <c r="BA704" s="53">
        <v>0</v>
      </c>
    </row>
    <row r="705" spans="1:53">
      <c r="A705" s="52" t="s">
        <v>3212</v>
      </c>
      <c r="B705" s="53">
        <v>0</v>
      </c>
      <c r="C705" s="53">
        <v>0</v>
      </c>
      <c r="D705" s="53">
        <v>0</v>
      </c>
      <c r="E705" s="53">
        <v>0</v>
      </c>
      <c r="F705" s="53">
        <v>0</v>
      </c>
      <c r="G705" s="53">
        <v>0</v>
      </c>
      <c r="H705" s="53">
        <v>0</v>
      </c>
      <c r="I705" s="53">
        <v>0</v>
      </c>
      <c r="J705" s="53">
        <v>0</v>
      </c>
      <c r="K705" s="53">
        <v>0</v>
      </c>
      <c r="L705" s="53">
        <v>0</v>
      </c>
      <c r="M705" s="53">
        <v>0</v>
      </c>
      <c r="N705" s="53">
        <v>0</v>
      </c>
      <c r="O705" s="53">
        <v>0</v>
      </c>
      <c r="P705" s="53">
        <v>0</v>
      </c>
      <c r="Q705" s="53">
        <v>0</v>
      </c>
      <c r="R705" s="53">
        <v>0</v>
      </c>
      <c r="S705" s="53">
        <v>0</v>
      </c>
      <c r="T705" s="53">
        <v>0</v>
      </c>
      <c r="U705" s="53">
        <v>0</v>
      </c>
      <c r="V705" s="53">
        <v>0</v>
      </c>
      <c r="W705" s="53">
        <v>0</v>
      </c>
      <c r="X705" s="53">
        <v>0</v>
      </c>
      <c r="Y705" s="53">
        <v>0</v>
      </c>
      <c r="Z705" s="53">
        <v>0</v>
      </c>
      <c r="AA705" s="53">
        <v>0</v>
      </c>
      <c r="AB705" s="53">
        <v>0</v>
      </c>
      <c r="AC705" s="53">
        <v>0</v>
      </c>
      <c r="AD705" s="53">
        <v>0</v>
      </c>
      <c r="AE705" s="53">
        <v>0</v>
      </c>
      <c r="AF705" s="53">
        <v>0</v>
      </c>
      <c r="AG705" s="53">
        <v>0</v>
      </c>
      <c r="AH705" s="53">
        <v>0</v>
      </c>
      <c r="AI705" s="53">
        <v>0</v>
      </c>
      <c r="AJ705" s="53">
        <v>0</v>
      </c>
      <c r="AK705" s="53">
        <v>0</v>
      </c>
      <c r="AL705" s="53">
        <v>0</v>
      </c>
      <c r="AM705" s="53">
        <v>0</v>
      </c>
      <c r="AN705" s="53">
        <v>0</v>
      </c>
      <c r="AO705" s="53">
        <v>0</v>
      </c>
      <c r="AP705" s="53">
        <v>0</v>
      </c>
      <c r="AQ705" s="53">
        <v>0</v>
      </c>
      <c r="AR705" s="53">
        <v>0</v>
      </c>
      <c r="AS705" s="53">
        <v>0</v>
      </c>
      <c r="AT705" s="53">
        <v>0</v>
      </c>
      <c r="AU705" s="53">
        <v>0</v>
      </c>
      <c r="AV705" s="53">
        <v>0</v>
      </c>
      <c r="AW705" s="53">
        <v>0</v>
      </c>
      <c r="AX705" s="53">
        <v>0</v>
      </c>
      <c r="AY705" s="53">
        <v>0</v>
      </c>
      <c r="AZ705" s="53">
        <v>0</v>
      </c>
      <c r="BA705" s="53">
        <v>0</v>
      </c>
    </row>
    <row r="706" spans="1:53">
      <c r="A706" s="52" t="s">
        <v>3213</v>
      </c>
      <c r="B706" s="53">
        <v>0</v>
      </c>
      <c r="C706" s="53">
        <v>0</v>
      </c>
      <c r="D706" s="53">
        <v>0</v>
      </c>
      <c r="E706" s="53">
        <v>0</v>
      </c>
      <c r="F706" s="53">
        <v>0</v>
      </c>
      <c r="G706" s="53">
        <v>0</v>
      </c>
      <c r="H706" s="53">
        <v>0</v>
      </c>
      <c r="I706" s="53">
        <v>0</v>
      </c>
      <c r="J706" s="53">
        <v>0</v>
      </c>
      <c r="K706" s="53">
        <v>0</v>
      </c>
      <c r="L706" s="53">
        <v>0</v>
      </c>
      <c r="M706" s="53">
        <v>0</v>
      </c>
      <c r="N706" s="53">
        <v>0</v>
      </c>
      <c r="O706" s="53">
        <v>0</v>
      </c>
      <c r="P706" s="53">
        <v>0</v>
      </c>
      <c r="Q706" s="53">
        <v>0</v>
      </c>
      <c r="R706" s="53">
        <v>0</v>
      </c>
      <c r="S706" s="53">
        <v>0</v>
      </c>
      <c r="T706" s="53">
        <v>0</v>
      </c>
      <c r="U706" s="53">
        <v>0</v>
      </c>
      <c r="V706" s="53">
        <v>0</v>
      </c>
      <c r="W706" s="53">
        <v>0</v>
      </c>
      <c r="X706" s="53">
        <v>0</v>
      </c>
      <c r="Y706" s="53">
        <v>0</v>
      </c>
      <c r="Z706" s="53">
        <v>0</v>
      </c>
      <c r="AA706" s="53">
        <v>0</v>
      </c>
      <c r="AB706" s="53">
        <v>0</v>
      </c>
      <c r="AC706" s="53">
        <v>0</v>
      </c>
      <c r="AD706" s="53">
        <v>0</v>
      </c>
      <c r="AE706" s="53">
        <v>0</v>
      </c>
      <c r="AF706" s="53">
        <v>0</v>
      </c>
      <c r="AG706" s="53">
        <v>0</v>
      </c>
      <c r="AH706" s="53">
        <v>0</v>
      </c>
      <c r="AI706" s="53">
        <v>0</v>
      </c>
      <c r="AJ706" s="53">
        <v>0</v>
      </c>
      <c r="AK706" s="53">
        <v>0</v>
      </c>
      <c r="AL706" s="53">
        <v>0</v>
      </c>
      <c r="AM706" s="53">
        <v>0</v>
      </c>
      <c r="AN706" s="53">
        <v>0</v>
      </c>
      <c r="AO706" s="53">
        <v>0</v>
      </c>
      <c r="AP706" s="53">
        <v>0</v>
      </c>
      <c r="AQ706" s="53">
        <v>0</v>
      </c>
      <c r="AR706" s="53">
        <v>0</v>
      </c>
      <c r="AS706" s="53">
        <v>0</v>
      </c>
      <c r="AT706" s="53">
        <v>0</v>
      </c>
      <c r="AU706" s="53">
        <v>0</v>
      </c>
      <c r="AV706" s="53">
        <v>0</v>
      </c>
      <c r="AW706" s="53">
        <v>0</v>
      </c>
      <c r="AX706" s="53">
        <v>0</v>
      </c>
      <c r="AY706" s="53">
        <v>0</v>
      </c>
      <c r="AZ706" s="53">
        <v>0</v>
      </c>
      <c r="BA706" s="53">
        <v>0</v>
      </c>
    </row>
    <row r="707" spans="1:53">
      <c r="A707" s="58" t="s">
        <v>3214</v>
      </c>
      <c r="B707" s="134">
        <v>-1200000000</v>
      </c>
      <c r="C707" s="134">
        <v>-1200000000</v>
      </c>
      <c r="D707" s="134">
        <v>-1200000000</v>
      </c>
      <c r="E707" s="134">
        <v>-1200000000</v>
      </c>
      <c r="F707" s="134">
        <v>-1200000000</v>
      </c>
      <c r="G707" s="134">
        <v>-1200000000</v>
      </c>
      <c r="H707" s="134">
        <v>-1200000000</v>
      </c>
      <c r="I707" s="134">
        <v>-1200000000</v>
      </c>
      <c r="J707" s="134">
        <v>-1200000000</v>
      </c>
      <c r="K707" s="134">
        <v>-1200000000</v>
      </c>
      <c r="L707" s="134">
        <v>-1200000000</v>
      </c>
      <c r="M707" s="134">
        <v>-1200000000</v>
      </c>
      <c r="N707" s="134">
        <v>-1200000000</v>
      </c>
      <c r="O707" s="134">
        <v>-1200000000</v>
      </c>
      <c r="P707" s="134">
        <v>-1200000000</v>
      </c>
      <c r="Q707" s="134">
        <v>-1200000000</v>
      </c>
      <c r="R707" s="134">
        <v>-1200000000</v>
      </c>
      <c r="S707" s="134">
        <v>-1200000000</v>
      </c>
      <c r="T707" s="134">
        <v>-1200000000</v>
      </c>
      <c r="U707" s="134">
        <v>-1200000000</v>
      </c>
      <c r="V707" s="134">
        <v>-1200000000</v>
      </c>
      <c r="W707" s="134">
        <v>-1200000000</v>
      </c>
      <c r="X707" s="134">
        <v>-1200000000</v>
      </c>
      <c r="Y707" s="134">
        <v>-1200000000</v>
      </c>
      <c r="Z707" s="134">
        <v>-1200000000</v>
      </c>
      <c r="AA707" s="134">
        <v>-1200000000</v>
      </c>
      <c r="AB707" s="134">
        <v>-1200000000</v>
      </c>
      <c r="AC707" s="134">
        <v>-1200000000</v>
      </c>
      <c r="AD707" s="134">
        <v>-1200000000</v>
      </c>
      <c r="AE707" s="134">
        <v>-1200000000</v>
      </c>
      <c r="AF707" s="134">
        <v>-1200000000</v>
      </c>
      <c r="AG707" s="134">
        <v>-1200000000</v>
      </c>
      <c r="AH707" s="134">
        <v>-1200000000</v>
      </c>
      <c r="AI707" s="134">
        <v>-1200000000</v>
      </c>
      <c r="AJ707" s="134">
        <v>-1200000000</v>
      </c>
      <c r="AK707" s="134">
        <v>-1200000000</v>
      </c>
      <c r="AL707" s="134">
        <v>-1200000000</v>
      </c>
      <c r="AM707" s="134">
        <v>-1200000000</v>
      </c>
      <c r="AN707" s="134">
        <v>-1200000000</v>
      </c>
      <c r="AO707" s="134">
        <v>-1200000000</v>
      </c>
      <c r="AP707" s="134">
        <v>-1200000000</v>
      </c>
      <c r="AQ707" s="134">
        <v>-1200000000</v>
      </c>
      <c r="AR707" s="134">
        <v>-1200000000</v>
      </c>
      <c r="AS707" s="134">
        <v>-1200000000</v>
      </c>
      <c r="AT707" s="134">
        <v>-1200000000</v>
      </c>
      <c r="AU707" s="134">
        <v>-1200000000</v>
      </c>
      <c r="AV707" s="134">
        <v>-1200000000</v>
      </c>
      <c r="AW707" s="134">
        <v>-1200000000</v>
      </c>
      <c r="AX707" s="134">
        <v>-1200000000</v>
      </c>
      <c r="AY707" s="134">
        <v>-1200000000</v>
      </c>
      <c r="AZ707" s="134">
        <v>-1200000000</v>
      </c>
      <c r="BA707" s="134">
        <v>-1200000000</v>
      </c>
    </row>
    <row r="708" spans="1:53">
      <c r="A708" s="52" t="s">
        <v>3215</v>
      </c>
    </row>
    <row r="709" spans="1:53">
      <c r="A709" s="57" t="s">
        <v>3216</v>
      </c>
    </row>
    <row r="710" spans="1:53">
      <c r="A710" s="52" t="s">
        <v>3217</v>
      </c>
      <c r="B710" s="53">
        <v>0</v>
      </c>
      <c r="C710" s="53">
        <v>0</v>
      </c>
      <c r="D710" s="53">
        <v>0</v>
      </c>
      <c r="E710" s="53">
        <v>0</v>
      </c>
      <c r="F710" s="53">
        <v>0</v>
      </c>
      <c r="G710" s="53">
        <v>0</v>
      </c>
      <c r="H710" s="53">
        <v>0</v>
      </c>
      <c r="I710" s="53">
        <v>0</v>
      </c>
      <c r="J710" s="53">
        <v>0</v>
      </c>
      <c r="K710" s="53">
        <v>0</v>
      </c>
      <c r="L710" s="53">
        <v>0</v>
      </c>
      <c r="M710" s="53">
        <v>0</v>
      </c>
      <c r="N710" s="53">
        <v>0</v>
      </c>
      <c r="O710" s="53">
        <v>0</v>
      </c>
      <c r="P710" s="53">
        <v>0</v>
      </c>
      <c r="Q710" s="53">
        <v>0</v>
      </c>
      <c r="R710" s="53">
        <v>0</v>
      </c>
      <c r="S710" s="53">
        <v>0</v>
      </c>
      <c r="T710" s="53">
        <v>0</v>
      </c>
      <c r="U710" s="53">
        <v>0</v>
      </c>
      <c r="V710" s="53">
        <v>0</v>
      </c>
      <c r="W710" s="53">
        <v>0</v>
      </c>
      <c r="X710" s="53">
        <v>0</v>
      </c>
      <c r="Y710" s="53">
        <v>0</v>
      </c>
      <c r="Z710" s="53">
        <v>0</v>
      </c>
      <c r="AA710" s="53">
        <v>0</v>
      </c>
      <c r="AB710" s="53">
        <v>0</v>
      </c>
      <c r="AC710" s="53">
        <v>0</v>
      </c>
      <c r="AD710" s="53">
        <v>0</v>
      </c>
      <c r="AE710" s="53">
        <v>0</v>
      </c>
      <c r="AF710" s="53">
        <v>0</v>
      </c>
      <c r="AG710" s="53">
        <v>0</v>
      </c>
      <c r="AH710" s="53">
        <v>0</v>
      </c>
      <c r="AI710" s="53">
        <v>0</v>
      </c>
      <c r="AJ710" s="53">
        <v>0</v>
      </c>
      <c r="AK710" s="53">
        <v>0</v>
      </c>
      <c r="AL710" s="53">
        <v>0</v>
      </c>
      <c r="AM710" s="53">
        <v>0</v>
      </c>
      <c r="AN710" s="53">
        <v>0</v>
      </c>
      <c r="AO710" s="53">
        <v>0</v>
      </c>
      <c r="AP710" s="53">
        <v>0</v>
      </c>
      <c r="AQ710" s="53">
        <v>0</v>
      </c>
      <c r="AR710" s="53">
        <v>0</v>
      </c>
      <c r="AS710" s="53">
        <v>0</v>
      </c>
      <c r="AT710" s="53">
        <v>0</v>
      </c>
      <c r="AU710" s="53">
        <v>0</v>
      </c>
      <c r="AV710" s="53">
        <v>0</v>
      </c>
      <c r="AW710" s="53">
        <v>0</v>
      </c>
      <c r="AX710" s="53">
        <v>0</v>
      </c>
      <c r="AY710" s="53">
        <v>0</v>
      </c>
      <c r="AZ710" s="53">
        <v>0</v>
      </c>
      <c r="BA710" s="53">
        <v>0</v>
      </c>
    </row>
    <row r="711" spans="1:53">
      <c r="A711" s="52" t="s">
        <v>3218</v>
      </c>
      <c r="B711" s="53">
        <v>2744325.08</v>
      </c>
      <c r="C711" s="53">
        <v>2744325.08</v>
      </c>
      <c r="D711" s="53">
        <v>2744325.08</v>
      </c>
      <c r="E711" s="53">
        <v>2744325.08</v>
      </c>
      <c r="F711" s="53">
        <v>2744325.08</v>
      </c>
      <c r="G711" s="53">
        <v>2744325.08</v>
      </c>
      <c r="H711" s="53">
        <v>2744325.08</v>
      </c>
      <c r="I711" s="53">
        <v>2744325.08</v>
      </c>
      <c r="J711" s="53">
        <v>2744325.08</v>
      </c>
      <c r="K711" s="53">
        <v>2744325.08</v>
      </c>
      <c r="L711" s="53">
        <v>2744325.08</v>
      </c>
      <c r="M711" s="53">
        <v>2744325.08</v>
      </c>
      <c r="N711" s="53">
        <v>2744325.08</v>
      </c>
      <c r="O711" s="53">
        <v>2744325.08</v>
      </c>
      <c r="P711" s="53">
        <v>2744325.08</v>
      </c>
      <c r="Q711" s="53">
        <v>2744325.08</v>
      </c>
      <c r="R711" s="53">
        <v>2744325.08</v>
      </c>
      <c r="S711" s="53">
        <v>2744325.08</v>
      </c>
      <c r="T711" s="53">
        <v>2744325.08</v>
      </c>
      <c r="U711" s="53">
        <v>2744325.08</v>
      </c>
      <c r="V711" s="53">
        <v>2744325.08</v>
      </c>
      <c r="W711" s="53">
        <v>2744325.08</v>
      </c>
      <c r="X711" s="53">
        <v>2744325.08</v>
      </c>
      <c r="Y711" s="53">
        <v>2744325.08</v>
      </c>
      <c r="Z711" s="53">
        <v>2744325.08</v>
      </c>
      <c r="AA711" s="53">
        <v>2744325.08</v>
      </c>
      <c r="AB711" s="53">
        <v>2744325.08</v>
      </c>
      <c r="AC711" s="53">
        <v>2744325.08</v>
      </c>
      <c r="AD711" s="53">
        <v>2744325.08</v>
      </c>
      <c r="AE711" s="53">
        <v>2744325.08</v>
      </c>
      <c r="AF711" s="53">
        <v>2744325.08</v>
      </c>
      <c r="AG711" s="53">
        <v>2744325.08</v>
      </c>
      <c r="AH711" s="53">
        <v>2744325.08</v>
      </c>
      <c r="AI711" s="53">
        <v>2744325.08</v>
      </c>
      <c r="AJ711" s="53">
        <v>2744325.08</v>
      </c>
      <c r="AK711" s="53">
        <v>2744325.08</v>
      </c>
      <c r="AL711" s="53">
        <v>2744325.08</v>
      </c>
      <c r="AM711" s="53">
        <v>2744325.08</v>
      </c>
      <c r="AN711" s="53">
        <v>2744325.08</v>
      </c>
      <c r="AO711" s="53">
        <v>2744325.08</v>
      </c>
      <c r="AP711" s="53">
        <v>2744325.08</v>
      </c>
      <c r="AQ711" s="53">
        <v>2744325.08</v>
      </c>
      <c r="AR711" s="53">
        <v>2744325.08</v>
      </c>
      <c r="AS711" s="53">
        <v>2744325.08</v>
      </c>
      <c r="AT711" s="53">
        <v>2744325.08</v>
      </c>
      <c r="AU711" s="53">
        <v>2744325.08</v>
      </c>
      <c r="AV711" s="53">
        <v>2744325.08</v>
      </c>
      <c r="AW711" s="53">
        <v>2744325.08</v>
      </c>
      <c r="AX711" s="53">
        <v>2744325.08</v>
      </c>
      <c r="AY711" s="53">
        <v>2744325.08</v>
      </c>
      <c r="AZ711" s="53">
        <v>2744325.08</v>
      </c>
      <c r="BA711" s="53">
        <v>2744325.08</v>
      </c>
    </row>
    <row r="712" spans="1:53">
      <c r="A712" s="52" t="s">
        <v>3219</v>
      </c>
      <c r="B712" s="53">
        <v>878970.64</v>
      </c>
      <c r="C712" s="53">
        <v>878970.64</v>
      </c>
      <c r="D712" s="53">
        <v>878970.64</v>
      </c>
      <c r="E712" s="53">
        <v>878970.64</v>
      </c>
      <c r="F712" s="53">
        <v>878970.64</v>
      </c>
      <c r="G712" s="53">
        <v>878970.64</v>
      </c>
      <c r="H712" s="53">
        <v>878970.64</v>
      </c>
      <c r="I712" s="53">
        <v>878970.64</v>
      </c>
      <c r="J712" s="53">
        <v>878970.64</v>
      </c>
      <c r="K712" s="53">
        <v>878970.64</v>
      </c>
      <c r="L712" s="53">
        <v>878970.64</v>
      </c>
      <c r="M712" s="53">
        <v>878970.64</v>
      </c>
      <c r="N712" s="53">
        <v>878970.64</v>
      </c>
      <c r="O712" s="53">
        <v>878970.64</v>
      </c>
      <c r="P712" s="53">
        <v>878970.64</v>
      </c>
      <c r="Q712" s="53">
        <v>878970.64</v>
      </c>
      <c r="R712" s="53">
        <v>878970.64</v>
      </c>
      <c r="S712" s="53">
        <v>878970.64</v>
      </c>
      <c r="T712" s="53">
        <v>878970.64</v>
      </c>
      <c r="U712" s="53">
        <v>878970.64</v>
      </c>
      <c r="V712" s="53">
        <v>878970.64</v>
      </c>
      <c r="W712" s="53">
        <v>878970.64</v>
      </c>
      <c r="X712" s="53">
        <v>878970.64</v>
      </c>
      <c r="Y712" s="53">
        <v>878970.64</v>
      </c>
      <c r="Z712" s="53">
        <v>878970.64</v>
      </c>
      <c r="AA712" s="53">
        <v>878970.64</v>
      </c>
      <c r="AB712" s="53">
        <v>878970.64</v>
      </c>
      <c r="AC712" s="53">
        <v>878970.64</v>
      </c>
      <c r="AD712" s="53">
        <v>878970.64</v>
      </c>
      <c r="AE712" s="53">
        <v>878970.64</v>
      </c>
      <c r="AF712" s="53">
        <v>878970.64</v>
      </c>
      <c r="AG712" s="53">
        <v>878970.64</v>
      </c>
      <c r="AH712" s="53">
        <v>878970.64</v>
      </c>
      <c r="AI712" s="53">
        <v>878970.64</v>
      </c>
      <c r="AJ712" s="53">
        <v>878970.64</v>
      </c>
      <c r="AK712" s="53">
        <v>878970.64</v>
      </c>
      <c r="AL712" s="53">
        <v>878970.64</v>
      </c>
      <c r="AM712" s="53">
        <v>878970.64</v>
      </c>
      <c r="AN712" s="53">
        <v>878970.64</v>
      </c>
      <c r="AO712" s="53">
        <v>878970.64</v>
      </c>
      <c r="AP712" s="53">
        <v>878970.64</v>
      </c>
      <c r="AQ712" s="53">
        <v>878970.64</v>
      </c>
      <c r="AR712" s="53">
        <v>878970.64</v>
      </c>
      <c r="AS712" s="53">
        <v>878970.64</v>
      </c>
      <c r="AT712" s="53">
        <v>878970.64</v>
      </c>
      <c r="AU712" s="53">
        <v>878970.64</v>
      </c>
      <c r="AV712" s="53">
        <v>878970.64</v>
      </c>
      <c r="AW712" s="53">
        <v>878970.64</v>
      </c>
      <c r="AX712" s="53">
        <v>878970.64</v>
      </c>
      <c r="AY712" s="53">
        <v>878970.64</v>
      </c>
      <c r="AZ712" s="53">
        <v>878970.64</v>
      </c>
      <c r="BA712" s="53">
        <v>878970.64</v>
      </c>
    </row>
    <row r="713" spans="1:53">
      <c r="A713" s="52" t="s">
        <v>3220</v>
      </c>
      <c r="B713" s="53">
        <v>0</v>
      </c>
      <c r="C713" s="53">
        <v>0</v>
      </c>
      <c r="D713" s="53">
        <v>0</v>
      </c>
      <c r="E713" s="53">
        <v>0</v>
      </c>
      <c r="F713" s="53">
        <v>0</v>
      </c>
      <c r="G713" s="53">
        <v>0</v>
      </c>
      <c r="H713" s="53">
        <v>0</v>
      </c>
      <c r="I713" s="53">
        <v>0</v>
      </c>
      <c r="J713" s="53">
        <v>0</v>
      </c>
      <c r="K713" s="53">
        <v>0</v>
      </c>
      <c r="L713" s="53">
        <v>0</v>
      </c>
      <c r="M713" s="53">
        <v>0</v>
      </c>
      <c r="N713" s="53">
        <v>0</v>
      </c>
      <c r="O713" s="53">
        <v>0</v>
      </c>
      <c r="P713" s="53">
        <v>0</v>
      </c>
      <c r="Q713" s="53">
        <v>0</v>
      </c>
      <c r="R713" s="53">
        <v>0</v>
      </c>
      <c r="S713" s="53">
        <v>0</v>
      </c>
      <c r="T713" s="53">
        <v>0</v>
      </c>
      <c r="U713" s="53">
        <v>0</v>
      </c>
      <c r="V713" s="53">
        <v>0</v>
      </c>
      <c r="W713" s="53">
        <v>0</v>
      </c>
      <c r="X713" s="53">
        <v>0</v>
      </c>
      <c r="Y713" s="53">
        <v>0</v>
      </c>
      <c r="Z713" s="53">
        <v>0</v>
      </c>
      <c r="AA713" s="53">
        <v>0</v>
      </c>
      <c r="AB713" s="53">
        <v>0</v>
      </c>
      <c r="AC713" s="53">
        <v>0</v>
      </c>
      <c r="AD713" s="53">
        <v>0</v>
      </c>
      <c r="AE713" s="53">
        <v>0</v>
      </c>
      <c r="AF713" s="53">
        <v>0</v>
      </c>
      <c r="AG713" s="53">
        <v>0</v>
      </c>
      <c r="AH713" s="53">
        <v>0</v>
      </c>
      <c r="AI713" s="53">
        <v>0</v>
      </c>
      <c r="AJ713" s="53">
        <v>0</v>
      </c>
      <c r="AK713" s="53">
        <v>0</v>
      </c>
      <c r="AL713" s="53">
        <v>0</v>
      </c>
      <c r="AM713" s="53">
        <v>0</v>
      </c>
      <c r="AN713" s="53">
        <v>0</v>
      </c>
      <c r="AO713" s="53">
        <v>0</v>
      </c>
      <c r="AP713" s="53">
        <v>0</v>
      </c>
      <c r="AQ713" s="53">
        <v>0</v>
      </c>
      <c r="AR713" s="53">
        <v>0</v>
      </c>
      <c r="AS713" s="53">
        <v>0</v>
      </c>
      <c r="AT713" s="53">
        <v>0</v>
      </c>
      <c r="AU713" s="53">
        <v>0</v>
      </c>
      <c r="AV713" s="53">
        <v>0</v>
      </c>
      <c r="AW713" s="53">
        <v>0</v>
      </c>
      <c r="AX713" s="53">
        <v>0</v>
      </c>
      <c r="AY713" s="53">
        <v>0</v>
      </c>
      <c r="AZ713" s="53">
        <v>0</v>
      </c>
      <c r="BA713" s="53">
        <v>0</v>
      </c>
    </row>
    <row r="714" spans="1:53">
      <c r="A714" s="52" t="s">
        <v>3221</v>
      </c>
      <c r="B714" s="53">
        <v>0</v>
      </c>
      <c r="C714" s="53">
        <v>0</v>
      </c>
      <c r="D714" s="53">
        <v>0</v>
      </c>
      <c r="E714" s="53">
        <v>0</v>
      </c>
      <c r="F714" s="53">
        <v>0</v>
      </c>
      <c r="G714" s="53">
        <v>0</v>
      </c>
      <c r="H714" s="53">
        <v>0</v>
      </c>
      <c r="I714" s="53">
        <v>0</v>
      </c>
      <c r="J714" s="53">
        <v>0</v>
      </c>
      <c r="K714" s="53">
        <v>0</v>
      </c>
      <c r="L714" s="53">
        <v>0</v>
      </c>
      <c r="M714" s="53">
        <v>0</v>
      </c>
      <c r="N714" s="53">
        <v>0</v>
      </c>
      <c r="O714" s="53">
        <v>0</v>
      </c>
      <c r="P714" s="53">
        <v>0</v>
      </c>
      <c r="Q714" s="53">
        <v>0</v>
      </c>
      <c r="R714" s="53">
        <v>0</v>
      </c>
      <c r="S714" s="53">
        <v>0</v>
      </c>
      <c r="T714" s="53">
        <v>0</v>
      </c>
      <c r="U714" s="53">
        <v>0</v>
      </c>
      <c r="V714" s="53">
        <v>0</v>
      </c>
      <c r="W714" s="53">
        <v>0</v>
      </c>
      <c r="X714" s="53">
        <v>0</v>
      </c>
      <c r="Y714" s="53">
        <v>0</v>
      </c>
      <c r="Z714" s="53">
        <v>0</v>
      </c>
      <c r="AA714" s="53">
        <v>0</v>
      </c>
      <c r="AB714" s="53">
        <v>0</v>
      </c>
      <c r="AC714" s="53">
        <v>0</v>
      </c>
      <c r="AD714" s="53">
        <v>0</v>
      </c>
      <c r="AE714" s="53">
        <v>0</v>
      </c>
      <c r="AF714" s="53">
        <v>0</v>
      </c>
      <c r="AG714" s="53">
        <v>0</v>
      </c>
      <c r="AH714" s="53">
        <v>0</v>
      </c>
      <c r="AI714" s="53">
        <v>0</v>
      </c>
      <c r="AJ714" s="53">
        <v>0</v>
      </c>
      <c r="AK714" s="53">
        <v>0</v>
      </c>
      <c r="AL714" s="53">
        <v>0</v>
      </c>
      <c r="AM714" s="53">
        <v>0</v>
      </c>
      <c r="AN714" s="53">
        <v>0</v>
      </c>
      <c r="AO714" s="53">
        <v>0</v>
      </c>
      <c r="AP714" s="53">
        <v>0</v>
      </c>
      <c r="AQ714" s="53">
        <v>0</v>
      </c>
      <c r="AR714" s="53">
        <v>0</v>
      </c>
      <c r="AS714" s="53">
        <v>0</v>
      </c>
      <c r="AT714" s="53">
        <v>0</v>
      </c>
      <c r="AU714" s="53">
        <v>0</v>
      </c>
      <c r="AV714" s="53">
        <v>0</v>
      </c>
      <c r="AW714" s="53">
        <v>0</v>
      </c>
      <c r="AX714" s="53">
        <v>0</v>
      </c>
      <c r="AY714" s="53">
        <v>0</v>
      </c>
      <c r="AZ714" s="53">
        <v>0</v>
      </c>
      <c r="BA714" s="53">
        <v>0</v>
      </c>
    </row>
    <row r="715" spans="1:53">
      <c r="A715" s="52" t="s">
        <v>3222</v>
      </c>
      <c r="B715" s="53">
        <v>610745.03</v>
      </c>
      <c r="C715" s="53">
        <v>610745.03</v>
      </c>
      <c r="D715" s="53">
        <v>610745.03</v>
      </c>
      <c r="E715" s="53">
        <v>610745.03</v>
      </c>
      <c r="F715" s="53">
        <v>610745.03</v>
      </c>
      <c r="G715" s="53">
        <v>610745.03</v>
      </c>
      <c r="H715" s="53">
        <v>610745.03</v>
      </c>
      <c r="I715" s="53">
        <v>610745.03</v>
      </c>
      <c r="J715" s="53">
        <v>610745.03</v>
      </c>
      <c r="K715" s="53">
        <v>610745.03</v>
      </c>
      <c r="L715" s="53">
        <v>610745.03</v>
      </c>
      <c r="M715" s="53">
        <v>610745.03</v>
      </c>
      <c r="N715" s="53">
        <v>610745.03</v>
      </c>
      <c r="O715" s="53">
        <v>610745.03</v>
      </c>
      <c r="P715" s="53">
        <v>610745.03</v>
      </c>
      <c r="Q715" s="53">
        <v>610745.03</v>
      </c>
      <c r="R715" s="53">
        <v>610745.03</v>
      </c>
      <c r="S715" s="53">
        <v>610745.03</v>
      </c>
      <c r="T715" s="53">
        <v>610745.03</v>
      </c>
      <c r="U715" s="53">
        <v>610745.03</v>
      </c>
      <c r="V715" s="53">
        <v>610745.03</v>
      </c>
      <c r="W715" s="53">
        <v>610745.03</v>
      </c>
      <c r="X715" s="53">
        <v>610745.03</v>
      </c>
      <c r="Y715" s="53">
        <v>610745.03</v>
      </c>
      <c r="Z715" s="53">
        <v>610745.03</v>
      </c>
      <c r="AA715" s="53">
        <v>610745.03</v>
      </c>
      <c r="AB715" s="53">
        <v>610745.03</v>
      </c>
      <c r="AC715" s="53">
        <v>610745.03</v>
      </c>
      <c r="AD715" s="53">
        <v>610745.03</v>
      </c>
      <c r="AE715" s="53">
        <v>610745.03</v>
      </c>
      <c r="AF715" s="53">
        <v>610745.03</v>
      </c>
      <c r="AG715" s="53">
        <v>610745.03</v>
      </c>
      <c r="AH715" s="53">
        <v>610745.03</v>
      </c>
      <c r="AI715" s="53">
        <v>610745.03</v>
      </c>
      <c r="AJ715" s="53">
        <v>610745.03</v>
      </c>
      <c r="AK715" s="53">
        <v>610745.03</v>
      </c>
      <c r="AL715" s="53">
        <v>610745.03</v>
      </c>
      <c r="AM715" s="53">
        <v>610745.03</v>
      </c>
      <c r="AN715" s="53">
        <v>610745.03</v>
      </c>
      <c r="AO715" s="53">
        <v>610745.03</v>
      </c>
      <c r="AP715" s="53">
        <v>610745.03</v>
      </c>
      <c r="AQ715" s="53">
        <v>610745.03</v>
      </c>
      <c r="AR715" s="53">
        <v>610745.03</v>
      </c>
      <c r="AS715" s="53">
        <v>610745.03</v>
      </c>
      <c r="AT715" s="53">
        <v>610745.03</v>
      </c>
      <c r="AU715" s="53">
        <v>610745.03</v>
      </c>
      <c r="AV715" s="53">
        <v>610745.03</v>
      </c>
      <c r="AW715" s="53">
        <v>610745.03</v>
      </c>
      <c r="AX715" s="53">
        <v>610745.03</v>
      </c>
      <c r="AY715" s="53">
        <v>610745.03</v>
      </c>
      <c r="AZ715" s="53">
        <v>610745.03</v>
      </c>
      <c r="BA715" s="53">
        <v>610745.03</v>
      </c>
    </row>
    <row r="716" spans="1:53">
      <c r="A716" s="52" t="s">
        <v>3223</v>
      </c>
      <c r="B716" s="53">
        <v>472271.25</v>
      </c>
      <c r="C716" s="53">
        <v>472271.25</v>
      </c>
      <c r="D716" s="53">
        <v>472271.25</v>
      </c>
      <c r="E716" s="53">
        <v>472271.25</v>
      </c>
      <c r="F716" s="53">
        <v>472271.25</v>
      </c>
      <c r="G716" s="53">
        <v>472271.25</v>
      </c>
      <c r="H716" s="53">
        <v>472271.25</v>
      </c>
      <c r="I716" s="53">
        <v>472271.25</v>
      </c>
      <c r="J716" s="53">
        <v>472271.25</v>
      </c>
      <c r="K716" s="53">
        <v>472271.25</v>
      </c>
      <c r="L716" s="53">
        <v>472271.25</v>
      </c>
      <c r="M716" s="53">
        <v>472271.25</v>
      </c>
      <c r="N716" s="53">
        <v>472271.25</v>
      </c>
      <c r="O716" s="53">
        <v>472271.25</v>
      </c>
      <c r="P716" s="53">
        <v>472271.25</v>
      </c>
      <c r="Q716" s="53">
        <v>472271.25</v>
      </c>
      <c r="R716" s="53">
        <v>472271.25</v>
      </c>
      <c r="S716" s="53">
        <v>472271.25</v>
      </c>
      <c r="T716" s="53">
        <v>472271.25</v>
      </c>
      <c r="U716" s="53">
        <v>472271.25</v>
      </c>
      <c r="V716" s="53">
        <v>472271.25</v>
      </c>
      <c r="W716" s="53">
        <v>472271.25</v>
      </c>
      <c r="X716" s="53">
        <v>472271.25</v>
      </c>
      <c r="Y716" s="53">
        <v>472271.25</v>
      </c>
      <c r="Z716" s="53">
        <v>472271.25</v>
      </c>
      <c r="AA716" s="53">
        <v>472271.25</v>
      </c>
      <c r="AB716" s="53">
        <v>472271.25</v>
      </c>
      <c r="AC716" s="53">
        <v>472271.25</v>
      </c>
      <c r="AD716" s="53">
        <v>472271.25</v>
      </c>
      <c r="AE716" s="53">
        <v>472271.25</v>
      </c>
      <c r="AF716" s="53">
        <v>472271.25</v>
      </c>
      <c r="AG716" s="53">
        <v>472271.25</v>
      </c>
      <c r="AH716" s="53">
        <v>472271.25</v>
      </c>
      <c r="AI716" s="53">
        <v>472271.25</v>
      </c>
      <c r="AJ716" s="53">
        <v>472271.25</v>
      </c>
      <c r="AK716" s="53">
        <v>472271.25</v>
      </c>
      <c r="AL716" s="53">
        <v>472271.25</v>
      </c>
      <c r="AM716" s="53">
        <v>472271.25</v>
      </c>
      <c r="AN716" s="53">
        <v>472271.25</v>
      </c>
      <c r="AO716" s="53">
        <v>472271.25</v>
      </c>
      <c r="AP716" s="53">
        <v>472271.25</v>
      </c>
      <c r="AQ716" s="53">
        <v>472271.25</v>
      </c>
      <c r="AR716" s="53">
        <v>472271.25</v>
      </c>
      <c r="AS716" s="53">
        <v>472271.25</v>
      </c>
      <c r="AT716" s="53">
        <v>472271.25</v>
      </c>
      <c r="AU716" s="53">
        <v>472271.25</v>
      </c>
      <c r="AV716" s="53">
        <v>472271.25</v>
      </c>
      <c r="AW716" s="53">
        <v>472271.25</v>
      </c>
      <c r="AX716" s="53">
        <v>472271.25</v>
      </c>
      <c r="AY716" s="53">
        <v>472271.25</v>
      </c>
      <c r="AZ716" s="53">
        <v>472271.25</v>
      </c>
      <c r="BA716" s="53">
        <v>472271.25</v>
      </c>
    </row>
    <row r="717" spans="1:53">
      <c r="A717" s="52" t="s">
        <v>3224</v>
      </c>
      <c r="B717" s="53">
        <v>3174943.08</v>
      </c>
      <c r="C717" s="53">
        <v>3174943.08</v>
      </c>
      <c r="D717" s="53">
        <v>3174943.08</v>
      </c>
      <c r="E717" s="53">
        <v>3174943.08</v>
      </c>
      <c r="F717" s="53">
        <v>3174943.08</v>
      </c>
      <c r="G717" s="53">
        <v>3174943.08</v>
      </c>
      <c r="H717" s="53">
        <v>3174943.08</v>
      </c>
      <c r="I717" s="53">
        <v>3174943.08</v>
      </c>
      <c r="J717" s="53">
        <v>3174943.08</v>
      </c>
      <c r="K717" s="53">
        <v>3174943.08</v>
      </c>
      <c r="L717" s="53">
        <v>3174943.08</v>
      </c>
      <c r="M717" s="53">
        <v>3174943.08</v>
      </c>
      <c r="N717" s="53">
        <v>3174943.08</v>
      </c>
      <c r="O717" s="53">
        <v>3174943.08</v>
      </c>
      <c r="P717" s="53">
        <v>3174943.08</v>
      </c>
      <c r="Q717" s="53">
        <v>3174943.08</v>
      </c>
      <c r="R717" s="53">
        <v>3174943.08</v>
      </c>
      <c r="S717" s="53">
        <v>3174943.08</v>
      </c>
      <c r="T717" s="53">
        <v>3174943.08</v>
      </c>
      <c r="U717" s="53">
        <v>3174943.08</v>
      </c>
      <c r="V717" s="53">
        <v>3174943.08</v>
      </c>
      <c r="W717" s="53">
        <v>3174943.08</v>
      </c>
      <c r="X717" s="53">
        <v>3174943.08</v>
      </c>
      <c r="Y717" s="53">
        <v>3174943.08</v>
      </c>
      <c r="Z717" s="53">
        <v>3174943.08</v>
      </c>
      <c r="AA717" s="53">
        <v>3174943.08</v>
      </c>
      <c r="AB717" s="53">
        <v>3174943.08</v>
      </c>
      <c r="AC717" s="53">
        <v>3174943.08</v>
      </c>
      <c r="AD717" s="53">
        <v>3174943.08</v>
      </c>
      <c r="AE717" s="53">
        <v>3174943.08</v>
      </c>
      <c r="AF717" s="53">
        <v>3174943.08</v>
      </c>
      <c r="AG717" s="53">
        <v>3174943.08</v>
      </c>
      <c r="AH717" s="53">
        <v>3174943.08</v>
      </c>
      <c r="AI717" s="53">
        <v>3174943.08</v>
      </c>
      <c r="AJ717" s="53">
        <v>3174943.08</v>
      </c>
      <c r="AK717" s="53">
        <v>3174943.08</v>
      </c>
      <c r="AL717" s="53">
        <v>3174943.08</v>
      </c>
      <c r="AM717" s="53">
        <v>3174943.08</v>
      </c>
      <c r="AN717" s="53">
        <v>3174943.08</v>
      </c>
      <c r="AO717" s="53">
        <v>3174943.08</v>
      </c>
      <c r="AP717" s="53">
        <v>3174943.08</v>
      </c>
      <c r="AQ717" s="53">
        <v>3174943.08</v>
      </c>
      <c r="AR717" s="53">
        <v>3174943.08</v>
      </c>
      <c r="AS717" s="53">
        <v>3174943.08</v>
      </c>
      <c r="AT717" s="53">
        <v>3174943.08</v>
      </c>
      <c r="AU717" s="53">
        <v>3174943.08</v>
      </c>
      <c r="AV717" s="53">
        <v>3174943.08</v>
      </c>
      <c r="AW717" s="53">
        <v>3174943.08</v>
      </c>
      <c r="AX717" s="53">
        <v>3174943.08</v>
      </c>
      <c r="AY717" s="53">
        <v>3174943.08</v>
      </c>
      <c r="AZ717" s="53">
        <v>3174943.08</v>
      </c>
      <c r="BA717" s="53">
        <v>3174943.08</v>
      </c>
    </row>
    <row r="718" spans="1:53">
      <c r="A718" s="52" t="s">
        <v>3225</v>
      </c>
      <c r="B718" s="53">
        <v>510138.72</v>
      </c>
      <c r="C718" s="53">
        <v>510138.72</v>
      </c>
      <c r="D718" s="53">
        <v>510138.72</v>
      </c>
      <c r="E718" s="53">
        <v>510138.72</v>
      </c>
      <c r="F718" s="53">
        <v>510138.72</v>
      </c>
      <c r="G718" s="53">
        <v>510138.72</v>
      </c>
      <c r="H718" s="53">
        <v>510138.72</v>
      </c>
      <c r="I718" s="53">
        <v>510138.72</v>
      </c>
      <c r="J718" s="53">
        <v>510138.72</v>
      </c>
      <c r="K718" s="53">
        <v>510138.72</v>
      </c>
      <c r="L718" s="53">
        <v>510138.72</v>
      </c>
      <c r="M718" s="53">
        <v>510138.72</v>
      </c>
      <c r="N718" s="53">
        <v>510138.72</v>
      </c>
      <c r="O718" s="53">
        <v>510138.72</v>
      </c>
      <c r="P718" s="53">
        <v>510138.72</v>
      </c>
      <c r="Q718" s="53">
        <v>510138.72</v>
      </c>
      <c r="R718" s="53">
        <v>510138.72</v>
      </c>
      <c r="S718" s="53">
        <v>510138.72</v>
      </c>
      <c r="T718" s="53">
        <v>510138.72</v>
      </c>
      <c r="U718" s="53">
        <v>510138.72</v>
      </c>
      <c r="V718" s="53">
        <v>510138.72</v>
      </c>
      <c r="W718" s="53">
        <v>510138.72</v>
      </c>
      <c r="X718" s="53">
        <v>510138.72</v>
      </c>
      <c r="Y718" s="53">
        <v>510138.72</v>
      </c>
      <c r="Z718" s="53">
        <v>510138.72</v>
      </c>
      <c r="AA718" s="53">
        <v>510138.72</v>
      </c>
      <c r="AB718" s="53">
        <v>510138.72</v>
      </c>
      <c r="AC718" s="53">
        <v>510138.72</v>
      </c>
      <c r="AD718" s="53">
        <v>510138.72</v>
      </c>
      <c r="AE718" s="53">
        <v>510138.72</v>
      </c>
      <c r="AF718" s="53">
        <v>510138.72</v>
      </c>
      <c r="AG718" s="53">
        <v>510138.72</v>
      </c>
      <c r="AH718" s="53">
        <v>510138.72</v>
      </c>
      <c r="AI718" s="53">
        <v>510138.72</v>
      </c>
      <c r="AJ718" s="53">
        <v>510138.72</v>
      </c>
      <c r="AK718" s="53">
        <v>510138.72</v>
      </c>
      <c r="AL718" s="53">
        <v>510138.72</v>
      </c>
      <c r="AM718" s="53">
        <v>510138.72</v>
      </c>
      <c r="AN718" s="53">
        <v>510138.72</v>
      </c>
      <c r="AO718" s="53">
        <v>510138.72</v>
      </c>
      <c r="AP718" s="53">
        <v>510138.72</v>
      </c>
      <c r="AQ718" s="53">
        <v>510138.72</v>
      </c>
      <c r="AR718" s="53">
        <v>510138.72</v>
      </c>
      <c r="AS718" s="53">
        <v>510138.72</v>
      </c>
      <c r="AT718" s="53">
        <v>510138.72</v>
      </c>
      <c r="AU718" s="53">
        <v>510138.72</v>
      </c>
      <c r="AV718" s="53">
        <v>510138.72</v>
      </c>
      <c r="AW718" s="53">
        <v>510138.72</v>
      </c>
      <c r="AX718" s="53">
        <v>510138.72</v>
      </c>
      <c r="AY718" s="53">
        <v>510138.72</v>
      </c>
      <c r="AZ718" s="53">
        <v>510138.72</v>
      </c>
      <c r="BA718" s="53">
        <v>510138.72</v>
      </c>
    </row>
    <row r="719" spans="1:53">
      <c r="A719" s="52" t="s">
        <v>3226</v>
      </c>
      <c r="B719" s="53">
        <v>2664073.17</v>
      </c>
      <c r="C719" s="53">
        <v>2664073.17</v>
      </c>
      <c r="D719" s="53">
        <v>2664073.17</v>
      </c>
      <c r="E719" s="53">
        <v>2664073.17</v>
      </c>
      <c r="F719" s="53">
        <v>2664073.17</v>
      </c>
      <c r="G719" s="53">
        <v>2664073.17</v>
      </c>
      <c r="H719" s="53">
        <v>2664073.17</v>
      </c>
      <c r="I719" s="53">
        <v>2664073.17</v>
      </c>
      <c r="J719" s="53">
        <v>2664073.17</v>
      </c>
      <c r="K719" s="53">
        <v>2664073.17</v>
      </c>
      <c r="L719" s="53">
        <v>2664073.17</v>
      </c>
      <c r="M719" s="53">
        <v>2664073.17</v>
      </c>
      <c r="N719" s="53">
        <v>2664073.17</v>
      </c>
      <c r="O719" s="53">
        <v>2664073.17</v>
      </c>
      <c r="P719" s="53">
        <v>2664073.17</v>
      </c>
      <c r="Q719" s="53">
        <v>2664073.17</v>
      </c>
      <c r="R719" s="53">
        <v>2664073.17</v>
      </c>
      <c r="S719" s="53">
        <v>2664073.17</v>
      </c>
      <c r="T719" s="53">
        <v>2664073.17</v>
      </c>
      <c r="U719" s="53">
        <v>2664073.17</v>
      </c>
      <c r="V719" s="53">
        <v>2664073.17</v>
      </c>
      <c r="W719" s="53">
        <v>2664073.17</v>
      </c>
      <c r="X719" s="53">
        <v>2664073.17</v>
      </c>
      <c r="Y719" s="53">
        <v>2664073.17</v>
      </c>
      <c r="Z719" s="53">
        <v>2664073.17</v>
      </c>
      <c r="AA719" s="53">
        <v>2664073.17</v>
      </c>
      <c r="AB719" s="53">
        <v>2664073.17</v>
      </c>
      <c r="AC719" s="53">
        <v>2664073.17</v>
      </c>
      <c r="AD719" s="53">
        <v>2664073.17</v>
      </c>
      <c r="AE719" s="53">
        <v>2664073.17</v>
      </c>
      <c r="AF719" s="53">
        <v>2664073.17</v>
      </c>
      <c r="AG719" s="53">
        <v>2664073.17</v>
      </c>
      <c r="AH719" s="53">
        <v>2664073.17</v>
      </c>
      <c r="AI719" s="53">
        <v>2664073.17</v>
      </c>
      <c r="AJ719" s="53">
        <v>2664073.17</v>
      </c>
      <c r="AK719" s="53">
        <v>2664073.17</v>
      </c>
      <c r="AL719" s="53">
        <v>2664073.17</v>
      </c>
      <c r="AM719" s="53">
        <v>2664073.17</v>
      </c>
      <c r="AN719" s="53">
        <v>2664073.17</v>
      </c>
      <c r="AO719" s="53">
        <v>2664073.17</v>
      </c>
      <c r="AP719" s="53">
        <v>2664073.17</v>
      </c>
      <c r="AQ719" s="53">
        <v>2664073.17</v>
      </c>
      <c r="AR719" s="53">
        <v>2664073.17</v>
      </c>
      <c r="AS719" s="53">
        <v>2664073.17</v>
      </c>
      <c r="AT719" s="53">
        <v>2664073.17</v>
      </c>
      <c r="AU719" s="53">
        <v>2664073.17</v>
      </c>
      <c r="AV719" s="53">
        <v>2664073.17</v>
      </c>
      <c r="AW719" s="53">
        <v>2664073.17</v>
      </c>
      <c r="AX719" s="53">
        <v>2664073.17</v>
      </c>
      <c r="AY719" s="53">
        <v>2664073.17</v>
      </c>
      <c r="AZ719" s="53">
        <v>2664073.17</v>
      </c>
      <c r="BA719" s="53">
        <v>2664073.17</v>
      </c>
    </row>
    <row r="720" spans="1:53">
      <c r="A720" s="52" t="s">
        <v>3227</v>
      </c>
      <c r="B720" s="53">
        <v>0</v>
      </c>
      <c r="C720" s="53">
        <v>0</v>
      </c>
      <c r="D720" s="53">
        <v>0</v>
      </c>
      <c r="E720" s="53">
        <v>0</v>
      </c>
      <c r="F720" s="53">
        <v>0</v>
      </c>
      <c r="G720" s="53">
        <v>0</v>
      </c>
      <c r="H720" s="53">
        <v>0</v>
      </c>
      <c r="I720" s="53">
        <v>0</v>
      </c>
      <c r="J720" s="53">
        <v>0</v>
      </c>
      <c r="K720" s="53">
        <v>0</v>
      </c>
      <c r="L720" s="53">
        <v>0</v>
      </c>
      <c r="M720" s="53">
        <v>0</v>
      </c>
      <c r="N720" s="53">
        <v>0</v>
      </c>
      <c r="O720" s="53">
        <v>0</v>
      </c>
      <c r="P720" s="53">
        <v>0</v>
      </c>
      <c r="Q720" s="53">
        <v>0</v>
      </c>
      <c r="R720" s="53">
        <v>0</v>
      </c>
      <c r="S720" s="53">
        <v>0</v>
      </c>
      <c r="T720" s="53">
        <v>0</v>
      </c>
      <c r="U720" s="53">
        <v>0</v>
      </c>
      <c r="V720" s="53">
        <v>0</v>
      </c>
      <c r="W720" s="53">
        <v>0</v>
      </c>
      <c r="X720" s="53">
        <v>0</v>
      </c>
      <c r="Y720" s="53">
        <v>0</v>
      </c>
      <c r="Z720" s="53">
        <v>0</v>
      </c>
      <c r="AA720" s="53">
        <v>0</v>
      </c>
      <c r="AB720" s="53">
        <v>0</v>
      </c>
      <c r="AC720" s="53">
        <v>0</v>
      </c>
      <c r="AD720" s="53">
        <v>0</v>
      </c>
      <c r="AE720" s="53">
        <v>0</v>
      </c>
      <c r="AF720" s="53">
        <v>0</v>
      </c>
      <c r="AG720" s="53">
        <v>0</v>
      </c>
      <c r="AH720" s="53">
        <v>0</v>
      </c>
      <c r="AI720" s="53">
        <v>0</v>
      </c>
      <c r="AJ720" s="53">
        <v>0</v>
      </c>
      <c r="AK720" s="53">
        <v>0</v>
      </c>
      <c r="AL720" s="53">
        <v>0</v>
      </c>
      <c r="AM720" s="53">
        <v>0</v>
      </c>
      <c r="AN720" s="53">
        <v>0</v>
      </c>
      <c r="AO720" s="53">
        <v>0</v>
      </c>
      <c r="AP720" s="53">
        <v>0</v>
      </c>
      <c r="AQ720" s="53">
        <v>0</v>
      </c>
      <c r="AR720" s="53">
        <v>0</v>
      </c>
      <c r="AS720" s="53">
        <v>0</v>
      </c>
      <c r="AT720" s="53">
        <v>0</v>
      </c>
      <c r="AU720" s="53">
        <v>0</v>
      </c>
      <c r="AV720" s="53">
        <v>0</v>
      </c>
      <c r="AW720" s="53">
        <v>0</v>
      </c>
      <c r="AX720" s="53">
        <v>0</v>
      </c>
      <c r="AY720" s="53">
        <v>0</v>
      </c>
      <c r="AZ720" s="53">
        <v>0</v>
      </c>
      <c r="BA720" s="53">
        <v>0</v>
      </c>
    </row>
    <row r="721" spans="1:53">
      <c r="A721" s="52" t="s">
        <v>3228</v>
      </c>
      <c r="B721" s="53">
        <v>157123.85</v>
      </c>
      <c r="C721" s="53">
        <v>157123.85</v>
      </c>
      <c r="D721" s="53">
        <v>157123.85</v>
      </c>
      <c r="E721" s="53">
        <v>157123.85</v>
      </c>
      <c r="F721" s="53">
        <v>157123.85</v>
      </c>
      <c r="G721" s="53">
        <v>157123.85</v>
      </c>
      <c r="H721" s="53">
        <v>157123.85</v>
      </c>
      <c r="I721" s="53">
        <v>157123.85</v>
      </c>
      <c r="J721" s="53">
        <v>157123.85</v>
      </c>
      <c r="K721" s="53">
        <v>157123.85</v>
      </c>
      <c r="L721" s="53">
        <v>157123.85</v>
      </c>
      <c r="M721" s="53">
        <v>157123.85</v>
      </c>
      <c r="N721" s="53">
        <v>157123.85</v>
      </c>
      <c r="O721" s="53">
        <v>157123.85</v>
      </c>
      <c r="P721" s="53">
        <v>157123.85</v>
      </c>
      <c r="Q721" s="53">
        <v>157123.85</v>
      </c>
      <c r="R721" s="53">
        <v>157123.85</v>
      </c>
      <c r="S721" s="53">
        <v>157123.85</v>
      </c>
      <c r="T721" s="53">
        <v>157123.85</v>
      </c>
      <c r="U721" s="53">
        <v>157123.85</v>
      </c>
      <c r="V721" s="53">
        <v>157123.85</v>
      </c>
      <c r="W721" s="53">
        <v>157123.85</v>
      </c>
      <c r="X721" s="53">
        <v>157123.85</v>
      </c>
      <c r="Y721" s="53">
        <v>157123.85</v>
      </c>
      <c r="Z721" s="53">
        <v>157123.85</v>
      </c>
      <c r="AA721" s="53">
        <v>157123.85</v>
      </c>
      <c r="AB721" s="53">
        <v>157123.85</v>
      </c>
      <c r="AC721" s="53">
        <v>157123.85</v>
      </c>
      <c r="AD721" s="53">
        <v>157123.85</v>
      </c>
      <c r="AE721" s="53">
        <v>157123.85</v>
      </c>
      <c r="AF721" s="53">
        <v>157123.85</v>
      </c>
      <c r="AG721" s="53">
        <v>157123.85</v>
      </c>
      <c r="AH721" s="53">
        <v>157123.85</v>
      </c>
      <c r="AI721" s="53">
        <v>157123.85</v>
      </c>
      <c r="AJ721" s="53">
        <v>157123.85</v>
      </c>
      <c r="AK721" s="53">
        <v>157123.85</v>
      </c>
      <c r="AL721" s="53">
        <v>157123.85</v>
      </c>
      <c r="AM721" s="53">
        <v>157123.85</v>
      </c>
      <c r="AN721" s="53">
        <v>157123.85</v>
      </c>
      <c r="AO721" s="53">
        <v>157123.85</v>
      </c>
      <c r="AP721" s="53">
        <v>157123.85</v>
      </c>
      <c r="AQ721" s="53">
        <v>157123.85</v>
      </c>
      <c r="AR721" s="53">
        <v>157123.85</v>
      </c>
      <c r="AS721" s="53">
        <v>157123.85</v>
      </c>
      <c r="AT721" s="53">
        <v>157123.85</v>
      </c>
      <c r="AU721" s="53">
        <v>157123.85</v>
      </c>
      <c r="AV721" s="53">
        <v>157123.85</v>
      </c>
      <c r="AW721" s="53">
        <v>157123.85</v>
      </c>
      <c r="AX721" s="53">
        <v>157123.85</v>
      </c>
      <c r="AY721" s="53">
        <v>157123.85</v>
      </c>
      <c r="AZ721" s="53">
        <v>157123.85</v>
      </c>
      <c r="BA721" s="53">
        <v>157123.85</v>
      </c>
    </row>
    <row r="722" spans="1:53">
      <c r="A722" s="52" t="s">
        <v>3229</v>
      </c>
      <c r="B722" s="53">
        <v>256252.42</v>
      </c>
      <c r="C722" s="53">
        <v>256252.42</v>
      </c>
      <c r="D722" s="53">
        <v>256252.42</v>
      </c>
      <c r="E722" s="53">
        <v>256252.42</v>
      </c>
      <c r="F722" s="53">
        <v>256252.42</v>
      </c>
      <c r="G722" s="53">
        <v>256252.42</v>
      </c>
      <c r="H722" s="53">
        <v>256252.42</v>
      </c>
      <c r="I722" s="53">
        <v>256252.42</v>
      </c>
      <c r="J722" s="53">
        <v>256252.42</v>
      </c>
      <c r="K722" s="53">
        <v>256252.42</v>
      </c>
      <c r="L722" s="53">
        <v>256252.42</v>
      </c>
      <c r="M722" s="53">
        <v>256252.42</v>
      </c>
      <c r="N722" s="53">
        <v>256252.42</v>
      </c>
      <c r="O722" s="53">
        <v>256252.42</v>
      </c>
      <c r="P722" s="53">
        <v>256252.42</v>
      </c>
      <c r="Q722" s="53">
        <v>256252.42</v>
      </c>
      <c r="R722" s="53">
        <v>256252.42</v>
      </c>
      <c r="S722" s="53">
        <v>256252.42</v>
      </c>
      <c r="T722" s="53">
        <v>256252.42</v>
      </c>
      <c r="U722" s="53">
        <v>256252.42</v>
      </c>
      <c r="V722" s="53">
        <v>256252.42</v>
      </c>
      <c r="W722" s="53">
        <v>256252.42</v>
      </c>
      <c r="X722" s="53">
        <v>256252.42</v>
      </c>
      <c r="Y722" s="53">
        <v>256252.42</v>
      </c>
      <c r="Z722" s="53">
        <v>256252.42</v>
      </c>
      <c r="AA722" s="53">
        <v>256252.42</v>
      </c>
      <c r="AB722" s="53">
        <v>256252.42</v>
      </c>
      <c r="AC722" s="53">
        <v>256252.42</v>
      </c>
      <c r="AD722" s="53">
        <v>256252.42</v>
      </c>
      <c r="AE722" s="53">
        <v>256252.42</v>
      </c>
      <c r="AF722" s="53">
        <v>256252.42</v>
      </c>
      <c r="AG722" s="53">
        <v>256252.42</v>
      </c>
      <c r="AH722" s="53">
        <v>256252.42</v>
      </c>
      <c r="AI722" s="53">
        <v>256252.42</v>
      </c>
      <c r="AJ722" s="53">
        <v>256252.42</v>
      </c>
      <c r="AK722" s="53">
        <v>256252.42</v>
      </c>
      <c r="AL722" s="53">
        <v>256252.42</v>
      </c>
      <c r="AM722" s="53">
        <v>256252.42</v>
      </c>
      <c r="AN722" s="53">
        <v>256252.42</v>
      </c>
      <c r="AO722" s="53">
        <v>256252.42</v>
      </c>
      <c r="AP722" s="53">
        <v>256252.42</v>
      </c>
      <c r="AQ722" s="53">
        <v>256252.42</v>
      </c>
      <c r="AR722" s="53">
        <v>256252.42</v>
      </c>
      <c r="AS722" s="53">
        <v>256252.42</v>
      </c>
      <c r="AT722" s="53">
        <v>256252.42</v>
      </c>
      <c r="AU722" s="53">
        <v>256252.42</v>
      </c>
      <c r="AV722" s="53">
        <v>256252.42</v>
      </c>
      <c r="AW722" s="53">
        <v>256252.42</v>
      </c>
      <c r="AX722" s="53">
        <v>256252.42</v>
      </c>
      <c r="AY722" s="53">
        <v>256252.42</v>
      </c>
      <c r="AZ722" s="53">
        <v>256252.42</v>
      </c>
      <c r="BA722" s="53">
        <v>256252.42</v>
      </c>
    </row>
    <row r="723" spans="1:53">
      <c r="A723" s="52" t="s">
        <v>3230</v>
      </c>
      <c r="B723" s="53">
        <v>74051.360000000001</v>
      </c>
      <c r="C723" s="53">
        <v>74051.360000000001</v>
      </c>
      <c r="D723" s="53">
        <v>74051.360000000001</v>
      </c>
      <c r="E723" s="53">
        <v>74051.360000000001</v>
      </c>
      <c r="F723" s="53">
        <v>74051.360000000001</v>
      </c>
      <c r="G723" s="53">
        <v>74051.360000000001</v>
      </c>
      <c r="H723" s="53">
        <v>74051.360000000001</v>
      </c>
      <c r="I723" s="53">
        <v>74051.360000000001</v>
      </c>
      <c r="J723" s="53">
        <v>74051.360000000001</v>
      </c>
      <c r="K723" s="53">
        <v>74051.360000000001</v>
      </c>
      <c r="L723" s="53">
        <v>74051.360000000001</v>
      </c>
      <c r="M723" s="53">
        <v>74051.360000000001</v>
      </c>
      <c r="N723" s="53">
        <v>74051.360000000001</v>
      </c>
      <c r="O723" s="53">
        <v>74051.360000000001</v>
      </c>
      <c r="P723" s="53">
        <v>74051.360000000001</v>
      </c>
      <c r="Q723" s="53">
        <v>74051.360000000001</v>
      </c>
      <c r="R723" s="53">
        <v>74051.360000000001</v>
      </c>
      <c r="S723" s="53">
        <v>74051.360000000001</v>
      </c>
      <c r="T723" s="53">
        <v>74051.360000000001</v>
      </c>
      <c r="U723" s="53">
        <v>74051.360000000001</v>
      </c>
      <c r="V723" s="53">
        <v>74051.360000000001</v>
      </c>
      <c r="W723" s="53">
        <v>74051.360000000001</v>
      </c>
      <c r="X723" s="53">
        <v>74051.360000000001</v>
      </c>
      <c r="Y723" s="53">
        <v>74051.360000000001</v>
      </c>
      <c r="Z723" s="53">
        <v>74051.360000000001</v>
      </c>
      <c r="AA723" s="53">
        <v>74051.360000000001</v>
      </c>
      <c r="AB723" s="53">
        <v>74051.360000000001</v>
      </c>
      <c r="AC723" s="53">
        <v>74051.360000000001</v>
      </c>
      <c r="AD723" s="53">
        <v>74051.360000000001</v>
      </c>
      <c r="AE723" s="53">
        <v>74051.360000000001</v>
      </c>
      <c r="AF723" s="53">
        <v>74051.360000000001</v>
      </c>
      <c r="AG723" s="53">
        <v>74051.360000000001</v>
      </c>
      <c r="AH723" s="53">
        <v>74051.360000000001</v>
      </c>
      <c r="AI723" s="53">
        <v>74051.360000000001</v>
      </c>
      <c r="AJ723" s="53">
        <v>74051.360000000001</v>
      </c>
      <c r="AK723" s="53">
        <v>74051.360000000001</v>
      </c>
      <c r="AL723" s="53">
        <v>74051.360000000001</v>
      </c>
      <c r="AM723" s="53">
        <v>74051.360000000001</v>
      </c>
      <c r="AN723" s="53">
        <v>74051.360000000001</v>
      </c>
      <c r="AO723" s="53">
        <v>74051.360000000001</v>
      </c>
      <c r="AP723" s="53">
        <v>74051.360000000001</v>
      </c>
      <c r="AQ723" s="53">
        <v>74051.360000000001</v>
      </c>
      <c r="AR723" s="53">
        <v>74051.360000000001</v>
      </c>
      <c r="AS723" s="53">
        <v>74051.360000000001</v>
      </c>
      <c r="AT723" s="53">
        <v>74051.360000000001</v>
      </c>
      <c r="AU723" s="53">
        <v>74051.360000000001</v>
      </c>
      <c r="AV723" s="53">
        <v>74051.360000000001</v>
      </c>
      <c r="AW723" s="53">
        <v>74051.360000000001</v>
      </c>
      <c r="AX723" s="53">
        <v>74051.360000000001</v>
      </c>
      <c r="AY723" s="53">
        <v>74051.360000000001</v>
      </c>
      <c r="AZ723" s="53">
        <v>74051.360000000001</v>
      </c>
      <c r="BA723" s="53">
        <v>74051.360000000001</v>
      </c>
    </row>
    <row r="724" spans="1:53">
      <c r="A724" s="52" t="s">
        <v>3231</v>
      </c>
      <c r="B724" s="53">
        <v>0</v>
      </c>
      <c r="C724" s="53">
        <v>0</v>
      </c>
      <c r="D724" s="53">
        <v>0</v>
      </c>
      <c r="E724" s="53">
        <v>0</v>
      </c>
      <c r="F724" s="53">
        <v>0</v>
      </c>
      <c r="G724" s="53">
        <v>0</v>
      </c>
      <c r="H724" s="53">
        <v>0</v>
      </c>
      <c r="I724" s="53">
        <v>0</v>
      </c>
      <c r="J724" s="53">
        <v>0</v>
      </c>
      <c r="K724" s="53">
        <v>0</v>
      </c>
      <c r="L724" s="53">
        <v>0</v>
      </c>
      <c r="M724" s="53">
        <v>0</v>
      </c>
      <c r="N724" s="53">
        <v>0</v>
      </c>
      <c r="O724" s="53">
        <v>0</v>
      </c>
      <c r="P724" s="53">
        <v>0</v>
      </c>
      <c r="Q724" s="53">
        <v>0</v>
      </c>
      <c r="R724" s="53">
        <v>0</v>
      </c>
      <c r="S724" s="53">
        <v>0</v>
      </c>
      <c r="T724" s="53">
        <v>0</v>
      </c>
      <c r="U724" s="53">
        <v>0</v>
      </c>
      <c r="V724" s="53">
        <v>0</v>
      </c>
      <c r="W724" s="53">
        <v>0</v>
      </c>
      <c r="X724" s="53">
        <v>0</v>
      </c>
      <c r="Y724" s="53">
        <v>0</v>
      </c>
      <c r="Z724" s="53">
        <v>0</v>
      </c>
      <c r="AA724" s="53">
        <v>0</v>
      </c>
      <c r="AB724" s="53">
        <v>0</v>
      </c>
      <c r="AC724" s="53">
        <v>0</v>
      </c>
      <c r="AD724" s="53">
        <v>0</v>
      </c>
      <c r="AE724" s="53">
        <v>0</v>
      </c>
      <c r="AF724" s="53">
        <v>0</v>
      </c>
      <c r="AG724" s="53">
        <v>0</v>
      </c>
      <c r="AH724" s="53">
        <v>0</v>
      </c>
      <c r="AI724" s="53">
        <v>0</v>
      </c>
      <c r="AJ724" s="53">
        <v>0</v>
      </c>
      <c r="AK724" s="53">
        <v>0</v>
      </c>
      <c r="AL724" s="53">
        <v>0</v>
      </c>
      <c r="AM724" s="53">
        <v>0</v>
      </c>
      <c r="AN724" s="53">
        <v>0</v>
      </c>
      <c r="AO724" s="53">
        <v>0</v>
      </c>
      <c r="AP724" s="53">
        <v>0</v>
      </c>
      <c r="AQ724" s="53">
        <v>0</v>
      </c>
      <c r="AR724" s="53">
        <v>0</v>
      </c>
      <c r="AS724" s="53">
        <v>0</v>
      </c>
      <c r="AT724" s="53">
        <v>0</v>
      </c>
      <c r="AU724" s="53">
        <v>0</v>
      </c>
      <c r="AV724" s="53">
        <v>0</v>
      </c>
      <c r="AW724" s="53">
        <v>0</v>
      </c>
      <c r="AX724" s="53">
        <v>0</v>
      </c>
      <c r="AY724" s="53">
        <v>0</v>
      </c>
      <c r="AZ724" s="53">
        <v>0</v>
      </c>
      <c r="BA724" s="53">
        <v>0</v>
      </c>
    </row>
    <row r="725" spans="1:53">
      <c r="A725" s="52" t="s">
        <v>3232</v>
      </c>
      <c r="B725" s="53">
        <v>193146.45</v>
      </c>
      <c r="C725" s="53">
        <v>193146.45</v>
      </c>
      <c r="D725" s="53">
        <v>193146.45</v>
      </c>
      <c r="E725" s="53">
        <v>193146.45</v>
      </c>
      <c r="F725" s="53">
        <v>193146.45</v>
      </c>
      <c r="G725" s="53">
        <v>193146.45</v>
      </c>
      <c r="H725" s="53">
        <v>193146.45</v>
      </c>
      <c r="I725" s="53">
        <v>193146.45</v>
      </c>
      <c r="J725" s="53">
        <v>193146.45</v>
      </c>
      <c r="K725" s="53">
        <v>193146.45</v>
      </c>
      <c r="L725" s="53">
        <v>193146.45</v>
      </c>
      <c r="M725" s="53">
        <v>193146.45</v>
      </c>
      <c r="N725" s="53">
        <v>193146.45</v>
      </c>
      <c r="O725" s="53">
        <v>193146.45</v>
      </c>
      <c r="P725" s="53">
        <v>193146.45</v>
      </c>
      <c r="Q725" s="53">
        <v>193146.45</v>
      </c>
      <c r="R725" s="53">
        <v>193146.45</v>
      </c>
      <c r="S725" s="53">
        <v>193146.45</v>
      </c>
      <c r="T725" s="53">
        <v>193146.45</v>
      </c>
      <c r="U725" s="53">
        <v>193146.45</v>
      </c>
      <c r="V725" s="53">
        <v>193146.45</v>
      </c>
      <c r="W725" s="53">
        <v>193146.45</v>
      </c>
      <c r="X725" s="53">
        <v>193146.45</v>
      </c>
      <c r="Y725" s="53">
        <v>193146.45</v>
      </c>
      <c r="Z725" s="53">
        <v>193146.45</v>
      </c>
      <c r="AA725" s="53">
        <v>193146.45</v>
      </c>
      <c r="AB725" s="53">
        <v>193146.45</v>
      </c>
      <c r="AC725" s="53">
        <v>193146.45</v>
      </c>
      <c r="AD725" s="53">
        <v>193146.45</v>
      </c>
      <c r="AE725" s="53">
        <v>193146.45</v>
      </c>
      <c r="AF725" s="53">
        <v>193146.45</v>
      </c>
      <c r="AG725" s="53">
        <v>193146.45</v>
      </c>
      <c r="AH725" s="53">
        <v>193146.45</v>
      </c>
      <c r="AI725" s="53">
        <v>193146.45</v>
      </c>
      <c r="AJ725" s="53">
        <v>193146.45</v>
      </c>
      <c r="AK725" s="53">
        <v>193146.45</v>
      </c>
      <c r="AL725" s="53">
        <v>193146.45</v>
      </c>
      <c r="AM725" s="53">
        <v>193146.45</v>
      </c>
      <c r="AN725" s="53">
        <v>193146.45</v>
      </c>
      <c r="AO725" s="53">
        <v>193146.45</v>
      </c>
      <c r="AP725" s="53">
        <v>193146.45</v>
      </c>
      <c r="AQ725" s="53">
        <v>193146.45</v>
      </c>
      <c r="AR725" s="53">
        <v>193146.45</v>
      </c>
      <c r="AS725" s="53">
        <v>193146.45</v>
      </c>
      <c r="AT725" s="53">
        <v>193146.45</v>
      </c>
      <c r="AU725" s="53">
        <v>193146.45</v>
      </c>
      <c r="AV725" s="53">
        <v>193146.45</v>
      </c>
      <c r="AW725" s="53">
        <v>193146.45</v>
      </c>
      <c r="AX725" s="53">
        <v>193146.45</v>
      </c>
      <c r="AY725" s="53">
        <v>193146.45</v>
      </c>
      <c r="AZ725" s="53">
        <v>193146.45</v>
      </c>
      <c r="BA725" s="53">
        <v>193146.45</v>
      </c>
    </row>
    <row r="726" spans="1:53">
      <c r="A726" s="52" t="s">
        <v>3233</v>
      </c>
      <c r="B726" s="53">
        <v>0</v>
      </c>
      <c r="C726" s="53">
        <v>0</v>
      </c>
      <c r="D726" s="53">
        <v>0</v>
      </c>
      <c r="E726" s="53">
        <v>0</v>
      </c>
      <c r="F726" s="53">
        <v>0</v>
      </c>
      <c r="G726" s="53">
        <v>0</v>
      </c>
      <c r="H726" s="53">
        <v>0</v>
      </c>
      <c r="I726" s="53">
        <v>0</v>
      </c>
      <c r="J726" s="53">
        <v>0</v>
      </c>
      <c r="K726" s="53">
        <v>0</v>
      </c>
      <c r="L726" s="53">
        <v>0</v>
      </c>
      <c r="M726" s="53">
        <v>0</v>
      </c>
      <c r="N726" s="53">
        <v>0</v>
      </c>
      <c r="O726" s="53">
        <v>0</v>
      </c>
      <c r="P726" s="53">
        <v>0</v>
      </c>
      <c r="Q726" s="53">
        <v>0</v>
      </c>
      <c r="R726" s="53">
        <v>0</v>
      </c>
      <c r="S726" s="53">
        <v>0</v>
      </c>
      <c r="T726" s="53">
        <v>0</v>
      </c>
      <c r="U726" s="53">
        <v>0</v>
      </c>
      <c r="V726" s="53">
        <v>0</v>
      </c>
      <c r="W726" s="53">
        <v>0</v>
      </c>
      <c r="X726" s="53">
        <v>0</v>
      </c>
      <c r="Y726" s="53">
        <v>0</v>
      </c>
      <c r="Z726" s="53">
        <v>0</v>
      </c>
      <c r="AA726" s="53">
        <v>0</v>
      </c>
      <c r="AB726" s="53">
        <v>0</v>
      </c>
      <c r="AC726" s="53">
        <v>0</v>
      </c>
      <c r="AD726" s="53">
        <v>0</v>
      </c>
      <c r="AE726" s="53">
        <v>0</v>
      </c>
      <c r="AF726" s="53">
        <v>0</v>
      </c>
      <c r="AG726" s="53">
        <v>0</v>
      </c>
      <c r="AH726" s="53">
        <v>0</v>
      </c>
      <c r="AI726" s="53">
        <v>0</v>
      </c>
      <c r="AJ726" s="53">
        <v>0</v>
      </c>
      <c r="AK726" s="53">
        <v>0</v>
      </c>
      <c r="AL726" s="53">
        <v>0</v>
      </c>
      <c r="AM726" s="53">
        <v>0</v>
      </c>
      <c r="AN726" s="53">
        <v>0</v>
      </c>
      <c r="AO726" s="53">
        <v>0</v>
      </c>
      <c r="AP726" s="53">
        <v>0</v>
      </c>
      <c r="AQ726" s="53">
        <v>0</v>
      </c>
      <c r="AR726" s="53">
        <v>0</v>
      </c>
      <c r="AS726" s="53">
        <v>0</v>
      </c>
      <c r="AT726" s="53">
        <v>0</v>
      </c>
      <c r="AU726" s="53">
        <v>0</v>
      </c>
      <c r="AV726" s="53">
        <v>0</v>
      </c>
      <c r="AW726" s="53">
        <v>0</v>
      </c>
      <c r="AX726" s="53">
        <v>0</v>
      </c>
      <c r="AY726" s="53">
        <v>0</v>
      </c>
      <c r="AZ726" s="53">
        <v>0</v>
      </c>
      <c r="BA726" s="53">
        <v>0</v>
      </c>
    </row>
    <row r="727" spans="1:53">
      <c r="A727" s="52" t="s">
        <v>3234</v>
      </c>
      <c r="B727" s="53">
        <v>323582.45</v>
      </c>
      <c r="C727" s="53">
        <v>323582.45</v>
      </c>
      <c r="D727" s="53">
        <v>323582.45</v>
      </c>
      <c r="E727" s="53">
        <v>323582.45</v>
      </c>
      <c r="F727" s="53">
        <v>323582.45</v>
      </c>
      <c r="G727" s="53">
        <v>323582.45</v>
      </c>
      <c r="H727" s="53">
        <v>323582.45</v>
      </c>
      <c r="I727" s="53">
        <v>323582.45</v>
      </c>
      <c r="J727" s="53">
        <v>323582.45</v>
      </c>
      <c r="K727" s="53">
        <v>323582.45</v>
      </c>
      <c r="L727" s="53">
        <v>323582.45</v>
      </c>
      <c r="M727" s="53">
        <v>323582.45</v>
      </c>
      <c r="N727" s="53">
        <v>323582.45</v>
      </c>
      <c r="O727" s="53">
        <v>323582.45</v>
      </c>
      <c r="P727" s="53">
        <v>323582.45</v>
      </c>
      <c r="Q727" s="53">
        <v>323582.45</v>
      </c>
      <c r="R727" s="53">
        <v>323582.45</v>
      </c>
      <c r="S727" s="53">
        <v>323582.45</v>
      </c>
      <c r="T727" s="53">
        <v>323582.45</v>
      </c>
      <c r="U727" s="53">
        <v>323582.45</v>
      </c>
      <c r="V727" s="53">
        <v>323582.45</v>
      </c>
      <c r="W727" s="53">
        <v>323582.45</v>
      </c>
      <c r="X727" s="53">
        <v>323582.45</v>
      </c>
      <c r="Y727" s="53">
        <v>323582.45</v>
      </c>
      <c r="Z727" s="53">
        <v>323582.45</v>
      </c>
      <c r="AA727" s="53">
        <v>323582.45</v>
      </c>
      <c r="AB727" s="53">
        <v>323582.45</v>
      </c>
      <c r="AC727" s="53">
        <v>323582.45</v>
      </c>
      <c r="AD727" s="53">
        <v>323582.45</v>
      </c>
      <c r="AE727" s="53">
        <v>323582.45</v>
      </c>
      <c r="AF727" s="53">
        <v>323582.45</v>
      </c>
      <c r="AG727" s="53">
        <v>323582.45</v>
      </c>
      <c r="AH727" s="53">
        <v>323582.45</v>
      </c>
      <c r="AI727" s="53">
        <v>323582.45</v>
      </c>
      <c r="AJ727" s="53">
        <v>323582.45</v>
      </c>
      <c r="AK727" s="53">
        <v>323582.45</v>
      </c>
      <c r="AL727" s="53">
        <v>323582.45</v>
      </c>
      <c r="AM727" s="53">
        <v>323582.45</v>
      </c>
      <c r="AN727" s="53">
        <v>323582.45</v>
      </c>
      <c r="AO727" s="53">
        <v>323582.45</v>
      </c>
      <c r="AP727" s="53">
        <v>323582.45</v>
      </c>
      <c r="AQ727" s="53">
        <v>323582.45</v>
      </c>
      <c r="AR727" s="53">
        <v>323582.45</v>
      </c>
      <c r="AS727" s="53">
        <v>323582.45</v>
      </c>
      <c r="AT727" s="53">
        <v>323582.45</v>
      </c>
      <c r="AU727" s="53">
        <v>323582.45</v>
      </c>
      <c r="AV727" s="53">
        <v>323582.45</v>
      </c>
      <c r="AW727" s="53">
        <v>323582.45</v>
      </c>
      <c r="AX727" s="53">
        <v>323582.45</v>
      </c>
      <c r="AY727" s="53">
        <v>323582.45</v>
      </c>
      <c r="AZ727" s="53">
        <v>323582.45</v>
      </c>
      <c r="BA727" s="53">
        <v>323582.45</v>
      </c>
    </row>
    <row r="728" spans="1:53">
      <c r="A728" s="52" t="s">
        <v>3235</v>
      </c>
      <c r="B728" s="53">
        <v>0</v>
      </c>
      <c r="C728" s="53">
        <v>0</v>
      </c>
      <c r="D728" s="53">
        <v>0</v>
      </c>
      <c r="E728" s="53">
        <v>0</v>
      </c>
      <c r="F728" s="53">
        <v>0</v>
      </c>
      <c r="G728" s="53">
        <v>0</v>
      </c>
      <c r="H728" s="53">
        <v>0</v>
      </c>
      <c r="I728" s="53">
        <v>0</v>
      </c>
      <c r="J728" s="53">
        <v>0</v>
      </c>
      <c r="K728" s="53">
        <v>0</v>
      </c>
      <c r="L728" s="53">
        <v>0</v>
      </c>
      <c r="M728" s="53">
        <v>0</v>
      </c>
      <c r="N728" s="53">
        <v>0</v>
      </c>
      <c r="O728" s="53">
        <v>0</v>
      </c>
      <c r="P728" s="53">
        <v>0</v>
      </c>
      <c r="Q728" s="53">
        <v>0</v>
      </c>
      <c r="R728" s="53">
        <v>0</v>
      </c>
      <c r="S728" s="53">
        <v>0</v>
      </c>
      <c r="T728" s="53">
        <v>0</v>
      </c>
      <c r="U728" s="53">
        <v>0</v>
      </c>
      <c r="V728" s="53">
        <v>0</v>
      </c>
      <c r="W728" s="53">
        <v>0</v>
      </c>
      <c r="X728" s="53">
        <v>0</v>
      </c>
      <c r="Y728" s="53">
        <v>0</v>
      </c>
      <c r="Z728" s="53">
        <v>0</v>
      </c>
      <c r="AA728" s="53">
        <v>0</v>
      </c>
      <c r="AB728" s="53">
        <v>0</v>
      </c>
      <c r="AC728" s="53">
        <v>0</v>
      </c>
      <c r="AD728" s="53">
        <v>0</v>
      </c>
      <c r="AE728" s="53">
        <v>0</v>
      </c>
      <c r="AF728" s="53">
        <v>0</v>
      </c>
      <c r="AG728" s="53">
        <v>0</v>
      </c>
      <c r="AH728" s="53">
        <v>0</v>
      </c>
      <c r="AI728" s="53">
        <v>0</v>
      </c>
      <c r="AJ728" s="53">
        <v>0</v>
      </c>
      <c r="AK728" s="53">
        <v>0</v>
      </c>
      <c r="AL728" s="53">
        <v>0</v>
      </c>
      <c r="AM728" s="53">
        <v>0</v>
      </c>
      <c r="AN728" s="53">
        <v>0</v>
      </c>
      <c r="AO728" s="53">
        <v>0</v>
      </c>
      <c r="AP728" s="53">
        <v>0</v>
      </c>
      <c r="AQ728" s="53">
        <v>0</v>
      </c>
      <c r="AR728" s="53">
        <v>0</v>
      </c>
      <c r="AS728" s="53">
        <v>0</v>
      </c>
      <c r="AT728" s="53">
        <v>0</v>
      </c>
      <c r="AU728" s="53">
        <v>0</v>
      </c>
      <c r="AV728" s="53">
        <v>0</v>
      </c>
      <c r="AW728" s="53">
        <v>0</v>
      </c>
      <c r="AX728" s="53">
        <v>0</v>
      </c>
      <c r="AY728" s="53">
        <v>0</v>
      </c>
      <c r="AZ728" s="53">
        <v>0</v>
      </c>
      <c r="BA728" s="53">
        <v>0</v>
      </c>
    </row>
    <row r="729" spans="1:53">
      <c r="A729" s="52" t="s">
        <v>3236</v>
      </c>
      <c r="B729" s="53">
        <v>0</v>
      </c>
      <c r="C729" s="53">
        <v>0</v>
      </c>
      <c r="D729" s="53">
        <v>0</v>
      </c>
      <c r="E729" s="53">
        <v>0</v>
      </c>
      <c r="F729" s="53">
        <v>0</v>
      </c>
      <c r="G729" s="53">
        <v>0</v>
      </c>
      <c r="H729" s="53">
        <v>0</v>
      </c>
      <c r="I729" s="53">
        <v>0</v>
      </c>
      <c r="J729" s="53">
        <v>0</v>
      </c>
      <c r="K729" s="53">
        <v>0</v>
      </c>
      <c r="L729" s="53">
        <v>0</v>
      </c>
      <c r="M729" s="53">
        <v>0</v>
      </c>
      <c r="N729" s="53">
        <v>0</v>
      </c>
      <c r="O729" s="53">
        <v>0</v>
      </c>
      <c r="P729" s="53">
        <v>0</v>
      </c>
      <c r="Q729" s="53">
        <v>0</v>
      </c>
      <c r="R729" s="53">
        <v>0</v>
      </c>
      <c r="S729" s="53">
        <v>0</v>
      </c>
      <c r="T729" s="53">
        <v>0</v>
      </c>
      <c r="U729" s="53">
        <v>0</v>
      </c>
      <c r="V729" s="53">
        <v>0</v>
      </c>
      <c r="W729" s="53">
        <v>0</v>
      </c>
      <c r="X729" s="53">
        <v>0</v>
      </c>
      <c r="Y729" s="53">
        <v>0</v>
      </c>
      <c r="Z729" s="53">
        <v>0</v>
      </c>
      <c r="AA729" s="53">
        <v>0</v>
      </c>
      <c r="AB729" s="53">
        <v>0</v>
      </c>
      <c r="AC729" s="53">
        <v>0</v>
      </c>
      <c r="AD729" s="53">
        <v>0</v>
      </c>
      <c r="AE729" s="53">
        <v>0</v>
      </c>
      <c r="AF729" s="53">
        <v>0</v>
      </c>
      <c r="AG729" s="53">
        <v>0</v>
      </c>
      <c r="AH729" s="53">
        <v>0</v>
      </c>
      <c r="AI729" s="53">
        <v>0</v>
      </c>
      <c r="AJ729" s="53">
        <v>0</v>
      </c>
      <c r="AK729" s="53">
        <v>0</v>
      </c>
      <c r="AL729" s="53">
        <v>0</v>
      </c>
      <c r="AM729" s="53">
        <v>0</v>
      </c>
      <c r="AN729" s="53">
        <v>0</v>
      </c>
      <c r="AO729" s="53">
        <v>0</v>
      </c>
      <c r="AP729" s="53">
        <v>0</v>
      </c>
      <c r="AQ729" s="53">
        <v>0</v>
      </c>
      <c r="AR729" s="53">
        <v>0</v>
      </c>
      <c r="AS729" s="53">
        <v>0</v>
      </c>
      <c r="AT729" s="53">
        <v>0</v>
      </c>
      <c r="AU729" s="53">
        <v>0</v>
      </c>
      <c r="AV729" s="53">
        <v>0</v>
      </c>
      <c r="AW729" s="53">
        <v>0</v>
      </c>
      <c r="AX729" s="53">
        <v>0</v>
      </c>
      <c r="AY729" s="53">
        <v>0</v>
      </c>
      <c r="AZ729" s="53">
        <v>0</v>
      </c>
      <c r="BA729" s="53">
        <v>0</v>
      </c>
    </row>
    <row r="730" spans="1:53">
      <c r="A730" s="52" t="s">
        <v>3237</v>
      </c>
      <c r="B730" s="53">
        <v>0</v>
      </c>
      <c r="C730" s="53">
        <v>0</v>
      </c>
      <c r="D730" s="53">
        <v>0</v>
      </c>
      <c r="E730" s="53">
        <v>0</v>
      </c>
      <c r="F730" s="53">
        <v>0</v>
      </c>
      <c r="G730" s="53">
        <v>0</v>
      </c>
      <c r="H730" s="53">
        <v>0</v>
      </c>
      <c r="I730" s="53">
        <v>0</v>
      </c>
      <c r="J730" s="53">
        <v>0</v>
      </c>
      <c r="K730" s="53">
        <v>0</v>
      </c>
      <c r="L730" s="53">
        <v>0</v>
      </c>
      <c r="M730" s="53">
        <v>0</v>
      </c>
      <c r="N730" s="53">
        <v>0</v>
      </c>
      <c r="O730" s="53">
        <v>0</v>
      </c>
      <c r="P730" s="53">
        <v>0</v>
      </c>
      <c r="Q730" s="53">
        <v>0</v>
      </c>
      <c r="R730" s="53">
        <v>0</v>
      </c>
      <c r="S730" s="53">
        <v>0</v>
      </c>
      <c r="T730" s="53">
        <v>0</v>
      </c>
      <c r="U730" s="53">
        <v>0</v>
      </c>
      <c r="V730" s="53">
        <v>0</v>
      </c>
      <c r="W730" s="53">
        <v>0</v>
      </c>
      <c r="X730" s="53">
        <v>0</v>
      </c>
      <c r="Y730" s="53">
        <v>0</v>
      </c>
      <c r="Z730" s="53">
        <v>0</v>
      </c>
      <c r="AA730" s="53">
        <v>0</v>
      </c>
      <c r="AB730" s="53">
        <v>0</v>
      </c>
      <c r="AC730" s="53">
        <v>0</v>
      </c>
      <c r="AD730" s="53">
        <v>0</v>
      </c>
      <c r="AE730" s="53">
        <v>0</v>
      </c>
      <c r="AF730" s="53">
        <v>0</v>
      </c>
      <c r="AG730" s="53">
        <v>0</v>
      </c>
      <c r="AH730" s="53">
        <v>0</v>
      </c>
      <c r="AI730" s="53">
        <v>0</v>
      </c>
      <c r="AJ730" s="53">
        <v>0</v>
      </c>
      <c r="AK730" s="53">
        <v>0</v>
      </c>
      <c r="AL730" s="53">
        <v>0</v>
      </c>
      <c r="AM730" s="53">
        <v>0</v>
      </c>
      <c r="AN730" s="53">
        <v>0</v>
      </c>
      <c r="AO730" s="53">
        <v>0</v>
      </c>
      <c r="AP730" s="53">
        <v>0</v>
      </c>
      <c r="AQ730" s="53">
        <v>0</v>
      </c>
      <c r="AR730" s="53">
        <v>0</v>
      </c>
      <c r="AS730" s="53">
        <v>0</v>
      </c>
      <c r="AT730" s="53">
        <v>0</v>
      </c>
      <c r="AU730" s="53">
        <v>0</v>
      </c>
      <c r="AV730" s="53">
        <v>0</v>
      </c>
      <c r="AW730" s="53">
        <v>0</v>
      </c>
      <c r="AX730" s="53">
        <v>0</v>
      </c>
      <c r="AY730" s="53">
        <v>0</v>
      </c>
      <c r="AZ730" s="53">
        <v>0</v>
      </c>
      <c r="BA730" s="53">
        <v>0</v>
      </c>
    </row>
    <row r="731" spans="1:53">
      <c r="A731" s="52" t="s">
        <v>3238</v>
      </c>
      <c r="B731" s="53">
        <v>838726.29</v>
      </c>
      <c r="C731" s="53">
        <v>838726.29</v>
      </c>
      <c r="D731" s="53">
        <v>838726.29</v>
      </c>
      <c r="E731" s="53">
        <v>838726.29</v>
      </c>
      <c r="F731" s="53">
        <v>838726.29</v>
      </c>
      <c r="G731" s="53">
        <v>838726.29</v>
      </c>
      <c r="H731" s="53">
        <v>838726.29</v>
      </c>
      <c r="I731" s="53">
        <v>838726.29</v>
      </c>
      <c r="J731" s="53">
        <v>838726.29</v>
      </c>
      <c r="K731" s="53">
        <v>838726.29</v>
      </c>
      <c r="L731" s="53">
        <v>838726.29</v>
      </c>
      <c r="M731" s="53">
        <v>838726.29</v>
      </c>
      <c r="N731" s="53">
        <v>838726.29</v>
      </c>
      <c r="O731" s="53">
        <v>838726.29</v>
      </c>
      <c r="P731" s="53">
        <v>838726.29</v>
      </c>
      <c r="Q731" s="53">
        <v>838726.29</v>
      </c>
      <c r="R731" s="53">
        <v>838726.29</v>
      </c>
      <c r="S731" s="53">
        <v>838726.29</v>
      </c>
      <c r="T731" s="53">
        <v>838726.29</v>
      </c>
      <c r="U731" s="53">
        <v>838726.29</v>
      </c>
      <c r="V731" s="53">
        <v>838726.29</v>
      </c>
      <c r="W731" s="53">
        <v>838726.29</v>
      </c>
      <c r="X731" s="53">
        <v>838726.29</v>
      </c>
      <c r="Y731" s="53">
        <v>838726.29</v>
      </c>
      <c r="Z731" s="53">
        <v>838726.29</v>
      </c>
      <c r="AA731" s="53">
        <v>838726.29</v>
      </c>
      <c r="AB731" s="53">
        <v>838726.29</v>
      </c>
      <c r="AC731" s="53">
        <v>838726.29</v>
      </c>
      <c r="AD731" s="53">
        <v>838726.29</v>
      </c>
      <c r="AE731" s="53">
        <v>838726.29</v>
      </c>
      <c r="AF731" s="53">
        <v>838726.29</v>
      </c>
      <c r="AG731" s="53">
        <v>838726.29</v>
      </c>
      <c r="AH731" s="53">
        <v>838726.29</v>
      </c>
      <c r="AI731" s="53">
        <v>838726.29</v>
      </c>
      <c r="AJ731" s="53">
        <v>838726.29</v>
      </c>
      <c r="AK731" s="53">
        <v>838726.29</v>
      </c>
      <c r="AL731" s="53">
        <v>838726.29</v>
      </c>
      <c r="AM731" s="53">
        <v>838726.29</v>
      </c>
      <c r="AN731" s="53">
        <v>838726.29</v>
      </c>
      <c r="AO731" s="53">
        <v>838726.29</v>
      </c>
      <c r="AP731" s="53">
        <v>838726.29</v>
      </c>
      <c r="AQ731" s="53">
        <v>838726.29</v>
      </c>
      <c r="AR731" s="53">
        <v>838726.29</v>
      </c>
      <c r="AS731" s="53">
        <v>838726.29</v>
      </c>
      <c r="AT731" s="53">
        <v>838726.29</v>
      </c>
      <c r="AU731" s="53">
        <v>838726.29</v>
      </c>
      <c r="AV731" s="53">
        <v>838726.29</v>
      </c>
      <c r="AW731" s="53">
        <v>838726.29</v>
      </c>
      <c r="AX731" s="53">
        <v>838726.29</v>
      </c>
      <c r="AY731" s="53">
        <v>838726.29</v>
      </c>
      <c r="AZ731" s="53">
        <v>838726.29</v>
      </c>
      <c r="BA731" s="53">
        <v>838726.29</v>
      </c>
    </row>
    <row r="732" spans="1:53">
      <c r="A732" s="52" t="s">
        <v>3239</v>
      </c>
      <c r="B732" s="53">
        <v>0</v>
      </c>
      <c r="C732" s="53">
        <v>0</v>
      </c>
      <c r="D732" s="53">
        <v>0</v>
      </c>
      <c r="E732" s="53">
        <v>0</v>
      </c>
      <c r="F732" s="53">
        <v>0</v>
      </c>
      <c r="G732" s="53">
        <v>0</v>
      </c>
      <c r="H732" s="53">
        <v>0</v>
      </c>
      <c r="I732" s="53">
        <v>0</v>
      </c>
      <c r="J732" s="53">
        <v>0</v>
      </c>
      <c r="K732" s="53">
        <v>0</v>
      </c>
      <c r="L732" s="53">
        <v>0</v>
      </c>
      <c r="M732" s="53">
        <v>0</v>
      </c>
      <c r="N732" s="53">
        <v>0</v>
      </c>
      <c r="O732" s="53">
        <v>0</v>
      </c>
      <c r="P732" s="53">
        <v>0</v>
      </c>
      <c r="Q732" s="53">
        <v>0</v>
      </c>
      <c r="R732" s="53">
        <v>0</v>
      </c>
      <c r="S732" s="53">
        <v>0</v>
      </c>
      <c r="T732" s="53">
        <v>0</v>
      </c>
      <c r="U732" s="53">
        <v>0</v>
      </c>
      <c r="V732" s="53">
        <v>0</v>
      </c>
      <c r="W732" s="53">
        <v>0</v>
      </c>
      <c r="X732" s="53">
        <v>0</v>
      </c>
      <c r="Y732" s="53">
        <v>0</v>
      </c>
      <c r="Z732" s="53">
        <v>0</v>
      </c>
      <c r="AA732" s="53">
        <v>0</v>
      </c>
      <c r="AB732" s="53">
        <v>0</v>
      </c>
      <c r="AC732" s="53">
        <v>0</v>
      </c>
      <c r="AD732" s="53">
        <v>0</v>
      </c>
      <c r="AE732" s="53">
        <v>0</v>
      </c>
      <c r="AF732" s="53">
        <v>0</v>
      </c>
      <c r="AG732" s="53">
        <v>0</v>
      </c>
      <c r="AH732" s="53">
        <v>0</v>
      </c>
      <c r="AI732" s="53">
        <v>0</v>
      </c>
      <c r="AJ732" s="53">
        <v>0</v>
      </c>
      <c r="AK732" s="53">
        <v>0</v>
      </c>
      <c r="AL732" s="53">
        <v>0</v>
      </c>
      <c r="AM732" s="53">
        <v>0</v>
      </c>
      <c r="AN732" s="53">
        <v>0</v>
      </c>
      <c r="AO732" s="53">
        <v>0</v>
      </c>
      <c r="AP732" s="53">
        <v>0</v>
      </c>
      <c r="AQ732" s="53">
        <v>0</v>
      </c>
      <c r="AR732" s="53">
        <v>0</v>
      </c>
      <c r="AS732" s="53">
        <v>0</v>
      </c>
      <c r="AT732" s="53">
        <v>0</v>
      </c>
      <c r="AU732" s="53">
        <v>0</v>
      </c>
      <c r="AV732" s="53">
        <v>0</v>
      </c>
      <c r="AW732" s="53">
        <v>0</v>
      </c>
      <c r="AX732" s="53">
        <v>0</v>
      </c>
      <c r="AY732" s="53">
        <v>0</v>
      </c>
      <c r="AZ732" s="53">
        <v>0</v>
      </c>
      <c r="BA732" s="53">
        <v>0</v>
      </c>
    </row>
    <row r="733" spans="1:53">
      <c r="A733" s="52" t="s">
        <v>3240</v>
      </c>
      <c r="B733" s="53">
        <v>2174651.9</v>
      </c>
      <c r="C733" s="53">
        <v>2174651.9</v>
      </c>
      <c r="D733" s="53">
        <v>2174651.9</v>
      </c>
      <c r="E733" s="53">
        <v>2174651.9</v>
      </c>
      <c r="F733" s="53">
        <v>2174651.9</v>
      </c>
      <c r="G733" s="53">
        <v>2174651.9</v>
      </c>
      <c r="H733" s="53">
        <v>2174651.9</v>
      </c>
      <c r="I733" s="53">
        <v>2174651.9</v>
      </c>
      <c r="J733" s="53">
        <v>2174651.9</v>
      </c>
      <c r="K733" s="53">
        <v>2174651.9</v>
      </c>
      <c r="L733" s="53">
        <v>2174651.9</v>
      </c>
      <c r="M733" s="53">
        <v>2174651.9</v>
      </c>
      <c r="N733" s="53">
        <v>2174651.9</v>
      </c>
      <c r="O733" s="53">
        <v>2174651.9</v>
      </c>
      <c r="P733" s="53">
        <v>2174651.9</v>
      </c>
      <c r="Q733" s="53">
        <v>2174651.9</v>
      </c>
      <c r="R733" s="53">
        <v>2174651.9</v>
      </c>
      <c r="S733" s="53">
        <v>2174651.9</v>
      </c>
      <c r="T733" s="53">
        <v>2174651.9</v>
      </c>
      <c r="U733" s="53">
        <v>2174651.9</v>
      </c>
      <c r="V733" s="53">
        <v>2174651.9</v>
      </c>
      <c r="W733" s="53">
        <v>2174651.9</v>
      </c>
      <c r="X733" s="53">
        <v>2174651.9</v>
      </c>
      <c r="Y733" s="53">
        <v>2174651.9</v>
      </c>
      <c r="Z733" s="53">
        <v>2174651.9</v>
      </c>
      <c r="AA733" s="53">
        <v>2174651.9</v>
      </c>
      <c r="AB733" s="53">
        <v>2174651.9</v>
      </c>
      <c r="AC733" s="53">
        <v>2174651.9</v>
      </c>
      <c r="AD733" s="53">
        <v>2174651.9</v>
      </c>
      <c r="AE733" s="53">
        <v>2174651.9</v>
      </c>
      <c r="AF733" s="53">
        <v>2174651.9</v>
      </c>
      <c r="AG733" s="53">
        <v>2174651.9</v>
      </c>
      <c r="AH733" s="53">
        <v>2174651.9</v>
      </c>
      <c r="AI733" s="53">
        <v>2174651.9</v>
      </c>
      <c r="AJ733" s="53">
        <v>2174651.9</v>
      </c>
      <c r="AK733" s="53">
        <v>2174651.9</v>
      </c>
      <c r="AL733" s="53">
        <v>2174651.9</v>
      </c>
      <c r="AM733" s="53">
        <v>2174651.9</v>
      </c>
      <c r="AN733" s="53">
        <v>2174651.9</v>
      </c>
      <c r="AO733" s="53">
        <v>2174651.9</v>
      </c>
      <c r="AP733" s="53">
        <v>2174651.9</v>
      </c>
      <c r="AQ733" s="53">
        <v>2174651.9</v>
      </c>
      <c r="AR733" s="53">
        <v>2174651.9</v>
      </c>
      <c r="AS733" s="53">
        <v>2174651.9</v>
      </c>
      <c r="AT733" s="53">
        <v>2174651.9</v>
      </c>
      <c r="AU733" s="53">
        <v>2174651.9</v>
      </c>
      <c r="AV733" s="53">
        <v>2174651.9</v>
      </c>
      <c r="AW733" s="53">
        <v>2174651.9</v>
      </c>
      <c r="AX733" s="53">
        <v>2174651.9</v>
      </c>
      <c r="AY733" s="53">
        <v>2174651.9</v>
      </c>
      <c r="AZ733" s="53">
        <v>2174651.9</v>
      </c>
      <c r="BA733" s="53">
        <v>2174651.9</v>
      </c>
    </row>
    <row r="734" spans="1:53">
      <c r="A734" s="52" t="s">
        <v>3241</v>
      </c>
      <c r="B734" s="53">
        <v>840322.38</v>
      </c>
      <c r="C734" s="53">
        <v>840322.38</v>
      </c>
      <c r="D734" s="53">
        <v>840322.38</v>
      </c>
      <c r="E734" s="53">
        <v>840322.38</v>
      </c>
      <c r="F734" s="53">
        <v>840322.38</v>
      </c>
      <c r="G734" s="53">
        <v>840322.38</v>
      </c>
      <c r="H734" s="53">
        <v>840322.38</v>
      </c>
      <c r="I734" s="53">
        <v>840322.38</v>
      </c>
      <c r="J734" s="53">
        <v>840322.38</v>
      </c>
      <c r="K734" s="53">
        <v>840322.38</v>
      </c>
      <c r="L734" s="53">
        <v>840322.38</v>
      </c>
      <c r="M734" s="53">
        <v>840322.38</v>
      </c>
      <c r="N734" s="53">
        <v>840322.38</v>
      </c>
      <c r="O734" s="53">
        <v>840322.38</v>
      </c>
      <c r="P734" s="53">
        <v>840322.38</v>
      </c>
      <c r="Q734" s="53">
        <v>840322.38</v>
      </c>
      <c r="R734" s="53">
        <v>840322.38</v>
      </c>
      <c r="S734" s="53">
        <v>840322.38</v>
      </c>
      <c r="T734" s="53">
        <v>840322.38</v>
      </c>
      <c r="U734" s="53">
        <v>840322.38</v>
      </c>
      <c r="V734" s="53">
        <v>840322.38</v>
      </c>
      <c r="W734" s="53">
        <v>840322.38</v>
      </c>
      <c r="X734" s="53">
        <v>840322.38</v>
      </c>
      <c r="Y734" s="53">
        <v>840322.38</v>
      </c>
      <c r="Z734" s="53">
        <v>840322.38</v>
      </c>
      <c r="AA734" s="53">
        <v>840322.38</v>
      </c>
      <c r="AB734" s="53">
        <v>840322.38</v>
      </c>
      <c r="AC734" s="53">
        <v>840322.38</v>
      </c>
      <c r="AD734" s="53">
        <v>840322.38</v>
      </c>
      <c r="AE734" s="53">
        <v>840322.38</v>
      </c>
      <c r="AF734" s="53">
        <v>840322.38</v>
      </c>
      <c r="AG734" s="53">
        <v>840322.38</v>
      </c>
      <c r="AH734" s="53">
        <v>840322.38</v>
      </c>
      <c r="AI734" s="53">
        <v>840322.38</v>
      </c>
      <c r="AJ734" s="53">
        <v>840322.38</v>
      </c>
      <c r="AK734" s="53">
        <v>840322.38</v>
      </c>
      <c r="AL734" s="53">
        <v>840322.38</v>
      </c>
      <c r="AM734" s="53">
        <v>840322.38</v>
      </c>
      <c r="AN734" s="53">
        <v>840322.38</v>
      </c>
      <c r="AO734" s="53">
        <v>840322.38</v>
      </c>
      <c r="AP734" s="53">
        <v>840322.38</v>
      </c>
      <c r="AQ734" s="53">
        <v>840322.38</v>
      </c>
      <c r="AR734" s="53">
        <v>840322.38</v>
      </c>
      <c r="AS734" s="53">
        <v>840322.38</v>
      </c>
      <c r="AT734" s="53">
        <v>840322.38</v>
      </c>
      <c r="AU734" s="53">
        <v>840322.38</v>
      </c>
      <c r="AV734" s="53">
        <v>840322.38</v>
      </c>
      <c r="AW734" s="53">
        <v>840322.38</v>
      </c>
      <c r="AX734" s="53">
        <v>840322.38</v>
      </c>
      <c r="AY734" s="53">
        <v>840322.38</v>
      </c>
      <c r="AZ734" s="53">
        <v>840322.38</v>
      </c>
      <c r="BA734" s="53">
        <v>840322.38</v>
      </c>
    </row>
    <row r="735" spans="1:53">
      <c r="A735" s="52" t="s">
        <v>3242</v>
      </c>
      <c r="B735" s="53">
        <v>0</v>
      </c>
      <c r="C735" s="53">
        <v>0</v>
      </c>
      <c r="D735" s="53">
        <v>0</v>
      </c>
      <c r="E735" s="53">
        <v>0</v>
      </c>
      <c r="F735" s="53">
        <v>0</v>
      </c>
      <c r="G735" s="53">
        <v>0</v>
      </c>
      <c r="H735" s="53">
        <v>0</v>
      </c>
      <c r="I735" s="53">
        <v>0</v>
      </c>
      <c r="J735" s="53">
        <v>0</v>
      </c>
      <c r="K735" s="53">
        <v>0</v>
      </c>
      <c r="L735" s="53">
        <v>0</v>
      </c>
      <c r="M735" s="53">
        <v>0</v>
      </c>
      <c r="N735" s="53">
        <v>0</v>
      </c>
      <c r="O735" s="53">
        <v>0</v>
      </c>
      <c r="P735" s="53">
        <v>0</v>
      </c>
      <c r="Q735" s="53">
        <v>0</v>
      </c>
      <c r="R735" s="53">
        <v>0</v>
      </c>
      <c r="S735" s="53">
        <v>0</v>
      </c>
      <c r="T735" s="53">
        <v>0</v>
      </c>
      <c r="U735" s="53">
        <v>0</v>
      </c>
      <c r="V735" s="53">
        <v>0</v>
      </c>
      <c r="W735" s="53">
        <v>0</v>
      </c>
      <c r="X735" s="53">
        <v>0</v>
      </c>
      <c r="Y735" s="53">
        <v>0</v>
      </c>
      <c r="Z735" s="53">
        <v>0</v>
      </c>
      <c r="AA735" s="53">
        <v>0</v>
      </c>
      <c r="AB735" s="53">
        <v>0</v>
      </c>
      <c r="AC735" s="53">
        <v>0</v>
      </c>
      <c r="AD735" s="53">
        <v>0</v>
      </c>
      <c r="AE735" s="53">
        <v>0</v>
      </c>
      <c r="AF735" s="53">
        <v>0</v>
      </c>
      <c r="AG735" s="53">
        <v>0</v>
      </c>
      <c r="AH735" s="53">
        <v>0</v>
      </c>
      <c r="AI735" s="53">
        <v>0</v>
      </c>
      <c r="AJ735" s="53">
        <v>0</v>
      </c>
      <c r="AK735" s="53">
        <v>0</v>
      </c>
      <c r="AL735" s="53">
        <v>0</v>
      </c>
      <c r="AM735" s="53">
        <v>0</v>
      </c>
      <c r="AN735" s="53">
        <v>0</v>
      </c>
      <c r="AO735" s="53">
        <v>0</v>
      </c>
      <c r="AP735" s="53">
        <v>0</v>
      </c>
      <c r="AQ735" s="53">
        <v>0</v>
      </c>
      <c r="AR735" s="53">
        <v>0</v>
      </c>
      <c r="AS735" s="53">
        <v>0</v>
      </c>
      <c r="AT735" s="53">
        <v>0</v>
      </c>
      <c r="AU735" s="53">
        <v>0</v>
      </c>
      <c r="AV735" s="53">
        <v>0</v>
      </c>
      <c r="AW735" s="53">
        <v>0</v>
      </c>
      <c r="AX735" s="53">
        <v>0</v>
      </c>
      <c r="AY735" s="53">
        <v>0</v>
      </c>
      <c r="AZ735" s="53">
        <v>0</v>
      </c>
      <c r="BA735" s="53">
        <v>0</v>
      </c>
    </row>
    <row r="736" spans="1:53">
      <c r="A736" s="52" t="s">
        <v>3243</v>
      </c>
      <c r="B736" s="53">
        <v>-6269696.2861330099</v>
      </c>
      <c r="C736" s="53">
        <v>-6751980.61583554</v>
      </c>
      <c r="D736" s="53">
        <v>-7234264.9455380803</v>
      </c>
      <c r="E736" s="53">
        <v>-7716549.2752406197</v>
      </c>
      <c r="F736" s="53">
        <v>-8198833.60494316</v>
      </c>
      <c r="G736" s="53">
        <v>-8681117.9346456993</v>
      </c>
      <c r="H736" s="53">
        <v>-9163402.2643482406</v>
      </c>
      <c r="I736" s="53">
        <v>-9645686.5940507799</v>
      </c>
      <c r="J736" s="53">
        <v>-10127970.923753301</v>
      </c>
      <c r="K736" s="53">
        <v>-10610255.253455799</v>
      </c>
      <c r="L736" s="53">
        <v>-11092539.5831584</v>
      </c>
      <c r="M736" s="53">
        <v>-11574823.9128609</v>
      </c>
      <c r="N736" s="53">
        <v>-11574823.9128609</v>
      </c>
      <c r="O736" s="53">
        <v>-12057108.2425634</v>
      </c>
      <c r="P736" s="53">
        <v>-12539392.572265999</v>
      </c>
      <c r="Q736" s="53">
        <v>-13021676.9019685</v>
      </c>
      <c r="R736" s="53">
        <v>-13503961.231671</v>
      </c>
      <c r="S736" s="53">
        <v>-13986245.561373601</v>
      </c>
      <c r="T736" s="53">
        <v>-14468529.891076099</v>
      </c>
      <c r="U736" s="53">
        <v>-14950814.2207787</v>
      </c>
      <c r="V736" s="53">
        <v>-15433098.5504812</v>
      </c>
      <c r="W736" s="53">
        <v>-15915382.8801837</v>
      </c>
      <c r="X736" s="53">
        <v>-16397667.209886299</v>
      </c>
      <c r="Y736" s="53">
        <v>-16879951.539588802</v>
      </c>
      <c r="Z736" s="53">
        <v>-17362235.869291399</v>
      </c>
      <c r="AA736" s="53">
        <v>-17362235.869291399</v>
      </c>
      <c r="AB736" s="53">
        <v>-17842900.003117599</v>
      </c>
      <c r="AC736" s="53">
        <v>-18321943.941067599</v>
      </c>
      <c r="AD736" s="53">
        <v>-18800987.879017498</v>
      </c>
      <c r="AE736" s="53">
        <v>-19280031.816967499</v>
      </c>
      <c r="AF736" s="53">
        <v>-19759075.754917499</v>
      </c>
      <c r="AG736" s="53">
        <v>-20238119.692867398</v>
      </c>
      <c r="AH736" s="53">
        <v>-20717163.630817398</v>
      </c>
      <c r="AI736" s="53">
        <v>-21196207.568767399</v>
      </c>
      <c r="AJ736" s="53">
        <v>-21675251.506717298</v>
      </c>
      <c r="AK736" s="53">
        <v>-22154295.444667298</v>
      </c>
      <c r="AL736" s="53">
        <v>-22633339.382617202</v>
      </c>
      <c r="AM736" s="53">
        <v>-23112383.320567202</v>
      </c>
      <c r="AN736" s="53">
        <v>-23112383.320567202</v>
      </c>
      <c r="AO736" s="53">
        <v>-23566727.5677955</v>
      </c>
      <c r="AP736" s="53">
        <v>-23995158.189875901</v>
      </c>
      <c r="AQ736" s="53">
        <v>-24423588.811956398</v>
      </c>
      <c r="AR736" s="53">
        <v>-24852019.434036799</v>
      </c>
      <c r="AS736" s="53">
        <v>-25280450.056117199</v>
      </c>
      <c r="AT736" s="53">
        <v>-25708880.678197701</v>
      </c>
      <c r="AU736" s="53">
        <v>-26132718.653661601</v>
      </c>
      <c r="AV736" s="53">
        <v>-26551963.982508902</v>
      </c>
      <c r="AW736" s="53">
        <v>-26971209.311356299</v>
      </c>
      <c r="AX736" s="53">
        <v>-27390454.640203599</v>
      </c>
      <c r="AY736" s="53">
        <v>-27809699.969051</v>
      </c>
      <c r="AZ736" s="53">
        <v>-28228945.2978983</v>
      </c>
      <c r="BA736" s="53">
        <v>-28228945.2978983</v>
      </c>
    </row>
    <row r="737" spans="1:53">
      <c r="A737" s="58" t="s">
        <v>3244</v>
      </c>
      <c r="B737" s="134">
        <v>9643627.7838669904</v>
      </c>
      <c r="C737" s="134">
        <v>9161343.4541644491</v>
      </c>
      <c r="D737" s="134">
        <v>8679059.1244619098</v>
      </c>
      <c r="E737" s="134">
        <v>8196774.7947593704</v>
      </c>
      <c r="F737" s="134">
        <v>7714490.4650568301</v>
      </c>
      <c r="G737" s="134">
        <v>7232206.1353542898</v>
      </c>
      <c r="H737" s="134">
        <v>6749921.8056517504</v>
      </c>
      <c r="I737" s="134">
        <v>6267637.4759492101</v>
      </c>
      <c r="J737" s="134">
        <v>5785353.1462466698</v>
      </c>
      <c r="K737" s="134">
        <v>5303068.8165441304</v>
      </c>
      <c r="L737" s="134">
        <v>4820784.4868415901</v>
      </c>
      <c r="M737" s="134">
        <v>4338500.1571390498</v>
      </c>
      <c r="N737" s="134">
        <v>4338500.1571390498</v>
      </c>
      <c r="O737" s="134">
        <v>3856215.82743651</v>
      </c>
      <c r="P737" s="134">
        <v>3373931.49773398</v>
      </c>
      <c r="Q737" s="134">
        <v>2891647.1680314401</v>
      </c>
      <c r="R737" s="134">
        <v>2409362.8383288998</v>
      </c>
      <c r="S737" s="134">
        <v>1927078.50862636</v>
      </c>
      <c r="T737" s="134">
        <v>1444794.1789238199</v>
      </c>
      <c r="U737" s="134">
        <v>962509.84922128299</v>
      </c>
      <c r="V737" s="134">
        <v>480225.51951874403</v>
      </c>
      <c r="W737" s="134">
        <v>-2058.8101837947702</v>
      </c>
      <c r="X737" s="134">
        <v>-484343.13988633401</v>
      </c>
      <c r="Y737" s="134">
        <v>-966627.46958887298</v>
      </c>
      <c r="Z737" s="134">
        <v>-1448911.79929141</v>
      </c>
      <c r="AA737" s="134">
        <v>-1448911.79929141</v>
      </c>
      <c r="AB737" s="134">
        <v>-1929575.93311766</v>
      </c>
      <c r="AC737" s="134">
        <v>-2408619.8710676199</v>
      </c>
      <c r="AD737" s="134">
        <v>-2887663.80901758</v>
      </c>
      <c r="AE737" s="134">
        <v>-3366707.7469675401</v>
      </c>
      <c r="AF737" s="134">
        <v>-3845751.68491751</v>
      </c>
      <c r="AG737" s="134">
        <v>-4324795.6228674697</v>
      </c>
      <c r="AH737" s="134">
        <v>-4803839.5608174298</v>
      </c>
      <c r="AI737" s="134">
        <v>-5282883.4987673899</v>
      </c>
      <c r="AJ737" s="134">
        <v>-5761927.43671735</v>
      </c>
      <c r="AK737" s="134">
        <v>-6240971.3746673204</v>
      </c>
      <c r="AL737" s="134">
        <v>-6720015.3126172796</v>
      </c>
      <c r="AM737" s="134">
        <v>-7199059.2505672397</v>
      </c>
      <c r="AN737" s="134">
        <v>-7199059.2505672397</v>
      </c>
      <c r="AO737" s="134">
        <v>-7653403.4977955502</v>
      </c>
      <c r="AP737" s="134">
        <v>-8081834.1198759899</v>
      </c>
      <c r="AQ737" s="134">
        <v>-8510264.7419564202</v>
      </c>
      <c r="AR737" s="134">
        <v>-8938695.3640368506</v>
      </c>
      <c r="AS737" s="134">
        <v>-9367125.9861172792</v>
      </c>
      <c r="AT737" s="134">
        <v>-9795556.6081977095</v>
      </c>
      <c r="AU737" s="134">
        <v>-10219394.583661599</v>
      </c>
      <c r="AV737" s="134">
        <v>-10638639.912508899</v>
      </c>
      <c r="AW737" s="134">
        <v>-11057885.2413563</v>
      </c>
      <c r="AX737" s="134">
        <v>-11477130.5702036</v>
      </c>
      <c r="AY737" s="134">
        <v>-11896375.899050999</v>
      </c>
      <c r="AZ737" s="134">
        <v>-12315621.2278983</v>
      </c>
      <c r="BA737" s="134">
        <v>-12315621.2278983</v>
      </c>
    </row>
    <row r="738" spans="1:53">
      <c r="A738" s="52" t="s">
        <v>3245</v>
      </c>
    </row>
    <row r="739" spans="1:53">
      <c r="A739" s="57" t="s">
        <v>3246</v>
      </c>
    </row>
    <row r="740" spans="1:53">
      <c r="A740" s="52" t="s">
        <v>3247</v>
      </c>
      <c r="B740" s="53">
        <v>-10162870.649029201</v>
      </c>
      <c r="C740" s="53">
        <v>-9800946.9975305106</v>
      </c>
      <c r="D740" s="53">
        <v>-9436818.6326049101</v>
      </c>
      <c r="E740" s="53">
        <v>-9070472.1239081006</v>
      </c>
      <c r="F740" s="53">
        <v>-8701893.9592828006</v>
      </c>
      <c r="G740" s="53">
        <v>-8331070.5442604404</v>
      </c>
      <c r="H740" s="53">
        <v>-7957988.2015597401</v>
      </c>
      <c r="I740" s="53">
        <v>-7582633.1705822302</v>
      </c>
      <c r="J740" s="53">
        <v>-7204991.6069047404</v>
      </c>
      <c r="K740" s="53">
        <v>-6825049.5817687204</v>
      </c>
      <c r="L740" s="53">
        <v>-6442793.0815665498</v>
      </c>
      <c r="M740" s="53">
        <v>-6058208.0073246704</v>
      </c>
      <c r="N740" s="53">
        <v>-6058208.0073246704</v>
      </c>
      <c r="O740" s="53">
        <v>-5671280.1741835</v>
      </c>
      <c r="P740" s="53">
        <v>-5281995.3108743299</v>
      </c>
      <c r="Q740" s="53">
        <v>-4890339.0591928903</v>
      </c>
      <c r="R740" s="53">
        <v>-4496296.9734698003</v>
      </c>
      <c r="S740" s="53">
        <v>-4099854.52003774</v>
      </c>
      <c r="T740" s="53">
        <v>-3700997.0766954399</v>
      </c>
      <c r="U740" s="53">
        <v>-3299709.9321682998</v>
      </c>
      <c r="V740" s="53">
        <v>-2895978.2855658499</v>
      </c>
      <c r="W740" s="53">
        <v>-2489787.2458358002</v>
      </c>
      <c r="X740" s="53">
        <v>-2081121.83121482</v>
      </c>
      <c r="Y740" s="53">
        <v>-1669966.9686759601</v>
      </c>
      <c r="Z740" s="53">
        <v>-1256307.49337271</v>
      </c>
      <c r="AA740" s="53">
        <v>-1256307.49337271</v>
      </c>
      <c r="AB740" s="53">
        <v>-840128.14807967097</v>
      </c>
      <c r="AC740" s="53">
        <v>-421413.58262978098</v>
      </c>
      <c r="AD740" s="53">
        <v>-148.35334820480699</v>
      </c>
      <c r="AE740" s="53">
        <v>-153.34657720687099</v>
      </c>
      <c r="AF740" s="53">
        <v>-153.34657720687099</v>
      </c>
      <c r="AG740" s="53">
        <v>-153.34657720687099</v>
      </c>
      <c r="AH740" s="53">
        <v>-153.34657720687099</v>
      </c>
      <c r="AI740" s="53">
        <v>-153.34657720687099</v>
      </c>
      <c r="AJ740" s="53">
        <v>-153.34657720687099</v>
      </c>
      <c r="AK740" s="53">
        <v>-153.34657720687099</v>
      </c>
      <c r="AL740" s="53">
        <v>-153.34657720687099</v>
      </c>
      <c r="AM740" s="53">
        <v>-153.34657720687099</v>
      </c>
      <c r="AN740" s="53">
        <v>-153.34657720687099</v>
      </c>
      <c r="AO740" s="53">
        <v>-153.34657720687099</v>
      </c>
      <c r="AP740" s="53">
        <v>-153.34657720687099</v>
      </c>
      <c r="AQ740" s="53">
        <v>-153.34657720687099</v>
      </c>
      <c r="AR740" s="53">
        <v>-153.34657720687099</v>
      </c>
      <c r="AS740" s="53">
        <v>-153.34657720687099</v>
      </c>
      <c r="AT740" s="53">
        <v>-153.34657720687099</v>
      </c>
      <c r="AU740" s="53">
        <v>-153.34657720687099</v>
      </c>
      <c r="AV740" s="53">
        <v>-153.34657720687099</v>
      </c>
      <c r="AW740" s="53">
        <v>-153.34657720687099</v>
      </c>
      <c r="AX740" s="53">
        <v>-153.34657720687099</v>
      </c>
      <c r="AY740" s="53">
        <v>-153.34657720687099</v>
      </c>
      <c r="AZ740" s="53">
        <v>-153.34657720687099</v>
      </c>
      <c r="BA740" s="53">
        <v>-153.34657720687099</v>
      </c>
    </row>
    <row r="741" spans="1:53">
      <c r="A741" s="52" t="s">
        <v>3248</v>
      </c>
      <c r="B741" s="53">
        <v>0</v>
      </c>
      <c r="C741" s="53">
        <v>0</v>
      </c>
      <c r="D741" s="53">
        <v>0</v>
      </c>
      <c r="E741" s="53">
        <v>0</v>
      </c>
      <c r="F741" s="53">
        <v>0</v>
      </c>
      <c r="G741" s="53">
        <v>0</v>
      </c>
      <c r="H741" s="53">
        <v>0</v>
      </c>
      <c r="I741" s="53">
        <v>0</v>
      </c>
      <c r="J741" s="53">
        <v>0</v>
      </c>
      <c r="K741" s="53">
        <v>0</v>
      </c>
      <c r="L741" s="53">
        <v>0</v>
      </c>
      <c r="M741" s="53">
        <v>0</v>
      </c>
      <c r="N741" s="53">
        <v>0</v>
      </c>
      <c r="O741" s="53">
        <v>0</v>
      </c>
      <c r="P741" s="53">
        <v>0</v>
      </c>
      <c r="Q741" s="53">
        <v>0</v>
      </c>
      <c r="R741" s="53">
        <v>0</v>
      </c>
      <c r="S741" s="53">
        <v>0</v>
      </c>
      <c r="T741" s="53">
        <v>0</v>
      </c>
      <c r="U741" s="53">
        <v>0</v>
      </c>
      <c r="V741" s="53">
        <v>0</v>
      </c>
      <c r="W741" s="53">
        <v>0</v>
      </c>
      <c r="X741" s="53">
        <v>0</v>
      </c>
      <c r="Y741" s="53">
        <v>0</v>
      </c>
      <c r="Z741" s="53">
        <v>0</v>
      </c>
      <c r="AA741" s="53">
        <v>0</v>
      </c>
      <c r="AB741" s="53">
        <v>0</v>
      </c>
      <c r="AC741" s="53">
        <v>0</v>
      </c>
      <c r="AD741" s="53">
        <v>0</v>
      </c>
      <c r="AE741" s="53">
        <v>0</v>
      </c>
      <c r="AF741" s="53">
        <v>0</v>
      </c>
      <c r="AG741" s="53">
        <v>0</v>
      </c>
      <c r="AH741" s="53">
        <v>0</v>
      </c>
      <c r="AI741" s="53">
        <v>0</v>
      </c>
      <c r="AJ741" s="53">
        <v>0</v>
      </c>
      <c r="AK741" s="53">
        <v>0</v>
      </c>
      <c r="AL741" s="53">
        <v>0</v>
      </c>
      <c r="AM741" s="53">
        <v>0</v>
      </c>
      <c r="AN741" s="53">
        <v>0</v>
      </c>
      <c r="AO741" s="53">
        <v>0</v>
      </c>
      <c r="AP741" s="53">
        <v>0</v>
      </c>
      <c r="AQ741" s="53">
        <v>0</v>
      </c>
      <c r="AR741" s="53">
        <v>0</v>
      </c>
      <c r="AS741" s="53">
        <v>0</v>
      </c>
      <c r="AT741" s="53">
        <v>0</v>
      </c>
      <c r="AU741" s="53">
        <v>0</v>
      </c>
      <c r="AV741" s="53">
        <v>0</v>
      </c>
      <c r="AW741" s="53">
        <v>0</v>
      </c>
      <c r="AX741" s="53">
        <v>0</v>
      </c>
      <c r="AY741" s="53">
        <v>0</v>
      </c>
      <c r="AZ741" s="53">
        <v>0</v>
      </c>
      <c r="BA741" s="53">
        <v>0</v>
      </c>
    </row>
    <row r="742" spans="1:53">
      <c r="A742" s="52" t="s">
        <v>3249</v>
      </c>
      <c r="B742" s="53">
        <v>0</v>
      </c>
      <c r="C742" s="53">
        <v>0</v>
      </c>
      <c r="D742" s="53">
        <v>0</v>
      </c>
      <c r="E742" s="53">
        <v>0</v>
      </c>
      <c r="F742" s="53">
        <v>0</v>
      </c>
      <c r="G742" s="53">
        <v>0</v>
      </c>
      <c r="H742" s="53">
        <v>0</v>
      </c>
      <c r="I742" s="53">
        <v>0</v>
      </c>
      <c r="J742" s="53">
        <v>0</v>
      </c>
      <c r="K742" s="53">
        <v>0</v>
      </c>
      <c r="L742" s="53">
        <v>0</v>
      </c>
      <c r="M742" s="53">
        <v>0</v>
      </c>
      <c r="N742" s="53">
        <v>0</v>
      </c>
      <c r="O742" s="53">
        <v>0</v>
      </c>
      <c r="P742" s="53">
        <v>0</v>
      </c>
      <c r="Q742" s="53">
        <v>0</v>
      </c>
      <c r="R742" s="53">
        <v>0</v>
      </c>
      <c r="S742" s="53">
        <v>0</v>
      </c>
      <c r="T742" s="53">
        <v>0</v>
      </c>
      <c r="U742" s="53">
        <v>0</v>
      </c>
      <c r="V742" s="53">
        <v>0</v>
      </c>
      <c r="W742" s="53">
        <v>0</v>
      </c>
      <c r="X742" s="53">
        <v>0</v>
      </c>
      <c r="Y742" s="53">
        <v>0</v>
      </c>
      <c r="Z742" s="53">
        <v>0</v>
      </c>
      <c r="AA742" s="53">
        <v>0</v>
      </c>
      <c r="AB742" s="53">
        <v>0</v>
      </c>
      <c r="AC742" s="53">
        <v>0</v>
      </c>
      <c r="AD742" s="53">
        <v>0</v>
      </c>
      <c r="AE742" s="53">
        <v>0</v>
      </c>
      <c r="AF742" s="53">
        <v>0</v>
      </c>
      <c r="AG742" s="53">
        <v>0</v>
      </c>
      <c r="AH742" s="53">
        <v>0</v>
      </c>
      <c r="AI742" s="53">
        <v>0</v>
      </c>
      <c r="AJ742" s="53">
        <v>0</v>
      </c>
      <c r="AK742" s="53">
        <v>0</v>
      </c>
      <c r="AL742" s="53">
        <v>0</v>
      </c>
      <c r="AM742" s="53">
        <v>0</v>
      </c>
      <c r="AN742" s="53">
        <v>0</v>
      </c>
      <c r="AO742" s="53">
        <v>0</v>
      </c>
      <c r="AP742" s="53">
        <v>0</v>
      </c>
      <c r="AQ742" s="53">
        <v>0</v>
      </c>
      <c r="AR742" s="53">
        <v>0</v>
      </c>
      <c r="AS742" s="53">
        <v>0</v>
      </c>
      <c r="AT742" s="53">
        <v>0</v>
      </c>
      <c r="AU742" s="53">
        <v>0</v>
      </c>
      <c r="AV742" s="53">
        <v>0</v>
      </c>
      <c r="AW742" s="53">
        <v>0</v>
      </c>
      <c r="AX742" s="53">
        <v>0</v>
      </c>
      <c r="AY742" s="53">
        <v>0</v>
      </c>
      <c r="AZ742" s="53">
        <v>0</v>
      </c>
      <c r="BA742" s="53">
        <v>0</v>
      </c>
    </row>
    <row r="743" spans="1:53">
      <c r="A743" s="52" t="s">
        <v>3250</v>
      </c>
      <c r="B743" s="53">
        <v>-210959379.47</v>
      </c>
      <c r="C743" s="53">
        <v>-210959379.47</v>
      </c>
      <c r="D743" s="53">
        <v>-210959379.47</v>
      </c>
      <c r="E743" s="53">
        <v>-210959379.47</v>
      </c>
      <c r="F743" s="53">
        <v>-210959379.47</v>
      </c>
      <c r="G743" s="53">
        <v>-210959379.47</v>
      </c>
      <c r="H743" s="53">
        <v>-210959379.47</v>
      </c>
      <c r="I743" s="53">
        <v>-210959379.47</v>
      </c>
      <c r="J743" s="53">
        <v>-210959379.47</v>
      </c>
      <c r="K743" s="53">
        <v>-210959379.47</v>
      </c>
      <c r="L743" s="53">
        <v>-210959379.47</v>
      </c>
      <c r="M743" s="53">
        <v>-210959379.47</v>
      </c>
      <c r="N743" s="53">
        <v>-210959379.47</v>
      </c>
      <c r="O743" s="53">
        <v>-210959379.47</v>
      </c>
      <c r="P743" s="53">
        <v>-210959379.47</v>
      </c>
      <c r="Q743" s="53">
        <v>-210959379.47</v>
      </c>
      <c r="R743" s="53">
        <v>-210959379.47</v>
      </c>
      <c r="S743" s="53">
        <v>-210959379.47</v>
      </c>
      <c r="T743" s="53">
        <v>-210959379.47</v>
      </c>
      <c r="U743" s="53">
        <v>-210959379.47</v>
      </c>
      <c r="V743" s="53">
        <v>-210959379.47</v>
      </c>
      <c r="W743" s="53">
        <v>-210959379.47</v>
      </c>
      <c r="X743" s="53">
        <v>-210959379.47</v>
      </c>
      <c r="Y743" s="53">
        <v>-210959379.47</v>
      </c>
      <c r="Z743" s="53">
        <v>-210959379.47</v>
      </c>
      <c r="AA743" s="53">
        <v>-210959379.47</v>
      </c>
      <c r="AB743" s="53">
        <v>-210959379.47</v>
      </c>
      <c r="AC743" s="53">
        <v>-210959379.47</v>
      </c>
      <c r="AD743" s="53">
        <v>-210959379.47</v>
      </c>
      <c r="AE743" s="53">
        <v>-210959379.47</v>
      </c>
      <c r="AF743" s="53">
        <v>-210959379.47</v>
      </c>
      <c r="AG743" s="53">
        <v>-210959379.47</v>
      </c>
      <c r="AH743" s="53">
        <v>-210959379.47</v>
      </c>
      <c r="AI743" s="53">
        <v>-210959379.47</v>
      </c>
      <c r="AJ743" s="53">
        <v>-210959379.47</v>
      </c>
      <c r="AK743" s="53">
        <v>-210959379.47</v>
      </c>
      <c r="AL743" s="53">
        <v>-210959379.47</v>
      </c>
      <c r="AM743" s="53">
        <v>-210959379.47</v>
      </c>
      <c r="AN743" s="53">
        <v>-210959379.47</v>
      </c>
      <c r="AO743" s="53">
        <v>-210959379.47</v>
      </c>
      <c r="AP743" s="53">
        <v>-210959379.47</v>
      </c>
      <c r="AQ743" s="53">
        <v>-210959379.47</v>
      </c>
      <c r="AR743" s="53">
        <v>-210959379.47</v>
      </c>
      <c r="AS743" s="53">
        <v>-210959379.47</v>
      </c>
      <c r="AT743" s="53">
        <v>-210959379.47</v>
      </c>
      <c r="AU743" s="53">
        <v>-210959379.47</v>
      </c>
      <c r="AV743" s="53">
        <v>-210959379.47</v>
      </c>
      <c r="AW743" s="53">
        <v>-210959379.47</v>
      </c>
      <c r="AX743" s="53">
        <v>-210959379.47</v>
      </c>
      <c r="AY743" s="53">
        <v>-210959379.47</v>
      </c>
      <c r="AZ743" s="53">
        <v>-210959379.47</v>
      </c>
      <c r="BA743" s="53">
        <v>-210959379.47</v>
      </c>
    </row>
    <row r="744" spans="1:53">
      <c r="A744" s="58" t="s">
        <v>3251</v>
      </c>
      <c r="B744" s="134">
        <v>-221122250.11902899</v>
      </c>
      <c r="C744" s="134">
        <v>-220760326.46753001</v>
      </c>
      <c r="D744" s="134">
        <v>-220396198.102604</v>
      </c>
      <c r="E744" s="134">
        <v>-220029851.59390801</v>
      </c>
      <c r="F744" s="134">
        <v>-219661273.42928201</v>
      </c>
      <c r="G744" s="134">
        <v>-219290450.01425999</v>
      </c>
      <c r="H744" s="134">
        <v>-218917367.67155901</v>
      </c>
      <c r="I744" s="134">
        <v>-218542012.640582</v>
      </c>
      <c r="J744" s="134">
        <v>-218164371.076904</v>
      </c>
      <c r="K744" s="134">
        <v>-217784429.051768</v>
      </c>
      <c r="L744" s="134">
        <v>-217402172.551566</v>
      </c>
      <c r="M744" s="134">
        <v>-217017587.47732401</v>
      </c>
      <c r="N744" s="134">
        <v>-217017587.47732401</v>
      </c>
      <c r="O744" s="134">
        <v>-216630659.64418301</v>
      </c>
      <c r="P744" s="134">
        <v>-216241374.78087401</v>
      </c>
      <c r="Q744" s="134">
        <v>-215849718.529192</v>
      </c>
      <c r="R744" s="134">
        <v>-215455676.44346899</v>
      </c>
      <c r="S744" s="134">
        <v>-215059233.99003699</v>
      </c>
      <c r="T744" s="134">
        <v>-214660376.54669499</v>
      </c>
      <c r="U744" s="134">
        <v>-214259089.40216801</v>
      </c>
      <c r="V744" s="134">
        <v>-213855357.75556499</v>
      </c>
      <c r="W744" s="134">
        <v>-213449166.71583501</v>
      </c>
      <c r="X744" s="134">
        <v>-213040501.30121401</v>
      </c>
      <c r="Y744" s="134">
        <v>-212629346.43867499</v>
      </c>
      <c r="Z744" s="134">
        <v>-212215686.96337199</v>
      </c>
      <c r="AA744" s="134">
        <v>-212215686.96337199</v>
      </c>
      <c r="AB744" s="134">
        <v>-211799507.61807901</v>
      </c>
      <c r="AC744" s="134">
        <v>-211380793.05262899</v>
      </c>
      <c r="AD744" s="134">
        <v>-210959527.82334799</v>
      </c>
      <c r="AE744" s="134">
        <v>-210959532.81657699</v>
      </c>
      <c r="AF744" s="134">
        <v>-210959532.81657699</v>
      </c>
      <c r="AG744" s="134">
        <v>-210959532.81657699</v>
      </c>
      <c r="AH744" s="134">
        <v>-210959532.81657699</v>
      </c>
      <c r="AI744" s="134">
        <v>-210959532.81657699</v>
      </c>
      <c r="AJ744" s="134">
        <v>-210959532.81657699</v>
      </c>
      <c r="AK744" s="134">
        <v>-210959532.81657699</v>
      </c>
      <c r="AL744" s="134">
        <v>-210959532.81657699</v>
      </c>
      <c r="AM744" s="134">
        <v>-210959532.81657699</v>
      </c>
      <c r="AN744" s="134">
        <v>-210959532.81657699</v>
      </c>
      <c r="AO744" s="134">
        <v>-210959532.81657699</v>
      </c>
      <c r="AP744" s="134">
        <v>-210959532.81657699</v>
      </c>
      <c r="AQ744" s="134">
        <v>-210959532.81657699</v>
      </c>
      <c r="AR744" s="134">
        <v>-210959532.81657699</v>
      </c>
      <c r="AS744" s="134">
        <v>-210959532.81657699</v>
      </c>
      <c r="AT744" s="134">
        <v>-210959532.81657699</v>
      </c>
      <c r="AU744" s="134">
        <v>-210959532.81657699</v>
      </c>
      <c r="AV744" s="134">
        <v>-210959532.81657699</v>
      </c>
      <c r="AW744" s="134">
        <v>-210959532.81657699</v>
      </c>
      <c r="AX744" s="134">
        <v>-210959532.81657699</v>
      </c>
      <c r="AY744" s="134">
        <v>-210959532.81657699</v>
      </c>
      <c r="AZ744" s="134">
        <v>-210959532.81657699</v>
      </c>
      <c r="BA744" s="134">
        <v>-210959532.81657699</v>
      </c>
    </row>
    <row r="745" spans="1:53">
      <c r="A745" s="52" t="s">
        <v>3252</v>
      </c>
    </row>
    <row r="746" spans="1:53">
      <c r="A746" s="57" t="s">
        <v>3253</v>
      </c>
    </row>
    <row r="747" spans="1:53" s="83" customFormat="1">
      <c r="A747" s="52" t="s">
        <v>3254</v>
      </c>
      <c r="B747" s="53">
        <v>-56425667.325811297</v>
      </c>
      <c r="C747" s="53">
        <v>-94136833.456774607</v>
      </c>
      <c r="D747" s="53">
        <v>-131847999.58773699</v>
      </c>
      <c r="E747" s="53">
        <v>-131847999.58773699</v>
      </c>
      <c r="F747" s="53">
        <v>-131847999.58773699</v>
      </c>
      <c r="G747" s="53">
        <v>-131847999.58773699</v>
      </c>
      <c r="H747" s="53">
        <v>-131847999.58773699</v>
      </c>
      <c r="I747" s="53">
        <v>-131847999.58773699</v>
      </c>
      <c r="J747" s="53">
        <v>-131847999.58773699</v>
      </c>
      <c r="K747" s="53">
        <v>-131847999.58773699</v>
      </c>
      <c r="L747" s="53">
        <v>-131847999.58773699</v>
      </c>
      <c r="M747" s="53">
        <v>-131847999.58773699</v>
      </c>
      <c r="N747" s="53">
        <v>-131847999.58773699</v>
      </c>
      <c r="O747" s="53">
        <v>-131847999.58773699</v>
      </c>
      <c r="P747" s="53">
        <v>-131847999.58773699</v>
      </c>
      <c r="Q747" s="53">
        <v>-131847999.58773699</v>
      </c>
      <c r="R747" s="53">
        <v>-131847999.58773699</v>
      </c>
      <c r="S747" s="53">
        <v>-131847999.58773699</v>
      </c>
      <c r="T747" s="53">
        <v>-131847999.58773699</v>
      </c>
      <c r="U747" s="53">
        <v>-131847999.58773699</v>
      </c>
      <c r="V747" s="53">
        <v>-131847999.58773699</v>
      </c>
      <c r="W747" s="53">
        <v>-131847999.58773699</v>
      </c>
      <c r="X747" s="53">
        <v>-131847999.58773699</v>
      </c>
      <c r="Y747" s="53">
        <v>-131847999.58773699</v>
      </c>
      <c r="Z747" s="53">
        <v>-131847999.58773699</v>
      </c>
      <c r="AA747" s="53">
        <v>-131847999.58773699</v>
      </c>
      <c r="AB747" s="53">
        <v>-131847999.58773699</v>
      </c>
      <c r="AC747" s="53">
        <v>-131847999.58773699</v>
      </c>
      <c r="AD747" s="53">
        <v>-131847999.58773699</v>
      </c>
      <c r="AE747" s="53">
        <v>-131847999.58773699</v>
      </c>
      <c r="AF747" s="53">
        <v>-131847999.58773699</v>
      </c>
      <c r="AG747" s="53">
        <v>-131847999.58773699</v>
      </c>
      <c r="AH747" s="53">
        <v>-131847999.58773699</v>
      </c>
      <c r="AI747" s="53">
        <v>-131847999.58773699</v>
      </c>
      <c r="AJ747" s="53">
        <v>-131847999.58773699</v>
      </c>
      <c r="AK747" s="53">
        <v>-131847999.58773699</v>
      </c>
      <c r="AL747" s="53">
        <v>-131847999.58773699</v>
      </c>
      <c r="AM747" s="53">
        <v>-131847999.58773699</v>
      </c>
      <c r="AN747" s="53">
        <v>-131847999.58773699</v>
      </c>
      <c r="AO747" s="53">
        <v>-131847999.58773699</v>
      </c>
      <c r="AP747" s="53">
        <v>-131847999.58773699</v>
      </c>
      <c r="AQ747" s="53">
        <v>-131847999.58773699</v>
      </c>
      <c r="AR747" s="53">
        <v>-131847999.58773699</v>
      </c>
      <c r="AS747" s="53">
        <v>-131847999.58773699</v>
      </c>
      <c r="AT747" s="53">
        <v>-131847999.58773699</v>
      </c>
      <c r="AU747" s="53">
        <v>-131847999.58773699</v>
      </c>
      <c r="AV747" s="53">
        <v>-131847999.58773699</v>
      </c>
      <c r="AW747" s="53">
        <v>-131847999.58773699</v>
      </c>
      <c r="AX747" s="53">
        <v>-131847999.58773699</v>
      </c>
      <c r="AY747" s="53">
        <v>-131847999.58773699</v>
      </c>
      <c r="AZ747" s="53">
        <v>-131847999.58773699</v>
      </c>
      <c r="BA747" s="53">
        <v>-131847999.58773699</v>
      </c>
    </row>
    <row r="748" spans="1:53" s="83" customFormat="1">
      <c r="A748" s="52" t="s">
        <v>3255</v>
      </c>
      <c r="B748" s="53">
        <v>-9198946.5800000001</v>
      </c>
      <c r="C748" s="53">
        <v>-9198946.5800000001</v>
      </c>
      <c r="D748" s="53">
        <v>-9198946.5800000001</v>
      </c>
      <c r="E748" s="53">
        <v>-9198946.5800000001</v>
      </c>
      <c r="F748" s="53">
        <v>-9198946.5800000001</v>
      </c>
      <c r="G748" s="53">
        <v>-9198946.5800000001</v>
      </c>
      <c r="H748" s="53">
        <v>-9198946.5800000001</v>
      </c>
      <c r="I748" s="53">
        <v>-9198946.5800000001</v>
      </c>
      <c r="J748" s="53">
        <v>-9198946.5800000001</v>
      </c>
      <c r="K748" s="53">
        <v>-9198946.5800000001</v>
      </c>
      <c r="L748" s="53">
        <v>-9198946.5800000001</v>
      </c>
      <c r="M748" s="53">
        <v>-9198946.5800000001</v>
      </c>
      <c r="N748" s="53">
        <v>-9198946.5800000001</v>
      </c>
      <c r="O748" s="53">
        <v>-9198946.5800000001</v>
      </c>
      <c r="P748" s="53">
        <v>-9198946.5800000001</v>
      </c>
      <c r="Q748" s="53">
        <v>-9198946.5800000001</v>
      </c>
      <c r="R748" s="53">
        <v>-9198946.5800000001</v>
      </c>
      <c r="S748" s="53">
        <v>-9198946.5800000001</v>
      </c>
      <c r="T748" s="53">
        <v>-9198946.5800000001</v>
      </c>
      <c r="U748" s="53">
        <v>-9198946.5800000001</v>
      </c>
      <c r="V748" s="53">
        <v>-9198946.5800000001</v>
      </c>
      <c r="W748" s="53">
        <v>-9198946.5800000001</v>
      </c>
      <c r="X748" s="53">
        <v>-9198946.5800000001</v>
      </c>
      <c r="Y748" s="53">
        <v>-9198946.5800000001</v>
      </c>
      <c r="Z748" s="53">
        <v>-9198946.5800000001</v>
      </c>
      <c r="AA748" s="53">
        <v>-9198946.5800000001</v>
      </c>
      <c r="AB748" s="53">
        <v>-9198946.5800000001</v>
      </c>
      <c r="AC748" s="53">
        <v>-9198946.5800000001</v>
      </c>
      <c r="AD748" s="53">
        <v>-9198946.5800000001</v>
      </c>
      <c r="AE748" s="53">
        <v>-9198946.5800000001</v>
      </c>
      <c r="AF748" s="53">
        <v>-9198946.5800000001</v>
      </c>
      <c r="AG748" s="53">
        <v>-9198946.5800000001</v>
      </c>
      <c r="AH748" s="53">
        <v>-9198946.5800000001</v>
      </c>
      <c r="AI748" s="53">
        <v>-9198946.5800000001</v>
      </c>
      <c r="AJ748" s="53">
        <v>-9198946.5800000001</v>
      </c>
      <c r="AK748" s="53">
        <v>-9198946.5800000001</v>
      </c>
      <c r="AL748" s="53">
        <v>-9198946.5800000001</v>
      </c>
      <c r="AM748" s="53">
        <v>-9198946.5800000001</v>
      </c>
      <c r="AN748" s="53">
        <v>-9198946.5800000001</v>
      </c>
      <c r="AO748" s="53">
        <v>-9198946.5800000001</v>
      </c>
      <c r="AP748" s="53">
        <v>-9198946.5800000001</v>
      </c>
      <c r="AQ748" s="53">
        <v>-9198946.5800000001</v>
      </c>
      <c r="AR748" s="53">
        <v>-9198946.5800000001</v>
      </c>
      <c r="AS748" s="53">
        <v>-9198946.5800000001</v>
      </c>
      <c r="AT748" s="53">
        <v>-9198946.5800000001</v>
      </c>
      <c r="AU748" s="53">
        <v>-9198946.5800000001</v>
      </c>
      <c r="AV748" s="53">
        <v>-9198946.5800000001</v>
      </c>
      <c r="AW748" s="53">
        <v>-9198946.5800000001</v>
      </c>
      <c r="AX748" s="53">
        <v>-9198946.5800000001</v>
      </c>
      <c r="AY748" s="53">
        <v>-9198946.5800000001</v>
      </c>
      <c r="AZ748" s="53">
        <v>-9198946.5800000001</v>
      </c>
      <c r="BA748" s="53">
        <v>-9198946.5800000001</v>
      </c>
    </row>
    <row r="749" spans="1:53" s="83" customFormat="1">
      <c r="A749" s="58" t="s">
        <v>3256</v>
      </c>
      <c r="B749" s="53">
        <v>-65624613.905811302</v>
      </c>
      <c r="C749" s="53">
        <v>-103335780.03677399</v>
      </c>
      <c r="D749" s="53">
        <v>-141046946.16773701</v>
      </c>
      <c r="E749" s="53">
        <v>-141046946.16773701</v>
      </c>
      <c r="F749" s="53">
        <v>-141046946.16773701</v>
      </c>
      <c r="G749" s="53">
        <v>-141046946.16773701</v>
      </c>
      <c r="H749" s="53">
        <v>-141046946.16773701</v>
      </c>
      <c r="I749" s="53">
        <v>-141046946.16773701</v>
      </c>
      <c r="J749" s="53">
        <v>-141046946.16773701</v>
      </c>
      <c r="K749" s="53">
        <v>-141046946.16773701</v>
      </c>
      <c r="L749" s="53">
        <v>-141046946.16773701</v>
      </c>
      <c r="M749" s="53">
        <v>-141046946.16773701</v>
      </c>
      <c r="N749" s="53">
        <v>-141046946.16773701</v>
      </c>
      <c r="O749" s="53">
        <v>-141046946.16773701</v>
      </c>
      <c r="P749" s="53">
        <v>-141046946.16773701</v>
      </c>
      <c r="Q749" s="53">
        <v>-141046946.16773701</v>
      </c>
      <c r="R749" s="53">
        <v>-141046946.16773701</v>
      </c>
      <c r="S749" s="53">
        <v>-141046946.16773701</v>
      </c>
      <c r="T749" s="53">
        <v>-141046946.16773701</v>
      </c>
      <c r="U749" s="53">
        <v>-141046946.16773701</v>
      </c>
      <c r="V749" s="53">
        <v>-141046946.16773701</v>
      </c>
      <c r="W749" s="53">
        <v>-141046946.16773701</v>
      </c>
      <c r="X749" s="53">
        <v>-141046946.16773701</v>
      </c>
      <c r="Y749" s="53">
        <v>-141046946.16773701</v>
      </c>
      <c r="Z749" s="53">
        <v>-141046946.16773701</v>
      </c>
      <c r="AA749" s="53">
        <v>-141046946.16773701</v>
      </c>
      <c r="AB749" s="53">
        <v>-141046946.16773701</v>
      </c>
      <c r="AC749" s="53">
        <v>-141046946.16773701</v>
      </c>
      <c r="AD749" s="53">
        <v>-141046946.16773701</v>
      </c>
      <c r="AE749" s="53">
        <v>-141046946.16773701</v>
      </c>
      <c r="AF749" s="53">
        <v>-141046946.16773701</v>
      </c>
      <c r="AG749" s="53">
        <v>-141046946.16773701</v>
      </c>
      <c r="AH749" s="53">
        <v>-141046946.16773701</v>
      </c>
      <c r="AI749" s="53">
        <v>-141046946.16773701</v>
      </c>
      <c r="AJ749" s="53">
        <v>-141046946.16773701</v>
      </c>
      <c r="AK749" s="53">
        <v>-141046946.16773701</v>
      </c>
      <c r="AL749" s="53">
        <v>-141046946.16773701</v>
      </c>
      <c r="AM749" s="53">
        <v>-141046946.16773701</v>
      </c>
      <c r="AN749" s="53">
        <v>-141046946.16773701</v>
      </c>
      <c r="AO749" s="53">
        <v>-141046946.16773701</v>
      </c>
      <c r="AP749" s="53">
        <v>-141046946.16773701</v>
      </c>
      <c r="AQ749" s="53">
        <v>-141046946.16773701</v>
      </c>
      <c r="AR749" s="53">
        <v>-141046946.16773701</v>
      </c>
      <c r="AS749" s="53">
        <v>-141046946.16773701</v>
      </c>
      <c r="AT749" s="53">
        <v>-141046946.16773701</v>
      </c>
      <c r="AU749" s="53">
        <v>-141046946.16773701</v>
      </c>
      <c r="AV749" s="53">
        <v>-141046946.16773701</v>
      </c>
      <c r="AW749" s="53">
        <v>-141046946.16773701</v>
      </c>
      <c r="AX749" s="53">
        <v>-141046946.16773701</v>
      </c>
      <c r="AY749" s="53">
        <v>-141046946.16773701</v>
      </c>
      <c r="AZ749" s="53">
        <v>-141046946.16773701</v>
      </c>
      <c r="BA749" s="53">
        <v>-141046946.16773701</v>
      </c>
    </row>
    <row r="750" spans="1:53">
      <c r="A750" s="52" t="s">
        <v>3257</v>
      </c>
    </row>
    <row r="751" spans="1:53">
      <c r="A751" s="52" t="s">
        <v>3258</v>
      </c>
      <c r="B751" s="53">
        <v>0</v>
      </c>
      <c r="C751" s="53">
        <v>0</v>
      </c>
      <c r="D751" s="53">
        <v>0</v>
      </c>
      <c r="E751" s="53">
        <v>0</v>
      </c>
      <c r="F751" s="53">
        <v>0</v>
      </c>
      <c r="G751" s="53">
        <v>0</v>
      </c>
      <c r="H751" s="53">
        <v>0</v>
      </c>
      <c r="I751" s="53">
        <v>0</v>
      </c>
      <c r="J751" s="53">
        <v>0</v>
      </c>
      <c r="K751" s="53">
        <v>0</v>
      </c>
      <c r="L751" s="53">
        <v>0</v>
      </c>
      <c r="M751" s="53">
        <v>0</v>
      </c>
      <c r="N751" s="53">
        <v>0</v>
      </c>
      <c r="O751" s="53">
        <v>0</v>
      </c>
      <c r="P751" s="53">
        <v>0</v>
      </c>
      <c r="Q751" s="53">
        <v>0</v>
      </c>
      <c r="R751" s="53">
        <v>0</v>
      </c>
      <c r="S751" s="53">
        <v>0</v>
      </c>
      <c r="T751" s="53">
        <v>0</v>
      </c>
      <c r="U751" s="53">
        <v>0</v>
      </c>
      <c r="V751" s="53">
        <v>0</v>
      </c>
      <c r="W751" s="53">
        <v>0</v>
      </c>
      <c r="X751" s="53">
        <v>0</v>
      </c>
      <c r="Y751" s="53">
        <v>0</v>
      </c>
      <c r="Z751" s="53">
        <v>0</v>
      </c>
      <c r="AA751" s="53">
        <v>0</v>
      </c>
      <c r="AB751" s="53">
        <v>0</v>
      </c>
      <c r="AC751" s="53">
        <v>0</v>
      </c>
      <c r="AD751" s="53">
        <v>0</v>
      </c>
      <c r="AE751" s="53">
        <v>0</v>
      </c>
      <c r="AF751" s="53">
        <v>0</v>
      </c>
      <c r="AG751" s="53">
        <v>0</v>
      </c>
      <c r="AH751" s="53">
        <v>0</v>
      </c>
      <c r="AI751" s="53">
        <v>0</v>
      </c>
      <c r="AJ751" s="53">
        <v>0</v>
      </c>
      <c r="AK751" s="53">
        <v>0</v>
      </c>
      <c r="AL751" s="53">
        <v>0</v>
      </c>
      <c r="AM751" s="53">
        <v>0</v>
      </c>
      <c r="AN751" s="53">
        <v>0</v>
      </c>
      <c r="AO751" s="53">
        <v>0</v>
      </c>
      <c r="AP751" s="53">
        <v>0</v>
      </c>
      <c r="AQ751" s="53">
        <v>0</v>
      </c>
      <c r="AR751" s="53">
        <v>0</v>
      </c>
      <c r="AS751" s="53">
        <v>0</v>
      </c>
      <c r="AT751" s="53">
        <v>0</v>
      </c>
      <c r="AU751" s="53">
        <v>0</v>
      </c>
      <c r="AV751" s="53">
        <v>0</v>
      </c>
      <c r="AW751" s="53">
        <v>0</v>
      </c>
      <c r="AX751" s="53">
        <v>0</v>
      </c>
      <c r="AY751" s="53">
        <v>0</v>
      </c>
      <c r="AZ751" s="53">
        <v>0</v>
      </c>
      <c r="BA751" s="53">
        <v>0</v>
      </c>
    </row>
    <row r="752" spans="1:53">
      <c r="A752" s="52" t="s">
        <v>3259</v>
      </c>
      <c r="B752" s="53">
        <v>1695.02</v>
      </c>
      <c r="C752" s="53">
        <v>1695.02</v>
      </c>
      <c r="D752" s="53">
        <v>1695.02</v>
      </c>
      <c r="E752" s="53">
        <v>1695.02</v>
      </c>
      <c r="F752" s="53">
        <v>1695.02</v>
      </c>
      <c r="G752" s="53">
        <v>1695.02</v>
      </c>
      <c r="H752" s="53">
        <v>1695.02</v>
      </c>
      <c r="I752" s="53">
        <v>1695.02</v>
      </c>
      <c r="J752" s="53">
        <v>1695.02</v>
      </c>
      <c r="K752" s="53">
        <v>1695.02</v>
      </c>
      <c r="L752" s="53">
        <v>1695.02</v>
      </c>
      <c r="M752" s="53">
        <v>1695.02</v>
      </c>
      <c r="N752" s="53">
        <v>1695.02</v>
      </c>
      <c r="O752" s="53">
        <v>1695.02</v>
      </c>
      <c r="P752" s="53">
        <v>1695.02</v>
      </c>
      <c r="Q752" s="53">
        <v>1695.02</v>
      </c>
      <c r="R752" s="53">
        <v>1695.02</v>
      </c>
      <c r="S752" s="53">
        <v>1695.02</v>
      </c>
      <c r="T752" s="53">
        <v>1695.02</v>
      </c>
      <c r="U752" s="53">
        <v>1695.02</v>
      </c>
      <c r="V752" s="53">
        <v>1695.02</v>
      </c>
      <c r="W752" s="53">
        <v>1695.02</v>
      </c>
      <c r="X752" s="53">
        <v>1695.02</v>
      </c>
      <c r="Y752" s="53">
        <v>1695.02</v>
      </c>
      <c r="Z752" s="53">
        <v>1695.02</v>
      </c>
      <c r="AA752" s="53">
        <v>1695.02</v>
      </c>
      <c r="AB752" s="53">
        <v>1695.02</v>
      </c>
      <c r="AC752" s="53">
        <v>1695.02</v>
      </c>
      <c r="AD752" s="53">
        <v>1695.02</v>
      </c>
      <c r="AE752" s="53">
        <v>1695.02</v>
      </c>
      <c r="AF752" s="53">
        <v>1695.02</v>
      </c>
      <c r="AG752" s="53">
        <v>1695.02</v>
      </c>
      <c r="AH752" s="53">
        <v>1695.02</v>
      </c>
      <c r="AI752" s="53">
        <v>1695.02</v>
      </c>
      <c r="AJ752" s="53">
        <v>1695.02</v>
      </c>
      <c r="AK752" s="53">
        <v>1695.02</v>
      </c>
      <c r="AL752" s="53">
        <v>1695.02</v>
      </c>
      <c r="AM752" s="53">
        <v>1695.02</v>
      </c>
      <c r="AN752" s="53">
        <v>1695.02</v>
      </c>
      <c r="AO752" s="53">
        <v>1695.02</v>
      </c>
      <c r="AP752" s="53">
        <v>1695.02</v>
      </c>
      <c r="AQ752" s="53">
        <v>1695.02</v>
      </c>
      <c r="AR752" s="53">
        <v>1695.02</v>
      </c>
      <c r="AS752" s="53">
        <v>1695.02</v>
      </c>
      <c r="AT752" s="53">
        <v>1695.02</v>
      </c>
      <c r="AU752" s="53">
        <v>1695.02</v>
      </c>
      <c r="AV752" s="53">
        <v>1695.02</v>
      </c>
      <c r="AW752" s="53">
        <v>1695.02</v>
      </c>
      <c r="AX752" s="53">
        <v>1695.02</v>
      </c>
      <c r="AY752" s="53">
        <v>1695.02</v>
      </c>
      <c r="AZ752" s="53">
        <v>1695.02</v>
      </c>
      <c r="BA752" s="53">
        <v>1695.02</v>
      </c>
    </row>
    <row r="753" spans="1:53">
      <c r="A753" s="52" t="s">
        <v>3260</v>
      </c>
      <c r="B753" s="53">
        <v>-14607905.66</v>
      </c>
      <c r="C753" s="53">
        <v>-14607905.66</v>
      </c>
      <c r="D753" s="53">
        <v>-14607905.66</v>
      </c>
      <c r="E753" s="53">
        <v>-14607905.66</v>
      </c>
      <c r="F753" s="53">
        <v>-14607905.66</v>
      </c>
      <c r="G753" s="53">
        <v>-14607905.66</v>
      </c>
      <c r="H753" s="53">
        <v>-14607905.66</v>
      </c>
      <c r="I753" s="53">
        <v>-14607905.66</v>
      </c>
      <c r="J753" s="53">
        <v>-14607905.66</v>
      </c>
      <c r="K753" s="53">
        <v>-14607905.66</v>
      </c>
      <c r="L753" s="53">
        <v>-14607905.66</v>
      </c>
      <c r="M753" s="53">
        <v>-14607905.66</v>
      </c>
      <c r="N753" s="53">
        <v>-14607905.66</v>
      </c>
      <c r="O753" s="53">
        <v>-14607905.66</v>
      </c>
      <c r="P753" s="53">
        <v>-14607905.66</v>
      </c>
      <c r="Q753" s="53">
        <v>-14607905.66</v>
      </c>
      <c r="R753" s="53">
        <v>-14607905.66</v>
      </c>
      <c r="S753" s="53">
        <v>-14607905.66</v>
      </c>
      <c r="T753" s="53">
        <v>-14607905.66</v>
      </c>
      <c r="U753" s="53">
        <v>-14607905.66</v>
      </c>
      <c r="V753" s="53">
        <v>-14607905.66</v>
      </c>
      <c r="W753" s="53">
        <v>-14607905.66</v>
      </c>
      <c r="X753" s="53">
        <v>-14607905.66</v>
      </c>
      <c r="Y753" s="53">
        <v>-14607905.66</v>
      </c>
      <c r="Z753" s="53">
        <v>-14607905.66</v>
      </c>
      <c r="AA753" s="53">
        <v>-14607905.66</v>
      </c>
      <c r="AB753" s="53">
        <v>-14607905.66</v>
      </c>
      <c r="AC753" s="53">
        <v>-14607905.66</v>
      </c>
      <c r="AD753" s="53">
        <v>-14607905.66</v>
      </c>
      <c r="AE753" s="53">
        <v>-14607905.66</v>
      </c>
      <c r="AF753" s="53">
        <v>-14607905.66</v>
      </c>
      <c r="AG753" s="53">
        <v>-14607905.66</v>
      </c>
      <c r="AH753" s="53">
        <v>-14607905.66</v>
      </c>
      <c r="AI753" s="53">
        <v>-14607905.66</v>
      </c>
      <c r="AJ753" s="53">
        <v>-14607905.66</v>
      </c>
      <c r="AK753" s="53">
        <v>-14607905.66</v>
      </c>
      <c r="AL753" s="53">
        <v>-14607905.66</v>
      </c>
      <c r="AM753" s="53">
        <v>-14607905.66</v>
      </c>
      <c r="AN753" s="53">
        <v>-14607905.66</v>
      </c>
      <c r="AO753" s="53">
        <v>-14607905.66</v>
      </c>
      <c r="AP753" s="53">
        <v>-14607905.66</v>
      </c>
      <c r="AQ753" s="53">
        <v>-14607905.66</v>
      </c>
      <c r="AR753" s="53">
        <v>-14607905.66</v>
      </c>
      <c r="AS753" s="53">
        <v>-14607905.66</v>
      </c>
      <c r="AT753" s="53">
        <v>-14607905.66</v>
      </c>
      <c r="AU753" s="53">
        <v>-14607905.66</v>
      </c>
      <c r="AV753" s="53">
        <v>-14607905.66</v>
      </c>
      <c r="AW753" s="53">
        <v>-14607905.66</v>
      </c>
      <c r="AX753" s="53">
        <v>-14607905.66</v>
      </c>
      <c r="AY753" s="53">
        <v>-14607905.66</v>
      </c>
      <c r="AZ753" s="53">
        <v>-14607905.66</v>
      </c>
      <c r="BA753" s="53">
        <v>-14607905.66</v>
      </c>
    </row>
    <row r="754" spans="1:53">
      <c r="A754" s="52" t="s">
        <v>3261</v>
      </c>
      <c r="B754" s="53">
        <v>0</v>
      </c>
      <c r="C754" s="53">
        <v>0</v>
      </c>
      <c r="D754" s="53">
        <v>0</v>
      </c>
      <c r="E754" s="53">
        <v>0</v>
      </c>
      <c r="F754" s="53">
        <v>0</v>
      </c>
      <c r="G754" s="53">
        <v>0</v>
      </c>
      <c r="H754" s="53">
        <v>0</v>
      </c>
      <c r="I754" s="53">
        <v>0</v>
      </c>
      <c r="J754" s="53">
        <v>0</v>
      </c>
      <c r="K754" s="53">
        <v>0</v>
      </c>
      <c r="L754" s="53">
        <v>0</v>
      </c>
      <c r="M754" s="53">
        <v>0</v>
      </c>
      <c r="N754" s="53">
        <v>0</v>
      </c>
      <c r="O754" s="53">
        <v>0</v>
      </c>
      <c r="P754" s="53">
        <v>0</v>
      </c>
      <c r="Q754" s="53">
        <v>0</v>
      </c>
      <c r="R754" s="53">
        <v>0</v>
      </c>
      <c r="S754" s="53">
        <v>0</v>
      </c>
      <c r="T754" s="53">
        <v>0</v>
      </c>
      <c r="U754" s="53">
        <v>0</v>
      </c>
      <c r="V754" s="53">
        <v>0</v>
      </c>
      <c r="W754" s="53">
        <v>0</v>
      </c>
      <c r="X754" s="53">
        <v>0</v>
      </c>
      <c r="Y754" s="53">
        <v>0</v>
      </c>
      <c r="Z754" s="53">
        <v>0</v>
      </c>
      <c r="AA754" s="53">
        <v>0</v>
      </c>
      <c r="AB754" s="53">
        <v>0</v>
      </c>
      <c r="AC754" s="53">
        <v>0</v>
      </c>
      <c r="AD754" s="53">
        <v>0</v>
      </c>
      <c r="AE754" s="53">
        <v>0</v>
      </c>
      <c r="AF754" s="53">
        <v>0</v>
      </c>
      <c r="AG754" s="53">
        <v>0</v>
      </c>
      <c r="AH754" s="53">
        <v>0</v>
      </c>
      <c r="AI754" s="53">
        <v>0</v>
      </c>
      <c r="AJ754" s="53">
        <v>0</v>
      </c>
      <c r="AK754" s="53">
        <v>0</v>
      </c>
      <c r="AL754" s="53">
        <v>0</v>
      </c>
      <c r="AM754" s="53">
        <v>0</v>
      </c>
      <c r="AN754" s="53">
        <v>0</v>
      </c>
      <c r="AO754" s="53">
        <v>0</v>
      </c>
      <c r="AP754" s="53">
        <v>0</v>
      </c>
      <c r="AQ754" s="53">
        <v>0</v>
      </c>
      <c r="AR754" s="53">
        <v>0</v>
      </c>
      <c r="AS754" s="53">
        <v>0</v>
      </c>
      <c r="AT754" s="53">
        <v>0</v>
      </c>
      <c r="AU754" s="53">
        <v>0</v>
      </c>
      <c r="AV754" s="53">
        <v>0</v>
      </c>
      <c r="AW754" s="53">
        <v>0</v>
      </c>
      <c r="AX754" s="53">
        <v>0</v>
      </c>
      <c r="AY754" s="53">
        <v>0</v>
      </c>
      <c r="AZ754" s="53">
        <v>0</v>
      </c>
      <c r="BA754" s="53">
        <v>0</v>
      </c>
    </row>
    <row r="755" spans="1:53">
      <c r="A755" s="58" t="s">
        <v>3262</v>
      </c>
      <c r="B755" s="53">
        <v>-14606210.640000001</v>
      </c>
      <c r="C755" s="53">
        <v>-14606210.640000001</v>
      </c>
      <c r="D755" s="53">
        <v>-14606210.640000001</v>
      </c>
      <c r="E755" s="53">
        <v>-14606210.640000001</v>
      </c>
      <c r="F755" s="53">
        <v>-14606210.640000001</v>
      </c>
      <c r="G755" s="53">
        <v>-14606210.640000001</v>
      </c>
      <c r="H755" s="53">
        <v>-14606210.640000001</v>
      </c>
      <c r="I755" s="53">
        <v>-14606210.640000001</v>
      </c>
      <c r="J755" s="53">
        <v>-14606210.640000001</v>
      </c>
      <c r="K755" s="53">
        <v>-14606210.640000001</v>
      </c>
      <c r="L755" s="53">
        <v>-14606210.640000001</v>
      </c>
      <c r="M755" s="53">
        <v>-14606210.640000001</v>
      </c>
      <c r="N755" s="53">
        <v>-14606210.640000001</v>
      </c>
      <c r="O755" s="53">
        <v>-14606210.640000001</v>
      </c>
      <c r="P755" s="53">
        <v>-14606210.640000001</v>
      </c>
      <c r="Q755" s="53">
        <v>-14606210.640000001</v>
      </c>
      <c r="R755" s="53">
        <v>-14606210.640000001</v>
      </c>
      <c r="S755" s="53">
        <v>-14606210.640000001</v>
      </c>
      <c r="T755" s="53">
        <v>-14606210.640000001</v>
      </c>
      <c r="U755" s="53">
        <v>-14606210.640000001</v>
      </c>
      <c r="V755" s="53">
        <v>-14606210.640000001</v>
      </c>
      <c r="W755" s="53">
        <v>-14606210.640000001</v>
      </c>
      <c r="X755" s="53">
        <v>-14606210.640000001</v>
      </c>
      <c r="Y755" s="53">
        <v>-14606210.640000001</v>
      </c>
      <c r="Z755" s="53">
        <v>-14606210.640000001</v>
      </c>
      <c r="AA755" s="53">
        <v>-14606210.640000001</v>
      </c>
      <c r="AB755" s="53">
        <v>-14606210.640000001</v>
      </c>
      <c r="AC755" s="53">
        <v>-14606210.640000001</v>
      </c>
      <c r="AD755" s="53">
        <v>-14606210.640000001</v>
      </c>
      <c r="AE755" s="53">
        <v>-14606210.640000001</v>
      </c>
      <c r="AF755" s="53">
        <v>-14606210.640000001</v>
      </c>
      <c r="AG755" s="53">
        <v>-14606210.640000001</v>
      </c>
      <c r="AH755" s="53">
        <v>-14606210.640000001</v>
      </c>
      <c r="AI755" s="53">
        <v>-14606210.640000001</v>
      </c>
      <c r="AJ755" s="53">
        <v>-14606210.640000001</v>
      </c>
      <c r="AK755" s="53">
        <v>-14606210.640000001</v>
      </c>
      <c r="AL755" s="53">
        <v>-14606210.640000001</v>
      </c>
      <c r="AM755" s="53">
        <v>-14606210.640000001</v>
      </c>
      <c r="AN755" s="53">
        <v>-14606210.640000001</v>
      </c>
      <c r="AO755" s="53">
        <v>-14606210.640000001</v>
      </c>
      <c r="AP755" s="53">
        <v>-14606210.640000001</v>
      </c>
      <c r="AQ755" s="53">
        <v>-14606210.640000001</v>
      </c>
      <c r="AR755" s="53">
        <v>-14606210.640000001</v>
      </c>
      <c r="AS755" s="53">
        <v>-14606210.640000001</v>
      </c>
      <c r="AT755" s="53">
        <v>-14606210.640000001</v>
      </c>
      <c r="AU755" s="53">
        <v>-14606210.640000001</v>
      </c>
      <c r="AV755" s="53">
        <v>-14606210.640000001</v>
      </c>
      <c r="AW755" s="53">
        <v>-14606210.640000001</v>
      </c>
      <c r="AX755" s="53">
        <v>-14606210.640000001</v>
      </c>
      <c r="AY755" s="53">
        <v>-14606210.640000001</v>
      </c>
      <c r="AZ755" s="53">
        <v>-14606210.640000001</v>
      </c>
      <c r="BA755" s="53">
        <v>-14606210.640000001</v>
      </c>
    </row>
    <row r="756" spans="1:53">
      <c r="A756" s="52" t="s">
        <v>3263</v>
      </c>
    </row>
    <row r="757" spans="1:53">
      <c r="A757" s="52" t="s">
        <v>3264</v>
      </c>
      <c r="B757" s="53">
        <v>0</v>
      </c>
      <c r="C757" s="53">
        <v>0</v>
      </c>
      <c r="D757" s="53">
        <v>0</v>
      </c>
      <c r="E757" s="53">
        <v>0</v>
      </c>
      <c r="F757" s="53">
        <v>0</v>
      </c>
      <c r="G757" s="53">
        <v>0</v>
      </c>
      <c r="H757" s="53">
        <v>0</v>
      </c>
      <c r="I757" s="53">
        <v>0</v>
      </c>
      <c r="J757" s="53">
        <v>0</v>
      </c>
      <c r="K757" s="53">
        <v>0</v>
      </c>
      <c r="L757" s="53">
        <v>0</v>
      </c>
      <c r="M757" s="53">
        <v>0</v>
      </c>
      <c r="N757" s="53">
        <v>0</v>
      </c>
      <c r="O757" s="53">
        <v>0</v>
      </c>
      <c r="P757" s="53">
        <v>0</v>
      </c>
      <c r="Q757" s="53">
        <v>0</v>
      </c>
      <c r="R757" s="53">
        <v>0</v>
      </c>
      <c r="S757" s="53">
        <v>0</v>
      </c>
      <c r="T757" s="53">
        <v>0</v>
      </c>
      <c r="U757" s="53">
        <v>0</v>
      </c>
      <c r="V757" s="53">
        <v>0</v>
      </c>
      <c r="W757" s="53">
        <v>0</v>
      </c>
      <c r="X757" s="53">
        <v>0</v>
      </c>
      <c r="Y757" s="53">
        <v>0</v>
      </c>
      <c r="Z757" s="53">
        <v>0</v>
      </c>
      <c r="AA757" s="53">
        <v>0</v>
      </c>
      <c r="AB757" s="53">
        <v>0</v>
      </c>
      <c r="AC757" s="53">
        <v>0</v>
      </c>
      <c r="AD757" s="53">
        <v>0</v>
      </c>
      <c r="AE757" s="53">
        <v>0</v>
      </c>
      <c r="AF757" s="53">
        <v>0</v>
      </c>
      <c r="AG757" s="53">
        <v>0</v>
      </c>
      <c r="AH757" s="53">
        <v>0</v>
      </c>
      <c r="AI757" s="53">
        <v>0</v>
      </c>
      <c r="AJ757" s="53">
        <v>0</v>
      </c>
      <c r="AK757" s="53">
        <v>0</v>
      </c>
      <c r="AL757" s="53">
        <v>0</v>
      </c>
      <c r="AM757" s="53">
        <v>0</v>
      </c>
      <c r="AN757" s="53">
        <v>0</v>
      </c>
      <c r="AO757" s="53">
        <v>0</v>
      </c>
      <c r="AP757" s="53">
        <v>0</v>
      </c>
      <c r="AQ757" s="53">
        <v>0</v>
      </c>
      <c r="AR757" s="53">
        <v>0</v>
      </c>
      <c r="AS757" s="53">
        <v>0</v>
      </c>
      <c r="AT757" s="53">
        <v>0</v>
      </c>
      <c r="AU757" s="53">
        <v>0</v>
      </c>
      <c r="AV757" s="53">
        <v>0</v>
      </c>
      <c r="AW757" s="53">
        <v>0</v>
      </c>
      <c r="AX757" s="53">
        <v>0</v>
      </c>
      <c r="AY757" s="53">
        <v>0</v>
      </c>
      <c r="AZ757" s="53">
        <v>0</v>
      </c>
      <c r="BA757" s="53">
        <v>0</v>
      </c>
    </row>
    <row r="758" spans="1:53">
      <c r="A758" s="52" t="s">
        <v>3265</v>
      </c>
      <c r="B758" s="53">
        <v>-22781729.789999999</v>
      </c>
      <c r="C758" s="53">
        <v>-22781729.789999999</v>
      </c>
      <c r="D758" s="53">
        <v>-22781729.789999999</v>
      </c>
      <c r="E758" s="53">
        <v>-22781729.789999999</v>
      </c>
      <c r="F758" s="53">
        <v>-22781729.789999999</v>
      </c>
      <c r="G758" s="53">
        <v>-22781729.789999999</v>
      </c>
      <c r="H758" s="53">
        <v>-22781729.789999999</v>
      </c>
      <c r="I758" s="53">
        <v>-22781729.789999999</v>
      </c>
      <c r="J758" s="53">
        <v>-22781729.789999999</v>
      </c>
      <c r="K758" s="53">
        <v>-22781729.789999999</v>
      </c>
      <c r="L758" s="53">
        <v>-22781729.789999999</v>
      </c>
      <c r="M758" s="53">
        <v>-22781729.789999999</v>
      </c>
      <c r="N758" s="53">
        <v>-22781729.789999999</v>
      </c>
      <c r="O758" s="53">
        <v>-22781729.789999999</v>
      </c>
      <c r="P758" s="53">
        <v>-22781729.789999999</v>
      </c>
      <c r="Q758" s="53">
        <v>-22781729.789999999</v>
      </c>
      <c r="R758" s="53">
        <v>-22781729.789999999</v>
      </c>
      <c r="S758" s="53">
        <v>-22781729.789999999</v>
      </c>
      <c r="T758" s="53">
        <v>-22781729.789999999</v>
      </c>
      <c r="U758" s="53">
        <v>-22781729.789999999</v>
      </c>
      <c r="V758" s="53">
        <v>-22781729.789999999</v>
      </c>
      <c r="W758" s="53">
        <v>-22781729.789999999</v>
      </c>
      <c r="X758" s="53">
        <v>-22781729.789999999</v>
      </c>
      <c r="Y758" s="53">
        <v>-22781729.789999999</v>
      </c>
      <c r="Z758" s="53">
        <v>-22781729.789999999</v>
      </c>
      <c r="AA758" s="53">
        <v>-22781729.789999999</v>
      </c>
      <c r="AB758" s="53">
        <v>-22781729.789999999</v>
      </c>
      <c r="AC758" s="53">
        <v>-22781729.789999999</v>
      </c>
      <c r="AD758" s="53">
        <v>-22781729.789999999</v>
      </c>
      <c r="AE758" s="53">
        <v>-22781729.789999999</v>
      </c>
      <c r="AF758" s="53">
        <v>-22781729.789999999</v>
      </c>
      <c r="AG758" s="53">
        <v>-22781729.789999999</v>
      </c>
      <c r="AH758" s="53">
        <v>-22781729.789999999</v>
      </c>
      <c r="AI758" s="53">
        <v>-22781729.789999999</v>
      </c>
      <c r="AJ758" s="53">
        <v>-22781729.789999999</v>
      </c>
      <c r="AK758" s="53">
        <v>-22781729.789999999</v>
      </c>
      <c r="AL758" s="53">
        <v>-22781729.789999999</v>
      </c>
      <c r="AM758" s="53">
        <v>-22781729.789999999</v>
      </c>
      <c r="AN758" s="53">
        <v>-22781729.789999999</v>
      </c>
      <c r="AO758" s="53">
        <v>-22781729.789999999</v>
      </c>
      <c r="AP758" s="53">
        <v>-22781729.789999999</v>
      </c>
      <c r="AQ758" s="53">
        <v>-22781729.789999999</v>
      </c>
      <c r="AR758" s="53">
        <v>-22781729.789999999</v>
      </c>
      <c r="AS758" s="53">
        <v>-22781729.789999999</v>
      </c>
      <c r="AT758" s="53">
        <v>-22781729.789999999</v>
      </c>
      <c r="AU758" s="53">
        <v>-22781729.789999999</v>
      </c>
      <c r="AV758" s="53">
        <v>-22781729.789999999</v>
      </c>
      <c r="AW758" s="53">
        <v>-22781729.789999999</v>
      </c>
      <c r="AX758" s="53">
        <v>-22781729.789999999</v>
      </c>
      <c r="AY758" s="53">
        <v>-22781729.789999999</v>
      </c>
      <c r="AZ758" s="53">
        <v>-22781729.789999999</v>
      </c>
      <c r="BA758" s="53">
        <v>-22781729.789999999</v>
      </c>
    </row>
    <row r="759" spans="1:53">
      <c r="A759" s="52" t="s">
        <v>3266</v>
      </c>
      <c r="B759" s="53">
        <v>-46027880.700000003</v>
      </c>
      <c r="C759" s="53">
        <v>-46027880.700000003</v>
      </c>
      <c r="D759" s="53">
        <v>-46027880.700000003</v>
      </c>
      <c r="E759" s="53">
        <v>-46027880.700000003</v>
      </c>
      <c r="F759" s="53">
        <v>-46027880.700000003</v>
      </c>
      <c r="G759" s="53">
        <v>-46027880.700000003</v>
      </c>
      <c r="H759" s="53">
        <v>-46027880.700000003</v>
      </c>
      <c r="I759" s="53">
        <v>-46027880.700000003</v>
      </c>
      <c r="J759" s="53">
        <v>-46027880.700000003</v>
      </c>
      <c r="K759" s="53">
        <v>-46027880.700000003</v>
      </c>
      <c r="L759" s="53">
        <v>-46027880.700000003</v>
      </c>
      <c r="M759" s="53">
        <v>-46027880.700000003</v>
      </c>
      <c r="N759" s="53">
        <v>-46027880.700000003</v>
      </c>
      <c r="O759" s="53">
        <v>-46027880.700000003</v>
      </c>
      <c r="P759" s="53">
        <v>-46027880.700000003</v>
      </c>
      <c r="Q759" s="53">
        <v>-46027880.700000003</v>
      </c>
      <c r="R759" s="53">
        <v>-46027880.700000003</v>
      </c>
      <c r="S759" s="53">
        <v>-46027880.700000003</v>
      </c>
      <c r="T759" s="53">
        <v>-46027880.700000003</v>
      </c>
      <c r="U759" s="53">
        <v>-46027880.700000003</v>
      </c>
      <c r="V759" s="53">
        <v>-46027880.700000003</v>
      </c>
      <c r="W759" s="53">
        <v>-46027880.700000003</v>
      </c>
      <c r="X759" s="53">
        <v>-46027880.700000003</v>
      </c>
      <c r="Y759" s="53">
        <v>-46027880.700000003</v>
      </c>
      <c r="Z759" s="53">
        <v>-46027880.700000003</v>
      </c>
      <c r="AA759" s="53">
        <v>-46027880.700000003</v>
      </c>
      <c r="AB759" s="53">
        <v>-46027880.700000003</v>
      </c>
      <c r="AC759" s="53">
        <v>-46027880.700000003</v>
      </c>
      <c r="AD759" s="53">
        <v>-46027880.700000003</v>
      </c>
      <c r="AE759" s="53">
        <v>-46027880.700000003</v>
      </c>
      <c r="AF759" s="53">
        <v>-46027880.700000003</v>
      </c>
      <c r="AG759" s="53">
        <v>-46027880.700000003</v>
      </c>
      <c r="AH759" s="53">
        <v>-46027880.700000003</v>
      </c>
      <c r="AI759" s="53">
        <v>-46027880.700000003</v>
      </c>
      <c r="AJ759" s="53">
        <v>-46027880.700000003</v>
      </c>
      <c r="AK759" s="53">
        <v>-46027880.700000003</v>
      </c>
      <c r="AL759" s="53">
        <v>-46027880.700000003</v>
      </c>
      <c r="AM759" s="53">
        <v>-46027880.700000003</v>
      </c>
      <c r="AN759" s="53">
        <v>-46027880.700000003</v>
      </c>
      <c r="AO759" s="53">
        <v>-46027880.700000003</v>
      </c>
      <c r="AP759" s="53">
        <v>-46027880.700000003</v>
      </c>
      <c r="AQ759" s="53">
        <v>-46027880.700000003</v>
      </c>
      <c r="AR759" s="53">
        <v>-46027880.700000003</v>
      </c>
      <c r="AS759" s="53">
        <v>-46027880.700000003</v>
      </c>
      <c r="AT759" s="53">
        <v>-46027880.700000003</v>
      </c>
      <c r="AU759" s="53">
        <v>-46027880.700000003</v>
      </c>
      <c r="AV759" s="53">
        <v>-46027880.700000003</v>
      </c>
      <c r="AW759" s="53">
        <v>-46027880.700000003</v>
      </c>
      <c r="AX759" s="53">
        <v>-46027880.700000003</v>
      </c>
      <c r="AY759" s="53">
        <v>-46027880.700000003</v>
      </c>
      <c r="AZ759" s="53">
        <v>-46027880.700000003</v>
      </c>
      <c r="BA759" s="53">
        <v>-46027880.700000003</v>
      </c>
    </row>
    <row r="760" spans="1:53">
      <c r="A760" s="52" t="s">
        <v>3267</v>
      </c>
      <c r="B760" s="53">
        <v>0</v>
      </c>
      <c r="C760" s="53">
        <v>0</v>
      </c>
      <c r="D760" s="53">
        <v>0</v>
      </c>
      <c r="E760" s="53">
        <v>0</v>
      </c>
      <c r="F760" s="53">
        <v>0</v>
      </c>
      <c r="G760" s="53">
        <v>0</v>
      </c>
      <c r="H760" s="53">
        <v>0</v>
      </c>
      <c r="I760" s="53">
        <v>0</v>
      </c>
      <c r="J760" s="53">
        <v>0</v>
      </c>
      <c r="K760" s="53">
        <v>0</v>
      </c>
      <c r="L760" s="53">
        <v>0</v>
      </c>
      <c r="M760" s="53">
        <v>0</v>
      </c>
      <c r="N760" s="53">
        <v>0</v>
      </c>
      <c r="O760" s="53">
        <v>0</v>
      </c>
      <c r="P760" s="53">
        <v>0</v>
      </c>
      <c r="Q760" s="53">
        <v>0</v>
      </c>
      <c r="R760" s="53">
        <v>0</v>
      </c>
      <c r="S760" s="53">
        <v>0</v>
      </c>
      <c r="T760" s="53">
        <v>0</v>
      </c>
      <c r="U760" s="53">
        <v>0</v>
      </c>
      <c r="V760" s="53">
        <v>0</v>
      </c>
      <c r="W760" s="53">
        <v>0</v>
      </c>
      <c r="X760" s="53">
        <v>0</v>
      </c>
      <c r="Y760" s="53">
        <v>0</v>
      </c>
      <c r="Z760" s="53">
        <v>0</v>
      </c>
      <c r="AA760" s="53">
        <v>0</v>
      </c>
      <c r="AB760" s="53">
        <v>0</v>
      </c>
      <c r="AC760" s="53">
        <v>0</v>
      </c>
      <c r="AD760" s="53">
        <v>0</v>
      </c>
      <c r="AE760" s="53">
        <v>0</v>
      </c>
      <c r="AF760" s="53">
        <v>0</v>
      </c>
      <c r="AG760" s="53">
        <v>0</v>
      </c>
      <c r="AH760" s="53">
        <v>0</v>
      </c>
      <c r="AI760" s="53">
        <v>0</v>
      </c>
      <c r="AJ760" s="53">
        <v>0</v>
      </c>
      <c r="AK760" s="53">
        <v>0</v>
      </c>
      <c r="AL760" s="53">
        <v>0</v>
      </c>
      <c r="AM760" s="53">
        <v>0</v>
      </c>
      <c r="AN760" s="53">
        <v>0</v>
      </c>
      <c r="AO760" s="53">
        <v>0</v>
      </c>
      <c r="AP760" s="53">
        <v>0</v>
      </c>
      <c r="AQ760" s="53">
        <v>0</v>
      </c>
      <c r="AR760" s="53">
        <v>0</v>
      </c>
      <c r="AS760" s="53">
        <v>0</v>
      </c>
      <c r="AT760" s="53">
        <v>0</v>
      </c>
      <c r="AU760" s="53">
        <v>0</v>
      </c>
      <c r="AV760" s="53">
        <v>0</v>
      </c>
      <c r="AW760" s="53">
        <v>0</v>
      </c>
      <c r="AX760" s="53">
        <v>0</v>
      </c>
      <c r="AY760" s="53">
        <v>0</v>
      </c>
      <c r="AZ760" s="53">
        <v>0</v>
      </c>
      <c r="BA760" s="53">
        <v>0</v>
      </c>
    </row>
    <row r="761" spans="1:53">
      <c r="A761" s="52" t="s">
        <v>3268</v>
      </c>
      <c r="B761" s="53">
        <v>-4650735.38</v>
      </c>
      <c r="C761" s="53">
        <v>-4650735.38</v>
      </c>
      <c r="D761" s="53">
        <v>-4650735.38</v>
      </c>
      <c r="E761" s="53">
        <v>-4650735.38</v>
      </c>
      <c r="F761" s="53">
        <v>-4650735.38</v>
      </c>
      <c r="G761" s="53">
        <v>-4650735.38</v>
      </c>
      <c r="H761" s="53">
        <v>-4650735.38</v>
      </c>
      <c r="I761" s="53">
        <v>-4650735.38</v>
      </c>
      <c r="J761" s="53">
        <v>-4650735.38</v>
      </c>
      <c r="K761" s="53">
        <v>-4650735.38</v>
      </c>
      <c r="L761" s="53">
        <v>-4650735.38</v>
      </c>
      <c r="M761" s="53">
        <v>-4650735.38</v>
      </c>
      <c r="N761" s="53">
        <v>-4650735.38</v>
      </c>
      <c r="O761" s="53">
        <v>-4650735.38</v>
      </c>
      <c r="P761" s="53">
        <v>-4650735.38</v>
      </c>
      <c r="Q761" s="53">
        <v>-4650735.38</v>
      </c>
      <c r="R761" s="53">
        <v>-4650735.38</v>
      </c>
      <c r="S761" s="53">
        <v>-4650735.38</v>
      </c>
      <c r="T761" s="53">
        <v>-4650735.38</v>
      </c>
      <c r="U761" s="53">
        <v>-4650735.38</v>
      </c>
      <c r="V761" s="53">
        <v>-4650735.38</v>
      </c>
      <c r="W761" s="53">
        <v>-4650735.38</v>
      </c>
      <c r="X761" s="53">
        <v>-4650735.38</v>
      </c>
      <c r="Y761" s="53">
        <v>-4650735.38</v>
      </c>
      <c r="Z761" s="53">
        <v>-4650735.38</v>
      </c>
      <c r="AA761" s="53">
        <v>-4650735.38</v>
      </c>
      <c r="AB761" s="53">
        <v>-4650735.38</v>
      </c>
      <c r="AC761" s="53">
        <v>-4650735.38</v>
      </c>
      <c r="AD761" s="53">
        <v>-4650735.38</v>
      </c>
      <c r="AE761" s="53">
        <v>-4650735.38</v>
      </c>
      <c r="AF761" s="53">
        <v>-4650735.38</v>
      </c>
      <c r="AG761" s="53">
        <v>-4650735.38</v>
      </c>
      <c r="AH761" s="53">
        <v>-4650735.38</v>
      </c>
      <c r="AI761" s="53">
        <v>-4650735.38</v>
      </c>
      <c r="AJ761" s="53">
        <v>-4650735.38</v>
      </c>
      <c r="AK761" s="53">
        <v>-4650735.38</v>
      </c>
      <c r="AL761" s="53">
        <v>-4650735.38</v>
      </c>
      <c r="AM761" s="53">
        <v>-4650735.38</v>
      </c>
      <c r="AN761" s="53">
        <v>-4650735.38</v>
      </c>
      <c r="AO761" s="53">
        <v>-4650735.38</v>
      </c>
      <c r="AP761" s="53">
        <v>-4650735.38</v>
      </c>
      <c r="AQ761" s="53">
        <v>-4650735.38</v>
      </c>
      <c r="AR761" s="53">
        <v>-4650735.38</v>
      </c>
      <c r="AS761" s="53">
        <v>-4650735.38</v>
      </c>
      <c r="AT761" s="53">
        <v>-4650735.38</v>
      </c>
      <c r="AU761" s="53">
        <v>-4650735.38</v>
      </c>
      <c r="AV761" s="53">
        <v>-4650735.38</v>
      </c>
      <c r="AW761" s="53">
        <v>-4650735.38</v>
      </c>
      <c r="AX761" s="53">
        <v>-4650735.38</v>
      </c>
      <c r="AY761" s="53">
        <v>-4650735.38</v>
      </c>
      <c r="AZ761" s="53">
        <v>-4650735.38</v>
      </c>
      <c r="BA761" s="53">
        <v>-4650735.38</v>
      </c>
    </row>
    <row r="762" spans="1:53">
      <c r="A762" s="52" t="s">
        <v>3269</v>
      </c>
      <c r="B762" s="53">
        <v>-7232380.1299999999</v>
      </c>
      <c r="C762" s="53">
        <v>-7232380.1299999999</v>
      </c>
      <c r="D762" s="53">
        <v>-7232380.1299999999</v>
      </c>
      <c r="E762" s="53">
        <v>-7232380.1299999999</v>
      </c>
      <c r="F762" s="53">
        <v>-7232380.1299999999</v>
      </c>
      <c r="G762" s="53">
        <v>-7232380.1299999999</v>
      </c>
      <c r="H762" s="53">
        <v>-7232380.1299999999</v>
      </c>
      <c r="I762" s="53">
        <v>-7232380.1299999999</v>
      </c>
      <c r="J762" s="53">
        <v>-7232380.1299999999</v>
      </c>
      <c r="K762" s="53">
        <v>-7232380.1299999999</v>
      </c>
      <c r="L762" s="53">
        <v>-7232380.1299999999</v>
      </c>
      <c r="M762" s="53">
        <v>-7232380.1299999999</v>
      </c>
      <c r="N762" s="53">
        <v>-7232380.1299999999</v>
      </c>
      <c r="O762" s="53">
        <v>-7232380.1299999999</v>
      </c>
      <c r="P762" s="53">
        <v>-7232380.1299999999</v>
      </c>
      <c r="Q762" s="53">
        <v>-7232380.1299999999</v>
      </c>
      <c r="R762" s="53">
        <v>-7232380.1299999999</v>
      </c>
      <c r="S762" s="53">
        <v>-7232380.1299999999</v>
      </c>
      <c r="T762" s="53">
        <v>-7232380.1299999999</v>
      </c>
      <c r="U762" s="53">
        <v>-7232380.1299999999</v>
      </c>
      <c r="V762" s="53">
        <v>-7232380.1299999999</v>
      </c>
      <c r="W762" s="53">
        <v>-7232380.1299999999</v>
      </c>
      <c r="X762" s="53">
        <v>-7232380.1299999999</v>
      </c>
      <c r="Y762" s="53">
        <v>-7232380.1299999999</v>
      </c>
      <c r="Z762" s="53">
        <v>-7232380.1299999999</v>
      </c>
      <c r="AA762" s="53">
        <v>-7232380.1299999999</v>
      </c>
      <c r="AB762" s="53">
        <v>-7232380.1299999999</v>
      </c>
      <c r="AC762" s="53">
        <v>-7232380.1299999999</v>
      </c>
      <c r="AD762" s="53">
        <v>-7232380.1299999999</v>
      </c>
      <c r="AE762" s="53">
        <v>-7232380.1299999999</v>
      </c>
      <c r="AF762" s="53">
        <v>-7232380.1299999999</v>
      </c>
      <c r="AG762" s="53">
        <v>-7232380.1299999999</v>
      </c>
      <c r="AH762" s="53">
        <v>-7232380.1299999999</v>
      </c>
      <c r="AI762" s="53">
        <v>-7232380.1299999999</v>
      </c>
      <c r="AJ762" s="53">
        <v>-7232380.1299999999</v>
      </c>
      <c r="AK762" s="53">
        <v>-7232380.1299999999</v>
      </c>
      <c r="AL762" s="53">
        <v>-7232380.1299999999</v>
      </c>
      <c r="AM762" s="53">
        <v>-7232380.1299999999</v>
      </c>
      <c r="AN762" s="53">
        <v>-7232380.1299999999</v>
      </c>
      <c r="AO762" s="53">
        <v>-7232380.1299999999</v>
      </c>
      <c r="AP762" s="53">
        <v>-7232380.1299999999</v>
      </c>
      <c r="AQ762" s="53">
        <v>-7232380.1299999999</v>
      </c>
      <c r="AR762" s="53">
        <v>-7232380.1299999999</v>
      </c>
      <c r="AS762" s="53">
        <v>-7232380.1299999999</v>
      </c>
      <c r="AT762" s="53">
        <v>-7232380.1299999999</v>
      </c>
      <c r="AU762" s="53">
        <v>-7232380.1299999999</v>
      </c>
      <c r="AV762" s="53">
        <v>-7232380.1299999999</v>
      </c>
      <c r="AW762" s="53">
        <v>-7232380.1299999999</v>
      </c>
      <c r="AX762" s="53">
        <v>-7232380.1299999999</v>
      </c>
      <c r="AY762" s="53">
        <v>-7232380.1299999999</v>
      </c>
      <c r="AZ762" s="53">
        <v>-7232380.1299999999</v>
      </c>
      <c r="BA762" s="53">
        <v>-7232380.1299999999</v>
      </c>
    </row>
    <row r="763" spans="1:53">
      <c r="A763" s="52" t="s">
        <v>3270</v>
      </c>
      <c r="B763" s="53">
        <v>-24757246.600000001</v>
      </c>
      <c r="C763" s="53">
        <v>-24757246.600000001</v>
      </c>
      <c r="D763" s="53">
        <v>-24757246.600000001</v>
      </c>
      <c r="E763" s="53">
        <v>-24757246.600000001</v>
      </c>
      <c r="F763" s="53">
        <v>-24757246.600000001</v>
      </c>
      <c r="G763" s="53">
        <v>-24757246.600000001</v>
      </c>
      <c r="H763" s="53">
        <v>-24757246.600000001</v>
      </c>
      <c r="I763" s="53">
        <v>-24757246.600000001</v>
      </c>
      <c r="J763" s="53">
        <v>-24757246.600000001</v>
      </c>
      <c r="K763" s="53">
        <v>-24757246.600000001</v>
      </c>
      <c r="L763" s="53">
        <v>-24757246.600000001</v>
      </c>
      <c r="M763" s="53">
        <v>-24757246.600000001</v>
      </c>
      <c r="N763" s="53">
        <v>-24757246.600000001</v>
      </c>
      <c r="O763" s="53">
        <v>-24757246.600000001</v>
      </c>
      <c r="P763" s="53">
        <v>-24757246.600000001</v>
      </c>
      <c r="Q763" s="53">
        <v>-24757246.600000001</v>
      </c>
      <c r="R763" s="53">
        <v>-24757246.600000001</v>
      </c>
      <c r="S763" s="53">
        <v>-24757246.600000001</v>
      </c>
      <c r="T763" s="53">
        <v>-24757246.600000001</v>
      </c>
      <c r="U763" s="53">
        <v>-24757246.600000001</v>
      </c>
      <c r="V763" s="53">
        <v>-24757246.600000001</v>
      </c>
      <c r="W763" s="53">
        <v>-24757246.600000001</v>
      </c>
      <c r="X763" s="53">
        <v>-24757246.600000001</v>
      </c>
      <c r="Y763" s="53">
        <v>-24757246.600000001</v>
      </c>
      <c r="Z763" s="53">
        <v>-24757246.600000001</v>
      </c>
      <c r="AA763" s="53">
        <v>-24757246.600000001</v>
      </c>
      <c r="AB763" s="53">
        <v>-24757246.600000001</v>
      </c>
      <c r="AC763" s="53">
        <v>-24757246.600000001</v>
      </c>
      <c r="AD763" s="53">
        <v>-24757246.600000001</v>
      </c>
      <c r="AE763" s="53">
        <v>-24757246.600000001</v>
      </c>
      <c r="AF763" s="53">
        <v>-24757246.600000001</v>
      </c>
      <c r="AG763" s="53">
        <v>-24757246.600000001</v>
      </c>
      <c r="AH763" s="53">
        <v>-24757246.600000001</v>
      </c>
      <c r="AI763" s="53">
        <v>-24757246.600000001</v>
      </c>
      <c r="AJ763" s="53">
        <v>-24757246.600000001</v>
      </c>
      <c r="AK763" s="53">
        <v>-24757246.600000001</v>
      </c>
      <c r="AL763" s="53">
        <v>-24757246.600000001</v>
      </c>
      <c r="AM763" s="53">
        <v>-24757246.600000001</v>
      </c>
      <c r="AN763" s="53">
        <v>-24757246.600000001</v>
      </c>
      <c r="AO763" s="53">
        <v>-24757246.600000001</v>
      </c>
      <c r="AP763" s="53">
        <v>-24757246.600000001</v>
      </c>
      <c r="AQ763" s="53">
        <v>-24757246.600000001</v>
      </c>
      <c r="AR763" s="53">
        <v>-24757246.600000001</v>
      </c>
      <c r="AS763" s="53">
        <v>-24757246.600000001</v>
      </c>
      <c r="AT763" s="53">
        <v>-24757246.600000001</v>
      </c>
      <c r="AU763" s="53">
        <v>-24757246.600000001</v>
      </c>
      <c r="AV763" s="53">
        <v>-24757246.600000001</v>
      </c>
      <c r="AW763" s="53">
        <v>-24757246.600000001</v>
      </c>
      <c r="AX763" s="53">
        <v>-24757246.600000001</v>
      </c>
      <c r="AY763" s="53">
        <v>-24757246.600000001</v>
      </c>
      <c r="AZ763" s="53">
        <v>-24757246.600000001</v>
      </c>
      <c r="BA763" s="53">
        <v>-24757246.600000001</v>
      </c>
    </row>
    <row r="764" spans="1:53">
      <c r="A764" s="52" t="s">
        <v>3271</v>
      </c>
      <c r="B764" s="53">
        <v>0</v>
      </c>
      <c r="C764" s="53">
        <v>0</v>
      </c>
      <c r="D764" s="53">
        <v>0</v>
      </c>
      <c r="E764" s="53">
        <v>0</v>
      </c>
      <c r="F764" s="53">
        <v>0</v>
      </c>
      <c r="G764" s="53">
        <v>0</v>
      </c>
      <c r="H764" s="53">
        <v>0</v>
      </c>
      <c r="I764" s="53">
        <v>0</v>
      </c>
      <c r="J764" s="53">
        <v>0</v>
      </c>
      <c r="K764" s="53">
        <v>0</v>
      </c>
      <c r="L764" s="53">
        <v>0</v>
      </c>
      <c r="M764" s="53">
        <v>0</v>
      </c>
      <c r="N764" s="53">
        <v>0</v>
      </c>
      <c r="O764" s="53">
        <v>0</v>
      </c>
      <c r="P764" s="53">
        <v>0</v>
      </c>
      <c r="Q764" s="53">
        <v>0</v>
      </c>
      <c r="R764" s="53">
        <v>0</v>
      </c>
      <c r="S764" s="53">
        <v>0</v>
      </c>
      <c r="T764" s="53">
        <v>0</v>
      </c>
      <c r="U764" s="53">
        <v>0</v>
      </c>
      <c r="V764" s="53">
        <v>0</v>
      </c>
      <c r="W764" s="53">
        <v>0</v>
      </c>
      <c r="X764" s="53">
        <v>0</v>
      </c>
      <c r="Y764" s="53">
        <v>0</v>
      </c>
      <c r="Z764" s="53">
        <v>0</v>
      </c>
      <c r="AA764" s="53">
        <v>0</v>
      </c>
      <c r="AB764" s="53">
        <v>0</v>
      </c>
      <c r="AC764" s="53">
        <v>0</v>
      </c>
      <c r="AD764" s="53">
        <v>0</v>
      </c>
      <c r="AE764" s="53">
        <v>0</v>
      </c>
      <c r="AF764" s="53">
        <v>0</v>
      </c>
      <c r="AG764" s="53">
        <v>0</v>
      </c>
      <c r="AH764" s="53">
        <v>0</v>
      </c>
      <c r="AI764" s="53">
        <v>0</v>
      </c>
      <c r="AJ764" s="53">
        <v>0</v>
      </c>
      <c r="AK764" s="53">
        <v>0</v>
      </c>
      <c r="AL764" s="53">
        <v>0</v>
      </c>
      <c r="AM764" s="53">
        <v>0</v>
      </c>
      <c r="AN764" s="53">
        <v>0</v>
      </c>
      <c r="AO764" s="53">
        <v>0</v>
      </c>
      <c r="AP764" s="53">
        <v>0</v>
      </c>
      <c r="AQ764" s="53">
        <v>0</v>
      </c>
      <c r="AR764" s="53">
        <v>0</v>
      </c>
      <c r="AS764" s="53">
        <v>0</v>
      </c>
      <c r="AT764" s="53">
        <v>0</v>
      </c>
      <c r="AU764" s="53">
        <v>0</v>
      </c>
      <c r="AV764" s="53">
        <v>0</v>
      </c>
      <c r="AW764" s="53">
        <v>0</v>
      </c>
      <c r="AX764" s="53">
        <v>0</v>
      </c>
      <c r="AY764" s="53">
        <v>0</v>
      </c>
      <c r="AZ764" s="53">
        <v>0</v>
      </c>
      <c r="BA764" s="53">
        <v>0</v>
      </c>
    </row>
    <row r="765" spans="1:53">
      <c r="A765" s="52" t="s">
        <v>3272</v>
      </c>
      <c r="B765" s="53">
        <v>0</v>
      </c>
      <c r="C765" s="53">
        <v>0</v>
      </c>
      <c r="D765" s="53">
        <v>0</v>
      </c>
      <c r="E765" s="53">
        <v>0</v>
      </c>
      <c r="F765" s="53">
        <v>0</v>
      </c>
      <c r="G765" s="53">
        <v>0</v>
      </c>
      <c r="H765" s="53">
        <v>0</v>
      </c>
      <c r="I765" s="53">
        <v>0</v>
      </c>
      <c r="J765" s="53">
        <v>0</v>
      </c>
      <c r="K765" s="53">
        <v>0</v>
      </c>
      <c r="L765" s="53">
        <v>0</v>
      </c>
      <c r="M765" s="53">
        <v>0</v>
      </c>
      <c r="N765" s="53">
        <v>0</v>
      </c>
      <c r="O765" s="53">
        <v>0</v>
      </c>
      <c r="P765" s="53">
        <v>0</v>
      </c>
      <c r="Q765" s="53">
        <v>0</v>
      </c>
      <c r="R765" s="53">
        <v>0</v>
      </c>
      <c r="S765" s="53">
        <v>0</v>
      </c>
      <c r="T765" s="53">
        <v>0</v>
      </c>
      <c r="U765" s="53">
        <v>0</v>
      </c>
      <c r="V765" s="53">
        <v>0</v>
      </c>
      <c r="W765" s="53">
        <v>0</v>
      </c>
      <c r="X765" s="53">
        <v>0</v>
      </c>
      <c r="Y765" s="53">
        <v>0</v>
      </c>
      <c r="Z765" s="53">
        <v>0</v>
      </c>
      <c r="AA765" s="53">
        <v>0</v>
      </c>
      <c r="AB765" s="53">
        <v>0</v>
      </c>
      <c r="AC765" s="53">
        <v>0</v>
      </c>
      <c r="AD765" s="53">
        <v>0</v>
      </c>
      <c r="AE765" s="53">
        <v>0</v>
      </c>
      <c r="AF765" s="53">
        <v>0</v>
      </c>
      <c r="AG765" s="53">
        <v>0</v>
      </c>
      <c r="AH765" s="53">
        <v>0</v>
      </c>
      <c r="AI765" s="53">
        <v>0</v>
      </c>
      <c r="AJ765" s="53">
        <v>0</v>
      </c>
      <c r="AK765" s="53">
        <v>0</v>
      </c>
      <c r="AL765" s="53">
        <v>0</v>
      </c>
      <c r="AM765" s="53">
        <v>0</v>
      </c>
      <c r="AN765" s="53">
        <v>0</v>
      </c>
      <c r="AO765" s="53">
        <v>0</v>
      </c>
      <c r="AP765" s="53">
        <v>0</v>
      </c>
      <c r="AQ765" s="53">
        <v>0</v>
      </c>
      <c r="AR765" s="53">
        <v>0</v>
      </c>
      <c r="AS765" s="53">
        <v>0</v>
      </c>
      <c r="AT765" s="53">
        <v>0</v>
      </c>
      <c r="AU765" s="53">
        <v>0</v>
      </c>
      <c r="AV765" s="53">
        <v>0</v>
      </c>
      <c r="AW765" s="53">
        <v>0</v>
      </c>
      <c r="AX765" s="53">
        <v>0</v>
      </c>
      <c r="AY765" s="53">
        <v>0</v>
      </c>
      <c r="AZ765" s="53">
        <v>0</v>
      </c>
      <c r="BA765" s="53">
        <v>0</v>
      </c>
    </row>
    <row r="766" spans="1:53">
      <c r="A766" s="52" t="s">
        <v>3273</v>
      </c>
      <c r="B766" s="53">
        <v>0</v>
      </c>
      <c r="C766" s="53">
        <v>0</v>
      </c>
      <c r="D766" s="53">
        <v>0</v>
      </c>
      <c r="E766" s="53">
        <v>0</v>
      </c>
      <c r="F766" s="53">
        <v>0</v>
      </c>
      <c r="G766" s="53">
        <v>0</v>
      </c>
      <c r="H766" s="53">
        <v>0</v>
      </c>
      <c r="I766" s="53">
        <v>0</v>
      </c>
      <c r="J766" s="53">
        <v>0</v>
      </c>
      <c r="K766" s="53">
        <v>0</v>
      </c>
      <c r="L766" s="53">
        <v>0</v>
      </c>
      <c r="M766" s="53">
        <v>0</v>
      </c>
      <c r="N766" s="53">
        <v>0</v>
      </c>
      <c r="O766" s="53">
        <v>0</v>
      </c>
      <c r="P766" s="53">
        <v>0</v>
      </c>
      <c r="Q766" s="53">
        <v>0</v>
      </c>
      <c r="R766" s="53">
        <v>0</v>
      </c>
      <c r="S766" s="53">
        <v>0</v>
      </c>
      <c r="T766" s="53">
        <v>0</v>
      </c>
      <c r="U766" s="53">
        <v>0</v>
      </c>
      <c r="V766" s="53">
        <v>0</v>
      </c>
      <c r="W766" s="53">
        <v>0</v>
      </c>
      <c r="X766" s="53">
        <v>0</v>
      </c>
      <c r="Y766" s="53">
        <v>0</v>
      </c>
      <c r="Z766" s="53">
        <v>0</v>
      </c>
      <c r="AA766" s="53">
        <v>0</v>
      </c>
      <c r="AB766" s="53">
        <v>0</v>
      </c>
      <c r="AC766" s="53">
        <v>0</v>
      </c>
      <c r="AD766" s="53">
        <v>0</v>
      </c>
      <c r="AE766" s="53">
        <v>0</v>
      </c>
      <c r="AF766" s="53">
        <v>0</v>
      </c>
      <c r="AG766" s="53">
        <v>0</v>
      </c>
      <c r="AH766" s="53">
        <v>0</v>
      </c>
      <c r="AI766" s="53">
        <v>0</v>
      </c>
      <c r="AJ766" s="53">
        <v>0</v>
      </c>
      <c r="AK766" s="53">
        <v>0</v>
      </c>
      <c r="AL766" s="53">
        <v>0</v>
      </c>
      <c r="AM766" s="53">
        <v>0</v>
      </c>
      <c r="AN766" s="53">
        <v>0</v>
      </c>
      <c r="AO766" s="53">
        <v>0</v>
      </c>
      <c r="AP766" s="53">
        <v>0</v>
      </c>
      <c r="AQ766" s="53">
        <v>0</v>
      </c>
      <c r="AR766" s="53">
        <v>0</v>
      </c>
      <c r="AS766" s="53">
        <v>0</v>
      </c>
      <c r="AT766" s="53">
        <v>0</v>
      </c>
      <c r="AU766" s="53">
        <v>0</v>
      </c>
      <c r="AV766" s="53">
        <v>0</v>
      </c>
      <c r="AW766" s="53">
        <v>0</v>
      </c>
      <c r="AX766" s="53">
        <v>0</v>
      </c>
      <c r="AY766" s="53">
        <v>0</v>
      </c>
      <c r="AZ766" s="53">
        <v>0</v>
      </c>
      <c r="BA766" s="53">
        <v>0</v>
      </c>
    </row>
    <row r="767" spans="1:53">
      <c r="A767" s="52" t="s">
        <v>3274</v>
      </c>
      <c r="B767" s="53">
        <v>0</v>
      </c>
      <c r="C767" s="53">
        <v>0</v>
      </c>
      <c r="D767" s="53">
        <v>0</v>
      </c>
      <c r="E767" s="53">
        <v>0</v>
      </c>
      <c r="F767" s="53">
        <v>0</v>
      </c>
      <c r="G767" s="53">
        <v>0</v>
      </c>
      <c r="H767" s="53">
        <v>0</v>
      </c>
      <c r="I767" s="53">
        <v>0</v>
      </c>
      <c r="J767" s="53">
        <v>0</v>
      </c>
      <c r="K767" s="53">
        <v>0</v>
      </c>
      <c r="L767" s="53">
        <v>0</v>
      </c>
      <c r="M767" s="53">
        <v>0</v>
      </c>
      <c r="N767" s="53">
        <v>0</v>
      </c>
      <c r="O767" s="53">
        <v>0</v>
      </c>
      <c r="P767" s="53">
        <v>0</v>
      </c>
      <c r="Q767" s="53">
        <v>0</v>
      </c>
      <c r="R767" s="53">
        <v>0</v>
      </c>
      <c r="S767" s="53">
        <v>0</v>
      </c>
      <c r="T767" s="53">
        <v>0</v>
      </c>
      <c r="U767" s="53">
        <v>0</v>
      </c>
      <c r="V767" s="53">
        <v>0</v>
      </c>
      <c r="W767" s="53">
        <v>0</v>
      </c>
      <c r="X767" s="53">
        <v>0</v>
      </c>
      <c r="Y767" s="53">
        <v>0</v>
      </c>
      <c r="Z767" s="53">
        <v>0</v>
      </c>
      <c r="AA767" s="53">
        <v>0</v>
      </c>
      <c r="AB767" s="53">
        <v>0</v>
      </c>
      <c r="AC767" s="53">
        <v>0</v>
      </c>
      <c r="AD767" s="53">
        <v>0</v>
      </c>
      <c r="AE767" s="53">
        <v>0</v>
      </c>
      <c r="AF767" s="53">
        <v>0</v>
      </c>
      <c r="AG767" s="53">
        <v>0</v>
      </c>
      <c r="AH767" s="53">
        <v>0</v>
      </c>
      <c r="AI767" s="53">
        <v>0</v>
      </c>
      <c r="AJ767" s="53">
        <v>0</v>
      </c>
      <c r="AK767" s="53">
        <v>0</v>
      </c>
      <c r="AL767" s="53">
        <v>0</v>
      </c>
      <c r="AM767" s="53">
        <v>0</v>
      </c>
      <c r="AN767" s="53">
        <v>0</v>
      </c>
      <c r="AO767" s="53">
        <v>0</v>
      </c>
      <c r="AP767" s="53">
        <v>0</v>
      </c>
      <c r="AQ767" s="53">
        <v>0</v>
      </c>
      <c r="AR767" s="53">
        <v>0</v>
      </c>
      <c r="AS767" s="53">
        <v>0</v>
      </c>
      <c r="AT767" s="53">
        <v>0</v>
      </c>
      <c r="AU767" s="53">
        <v>0</v>
      </c>
      <c r="AV767" s="53">
        <v>0</v>
      </c>
      <c r="AW767" s="53">
        <v>0</v>
      </c>
      <c r="AX767" s="53">
        <v>0</v>
      </c>
      <c r="AY767" s="53">
        <v>0</v>
      </c>
      <c r="AZ767" s="53">
        <v>0</v>
      </c>
      <c r="BA767" s="53">
        <v>0</v>
      </c>
    </row>
    <row r="768" spans="1:53">
      <c r="A768" s="52" t="s">
        <v>3275</v>
      </c>
      <c r="B768" s="53">
        <v>-321562</v>
      </c>
      <c r="C768" s="53">
        <v>-321562</v>
      </c>
      <c r="D768" s="53">
        <v>-321562</v>
      </c>
      <c r="E768" s="53">
        <v>-321562</v>
      </c>
      <c r="F768" s="53">
        <v>-321562</v>
      </c>
      <c r="G768" s="53">
        <v>-321562</v>
      </c>
      <c r="H768" s="53">
        <v>-321562</v>
      </c>
      <c r="I768" s="53">
        <v>-321562</v>
      </c>
      <c r="J768" s="53">
        <v>-321562</v>
      </c>
      <c r="K768" s="53">
        <v>-321562</v>
      </c>
      <c r="L768" s="53">
        <v>-321562</v>
      </c>
      <c r="M768" s="53">
        <v>-321562</v>
      </c>
      <c r="N768" s="53">
        <v>-321562</v>
      </c>
      <c r="O768" s="53">
        <v>-321562</v>
      </c>
      <c r="P768" s="53">
        <v>-321562</v>
      </c>
      <c r="Q768" s="53">
        <v>-321562</v>
      </c>
      <c r="R768" s="53">
        <v>-321562</v>
      </c>
      <c r="S768" s="53">
        <v>-321562</v>
      </c>
      <c r="T768" s="53">
        <v>-321562</v>
      </c>
      <c r="U768" s="53">
        <v>-321562</v>
      </c>
      <c r="V768" s="53">
        <v>-321562</v>
      </c>
      <c r="W768" s="53">
        <v>-321562</v>
      </c>
      <c r="X768" s="53">
        <v>-321562</v>
      </c>
      <c r="Y768" s="53">
        <v>-321562</v>
      </c>
      <c r="Z768" s="53">
        <v>-321562</v>
      </c>
      <c r="AA768" s="53">
        <v>-321562</v>
      </c>
      <c r="AB768" s="53">
        <v>-321562</v>
      </c>
      <c r="AC768" s="53">
        <v>-321562</v>
      </c>
      <c r="AD768" s="53">
        <v>-321562</v>
      </c>
      <c r="AE768" s="53">
        <v>-321562</v>
      </c>
      <c r="AF768" s="53">
        <v>-321562</v>
      </c>
      <c r="AG768" s="53">
        <v>-321562</v>
      </c>
      <c r="AH768" s="53">
        <v>-321562</v>
      </c>
      <c r="AI768" s="53">
        <v>-321562</v>
      </c>
      <c r="AJ768" s="53">
        <v>-321562</v>
      </c>
      <c r="AK768" s="53">
        <v>-321562</v>
      </c>
      <c r="AL768" s="53">
        <v>-321562</v>
      </c>
      <c r="AM768" s="53">
        <v>-321562</v>
      </c>
      <c r="AN768" s="53">
        <v>-321562</v>
      </c>
      <c r="AO768" s="53">
        <v>-321562</v>
      </c>
      <c r="AP768" s="53">
        <v>-321562</v>
      </c>
      <c r="AQ768" s="53">
        <v>-321562</v>
      </c>
      <c r="AR768" s="53">
        <v>-321562</v>
      </c>
      <c r="AS768" s="53">
        <v>-321562</v>
      </c>
      <c r="AT768" s="53">
        <v>-321562</v>
      </c>
      <c r="AU768" s="53">
        <v>-321562</v>
      </c>
      <c r="AV768" s="53">
        <v>-321562</v>
      </c>
      <c r="AW768" s="53">
        <v>-321562</v>
      </c>
      <c r="AX768" s="53">
        <v>-321562</v>
      </c>
      <c r="AY768" s="53">
        <v>-321562</v>
      </c>
      <c r="AZ768" s="53">
        <v>-321562</v>
      </c>
      <c r="BA768" s="53">
        <v>-321562</v>
      </c>
    </row>
    <row r="769" spans="1:53">
      <c r="A769" s="58" t="s">
        <v>3276</v>
      </c>
      <c r="B769" s="53">
        <v>-105771534.59999999</v>
      </c>
      <c r="C769" s="53">
        <v>-105771534.59999999</v>
      </c>
      <c r="D769" s="53">
        <v>-105771534.59999999</v>
      </c>
      <c r="E769" s="53">
        <v>-105771534.59999999</v>
      </c>
      <c r="F769" s="53">
        <v>-105771534.59999999</v>
      </c>
      <c r="G769" s="53">
        <v>-105771534.59999999</v>
      </c>
      <c r="H769" s="53">
        <v>-105771534.59999999</v>
      </c>
      <c r="I769" s="53">
        <v>-105771534.59999999</v>
      </c>
      <c r="J769" s="53">
        <v>-105771534.59999999</v>
      </c>
      <c r="K769" s="53">
        <v>-105771534.59999999</v>
      </c>
      <c r="L769" s="53">
        <v>-105771534.59999999</v>
      </c>
      <c r="M769" s="53">
        <v>-105771534.59999999</v>
      </c>
      <c r="N769" s="53">
        <v>-105771534.59999999</v>
      </c>
      <c r="O769" s="53">
        <v>-105771534.59999999</v>
      </c>
      <c r="P769" s="53">
        <v>-105771534.59999999</v>
      </c>
      <c r="Q769" s="53">
        <v>-105771534.59999999</v>
      </c>
      <c r="R769" s="53">
        <v>-105771534.59999999</v>
      </c>
      <c r="S769" s="53">
        <v>-105771534.59999999</v>
      </c>
      <c r="T769" s="53">
        <v>-105771534.59999999</v>
      </c>
      <c r="U769" s="53">
        <v>-105771534.59999999</v>
      </c>
      <c r="V769" s="53">
        <v>-105771534.59999999</v>
      </c>
      <c r="W769" s="53">
        <v>-105771534.59999999</v>
      </c>
      <c r="X769" s="53">
        <v>-105771534.59999999</v>
      </c>
      <c r="Y769" s="53">
        <v>-105771534.59999999</v>
      </c>
      <c r="Z769" s="53">
        <v>-105771534.59999999</v>
      </c>
      <c r="AA769" s="53">
        <v>-105771534.59999999</v>
      </c>
      <c r="AB769" s="53">
        <v>-105771534.59999999</v>
      </c>
      <c r="AC769" s="53">
        <v>-105771534.59999999</v>
      </c>
      <c r="AD769" s="53">
        <v>-105771534.59999999</v>
      </c>
      <c r="AE769" s="53">
        <v>-105771534.59999999</v>
      </c>
      <c r="AF769" s="53">
        <v>-105771534.59999999</v>
      </c>
      <c r="AG769" s="53">
        <v>-105771534.59999999</v>
      </c>
      <c r="AH769" s="53">
        <v>-105771534.59999999</v>
      </c>
      <c r="AI769" s="53">
        <v>-105771534.59999999</v>
      </c>
      <c r="AJ769" s="53">
        <v>-105771534.59999999</v>
      </c>
      <c r="AK769" s="53">
        <v>-105771534.59999999</v>
      </c>
      <c r="AL769" s="53">
        <v>-105771534.59999999</v>
      </c>
      <c r="AM769" s="53">
        <v>-105771534.59999999</v>
      </c>
      <c r="AN769" s="53">
        <v>-105771534.59999999</v>
      </c>
      <c r="AO769" s="53">
        <v>-105771534.59999999</v>
      </c>
      <c r="AP769" s="53">
        <v>-105771534.59999999</v>
      </c>
      <c r="AQ769" s="53">
        <v>-105771534.59999999</v>
      </c>
      <c r="AR769" s="53">
        <v>-105771534.59999999</v>
      </c>
      <c r="AS769" s="53">
        <v>-105771534.59999999</v>
      </c>
      <c r="AT769" s="53">
        <v>-105771534.59999999</v>
      </c>
      <c r="AU769" s="53">
        <v>-105771534.59999999</v>
      </c>
      <c r="AV769" s="53">
        <v>-105771534.59999999</v>
      </c>
      <c r="AW769" s="53">
        <v>-105771534.59999999</v>
      </c>
      <c r="AX769" s="53">
        <v>-105771534.59999999</v>
      </c>
      <c r="AY769" s="53">
        <v>-105771534.59999999</v>
      </c>
      <c r="AZ769" s="53">
        <v>-105771534.59999999</v>
      </c>
      <c r="BA769" s="53">
        <v>-105771534.59999999</v>
      </c>
    </row>
    <row r="770" spans="1:53">
      <c r="A770" s="52" t="s">
        <v>3277</v>
      </c>
    </row>
    <row r="771" spans="1:53">
      <c r="A771" s="52" t="s">
        <v>3278</v>
      </c>
      <c r="B771" s="53">
        <v>0</v>
      </c>
      <c r="C771" s="53">
        <v>0</v>
      </c>
      <c r="D771" s="53">
        <v>0</v>
      </c>
      <c r="E771" s="53">
        <v>0</v>
      </c>
      <c r="F771" s="53">
        <v>0</v>
      </c>
      <c r="G771" s="53">
        <v>0</v>
      </c>
      <c r="H771" s="53">
        <v>0</v>
      </c>
      <c r="I771" s="53">
        <v>0</v>
      </c>
      <c r="J771" s="53">
        <v>0</v>
      </c>
      <c r="K771" s="53">
        <v>0</v>
      </c>
      <c r="L771" s="53">
        <v>0</v>
      </c>
      <c r="M771" s="53">
        <v>0</v>
      </c>
      <c r="N771" s="53">
        <v>0</v>
      </c>
      <c r="O771" s="53">
        <v>0</v>
      </c>
      <c r="P771" s="53">
        <v>0</v>
      </c>
      <c r="Q771" s="53">
        <v>0</v>
      </c>
      <c r="R771" s="53">
        <v>0</v>
      </c>
      <c r="S771" s="53">
        <v>0</v>
      </c>
      <c r="T771" s="53">
        <v>0</v>
      </c>
      <c r="U771" s="53">
        <v>0</v>
      </c>
      <c r="V771" s="53">
        <v>0</v>
      </c>
      <c r="W771" s="53">
        <v>0</v>
      </c>
      <c r="X771" s="53">
        <v>0</v>
      </c>
      <c r="Y771" s="53">
        <v>0</v>
      </c>
      <c r="Z771" s="53">
        <v>0</v>
      </c>
      <c r="AA771" s="53">
        <v>0</v>
      </c>
      <c r="AB771" s="53">
        <v>0</v>
      </c>
      <c r="AC771" s="53">
        <v>0</v>
      </c>
      <c r="AD771" s="53">
        <v>0</v>
      </c>
      <c r="AE771" s="53">
        <v>0</v>
      </c>
      <c r="AF771" s="53">
        <v>0</v>
      </c>
      <c r="AG771" s="53">
        <v>0</v>
      </c>
      <c r="AH771" s="53">
        <v>0</v>
      </c>
      <c r="AI771" s="53">
        <v>0</v>
      </c>
      <c r="AJ771" s="53">
        <v>0</v>
      </c>
      <c r="AK771" s="53">
        <v>0</v>
      </c>
      <c r="AL771" s="53">
        <v>0</v>
      </c>
      <c r="AM771" s="53">
        <v>0</v>
      </c>
      <c r="AN771" s="53">
        <v>0</v>
      </c>
      <c r="AO771" s="53">
        <v>0</v>
      </c>
      <c r="AP771" s="53">
        <v>0</v>
      </c>
      <c r="AQ771" s="53">
        <v>0</v>
      </c>
      <c r="AR771" s="53">
        <v>0</v>
      </c>
      <c r="AS771" s="53">
        <v>0</v>
      </c>
      <c r="AT771" s="53">
        <v>0</v>
      </c>
      <c r="AU771" s="53">
        <v>0</v>
      </c>
      <c r="AV771" s="53">
        <v>0</v>
      </c>
      <c r="AW771" s="53">
        <v>0</v>
      </c>
      <c r="AX771" s="53">
        <v>0</v>
      </c>
      <c r="AY771" s="53">
        <v>0</v>
      </c>
      <c r="AZ771" s="53">
        <v>0</v>
      </c>
      <c r="BA771" s="53">
        <v>0</v>
      </c>
    </row>
    <row r="772" spans="1:53">
      <c r="A772" s="52" t="s">
        <v>3279</v>
      </c>
      <c r="B772" s="53">
        <v>0</v>
      </c>
      <c r="C772" s="53">
        <v>0</v>
      </c>
      <c r="D772" s="53">
        <v>0</v>
      </c>
      <c r="E772" s="53">
        <v>0</v>
      </c>
      <c r="F772" s="53">
        <v>0</v>
      </c>
      <c r="G772" s="53">
        <v>0</v>
      </c>
      <c r="H772" s="53">
        <v>0</v>
      </c>
      <c r="I772" s="53">
        <v>0</v>
      </c>
      <c r="J772" s="53">
        <v>0</v>
      </c>
      <c r="K772" s="53">
        <v>0</v>
      </c>
      <c r="L772" s="53">
        <v>0</v>
      </c>
      <c r="M772" s="53">
        <v>0</v>
      </c>
      <c r="N772" s="53">
        <v>0</v>
      </c>
      <c r="O772" s="53">
        <v>0</v>
      </c>
      <c r="P772" s="53">
        <v>0</v>
      </c>
      <c r="Q772" s="53">
        <v>0</v>
      </c>
      <c r="R772" s="53">
        <v>0</v>
      </c>
      <c r="S772" s="53">
        <v>0</v>
      </c>
      <c r="T772" s="53">
        <v>0</v>
      </c>
      <c r="U772" s="53">
        <v>0</v>
      </c>
      <c r="V772" s="53">
        <v>0</v>
      </c>
      <c r="W772" s="53">
        <v>0</v>
      </c>
      <c r="X772" s="53">
        <v>0</v>
      </c>
      <c r="Y772" s="53">
        <v>0</v>
      </c>
      <c r="Z772" s="53">
        <v>0</v>
      </c>
      <c r="AA772" s="53">
        <v>0</v>
      </c>
      <c r="AB772" s="53">
        <v>0</v>
      </c>
      <c r="AC772" s="53">
        <v>0</v>
      </c>
      <c r="AD772" s="53">
        <v>0</v>
      </c>
      <c r="AE772" s="53">
        <v>0</v>
      </c>
      <c r="AF772" s="53">
        <v>0</v>
      </c>
      <c r="AG772" s="53">
        <v>0</v>
      </c>
      <c r="AH772" s="53">
        <v>0</v>
      </c>
      <c r="AI772" s="53">
        <v>0</v>
      </c>
      <c r="AJ772" s="53">
        <v>0</v>
      </c>
      <c r="AK772" s="53">
        <v>0</v>
      </c>
      <c r="AL772" s="53">
        <v>0</v>
      </c>
      <c r="AM772" s="53">
        <v>0</v>
      </c>
      <c r="AN772" s="53">
        <v>0</v>
      </c>
      <c r="AO772" s="53">
        <v>0</v>
      </c>
      <c r="AP772" s="53">
        <v>0</v>
      </c>
      <c r="AQ772" s="53">
        <v>0</v>
      </c>
      <c r="AR772" s="53">
        <v>0</v>
      </c>
      <c r="AS772" s="53">
        <v>0</v>
      </c>
      <c r="AT772" s="53">
        <v>0</v>
      </c>
      <c r="AU772" s="53">
        <v>0</v>
      </c>
      <c r="AV772" s="53">
        <v>0</v>
      </c>
      <c r="AW772" s="53">
        <v>0</v>
      </c>
      <c r="AX772" s="53">
        <v>0</v>
      </c>
      <c r="AY772" s="53">
        <v>0</v>
      </c>
      <c r="AZ772" s="53">
        <v>0</v>
      </c>
      <c r="BA772" s="53">
        <v>0</v>
      </c>
    </row>
    <row r="773" spans="1:53">
      <c r="A773" s="52" t="s">
        <v>3280</v>
      </c>
      <c r="B773" s="53">
        <v>0</v>
      </c>
      <c r="C773" s="53">
        <v>0</v>
      </c>
      <c r="D773" s="53">
        <v>0</v>
      </c>
      <c r="E773" s="53">
        <v>0</v>
      </c>
      <c r="F773" s="53">
        <v>0</v>
      </c>
      <c r="G773" s="53">
        <v>0</v>
      </c>
      <c r="H773" s="53">
        <v>0</v>
      </c>
      <c r="I773" s="53">
        <v>0</v>
      </c>
      <c r="J773" s="53">
        <v>0</v>
      </c>
      <c r="K773" s="53">
        <v>0</v>
      </c>
      <c r="L773" s="53">
        <v>0</v>
      </c>
      <c r="M773" s="53">
        <v>0</v>
      </c>
      <c r="N773" s="53">
        <v>0</v>
      </c>
      <c r="O773" s="53">
        <v>0</v>
      </c>
      <c r="P773" s="53">
        <v>0</v>
      </c>
      <c r="Q773" s="53">
        <v>0</v>
      </c>
      <c r="R773" s="53">
        <v>0</v>
      </c>
      <c r="S773" s="53">
        <v>0</v>
      </c>
      <c r="T773" s="53">
        <v>0</v>
      </c>
      <c r="U773" s="53">
        <v>0</v>
      </c>
      <c r="V773" s="53">
        <v>0</v>
      </c>
      <c r="W773" s="53">
        <v>0</v>
      </c>
      <c r="X773" s="53">
        <v>0</v>
      </c>
      <c r="Y773" s="53">
        <v>0</v>
      </c>
      <c r="Z773" s="53">
        <v>0</v>
      </c>
      <c r="AA773" s="53">
        <v>0</v>
      </c>
      <c r="AB773" s="53">
        <v>0</v>
      </c>
      <c r="AC773" s="53">
        <v>0</v>
      </c>
      <c r="AD773" s="53">
        <v>0</v>
      </c>
      <c r="AE773" s="53">
        <v>0</v>
      </c>
      <c r="AF773" s="53">
        <v>0</v>
      </c>
      <c r="AG773" s="53">
        <v>0</v>
      </c>
      <c r="AH773" s="53">
        <v>0</v>
      </c>
      <c r="AI773" s="53">
        <v>0</v>
      </c>
      <c r="AJ773" s="53">
        <v>0</v>
      </c>
      <c r="AK773" s="53">
        <v>0</v>
      </c>
      <c r="AL773" s="53">
        <v>0</v>
      </c>
      <c r="AM773" s="53">
        <v>0</v>
      </c>
      <c r="AN773" s="53">
        <v>0</v>
      </c>
      <c r="AO773" s="53">
        <v>0</v>
      </c>
      <c r="AP773" s="53">
        <v>0</v>
      </c>
      <c r="AQ773" s="53">
        <v>0</v>
      </c>
      <c r="AR773" s="53">
        <v>0</v>
      </c>
      <c r="AS773" s="53">
        <v>0</v>
      </c>
      <c r="AT773" s="53">
        <v>0</v>
      </c>
      <c r="AU773" s="53">
        <v>0</v>
      </c>
      <c r="AV773" s="53">
        <v>0</v>
      </c>
      <c r="AW773" s="53">
        <v>0</v>
      </c>
      <c r="AX773" s="53">
        <v>0</v>
      </c>
      <c r="AY773" s="53">
        <v>0</v>
      </c>
      <c r="AZ773" s="53">
        <v>0</v>
      </c>
      <c r="BA773" s="53">
        <v>0</v>
      </c>
    </row>
    <row r="774" spans="1:53">
      <c r="A774" s="52" t="s">
        <v>3281</v>
      </c>
      <c r="B774" s="53">
        <v>-1490767.34</v>
      </c>
      <c r="C774" s="53">
        <v>-1490767.34</v>
      </c>
      <c r="D774" s="53">
        <v>-1490767.34</v>
      </c>
      <c r="E774" s="53">
        <v>-1490767.34</v>
      </c>
      <c r="F774" s="53">
        <v>-1490767.34</v>
      </c>
      <c r="G774" s="53">
        <v>-1490767.34</v>
      </c>
      <c r="H774" s="53">
        <v>-1490767.34</v>
      </c>
      <c r="I774" s="53">
        <v>-1490767.34</v>
      </c>
      <c r="J774" s="53">
        <v>-1490767.34</v>
      </c>
      <c r="K774" s="53">
        <v>-1490767.34</v>
      </c>
      <c r="L774" s="53">
        <v>-1490767.34</v>
      </c>
      <c r="M774" s="53">
        <v>-1490767.34</v>
      </c>
      <c r="N774" s="53">
        <v>-1490767.34</v>
      </c>
      <c r="O774" s="53">
        <v>-1490767.34</v>
      </c>
      <c r="P774" s="53">
        <v>-1490767.34</v>
      </c>
      <c r="Q774" s="53">
        <v>-1490767.34</v>
      </c>
      <c r="R774" s="53">
        <v>-1490767.34</v>
      </c>
      <c r="S774" s="53">
        <v>-1490767.34</v>
      </c>
      <c r="T774" s="53">
        <v>-1490767.34</v>
      </c>
      <c r="U774" s="53">
        <v>-1490767.34</v>
      </c>
      <c r="V774" s="53">
        <v>-1490767.34</v>
      </c>
      <c r="W774" s="53">
        <v>-1490767.34</v>
      </c>
      <c r="X774" s="53">
        <v>-1490767.34</v>
      </c>
      <c r="Y774" s="53">
        <v>-1490767.34</v>
      </c>
      <c r="Z774" s="53">
        <v>-1490767.34</v>
      </c>
      <c r="AA774" s="53">
        <v>-1490767.34</v>
      </c>
      <c r="AB774" s="53">
        <v>-1490767.34</v>
      </c>
      <c r="AC774" s="53">
        <v>-1490767.34</v>
      </c>
      <c r="AD774" s="53">
        <v>-1490767.34</v>
      </c>
      <c r="AE774" s="53">
        <v>-1490767.34</v>
      </c>
      <c r="AF774" s="53">
        <v>-1490767.34</v>
      </c>
      <c r="AG774" s="53">
        <v>-1490767.34</v>
      </c>
      <c r="AH774" s="53">
        <v>-1490767.34</v>
      </c>
      <c r="AI774" s="53">
        <v>-1490767.34</v>
      </c>
      <c r="AJ774" s="53">
        <v>-1490767.34</v>
      </c>
      <c r="AK774" s="53">
        <v>-1490767.34</v>
      </c>
      <c r="AL774" s="53">
        <v>-1490767.34</v>
      </c>
      <c r="AM774" s="53">
        <v>-1490767.34</v>
      </c>
      <c r="AN774" s="53">
        <v>-1490767.34</v>
      </c>
      <c r="AO774" s="53">
        <v>-1490767.34</v>
      </c>
      <c r="AP774" s="53">
        <v>-1490767.34</v>
      </c>
      <c r="AQ774" s="53">
        <v>-1490767.34</v>
      </c>
      <c r="AR774" s="53">
        <v>-1490767.34</v>
      </c>
      <c r="AS774" s="53">
        <v>-1490767.34</v>
      </c>
      <c r="AT774" s="53">
        <v>-1490767.34</v>
      </c>
      <c r="AU774" s="53">
        <v>-1490767.34</v>
      </c>
      <c r="AV774" s="53">
        <v>-1490767.34</v>
      </c>
      <c r="AW774" s="53">
        <v>-1490767.34</v>
      </c>
      <c r="AX774" s="53">
        <v>-1490767.34</v>
      </c>
      <c r="AY774" s="53">
        <v>-1490767.34</v>
      </c>
      <c r="AZ774" s="53">
        <v>-1490767.34</v>
      </c>
      <c r="BA774" s="53">
        <v>-1490767.34</v>
      </c>
    </row>
    <row r="775" spans="1:53">
      <c r="A775" s="52" t="s">
        <v>3282</v>
      </c>
      <c r="B775" s="53">
        <v>0</v>
      </c>
      <c r="C775" s="53">
        <v>0</v>
      </c>
      <c r="D775" s="53">
        <v>0</v>
      </c>
      <c r="E775" s="53">
        <v>0</v>
      </c>
      <c r="F775" s="53">
        <v>0</v>
      </c>
      <c r="G775" s="53">
        <v>0</v>
      </c>
      <c r="H775" s="53">
        <v>0</v>
      </c>
      <c r="I775" s="53">
        <v>0</v>
      </c>
      <c r="J775" s="53">
        <v>0</v>
      </c>
      <c r="K775" s="53">
        <v>0</v>
      </c>
      <c r="L775" s="53">
        <v>0</v>
      </c>
      <c r="M775" s="53">
        <v>0</v>
      </c>
      <c r="N775" s="53">
        <v>0</v>
      </c>
      <c r="O775" s="53">
        <v>0</v>
      </c>
      <c r="P775" s="53">
        <v>0</v>
      </c>
      <c r="Q775" s="53">
        <v>0</v>
      </c>
      <c r="R775" s="53">
        <v>0</v>
      </c>
      <c r="S775" s="53">
        <v>0</v>
      </c>
      <c r="T775" s="53">
        <v>0</v>
      </c>
      <c r="U775" s="53">
        <v>0</v>
      </c>
      <c r="V775" s="53">
        <v>0</v>
      </c>
      <c r="W775" s="53">
        <v>0</v>
      </c>
      <c r="X775" s="53">
        <v>0</v>
      </c>
      <c r="Y775" s="53">
        <v>0</v>
      </c>
      <c r="Z775" s="53">
        <v>0</v>
      </c>
      <c r="AA775" s="53">
        <v>0</v>
      </c>
      <c r="AB775" s="53">
        <v>0</v>
      </c>
      <c r="AC775" s="53">
        <v>0</v>
      </c>
      <c r="AD775" s="53">
        <v>0</v>
      </c>
      <c r="AE775" s="53">
        <v>0</v>
      </c>
      <c r="AF775" s="53">
        <v>0</v>
      </c>
      <c r="AG775" s="53">
        <v>0</v>
      </c>
      <c r="AH775" s="53">
        <v>0</v>
      </c>
      <c r="AI775" s="53">
        <v>0</v>
      </c>
      <c r="AJ775" s="53">
        <v>0</v>
      </c>
      <c r="AK775" s="53">
        <v>0</v>
      </c>
      <c r="AL775" s="53">
        <v>0</v>
      </c>
      <c r="AM775" s="53">
        <v>0</v>
      </c>
      <c r="AN775" s="53">
        <v>0</v>
      </c>
      <c r="AO775" s="53">
        <v>0</v>
      </c>
      <c r="AP775" s="53">
        <v>0</v>
      </c>
      <c r="AQ775" s="53">
        <v>0</v>
      </c>
      <c r="AR775" s="53">
        <v>0</v>
      </c>
      <c r="AS775" s="53">
        <v>0</v>
      </c>
      <c r="AT775" s="53">
        <v>0</v>
      </c>
      <c r="AU775" s="53">
        <v>0</v>
      </c>
      <c r="AV775" s="53">
        <v>0</v>
      </c>
      <c r="AW775" s="53">
        <v>0</v>
      </c>
      <c r="AX775" s="53">
        <v>0</v>
      </c>
      <c r="AY775" s="53">
        <v>0</v>
      </c>
      <c r="AZ775" s="53">
        <v>0</v>
      </c>
      <c r="BA775" s="53">
        <v>0</v>
      </c>
    </row>
    <row r="776" spans="1:53">
      <c r="A776" s="52" t="s">
        <v>3283</v>
      </c>
      <c r="B776" s="53">
        <v>0</v>
      </c>
      <c r="C776" s="53">
        <v>0</v>
      </c>
      <c r="D776" s="53">
        <v>0</v>
      </c>
      <c r="E776" s="53">
        <v>0</v>
      </c>
      <c r="F776" s="53">
        <v>0</v>
      </c>
      <c r="G776" s="53">
        <v>0</v>
      </c>
      <c r="H776" s="53">
        <v>0</v>
      </c>
      <c r="I776" s="53">
        <v>0</v>
      </c>
      <c r="J776" s="53">
        <v>0</v>
      </c>
      <c r="K776" s="53">
        <v>0</v>
      </c>
      <c r="L776" s="53">
        <v>0</v>
      </c>
      <c r="M776" s="53">
        <v>0</v>
      </c>
      <c r="N776" s="53">
        <v>0</v>
      </c>
      <c r="O776" s="53">
        <v>0</v>
      </c>
      <c r="P776" s="53">
        <v>0</v>
      </c>
      <c r="Q776" s="53">
        <v>0</v>
      </c>
      <c r="R776" s="53">
        <v>0</v>
      </c>
      <c r="S776" s="53">
        <v>0</v>
      </c>
      <c r="T776" s="53">
        <v>0</v>
      </c>
      <c r="U776" s="53">
        <v>0</v>
      </c>
      <c r="V776" s="53">
        <v>0</v>
      </c>
      <c r="W776" s="53">
        <v>0</v>
      </c>
      <c r="X776" s="53">
        <v>0</v>
      </c>
      <c r="Y776" s="53">
        <v>0</v>
      </c>
      <c r="Z776" s="53">
        <v>0</v>
      </c>
      <c r="AA776" s="53">
        <v>0</v>
      </c>
      <c r="AB776" s="53">
        <v>0</v>
      </c>
      <c r="AC776" s="53">
        <v>0</v>
      </c>
      <c r="AD776" s="53">
        <v>0</v>
      </c>
      <c r="AE776" s="53">
        <v>0</v>
      </c>
      <c r="AF776" s="53">
        <v>0</v>
      </c>
      <c r="AG776" s="53">
        <v>0</v>
      </c>
      <c r="AH776" s="53">
        <v>0</v>
      </c>
      <c r="AI776" s="53">
        <v>0</v>
      </c>
      <c r="AJ776" s="53">
        <v>0</v>
      </c>
      <c r="AK776" s="53">
        <v>0</v>
      </c>
      <c r="AL776" s="53">
        <v>0</v>
      </c>
      <c r="AM776" s="53">
        <v>0</v>
      </c>
      <c r="AN776" s="53">
        <v>0</v>
      </c>
      <c r="AO776" s="53">
        <v>0</v>
      </c>
      <c r="AP776" s="53">
        <v>0</v>
      </c>
      <c r="AQ776" s="53">
        <v>0</v>
      </c>
      <c r="AR776" s="53">
        <v>0</v>
      </c>
      <c r="AS776" s="53">
        <v>0</v>
      </c>
      <c r="AT776" s="53">
        <v>0</v>
      </c>
      <c r="AU776" s="53">
        <v>0</v>
      </c>
      <c r="AV776" s="53">
        <v>0</v>
      </c>
      <c r="AW776" s="53">
        <v>0</v>
      </c>
      <c r="AX776" s="53">
        <v>0</v>
      </c>
      <c r="AY776" s="53">
        <v>0</v>
      </c>
      <c r="AZ776" s="53">
        <v>0</v>
      </c>
      <c r="BA776" s="53">
        <v>0</v>
      </c>
    </row>
    <row r="777" spans="1:53">
      <c r="A777" s="52" t="s">
        <v>3284</v>
      </c>
      <c r="B777" s="53">
        <v>0</v>
      </c>
      <c r="C777" s="53">
        <v>0</v>
      </c>
      <c r="D777" s="53">
        <v>0</v>
      </c>
      <c r="E777" s="53">
        <v>0</v>
      </c>
      <c r="F777" s="53">
        <v>0</v>
      </c>
      <c r="G777" s="53">
        <v>0</v>
      </c>
      <c r="H777" s="53">
        <v>0</v>
      </c>
      <c r="I777" s="53">
        <v>0</v>
      </c>
      <c r="J777" s="53">
        <v>0</v>
      </c>
      <c r="K777" s="53">
        <v>0</v>
      </c>
      <c r="L777" s="53">
        <v>0</v>
      </c>
      <c r="M777" s="53">
        <v>0</v>
      </c>
      <c r="N777" s="53">
        <v>0</v>
      </c>
      <c r="O777" s="53">
        <v>0</v>
      </c>
      <c r="P777" s="53">
        <v>0</v>
      </c>
      <c r="Q777" s="53">
        <v>0</v>
      </c>
      <c r="R777" s="53">
        <v>0</v>
      </c>
      <c r="S777" s="53">
        <v>0</v>
      </c>
      <c r="T777" s="53">
        <v>0</v>
      </c>
      <c r="U777" s="53">
        <v>0</v>
      </c>
      <c r="V777" s="53">
        <v>0</v>
      </c>
      <c r="W777" s="53">
        <v>0</v>
      </c>
      <c r="X777" s="53">
        <v>0</v>
      </c>
      <c r="Y777" s="53">
        <v>0</v>
      </c>
      <c r="Z777" s="53">
        <v>0</v>
      </c>
      <c r="AA777" s="53">
        <v>0</v>
      </c>
      <c r="AB777" s="53">
        <v>0</v>
      </c>
      <c r="AC777" s="53">
        <v>0</v>
      </c>
      <c r="AD777" s="53">
        <v>0</v>
      </c>
      <c r="AE777" s="53">
        <v>0</v>
      </c>
      <c r="AF777" s="53">
        <v>0</v>
      </c>
      <c r="AG777" s="53">
        <v>0</v>
      </c>
      <c r="AH777" s="53">
        <v>0</v>
      </c>
      <c r="AI777" s="53">
        <v>0</v>
      </c>
      <c r="AJ777" s="53">
        <v>0</v>
      </c>
      <c r="AK777" s="53">
        <v>0</v>
      </c>
      <c r="AL777" s="53">
        <v>0</v>
      </c>
      <c r="AM777" s="53">
        <v>0</v>
      </c>
      <c r="AN777" s="53">
        <v>0</v>
      </c>
      <c r="AO777" s="53">
        <v>0</v>
      </c>
      <c r="AP777" s="53">
        <v>0</v>
      </c>
      <c r="AQ777" s="53">
        <v>0</v>
      </c>
      <c r="AR777" s="53">
        <v>0</v>
      </c>
      <c r="AS777" s="53">
        <v>0</v>
      </c>
      <c r="AT777" s="53">
        <v>0</v>
      </c>
      <c r="AU777" s="53">
        <v>0</v>
      </c>
      <c r="AV777" s="53">
        <v>0</v>
      </c>
      <c r="AW777" s="53">
        <v>0</v>
      </c>
      <c r="AX777" s="53">
        <v>0</v>
      </c>
      <c r="AY777" s="53">
        <v>0</v>
      </c>
      <c r="AZ777" s="53">
        <v>0</v>
      </c>
      <c r="BA777" s="53">
        <v>0</v>
      </c>
    </row>
    <row r="778" spans="1:53">
      <c r="A778" s="52" t="s">
        <v>3285</v>
      </c>
      <c r="B778" s="53">
        <v>0</v>
      </c>
      <c r="C778" s="53">
        <v>0</v>
      </c>
      <c r="D778" s="53">
        <v>0</v>
      </c>
      <c r="E778" s="53">
        <v>0</v>
      </c>
      <c r="F778" s="53">
        <v>0</v>
      </c>
      <c r="G778" s="53">
        <v>0</v>
      </c>
      <c r="H778" s="53">
        <v>0</v>
      </c>
      <c r="I778" s="53">
        <v>0</v>
      </c>
      <c r="J778" s="53">
        <v>0</v>
      </c>
      <c r="K778" s="53">
        <v>0</v>
      </c>
      <c r="L778" s="53">
        <v>0</v>
      </c>
      <c r="M778" s="53">
        <v>0</v>
      </c>
      <c r="N778" s="53">
        <v>0</v>
      </c>
      <c r="O778" s="53">
        <v>0</v>
      </c>
      <c r="P778" s="53">
        <v>0</v>
      </c>
      <c r="Q778" s="53">
        <v>0</v>
      </c>
      <c r="R778" s="53">
        <v>0</v>
      </c>
      <c r="S778" s="53">
        <v>0</v>
      </c>
      <c r="T778" s="53">
        <v>0</v>
      </c>
      <c r="U778" s="53">
        <v>0</v>
      </c>
      <c r="V778" s="53">
        <v>0</v>
      </c>
      <c r="W778" s="53">
        <v>0</v>
      </c>
      <c r="X778" s="53">
        <v>0</v>
      </c>
      <c r="Y778" s="53">
        <v>0</v>
      </c>
      <c r="Z778" s="53">
        <v>0</v>
      </c>
      <c r="AA778" s="53">
        <v>0</v>
      </c>
      <c r="AB778" s="53">
        <v>0</v>
      </c>
      <c r="AC778" s="53">
        <v>0</v>
      </c>
      <c r="AD778" s="53">
        <v>0</v>
      </c>
      <c r="AE778" s="53">
        <v>0</v>
      </c>
      <c r="AF778" s="53">
        <v>0</v>
      </c>
      <c r="AG778" s="53">
        <v>0</v>
      </c>
      <c r="AH778" s="53">
        <v>0</v>
      </c>
      <c r="AI778" s="53">
        <v>0</v>
      </c>
      <c r="AJ778" s="53">
        <v>0</v>
      </c>
      <c r="AK778" s="53">
        <v>0</v>
      </c>
      <c r="AL778" s="53">
        <v>0</v>
      </c>
      <c r="AM778" s="53">
        <v>0</v>
      </c>
      <c r="AN778" s="53">
        <v>0</v>
      </c>
      <c r="AO778" s="53">
        <v>0</v>
      </c>
      <c r="AP778" s="53">
        <v>0</v>
      </c>
      <c r="AQ778" s="53">
        <v>0</v>
      </c>
      <c r="AR778" s="53">
        <v>0</v>
      </c>
      <c r="AS778" s="53">
        <v>0</v>
      </c>
      <c r="AT778" s="53">
        <v>0</v>
      </c>
      <c r="AU778" s="53">
        <v>0</v>
      </c>
      <c r="AV778" s="53">
        <v>0</v>
      </c>
      <c r="AW778" s="53">
        <v>0</v>
      </c>
      <c r="AX778" s="53">
        <v>0</v>
      </c>
      <c r="AY778" s="53">
        <v>0</v>
      </c>
      <c r="AZ778" s="53">
        <v>0</v>
      </c>
      <c r="BA778" s="53">
        <v>0</v>
      </c>
    </row>
    <row r="779" spans="1:53">
      <c r="A779" s="52" t="s">
        <v>3286</v>
      </c>
      <c r="B779" s="53">
        <v>-903472.02999999898</v>
      </c>
      <c r="C779" s="53">
        <v>-903472.02999999898</v>
      </c>
      <c r="D779" s="53">
        <v>-903472.02999999898</v>
      </c>
      <c r="E779" s="53">
        <v>-903472.02999999898</v>
      </c>
      <c r="F779" s="53">
        <v>-903472.02999999898</v>
      </c>
      <c r="G779" s="53">
        <v>-903472.02999999898</v>
      </c>
      <c r="H779" s="53">
        <v>-903472.02999999898</v>
      </c>
      <c r="I779" s="53">
        <v>-903472.02999999898</v>
      </c>
      <c r="J779" s="53">
        <v>-903472.02999999898</v>
      </c>
      <c r="K779" s="53">
        <v>-903472.02999999898</v>
      </c>
      <c r="L779" s="53">
        <v>-903472.02999999898</v>
      </c>
      <c r="M779" s="53">
        <v>-903472.02999999898</v>
      </c>
      <c r="N779" s="53">
        <v>-903472.02999999898</v>
      </c>
      <c r="O779" s="53">
        <v>-903472.02999999898</v>
      </c>
      <c r="P779" s="53">
        <v>-903472.02999999898</v>
      </c>
      <c r="Q779" s="53">
        <v>-903472.02999999898</v>
      </c>
      <c r="R779" s="53">
        <v>-903472.02999999898</v>
      </c>
      <c r="S779" s="53">
        <v>-903472.02999999898</v>
      </c>
      <c r="T779" s="53">
        <v>-903472.02999999898</v>
      </c>
      <c r="U779" s="53">
        <v>-903472.02999999898</v>
      </c>
      <c r="V779" s="53">
        <v>-903472.02999999898</v>
      </c>
      <c r="W779" s="53">
        <v>-903472.02999999898</v>
      </c>
      <c r="X779" s="53">
        <v>-903472.02999999898</v>
      </c>
      <c r="Y779" s="53">
        <v>-903472.02999999898</v>
      </c>
      <c r="Z779" s="53">
        <v>-903472.02999999898</v>
      </c>
      <c r="AA779" s="53">
        <v>-903472.02999999898</v>
      </c>
      <c r="AB779" s="53">
        <v>-903472.02999999898</v>
      </c>
      <c r="AC779" s="53">
        <v>-903472.02999999898</v>
      </c>
      <c r="AD779" s="53">
        <v>-903472.02999999898</v>
      </c>
      <c r="AE779" s="53">
        <v>-903472.02999999898</v>
      </c>
      <c r="AF779" s="53">
        <v>-903472.02999999898</v>
      </c>
      <c r="AG779" s="53">
        <v>-903472.02999999898</v>
      </c>
      <c r="AH779" s="53">
        <v>-903472.02999999898</v>
      </c>
      <c r="AI779" s="53">
        <v>-903472.02999999898</v>
      </c>
      <c r="AJ779" s="53">
        <v>-903472.02999999898</v>
      </c>
      <c r="AK779" s="53">
        <v>-903472.02999999898</v>
      </c>
      <c r="AL779" s="53">
        <v>-903472.02999999898</v>
      </c>
      <c r="AM779" s="53">
        <v>-903472.02999999898</v>
      </c>
      <c r="AN779" s="53">
        <v>-903472.02999999898</v>
      </c>
      <c r="AO779" s="53">
        <v>-903472.02999999898</v>
      </c>
      <c r="AP779" s="53">
        <v>-903472.02999999898</v>
      </c>
      <c r="AQ779" s="53">
        <v>-903472.02999999898</v>
      </c>
      <c r="AR779" s="53">
        <v>-903472.02999999898</v>
      </c>
      <c r="AS779" s="53">
        <v>-903472.02999999898</v>
      </c>
      <c r="AT779" s="53">
        <v>-903472.02999999898</v>
      </c>
      <c r="AU779" s="53">
        <v>-903472.02999999898</v>
      </c>
      <c r="AV779" s="53">
        <v>-903472.02999999898</v>
      </c>
      <c r="AW779" s="53">
        <v>-903472.02999999898</v>
      </c>
      <c r="AX779" s="53">
        <v>-903472.02999999898</v>
      </c>
      <c r="AY779" s="53">
        <v>-903472.02999999898</v>
      </c>
      <c r="AZ779" s="53">
        <v>-903472.02999999898</v>
      </c>
      <c r="BA779" s="53">
        <v>-903472.02999999898</v>
      </c>
    </row>
    <row r="780" spans="1:53">
      <c r="A780" s="58" t="s">
        <v>3287</v>
      </c>
      <c r="B780" s="53">
        <v>-2394239.3699999899</v>
      </c>
      <c r="C780" s="53">
        <v>-2394239.3699999899</v>
      </c>
      <c r="D780" s="53">
        <v>-2394239.3699999899</v>
      </c>
      <c r="E780" s="53">
        <v>-2394239.3699999899</v>
      </c>
      <c r="F780" s="53">
        <v>-2394239.3699999899</v>
      </c>
      <c r="G780" s="53">
        <v>-2394239.3699999899</v>
      </c>
      <c r="H780" s="53">
        <v>-2394239.3699999899</v>
      </c>
      <c r="I780" s="53">
        <v>-2394239.3699999899</v>
      </c>
      <c r="J780" s="53">
        <v>-2394239.3699999899</v>
      </c>
      <c r="K780" s="53">
        <v>-2394239.3699999899</v>
      </c>
      <c r="L780" s="53">
        <v>-2394239.3699999899</v>
      </c>
      <c r="M780" s="53">
        <v>-2394239.3699999899</v>
      </c>
      <c r="N780" s="53">
        <v>-2394239.3699999899</v>
      </c>
      <c r="O780" s="53">
        <v>-2394239.3699999899</v>
      </c>
      <c r="P780" s="53">
        <v>-2394239.3699999899</v>
      </c>
      <c r="Q780" s="53">
        <v>-2394239.3699999899</v>
      </c>
      <c r="R780" s="53">
        <v>-2394239.3699999899</v>
      </c>
      <c r="S780" s="53">
        <v>-2394239.3699999899</v>
      </c>
      <c r="T780" s="53">
        <v>-2394239.3699999899</v>
      </c>
      <c r="U780" s="53">
        <v>-2394239.3699999899</v>
      </c>
      <c r="V780" s="53">
        <v>-2394239.3699999899</v>
      </c>
      <c r="W780" s="53">
        <v>-2394239.3699999899</v>
      </c>
      <c r="X780" s="53">
        <v>-2394239.3699999899</v>
      </c>
      <c r="Y780" s="53">
        <v>-2394239.3699999899</v>
      </c>
      <c r="Z780" s="53">
        <v>-2394239.3699999899</v>
      </c>
      <c r="AA780" s="53">
        <v>-2394239.3699999899</v>
      </c>
      <c r="AB780" s="53">
        <v>-2394239.3699999899</v>
      </c>
      <c r="AC780" s="53">
        <v>-2394239.3699999899</v>
      </c>
      <c r="AD780" s="53">
        <v>-2394239.3699999899</v>
      </c>
      <c r="AE780" s="53">
        <v>-2394239.3699999899</v>
      </c>
      <c r="AF780" s="53">
        <v>-2394239.3699999899</v>
      </c>
      <c r="AG780" s="53">
        <v>-2394239.3699999899</v>
      </c>
      <c r="AH780" s="53">
        <v>-2394239.3699999899</v>
      </c>
      <c r="AI780" s="53">
        <v>-2394239.3699999899</v>
      </c>
      <c r="AJ780" s="53">
        <v>-2394239.3699999899</v>
      </c>
      <c r="AK780" s="53">
        <v>-2394239.3699999899</v>
      </c>
      <c r="AL780" s="53">
        <v>-2394239.3699999899</v>
      </c>
      <c r="AM780" s="53">
        <v>-2394239.3699999899</v>
      </c>
      <c r="AN780" s="53">
        <v>-2394239.3699999899</v>
      </c>
      <c r="AO780" s="53">
        <v>-2394239.3699999899</v>
      </c>
      <c r="AP780" s="53">
        <v>-2394239.3699999899</v>
      </c>
      <c r="AQ780" s="53">
        <v>-2394239.3699999899</v>
      </c>
      <c r="AR780" s="53">
        <v>-2394239.3699999899</v>
      </c>
      <c r="AS780" s="53">
        <v>-2394239.3699999899</v>
      </c>
      <c r="AT780" s="53">
        <v>-2394239.3699999899</v>
      </c>
      <c r="AU780" s="53">
        <v>-2394239.3699999899</v>
      </c>
      <c r="AV780" s="53">
        <v>-2394239.3699999899</v>
      </c>
      <c r="AW780" s="53">
        <v>-2394239.3699999899</v>
      </c>
      <c r="AX780" s="53">
        <v>-2394239.3699999899</v>
      </c>
      <c r="AY780" s="53">
        <v>-2394239.3699999899</v>
      </c>
      <c r="AZ780" s="53">
        <v>-2394239.3699999899</v>
      </c>
      <c r="BA780" s="53">
        <v>-2394239.3699999899</v>
      </c>
    </row>
    <row r="781" spans="1:53">
      <c r="A781" s="58" t="s">
        <v>3288</v>
      </c>
      <c r="B781" s="134">
        <v>-188396598.515811</v>
      </c>
      <c r="C781" s="134">
        <v>-226107764.64677399</v>
      </c>
      <c r="D781" s="134">
        <v>-263818930.77773699</v>
      </c>
      <c r="E781" s="134">
        <v>-263818930.77773699</v>
      </c>
      <c r="F781" s="134">
        <v>-263818930.77773699</v>
      </c>
      <c r="G781" s="134">
        <v>-263818930.77773699</v>
      </c>
      <c r="H781" s="134">
        <v>-263818930.77773699</v>
      </c>
      <c r="I781" s="134">
        <v>-263818930.77773699</v>
      </c>
      <c r="J781" s="134">
        <v>-263818930.77773699</v>
      </c>
      <c r="K781" s="134">
        <v>-263818930.77773699</v>
      </c>
      <c r="L781" s="134">
        <v>-263818930.77773699</v>
      </c>
      <c r="M781" s="134">
        <v>-263818930.77773699</v>
      </c>
      <c r="N781" s="134">
        <v>-263818930.77773699</v>
      </c>
      <c r="O781" s="134">
        <v>-263818930.77773699</v>
      </c>
      <c r="P781" s="134">
        <v>-263818930.77773699</v>
      </c>
      <c r="Q781" s="134">
        <v>-263818930.77773699</v>
      </c>
      <c r="R781" s="134">
        <v>-263818930.77773699</v>
      </c>
      <c r="S781" s="134">
        <v>-263818930.77773699</v>
      </c>
      <c r="T781" s="134">
        <v>-263818930.77773699</v>
      </c>
      <c r="U781" s="134">
        <v>-263818930.77773699</v>
      </c>
      <c r="V781" s="134">
        <v>-263818930.77773699</v>
      </c>
      <c r="W781" s="134">
        <v>-263818930.77773699</v>
      </c>
      <c r="X781" s="134">
        <v>-263818930.77773699</v>
      </c>
      <c r="Y781" s="134">
        <v>-263818930.77773699</v>
      </c>
      <c r="Z781" s="134">
        <v>-263818930.77773699</v>
      </c>
      <c r="AA781" s="134">
        <v>-263818930.77773699</v>
      </c>
      <c r="AB781" s="134">
        <v>-263818930.77773699</v>
      </c>
      <c r="AC781" s="134">
        <v>-263818930.77773699</v>
      </c>
      <c r="AD781" s="134">
        <v>-263818930.77773699</v>
      </c>
      <c r="AE781" s="134">
        <v>-263818930.77773699</v>
      </c>
      <c r="AF781" s="134">
        <v>-263818930.77773699</v>
      </c>
      <c r="AG781" s="134">
        <v>-263818930.77773699</v>
      </c>
      <c r="AH781" s="134">
        <v>-263818930.77773699</v>
      </c>
      <c r="AI781" s="134">
        <v>-263818930.77773699</v>
      </c>
      <c r="AJ781" s="134">
        <v>-263818930.77773699</v>
      </c>
      <c r="AK781" s="134">
        <v>-263818930.77773699</v>
      </c>
      <c r="AL781" s="134">
        <v>-263818930.77773699</v>
      </c>
      <c r="AM781" s="134">
        <v>-263818930.77773699</v>
      </c>
      <c r="AN781" s="134">
        <v>-263818930.77773699</v>
      </c>
      <c r="AO781" s="134">
        <v>-263818930.77773699</v>
      </c>
      <c r="AP781" s="134">
        <v>-263818930.77773699</v>
      </c>
      <c r="AQ781" s="134">
        <v>-263818930.77773699</v>
      </c>
      <c r="AR781" s="134">
        <v>-263818930.77773699</v>
      </c>
      <c r="AS781" s="134">
        <v>-263818930.77773699</v>
      </c>
      <c r="AT781" s="134">
        <v>-263818930.77773699</v>
      </c>
      <c r="AU781" s="134">
        <v>-263818930.77773699</v>
      </c>
      <c r="AV781" s="134">
        <v>-263818930.77773699</v>
      </c>
      <c r="AW781" s="134">
        <v>-263818930.77773699</v>
      </c>
      <c r="AX781" s="134">
        <v>-263818930.77773699</v>
      </c>
      <c r="AY781" s="134">
        <v>-263818930.77773699</v>
      </c>
      <c r="AZ781" s="134">
        <v>-263818930.77773699</v>
      </c>
      <c r="BA781" s="134">
        <v>-263818930.77773699</v>
      </c>
    </row>
    <row r="782" spans="1:53">
      <c r="A782" s="52" t="s">
        <v>3289</v>
      </c>
    </row>
    <row r="783" spans="1:53">
      <c r="A783" s="57" t="s">
        <v>3290</v>
      </c>
    </row>
    <row r="784" spans="1:53">
      <c r="A784" s="52" t="s">
        <v>3291</v>
      </c>
      <c r="B784" s="53">
        <v>0</v>
      </c>
      <c r="C784" s="53">
        <v>0</v>
      </c>
      <c r="D784" s="53">
        <v>0</v>
      </c>
      <c r="E784" s="53">
        <v>0</v>
      </c>
      <c r="F784" s="53">
        <v>0</v>
      </c>
      <c r="G784" s="53">
        <v>0</v>
      </c>
      <c r="H784" s="53">
        <v>0</v>
      </c>
      <c r="I784" s="53">
        <v>0</v>
      </c>
      <c r="J784" s="53">
        <v>0</v>
      </c>
      <c r="K784" s="53">
        <v>0</v>
      </c>
      <c r="L784" s="53">
        <v>0</v>
      </c>
      <c r="M784" s="53">
        <v>0</v>
      </c>
      <c r="N784" s="53">
        <v>0</v>
      </c>
      <c r="O784" s="53">
        <v>0</v>
      </c>
      <c r="P784" s="53">
        <v>0</v>
      </c>
      <c r="Q784" s="53">
        <v>0</v>
      </c>
      <c r="R784" s="53">
        <v>0</v>
      </c>
      <c r="S784" s="53">
        <v>0</v>
      </c>
      <c r="T784" s="53">
        <v>0</v>
      </c>
      <c r="U784" s="53">
        <v>0</v>
      </c>
      <c r="V784" s="53">
        <v>0</v>
      </c>
      <c r="W784" s="53">
        <v>0</v>
      </c>
      <c r="X784" s="53">
        <v>0</v>
      </c>
      <c r="Y784" s="53">
        <v>0</v>
      </c>
      <c r="Z784" s="53">
        <v>0</v>
      </c>
      <c r="AA784" s="53">
        <v>0</v>
      </c>
      <c r="AB784" s="53">
        <v>0</v>
      </c>
      <c r="AC784" s="53">
        <v>0</v>
      </c>
      <c r="AD784" s="53">
        <v>0</v>
      </c>
      <c r="AE784" s="53">
        <v>0</v>
      </c>
      <c r="AF784" s="53">
        <v>0</v>
      </c>
      <c r="AG784" s="53">
        <v>0</v>
      </c>
      <c r="AH784" s="53">
        <v>0</v>
      </c>
      <c r="AI784" s="53">
        <v>0</v>
      </c>
      <c r="AJ784" s="53">
        <v>0</v>
      </c>
      <c r="AK784" s="53">
        <v>0</v>
      </c>
      <c r="AL784" s="53">
        <v>0</v>
      </c>
      <c r="AM784" s="53">
        <v>0</v>
      </c>
      <c r="AN784" s="53">
        <v>0</v>
      </c>
      <c r="AO784" s="53">
        <v>0</v>
      </c>
      <c r="AP784" s="53">
        <v>0</v>
      </c>
      <c r="AQ784" s="53">
        <v>0</v>
      </c>
      <c r="AR784" s="53">
        <v>0</v>
      </c>
      <c r="AS784" s="53">
        <v>0</v>
      </c>
      <c r="AT784" s="53">
        <v>0</v>
      </c>
      <c r="AU784" s="53">
        <v>0</v>
      </c>
      <c r="AV784" s="53">
        <v>0</v>
      </c>
      <c r="AW784" s="53">
        <v>0</v>
      </c>
      <c r="AX784" s="53">
        <v>0</v>
      </c>
      <c r="AY784" s="53">
        <v>0</v>
      </c>
      <c r="AZ784" s="53">
        <v>0</v>
      </c>
      <c r="BA784" s="53">
        <v>0</v>
      </c>
    </row>
    <row r="785" spans="1:53">
      <c r="A785" s="52" t="s">
        <v>3292</v>
      </c>
      <c r="B785" s="53">
        <v>0</v>
      </c>
      <c r="C785" s="53">
        <v>0</v>
      </c>
      <c r="D785" s="53">
        <v>0</v>
      </c>
      <c r="E785" s="53">
        <v>0</v>
      </c>
      <c r="F785" s="53">
        <v>0</v>
      </c>
      <c r="G785" s="53">
        <v>0</v>
      </c>
      <c r="H785" s="53">
        <v>0</v>
      </c>
      <c r="I785" s="53">
        <v>0</v>
      </c>
      <c r="J785" s="53">
        <v>0</v>
      </c>
      <c r="K785" s="53">
        <v>0</v>
      </c>
      <c r="L785" s="53">
        <v>0</v>
      </c>
      <c r="M785" s="53">
        <v>0</v>
      </c>
      <c r="N785" s="53">
        <v>0</v>
      </c>
      <c r="O785" s="53">
        <v>0</v>
      </c>
      <c r="P785" s="53">
        <v>0</v>
      </c>
      <c r="Q785" s="53">
        <v>0</v>
      </c>
      <c r="R785" s="53">
        <v>0</v>
      </c>
      <c r="S785" s="53">
        <v>0</v>
      </c>
      <c r="T785" s="53">
        <v>0</v>
      </c>
      <c r="U785" s="53">
        <v>0</v>
      </c>
      <c r="V785" s="53">
        <v>0</v>
      </c>
      <c r="W785" s="53">
        <v>0</v>
      </c>
      <c r="X785" s="53">
        <v>0</v>
      </c>
      <c r="Y785" s="53">
        <v>0</v>
      </c>
      <c r="Z785" s="53">
        <v>0</v>
      </c>
      <c r="AA785" s="53">
        <v>0</v>
      </c>
      <c r="AB785" s="53">
        <v>0</v>
      </c>
      <c r="AC785" s="53">
        <v>0</v>
      </c>
      <c r="AD785" s="53">
        <v>0</v>
      </c>
      <c r="AE785" s="53">
        <v>0</v>
      </c>
      <c r="AF785" s="53">
        <v>0</v>
      </c>
      <c r="AG785" s="53">
        <v>0</v>
      </c>
      <c r="AH785" s="53">
        <v>0</v>
      </c>
      <c r="AI785" s="53">
        <v>0</v>
      </c>
      <c r="AJ785" s="53">
        <v>0</v>
      </c>
      <c r="AK785" s="53">
        <v>0</v>
      </c>
      <c r="AL785" s="53">
        <v>0</v>
      </c>
      <c r="AM785" s="53">
        <v>0</v>
      </c>
      <c r="AN785" s="53">
        <v>0</v>
      </c>
      <c r="AO785" s="53">
        <v>0</v>
      </c>
      <c r="AP785" s="53">
        <v>0</v>
      </c>
      <c r="AQ785" s="53">
        <v>0</v>
      </c>
      <c r="AR785" s="53">
        <v>0</v>
      </c>
      <c r="AS785" s="53">
        <v>0</v>
      </c>
      <c r="AT785" s="53">
        <v>0</v>
      </c>
      <c r="AU785" s="53">
        <v>0</v>
      </c>
      <c r="AV785" s="53">
        <v>0</v>
      </c>
      <c r="AW785" s="53">
        <v>0</v>
      </c>
      <c r="AX785" s="53">
        <v>0</v>
      </c>
      <c r="AY785" s="53">
        <v>0</v>
      </c>
      <c r="AZ785" s="53">
        <v>0</v>
      </c>
      <c r="BA785" s="53">
        <v>0</v>
      </c>
    </row>
    <row r="786" spans="1:53">
      <c r="A786" s="58" t="s">
        <v>3293</v>
      </c>
      <c r="B786" s="134">
        <v>0</v>
      </c>
      <c r="C786" s="134">
        <v>0</v>
      </c>
      <c r="D786" s="134">
        <v>0</v>
      </c>
      <c r="E786" s="134">
        <v>0</v>
      </c>
      <c r="F786" s="134">
        <v>0</v>
      </c>
      <c r="G786" s="134">
        <v>0</v>
      </c>
      <c r="H786" s="134">
        <v>0</v>
      </c>
      <c r="I786" s="134">
        <v>0</v>
      </c>
      <c r="J786" s="134">
        <v>0</v>
      </c>
      <c r="K786" s="134">
        <v>0</v>
      </c>
      <c r="L786" s="134">
        <v>0</v>
      </c>
      <c r="M786" s="134">
        <v>0</v>
      </c>
      <c r="N786" s="134">
        <v>0</v>
      </c>
      <c r="O786" s="134">
        <v>0</v>
      </c>
      <c r="P786" s="134">
        <v>0</v>
      </c>
      <c r="Q786" s="134">
        <v>0</v>
      </c>
      <c r="R786" s="134">
        <v>0</v>
      </c>
      <c r="S786" s="134">
        <v>0</v>
      </c>
      <c r="T786" s="134">
        <v>0</v>
      </c>
      <c r="U786" s="134">
        <v>0</v>
      </c>
      <c r="V786" s="134">
        <v>0</v>
      </c>
      <c r="W786" s="134">
        <v>0</v>
      </c>
      <c r="X786" s="134">
        <v>0</v>
      </c>
      <c r="Y786" s="134">
        <v>0</v>
      </c>
      <c r="Z786" s="134">
        <v>0</v>
      </c>
      <c r="AA786" s="134">
        <v>0</v>
      </c>
      <c r="AB786" s="134">
        <v>0</v>
      </c>
      <c r="AC786" s="134">
        <v>0</v>
      </c>
      <c r="AD786" s="134">
        <v>0</v>
      </c>
      <c r="AE786" s="134">
        <v>0</v>
      </c>
      <c r="AF786" s="134">
        <v>0</v>
      </c>
      <c r="AG786" s="134">
        <v>0</v>
      </c>
      <c r="AH786" s="134">
        <v>0</v>
      </c>
      <c r="AI786" s="134">
        <v>0</v>
      </c>
      <c r="AJ786" s="134">
        <v>0</v>
      </c>
      <c r="AK786" s="134">
        <v>0</v>
      </c>
      <c r="AL786" s="134">
        <v>0</v>
      </c>
      <c r="AM786" s="134">
        <v>0</v>
      </c>
      <c r="AN786" s="134">
        <v>0</v>
      </c>
      <c r="AO786" s="134">
        <v>0</v>
      </c>
      <c r="AP786" s="134">
        <v>0</v>
      </c>
      <c r="AQ786" s="134">
        <v>0</v>
      </c>
      <c r="AR786" s="134">
        <v>0</v>
      </c>
      <c r="AS786" s="134">
        <v>0</v>
      </c>
      <c r="AT786" s="134">
        <v>0</v>
      </c>
      <c r="AU786" s="134">
        <v>0</v>
      </c>
      <c r="AV786" s="134">
        <v>0</v>
      </c>
      <c r="AW786" s="134">
        <v>0</v>
      </c>
      <c r="AX786" s="134">
        <v>0</v>
      </c>
      <c r="AY786" s="134">
        <v>0</v>
      </c>
      <c r="AZ786" s="134">
        <v>0</v>
      </c>
      <c r="BA786" s="134">
        <v>0</v>
      </c>
    </row>
    <row r="787" spans="1:53">
      <c r="A787" s="52" t="s">
        <v>3294</v>
      </c>
    </row>
    <row r="788" spans="1:53">
      <c r="A788" s="57" t="s">
        <v>3295</v>
      </c>
    </row>
    <row r="789" spans="1:53">
      <c r="A789" s="52" t="s">
        <v>3296</v>
      </c>
      <c r="B789" s="53">
        <v>0</v>
      </c>
      <c r="C789" s="53">
        <v>0</v>
      </c>
      <c r="D789" s="53">
        <v>0</v>
      </c>
      <c r="E789" s="53">
        <v>0</v>
      </c>
      <c r="F789" s="53">
        <v>0</v>
      </c>
      <c r="G789" s="53">
        <v>0</v>
      </c>
      <c r="H789" s="53">
        <v>0</v>
      </c>
      <c r="I789" s="53">
        <v>0</v>
      </c>
      <c r="J789" s="53">
        <v>0</v>
      </c>
      <c r="K789" s="53">
        <v>0</v>
      </c>
      <c r="L789" s="53">
        <v>0</v>
      </c>
      <c r="M789" s="53">
        <v>0</v>
      </c>
      <c r="N789" s="53">
        <v>0</v>
      </c>
      <c r="O789" s="53">
        <v>0</v>
      </c>
      <c r="P789" s="53">
        <v>0</v>
      </c>
      <c r="Q789" s="53">
        <v>0</v>
      </c>
      <c r="R789" s="53">
        <v>0</v>
      </c>
      <c r="S789" s="53">
        <v>0</v>
      </c>
      <c r="T789" s="53">
        <v>0</v>
      </c>
      <c r="U789" s="53">
        <v>0</v>
      </c>
      <c r="V789" s="53">
        <v>0</v>
      </c>
      <c r="W789" s="53">
        <v>0</v>
      </c>
      <c r="X789" s="53">
        <v>0</v>
      </c>
      <c r="Y789" s="53">
        <v>0</v>
      </c>
      <c r="Z789" s="53">
        <v>0</v>
      </c>
      <c r="AA789" s="53">
        <v>0</v>
      </c>
      <c r="AB789" s="53">
        <v>0</v>
      </c>
      <c r="AC789" s="53">
        <v>0</v>
      </c>
      <c r="AD789" s="53">
        <v>0</v>
      </c>
      <c r="AE789" s="53">
        <v>0</v>
      </c>
      <c r="AF789" s="53">
        <v>0</v>
      </c>
      <c r="AG789" s="53">
        <v>0</v>
      </c>
      <c r="AH789" s="53">
        <v>0</v>
      </c>
      <c r="AI789" s="53">
        <v>0</v>
      </c>
      <c r="AJ789" s="53">
        <v>0</v>
      </c>
      <c r="AK789" s="53">
        <v>0</v>
      </c>
      <c r="AL789" s="53">
        <v>0</v>
      </c>
      <c r="AM789" s="53">
        <v>0</v>
      </c>
      <c r="AN789" s="53">
        <v>0</v>
      </c>
      <c r="AO789" s="53">
        <v>0</v>
      </c>
      <c r="AP789" s="53">
        <v>0</v>
      </c>
      <c r="AQ789" s="53">
        <v>0</v>
      </c>
      <c r="AR789" s="53">
        <v>0</v>
      </c>
      <c r="AS789" s="53">
        <v>0</v>
      </c>
      <c r="AT789" s="53">
        <v>0</v>
      </c>
      <c r="AU789" s="53">
        <v>0</v>
      </c>
      <c r="AV789" s="53">
        <v>0</v>
      </c>
      <c r="AW789" s="53">
        <v>0</v>
      </c>
      <c r="AX789" s="53">
        <v>0</v>
      </c>
      <c r="AY789" s="53">
        <v>0</v>
      </c>
      <c r="AZ789" s="53">
        <v>0</v>
      </c>
      <c r="BA789" s="53">
        <v>0</v>
      </c>
    </row>
    <row r="790" spans="1:53">
      <c r="A790" s="52" t="s">
        <v>3297</v>
      </c>
      <c r="B790" s="53">
        <v>0</v>
      </c>
      <c r="C790" s="53">
        <v>0</v>
      </c>
      <c r="D790" s="53">
        <v>0</v>
      </c>
      <c r="E790" s="53">
        <v>0</v>
      </c>
      <c r="F790" s="53">
        <v>0</v>
      </c>
      <c r="G790" s="53">
        <v>0</v>
      </c>
      <c r="H790" s="53">
        <v>0</v>
      </c>
      <c r="I790" s="53">
        <v>0</v>
      </c>
      <c r="J790" s="53">
        <v>0</v>
      </c>
      <c r="K790" s="53">
        <v>0</v>
      </c>
      <c r="L790" s="53">
        <v>0</v>
      </c>
      <c r="M790" s="53">
        <v>0</v>
      </c>
      <c r="N790" s="53">
        <v>0</v>
      </c>
      <c r="O790" s="53">
        <v>0</v>
      </c>
      <c r="P790" s="53">
        <v>0</v>
      </c>
      <c r="Q790" s="53">
        <v>0</v>
      </c>
      <c r="R790" s="53">
        <v>0</v>
      </c>
      <c r="S790" s="53">
        <v>0</v>
      </c>
      <c r="T790" s="53">
        <v>0</v>
      </c>
      <c r="U790" s="53">
        <v>0</v>
      </c>
      <c r="V790" s="53">
        <v>0</v>
      </c>
      <c r="W790" s="53">
        <v>0</v>
      </c>
      <c r="X790" s="53">
        <v>0</v>
      </c>
      <c r="Y790" s="53">
        <v>0</v>
      </c>
      <c r="Z790" s="53">
        <v>0</v>
      </c>
      <c r="AA790" s="53">
        <v>0</v>
      </c>
      <c r="AB790" s="53">
        <v>0</v>
      </c>
      <c r="AC790" s="53">
        <v>0</v>
      </c>
      <c r="AD790" s="53">
        <v>0</v>
      </c>
      <c r="AE790" s="53">
        <v>0</v>
      </c>
      <c r="AF790" s="53">
        <v>0</v>
      </c>
      <c r="AG790" s="53">
        <v>0</v>
      </c>
      <c r="AH790" s="53">
        <v>0</v>
      </c>
      <c r="AI790" s="53">
        <v>0</v>
      </c>
      <c r="AJ790" s="53">
        <v>0</v>
      </c>
      <c r="AK790" s="53">
        <v>0</v>
      </c>
      <c r="AL790" s="53">
        <v>0</v>
      </c>
      <c r="AM790" s="53">
        <v>0</v>
      </c>
      <c r="AN790" s="53">
        <v>0</v>
      </c>
      <c r="AO790" s="53">
        <v>0</v>
      </c>
      <c r="AP790" s="53">
        <v>0</v>
      </c>
      <c r="AQ790" s="53">
        <v>0</v>
      </c>
      <c r="AR790" s="53">
        <v>0</v>
      </c>
      <c r="AS790" s="53">
        <v>0</v>
      </c>
      <c r="AT790" s="53">
        <v>0</v>
      </c>
      <c r="AU790" s="53">
        <v>0</v>
      </c>
      <c r="AV790" s="53">
        <v>0</v>
      </c>
      <c r="AW790" s="53">
        <v>0</v>
      </c>
      <c r="AX790" s="53">
        <v>0</v>
      </c>
      <c r="AY790" s="53">
        <v>0</v>
      </c>
      <c r="AZ790" s="53">
        <v>0</v>
      </c>
      <c r="BA790" s="53">
        <v>0</v>
      </c>
    </row>
    <row r="791" spans="1:53">
      <c r="A791" s="52" t="s">
        <v>3298</v>
      </c>
      <c r="B791" s="53">
        <v>-28994603.09</v>
      </c>
      <c r="C791" s="53">
        <v>-28994603.09</v>
      </c>
      <c r="D791" s="53">
        <v>-28994603.09</v>
      </c>
      <c r="E791" s="53">
        <v>-28994603.09</v>
      </c>
      <c r="F791" s="53">
        <v>-28994603.09</v>
      </c>
      <c r="G791" s="53">
        <v>-28994603.09</v>
      </c>
      <c r="H791" s="53">
        <v>-28994603.09</v>
      </c>
      <c r="I791" s="53">
        <v>-28994603.09</v>
      </c>
      <c r="J791" s="53">
        <v>-28994603.09</v>
      </c>
      <c r="K791" s="53">
        <v>-28994603.09</v>
      </c>
      <c r="L791" s="53">
        <v>-28994603.09</v>
      </c>
      <c r="M791" s="53">
        <v>-28994603.09</v>
      </c>
      <c r="N791" s="53">
        <v>-28994603.09</v>
      </c>
      <c r="O791" s="53">
        <v>-28994603.09</v>
      </c>
      <c r="P791" s="53">
        <v>-28994603.09</v>
      </c>
      <c r="Q791" s="53">
        <v>-28994603.09</v>
      </c>
      <c r="R791" s="53">
        <v>-28994603.09</v>
      </c>
      <c r="S791" s="53">
        <v>-28994603.09</v>
      </c>
      <c r="T791" s="53">
        <v>-28994603.09</v>
      </c>
      <c r="U791" s="53">
        <v>-28994603.09</v>
      </c>
      <c r="V791" s="53">
        <v>-28994603.09</v>
      </c>
      <c r="W791" s="53">
        <v>-28994603.09</v>
      </c>
      <c r="X791" s="53">
        <v>-28994603.09</v>
      </c>
      <c r="Y791" s="53">
        <v>-28994603.09</v>
      </c>
      <c r="Z791" s="53">
        <v>-28994603.09</v>
      </c>
      <c r="AA791" s="53">
        <v>-28994603.09</v>
      </c>
      <c r="AB791" s="53">
        <v>-28994603.09</v>
      </c>
      <c r="AC791" s="53">
        <v>-28994603.09</v>
      </c>
      <c r="AD791" s="53">
        <v>-28994603.09</v>
      </c>
      <c r="AE791" s="53">
        <v>-28994603.09</v>
      </c>
      <c r="AF791" s="53">
        <v>-28994603.09</v>
      </c>
      <c r="AG791" s="53">
        <v>-28994603.09</v>
      </c>
      <c r="AH791" s="53">
        <v>-28994603.09</v>
      </c>
      <c r="AI791" s="53">
        <v>-28994603.09</v>
      </c>
      <c r="AJ791" s="53">
        <v>-28994603.09</v>
      </c>
      <c r="AK791" s="53">
        <v>-28994603.09</v>
      </c>
      <c r="AL791" s="53">
        <v>-28994603.09</v>
      </c>
      <c r="AM791" s="53">
        <v>-28994603.09</v>
      </c>
      <c r="AN791" s="53">
        <v>-28994603.09</v>
      </c>
      <c r="AO791" s="53">
        <v>-28994603.09</v>
      </c>
      <c r="AP791" s="53">
        <v>-28994603.09</v>
      </c>
      <c r="AQ791" s="53">
        <v>-28994603.09</v>
      </c>
      <c r="AR791" s="53">
        <v>-28994603.09</v>
      </c>
      <c r="AS791" s="53">
        <v>-28994603.09</v>
      </c>
      <c r="AT791" s="53">
        <v>-28994603.09</v>
      </c>
      <c r="AU791" s="53">
        <v>-28994603.09</v>
      </c>
      <c r="AV791" s="53">
        <v>-28994603.09</v>
      </c>
      <c r="AW791" s="53">
        <v>-28994603.09</v>
      </c>
      <c r="AX791" s="53">
        <v>-28994603.09</v>
      </c>
      <c r="AY791" s="53">
        <v>-28994603.09</v>
      </c>
      <c r="AZ791" s="53">
        <v>-28994603.09</v>
      </c>
      <c r="BA791" s="53">
        <v>-28994603.09</v>
      </c>
    </row>
    <row r="792" spans="1:53">
      <c r="A792" s="52" t="s">
        <v>3299</v>
      </c>
      <c r="B792" s="53">
        <v>-217445406.58333299</v>
      </c>
      <c r="C792" s="53">
        <v>-211881239.916666</v>
      </c>
      <c r="D792" s="53">
        <v>-206317073.25</v>
      </c>
      <c r="E792" s="53">
        <v>-200752906.58333299</v>
      </c>
      <c r="F792" s="53">
        <v>-195188739.916666</v>
      </c>
      <c r="G792" s="53">
        <v>-189624573.25</v>
      </c>
      <c r="H792" s="53">
        <v>-184060406.58333299</v>
      </c>
      <c r="I792" s="53">
        <v>-178496239.916666</v>
      </c>
      <c r="J792" s="53">
        <v>-172932073.25</v>
      </c>
      <c r="K792" s="53">
        <v>-167367906.58333299</v>
      </c>
      <c r="L792" s="53">
        <v>-161803739.916666</v>
      </c>
      <c r="M792" s="53">
        <v>-156239573.25</v>
      </c>
      <c r="N792" s="53">
        <v>-156239573.25</v>
      </c>
      <c r="O792" s="53">
        <v>-151985906.58333299</v>
      </c>
      <c r="P792" s="53">
        <v>-147732239.916666</v>
      </c>
      <c r="Q792" s="53">
        <v>-143478573.25</v>
      </c>
      <c r="R792" s="53">
        <v>-139224906.58333299</v>
      </c>
      <c r="S792" s="53">
        <v>-134971239.916666</v>
      </c>
      <c r="T792" s="53">
        <v>-130717573.25</v>
      </c>
      <c r="U792" s="53">
        <v>-126463906.583333</v>
      </c>
      <c r="V792" s="53">
        <v>-122210239.916666</v>
      </c>
      <c r="W792" s="53">
        <v>-117956573.25</v>
      </c>
      <c r="X792" s="53">
        <v>-113702906.583333</v>
      </c>
      <c r="Y792" s="53">
        <v>-109449239.916666</v>
      </c>
      <c r="Z792" s="53">
        <v>-105195573.25</v>
      </c>
      <c r="AA792" s="53">
        <v>-105195573.25</v>
      </c>
      <c r="AB792" s="53">
        <v>-102108906.583333</v>
      </c>
      <c r="AC792" s="53">
        <v>-99022239.916666895</v>
      </c>
      <c r="AD792" s="53">
        <v>-95935573.250000194</v>
      </c>
      <c r="AE792" s="53">
        <v>-92848906.583333507</v>
      </c>
      <c r="AF792" s="53">
        <v>-89762239.916666895</v>
      </c>
      <c r="AG792" s="53">
        <v>-86675573.250000194</v>
      </c>
      <c r="AH792" s="53">
        <v>-83588906.583333507</v>
      </c>
      <c r="AI792" s="53">
        <v>-80502239.916666806</v>
      </c>
      <c r="AJ792" s="53">
        <v>-77415573.250000194</v>
      </c>
      <c r="AK792" s="53">
        <v>-74328906.583333507</v>
      </c>
      <c r="AL792" s="53">
        <v>-71242239.916666806</v>
      </c>
      <c r="AM792" s="53">
        <v>-68155573.250000194</v>
      </c>
      <c r="AN792" s="53">
        <v>-68155573.250000194</v>
      </c>
      <c r="AO792" s="53">
        <v>-68155573.250000194</v>
      </c>
      <c r="AP792" s="53">
        <v>-68155573.250000194</v>
      </c>
      <c r="AQ792" s="53">
        <v>-68155573.250000194</v>
      </c>
      <c r="AR792" s="53">
        <v>-68155573.250000194</v>
      </c>
      <c r="AS792" s="53">
        <v>-68155573.250000194</v>
      </c>
      <c r="AT792" s="53">
        <v>-68155573.250000194</v>
      </c>
      <c r="AU792" s="53">
        <v>-68155573.250000194</v>
      </c>
      <c r="AV792" s="53">
        <v>-68155573.250000194</v>
      </c>
      <c r="AW792" s="53">
        <v>-68155573.250000194</v>
      </c>
      <c r="AX792" s="53">
        <v>-68155573.250000194</v>
      </c>
      <c r="AY792" s="53">
        <v>-68155573.250000194</v>
      </c>
      <c r="AZ792" s="53">
        <v>-68155573.250000194</v>
      </c>
      <c r="BA792" s="53">
        <v>-68155573.250000194</v>
      </c>
    </row>
    <row r="793" spans="1:53">
      <c r="A793" s="58" t="s">
        <v>3300</v>
      </c>
      <c r="B793" s="134">
        <v>-246440009.67333299</v>
      </c>
      <c r="C793" s="134">
        <v>-240875843.006666</v>
      </c>
      <c r="D793" s="134">
        <v>-235311676.34</v>
      </c>
      <c r="E793" s="134">
        <v>-229747509.67333299</v>
      </c>
      <c r="F793" s="134">
        <v>-224183343.006666</v>
      </c>
      <c r="G793" s="134">
        <v>-218619176.34</v>
      </c>
      <c r="H793" s="134">
        <v>-213055009.67333299</v>
      </c>
      <c r="I793" s="134">
        <v>-207490843.006666</v>
      </c>
      <c r="J793" s="134">
        <v>-201926676.34</v>
      </c>
      <c r="K793" s="134">
        <v>-196362509.67333299</v>
      </c>
      <c r="L793" s="134">
        <v>-190798343.006666</v>
      </c>
      <c r="M793" s="134">
        <v>-185234176.34</v>
      </c>
      <c r="N793" s="134">
        <v>-185234176.34</v>
      </c>
      <c r="O793" s="134">
        <v>-180980509.67333299</v>
      </c>
      <c r="P793" s="134">
        <v>-176726843.006666</v>
      </c>
      <c r="Q793" s="134">
        <v>-172473176.34</v>
      </c>
      <c r="R793" s="134">
        <v>-168219509.67333299</v>
      </c>
      <c r="S793" s="134">
        <v>-163965843.006666</v>
      </c>
      <c r="T793" s="134">
        <v>-159712176.34</v>
      </c>
      <c r="U793" s="134">
        <v>-155458509.67333299</v>
      </c>
      <c r="V793" s="134">
        <v>-151204843.006666</v>
      </c>
      <c r="W793" s="134">
        <v>-146951176.34</v>
      </c>
      <c r="X793" s="134">
        <v>-142697509.67333299</v>
      </c>
      <c r="Y793" s="134">
        <v>-138443843.006666</v>
      </c>
      <c r="Z793" s="134">
        <v>-134190176.34</v>
      </c>
      <c r="AA793" s="134">
        <v>-134190176.34</v>
      </c>
      <c r="AB793" s="134">
        <v>-131103509.673333</v>
      </c>
      <c r="AC793" s="134">
        <v>-128016843.006666</v>
      </c>
      <c r="AD793" s="134">
        <v>-124930176.34</v>
      </c>
      <c r="AE793" s="134">
        <v>-121843509.673333</v>
      </c>
      <c r="AF793" s="134">
        <v>-118756843.006666</v>
      </c>
      <c r="AG793" s="134">
        <v>-115670176.34</v>
      </c>
      <c r="AH793" s="134">
        <v>-112583509.673333</v>
      </c>
      <c r="AI793" s="134">
        <v>-109496843.006666</v>
      </c>
      <c r="AJ793" s="134">
        <v>-106410176.34</v>
      </c>
      <c r="AK793" s="134">
        <v>-103323509.673333</v>
      </c>
      <c r="AL793" s="134">
        <v>-100236843.006666</v>
      </c>
      <c r="AM793" s="134">
        <v>-97150176.340000197</v>
      </c>
      <c r="AN793" s="134">
        <v>-97150176.340000197</v>
      </c>
      <c r="AO793" s="134">
        <v>-97150176.340000197</v>
      </c>
      <c r="AP793" s="134">
        <v>-97150176.340000197</v>
      </c>
      <c r="AQ793" s="134">
        <v>-97150176.340000197</v>
      </c>
      <c r="AR793" s="134">
        <v>-97150176.340000197</v>
      </c>
      <c r="AS793" s="134">
        <v>-97150176.340000197</v>
      </c>
      <c r="AT793" s="134">
        <v>-97150176.340000197</v>
      </c>
      <c r="AU793" s="134">
        <v>-97150176.340000197</v>
      </c>
      <c r="AV793" s="134">
        <v>-97150176.340000197</v>
      </c>
      <c r="AW793" s="134">
        <v>-97150176.340000197</v>
      </c>
      <c r="AX793" s="134">
        <v>-97150176.340000197</v>
      </c>
      <c r="AY793" s="134">
        <v>-97150176.340000197</v>
      </c>
      <c r="AZ793" s="134">
        <v>-97150176.340000197</v>
      </c>
      <c r="BA793" s="134">
        <v>-97150176.340000197</v>
      </c>
    </row>
    <row r="794" spans="1:53">
      <c r="A794" s="52" t="s">
        <v>3301</v>
      </c>
    </row>
    <row r="795" spans="1:53">
      <c r="A795" s="57" t="s">
        <v>3302</v>
      </c>
    </row>
    <row r="796" spans="1:53">
      <c r="A796" s="52" t="s">
        <v>3303</v>
      </c>
      <c r="B796" s="53">
        <v>-418.46</v>
      </c>
      <c r="C796" s="53">
        <v>-418.46</v>
      </c>
      <c r="D796" s="53">
        <v>-418.46</v>
      </c>
      <c r="E796" s="53">
        <v>-418.46</v>
      </c>
      <c r="F796" s="53">
        <v>-418.46</v>
      </c>
      <c r="G796" s="53">
        <v>-418.46</v>
      </c>
      <c r="H796" s="53">
        <v>-418.46</v>
      </c>
      <c r="I796" s="53">
        <v>-418.46</v>
      </c>
      <c r="J796" s="53">
        <v>-418.46</v>
      </c>
      <c r="K796" s="53">
        <v>-418.46</v>
      </c>
      <c r="L796" s="53">
        <v>-418.46</v>
      </c>
      <c r="M796" s="53">
        <v>-418.46</v>
      </c>
      <c r="N796" s="53">
        <v>-418.46</v>
      </c>
      <c r="O796" s="53">
        <v>-418.46</v>
      </c>
      <c r="P796" s="53">
        <v>-418.46</v>
      </c>
      <c r="Q796" s="53">
        <v>-418.46</v>
      </c>
      <c r="R796" s="53">
        <v>-418.46</v>
      </c>
      <c r="S796" s="53">
        <v>-418.46</v>
      </c>
      <c r="T796" s="53">
        <v>-418.46</v>
      </c>
      <c r="U796" s="53">
        <v>-418.46</v>
      </c>
      <c r="V796" s="53">
        <v>-418.46</v>
      </c>
      <c r="W796" s="53">
        <v>-418.46</v>
      </c>
      <c r="X796" s="53">
        <v>-418.46</v>
      </c>
      <c r="Y796" s="53">
        <v>-418.46</v>
      </c>
      <c r="Z796" s="53">
        <v>-418.46</v>
      </c>
      <c r="AA796" s="53">
        <v>-418.46</v>
      </c>
      <c r="AB796" s="53">
        <v>-418.46</v>
      </c>
      <c r="AC796" s="53">
        <v>-418.46</v>
      </c>
      <c r="AD796" s="53">
        <v>-418.46</v>
      </c>
      <c r="AE796" s="53">
        <v>-418.46</v>
      </c>
      <c r="AF796" s="53">
        <v>-418.46</v>
      </c>
      <c r="AG796" s="53">
        <v>-418.46</v>
      </c>
      <c r="AH796" s="53">
        <v>-418.46</v>
      </c>
      <c r="AI796" s="53">
        <v>-418.46</v>
      </c>
      <c r="AJ796" s="53">
        <v>-418.46</v>
      </c>
      <c r="AK796" s="53">
        <v>-418.46</v>
      </c>
      <c r="AL796" s="53">
        <v>-418.46</v>
      </c>
      <c r="AM796" s="53">
        <v>-418.46</v>
      </c>
      <c r="AN796" s="53">
        <v>-418.46</v>
      </c>
      <c r="AO796" s="53">
        <v>-418.46</v>
      </c>
      <c r="AP796" s="53">
        <v>-418.46</v>
      </c>
      <c r="AQ796" s="53">
        <v>-418.46</v>
      </c>
      <c r="AR796" s="53">
        <v>-418.46</v>
      </c>
      <c r="AS796" s="53">
        <v>-418.46</v>
      </c>
      <c r="AT796" s="53">
        <v>-418.46</v>
      </c>
      <c r="AU796" s="53">
        <v>-418.46</v>
      </c>
      <c r="AV796" s="53">
        <v>-418.46</v>
      </c>
      <c r="AW796" s="53">
        <v>-418.46</v>
      </c>
      <c r="AX796" s="53">
        <v>-418.46</v>
      </c>
      <c r="AY796" s="53">
        <v>-418.46</v>
      </c>
      <c r="AZ796" s="53">
        <v>-418.46</v>
      </c>
      <c r="BA796" s="53">
        <v>-418.46</v>
      </c>
    </row>
    <row r="797" spans="1:53">
      <c r="A797" s="52" t="s">
        <v>3304</v>
      </c>
      <c r="B797" s="53">
        <v>0</v>
      </c>
      <c r="C797" s="53">
        <v>0</v>
      </c>
      <c r="D797" s="53">
        <v>0</v>
      </c>
      <c r="E797" s="53">
        <v>0</v>
      </c>
      <c r="F797" s="53">
        <v>0</v>
      </c>
      <c r="G797" s="53">
        <v>0</v>
      </c>
      <c r="H797" s="53">
        <v>0</v>
      </c>
      <c r="I797" s="53">
        <v>0</v>
      </c>
      <c r="J797" s="53">
        <v>0</v>
      </c>
      <c r="K797" s="53">
        <v>0</v>
      </c>
      <c r="L797" s="53">
        <v>0</v>
      </c>
      <c r="M797" s="53">
        <v>0</v>
      </c>
      <c r="N797" s="53">
        <v>0</v>
      </c>
      <c r="O797" s="53">
        <v>0</v>
      </c>
      <c r="P797" s="53">
        <v>0</v>
      </c>
      <c r="Q797" s="53">
        <v>0</v>
      </c>
      <c r="R797" s="53">
        <v>0</v>
      </c>
      <c r="S797" s="53">
        <v>0</v>
      </c>
      <c r="T797" s="53">
        <v>0</v>
      </c>
      <c r="U797" s="53">
        <v>0</v>
      </c>
      <c r="V797" s="53">
        <v>0</v>
      </c>
      <c r="W797" s="53">
        <v>0</v>
      </c>
      <c r="X797" s="53">
        <v>0</v>
      </c>
      <c r="Y797" s="53">
        <v>0</v>
      </c>
      <c r="Z797" s="53">
        <v>0</v>
      </c>
      <c r="AA797" s="53">
        <v>0</v>
      </c>
      <c r="AB797" s="53">
        <v>0</v>
      </c>
      <c r="AC797" s="53">
        <v>0</v>
      </c>
      <c r="AD797" s="53">
        <v>0</v>
      </c>
      <c r="AE797" s="53">
        <v>0</v>
      </c>
      <c r="AF797" s="53">
        <v>0</v>
      </c>
      <c r="AG797" s="53">
        <v>0</v>
      </c>
      <c r="AH797" s="53">
        <v>0</v>
      </c>
      <c r="AI797" s="53">
        <v>0</v>
      </c>
      <c r="AJ797" s="53">
        <v>0</v>
      </c>
      <c r="AK797" s="53">
        <v>0</v>
      </c>
      <c r="AL797" s="53">
        <v>0</v>
      </c>
      <c r="AM797" s="53">
        <v>0</v>
      </c>
      <c r="AN797" s="53">
        <v>0</v>
      </c>
      <c r="AO797" s="53">
        <v>0</v>
      </c>
      <c r="AP797" s="53">
        <v>0</v>
      </c>
      <c r="AQ797" s="53">
        <v>0</v>
      </c>
      <c r="AR797" s="53">
        <v>0</v>
      </c>
      <c r="AS797" s="53">
        <v>0</v>
      </c>
      <c r="AT797" s="53">
        <v>0</v>
      </c>
      <c r="AU797" s="53">
        <v>0</v>
      </c>
      <c r="AV797" s="53">
        <v>0</v>
      </c>
      <c r="AW797" s="53">
        <v>0</v>
      </c>
      <c r="AX797" s="53">
        <v>0</v>
      </c>
      <c r="AY797" s="53">
        <v>0</v>
      </c>
      <c r="AZ797" s="53">
        <v>0</v>
      </c>
      <c r="BA797" s="53">
        <v>0</v>
      </c>
    </row>
    <row r="798" spans="1:53">
      <c r="A798" s="52" t="s">
        <v>3305</v>
      </c>
      <c r="B798" s="53">
        <v>-183745063.66999999</v>
      </c>
      <c r="C798" s="53">
        <v>-183745063.66999999</v>
      </c>
      <c r="D798" s="53">
        <v>-183745063.66999999</v>
      </c>
      <c r="E798" s="53">
        <v>-183745063.66999999</v>
      </c>
      <c r="F798" s="53">
        <v>-183745063.66999999</v>
      </c>
      <c r="G798" s="53">
        <v>-183745063.66999999</v>
      </c>
      <c r="H798" s="53">
        <v>-183745063.66999999</v>
      </c>
      <c r="I798" s="53">
        <v>-183745063.66999999</v>
      </c>
      <c r="J798" s="53">
        <v>-183745063.66999999</v>
      </c>
      <c r="K798" s="53">
        <v>-183745063.66999999</v>
      </c>
      <c r="L798" s="53">
        <v>-183745063.66999999</v>
      </c>
      <c r="M798" s="53">
        <v>-183745063.66999999</v>
      </c>
      <c r="N798" s="53">
        <v>-183745063.66999999</v>
      </c>
      <c r="O798" s="53">
        <v>-183745063.66999999</v>
      </c>
      <c r="P798" s="53">
        <v>-183745063.66999999</v>
      </c>
      <c r="Q798" s="53">
        <v>-183745063.66999999</v>
      </c>
      <c r="R798" s="53">
        <v>-183745063.66999999</v>
      </c>
      <c r="S798" s="53">
        <v>-183745063.66999999</v>
      </c>
      <c r="T798" s="53">
        <v>-183745063.66999999</v>
      </c>
      <c r="U798" s="53">
        <v>-183745063.66999999</v>
      </c>
      <c r="V798" s="53">
        <v>-183745063.66999999</v>
      </c>
      <c r="W798" s="53">
        <v>-183745063.66999999</v>
      </c>
      <c r="X798" s="53">
        <v>-183745063.66999999</v>
      </c>
      <c r="Y798" s="53">
        <v>-183745063.66999999</v>
      </c>
      <c r="Z798" s="53">
        <v>-183745063.66999999</v>
      </c>
      <c r="AA798" s="53">
        <v>-183745063.66999999</v>
      </c>
      <c r="AB798" s="53">
        <v>-183745063.66999999</v>
      </c>
      <c r="AC798" s="53">
        <v>-183745063.66999999</v>
      </c>
      <c r="AD798" s="53">
        <v>-183745063.66999999</v>
      </c>
      <c r="AE798" s="53">
        <v>-183745063.66999999</v>
      </c>
      <c r="AF798" s="53">
        <v>-183745063.66999999</v>
      </c>
      <c r="AG798" s="53">
        <v>-183745063.66999999</v>
      </c>
      <c r="AH798" s="53">
        <v>-183745063.66999999</v>
      </c>
      <c r="AI798" s="53">
        <v>-183745063.66999999</v>
      </c>
      <c r="AJ798" s="53">
        <v>-183745063.66999999</v>
      </c>
      <c r="AK798" s="53">
        <v>-183745063.66999999</v>
      </c>
      <c r="AL798" s="53">
        <v>-183745063.66999999</v>
      </c>
      <c r="AM798" s="53">
        <v>-183745063.66999999</v>
      </c>
      <c r="AN798" s="53">
        <v>-183745063.66999999</v>
      </c>
      <c r="AO798" s="53">
        <v>-183745063.66999999</v>
      </c>
      <c r="AP798" s="53">
        <v>-183745063.66999999</v>
      </c>
      <c r="AQ798" s="53">
        <v>-183745063.66999999</v>
      </c>
      <c r="AR798" s="53">
        <v>-183745063.66999999</v>
      </c>
      <c r="AS798" s="53">
        <v>-183745063.66999999</v>
      </c>
      <c r="AT798" s="53">
        <v>-183745063.66999999</v>
      </c>
      <c r="AU798" s="53">
        <v>-183745063.66999999</v>
      </c>
      <c r="AV798" s="53">
        <v>-183745063.66999999</v>
      </c>
      <c r="AW798" s="53">
        <v>-183745063.66999999</v>
      </c>
      <c r="AX798" s="53">
        <v>-183745063.66999999</v>
      </c>
      <c r="AY798" s="53">
        <v>-183745063.66999999</v>
      </c>
      <c r="AZ798" s="53">
        <v>-183745063.66999999</v>
      </c>
      <c r="BA798" s="53">
        <v>-183745063.66999999</v>
      </c>
    </row>
    <row r="799" spans="1:53">
      <c r="A799" s="52" t="s">
        <v>3306</v>
      </c>
      <c r="B799" s="53">
        <v>11847.97</v>
      </c>
      <c r="C799" s="53">
        <v>11847.97</v>
      </c>
      <c r="D799" s="53">
        <v>11847.97</v>
      </c>
      <c r="E799" s="53">
        <v>11847.97</v>
      </c>
      <c r="F799" s="53">
        <v>11847.97</v>
      </c>
      <c r="G799" s="53">
        <v>11847.97</v>
      </c>
      <c r="H799" s="53">
        <v>11847.97</v>
      </c>
      <c r="I799" s="53">
        <v>11847.97</v>
      </c>
      <c r="J799" s="53">
        <v>11847.97</v>
      </c>
      <c r="K799" s="53">
        <v>11847.97</v>
      </c>
      <c r="L799" s="53">
        <v>11847.97</v>
      </c>
      <c r="M799" s="53">
        <v>11847.97</v>
      </c>
      <c r="N799" s="53">
        <v>11847.97</v>
      </c>
      <c r="O799" s="53">
        <v>11847.97</v>
      </c>
      <c r="P799" s="53">
        <v>11847.97</v>
      </c>
      <c r="Q799" s="53">
        <v>11847.97</v>
      </c>
      <c r="R799" s="53">
        <v>11847.97</v>
      </c>
      <c r="S799" s="53">
        <v>11847.97</v>
      </c>
      <c r="T799" s="53">
        <v>11847.97</v>
      </c>
      <c r="U799" s="53">
        <v>11847.97</v>
      </c>
      <c r="V799" s="53">
        <v>11847.97</v>
      </c>
      <c r="W799" s="53">
        <v>11847.97</v>
      </c>
      <c r="X799" s="53">
        <v>11847.97</v>
      </c>
      <c r="Y799" s="53">
        <v>11847.97</v>
      </c>
      <c r="Z799" s="53">
        <v>11847.97</v>
      </c>
      <c r="AA799" s="53">
        <v>11847.97</v>
      </c>
      <c r="AB799" s="53">
        <v>11847.97</v>
      </c>
      <c r="AC799" s="53">
        <v>11847.97</v>
      </c>
      <c r="AD799" s="53">
        <v>11847.97</v>
      </c>
      <c r="AE799" s="53">
        <v>11847.97</v>
      </c>
      <c r="AF799" s="53">
        <v>11847.97</v>
      </c>
      <c r="AG799" s="53">
        <v>11847.97</v>
      </c>
      <c r="AH799" s="53">
        <v>11847.97</v>
      </c>
      <c r="AI799" s="53">
        <v>11847.97</v>
      </c>
      <c r="AJ799" s="53">
        <v>11847.97</v>
      </c>
      <c r="AK799" s="53">
        <v>11847.97</v>
      </c>
      <c r="AL799" s="53">
        <v>11847.97</v>
      </c>
      <c r="AM799" s="53">
        <v>11847.97</v>
      </c>
      <c r="AN799" s="53">
        <v>11847.97</v>
      </c>
      <c r="AO799" s="53">
        <v>11847.97</v>
      </c>
      <c r="AP799" s="53">
        <v>11847.97</v>
      </c>
      <c r="AQ799" s="53">
        <v>11847.97</v>
      </c>
      <c r="AR799" s="53">
        <v>11847.97</v>
      </c>
      <c r="AS799" s="53">
        <v>11847.97</v>
      </c>
      <c r="AT799" s="53">
        <v>11847.97</v>
      </c>
      <c r="AU799" s="53">
        <v>11847.97</v>
      </c>
      <c r="AV799" s="53">
        <v>11847.97</v>
      </c>
      <c r="AW799" s="53">
        <v>11847.97</v>
      </c>
      <c r="AX799" s="53">
        <v>11847.97</v>
      </c>
      <c r="AY799" s="53">
        <v>11847.97</v>
      </c>
      <c r="AZ799" s="53">
        <v>11847.97</v>
      </c>
      <c r="BA799" s="53">
        <v>11847.97</v>
      </c>
    </row>
    <row r="800" spans="1:53">
      <c r="A800" s="52" t="s">
        <v>3307</v>
      </c>
      <c r="B800" s="53">
        <v>9748.02</v>
      </c>
      <c r="C800" s="53">
        <v>9748.02</v>
      </c>
      <c r="D800" s="53">
        <v>9748.02</v>
      </c>
      <c r="E800" s="53">
        <v>9748.02</v>
      </c>
      <c r="F800" s="53">
        <v>9748.02</v>
      </c>
      <c r="G800" s="53">
        <v>9748.02</v>
      </c>
      <c r="H800" s="53">
        <v>9748.02</v>
      </c>
      <c r="I800" s="53">
        <v>9748.02</v>
      </c>
      <c r="J800" s="53">
        <v>9748.02</v>
      </c>
      <c r="K800" s="53">
        <v>9748.02</v>
      </c>
      <c r="L800" s="53">
        <v>9748.02</v>
      </c>
      <c r="M800" s="53">
        <v>9748.02</v>
      </c>
      <c r="N800" s="53">
        <v>9748.02</v>
      </c>
      <c r="O800" s="53">
        <v>9748.02</v>
      </c>
      <c r="P800" s="53">
        <v>9748.02</v>
      </c>
      <c r="Q800" s="53">
        <v>9748.02</v>
      </c>
      <c r="R800" s="53">
        <v>9748.02</v>
      </c>
      <c r="S800" s="53">
        <v>9748.02</v>
      </c>
      <c r="T800" s="53">
        <v>9748.02</v>
      </c>
      <c r="U800" s="53">
        <v>9748.02</v>
      </c>
      <c r="V800" s="53">
        <v>9748.02</v>
      </c>
      <c r="W800" s="53">
        <v>9748.02</v>
      </c>
      <c r="X800" s="53">
        <v>9748.02</v>
      </c>
      <c r="Y800" s="53">
        <v>9748.02</v>
      </c>
      <c r="Z800" s="53">
        <v>9748.02</v>
      </c>
      <c r="AA800" s="53">
        <v>9748.02</v>
      </c>
      <c r="AB800" s="53">
        <v>9748.02</v>
      </c>
      <c r="AC800" s="53">
        <v>9748.02</v>
      </c>
      <c r="AD800" s="53">
        <v>9748.02</v>
      </c>
      <c r="AE800" s="53">
        <v>9748.02</v>
      </c>
      <c r="AF800" s="53">
        <v>9748.02</v>
      </c>
      <c r="AG800" s="53">
        <v>9748.02</v>
      </c>
      <c r="AH800" s="53">
        <v>9748.02</v>
      </c>
      <c r="AI800" s="53">
        <v>9748.02</v>
      </c>
      <c r="AJ800" s="53">
        <v>9748.02</v>
      </c>
      <c r="AK800" s="53">
        <v>9748.02</v>
      </c>
      <c r="AL800" s="53">
        <v>9748.02</v>
      </c>
      <c r="AM800" s="53">
        <v>9748.02</v>
      </c>
      <c r="AN800" s="53">
        <v>9748.02</v>
      </c>
      <c r="AO800" s="53">
        <v>9748.02</v>
      </c>
      <c r="AP800" s="53">
        <v>9748.02</v>
      </c>
      <c r="AQ800" s="53">
        <v>9748.02</v>
      </c>
      <c r="AR800" s="53">
        <v>9748.02</v>
      </c>
      <c r="AS800" s="53">
        <v>9748.02</v>
      </c>
      <c r="AT800" s="53">
        <v>9748.02</v>
      </c>
      <c r="AU800" s="53">
        <v>9748.02</v>
      </c>
      <c r="AV800" s="53">
        <v>9748.02</v>
      </c>
      <c r="AW800" s="53">
        <v>9748.02</v>
      </c>
      <c r="AX800" s="53">
        <v>9748.02</v>
      </c>
      <c r="AY800" s="53">
        <v>9748.02</v>
      </c>
      <c r="AZ800" s="53">
        <v>9748.02</v>
      </c>
      <c r="BA800" s="53">
        <v>9748.02</v>
      </c>
    </row>
    <row r="801" spans="1:53">
      <c r="A801" s="52" t="s">
        <v>3308</v>
      </c>
      <c r="B801" s="53">
        <v>-202544029.09999999</v>
      </c>
      <c r="C801" s="53">
        <v>-202544029.09999999</v>
      </c>
      <c r="D801" s="53">
        <v>-202544029.09999999</v>
      </c>
      <c r="E801" s="53">
        <v>-202544029.09999999</v>
      </c>
      <c r="F801" s="53">
        <v>-202544029.09999999</v>
      </c>
      <c r="G801" s="53">
        <v>-202544029.09999999</v>
      </c>
      <c r="H801" s="53">
        <v>-202544029.09999999</v>
      </c>
      <c r="I801" s="53">
        <v>-202544029.09999999</v>
      </c>
      <c r="J801" s="53">
        <v>-202544029.09999999</v>
      </c>
      <c r="K801" s="53">
        <v>-202544029.09999999</v>
      </c>
      <c r="L801" s="53">
        <v>-202544029.09999999</v>
      </c>
      <c r="M801" s="53">
        <v>-202544029.09999999</v>
      </c>
      <c r="N801" s="53">
        <v>-202544029.09999999</v>
      </c>
      <c r="O801" s="53">
        <v>-202544029.09999999</v>
      </c>
      <c r="P801" s="53">
        <v>-202544029.09999999</v>
      </c>
      <c r="Q801" s="53">
        <v>-202544029.09999999</v>
      </c>
      <c r="R801" s="53">
        <v>-202544029.09999999</v>
      </c>
      <c r="S801" s="53">
        <v>-202544029.09999999</v>
      </c>
      <c r="T801" s="53">
        <v>-202544029.09999999</v>
      </c>
      <c r="U801" s="53">
        <v>-202544029.09999999</v>
      </c>
      <c r="V801" s="53">
        <v>-202544029.09999999</v>
      </c>
      <c r="W801" s="53">
        <v>-202544029.09999999</v>
      </c>
      <c r="X801" s="53">
        <v>-202544029.09999999</v>
      </c>
      <c r="Y801" s="53">
        <v>-202544029.09999999</v>
      </c>
      <c r="Z801" s="53">
        <v>-202544029.09999999</v>
      </c>
      <c r="AA801" s="53">
        <v>-202544029.09999999</v>
      </c>
      <c r="AB801" s="53">
        <v>-202544029.09999999</v>
      </c>
      <c r="AC801" s="53">
        <v>-202544029.09999999</v>
      </c>
      <c r="AD801" s="53">
        <v>-202544029.09999999</v>
      </c>
      <c r="AE801" s="53">
        <v>-202544029.09999999</v>
      </c>
      <c r="AF801" s="53">
        <v>-202544029.09999999</v>
      </c>
      <c r="AG801" s="53">
        <v>-202544029.09999999</v>
      </c>
      <c r="AH801" s="53">
        <v>-202544029.09999999</v>
      </c>
      <c r="AI801" s="53">
        <v>-202544029.09999999</v>
      </c>
      <c r="AJ801" s="53">
        <v>-202544029.09999999</v>
      </c>
      <c r="AK801" s="53">
        <v>-202544029.09999999</v>
      </c>
      <c r="AL801" s="53">
        <v>-202544029.09999999</v>
      </c>
      <c r="AM801" s="53">
        <v>-202544029.09999999</v>
      </c>
      <c r="AN801" s="53">
        <v>-202544029.09999999</v>
      </c>
      <c r="AO801" s="53">
        <v>-202544029.09999999</v>
      </c>
      <c r="AP801" s="53">
        <v>-202544029.09999999</v>
      </c>
      <c r="AQ801" s="53">
        <v>-202544029.09999999</v>
      </c>
      <c r="AR801" s="53">
        <v>-202544029.09999999</v>
      </c>
      <c r="AS801" s="53">
        <v>-202544029.09999999</v>
      </c>
      <c r="AT801" s="53">
        <v>-202544029.09999999</v>
      </c>
      <c r="AU801" s="53">
        <v>-202544029.09999999</v>
      </c>
      <c r="AV801" s="53">
        <v>-202544029.09999999</v>
      </c>
      <c r="AW801" s="53">
        <v>-202544029.09999999</v>
      </c>
      <c r="AX801" s="53">
        <v>-202544029.09999999</v>
      </c>
      <c r="AY801" s="53">
        <v>-202544029.09999999</v>
      </c>
      <c r="AZ801" s="53">
        <v>-202544029.09999999</v>
      </c>
      <c r="BA801" s="53">
        <v>-202544029.09999999</v>
      </c>
    </row>
    <row r="802" spans="1:53">
      <c r="A802" s="52" t="s">
        <v>3309</v>
      </c>
      <c r="B802" s="53">
        <v>0</v>
      </c>
      <c r="C802" s="53">
        <v>0</v>
      </c>
      <c r="D802" s="53">
        <v>0</v>
      </c>
      <c r="E802" s="53">
        <v>0</v>
      </c>
      <c r="F802" s="53">
        <v>0</v>
      </c>
      <c r="G802" s="53">
        <v>0</v>
      </c>
      <c r="H802" s="53">
        <v>0</v>
      </c>
      <c r="I802" s="53">
        <v>0</v>
      </c>
      <c r="J802" s="53">
        <v>0</v>
      </c>
      <c r="K802" s="53">
        <v>0</v>
      </c>
      <c r="L802" s="53">
        <v>0</v>
      </c>
      <c r="M802" s="53">
        <v>0</v>
      </c>
      <c r="N802" s="53">
        <v>0</v>
      </c>
      <c r="O802" s="53">
        <v>0</v>
      </c>
      <c r="P802" s="53">
        <v>0</v>
      </c>
      <c r="Q802" s="53">
        <v>0</v>
      </c>
      <c r="R802" s="53">
        <v>0</v>
      </c>
      <c r="S802" s="53">
        <v>0</v>
      </c>
      <c r="T802" s="53">
        <v>0</v>
      </c>
      <c r="U802" s="53">
        <v>0</v>
      </c>
      <c r="V802" s="53">
        <v>0</v>
      </c>
      <c r="W802" s="53">
        <v>0</v>
      </c>
      <c r="X802" s="53">
        <v>0</v>
      </c>
      <c r="Y802" s="53">
        <v>0</v>
      </c>
      <c r="Z802" s="53">
        <v>0</v>
      </c>
      <c r="AA802" s="53">
        <v>0</v>
      </c>
      <c r="AB802" s="53">
        <v>0</v>
      </c>
      <c r="AC802" s="53">
        <v>0</v>
      </c>
      <c r="AD802" s="53">
        <v>0</v>
      </c>
      <c r="AE802" s="53">
        <v>0</v>
      </c>
      <c r="AF802" s="53">
        <v>0</v>
      </c>
      <c r="AG802" s="53">
        <v>0</v>
      </c>
      <c r="AH802" s="53">
        <v>0</v>
      </c>
      <c r="AI802" s="53">
        <v>0</v>
      </c>
      <c r="AJ802" s="53">
        <v>0</v>
      </c>
      <c r="AK802" s="53">
        <v>0</v>
      </c>
      <c r="AL802" s="53">
        <v>0</v>
      </c>
      <c r="AM802" s="53">
        <v>0</v>
      </c>
      <c r="AN802" s="53">
        <v>0</v>
      </c>
      <c r="AO802" s="53">
        <v>0</v>
      </c>
      <c r="AP802" s="53">
        <v>0</v>
      </c>
      <c r="AQ802" s="53">
        <v>0</v>
      </c>
      <c r="AR802" s="53">
        <v>0</v>
      </c>
      <c r="AS802" s="53">
        <v>0</v>
      </c>
      <c r="AT802" s="53">
        <v>0</v>
      </c>
      <c r="AU802" s="53">
        <v>0</v>
      </c>
      <c r="AV802" s="53">
        <v>0</v>
      </c>
      <c r="AW802" s="53">
        <v>0</v>
      </c>
      <c r="AX802" s="53">
        <v>0</v>
      </c>
      <c r="AY802" s="53">
        <v>0</v>
      </c>
      <c r="AZ802" s="53">
        <v>0</v>
      </c>
      <c r="BA802" s="53">
        <v>0</v>
      </c>
    </row>
    <row r="803" spans="1:53">
      <c r="A803" s="52" t="s">
        <v>3310</v>
      </c>
      <c r="B803" s="53">
        <v>0</v>
      </c>
      <c r="C803" s="53">
        <v>0</v>
      </c>
      <c r="D803" s="53">
        <v>0</v>
      </c>
      <c r="E803" s="53">
        <v>0</v>
      </c>
      <c r="F803" s="53">
        <v>0</v>
      </c>
      <c r="G803" s="53">
        <v>0</v>
      </c>
      <c r="H803" s="53">
        <v>0</v>
      </c>
      <c r="I803" s="53">
        <v>0</v>
      </c>
      <c r="J803" s="53">
        <v>0</v>
      </c>
      <c r="K803" s="53">
        <v>0</v>
      </c>
      <c r="L803" s="53">
        <v>0</v>
      </c>
      <c r="M803" s="53">
        <v>0</v>
      </c>
      <c r="N803" s="53">
        <v>0</v>
      </c>
      <c r="O803" s="53">
        <v>0</v>
      </c>
      <c r="P803" s="53">
        <v>0</v>
      </c>
      <c r="Q803" s="53">
        <v>0</v>
      </c>
      <c r="R803" s="53">
        <v>0</v>
      </c>
      <c r="S803" s="53">
        <v>0</v>
      </c>
      <c r="T803" s="53">
        <v>0</v>
      </c>
      <c r="U803" s="53">
        <v>0</v>
      </c>
      <c r="V803" s="53">
        <v>0</v>
      </c>
      <c r="W803" s="53">
        <v>0</v>
      </c>
      <c r="X803" s="53">
        <v>0</v>
      </c>
      <c r="Y803" s="53">
        <v>0</v>
      </c>
      <c r="Z803" s="53">
        <v>0</v>
      </c>
      <c r="AA803" s="53">
        <v>0</v>
      </c>
      <c r="AB803" s="53">
        <v>0</v>
      </c>
      <c r="AC803" s="53">
        <v>0</v>
      </c>
      <c r="AD803" s="53">
        <v>0</v>
      </c>
      <c r="AE803" s="53">
        <v>0</v>
      </c>
      <c r="AF803" s="53">
        <v>0</v>
      </c>
      <c r="AG803" s="53">
        <v>0</v>
      </c>
      <c r="AH803" s="53">
        <v>0</v>
      </c>
      <c r="AI803" s="53">
        <v>0</v>
      </c>
      <c r="AJ803" s="53">
        <v>0</v>
      </c>
      <c r="AK803" s="53">
        <v>0</v>
      </c>
      <c r="AL803" s="53">
        <v>0</v>
      </c>
      <c r="AM803" s="53">
        <v>0</v>
      </c>
      <c r="AN803" s="53">
        <v>0</v>
      </c>
      <c r="AO803" s="53">
        <v>0</v>
      </c>
      <c r="AP803" s="53">
        <v>0</v>
      </c>
      <c r="AQ803" s="53">
        <v>0</v>
      </c>
      <c r="AR803" s="53">
        <v>0</v>
      </c>
      <c r="AS803" s="53">
        <v>0</v>
      </c>
      <c r="AT803" s="53">
        <v>0</v>
      </c>
      <c r="AU803" s="53">
        <v>0</v>
      </c>
      <c r="AV803" s="53">
        <v>0</v>
      </c>
      <c r="AW803" s="53">
        <v>0</v>
      </c>
      <c r="AX803" s="53">
        <v>0</v>
      </c>
      <c r="AY803" s="53">
        <v>0</v>
      </c>
      <c r="AZ803" s="53">
        <v>0</v>
      </c>
      <c r="BA803" s="53">
        <v>0</v>
      </c>
    </row>
    <row r="804" spans="1:53">
      <c r="A804" s="52" t="s">
        <v>3311</v>
      </c>
      <c r="B804" s="53">
        <v>-409113.44</v>
      </c>
      <c r="C804" s="53">
        <v>-409113.44</v>
      </c>
      <c r="D804" s="53">
        <v>-409113.44</v>
      </c>
      <c r="E804" s="53">
        <v>-409113.44</v>
      </c>
      <c r="F804" s="53">
        <v>-409113.44</v>
      </c>
      <c r="G804" s="53">
        <v>-409113.44</v>
      </c>
      <c r="H804" s="53">
        <v>-409113.44</v>
      </c>
      <c r="I804" s="53">
        <v>-409113.44</v>
      </c>
      <c r="J804" s="53">
        <v>-409113.44</v>
      </c>
      <c r="K804" s="53">
        <v>-409113.44</v>
      </c>
      <c r="L804" s="53">
        <v>-409113.44</v>
      </c>
      <c r="M804" s="53">
        <v>-409113.44</v>
      </c>
      <c r="N804" s="53">
        <v>-409113.44</v>
      </c>
      <c r="O804" s="53">
        <v>-409113.44</v>
      </c>
      <c r="P804" s="53">
        <v>-409113.44</v>
      </c>
      <c r="Q804" s="53">
        <v>-409113.44</v>
      </c>
      <c r="R804" s="53">
        <v>-409113.44</v>
      </c>
      <c r="S804" s="53">
        <v>-409113.44</v>
      </c>
      <c r="T804" s="53">
        <v>-409113.44</v>
      </c>
      <c r="U804" s="53">
        <v>-409113.44</v>
      </c>
      <c r="V804" s="53">
        <v>-409113.44</v>
      </c>
      <c r="W804" s="53">
        <v>-409113.44</v>
      </c>
      <c r="X804" s="53">
        <v>-409113.44</v>
      </c>
      <c r="Y804" s="53">
        <v>-409113.44</v>
      </c>
      <c r="Z804" s="53">
        <v>-409113.44</v>
      </c>
      <c r="AA804" s="53">
        <v>-409113.44</v>
      </c>
      <c r="AB804" s="53">
        <v>-409113.44</v>
      </c>
      <c r="AC804" s="53">
        <v>-409113.44</v>
      </c>
      <c r="AD804" s="53">
        <v>-409113.44</v>
      </c>
      <c r="AE804" s="53">
        <v>-409113.44</v>
      </c>
      <c r="AF804" s="53">
        <v>-409113.44</v>
      </c>
      <c r="AG804" s="53">
        <v>-409113.44</v>
      </c>
      <c r="AH804" s="53">
        <v>-409113.44</v>
      </c>
      <c r="AI804" s="53">
        <v>-409113.44</v>
      </c>
      <c r="AJ804" s="53">
        <v>-409113.44</v>
      </c>
      <c r="AK804" s="53">
        <v>-409113.44</v>
      </c>
      <c r="AL804" s="53">
        <v>-409113.44</v>
      </c>
      <c r="AM804" s="53">
        <v>-409113.44</v>
      </c>
      <c r="AN804" s="53">
        <v>-409113.44</v>
      </c>
      <c r="AO804" s="53">
        <v>-409113.44</v>
      </c>
      <c r="AP804" s="53">
        <v>-409113.44</v>
      </c>
      <c r="AQ804" s="53">
        <v>-409113.44</v>
      </c>
      <c r="AR804" s="53">
        <v>-409113.44</v>
      </c>
      <c r="AS804" s="53">
        <v>-409113.44</v>
      </c>
      <c r="AT804" s="53">
        <v>-409113.44</v>
      </c>
      <c r="AU804" s="53">
        <v>-409113.44</v>
      </c>
      <c r="AV804" s="53">
        <v>-409113.44</v>
      </c>
      <c r="AW804" s="53">
        <v>-409113.44</v>
      </c>
      <c r="AX804" s="53">
        <v>-409113.44</v>
      </c>
      <c r="AY804" s="53">
        <v>-409113.44</v>
      </c>
      <c r="AZ804" s="53">
        <v>-409113.44</v>
      </c>
      <c r="BA804" s="53">
        <v>-409113.44</v>
      </c>
    </row>
    <row r="805" spans="1:53">
      <c r="A805" s="52" t="s">
        <v>3312</v>
      </c>
      <c r="B805" s="53">
        <v>-2372492.7400000002</v>
      </c>
      <c r="C805" s="53">
        <v>-2372492.7400000002</v>
      </c>
      <c r="D805" s="53">
        <v>-2372492.7400000002</v>
      </c>
      <c r="E805" s="53">
        <v>-2372492.7400000002</v>
      </c>
      <c r="F805" s="53">
        <v>-2372492.7400000002</v>
      </c>
      <c r="G805" s="53">
        <v>-2372492.7400000002</v>
      </c>
      <c r="H805" s="53">
        <v>-2372492.7400000002</v>
      </c>
      <c r="I805" s="53">
        <v>-2372492.7400000002</v>
      </c>
      <c r="J805" s="53">
        <v>-2372492.7400000002</v>
      </c>
      <c r="K805" s="53">
        <v>-2372492.7400000002</v>
      </c>
      <c r="L805" s="53">
        <v>-2372492.7400000002</v>
      </c>
      <c r="M805" s="53">
        <v>-2372492.7400000002</v>
      </c>
      <c r="N805" s="53">
        <v>-2372492.7400000002</v>
      </c>
      <c r="O805" s="53">
        <v>-2372492.7400000002</v>
      </c>
      <c r="P805" s="53">
        <v>-2372492.7400000002</v>
      </c>
      <c r="Q805" s="53">
        <v>-2372492.7400000002</v>
      </c>
      <c r="R805" s="53">
        <v>-2372492.7400000002</v>
      </c>
      <c r="S805" s="53">
        <v>-2372492.7400000002</v>
      </c>
      <c r="T805" s="53">
        <v>-2372492.7400000002</v>
      </c>
      <c r="U805" s="53">
        <v>-2372492.7400000002</v>
      </c>
      <c r="V805" s="53">
        <v>-2372492.7400000002</v>
      </c>
      <c r="W805" s="53">
        <v>-2372492.7400000002</v>
      </c>
      <c r="X805" s="53">
        <v>-2372492.7400000002</v>
      </c>
      <c r="Y805" s="53">
        <v>-2372492.7400000002</v>
      </c>
      <c r="Z805" s="53">
        <v>-2372492.7400000002</v>
      </c>
      <c r="AA805" s="53">
        <v>-2372492.7400000002</v>
      </c>
      <c r="AB805" s="53">
        <v>-2372492.7400000002</v>
      </c>
      <c r="AC805" s="53">
        <v>-2372492.7400000002</v>
      </c>
      <c r="AD805" s="53">
        <v>-2372492.7400000002</v>
      </c>
      <c r="AE805" s="53">
        <v>-2372492.7400000002</v>
      </c>
      <c r="AF805" s="53">
        <v>-2372492.7400000002</v>
      </c>
      <c r="AG805" s="53">
        <v>-2372492.7400000002</v>
      </c>
      <c r="AH805" s="53">
        <v>-2372492.7400000002</v>
      </c>
      <c r="AI805" s="53">
        <v>-2372492.7400000002</v>
      </c>
      <c r="AJ805" s="53">
        <v>-2372492.7400000002</v>
      </c>
      <c r="AK805" s="53">
        <v>-2372492.7400000002</v>
      </c>
      <c r="AL805" s="53">
        <v>-2372492.7400000002</v>
      </c>
      <c r="AM805" s="53">
        <v>-2372492.7400000002</v>
      </c>
      <c r="AN805" s="53">
        <v>-2372492.7400000002</v>
      </c>
      <c r="AO805" s="53">
        <v>-2372492.7400000002</v>
      </c>
      <c r="AP805" s="53">
        <v>-2372492.7400000002</v>
      </c>
      <c r="AQ805" s="53">
        <v>-2372492.7400000002</v>
      </c>
      <c r="AR805" s="53">
        <v>-2372492.7400000002</v>
      </c>
      <c r="AS805" s="53">
        <v>-2372492.7400000002</v>
      </c>
      <c r="AT805" s="53">
        <v>-2372492.7400000002</v>
      </c>
      <c r="AU805" s="53">
        <v>-2372492.7400000002</v>
      </c>
      <c r="AV805" s="53">
        <v>-2372492.7400000002</v>
      </c>
      <c r="AW805" s="53">
        <v>-2372492.7400000002</v>
      </c>
      <c r="AX805" s="53">
        <v>-2372492.7400000002</v>
      </c>
      <c r="AY805" s="53">
        <v>-2372492.7400000002</v>
      </c>
      <c r="AZ805" s="53">
        <v>-2372492.7400000002</v>
      </c>
      <c r="BA805" s="53">
        <v>-2372492.7400000002</v>
      </c>
    </row>
    <row r="806" spans="1:53">
      <c r="A806" s="52" t="s">
        <v>3313</v>
      </c>
      <c r="B806" s="53">
        <v>8290.75</v>
      </c>
      <c r="C806" s="53">
        <v>8290.75</v>
      </c>
      <c r="D806" s="53">
        <v>8290.75</v>
      </c>
      <c r="E806" s="53">
        <v>8290.75</v>
      </c>
      <c r="F806" s="53">
        <v>8290.75</v>
      </c>
      <c r="G806" s="53">
        <v>8290.75</v>
      </c>
      <c r="H806" s="53">
        <v>8290.75</v>
      </c>
      <c r="I806" s="53">
        <v>8290.75</v>
      </c>
      <c r="J806" s="53">
        <v>8290.75</v>
      </c>
      <c r="K806" s="53">
        <v>8290.75</v>
      </c>
      <c r="L806" s="53">
        <v>8290.75</v>
      </c>
      <c r="M806" s="53">
        <v>8290.75</v>
      </c>
      <c r="N806" s="53">
        <v>8290.75</v>
      </c>
      <c r="O806" s="53">
        <v>8290.75</v>
      </c>
      <c r="P806" s="53">
        <v>8290.75</v>
      </c>
      <c r="Q806" s="53">
        <v>8290.75</v>
      </c>
      <c r="R806" s="53">
        <v>8290.75</v>
      </c>
      <c r="S806" s="53">
        <v>8290.75</v>
      </c>
      <c r="T806" s="53">
        <v>8290.75</v>
      </c>
      <c r="U806" s="53">
        <v>8290.75</v>
      </c>
      <c r="V806" s="53">
        <v>8290.75</v>
      </c>
      <c r="W806" s="53">
        <v>8290.75</v>
      </c>
      <c r="X806" s="53">
        <v>8290.75</v>
      </c>
      <c r="Y806" s="53">
        <v>8290.75</v>
      </c>
      <c r="Z806" s="53">
        <v>8290.75</v>
      </c>
      <c r="AA806" s="53">
        <v>8290.75</v>
      </c>
      <c r="AB806" s="53">
        <v>8290.75</v>
      </c>
      <c r="AC806" s="53">
        <v>8290.75</v>
      </c>
      <c r="AD806" s="53">
        <v>8290.75</v>
      </c>
      <c r="AE806" s="53">
        <v>8290.75</v>
      </c>
      <c r="AF806" s="53">
        <v>8290.75</v>
      </c>
      <c r="AG806" s="53">
        <v>8290.75</v>
      </c>
      <c r="AH806" s="53">
        <v>8290.75</v>
      </c>
      <c r="AI806" s="53">
        <v>8290.75</v>
      </c>
      <c r="AJ806" s="53">
        <v>8290.75</v>
      </c>
      <c r="AK806" s="53">
        <v>8290.75</v>
      </c>
      <c r="AL806" s="53">
        <v>8290.75</v>
      </c>
      <c r="AM806" s="53">
        <v>8290.75</v>
      </c>
      <c r="AN806" s="53">
        <v>8290.75</v>
      </c>
      <c r="AO806" s="53">
        <v>8290.75</v>
      </c>
      <c r="AP806" s="53">
        <v>8290.75</v>
      </c>
      <c r="AQ806" s="53">
        <v>8290.75</v>
      </c>
      <c r="AR806" s="53">
        <v>8290.75</v>
      </c>
      <c r="AS806" s="53">
        <v>8290.75</v>
      </c>
      <c r="AT806" s="53">
        <v>8290.75</v>
      </c>
      <c r="AU806" s="53">
        <v>8290.75</v>
      </c>
      <c r="AV806" s="53">
        <v>8290.75</v>
      </c>
      <c r="AW806" s="53">
        <v>8290.75</v>
      </c>
      <c r="AX806" s="53">
        <v>8290.75</v>
      </c>
      <c r="AY806" s="53">
        <v>8290.75</v>
      </c>
      <c r="AZ806" s="53">
        <v>8290.75</v>
      </c>
      <c r="BA806" s="53">
        <v>8290.75</v>
      </c>
    </row>
    <row r="807" spans="1:53">
      <c r="A807" s="52" t="s">
        <v>3314</v>
      </c>
      <c r="B807" s="53">
        <v>4183.91</v>
      </c>
      <c r="C807" s="53">
        <v>4183.91</v>
      </c>
      <c r="D807" s="53">
        <v>4183.91</v>
      </c>
      <c r="E807" s="53">
        <v>4183.91</v>
      </c>
      <c r="F807" s="53">
        <v>4183.91</v>
      </c>
      <c r="G807" s="53">
        <v>4183.91</v>
      </c>
      <c r="H807" s="53">
        <v>4183.91</v>
      </c>
      <c r="I807" s="53">
        <v>4183.91</v>
      </c>
      <c r="J807" s="53">
        <v>4183.91</v>
      </c>
      <c r="K807" s="53">
        <v>4183.91</v>
      </c>
      <c r="L807" s="53">
        <v>4183.91</v>
      </c>
      <c r="M807" s="53">
        <v>4183.91</v>
      </c>
      <c r="N807" s="53">
        <v>4183.91</v>
      </c>
      <c r="O807" s="53">
        <v>4183.91</v>
      </c>
      <c r="P807" s="53">
        <v>4183.91</v>
      </c>
      <c r="Q807" s="53">
        <v>4183.91</v>
      </c>
      <c r="R807" s="53">
        <v>4183.91</v>
      </c>
      <c r="S807" s="53">
        <v>4183.91</v>
      </c>
      <c r="T807" s="53">
        <v>4183.91</v>
      </c>
      <c r="U807" s="53">
        <v>4183.91</v>
      </c>
      <c r="V807" s="53">
        <v>4183.91</v>
      </c>
      <c r="W807" s="53">
        <v>4183.91</v>
      </c>
      <c r="X807" s="53">
        <v>4183.91</v>
      </c>
      <c r="Y807" s="53">
        <v>4183.91</v>
      </c>
      <c r="Z807" s="53">
        <v>4183.91</v>
      </c>
      <c r="AA807" s="53">
        <v>4183.91</v>
      </c>
      <c r="AB807" s="53">
        <v>4183.91</v>
      </c>
      <c r="AC807" s="53">
        <v>4183.91</v>
      </c>
      <c r="AD807" s="53">
        <v>4183.91</v>
      </c>
      <c r="AE807" s="53">
        <v>4183.91</v>
      </c>
      <c r="AF807" s="53">
        <v>4183.91</v>
      </c>
      <c r="AG807" s="53">
        <v>4183.91</v>
      </c>
      <c r="AH807" s="53">
        <v>4183.91</v>
      </c>
      <c r="AI807" s="53">
        <v>4183.91</v>
      </c>
      <c r="AJ807" s="53">
        <v>4183.91</v>
      </c>
      <c r="AK807" s="53">
        <v>4183.91</v>
      </c>
      <c r="AL807" s="53">
        <v>4183.91</v>
      </c>
      <c r="AM807" s="53">
        <v>4183.91</v>
      </c>
      <c r="AN807" s="53">
        <v>4183.91</v>
      </c>
      <c r="AO807" s="53">
        <v>4183.91</v>
      </c>
      <c r="AP807" s="53">
        <v>4183.91</v>
      </c>
      <c r="AQ807" s="53">
        <v>4183.91</v>
      </c>
      <c r="AR807" s="53">
        <v>4183.91</v>
      </c>
      <c r="AS807" s="53">
        <v>4183.91</v>
      </c>
      <c r="AT807" s="53">
        <v>4183.91</v>
      </c>
      <c r="AU807" s="53">
        <v>4183.91</v>
      </c>
      <c r="AV807" s="53">
        <v>4183.91</v>
      </c>
      <c r="AW807" s="53">
        <v>4183.91</v>
      </c>
      <c r="AX807" s="53">
        <v>4183.91</v>
      </c>
      <c r="AY807" s="53">
        <v>4183.91</v>
      </c>
      <c r="AZ807" s="53">
        <v>4183.91</v>
      </c>
      <c r="BA807" s="53">
        <v>4183.91</v>
      </c>
    </row>
    <row r="808" spans="1:53">
      <c r="A808" s="52" t="s">
        <v>3315</v>
      </c>
      <c r="B808" s="53">
        <v>-45.33</v>
      </c>
      <c r="C808" s="53">
        <v>-45.33</v>
      </c>
      <c r="D808" s="53">
        <v>-45.33</v>
      </c>
      <c r="E808" s="53">
        <v>-45.33</v>
      </c>
      <c r="F808" s="53">
        <v>-45.33</v>
      </c>
      <c r="G808" s="53">
        <v>-45.33</v>
      </c>
      <c r="H808" s="53">
        <v>-45.33</v>
      </c>
      <c r="I808" s="53">
        <v>-45.33</v>
      </c>
      <c r="J808" s="53">
        <v>-45.33</v>
      </c>
      <c r="K808" s="53">
        <v>-45.33</v>
      </c>
      <c r="L808" s="53">
        <v>-45.33</v>
      </c>
      <c r="M808" s="53">
        <v>-45.33</v>
      </c>
      <c r="N808" s="53">
        <v>-45.33</v>
      </c>
      <c r="O808" s="53">
        <v>-45.33</v>
      </c>
      <c r="P808" s="53">
        <v>-45.33</v>
      </c>
      <c r="Q808" s="53">
        <v>-45.33</v>
      </c>
      <c r="R808" s="53">
        <v>-45.33</v>
      </c>
      <c r="S808" s="53">
        <v>-45.33</v>
      </c>
      <c r="T808" s="53">
        <v>-45.33</v>
      </c>
      <c r="U808" s="53">
        <v>-45.33</v>
      </c>
      <c r="V808" s="53">
        <v>-45.33</v>
      </c>
      <c r="W808" s="53">
        <v>-45.33</v>
      </c>
      <c r="X808" s="53">
        <v>-45.33</v>
      </c>
      <c r="Y808" s="53">
        <v>-45.33</v>
      </c>
      <c r="Z808" s="53">
        <v>-45.33</v>
      </c>
      <c r="AA808" s="53">
        <v>-45.33</v>
      </c>
      <c r="AB808" s="53">
        <v>-45.33</v>
      </c>
      <c r="AC808" s="53">
        <v>-45.33</v>
      </c>
      <c r="AD808" s="53">
        <v>-45.33</v>
      </c>
      <c r="AE808" s="53">
        <v>-45.33</v>
      </c>
      <c r="AF808" s="53">
        <v>-45.33</v>
      </c>
      <c r="AG808" s="53">
        <v>-45.33</v>
      </c>
      <c r="AH808" s="53">
        <v>-45.33</v>
      </c>
      <c r="AI808" s="53">
        <v>-45.33</v>
      </c>
      <c r="AJ808" s="53">
        <v>-45.33</v>
      </c>
      <c r="AK808" s="53">
        <v>-45.33</v>
      </c>
      <c r="AL808" s="53">
        <v>-45.33</v>
      </c>
      <c r="AM808" s="53">
        <v>-45.33</v>
      </c>
      <c r="AN808" s="53">
        <v>-45.33</v>
      </c>
      <c r="AO808" s="53">
        <v>-45.33</v>
      </c>
      <c r="AP808" s="53">
        <v>-45.33</v>
      </c>
      <c r="AQ808" s="53">
        <v>-45.33</v>
      </c>
      <c r="AR808" s="53">
        <v>-45.33</v>
      </c>
      <c r="AS808" s="53">
        <v>-45.33</v>
      </c>
      <c r="AT808" s="53">
        <v>-45.33</v>
      </c>
      <c r="AU808" s="53">
        <v>-45.33</v>
      </c>
      <c r="AV808" s="53">
        <v>-45.33</v>
      </c>
      <c r="AW808" s="53">
        <v>-45.33</v>
      </c>
      <c r="AX808" s="53">
        <v>-45.33</v>
      </c>
      <c r="AY808" s="53">
        <v>-45.33</v>
      </c>
      <c r="AZ808" s="53">
        <v>-45.33</v>
      </c>
      <c r="BA808" s="53">
        <v>-45.33</v>
      </c>
    </row>
    <row r="809" spans="1:53">
      <c r="A809" s="52" t="s">
        <v>3316</v>
      </c>
      <c r="B809" s="53">
        <v>0</v>
      </c>
      <c r="C809" s="53">
        <v>0</v>
      </c>
      <c r="D809" s="53">
        <v>0</v>
      </c>
      <c r="E809" s="53">
        <v>0</v>
      </c>
      <c r="F809" s="53">
        <v>0</v>
      </c>
      <c r="G809" s="53">
        <v>0</v>
      </c>
      <c r="H809" s="53">
        <v>0</v>
      </c>
      <c r="I809" s="53">
        <v>0</v>
      </c>
      <c r="J809" s="53">
        <v>0</v>
      </c>
      <c r="K809" s="53">
        <v>0</v>
      </c>
      <c r="L809" s="53">
        <v>0</v>
      </c>
      <c r="M809" s="53">
        <v>0</v>
      </c>
      <c r="N809" s="53">
        <v>0</v>
      </c>
      <c r="O809" s="53">
        <v>0</v>
      </c>
      <c r="P809" s="53">
        <v>0</v>
      </c>
      <c r="Q809" s="53">
        <v>0</v>
      </c>
      <c r="R809" s="53">
        <v>0</v>
      </c>
      <c r="S809" s="53">
        <v>0</v>
      </c>
      <c r="T809" s="53">
        <v>0</v>
      </c>
      <c r="U809" s="53">
        <v>0</v>
      </c>
      <c r="V809" s="53">
        <v>0</v>
      </c>
      <c r="W809" s="53">
        <v>0</v>
      </c>
      <c r="X809" s="53">
        <v>0</v>
      </c>
      <c r="Y809" s="53">
        <v>0</v>
      </c>
      <c r="Z809" s="53">
        <v>0</v>
      </c>
      <c r="AA809" s="53">
        <v>0</v>
      </c>
      <c r="AB809" s="53">
        <v>0</v>
      </c>
      <c r="AC809" s="53">
        <v>0</v>
      </c>
      <c r="AD809" s="53">
        <v>0</v>
      </c>
      <c r="AE809" s="53">
        <v>0</v>
      </c>
      <c r="AF809" s="53">
        <v>0</v>
      </c>
      <c r="AG809" s="53">
        <v>0</v>
      </c>
      <c r="AH809" s="53">
        <v>0</v>
      </c>
      <c r="AI809" s="53">
        <v>0</v>
      </c>
      <c r="AJ809" s="53">
        <v>0</v>
      </c>
      <c r="AK809" s="53">
        <v>0</v>
      </c>
      <c r="AL809" s="53">
        <v>0</v>
      </c>
      <c r="AM809" s="53">
        <v>0</v>
      </c>
      <c r="AN809" s="53">
        <v>0</v>
      </c>
      <c r="AO809" s="53">
        <v>0</v>
      </c>
      <c r="AP809" s="53">
        <v>0</v>
      </c>
      <c r="AQ809" s="53">
        <v>0</v>
      </c>
      <c r="AR809" s="53">
        <v>0</v>
      </c>
      <c r="AS809" s="53">
        <v>0</v>
      </c>
      <c r="AT809" s="53">
        <v>0</v>
      </c>
      <c r="AU809" s="53">
        <v>0</v>
      </c>
      <c r="AV809" s="53">
        <v>0</v>
      </c>
      <c r="AW809" s="53">
        <v>0</v>
      </c>
      <c r="AX809" s="53">
        <v>0</v>
      </c>
      <c r="AY809" s="53">
        <v>0</v>
      </c>
      <c r="AZ809" s="53">
        <v>0</v>
      </c>
      <c r="BA809" s="53">
        <v>0</v>
      </c>
    </row>
    <row r="810" spans="1:53">
      <c r="A810" s="52" t="s">
        <v>3317</v>
      </c>
      <c r="B810" s="53">
        <v>0</v>
      </c>
      <c r="C810" s="53">
        <v>0</v>
      </c>
      <c r="D810" s="53">
        <v>0</v>
      </c>
      <c r="E810" s="53">
        <v>0</v>
      </c>
      <c r="F810" s="53">
        <v>0</v>
      </c>
      <c r="G810" s="53">
        <v>0</v>
      </c>
      <c r="H810" s="53">
        <v>0</v>
      </c>
      <c r="I810" s="53">
        <v>0</v>
      </c>
      <c r="J810" s="53">
        <v>0</v>
      </c>
      <c r="K810" s="53">
        <v>0</v>
      </c>
      <c r="L810" s="53">
        <v>0</v>
      </c>
      <c r="M810" s="53">
        <v>0</v>
      </c>
      <c r="N810" s="53">
        <v>0</v>
      </c>
      <c r="O810" s="53">
        <v>0</v>
      </c>
      <c r="P810" s="53">
        <v>0</v>
      </c>
      <c r="Q810" s="53">
        <v>0</v>
      </c>
      <c r="R810" s="53">
        <v>0</v>
      </c>
      <c r="S810" s="53">
        <v>0</v>
      </c>
      <c r="T810" s="53">
        <v>0</v>
      </c>
      <c r="U810" s="53">
        <v>0</v>
      </c>
      <c r="V810" s="53">
        <v>0</v>
      </c>
      <c r="W810" s="53">
        <v>0</v>
      </c>
      <c r="X810" s="53">
        <v>0</v>
      </c>
      <c r="Y810" s="53">
        <v>0</v>
      </c>
      <c r="Z810" s="53">
        <v>0</v>
      </c>
      <c r="AA810" s="53">
        <v>0</v>
      </c>
      <c r="AB810" s="53">
        <v>0</v>
      </c>
      <c r="AC810" s="53">
        <v>0</v>
      </c>
      <c r="AD810" s="53">
        <v>0</v>
      </c>
      <c r="AE810" s="53">
        <v>0</v>
      </c>
      <c r="AF810" s="53">
        <v>0</v>
      </c>
      <c r="AG810" s="53">
        <v>0</v>
      </c>
      <c r="AH810" s="53">
        <v>0</v>
      </c>
      <c r="AI810" s="53">
        <v>0</v>
      </c>
      <c r="AJ810" s="53">
        <v>0</v>
      </c>
      <c r="AK810" s="53">
        <v>0</v>
      </c>
      <c r="AL810" s="53">
        <v>0</v>
      </c>
      <c r="AM810" s="53">
        <v>0</v>
      </c>
      <c r="AN810" s="53">
        <v>0</v>
      </c>
      <c r="AO810" s="53">
        <v>0</v>
      </c>
      <c r="AP810" s="53">
        <v>0</v>
      </c>
      <c r="AQ810" s="53">
        <v>0</v>
      </c>
      <c r="AR810" s="53">
        <v>0</v>
      </c>
      <c r="AS810" s="53">
        <v>0</v>
      </c>
      <c r="AT810" s="53">
        <v>0</v>
      </c>
      <c r="AU810" s="53">
        <v>0</v>
      </c>
      <c r="AV810" s="53">
        <v>0</v>
      </c>
      <c r="AW810" s="53">
        <v>0</v>
      </c>
      <c r="AX810" s="53">
        <v>0</v>
      </c>
      <c r="AY810" s="53">
        <v>0</v>
      </c>
      <c r="AZ810" s="53">
        <v>0</v>
      </c>
      <c r="BA810" s="53">
        <v>0</v>
      </c>
    </row>
    <row r="811" spans="1:53">
      <c r="A811" s="52" t="s">
        <v>3318</v>
      </c>
      <c r="B811" s="53">
        <v>-42285013.57</v>
      </c>
      <c r="C811" s="53">
        <v>-42285013.57</v>
      </c>
      <c r="D811" s="53">
        <v>-42285013.57</v>
      </c>
      <c r="E811" s="53">
        <v>-42285013.57</v>
      </c>
      <c r="F811" s="53">
        <v>-42285013.57</v>
      </c>
      <c r="G811" s="53">
        <v>-42285013.57</v>
      </c>
      <c r="H811" s="53">
        <v>-42285013.57</v>
      </c>
      <c r="I811" s="53">
        <v>-42285013.57</v>
      </c>
      <c r="J811" s="53">
        <v>-42285013.57</v>
      </c>
      <c r="K811" s="53">
        <v>-42285013.57</v>
      </c>
      <c r="L811" s="53">
        <v>-42285013.57</v>
      </c>
      <c r="M811" s="53">
        <v>-42285013.57</v>
      </c>
      <c r="N811" s="53">
        <v>-42285013.57</v>
      </c>
      <c r="O811" s="53">
        <v>-42285013.57</v>
      </c>
      <c r="P811" s="53">
        <v>-42285013.57</v>
      </c>
      <c r="Q811" s="53">
        <v>-42285013.57</v>
      </c>
      <c r="R811" s="53">
        <v>-42285013.57</v>
      </c>
      <c r="S811" s="53">
        <v>-42285013.57</v>
      </c>
      <c r="T811" s="53">
        <v>-42285013.57</v>
      </c>
      <c r="U811" s="53">
        <v>-42285013.57</v>
      </c>
      <c r="V811" s="53">
        <v>-42285013.57</v>
      </c>
      <c r="W811" s="53">
        <v>-42285013.57</v>
      </c>
      <c r="X811" s="53">
        <v>-42285013.57</v>
      </c>
      <c r="Y811" s="53">
        <v>-42285013.57</v>
      </c>
      <c r="Z811" s="53">
        <v>-42285013.57</v>
      </c>
      <c r="AA811" s="53">
        <v>-42285013.57</v>
      </c>
      <c r="AB811" s="53">
        <v>-42285013.57</v>
      </c>
      <c r="AC811" s="53">
        <v>-42285013.57</v>
      </c>
      <c r="AD811" s="53">
        <v>-42285013.57</v>
      </c>
      <c r="AE811" s="53">
        <v>-42285013.57</v>
      </c>
      <c r="AF811" s="53">
        <v>-42285013.57</v>
      </c>
      <c r="AG811" s="53">
        <v>-42285013.57</v>
      </c>
      <c r="AH811" s="53">
        <v>-42285013.57</v>
      </c>
      <c r="AI811" s="53">
        <v>-42285013.57</v>
      </c>
      <c r="AJ811" s="53">
        <v>-42285013.57</v>
      </c>
      <c r="AK811" s="53">
        <v>-42285013.57</v>
      </c>
      <c r="AL811" s="53">
        <v>-42285013.57</v>
      </c>
      <c r="AM811" s="53">
        <v>-42285013.57</v>
      </c>
      <c r="AN811" s="53">
        <v>-42285013.57</v>
      </c>
      <c r="AO811" s="53">
        <v>-42285013.57</v>
      </c>
      <c r="AP811" s="53">
        <v>-42285013.57</v>
      </c>
      <c r="AQ811" s="53">
        <v>-42285013.57</v>
      </c>
      <c r="AR811" s="53">
        <v>-42285013.57</v>
      </c>
      <c r="AS811" s="53">
        <v>-42285013.57</v>
      </c>
      <c r="AT811" s="53">
        <v>-42285013.57</v>
      </c>
      <c r="AU811" s="53">
        <v>-42285013.57</v>
      </c>
      <c r="AV811" s="53">
        <v>-42285013.57</v>
      </c>
      <c r="AW811" s="53">
        <v>-42285013.57</v>
      </c>
      <c r="AX811" s="53">
        <v>-42285013.57</v>
      </c>
      <c r="AY811" s="53">
        <v>-42285013.57</v>
      </c>
      <c r="AZ811" s="53">
        <v>-42285013.57</v>
      </c>
      <c r="BA811" s="53">
        <v>-42285013.57</v>
      </c>
    </row>
    <row r="812" spans="1:53">
      <c r="A812" s="52" t="s">
        <v>3319</v>
      </c>
      <c r="B812" s="53">
        <v>0</v>
      </c>
      <c r="C812" s="53">
        <v>0</v>
      </c>
      <c r="D812" s="53">
        <v>0</v>
      </c>
      <c r="E812" s="53">
        <v>0</v>
      </c>
      <c r="F812" s="53">
        <v>0</v>
      </c>
      <c r="G812" s="53">
        <v>0</v>
      </c>
      <c r="H812" s="53">
        <v>0</v>
      </c>
      <c r="I812" s="53">
        <v>0</v>
      </c>
      <c r="J812" s="53">
        <v>0</v>
      </c>
      <c r="K812" s="53">
        <v>0</v>
      </c>
      <c r="L812" s="53">
        <v>0</v>
      </c>
      <c r="M812" s="53">
        <v>0</v>
      </c>
      <c r="N812" s="53">
        <v>0</v>
      </c>
      <c r="O812" s="53">
        <v>0</v>
      </c>
      <c r="P812" s="53">
        <v>0</v>
      </c>
      <c r="Q812" s="53">
        <v>0</v>
      </c>
      <c r="R812" s="53">
        <v>0</v>
      </c>
      <c r="S812" s="53">
        <v>0</v>
      </c>
      <c r="T812" s="53">
        <v>0</v>
      </c>
      <c r="U812" s="53">
        <v>0</v>
      </c>
      <c r="V812" s="53">
        <v>0</v>
      </c>
      <c r="W812" s="53">
        <v>0</v>
      </c>
      <c r="X812" s="53">
        <v>0</v>
      </c>
      <c r="Y812" s="53">
        <v>0</v>
      </c>
      <c r="Z812" s="53">
        <v>0</v>
      </c>
      <c r="AA812" s="53">
        <v>0</v>
      </c>
      <c r="AB812" s="53">
        <v>0</v>
      </c>
      <c r="AC812" s="53">
        <v>0</v>
      </c>
      <c r="AD812" s="53">
        <v>0</v>
      </c>
      <c r="AE812" s="53">
        <v>0</v>
      </c>
      <c r="AF812" s="53">
        <v>0</v>
      </c>
      <c r="AG812" s="53">
        <v>0</v>
      </c>
      <c r="AH812" s="53">
        <v>0</v>
      </c>
      <c r="AI812" s="53">
        <v>0</v>
      </c>
      <c r="AJ812" s="53">
        <v>0</v>
      </c>
      <c r="AK812" s="53">
        <v>0</v>
      </c>
      <c r="AL812" s="53">
        <v>0</v>
      </c>
      <c r="AM812" s="53">
        <v>0</v>
      </c>
      <c r="AN812" s="53">
        <v>0</v>
      </c>
      <c r="AO812" s="53">
        <v>0</v>
      </c>
      <c r="AP812" s="53">
        <v>0</v>
      </c>
      <c r="AQ812" s="53">
        <v>0</v>
      </c>
      <c r="AR812" s="53">
        <v>0</v>
      </c>
      <c r="AS812" s="53">
        <v>0</v>
      </c>
      <c r="AT812" s="53">
        <v>0</v>
      </c>
      <c r="AU812" s="53">
        <v>0</v>
      </c>
      <c r="AV812" s="53">
        <v>0</v>
      </c>
      <c r="AW812" s="53">
        <v>0</v>
      </c>
      <c r="AX812" s="53">
        <v>0</v>
      </c>
      <c r="AY812" s="53">
        <v>0</v>
      </c>
      <c r="AZ812" s="53">
        <v>0</v>
      </c>
      <c r="BA812" s="53">
        <v>0</v>
      </c>
    </row>
    <row r="813" spans="1:53">
      <c r="A813" s="52" t="s">
        <v>3320</v>
      </c>
      <c r="B813" s="53">
        <v>0</v>
      </c>
      <c r="C813" s="53">
        <v>0</v>
      </c>
      <c r="D813" s="53">
        <v>0</v>
      </c>
      <c r="E813" s="53">
        <v>0</v>
      </c>
      <c r="F813" s="53">
        <v>0</v>
      </c>
      <c r="G813" s="53">
        <v>0</v>
      </c>
      <c r="H813" s="53">
        <v>0</v>
      </c>
      <c r="I813" s="53">
        <v>0</v>
      </c>
      <c r="J813" s="53">
        <v>0</v>
      </c>
      <c r="K813" s="53">
        <v>0</v>
      </c>
      <c r="L813" s="53">
        <v>0</v>
      </c>
      <c r="M813" s="53">
        <v>0</v>
      </c>
      <c r="N813" s="53">
        <v>0</v>
      </c>
      <c r="O813" s="53">
        <v>0</v>
      </c>
      <c r="P813" s="53">
        <v>0</v>
      </c>
      <c r="Q813" s="53">
        <v>0</v>
      </c>
      <c r="R813" s="53">
        <v>0</v>
      </c>
      <c r="S813" s="53">
        <v>0</v>
      </c>
      <c r="T813" s="53">
        <v>0</v>
      </c>
      <c r="U813" s="53">
        <v>0</v>
      </c>
      <c r="V813" s="53">
        <v>0</v>
      </c>
      <c r="W813" s="53">
        <v>0</v>
      </c>
      <c r="X813" s="53">
        <v>0</v>
      </c>
      <c r="Y813" s="53">
        <v>0</v>
      </c>
      <c r="Z813" s="53">
        <v>0</v>
      </c>
      <c r="AA813" s="53">
        <v>0</v>
      </c>
      <c r="AB813" s="53">
        <v>0</v>
      </c>
      <c r="AC813" s="53">
        <v>0</v>
      </c>
      <c r="AD813" s="53">
        <v>0</v>
      </c>
      <c r="AE813" s="53">
        <v>0</v>
      </c>
      <c r="AF813" s="53">
        <v>0</v>
      </c>
      <c r="AG813" s="53">
        <v>0</v>
      </c>
      <c r="AH813" s="53">
        <v>0</v>
      </c>
      <c r="AI813" s="53">
        <v>0</v>
      </c>
      <c r="AJ813" s="53">
        <v>0</v>
      </c>
      <c r="AK813" s="53">
        <v>0</v>
      </c>
      <c r="AL813" s="53">
        <v>0</v>
      </c>
      <c r="AM813" s="53">
        <v>0</v>
      </c>
      <c r="AN813" s="53">
        <v>0</v>
      </c>
      <c r="AO813" s="53">
        <v>0</v>
      </c>
      <c r="AP813" s="53">
        <v>0</v>
      </c>
      <c r="AQ813" s="53">
        <v>0</v>
      </c>
      <c r="AR813" s="53">
        <v>0</v>
      </c>
      <c r="AS813" s="53">
        <v>0</v>
      </c>
      <c r="AT813" s="53">
        <v>0</v>
      </c>
      <c r="AU813" s="53">
        <v>0</v>
      </c>
      <c r="AV813" s="53">
        <v>0</v>
      </c>
      <c r="AW813" s="53">
        <v>0</v>
      </c>
      <c r="AX813" s="53">
        <v>0</v>
      </c>
      <c r="AY813" s="53">
        <v>0</v>
      </c>
      <c r="AZ813" s="53">
        <v>0</v>
      </c>
      <c r="BA813" s="53">
        <v>0</v>
      </c>
    </row>
    <row r="814" spans="1:53">
      <c r="A814" s="52" t="s">
        <v>3321</v>
      </c>
      <c r="B814" s="53">
        <v>0</v>
      </c>
      <c r="C814" s="53">
        <v>0</v>
      </c>
      <c r="D814" s="53">
        <v>0</v>
      </c>
      <c r="E814" s="53">
        <v>0</v>
      </c>
      <c r="F814" s="53">
        <v>0</v>
      </c>
      <c r="G814" s="53">
        <v>0</v>
      </c>
      <c r="H814" s="53">
        <v>0</v>
      </c>
      <c r="I814" s="53">
        <v>0</v>
      </c>
      <c r="J814" s="53">
        <v>0</v>
      </c>
      <c r="K814" s="53">
        <v>0</v>
      </c>
      <c r="L814" s="53">
        <v>0</v>
      </c>
      <c r="M814" s="53">
        <v>0</v>
      </c>
      <c r="N814" s="53">
        <v>0</v>
      </c>
      <c r="O814" s="53">
        <v>0</v>
      </c>
      <c r="P814" s="53">
        <v>0</v>
      </c>
      <c r="Q814" s="53">
        <v>0</v>
      </c>
      <c r="R814" s="53">
        <v>0</v>
      </c>
      <c r="S814" s="53">
        <v>0</v>
      </c>
      <c r="T814" s="53">
        <v>0</v>
      </c>
      <c r="U814" s="53">
        <v>0</v>
      </c>
      <c r="V814" s="53">
        <v>0</v>
      </c>
      <c r="W814" s="53">
        <v>0</v>
      </c>
      <c r="X814" s="53">
        <v>0</v>
      </c>
      <c r="Y814" s="53">
        <v>0</v>
      </c>
      <c r="Z814" s="53">
        <v>0</v>
      </c>
      <c r="AA814" s="53">
        <v>0</v>
      </c>
      <c r="AB814" s="53">
        <v>0</v>
      </c>
      <c r="AC814" s="53">
        <v>0</v>
      </c>
      <c r="AD814" s="53">
        <v>0</v>
      </c>
      <c r="AE814" s="53">
        <v>0</v>
      </c>
      <c r="AF814" s="53">
        <v>0</v>
      </c>
      <c r="AG814" s="53">
        <v>0</v>
      </c>
      <c r="AH814" s="53">
        <v>0</v>
      </c>
      <c r="AI814" s="53">
        <v>0</v>
      </c>
      <c r="AJ814" s="53">
        <v>0</v>
      </c>
      <c r="AK814" s="53">
        <v>0</v>
      </c>
      <c r="AL814" s="53">
        <v>0</v>
      </c>
      <c r="AM814" s="53">
        <v>0</v>
      </c>
      <c r="AN814" s="53">
        <v>0</v>
      </c>
      <c r="AO814" s="53">
        <v>0</v>
      </c>
      <c r="AP814" s="53">
        <v>0</v>
      </c>
      <c r="AQ814" s="53">
        <v>0</v>
      </c>
      <c r="AR814" s="53">
        <v>0</v>
      </c>
      <c r="AS814" s="53">
        <v>0</v>
      </c>
      <c r="AT814" s="53">
        <v>0</v>
      </c>
      <c r="AU814" s="53">
        <v>0</v>
      </c>
      <c r="AV814" s="53">
        <v>0</v>
      </c>
      <c r="AW814" s="53">
        <v>0</v>
      </c>
      <c r="AX814" s="53">
        <v>0</v>
      </c>
      <c r="AY814" s="53">
        <v>0</v>
      </c>
      <c r="AZ814" s="53">
        <v>0</v>
      </c>
      <c r="BA814" s="53">
        <v>0</v>
      </c>
    </row>
    <row r="815" spans="1:53">
      <c r="A815" s="52" t="s">
        <v>3322</v>
      </c>
      <c r="B815" s="53">
        <v>0</v>
      </c>
      <c r="C815" s="53">
        <v>0</v>
      </c>
      <c r="D815" s="53">
        <v>0</v>
      </c>
      <c r="E815" s="53">
        <v>0</v>
      </c>
      <c r="F815" s="53">
        <v>0</v>
      </c>
      <c r="G815" s="53">
        <v>0</v>
      </c>
      <c r="H815" s="53">
        <v>0</v>
      </c>
      <c r="I815" s="53">
        <v>0</v>
      </c>
      <c r="J815" s="53">
        <v>0</v>
      </c>
      <c r="K815" s="53">
        <v>0</v>
      </c>
      <c r="L815" s="53">
        <v>0</v>
      </c>
      <c r="M815" s="53">
        <v>0</v>
      </c>
      <c r="N815" s="53">
        <v>0</v>
      </c>
      <c r="O815" s="53">
        <v>0</v>
      </c>
      <c r="P815" s="53">
        <v>0</v>
      </c>
      <c r="Q815" s="53">
        <v>0</v>
      </c>
      <c r="R815" s="53">
        <v>0</v>
      </c>
      <c r="S815" s="53">
        <v>0</v>
      </c>
      <c r="T815" s="53">
        <v>0</v>
      </c>
      <c r="U815" s="53">
        <v>0</v>
      </c>
      <c r="V815" s="53">
        <v>0</v>
      </c>
      <c r="W815" s="53">
        <v>0</v>
      </c>
      <c r="X815" s="53">
        <v>0</v>
      </c>
      <c r="Y815" s="53">
        <v>0</v>
      </c>
      <c r="Z815" s="53">
        <v>0</v>
      </c>
      <c r="AA815" s="53">
        <v>0</v>
      </c>
      <c r="AB815" s="53">
        <v>0</v>
      </c>
      <c r="AC815" s="53">
        <v>0</v>
      </c>
      <c r="AD815" s="53">
        <v>0</v>
      </c>
      <c r="AE815" s="53">
        <v>0</v>
      </c>
      <c r="AF815" s="53">
        <v>0</v>
      </c>
      <c r="AG815" s="53">
        <v>0</v>
      </c>
      <c r="AH815" s="53">
        <v>0</v>
      </c>
      <c r="AI815" s="53">
        <v>0</v>
      </c>
      <c r="AJ815" s="53">
        <v>0</v>
      </c>
      <c r="AK815" s="53">
        <v>0</v>
      </c>
      <c r="AL815" s="53">
        <v>0</v>
      </c>
      <c r="AM815" s="53">
        <v>0</v>
      </c>
      <c r="AN815" s="53">
        <v>0</v>
      </c>
      <c r="AO815" s="53">
        <v>0</v>
      </c>
      <c r="AP815" s="53">
        <v>0</v>
      </c>
      <c r="AQ815" s="53">
        <v>0</v>
      </c>
      <c r="AR815" s="53">
        <v>0</v>
      </c>
      <c r="AS815" s="53">
        <v>0</v>
      </c>
      <c r="AT815" s="53">
        <v>0</v>
      </c>
      <c r="AU815" s="53">
        <v>0</v>
      </c>
      <c r="AV815" s="53">
        <v>0</v>
      </c>
      <c r="AW815" s="53">
        <v>0</v>
      </c>
      <c r="AX815" s="53">
        <v>0</v>
      </c>
      <c r="AY815" s="53">
        <v>0</v>
      </c>
      <c r="AZ815" s="53">
        <v>0</v>
      </c>
      <c r="BA815" s="53">
        <v>0</v>
      </c>
    </row>
    <row r="816" spans="1:53">
      <c r="A816" s="52" t="s">
        <v>3323</v>
      </c>
      <c r="B816" s="53">
        <v>0</v>
      </c>
      <c r="C816" s="53">
        <v>0</v>
      </c>
      <c r="D816" s="53">
        <v>0</v>
      </c>
      <c r="E816" s="53">
        <v>0</v>
      </c>
      <c r="F816" s="53">
        <v>0</v>
      </c>
      <c r="G816" s="53">
        <v>0</v>
      </c>
      <c r="H816" s="53">
        <v>0</v>
      </c>
      <c r="I816" s="53">
        <v>0</v>
      </c>
      <c r="J816" s="53">
        <v>0</v>
      </c>
      <c r="K816" s="53">
        <v>0</v>
      </c>
      <c r="L816" s="53">
        <v>0</v>
      </c>
      <c r="M816" s="53">
        <v>0</v>
      </c>
      <c r="N816" s="53">
        <v>0</v>
      </c>
      <c r="O816" s="53">
        <v>0</v>
      </c>
      <c r="P816" s="53">
        <v>0</v>
      </c>
      <c r="Q816" s="53">
        <v>0</v>
      </c>
      <c r="R816" s="53">
        <v>0</v>
      </c>
      <c r="S816" s="53">
        <v>0</v>
      </c>
      <c r="T816" s="53">
        <v>0</v>
      </c>
      <c r="U816" s="53">
        <v>0</v>
      </c>
      <c r="V816" s="53">
        <v>0</v>
      </c>
      <c r="W816" s="53">
        <v>0</v>
      </c>
      <c r="X816" s="53">
        <v>0</v>
      </c>
      <c r="Y816" s="53">
        <v>0</v>
      </c>
      <c r="Z816" s="53">
        <v>0</v>
      </c>
      <c r="AA816" s="53">
        <v>0</v>
      </c>
      <c r="AB816" s="53">
        <v>0</v>
      </c>
      <c r="AC816" s="53">
        <v>0</v>
      </c>
      <c r="AD816" s="53">
        <v>0</v>
      </c>
      <c r="AE816" s="53">
        <v>0</v>
      </c>
      <c r="AF816" s="53">
        <v>0</v>
      </c>
      <c r="AG816" s="53">
        <v>0</v>
      </c>
      <c r="AH816" s="53">
        <v>0</v>
      </c>
      <c r="AI816" s="53">
        <v>0</v>
      </c>
      <c r="AJ816" s="53">
        <v>0</v>
      </c>
      <c r="AK816" s="53">
        <v>0</v>
      </c>
      <c r="AL816" s="53">
        <v>0</v>
      </c>
      <c r="AM816" s="53">
        <v>0</v>
      </c>
      <c r="AN816" s="53">
        <v>0</v>
      </c>
      <c r="AO816" s="53">
        <v>0</v>
      </c>
      <c r="AP816" s="53">
        <v>0</v>
      </c>
      <c r="AQ816" s="53">
        <v>0</v>
      </c>
      <c r="AR816" s="53">
        <v>0</v>
      </c>
      <c r="AS816" s="53">
        <v>0</v>
      </c>
      <c r="AT816" s="53">
        <v>0</v>
      </c>
      <c r="AU816" s="53">
        <v>0</v>
      </c>
      <c r="AV816" s="53">
        <v>0</v>
      </c>
      <c r="AW816" s="53">
        <v>0</v>
      </c>
      <c r="AX816" s="53">
        <v>0</v>
      </c>
      <c r="AY816" s="53">
        <v>0</v>
      </c>
      <c r="AZ816" s="53">
        <v>0</v>
      </c>
      <c r="BA816" s="53">
        <v>0</v>
      </c>
    </row>
    <row r="817" spans="1:53">
      <c r="A817" s="52" t="s">
        <v>3324</v>
      </c>
      <c r="B817" s="53">
        <v>-46871038.020000003</v>
      </c>
      <c r="C817" s="53">
        <v>-46871038.020000003</v>
      </c>
      <c r="D817" s="53">
        <v>-46871038.020000003</v>
      </c>
      <c r="E817" s="53">
        <v>-46871038.020000003</v>
      </c>
      <c r="F817" s="53">
        <v>-46871038.020000003</v>
      </c>
      <c r="G817" s="53">
        <v>-46871038.020000003</v>
      </c>
      <c r="H817" s="53">
        <v>-46871038.020000003</v>
      </c>
      <c r="I817" s="53">
        <v>-46871038.020000003</v>
      </c>
      <c r="J817" s="53">
        <v>-46871038.020000003</v>
      </c>
      <c r="K817" s="53">
        <v>-46871038.020000003</v>
      </c>
      <c r="L817" s="53">
        <v>-46871038.020000003</v>
      </c>
      <c r="M817" s="53">
        <v>-46871038.020000003</v>
      </c>
      <c r="N817" s="53">
        <v>-46871038.020000003</v>
      </c>
      <c r="O817" s="53">
        <v>-46871038.020000003</v>
      </c>
      <c r="P817" s="53">
        <v>-46871038.020000003</v>
      </c>
      <c r="Q817" s="53">
        <v>-46871038.020000003</v>
      </c>
      <c r="R817" s="53">
        <v>-46871038.020000003</v>
      </c>
      <c r="S817" s="53">
        <v>-46871038.020000003</v>
      </c>
      <c r="T817" s="53">
        <v>-46871038.020000003</v>
      </c>
      <c r="U817" s="53">
        <v>-46871038.020000003</v>
      </c>
      <c r="V817" s="53">
        <v>-46871038.020000003</v>
      </c>
      <c r="W817" s="53">
        <v>-46871038.020000003</v>
      </c>
      <c r="X817" s="53">
        <v>-46871038.020000003</v>
      </c>
      <c r="Y817" s="53">
        <v>-46871038.020000003</v>
      </c>
      <c r="Z817" s="53">
        <v>-46871038.020000003</v>
      </c>
      <c r="AA817" s="53">
        <v>-46871038.020000003</v>
      </c>
      <c r="AB817" s="53">
        <v>-46871038.020000003</v>
      </c>
      <c r="AC817" s="53">
        <v>-46871038.020000003</v>
      </c>
      <c r="AD817" s="53">
        <v>-46871038.020000003</v>
      </c>
      <c r="AE817" s="53">
        <v>-46871038.020000003</v>
      </c>
      <c r="AF817" s="53">
        <v>-46871038.020000003</v>
      </c>
      <c r="AG817" s="53">
        <v>-46871038.020000003</v>
      </c>
      <c r="AH817" s="53">
        <v>-46871038.020000003</v>
      </c>
      <c r="AI817" s="53">
        <v>-46871038.020000003</v>
      </c>
      <c r="AJ817" s="53">
        <v>-46871038.020000003</v>
      </c>
      <c r="AK817" s="53">
        <v>-46871038.020000003</v>
      </c>
      <c r="AL817" s="53">
        <v>-46871038.020000003</v>
      </c>
      <c r="AM817" s="53">
        <v>-46871038.020000003</v>
      </c>
      <c r="AN817" s="53">
        <v>-46871038.020000003</v>
      </c>
      <c r="AO817" s="53">
        <v>-46871038.020000003</v>
      </c>
      <c r="AP817" s="53">
        <v>-46871038.020000003</v>
      </c>
      <c r="AQ817" s="53">
        <v>-46871038.020000003</v>
      </c>
      <c r="AR817" s="53">
        <v>-46871038.020000003</v>
      </c>
      <c r="AS817" s="53">
        <v>-46871038.020000003</v>
      </c>
      <c r="AT817" s="53">
        <v>-46871038.020000003</v>
      </c>
      <c r="AU817" s="53">
        <v>-46871038.020000003</v>
      </c>
      <c r="AV817" s="53">
        <v>-46871038.020000003</v>
      </c>
      <c r="AW817" s="53">
        <v>-46871038.020000003</v>
      </c>
      <c r="AX817" s="53">
        <v>-46871038.020000003</v>
      </c>
      <c r="AY817" s="53">
        <v>-46871038.020000003</v>
      </c>
      <c r="AZ817" s="53">
        <v>-46871038.020000003</v>
      </c>
      <c r="BA817" s="53">
        <v>-46871038.020000003</v>
      </c>
    </row>
    <row r="818" spans="1:53">
      <c r="A818" s="52" t="s">
        <v>3325</v>
      </c>
      <c r="B818" s="53">
        <v>-6699772.4800000004</v>
      </c>
      <c r="C818" s="53">
        <v>-6699772.4800000004</v>
      </c>
      <c r="D818" s="53">
        <v>-6699772.4800000004</v>
      </c>
      <c r="E818" s="53">
        <v>-6699772.4800000004</v>
      </c>
      <c r="F818" s="53">
        <v>-6699772.4800000004</v>
      </c>
      <c r="G818" s="53">
        <v>-6699772.4800000004</v>
      </c>
      <c r="H818" s="53">
        <v>-6699772.4800000004</v>
      </c>
      <c r="I818" s="53">
        <v>-6699772.4800000004</v>
      </c>
      <c r="J818" s="53">
        <v>-6699772.4800000004</v>
      </c>
      <c r="K818" s="53">
        <v>-6699772.4800000004</v>
      </c>
      <c r="L818" s="53">
        <v>-6699772.4800000004</v>
      </c>
      <c r="M818" s="53">
        <v>-6699772.4800000004</v>
      </c>
      <c r="N818" s="53">
        <v>-6699772.4800000004</v>
      </c>
      <c r="O818" s="53">
        <v>-6699772.4800000004</v>
      </c>
      <c r="P818" s="53">
        <v>-6699772.4800000004</v>
      </c>
      <c r="Q818" s="53">
        <v>-6699772.4800000004</v>
      </c>
      <c r="R818" s="53">
        <v>-6699772.4800000004</v>
      </c>
      <c r="S818" s="53">
        <v>-6699772.4800000004</v>
      </c>
      <c r="T818" s="53">
        <v>-6699772.4800000004</v>
      </c>
      <c r="U818" s="53">
        <v>-6699772.4800000004</v>
      </c>
      <c r="V818" s="53">
        <v>-6699772.4800000004</v>
      </c>
      <c r="W818" s="53">
        <v>-6699772.4800000004</v>
      </c>
      <c r="X818" s="53">
        <v>-6699772.4800000004</v>
      </c>
      <c r="Y818" s="53">
        <v>-6699772.4800000004</v>
      </c>
      <c r="Z818" s="53">
        <v>-6699772.4800000004</v>
      </c>
      <c r="AA818" s="53">
        <v>-6699772.4800000004</v>
      </c>
      <c r="AB818" s="53">
        <v>-6699772.4800000004</v>
      </c>
      <c r="AC818" s="53">
        <v>-6699772.4800000004</v>
      </c>
      <c r="AD818" s="53">
        <v>-6699772.4800000004</v>
      </c>
      <c r="AE818" s="53">
        <v>-6699772.4800000004</v>
      </c>
      <c r="AF818" s="53">
        <v>-6699772.4800000004</v>
      </c>
      <c r="AG818" s="53">
        <v>-6699772.4800000004</v>
      </c>
      <c r="AH818" s="53">
        <v>-6699772.4800000004</v>
      </c>
      <c r="AI818" s="53">
        <v>-6699772.4800000004</v>
      </c>
      <c r="AJ818" s="53">
        <v>-6699772.4800000004</v>
      </c>
      <c r="AK818" s="53">
        <v>-6699772.4800000004</v>
      </c>
      <c r="AL818" s="53">
        <v>-6699772.4800000004</v>
      </c>
      <c r="AM818" s="53">
        <v>-6699772.4800000004</v>
      </c>
      <c r="AN818" s="53">
        <v>-6699772.4800000004</v>
      </c>
      <c r="AO818" s="53">
        <v>-6699772.4800000004</v>
      </c>
      <c r="AP818" s="53">
        <v>-6699772.4800000004</v>
      </c>
      <c r="AQ818" s="53">
        <v>-6699772.4800000004</v>
      </c>
      <c r="AR818" s="53">
        <v>-6699772.4800000004</v>
      </c>
      <c r="AS818" s="53">
        <v>-6699772.4800000004</v>
      </c>
      <c r="AT818" s="53">
        <v>-6699772.4800000004</v>
      </c>
      <c r="AU818" s="53">
        <v>-6699772.4800000004</v>
      </c>
      <c r="AV818" s="53">
        <v>-6699772.4800000004</v>
      </c>
      <c r="AW818" s="53">
        <v>-6699772.4800000004</v>
      </c>
      <c r="AX818" s="53">
        <v>-6699772.4800000004</v>
      </c>
      <c r="AY818" s="53">
        <v>-6699772.4800000004</v>
      </c>
      <c r="AZ818" s="53">
        <v>-6699772.4800000004</v>
      </c>
      <c r="BA818" s="53">
        <v>-6699772.4800000004</v>
      </c>
    </row>
    <row r="819" spans="1:53">
      <c r="A819" s="52" t="s">
        <v>3326</v>
      </c>
      <c r="B819" s="53">
        <v>-1157460.01</v>
      </c>
      <c r="C819" s="53">
        <v>-1157460.01</v>
      </c>
      <c r="D819" s="53">
        <v>-1157460.01</v>
      </c>
      <c r="E819" s="53">
        <v>-1157460.01</v>
      </c>
      <c r="F819" s="53">
        <v>-1157460.01</v>
      </c>
      <c r="G819" s="53">
        <v>-1157460.01</v>
      </c>
      <c r="H819" s="53">
        <v>-1157460.01</v>
      </c>
      <c r="I819" s="53">
        <v>-1157460.01</v>
      </c>
      <c r="J819" s="53">
        <v>-1157460.01</v>
      </c>
      <c r="K819" s="53">
        <v>-1157460.01</v>
      </c>
      <c r="L819" s="53">
        <v>-1157460.01</v>
      </c>
      <c r="M819" s="53">
        <v>-1157460.01</v>
      </c>
      <c r="N819" s="53">
        <v>-1157460.01</v>
      </c>
      <c r="O819" s="53">
        <v>-1157460.01</v>
      </c>
      <c r="P819" s="53">
        <v>-1157460.01</v>
      </c>
      <c r="Q819" s="53">
        <v>-1157460.01</v>
      </c>
      <c r="R819" s="53">
        <v>-1157460.01</v>
      </c>
      <c r="S819" s="53">
        <v>-1157460.01</v>
      </c>
      <c r="T819" s="53">
        <v>-1157460.01</v>
      </c>
      <c r="U819" s="53">
        <v>-1157460.01</v>
      </c>
      <c r="V819" s="53">
        <v>-1157460.01</v>
      </c>
      <c r="W819" s="53">
        <v>-1157460.01</v>
      </c>
      <c r="X819" s="53">
        <v>-1157460.01</v>
      </c>
      <c r="Y819" s="53">
        <v>-1157460.01</v>
      </c>
      <c r="Z819" s="53">
        <v>-1157460.01</v>
      </c>
      <c r="AA819" s="53">
        <v>-1157460.01</v>
      </c>
      <c r="AB819" s="53">
        <v>-1157460.01</v>
      </c>
      <c r="AC819" s="53">
        <v>-1157460.01</v>
      </c>
      <c r="AD819" s="53">
        <v>-1157460.01</v>
      </c>
      <c r="AE819" s="53">
        <v>-1157460.01</v>
      </c>
      <c r="AF819" s="53">
        <v>-1157460.01</v>
      </c>
      <c r="AG819" s="53">
        <v>-1157460.01</v>
      </c>
      <c r="AH819" s="53">
        <v>-1157460.01</v>
      </c>
      <c r="AI819" s="53">
        <v>-1157460.01</v>
      </c>
      <c r="AJ819" s="53">
        <v>-1157460.01</v>
      </c>
      <c r="AK819" s="53">
        <v>-1157460.01</v>
      </c>
      <c r="AL819" s="53">
        <v>-1157460.01</v>
      </c>
      <c r="AM819" s="53">
        <v>-1157460.01</v>
      </c>
      <c r="AN819" s="53">
        <v>-1157460.01</v>
      </c>
      <c r="AO819" s="53">
        <v>-1157460.01</v>
      </c>
      <c r="AP819" s="53">
        <v>-1157460.01</v>
      </c>
      <c r="AQ819" s="53">
        <v>-1157460.01</v>
      </c>
      <c r="AR819" s="53">
        <v>-1157460.01</v>
      </c>
      <c r="AS819" s="53">
        <v>-1157460.01</v>
      </c>
      <c r="AT819" s="53">
        <v>-1157460.01</v>
      </c>
      <c r="AU819" s="53">
        <v>-1157460.01</v>
      </c>
      <c r="AV819" s="53">
        <v>-1157460.01</v>
      </c>
      <c r="AW819" s="53">
        <v>-1157460.01</v>
      </c>
      <c r="AX819" s="53">
        <v>-1157460.01</v>
      </c>
      <c r="AY819" s="53">
        <v>-1157460.01</v>
      </c>
      <c r="AZ819" s="53">
        <v>-1157460.01</v>
      </c>
      <c r="BA819" s="53">
        <v>-1157460.01</v>
      </c>
    </row>
    <row r="820" spans="1:53">
      <c r="A820" s="52" t="s">
        <v>3327</v>
      </c>
      <c r="B820" s="53">
        <v>0</v>
      </c>
      <c r="C820" s="53">
        <v>0</v>
      </c>
      <c r="D820" s="53">
        <v>0</v>
      </c>
      <c r="E820" s="53">
        <v>0</v>
      </c>
      <c r="F820" s="53">
        <v>0</v>
      </c>
      <c r="G820" s="53">
        <v>0</v>
      </c>
      <c r="H820" s="53">
        <v>0</v>
      </c>
      <c r="I820" s="53">
        <v>0</v>
      </c>
      <c r="J820" s="53">
        <v>0</v>
      </c>
      <c r="K820" s="53">
        <v>0</v>
      </c>
      <c r="L820" s="53">
        <v>0</v>
      </c>
      <c r="M820" s="53">
        <v>0</v>
      </c>
      <c r="N820" s="53">
        <v>0</v>
      </c>
      <c r="O820" s="53">
        <v>0</v>
      </c>
      <c r="P820" s="53">
        <v>0</v>
      </c>
      <c r="Q820" s="53">
        <v>0</v>
      </c>
      <c r="R820" s="53">
        <v>0</v>
      </c>
      <c r="S820" s="53">
        <v>0</v>
      </c>
      <c r="T820" s="53">
        <v>0</v>
      </c>
      <c r="U820" s="53">
        <v>0</v>
      </c>
      <c r="V820" s="53">
        <v>0</v>
      </c>
      <c r="W820" s="53">
        <v>0</v>
      </c>
      <c r="X820" s="53">
        <v>0</v>
      </c>
      <c r="Y820" s="53">
        <v>0</v>
      </c>
      <c r="Z820" s="53">
        <v>0</v>
      </c>
      <c r="AA820" s="53">
        <v>0</v>
      </c>
      <c r="AB820" s="53">
        <v>0</v>
      </c>
      <c r="AC820" s="53">
        <v>0</v>
      </c>
      <c r="AD820" s="53">
        <v>0</v>
      </c>
      <c r="AE820" s="53">
        <v>0</v>
      </c>
      <c r="AF820" s="53">
        <v>0</v>
      </c>
      <c r="AG820" s="53">
        <v>0</v>
      </c>
      <c r="AH820" s="53">
        <v>0</v>
      </c>
      <c r="AI820" s="53">
        <v>0</v>
      </c>
      <c r="AJ820" s="53">
        <v>0</v>
      </c>
      <c r="AK820" s="53">
        <v>0</v>
      </c>
      <c r="AL820" s="53">
        <v>0</v>
      </c>
      <c r="AM820" s="53">
        <v>0</v>
      </c>
      <c r="AN820" s="53">
        <v>0</v>
      </c>
      <c r="AO820" s="53">
        <v>0</v>
      </c>
      <c r="AP820" s="53">
        <v>0</v>
      </c>
      <c r="AQ820" s="53">
        <v>0</v>
      </c>
      <c r="AR820" s="53">
        <v>0</v>
      </c>
      <c r="AS820" s="53">
        <v>0</v>
      </c>
      <c r="AT820" s="53">
        <v>0</v>
      </c>
      <c r="AU820" s="53">
        <v>0</v>
      </c>
      <c r="AV820" s="53">
        <v>0</v>
      </c>
      <c r="AW820" s="53">
        <v>0</v>
      </c>
      <c r="AX820" s="53">
        <v>0</v>
      </c>
      <c r="AY820" s="53">
        <v>0</v>
      </c>
      <c r="AZ820" s="53">
        <v>0</v>
      </c>
      <c r="BA820" s="53">
        <v>0</v>
      </c>
    </row>
    <row r="821" spans="1:53">
      <c r="A821" s="52" t="s">
        <v>3328</v>
      </c>
      <c r="B821" s="53">
        <v>0</v>
      </c>
      <c r="C821" s="53">
        <v>0</v>
      </c>
      <c r="D821" s="53">
        <v>0</v>
      </c>
      <c r="E821" s="53">
        <v>0</v>
      </c>
      <c r="F821" s="53">
        <v>0</v>
      </c>
      <c r="G821" s="53">
        <v>0</v>
      </c>
      <c r="H821" s="53">
        <v>0</v>
      </c>
      <c r="I821" s="53">
        <v>0</v>
      </c>
      <c r="J821" s="53">
        <v>0</v>
      </c>
      <c r="K821" s="53">
        <v>0</v>
      </c>
      <c r="L821" s="53">
        <v>0</v>
      </c>
      <c r="M821" s="53">
        <v>0</v>
      </c>
      <c r="N821" s="53">
        <v>0</v>
      </c>
      <c r="O821" s="53">
        <v>0</v>
      </c>
      <c r="P821" s="53">
        <v>0</v>
      </c>
      <c r="Q821" s="53">
        <v>0</v>
      </c>
      <c r="R821" s="53">
        <v>0</v>
      </c>
      <c r="S821" s="53">
        <v>0</v>
      </c>
      <c r="T821" s="53">
        <v>0</v>
      </c>
      <c r="U821" s="53">
        <v>0</v>
      </c>
      <c r="V821" s="53">
        <v>0</v>
      </c>
      <c r="W821" s="53">
        <v>0</v>
      </c>
      <c r="X821" s="53">
        <v>0</v>
      </c>
      <c r="Y821" s="53">
        <v>0</v>
      </c>
      <c r="Z821" s="53">
        <v>0</v>
      </c>
      <c r="AA821" s="53">
        <v>0</v>
      </c>
      <c r="AB821" s="53">
        <v>0</v>
      </c>
      <c r="AC821" s="53">
        <v>0</v>
      </c>
      <c r="AD821" s="53">
        <v>0</v>
      </c>
      <c r="AE821" s="53">
        <v>0</v>
      </c>
      <c r="AF821" s="53">
        <v>0</v>
      </c>
      <c r="AG821" s="53">
        <v>0</v>
      </c>
      <c r="AH821" s="53">
        <v>0</v>
      </c>
      <c r="AI821" s="53">
        <v>0</v>
      </c>
      <c r="AJ821" s="53">
        <v>0</v>
      </c>
      <c r="AK821" s="53">
        <v>0</v>
      </c>
      <c r="AL821" s="53">
        <v>0</v>
      </c>
      <c r="AM821" s="53">
        <v>0</v>
      </c>
      <c r="AN821" s="53">
        <v>0</v>
      </c>
      <c r="AO821" s="53">
        <v>0</v>
      </c>
      <c r="AP821" s="53">
        <v>0</v>
      </c>
      <c r="AQ821" s="53">
        <v>0</v>
      </c>
      <c r="AR821" s="53">
        <v>0</v>
      </c>
      <c r="AS821" s="53">
        <v>0</v>
      </c>
      <c r="AT821" s="53">
        <v>0</v>
      </c>
      <c r="AU821" s="53">
        <v>0</v>
      </c>
      <c r="AV821" s="53">
        <v>0</v>
      </c>
      <c r="AW821" s="53">
        <v>0</v>
      </c>
      <c r="AX821" s="53">
        <v>0</v>
      </c>
      <c r="AY821" s="53">
        <v>0</v>
      </c>
      <c r="AZ821" s="53">
        <v>0</v>
      </c>
      <c r="BA821" s="53">
        <v>0</v>
      </c>
    </row>
    <row r="822" spans="1:53">
      <c r="A822" s="52" t="s">
        <v>3329</v>
      </c>
      <c r="B822" s="53">
        <v>-2598.0300000000002</v>
      </c>
      <c r="C822" s="53">
        <v>-2598.0300000000002</v>
      </c>
      <c r="D822" s="53">
        <v>-2598.0300000000002</v>
      </c>
      <c r="E822" s="53">
        <v>-2598.0300000000002</v>
      </c>
      <c r="F822" s="53">
        <v>-2598.0300000000002</v>
      </c>
      <c r="G822" s="53">
        <v>-2598.0300000000002</v>
      </c>
      <c r="H822" s="53">
        <v>-2598.0300000000002</v>
      </c>
      <c r="I822" s="53">
        <v>-2598.0300000000002</v>
      </c>
      <c r="J822" s="53">
        <v>-2598.0300000000002</v>
      </c>
      <c r="K822" s="53">
        <v>-2598.0300000000002</v>
      </c>
      <c r="L822" s="53">
        <v>-2598.0300000000002</v>
      </c>
      <c r="M822" s="53">
        <v>-2598.0300000000002</v>
      </c>
      <c r="N822" s="53">
        <v>-2598.0300000000002</v>
      </c>
      <c r="O822" s="53">
        <v>-2598.0300000000002</v>
      </c>
      <c r="P822" s="53">
        <v>-2598.0300000000002</v>
      </c>
      <c r="Q822" s="53">
        <v>-2598.0300000000002</v>
      </c>
      <c r="R822" s="53">
        <v>-2598.0300000000002</v>
      </c>
      <c r="S822" s="53">
        <v>-2598.0300000000002</v>
      </c>
      <c r="T822" s="53">
        <v>-2598.0300000000002</v>
      </c>
      <c r="U822" s="53">
        <v>-2598.0300000000002</v>
      </c>
      <c r="V822" s="53">
        <v>-2598.0300000000002</v>
      </c>
      <c r="W822" s="53">
        <v>-2598.0300000000002</v>
      </c>
      <c r="X822" s="53">
        <v>-2598.0300000000002</v>
      </c>
      <c r="Y822" s="53">
        <v>-2598.0300000000002</v>
      </c>
      <c r="Z822" s="53">
        <v>-2598.0300000000002</v>
      </c>
      <c r="AA822" s="53">
        <v>-2598.0300000000002</v>
      </c>
      <c r="AB822" s="53">
        <v>-2598.0300000000002</v>
      </c>
      <c r="AC822" s="53">
        <v>-2598.0300000000002</v>
      </c>
      <c r="AD822" s="53">
        <v>-2598.0300000000002</v>
      </c>
      <c r="AE822" s="53">
        <v>-2598.0300000000002</v>
      </c>
      <c r="AF822" s="53">
        <v>-2598.0300000000002</v>
      </c>
      <c r="AG822" s="53">
        <v>-2598.0300000000002</v>
      </c>
      <c r="AH822" s="53">
        <v>-2598.0300000000002</v>
      </c>
      <c r="AI822" s="53">
        <v>-2598.0300000000002</v>
      </c>
      <c r="AJ822" s="53">
        <v>-2598.0300000000002</v>
      </c>
      <c r="AK822" s="53">
        <v>-2598.0300000000002</v>
      </c>
      <c r="AL822" s="53">
        <v>-2598.0300000000002</v>
      </c>
      <c r="AM822" s="53">
        <v>-2598.0300000000002</v>
      </c>
      <c r="AN822" s="53">
        <v>-2598.0300000000002</v>
      </c>
      <c r="AO822" s="53">
        <v>-2598.0300000000002</v>
      </c>
      <c r="AP822" s="53">
        <v>-2598.0300000000002</v>
      </c>
      <c r="AQ822" s="53">
        <v>-2598.0300000000002</v>
      </c>
      <c r="AR822" s="53">
        <v>-2598.0300000000002</v>
      </c>
      <c r="AS822" s="53">
        <v>-2598.0300000000002</v>
      </c>
      <c r="AT822" s="53">
        <v>-2598.0300000000002</v>
      </c>
      <c r="AU822" s="53">
        <v>-2598.0300000000002</v>
      </c>
      <c r="AV822" s="53">
        <v>-2598.0300000000002</v>
      </c>
      <c r="AW822" s="53">
        <v>-2598.0300000000002</v>
      </c>
      <c r="AX822" s="53">
        <v>-2598.0300000000002</v>
      </c>
      <c r="AY822" s="53">
        <v>-2598.0300000000002</v>
      </c>
      <c r="AZ822" s="53">
        <v>-2598.0300000000002</v>
      </c>
      <c r="BA822" s="53">
        <v>-2598.0300000000002</v>
      </c>
    </row>
    <row r="823" spans="1:53">
      <c r="A823" s="52" t="s">
        <v>3330</v>
      </c>
      <c r="B823" s="53">
        <v>-201995.62</v>
      </c>
      <c r="C823" s="53">
        <v>-201995.62</v>
      </c>
      <c r="D823" s="53">
        <v>-201995.62</v>
      </c>
      <c r="E823" s="53">
        <v>-201995.62</v>
      </c>
      <c r="F823" s="53">
        <v>-201995.62</v>
      </c>
      <c r="G823" s="53">
        <v>-201995.62</v>
      </c>
      <c r="H823" s="53">
        <v>-201995.62</v>
      </c>
      <c r="I823" s="53">
        <v>-201995.62</v>
      </c>
      <c r="J823" s="53">
        <v>-201995.62</v>
      </c>
      <c r="K823" s="53">
        <v>-201995.62</v>
      </c>
      <c r="L823" s="53">
        <v>-201995.62</v>
      </c>
      <c r="M823" s="53">
        <v>-201995.62</v>
      </c>
      <c r="N823" s="53">
        <v>-201995.62</v>
      </c>
      <c r="O823" s="53">
        <v>-201995.62</v>
      </c>
      <c r="P823" s="53">
        <v>-201995.62</v>
      </c>
      <c r="Q823" s="53">
        <v>-201995.62</v>
      </c>
      <c r="R823" s="53">
        <v>-201995.62</v>
      </c>
      <c r="S823" s="53">
        <v>-201995.62</v>
      </c>
      <c r="T823" s="53">
        <v>-201995.62</v>
      </c>
      <c r="U823" s="53">
        <v>-201995.62</v>
      </c>
      <c r="V823" s="53">
        <v>-201995.62</v>
      </c>
      <c r="W823" s="53">
        <v>-201995.62</v>
      </c>
      <c r="X823" s="53">
        <v>-201995.62</v>
      </c>
      <c r="Y823" s="53">
        <v>-201995.62</v>
      </c>
      <c r="Z823" s="53">
        <v>-201995.62</v>
      </c>
      <c r="AA823" s="53">
        <v>-201995.62</v>
      </c>
      <c r="AB823" s="53">
        <v>-201995.62</v>
      </c>
      <c r="AC823" s="53">
        <v>-201995.62</v>
      </c>
      <c r="AD823" s="53">
        <v>-201995.62</v>
      </c>
      <c r="AE823" s="53">
        <v>-201995.62</v>
      </c>
      <c r="AF823" s="53">
        <v>-201995.62</v>
      </c>
      <c r="AG823" s="53">
        <v>-201995.62</v>
      </c>
      <c r="AH823" s="53">
        <v>-201995.62</v>
      </c>
      <c r="AI823" s="53">
        <v>-201995.62</v>
      </c>
      <c r="AJ823" s="53">
        <v>-201995.62</v>
      </c>
      <c r="AK823" s="53">
        <v>-201995.62</v>
      </c>
      <c r="AL823" s="53">
        <v>-201995.62</v>
      </c>
      <c r="AM823" s="53">
        <v>-201995.62</v>
      </c>
      <c r="AN823" s="53">
        <v>-201995.62</v>
      </c>
      <c r="AO823" s="53">
        <v>-201995.62</v>
      </c>
      <c r="AP823" s="53">
        <v>-201995.62</v>
      </c>
      <c r="AQ823" s="53">
        <v>-201995.62</v>
      </c>
      <c r="AR823" s="53">
        <v>-201995.62</v>
      </c>
      <c r="AS823" s="53">
        <v>-201995.62</v>
      </c>
      <c r="AT823" s="53">
        <v>-201995.62</v>
      </c>
      <c r="AU823" s="53">
        <v>-201995.62</v>
      </c>
      <c r="AV823" s="53">
        <v>-201995.62</v>
      </c>
      <c r="AW823" s="53">
        <v>-201995.62</v>
      </c>
      <c r="AX823" s="53">
        <v>-201995.62</v>
      </c>
      <c r="AY823" s="53">
        <v>-201995.62</v>
      </c>
      <c r="AZ823" s="53">
        <v>-201995.62</v>
      </c>
      <c r="BA823" s="53">
        <v>-201995.62</v>
      </c>
    </row>
    <row r="824" spans="1:53">
      <c r="A824" s="52" t="s">
        <v>3331</v>
      </c>
      <c r="B824" s="53">
        <v>-19800</v>
      </c>
      <c r="C824" s="53">
        <v>-19800</v>
      </c>
      <c r="D824" s="53">
        <v>-19800</v>
      </c>
      <c r="E824" s="53">
        <v>-19800</v>
      </c>
      <c r="F824" s="53">
        <v>-19800</v>
      </c>
      <c r="G824" s="53">
        <v>-19800</v>
      </c>
      <c r="H824" s="53">
        <v>-19800</v>
      </c>
      <c r="I824" s="53">
        <v>-19800</v>
      </c>
      <c r="J824" s="53">
        <v>-19800</v>
      </c>
      <c r="K824" s="53">
        <v>-19800</v>
      </c>
      <c r="L824" s="53">
        <v>-19800</v>
      </c>
      <c r="M824" s="53">
        <v>-19800</v>
      </c>
      <c r="N824" s="53">
        <v>-19800</v>
      </c>
      <c r="O824" s="53">
        <v>-19800</v>
      </c>
      <c r="P824" s="53">
        <v>-19800</v>
      </c>
      <c r="Q824" s="53">
        <v>-19800</v>
      </c>
      <c r="R824" s="53">
        <v>-19800</v>
      </c>
      <c r="S824" s="53">
        <v>-19800</v>
      </c>
      <c r="T824" s="53">
        <v>-19800</v>
      </c>
      <c r="U824" s="53">
        <v>-19800</v>
      </c>
      <c r="V824" s="53">
        <v>-19800</v>
      </c>
      <c r="W824" s="53">
        <v>-19800</v>
      </c>
      <c r="X824" s="53">
        <v>-19800</v>
      </c>
      <c r="Y824" s="53">
        <v>-19800</v>
      </c>
      <c r="Z824" s="53">
        <v>-19800</v>
      </c>
      <c r="AA824" s="53">
        <v>-19800</v>
      </c>
      <c r="AB824" s="53">
        <v>-19800</v>
      </c>
      <c r="AC824" s="53">
        <v>-19800</v>
      </c>
      <c r="AD824" s="53">
        <v>-19800</v>
      </c>
      <c r="AE824" s="53">
        <v>-19800</v>
      </c>
      <c r="AF824" s="53">
        <v>-19800</v>
      </c>
      <c r="AG824" s="53">
        <v>-19800</v>
      </c>
      <c r="AH824" s="53">
        <v>-19800</v>
      </c>
      <c r="AI824" s="53">
        <v>-19800</v>
      </c>
      <c r="AJ824" s="53">
        <v>-19800</v>
      </c>
      <c r="AK824" s="53">
        <v>-19800</v>
      </c>
      <c r="AL824" s="53">
        <v>-19800</v>
      </c>
      <c r="AM824" s="53">
        <v>-19800</v>
      </c>
      <c r="AN824" s="53">
        <v>-19800</v>
      </c>
      <c r="AO824" s="53">
        <v>-19800</v>
      </c>
      <c r="AP824" s="53">
        <v>-19800</v>
      </c>
      <c r="AQ824" s="53">
        <v>-19800</v>
      </c>
      <c r="AR824" s="53">
        <v>-19800</v>
      </c>
      <c r="AS824" s="53">
        <v>-19800</v>
      </c>
      <c r="AT824" s="53">
        <v>-19800</v>
      </c>
      <c r="AU824" s="53">
        <v>-19800</v>
      </c>
      <c r="AV824" s="53">
        <v>-19800</v>
      </c>
      <c r="AW824" s="53">
        <v>-19800</v>
      </c>
      <c r="AX824" s="53">
        <v>-19800</v>
      </c>
      <c r="AY824" s="53">
        <v>-19800</v>
      </c>
      <c r="AZ824" s="53">
        <v>-19800</v>
      </c>
      <c r="BA824" s="53">
        <v>-19800</v>
      </c>
    </row>
    <row r="825" spans="1:53">
      <c r="A825" s="52" t="s">
        <v>3332</v>
      </c>
      <c r="B825" s="53">
        <v>-5214462.0199999996</v>
      </c>
      <c r="C825" s="53">
        <v>-5214462.0199999996</v>
      </c>
      <c r="D825" s="53">
        <v>-5214462.0199999996</v>
      </c>
      <c r="E825" s="53">
        <v>-5214462.0199999996</v>
      </c>
      <c r="F825" s="53">
        <v>-5214462.0199999996</v>
      </c>
      <c r="G825" s="53">
        <v>-5214462.0199999996</v>
      </c>
      <c r="H825" s="53">
        <v>-5214462.0199999996</v>
      </c>
      <c r="I825" s="53">
        <v>-5214462.0199999996</v>
      </c>
      <c r="J825" s="53">
        <v>-5214462.0199999996</v>
      </c>
      <c r="K825" s="53">
        <v>-5214462.0199999996</v>
      </c>
      <c r="L825" s="53">
        <v>-5214462.0199999996</v>
      </c>
      <c r="M825" s="53">
        <v>-5214462.0199999996</v>
      </c>
      <c r="N825" s="53">
        <v>-5214462.0199999996</v>
      </c>
      <c r="O825" s="53">
        <v>-5214462.0199999996</v>
      </c>
      <c r="P825" s="53">
        <v>-5214462.0199999996</v>
      </c>
      <c r="Q825" s="53">
        <v>-5214462.0199999996</v>
      </c>
      <c r="R825" s="53">
        <v>-5214462.0199999996</v>
      </c>
      <c r="S825" s="53">
        <v>-5214462.0199999996</v>
      </c>
      <c r="T825" s="53">
        <v>-5214462.0199999996</v>
      </c>
      <c r="U825" s="53">
        <v>-5214462.0199999996</v>
      </c>
      <c r="V825" s="53">
        <v>-5214462.0199999996</v>
      </c>
      <c r="W825" s="53">
        <v>-5214462.0199999996</v>
      </c>
      <c r="X825" s="53">
        <v>-5214462.0199999996</v>
      </c>
      <c r="Y825" s="53">
        <v>-5214462.0199999996</v>
      </c>
      <c r="Z825" s="53">
        <v>-5214462.0199999996</v>
      </c>
      <c r="AA825" s="53">
        <v>-5214462.0199999996</v>
      </c>
      <c r="AB825" s="53">
        <v>-5214462.0199999996</v>
      </c>
      <c r="AC825" s="53">
        <v>-5214462.0199999996</v>
      </c>
      <c r="AD825" s="53">
        <v>-5214462.0199999996</v>
      </c>
      <c r="AE825" s="53">
        <v>-5214462.0199999996</v>
      </c>
      <c r="AF825" s="53">
        <v>-5214462.0199999996</v>
      </c>
      <c r="AG825" s="53">
        <v>-5214462.0199999996</v>
      </c>
      <c r="AH825" s="53">
        <v>-5214462.0199999996</v>
      </c>
      <c r="AI825" s="53">
        <v>-5214462.0199999996</v>
      </c>
      <c r="AJ825" s="53">
        <v>-5214462.0199999996</v>
      </c>
      <c r="AK825" s="53">
        <v>-5214462.0199999996</v>
      </c>
      <c r="AL825" s="53">
        <v>-5214462.0199999996</v>
      </c>
      <c r="AM825" s="53">
        <v>-5214462.0199999996</v>
      </c>
      <c r="AN825" s="53">
        <v>-5214462.0199999996</v>
      </c>
      <c r="AO825" s="53">
        <v>-5214462.0199999996</v>
      </c>
      <c r="AP825" s="53">
        <v>-5214462.0199999996</v>
      </c>
      <c r="AQ825" s="53">
        <v>-5214462.0199999996</v>
      </c>
      <c r="AR825" s="53">
        <v>-5214462.0199999996</v>
      </c>
      <c r="AS825" s="53">
        <v>-5214462.0199999996</v>
      </c>
      <c r="AT825" s="53">
        <v>-5214462.0199999996</v>
      </c>
      <c r="AU825" s="53">
        <v>-5214462.0199999996</v>
      </c>
      <c r="AV825" s="53">
        <v>-5214462.0199999996</v>
      </c>
      <c r="AW825" s="53">
        <v>-5214462.0199999996</v>
      </c>
      <c r="AX825" s="53">
        <v>-5214462.0199999996</v>
      </c>
      <c r="AY825" s="53">
        <v>-5214462.0199999996</v>
      </c>
      <c r="AZ825" s="53">
        <v>-5214462.0199999996</v>
      </c>
      <c r="BA825" s="53">
        <v>-5214462.0199999996</v>
      </c>
    </row>
    <row r="826" spans="1:53">
      <c r="A826" s="52" t="s">
        <v>3333</v>
      </c>
      <c r="B826" s="53">
        <v>-3196902.45</v>
      </c>
      <c r="C826" s="53">
        <v>-3196902.45</v>
      </c>
      <c r="D826" s="53">
        <v>-3196902.45</v>
      </c>
      <c r="E826" s="53">
        <v>-3196902.45</v>
      </c>
      <c r="F826" s="53">
        <v>-3196902.45</v>
      </c>
      <c r="G826" s="53">
        <v>-3196902.45</v>
      </c>
      <c r="H826" s="53">
        <v>-3196902.45</v>
      </c>
      <c r="I826" s="53">
        <v>-3196902.45</v>
      </c>
      <c r="J826" s="53">
        <v>-3196902.45</v>
      </c>
      <c r="K826" s="53">
        <v>-3196902.45</v>
      </c>
      <c r="L826" s="53">
        <v>-3196902.45</v>
      </c>
      <c r="M826" s="53">
        <v>-3196902.45</v>
      </c>
      <c r="N826" s="53">
        <v>-3196902.45</v>
      </c>
      <c r="O826" s="53">
        <v>-3196902.45</v>
      </c>
      <c r="P826" s="53">
        <v>-3196902.45</v>
      </c>
      <c r="Q826" s="53">
        <v>-3196902.45</v>
      </c>
      <c r="R826" s="53">
        <v>-3196902.45</v>
      </c>
      <c r="S826" s="53">
        <v>-3196902.45</v>
      </c>
      <c r="T826" s="53">
        <v>-3196902.45</v>
      </c>
      <c r="U826" s="53">
        <v>-3196902.45</v>
      </c>
      <c r="V826" s="53">
        <v>-3196902.45</v>
      </c>
      <c r="W826" s="53">
        <v>-3196902.45</v>
      </c>
      <c r="X826" s="53">
        <v>-3196902.45</v>
      </c>
      <c r="Y826" s="53">
        <v>-3196902.45</v>
      </c>
      <c r="Z826" s="53">
        <v>-3196902.45</v>
      </c>
      <c r="AA826" s="53">
        <v>-3196902.45</v>
      </c>
      <c r="AB826" s="53">
        <v>-3196902.45</v>
      </c>
      <c r="AC826" s="53">
        <v>-3196902.45</v>
      </c>
      <c r="AD826" s="53">
        <v>-3196902.45</v>
      </c>
      <c r="AE826" s="53">
        <v>-3196902.45</v>
      </c>
      <c r="AF826" s="53">
        <v>-3196902.45</v>
      </c>
      <c r="AG826" s="53">
        <v>-3196902.45</v>
      </c>
      <c r="AH826" s="53">
        <v>-3196902.45</v>
      </c>
      <c r="AI826" s="53">
        <v>-3196902.45</v>
      </c>
      <c r="AJ826" s="53">
        <v>-3196902.45</v>
      </c>
      <c r="AK826" s="53">
        <v>-3196902.45</v>
      </c>
      <c r="AL826" s="53">
        <v>-3196902.45</v>
      </c>
      <c r="AM826" s="53">
        <v>-3196902.45</v>
      </c>
      <c r="AN826" s="53">
        <v>-3196902.45</v>
      </c>
      <c r="AO826" s="53">
        <v>-3196902.45</v>
      </c>
      <c r="AP826" s="53">
        <v>-3196902.45</v>
      </c>
      <c r="AQ826" s="53">
        <v>-3196902.45</v>
      </c>
      <c r="AR826" s="53">
        <v>-3196902.45</v>
      </c>
      <c r="AS826" s="53">
        <v>-3196902.45</v>
      </c>
      <c r="AT826" s="53">
        <v>-3196902.45</v>
      </c>
      <c r="AU826" s="53">
        <v>-3196902.45</v>
      </c>
      <c r="AV826" s="53">
        <v>-3196902.45</v>
      </c>
      <c r="AW826" s="53">
        <v>-3196902.45</v>
      </c>
      <c r="AX826" s="53">
        <v>-3196902.45</v>
      </c>
      <c r="AY826" s="53">
        <v>-3196902.45</v>
      </c>
      <c r="AZ826" s="53">
        <v>-3196902.45</v>
      </c>
      <c r="BA826" s="53">
        <v>-3196902.45</v>
      </c>
    </row>
    <row r="827" spans="1:53">
      <c r="A827" s="52" t="s">
        <v>3334</v>
      </c>
      <c r="B827" s="53">
        <v>-503791.53</v>
      </c>
      <c r="C827" s="53">
        <v>-503791.53</v>
      </c>
      <c r="D827" s="53">
        <v>-503791.53</v>
      </c>
      <c r="E827" s="53">
        <v>-503791.53</v>
      </c>
      <c r="F827" s="53">
        <v>-503791.53</v>
      </c>
      <c r="G827" s="53">
        <v>-503791.53</v>
      </c>
      <c r="H827" s="53">
        <v>-503791.53</v>
      </c>
      <c r="I827" s="53">
        <v>-503791.53</v>
      </c>
      <c r="J827" s="53">
        <v>-503791.53</v>
      </c>
      <c r="K827" s="53">
        <v>-503791.53</v>
      </c>
      <c r="L827" s="53">
        <v>-503791.53</v>
      </c>
      <c r="M827" s="53">
        <v>-503791.53</v>
      </c>
      <c r="N827" s="53">
        <v>-503791.53</v>
      </c>
      <c r="O827" s="53">
        <v>-503791.53</v>
      </c>
      <c r="P827" s="53">
        <v>-503791.53</v>
      </c>
      <c r="Q827" s="53">
        <v>-503791.53</v>
      </c>
      <c r="R827" s="53">
        <v>-503791.53</v>
      </c>
      <c r="S827" s="53">
        <v>-503791.53</v>
      </c>
      <c r="T827" s="53">
        <v>-503791.53</v>
      </c>
      <c r="U827" s="53">
        <v>-503791.53</v>
      </c>
      <c r="V827" s="53">
        <v>-503791.53</v>
      </c>
      <c r="W827" s="53">
        <v>-503791.53</v>
      </c>
      <c r="X827" s="53">
        <v>-503791.53</v>
      </c>
      <c r="Y827" s="53">
        <v>-503791.53</v>
      </c>
      <c r="Z827" s="53">
        <v>-503791.53</v>
      </c>
      <c r="AA827" s="53">
        <v>-503791.53</v>
      </c>
      <c r="AB827" s="53">
        <v>-503791.53</v>
      </c>
      <c r="AC827" s="53">
        <v>-503791.53</v>
      </c>
      <c r="AD827" s="53">
        <v>-503791.53</v>
      </c>
      <c r="AE827" s="53">
        <v>-503791.53</v>
      </c>
      <c r="AF827" s="53">
        <v>-503791.53</v>
      </c>
      <c r="AG827" s="53">
        <v>-503791.53</v>
      </c>
      <c r="AH827" s="53">
        <v>-503791.53</v>
      </c>
      <c r="AI827" s="53">
        <v>-503791.53</v>
      </c>
      <c r="AJ827" s="53">
        <v>-503791.53</v>
      </c>
      <c r="AK827" s="53">
        <v>-503791.53</v>
      </c>
      <c r="AL827" s="53">
        <v>-503791.53</v>
      </c>
      <c r="AM827" s="53">
        <v>-503791.53</v>
      </c>
      <c r="AN827" s="53">
        <v>-503791.53</v>
      </c>
      <c r="AO827" s="53">
        <v>-503791.53</v>
      </c>
      <c r="AP827" s="53">
        <v>-503791.53</v>
      </c>
      <c r="AQ827" s="53">
        <v>-503791.53</v>
      </c>
      <c r="AR827" s="53">
        <v>-503791.53</v>
      </c>
      <c r="AS827" s="53">
        <v>-503791.53</v>
      </c>
      <c r="AT827" s="53">
        <v>-503791.53</v>
      </c>
      <c r="AU827" s="53">
        <v>-503791.53</v>
      </c>
      <c r="AV827" s="53">
        <v>-503791.53</v>
      </c>
      <c r="AW827" s="53">
        <v>-503791.53</v>
      </c>
      <c r="AX827" s="53">
        <v>-503791.53</v>
      </c>
      <c r="AY827" s="53">
        <v>-503791.53</v>
      </c>
      <c r="AZ827" s="53">
        <v>-503791.53</v>
      </c>
      <c r="BA827" s="53">
        <v>-503791.53</v>
      </c>
    </row>
    <row r="828" spans="1:53">
      <c r="A828" s="52" t="s">
        <v>3335</v>
      </c>
      <c r="B828" s="53">
        <v>-514502.24</v>
      </c>
      <c r="C828" s="53">
        <v>-514502.24</v>
      </c>
      <c r="D828" s="53">
        <v>-514502.24</v>
      </c>
      <c r="E828" s="53">
        <v>-514502.24</v>
      </c>
      <c r="F828" s="53">
        <v>-514502.24</v>
      </c>
      <c r="G828" s="53">
        <v>-514502.24</v>
      </c>
      <c r="H828" s="53">
        <v>-514502.24</v>
      </c>
      <c r="I828" s="53">
        <v>-514502.24</v>
      </c>
      <c r="J828" s="53">
        <v>-514502.24</v>
      </c>
      <c r="K828" s="53">
        <v>-514502.24</v>
      </c>
      <c r="L828" s="53">
        <v>-514502.24</v>
      </c>
      <c r="M828" s="53">
        <v>-514502.24</v>
      </c>
      <c r="N828" s="53">
        <v>-514502.24</v>
      </c>
      <c r="O828" s="53">
        <v>-514502.24</v>
      </c>
      <c r="P828" s="53">
        <v>-514502.24</v>
      </c>
      <c r="Q828" s="53">
        <v>-514502.24</v>
      </c>
      <c r="R828" s="53">
        <v>-514502.24</v>
      </c>
      <c r="S828" s="53">
        <v>-514502.24</v>
      </c>
      <c r="T828" s="53">
        <v>-514502.24</v>
      </c>
      <c r="U828" s="53">
        <v>-514502.24</v>
      </c>
      <c r="V828" s="53">
        <v>-514502.24</v>
      </c>
      <c r="W828" s="53">
        <v>-514502.24</v>
      </c>
      <c r="X828" s="53">
        <v>-514502.24</v>
      </c>
      <c r="Y828" s="53">
        <v>-514502.24</v>
      </c>
      <c r="Z828" s="53">
        <v>-514502.24</v>
      </c>
      <c r="AA828" s="53">
        <v>-514502.24</v>
      </c>
      <c r="AB828" s="53">
        <v>-514502.24</v>
      </c>
      <c r="AC828" s="53">
        <v>-514502.24</v>
      </c>
      <c r="AD828" s="53">
        <v>-514502.24</v>
      </c>
      <c r="AE828" s="53">
        <v>-514502.24</v>
      </c>
      <c r="AF828" s="53">
        <v>-514502.24</v>
      </c>
      <c r="AG828" s="53">
        <v>-514502.24</v>
      </c>
      <c r="AH828" s="53">
        <v>-514502.24</v>
      </c>
      <c r="AI828" s="53">
        <v>-514502.24</v>
      </c>
      <c r="AJ828" s="53">
        <v>-514502.24</v>
      </c>
      <c r="AK828" s="53">
        <v>-514502.24</v>
      </c>
      <c r="AL828" s="53">
        <v>-514502.24</v>
      </c>
      <c r="AM828" s="53">
        <v>-514502.24</v>
      </c>
      <c r="AN828" s="53">
        <v>-514502.24</v>
      </c>
      <c r="AO828" s="53">
        <v>-514502.24</v>
      </c>
      <c r="AP828" s="53">
        <v>-514502.24</v>
      </c>
      <c r="AQ828" s="53">
        <v>-514502.24</v>
      </c>
      <c r="AR828" s="53">
        <v>-514502.24</v>
      </c>
      <c r="AS828" s="53">
        <v>-514502.24</v>
      </c>
      <c r="AT828" s="53">
        <v>-514502.24</v>
      </c>
      <c r="AU828" s="53">
        <v>-514502.24</v>
      </c>
      <c r="AV828" s="53">
        <v>-514502.24</v>
      </c>
      <c r="AW828" s="53">
        <v>-514502.24</v>
      </c>
      <c r="AX828" s="53">
        <v>-514502.24</v>
      </c>
      <c r="AY828" s="53">
        <v>-514502.24</v>
      </c>
      <c r="AZ828" s="53">
        <v>-514502.24</v>
      </c>
      <c r="BA828" s="53">
        <v>-514502.24</v>
      </c>
    </row>
    <row r="829" spans="1:53">
      <c r="A829" s="52" t="s">
        <v>3336</v>
      </c>
      <c r="B829" s="53">
        <v>-4.6899999997549404</v>
      </c>
      <c r="C829" s="53">
        <v>-4.6899999997549404</v>
      </c>
      <c r="D829" s="53">
        <v>-4.6899999997549404</v>
      </c>
      <c r="E829" s="53">
        <v>-4.6899999997549404</v>
      </c>
      <c r="F829" s="53">
        <v>-4.6899999997549404</v>
      </c>
      <c r="G829" s="53">
        <v>-4.6899999997549404</v>
      </c>
      <c r="H829" s="53">
        <v>-4.6899999997549404</v>
      </c>
      <c r="I829" s="53">
        <v>-4.6899999997549404</v>
      </c>
      <c r="J829" s="53">
        <v>-4.6899999997549404</v>
      </c>
      <c r="K829" s="53">
        <v>-4.6899999997549404</v>
      </c>
      <c r="L829" s="53">
        <v>-4.6899999997549404</v>
      </c>
      <c r="M829" s="53">
        <v>-4.6899999997549404</v>
      </c>
      <c r="N829" s="53">
        <v>-4.6899999997549404</v>
      </c>
      <c r="O829" s="53">
        <v>-4.6899999997549404</v>
      </c>
      <c r="P829" s="53">
        <v>-4.6899999997549404</v>
      </c>
      <c r="Q829" s="53">
        <v>-4.6899999997549404</v>
      </c>
      <c r="R829" s="53">
        <v>-4.6899999997549404</v>
      </c>
      <c r="S829" s="53">
        <v>-4.6899999997549404</v>
      </c>
      <c r="T829" s="53">
        <v>-4.6899999997549404</v>
      </c>
      <c r="U829" s="53">
        <v>-4.6899999997549404</v>
      </c>
      <c r="V829" s="53">
        <v>-4.6899999997549404</v>
      </c>
      <c r="W829" s="53">
        <v>-4.6899999997549404</v>
      </c>
      <c r="X829" s="53">
        <v>-4.6899999997549404</v>
      </c>
      <c r="Y829" s="53">
        <v>-4.6899999997549404</v>
      </c>
      <c r="Z829" s="53">
        <v>-4.6899999997549404</v>
      </c>
      <c r="AA829" s="53">
        <v>-4.6899999997549404</v>
      </c>
      <c r="AB829" s="53">
        <v>-4.6899999997549404</v>
      </c>
      <c r="AC829" s="53">
        <v>-4.6899999997549404</v>
      </c>
      <c r="AD829" s="53">
        <v>-4.6899999997549404</v>
      </c>
      <c r="AE829" s="53">
        <v>-4.6899999997549404</v>
      </c>
      <c r="AF829" s="53">
        <v>-4.6899999997549404</v>
      </c>
      <c r="AG829" s="53">
        <v>-4.6899999997549404</v>
      </c>
      <c r="AH829" s="53">
        <v>-4.6899999997549404</v>
      </c>
      <c r="AI829" s="53">
        <v>-4.6899999997549404</v>
      </c>
      <c r="AJ829" s="53">
        <v>-4.6899999997549404</v>
      </c>
      <c r="AK829" s="53">
        <v>-4.6899999997549404</v>
      </c>
      <c r="AL829" s="53">
        <v>-4.6899999997549404</v>
      </c>
      <c r="AM829" s="53">
        <v>-4.6899999997549404</v>
      </c>
      <c r="AN829" s="53">
        <v>-4.6899999997549404</v>
      </c>
      <c r="AO829" s="53">
        <v>-4.6899999997549404</v>
      </c>
      <c r="AP829" s="53">
        <v>-4.6899999997549404</v>
      </c>
      <c r="AQ829" s="53">
        <v>-4.6899999997549404</v>
      </c>
      <c r="AR829" s="53">
        <v>-4.6899999997549404</v>
      </c>
      <c r="AS829" s="53">
        <v>-4.6899999997549404</v>
      </c>
      <c r="AT829" s="53">
        <v>-4.6899999997549404</v>
      </c>
      <c r="AU829" s="53">
        <v>-4.6899999997549404</v>
      </c>
      <c r="AV829" s="53">
        <v>-4.6899999997549404</v>
      </c>
      <c r="AW829" s="53">
        <v>-4.6899999997549404</v>
      </c>
      <c r="AX829" s="53">
        <v>-4.6899999997549404</v>
      </c>
      <c r="AY829" s="53">
        <v>-4.6899999997549404</v>
      </c>
      <c r="AZ829" s="53">
        <v>-4.6899999997549404</v>
      </c>
      <c r="BA829" s="53">
        <v>-4.6899999997549404</v>
      </c>
    </row>
    <row r="830" spans="1:53">
      <c r="A830" s="52" t="s">
        <v>3337</v>
      </c>
      <c r="B830" s="53">
        <v>0</v>
      </c>
      <c r="C830" s="53">
        <v>0</v>
      </c>
      <c r="D830" s="53">
        <v>0</v>
      </c>
      <c r="E830" s="53">
        <v>0</v>
      </c>
      <c r="F830" s="53">
        <v>0</v>
      </c>
      <c r="G830" s="53">
        <v>0</v>
      </c>
      <c r="H830" s="53">
        <v>0</v>
      </c>
      <c r="I830" s="53">
        <v>0</v>
      </c>
      <c r="J830" s="53">
        <v>0</v>
      </c>
      <c r="K830" s="53">
        <v>0</v>
      </c>
      <c r="L830" s="53">
        <v>0</v>
      </c>
      <c r="M830" s="53">
        <v>0</v>
      </c>
      <c r="N830" s="53">
        <v>0</v>
      </c>
      <c r="O830" s="53">
        <v>0</v>
      </c>
      <c r="P830" s="53">
        <v>0</v>
      </c>
      <c r="Q830" s="53">
        <v>0</v>
      </c>
      <c r="R830" s="53">
        <v>0</v>
      </c>
      <c r="S830" s="53">
        <v>0</v>
      </c>
      <c r="T830" s="53">
        <v>0</v>
      </c>
      <c r="U830" s="53">
        <v>0</v>
      </c>
      <c r="V830" s="53">
        <v>0</v>
      </c>
      <c r="W830" s="53">
        <v>0</v>
      </c>
      <c r="X830" s="53">
        <v>0</v>
      </c>
      <c r="Y830" s="53">
        <v>0</v>
      </c>
      <c r="Z830" s="53">
        <v>0</v>
      </c>
      <c r="AA830" s="53">
        <v>0</v>
      </c>
      <c r="AB830" s="53">
        <v>0</v>
      </c>
      <c r="AC830" s="53">
        <v>0</v>
      </c>
      <c r="AD830" s="53">
        <v>0</v>
      </c>
      <c r="AE830" s="53">
        <v>0</v>
      </c>
      <c r="AF830" s="53">
        <v>0</v>
      </c>
      <c r="AG830" s="53">
        <v>0</v>
      </c>
      <c r="AH830" s="53">
        <v>0</v>
      </c>
      <c r="AI830" s="53">
        <v>0</v>
      </c>
      <c r="AJ830" s="53">
        <v>0</v>
      </c>
      <c r="AK830" s="53">
        <v>0</v>
      </c>
      <c r="AL830" s="53">
        <v>0</v>
      </c>
      <c r="AM830" s="53">
        <v>0</v>
      </c>
      <c r="AN830" s="53">
        <v>0</v>
      </c>
      <c r="AO830" s="53">
        <v>0</v>
      </c>
      <c r="AP830" s="53">
        <v>0</v>
      </c>
      <c r="AQ830" s="53">
        <v>0</v>
      </c>
      <c r="AR830" s="53">
        <v>0</v>
      </c>
      <c r="AS830" s="53">
        <v>0</v>
      </c>
      <c r="AT830" s="53">
        <v>0</v>
      </c>
      <c r="AU830" s="53">
        <v>0</v>
      </c>
      <c r="AV830" s="53">
        <v>0</v>
      </c>
      <c r="AW830" s="53">
        <v>0</v>
      </c>
      <c r="AX830" s="53">
        <v>0</v>
      </c>
      <c r="AY830" s="53">
        <v>0</v>
      </c>
      <c r="AZ830" s="53">
        <v>0</v>
      </c>
      <c r="BA830" s="53">
        <v>0</v>
      </c>
    </row>
    <row r="831" spans="1:53">
      <c r="A831" s="52" t="s">
        <v>3338</v>
      </c>
      <c r="B831" s="53">
        <v>-56143.33</v>
      </c>
      <c r="C831" s="53">
        <v>-56143.33</v>
      </c>
      <c r="D831" s="53">
        <v>-56143.33</v>
      </c>
      <c r="E831" s="53">
        <v>-56143.33</v>
      </c>
      <c r="F831" s="53">
        <v>-56143.33</v>
      </c>
      <c r="G831" s="53">
        <v>-56143.33</v>
      </c>
      <c r="H831" s="53">
        <v>-56143.33</v>
      </c>
      <c r="I831" s="53">
        <v>-56143.33</v>
      </c>
      <c r="J831" s="53">
        <v>-56143.33</v>
      </c>
      <c r="K831" s="53">
        <v>-56143.33</v>
      </c>
      <c r="L831" s="53">
        <v>-56143.33</v>
      </c>
      <c r="M831" s="53">
        <v>-56143.33</v>
      </c>
      <c r="N831" s="53">
        <v>-56143.33</v>
      </c>
      <c r="O831" s="53">
        <v>-56143.33</v>
      </c>
      <c r="P831" s="53">
        <v>-56143.33</v>
      </c>
      <c r="Q831" s="53">
        <v>-56143.33</v>
      </c>
      <c r="R831" s="53">
        <v>-56143.33</v>
      </c>
      <c r="S831" s="53">
        <v>-56143.33</v>
      </c>
      <c r="T831" s="53">
        <v>-56143.33</v>
      </c>
      <c r="U831" s="53">
        <v>-56143.33</v>
      </c>
      <c r="V831" s="53">
        <v>-56143.33</v>
      </c>
      <c r="W831" s="53">
        <v>-56143.33</v>
      </c>
      <c r="X831" s="53">
        <v>-56143.33</v>
      </c>
      <c r="Y831" s="53">
        <v>-56143.33</v>
      </c>
      <c r="Z831" s="53">
        <v>-56143.33</v>
      </c>
      <c r="AA831" s="53">
        <v>-56143.33</v>
      </c>
      <c r="AB831" s="53">
        <v>-56143.33</v>
      </c>
      <c r="AC831" s="53">
        <v>-56143.33</v>
      </c>
      <c r="AD831" s="53">
        <v>-56143.33</v>
      </c>
      <c r="AE831" s="53">
        <v>-56143.33</v>
      </c>
      <c r="AF831" s="53">
        <v>-56143.33</v>
      </c>
      <c r="AG831" s="53">
        <v>-56143.33</v>
      </c>
      <c r="AH831" s="53">
        <v>-56143.33</v>
      </c>
      <c r="AI831" s="53">
        <v>-56143.33</v>
      </c>
      <c r="AJ831" s="53">
        <v>-56143.33</v>
      </c>
      <c r="AK831" s="53">
        <v>-56143.33</v>
      </c>
      <c r="AL831" s="53">
        <v>-56143.33</v>
      </c>
      <c r="AM831" s="53">
        <v>-56143.33</v>
      </c>
      <c r="AN831" s="53">
        <v>-56143.33</v>
      </c>
      <c r="AO831" s="53">
        <v>-56143.33</v>
      </c>
      <c r="AP831" s="53">
        <v>-56143.33</v>
      </c>
      <c r="AQ831" s="53">
        <v>-56143.33</v>
      </c>
      <c r="AR831" s="53">
        <v>-56143.33</v>
      </c>
      <c r="AS831" s="53">
        <v>-56143.33</v>
      </c>
      <c r="AT831" s="53">
        <v>-56143.33</v>
      </c>
      <c r="AU831" s="53">
        <v>-56143.33</v>
      </c>
      <c r="AV831" s="53">
        <v>-56143.33</v>
      </c>
      <c r="AW831" s="53">
        <v>-56143.33</v>
      </c>
      <c r="AX831" s="53">
        <v>-56143.33</v>
      </c>
      <c r="AY831" s="53">
        <v>-56143.33</v>
      </c>
      <c r="AZ831" s="53">
        <v>-56143.33</v>
      </c>
      <c r="BA831" s="53">
        <v>-56143.33</v>
      </c>
    </row>
    <row r="832" spans="1:53">
      <c r="A832" s="52" t="s">
        <v>3339</v>
      </c>
      <c r="B832" s="53">
        <v>-180294084.84999999</v>
      </c>
      <c r="C832" s="53">
        <v>-180294084.84999999</v>
      </c>
      <c r="D832" s="53">
        <v>-180294084.84999999</v>
      </c>
      <c r="E832" s="53">
        <v>-180294084.84999999</v>
      </c>
      <c r="F832" s="53">
        <v>-180294084.84999999</v>
      </c>
      <c r="G832" s="53">
        <v>-180294084.84999999</v>
      </c>
      <c r="H832" s="53">
        <v>-180294084.84999999</v>
      </c>
      <c r="I832" s="53">
        <v>-180294084.84999999</v>
      </c>
      <c r="J832" s="53">
        <v>-180294084.84999999</v>
      </c>
      <c r="K832" s="53">
        <v>-180294084.84999999</v>
      </c>
      <c r="L832" s="53">
        <v>-180294084.84999999</v>
      </c>
      <c r="M832" s="53">
        <v>-180294084.84999999</v>
      </c>
      <c r="N832" s="53">
        <v>-180294084.84999999</v>
      </c>
      <c r="O832" s="53">
        <v>-180294084.84999999</v>
      </c>
      <c r="P832" s="53">
        <v>-180294084.84999999</v>
      </c>
      <c r="Q832" s="53">
        <v>-180294084.84999999</v>
      </c>
      <c r="R832" s="53">
        <v>-180294084.84999999</v>
      </c>
      <c r="S832" s="53">
        <v>-180294084.84999999</v>
      </c>
      <c r="T832" s="53">
        <v>-180294084.84999999</v>
      </c>
      <c r="U832" s="53">
        <v>-180294084.84999999</v>
      </c>
      <c r="V832" s="53">
        <v>-180294084.84999999</v>
      </c>
      <c r="W832" s="53">
        <v>-180294084.84999999</v>
      </c>
      <c r="X832" s="53">
        <v>-180294084.84999999</v>
      </c>
      <c r="Y832" s="53">
        <v>-180294084.84999999</v>
      </c>
      <c r="Z832" s="53">
        <v>-180294084.84999999</v>
      </c>
      <c r="AA832" s="53">
        <v>-180294084.84999999</v>
      </c>
      <c r="AB832" s="53">
        <v>-180294084.84999999</v>
      </c>
      <c r="AC832" s="53">
        <v>-180294084.84999999</v>
      </c>
      <c r="AD832" s="53">
        <v>-180294084.84999999</v>
      </c>
      <c r="AE832" s="53">
        <v>-180294084.84999999</v>
      </c>
      <c r="AF832" s="53">
        <v>-180294084.84999999</v>
      </c>
      <c r="AG832" s="53">
        <v>-180294084.84999999</v>
      </c>
      <c r="AH832" s="53">
        <v>-180294084.84999999</v>
      </c>
      <c r="AI832" s="53">
        <v>-180294084.84999999</v>
      </c>
      <c r="AJ832" s="53">
        <v>-180294084.84999999</v>
      </c>
      <c r="AK832" s="53">
        <v>-180294084.84999999</v>
      </c>
      <c r="AL832" s="53">
        <v>-180294084.84999999</v>
      </c>
      <c r="AM832" s="53">
        <v>-180294084.84999999</v>
      </c>
      <c r="AN832" s="53">
        <v>-180294084.84999999</v>
      </c>
      <c r="AO832" s="53">
        <v>-180294084.84999999</v>
      </c>
      <c r="AP832" s="53">
        <v>-180294084.84999999</v>
      </c>
      <c r="AQ832" s="53">
        <v>-180294084.84999999</v>
      </c>
      <c r="AR832" s="53">
        <v>-180294084.84999999</v>
      </c>
      <c r="AS832" s="53">
        <v>-180294084.84999999</v>
      </c>
      <c r="AT832" s="53">
        <v>-180294084.84999999</v>
      </c>
      <c r="AU832" s="53">
        <v>-180294084.84999999</v>
      </c>
      <c r="AV832" s="53">
        <v>-180294084.84999999</v>
      </c>
      <c r="AW832" s="53">
        <v>-180294084.84999999</v>
      </c>
      <c r="AX832" s="53">
        <v>-180294084.84999999</v>
      </c>
      <c r="AY832" s="53">
        <v>-180294084.84999999</v>
      </c>
      <c r="AZ832" s="53">
        <v>-180294084.84999999</v>
      </c>
      <c r="BA832" s="53">
        <v>-180294084.84999999</v>
      </c>
    </row>
    <row r="833" spans="1:53">
      <c r="A833" s="52" t="s">
        <v>3340</v>
      </c>
      <c r="B833" s="53">
        <v>-6149725.7899999898</v>
      </c>
      <c r="C833" s="53">
        <v>-6149725.7899999898</v>
      </c>
      <c r="D833" s="53">
        <v>-6149725.7899999898</v>
      </c>
      <c r="E833" s="53">
        <v>-6149725.7899999898</v>
      </c>
      <c r="F833" s="53">
        <v>-6149725.7899999898</v>
      </c>
      <c r="G833" s="53">
        <v>-6149725.7899999898</v>
      </c>
      <c r="H833" s="53">
        <v>-6149725.7899999898</v>
      </c>
      <c r="I833" s="53">
        <v>-6149725.7899999898</v>
      </c>
      <c r="J833" s="53">
        <v>-6149725.7899999898</v>
      </c>
      <c r="K833" s="53">
        <v>-6149725.7899999898</v>
      </c>
      <c r="L833" s="53">
        <v>-6149725.7899999898</v>
      </c>
      <c r="M833" s="53">
        <v>-6149725.7899999898</v>
      </c>
      <c r="N833" s="53">
        <v>-6149725.7899999898</v>
      </c>
      <c r="O833" s="53">
        <v>-6149725.7899999898</v>
      </c>
      <c r="P833" s="53">
        <v>-6149725.7899999898</v>
      </c>
      <c r="Q833" s="53">
        <v>-6149725.7899999898</v>
      </c>
      <c r="R833" s="53">
        <v>-6149725.7899999898</v>
      </c>
      <c r="S833" s="53">
        <v>-6149725.7899999898</v>
      </c>
      <c r="T833" s="53">
        <v>-6149725.7899999898</v>
      </c>
      <c r="U833" s="53">
        <v>-6149725.7899999898</v>
      </c>
      <c r="V833" s="53">
        <v>-6149725.7899999898</v>
      </c>
      <c r="W833" s="53">
        <v>-6149725.7899999898</v>
      </c>
      <c r="X833" s="53">
        <v>-6149725.7899999898</v>
      </c>
      <c r="Y833" s="53">
        <v>-6149725.7899999898</v>
      </c>
      <c r="Z833" s="53">
        <v>-6149725.7899999898</v>
      </c>
      <c r="AA833" s="53">
        <v>-6149725.7899999898</v>
      </c>
      <c r="AB833" s="53">
        <v>-6149725.7899999898</v>
      </c>
      <c r="AC833" s="53">
        <v>-6149725.7899999898</v>
      </c>
      <c r="AD833" s="53">
        <v>-6149725.7899999898</v>
      </c>
      <c r="AE833" s="53">
        <v>-6149725.7899999898</v>
      </c>
      <c r="AF833" s="53">
        <v>-6149725.7899999898</v>
      </c>
      <c r="AG833" s="53">
        <v>-6149725.7899999898</v>
      </c>
      <c r="AH833" s="53">
        <v>-6149725.7899999898</v>
      </c>
      <c r="AI833" s="53">
        <v>-6149725.7899999898</v>
      </c>
      <c r="AJ833" s="53">
        <v>-6149725.7899999898</v>
      </c>
      <c r="AK833" s="53">
        <v>-6149725.7899999898</v>
      </c>
      <c r="AL833" s="53">
        <v>-6149725.7899999898</v>
      </c>
      <c r="AM833" s="53">
        <v>-6149725.7899999898</v>
      </c>
      <c r="AN833" s="53">
        <v>-6149725.7899999898</v>
      </c>
      <c r="AO833" s="53">
        <v>-6149725.7899999898</v>
      </c>
      <c r="AP833" s="53">
        <v>-6149725.7899999898</v>
      </c>
      <c r="AQ833" s="53">
        <v>-6149725.7899999898</v>
      </c>
      <c r="AR833" s="53">
        <v>-6149725.7899999898</v>
      </c>
      <c r="AS833" s="53">
        <v>-6149725.7899999898</v>
      </c>
      <c r="AT833" s="53">
        <v>-6149725.7899999898</v>
      </c>
      <c r="AU833" s="53">
        <v>-6149725.7899999898</v>
      </c>
      <c r="AV833" s="53">
        <v>-6149725.7899999898</v>
      </c>
      <c r="AW833" s="53">
        <v>-6149725.7899999898</v>
      </c>
      <c r="AX833" s="53">
        <v>-6149725.7899999898</v>
      </c>
      <c r="AY833" s="53">
        <v>-6149725.7899999898</v>
      </c>
      <c r="AZ833" s="53">
        <v>-6149725.7899999898</v>
      </c>
      <c r="BA833" s="53">
        <v>-6149725.7899999898</v>
      </c>
    </row>
    <row r="834" spans="1:53">
      <c r="A834" s="52" t="s">
        <v>3341</v>
      </c>
      <c r="B834" s="53">
        <v>0</v>
      </c>
      <c r="C834" s="53">
        <v>0</v>
      </c>
      <c r="D834" s="53">
        <v>0</v>
      </c>
      <c r="E834" s="53">
        <v>0</v>
      </c>
      <c r="F834" s="53">
        <v>0</v>
      </c>
      <c r="G834" s="53">
        <v>0</v>
      </c>
      <c r="H834" s="53">
        <v>0</v>
      </c>
      <c r="I834" s="53">
        <v>0</v>
      </c>
      <c r="J834" s="53">
        <v>0</v>
      </c>
      <c r="K834" s="53">
        <v>0</v>
      </c>
      <c r="L834" s="53">
        <v>0</v>
      </c>
      <c r="M834" s="53">
        <v>0</v>
      </c>
      <c r="N834" s="53">
        <v>0</v>
      </c>
      <c r="O834" s="53">
        <v>0</v>
      </c>
      <c r="P834" s="53">
        <v>0</v>
      </c>
      <c r="Q834" s="53">
        <v>0</v>
      </c>
      <c r="R834" s="53">
        <v>0</v>
      </c>
      <c r="S834" s="53">
        <v>0</v>
      </c>
      <c r="T834" s="53">
        <v>0</v>
      </c>
      <c r="U834" s="53">
        <v>0</v>
      </c>
      <c r="V834" s="53">
        <v>0</v>
      </c>
      <c r="W834" s="53">
        <v>0</v>
      </c>
      <c r="X834" s="53">
        <v>0</v>
      </c>
      <c r="Y834" s="53">
        <v>0</v>
      </c>
      <c r="Z834" s="53">
        <v>0</v>
      </c>
      <c r="AA834" s="53">
        <v>0</v>
      </c>
      <c r="AB834" s="53">
        <v>0</v>
      </c>
      <c r="AC834" s="53">
        <v>0</v>
      </c>
      <c r="AD834" s="53">
        <v>0</v>
      </c>
      <c r="AE834" s="53">
        <v>0</v>
      </c>
      <c r="AF834" s="53">
        <v>0</v>
      </c>
      <c r="AG834" s="53">
        <v>0</v>
      </c>
      <c r="AH834" s="53">
        <v>0</v>
      </c>
      <c r="AI834" s="53">
        <v>0</v>
      </c>
      <c r="AJ834" s="53">
        <v>0</v>
      </c>
      <c r="AK834" s="53">
        <v>0</v>
      </c>
      <c r="AL834" s="53">
        <v>0</v>
      </c>
      <c r="AM834" s="53">
        <v>0</v>
      </c>
      <c r="AN834" s="53">
        <v>0</v>
      </c>
      <c r="AO834" s="53">
        <v>0</v>
      </c>
      <c r="AP834" s="53">
        <v>0</v>
      </c>
      <c r="AQ834" s="53">
        <v>0</v>
      </c>
      <c r="AR834" s="53">
        <v>0</v>
      </c>
      <c r="AS834" s="53">
        <v>0</v>
      </c>
      <c r="AT834" s="53">
        <v>0</v>
      </c>
      <c r="AU834" s="53">
        <v>0</v>
      </c>
      <c r="AV834" s="53">
        <v>0</v>
      </c>
      <c r="AW834" s="53">
        <v>0</v>
      </c>
      <c r="AX834" s="53">
        <v>0</v>
      </c>
      <c r="AY834" s="53">
        <v>0</v>
      </c>
      <c r="AZ834" s="53">
        <v>0</v>
      </c>
      <c r="BA834" s="53">
        <v>0</v>
      </c>
    </row>
    <row r="835" spans="1:53">
      <c r="A835" s="52" t="s">
        <v>3342</v>
      </c>
      <c r="B835" s="53">
        <v>0</v>
      </c>
      <c r="C835" s="53">
        <v>0</v>
      </c>
      <c r="D835" s="53">
        <v>0</v>
      </c>
      <c r="E835" s="53">
        <v>0</v>
      </c>
      <c r="F835" s="53">
        <v>0</v>
      </c>
      <c r="G835" s="53">
        <v>0</v>
      </c>
      <c r="H835" s="53">
        <v>0</v>
      </c>
      <c r="I835" s="53">
        <v>0</v>
      </c>
      <c r="J835" s="53">
        <v>0</v>
      </c>
      <c r="K835" s="53">
        <v>0</v>
      </c>
      <c r="L835" s="53">
        <v>0</v>
      </c>
      <c r="M835" s="53">
        <v>0</v>
      </c>
      <c r="N835" s="53">
        <v>0</v>
      </c>
      <c r="O835" s="53">
        <v>0</v>
      </c>
      <c r="P835" s="53">
        <v>0</v>
      </c>
      <c r="Q835" s="53">
        <v>0</v>
      </c>
      <c r="R835" s="53">
        <v>0</v>
      </c>
      <c r="S835" s="53">
        <v>0</v>
      </c>
      <c r="T835" s="53">
        <v>0</v>
      </c>
      <c r="U835" s="53">
        <v>0</v>
      </c>
      <c r="V835" s="53">
        <v>0</v>
      </c>
      <c r="W835" s="53">
        <v>0</v>
      </c>
      <c r="X835" s="53">
        <v>0</v>
      </c>
      <c r="Y835" s="53">
        <v>0</v>
      </c>
      <c r="Z835" s="53">
        <v>0</v>
      </c>
      <c r="AA835" s="53">
        <v>0</v>
      </c>
      <c r="AB835" s="53">
        <v>0</v>
      </c>
      <c r="AC835" s="53">
        <v>0</v>
      </c>
      <c r="AD835" s="53">
        <v>0</v>
      </c>
      <c r="AE835" s="53">
        <v>0</v>
      </c>
      <c r="AF835" s="53">
        <v>0</v>
      </c>
      <c r="AG835" s="53">
        <v>0</v>
      </c>
      <c r="AH835" s="53">
        <v>0</v>
      </c>
      <c r="AI835" s="53">
        <v>0</v>
      </c>
      <c r="AJ835" s="53">
        <v>0</v>
      </c>
      <c r="AK835" s="53">
        <v>0</v>
      </c>
      <c r="AL835" s="53">
        <v>0</v>
      </c>
      <c r="AM835" s="53">
        <v>0</v>
      </c>
      <c r="AN835" s="53">
        <v>0</v>
      </c>
      <c r="AO835" s="53">
        <v>0</v>
      </c>
      <c r="AP835" s="53">
        <v>0</v>
      </c>
      <c r="AQ835" s="53">
        <v>0</v>
      </c>
      <c r="AR835" s="53">
        <v>0</v>
      </c>
      <c r="AS835" s="53">
        <v>0</v>
      </c>
      <c r="AT835" s="53">
        <v>0</v>
      </c>
      <c r="AU835" s="53">
        <v>0</v>
      </c>
      <c r="AV835" s="53">
        <v>0</v>
      </c>
      <c r="AW835" s="53">
        <v>0</v>
      </c>
      <c r="AX835" s="53">
        <v>0</v>
      </c>
      <c r="AY835" s="53">
        <v>0</v>
      </c>
      <c r="AZ835" s="53">
        <v>0</v>
      </c>
      <c r="BA835" s="53">
        <v>0</v>
      </c>
    </row>
    <row r="836" spans="1:53">
      <c r="A836" s="52" t="s">
        <v>3343</v>
      </c>
      <c r="B836" s="53">
        <v>0</v>
      </c>
      <c r="C836" s="53">
        <v>0</v>
      </c>
      <c r="D836" s="53">
        <v>0</v>
      </c>
      <c r="E836" s="53">
        <v>0</v>
      </c>
      <c r="F836" s="53">
        <v>0</v>
      </c>
      <c r="G836" s="53">
        <v>0</v>
      </c>
      <c r="H836" s="53">
        <v>0</v>
      </c>
      <c r="I836" s="53">
        <v>0</v>
      </c>
      <c r="J836" s="53">
        <v>0</v>
      </c>
      <c r="K836" s="53">
        <v>0</v>
      </c>
      <c r="L836" s="53">
        <v>0</v>
      </c>
      <c r="M836" s="53">
        <v>0</v>
      </c>
      <c r="N836" s="53">
        <v>0</v>
      </c>
      <c r="O836" s="53">
        <v>0</v>
      </c>
      <c r="P836" s="53">
        <v>0</v>
      </c>
      <c r="Q836" s="53">
        <v>0</v>
      </c>
      <c r="R836" s="53">
        <v>0</v>
      </c>
      <c r="S836" s="53">
        <v>0</v>
      </c>
      <c r="T836" s="53">
        <v>0</v>
      </c>
      <c r="U836" s="53">
        <v>0</v>
      </c>
      <c r="V836" s="53">
        <v>0</v>
      </c>
      <c r="W836" s="53">
        <v>0</v>
      </c>
      <c r="X836" s="53">
        <v>0</v>
      </c>
      <c r="Y836" s="53">
        <v>0</v>
      </c>
      <c r="Z836" s="53">
        <v>0</v>
      </c>
      <c r="AA836" s="53">
        <v>0</v>
      </c>
      <c r="AB836" s="53">
        <v>0</v>
      </c>
      <c r="AC836" s="53">
        <v>0</v>
      </c>
      <c r="AD836" s="53">
        <v>0</v>
      </c>
      <c r="AE836" s="53">
        <v>0</v>
      </c>
      <c r="AF836" s="53">
        <v>0</v>
      </c>
      <c r="AG836" s="53">
        <v>0</v>
      </c>
      <c r="AH836" s="53">
        <v>0</v>
      </c>
      <c r="AI836" s="53">
        <v>0</v>
      </c>
      <c r="AJ836" s="53">
        <v>0</v>
      </c>
      <c r="AK836" s="53">
        <v>0</v>
      </c>
      <c r="AL836" s="53">
        <v>0</v>
      </c>
      <c r="AM836" s="53">
        <v>0</v>
      </c>
      <c r="AN836" s="53">
        <v>0</v>
      </c>
      <c r="AO836" s="53">
        <v>0</v>
      </c>
      <c r="AP836" s="53">
        <v>0</v>
      </c>
      <c r="AQ836" s="53">
        <v>0</v>
      </c>
      <c r="AR836" s="53">
        <v>0</v>
      </c>
      <c r="AS836" s="53">
        <v>0</v>
      </c>
      <c r="AT836" s="53">
        <v>0</v>
      </c>
      <c r="AU836" s="53">
        <v>0</v>
      </c>
      <c r="AV836" s="53">
        <v>0</v>
      </c>
      <c r="AW836" s="53">
        <v>0</v>
      </c>
      <c r="AX836" s="53">
        <v>0</v>
      </c>
      <c r="AY836" s="53">
        <v>0</v>
      </c>
      <c r="AZ836" s="53">
        <v>0</v>
      </c>
      <c r="BA836" s="53">
        <v>0</v>
      </c>
    </row>
    <row r="837" spans="1:53">
      <c r="A837" s="52" t="s">
        <v>3344</v>
      </c>
      <c r="B837" s="53">
        <v>0</v>
      </c>
      <c r="C837" s="53">
        <v>0</v>
      </c>
      <c r="D837" s="53">
        <v>0</v>
      </c>
      <c r="E837" s="53">
        <v>0</v>
      </c>
      <c r="F837" s="53">
        <v>0</v>
      </c>
      <c r="G837" s="53">
        <v>0</v>
      </c>
      <c r="H837" s="53">
        <v>0</v>
      </c>
      <c r="I837" s="53">
        <v>0</v>
      </c>
      <c r="J837" s="53">
        <v>0</v>
      </c>
      <c r="K837" s="53">
        <v>0</v>
      </c>
      <c r="L837" s="53">
        <v>0</v>
      </c>
      <c r="M837" s="53">
        <v>0</v>
      </c>
      <c r="N837" s="53">
        <v>0</v>
      </c>
      <c r="O837" s="53">
        <v>0</v>
      </c>
      <c r="P837" s="53">
        <v>0</v>
      </c>
      <c r="Q837" s="53">
        <v>0</v>
      </c>
      <c r="R837" s="53">
        <v>0</v>
      </c>
      <c r="S837" s="53">
        <v>0</v>
      </c>
      <c r="T837" s="53">
        <v>0</v>
      </c>
      <c r="U837" s="53">
        <v>0</v>
      </c>
      <c r="V837" s="53">
        <v>0</v>
      </c>
      <c r="W837" s="53">
        <v>0</v>
      </c>
      <c r="X837" s="53">
        <v>0</v>
      </c>
      <c r="Y837" s="53">
        <v>0</v>
      </c>
      <c r="Z837" s="53">
        <v>0</v>
      </c>
      <c r="AA837" s="53">
        <v>0</v>
      </c>
      <c r="AB837" s="53">
        <v>0</v>
      </c>
      <c r="AC837" s="53">
        <v>0</v>
      </c>
      <c r="AD837" s="53">
        <v>0</v>
      </c>
      <c r="AE837" s="53">
        <v>0</v>
      </c>
      <c r="AF837" s="53">
        <v>0</v>
      </c>
      <c r="AG837" s="53">
        <v>0</v>
      </c>
      <c r="AH837" s="53">
        <v>0</v>
      </c>
      <c r="AI837" s="53">
        <v>0</v>
      </c>
      <c r="AJ837" s="53">
        <v>0</v>
      </c>
      <c r="AK837" s="53">
        <v>0</v>
      </c>
      <c r="AL837" s="53">
        <v>0</v>
      </c>
      <c r="AM837" s="53">
        <v>0</v>
      </c>
      <c r="AN837" s="53">
        <v>0</v>
      </c>
      <c r="AO837" s="53">
        <v>0</v>
      </c>
      <c r="AP837" s="53">
        <v>0</v>
      </c>
      <c r="AQ837" s="53">
        <v>0</v>
      </c>
      <c r="AR837" s="53">
        <v>0</v>
      </c>
      <c r="AS837" s="53">
        <v>0</v>
      </c>
      <c r="AT837" s="53">
        <v>0</v>
      </c>
      <c r="AU837" s="53">
        <v>0</v>
      </c>
      <c r="AV837" s="53">
        <v>0</v>
      </c>
      <c r="AW837" s="53">
        <v>0</v>
      </c>
      <c r="AX837" s="53">
        <v>0</v>
      </c>
      <c r="AY837" s="53">
        <v>0</v>
      </c>
      <c r="AZ837" s="53">
        <v>0</v>
      </c>
      <c r="BA837" s="53">
        <v>0</v>
      </c>
    </row>
    <row r="838" spans="1:53">
      <c r="A838" s="52" t="s">
        <v>3345</v>
      </c>
      <c r="B838" s="53">
        <v>0</v>
      </c>
      <c r="C838" s="53">
        <v>0</v>
      </c>
      <c r="D838" s="53">
        <v>0</v>
      </c>
      <c r="E838" s="53">
        <v>0</v>
      </c>
      <c r="F838" s="53">
        <v>0</v>
      </c>
      <c r="G838" s="53">
        <v>0</v>
      </c>
      <c r="H838" s="53">
        <v>0</v>
      </c>
      <c r="I838" s="53">
        <v>0</v>
      </c>
      <c r="J838" s="53">
        <v>0</v>
      </c>
      <c r="K838" s="53">
        <v>0</v>
      </c>
      <c r="L838" s="53">
        <v>0</v>
      </c>
      <c r="M838" s="53">
        <v>0</v>
      </c>
      <c r="N838" s="53">
        <v>0</v>
      </c>
      <c r="O838" s="53">
        <v>0</v>
      </c>
      <c r="P838" s="53">
        <v>0</v>
      </c>
      <c r="Q838" s="53">
        <v>0</v>
      </c>
      <c r="R838" s="53">
        <v>0</v>
      </c>
      <c r="S838" s="53">
        <v>0</v>
      </c>
      <c r="T838" s="53">
        <v>0</v>
      </c>
      <c r="U838" s="53">
        <v>0</v>
      </c>
      <c r="V838" s="53">
        <v>0</v>
      </c>
      <c r="W838" s="53">
        <v>0</v>
      </c>
      <c r="X838" s="53">
        <v>0</v>
      </c>
      <c r="Y838" s="53">
        <v>0</v>
      </c>
      <c r="Z838" s="53">
        <v>0</v>
      </c>
      <c r="AA838" s="53">
        <v>0</v>
      </c>
      <c r="AB838" s="53">
        <v>0</v>
      </c>
      <c r="AC838" s="53">
        <v>0</v>
      </c>
      <c r="AD838" s="53">
        <v>0</v>
      </c>
      <c r="AE838" s="53">
        <v>0</v>
      </c>
      <c r="AF838" s="53">
        <v>0</v>
      </c>
      <c r="AG838" s="53">
        <v>0</v>
      </c>
      <c r="AH838" s="53">
        <v>0</v>
      </c>
      <c r="AI838" s="53">
        <v>0</v>
      </c>
      <c r="AJ838" s="53">
        <v>0</v>
      </c>
      <c r="AK838" s="53">
        <v>0</v>
      </c>
      <c r="AL838" s="53">
        <v>0</v>
      </c>
      <c r="AM838" s="53">
        <v>0</v>
      </c>
      <c r="AN838" s="53">
        <v>0</v>
      </c>
      <c r="AO838" s="53">
        <v>0</v>
      </c>
      <c r="AP838" s="53">
        <v>0</v>
      </c>
      <c r="AQ838" s="53">
        <v>0</v>
      </c>
      <c r="AR838" s="53">
        <v>0</v>
      </c>
      <c r="AS838" s="53">
        <v>0</v>
      </c>
      <c r="AT838" s="53">
        <v>0</v>
      </c>
      <c r="AU838" s="53">
        <v>0</v>
      </c>
      <c r="AV838" s="53">
        <v>0</v>
      </c>
      <c r="AW838" s="53">
        <v>0</v>
      </c>
      <c r="AX838" s="53">
        <v>0</v>
      </c>
      <c r="AY838" s="53">
        <v>0</v>
      </c>
      <c r="AZ838" s="53">
        <v>0</v>
      </c>
      <c r="BA838" s="53">
        <v>0</v>
      </c>
    </row>
    <row r="839" spans="1:53">
      <c r="A839" s="52" t="s">
        <v>3346</v>
      </c>
      <c r="B839" s="53">
        <v>-106699.94</v>
      </c>
      <c r="C839" s="53">
        <v>-106699.94</v>
      </c>
      <c r="D839" s="53">
        <v>-106699.94</v>
      </c>
      <c r="E839" s="53">
        <v>-106699.94</v>
      </c>
      <c r="F839" s="53">
        <v>-106699.94</v>
      </c>
      <c r="G839" s="53">
        <v>-106699.94</v>
      </c>
      <c r="H839" s="53">
        <v>-106699.94</v>
      </c>
      <c r="I839" s="53">
        <v>-106699.94</v>
      </c>
      <c r="J839" s="53">
        <v>-106699.94</v>
      </c>
      <c r="K839" s="53">
        <v>-106699.94</v>
      </c>
      <c r="L839" s="53">
        <v>-106699.94</v>
      </c>
      <c r="M839" s="53">
        <v>-106699.94</v>
      </c>
      <c r="N839" s="53">
        <v>-106699.94</v>
      </c>
      <c r="O839" s="53">
        <v>-106699.94</v>
      </c>
      <c r="P839" s="53">
        <v>-106699.94</v>
      </c>
      <c r="Q839" s="53">
        <v>-106699.94</v>
      </c>
      <c r="R839" s="53">
        <v>-106699.94</v>
      </c>
      <c r="S839" s="53">
        <v>-106699.94</v>
      </c>
      <c r="T839" s="53">
        <v>-106699.94</v>
      </c>
      <c r="U839" s="53">
        <v>-106699.94</v>
      </c>
      <c r="V839" s="53">
        <v>-106699.94</v>
      </c>
      <c r="W839" s="53">
        <v>-106699.94</v>
      </c>
      <c r="X839" s="53">
        <v>-106699.94</v>
      </c>
      <c r="Y839" s="53">
        <v>-106699.94</v>
      </c>
      <c r="Z839" s="53">
        <v>-106699.94</v>
      </c>
      <c r="AA839" s="53">
        <v>-106699.94</v>
      </c>
      <c r="AB839" s="53">
        <v>-106699.94</v>
      </c>
      <c r="AC839" s="53">
        <v>-106699.94</v>
      </c>
      <c r="AD839" s="53">
        <v>-106699.94</v>
      </c>
      <c r="AE839" s="53">
        <v>-106699.94</v>
      </c>
      <c r="AF839" s="53">
        <v>-106699.94</v>
      </c>
      <c r="AG839" s="53">
        <v>-106699.94</v>
      </c>
      <c r="AH839" s="53">
        <v>-106699.94</v>
      </c>
      <c r="AI839" s="53">
        <v>-106699.94</v>
      </c>
      <c r="AJ839" s="53">
        <v>-106699.94</v>
      </c>
      <c r="AK839" s="53">
        <v>-106699.94</v>
      </c>
      <c r="AL839" s="53">
        <v>-106699.94</v>
      </c>
      <c r="AM839" s="53">
        <v>-106699.94</v>
      </c>
      <c r="AN839" s="53">
        <v>-106699.94</v>
      </c>
      <c r="AO839" s="53">
        <v>-106699.94</v>
      </c>
      <c r="AP839" s="53">
        <v>-106699.94</v>
      </c>
      <c r="AQ839" s="53">
        <v>-106699.94</v>
      </c>
      <c r="AR839" s="53">
        <v>-106699.94</v>
      </c>
      <c r="AS839" s="53">
        <v>-106699.94</v>
      </c>
      <c r="AT839" s="53">
        <v>-106699.94</v>
      </c>
      <c r="AU839" s="53">
        <v>-106699.94</v>
      </c>
      <c r="AV839" s="53">
        <v>-106699.94</v>
      </c>
      <c r="AW839" s="53">
        <v>-106699.94</v>
      </c>
      <c r="AX839" s="53">
        <v>-106699.94</v>
      </c>
      <c r="AY839" s="53">
        <v>-106699.94</v>
      </c>
      <c r="AZ839" s="53">
        <v>-106699.94</v>
      </c>
      <c r="BA839" s="53">
        <v>-106699.94</v>
      </c>
    </row>
    <row r="840" spans="1:53">
      <c r="A840" s="52" t="s">
        <v>3347</v>
      </c>
      <c r="B840" s="53">
        <v>-47422.429999999898</v>
      </c>
      <c r="C840" s="53">
        <v>-47422.429999999898</v>
      </c>
      <c r="D840" s="53">
        <v>-47422.429999999898</v>
      </c>
      <c r="E840" s="53">
        <v>-47422.429999999898</v>
      </c>
      <c r="F840" s="53">
        <v>-47422.429999999898</v>
      </c>
      <c r="G840" s="53">
        <v>-47422.429999999898</v>
      </c>
      <c r="H840" s="53">
        <v>-47422.429999999898</v>
      </c>
      <c r="I840" s="53">
        <v>-47422.429999999898</v>
      </c>
      <c r="J840" s="53">
        <v>-47422.429999999898</v>
      </c>
      <c r="K840" s="53">
        <v>-47422.429999999898</v>
      </c>
      <c r="L840" s="53">
        <v>-47422.429999999898</v>
      </c>
      <c r="M840" s="53">
        <v>-47422.429999999898</v>
      </c>
      <c r="N840" s="53">
        <v>-47422.429999999898</v>
      </c>
      <c r="O840" s="53">
        <v>-47422.429999999898</v>
      </c>
      <c r="P840" s="53">
        <v>-47422.429999999898</v>
      </c>
      <c r="Q840" s="53">
        <v>-47422.429999999898</v>
      </c>
      <c r="R840" s="53">
        <v>-47422.429999999898</v>
      </c>
      <c r="S840" s="53">
        <v>-47422.429999999898</v>
      </c>
      <c r="T840" s="53">
        <v>-47422.429999999898</v>
      </c>
      <c r="U840" s="53">
        <v>-47422.429999999898</v>
      </c>
      <c r="V840" s="53">
        <v>-47422.429999999898</v>
      </c>
      <c r="W840" s="53">
        <v>-47422.429999999898</v>
      </c>
      <c r="X840" s="53">
        <v>-47422.429999999898</v>
      </c>
      <c r="Y840" s="53">
        <v>-47422.429999999898</v>
      </c>
      <c r="Z840" s="53">
        <v>-47422.429999999898</v>
      </c>
      <c r="AA840" s="53">
        <v>-47422.429999999898</v>
      </c>
      <c r="AB840" s="53">
        <v>-47422.429999999898</v>
      </c>
      <c r="AC840" s="53">
        <v>-47422.429999999898</v>
      </c>
      <c r="AD840" s="53">
        <v>-47422.429999999898</v>
      </c>
      <c r="AE840" s="53">
        <v>-47422.429999999898</v>
      </c>
      <c r="AF840" s="53">
        <v>-47422.429999999898</v>
      </c>
      <c r="AG840" s="53">
        <v>-47422.429999999898</v>
      </c>
      <c r="AH840" s="53">
        <v>-47422.429999999898</v>
      </c>
      <c r="AI840" s="53">
        <v>-47422.429999999898</v>
      </c>
      <c r="AJ840" s="53">
        <v>-47422.429999999898</v>
      </c>
      <c r="AK840" s="53">
        <v>-47422.429999999898</v>
      </c>
      <c r="AL840" s="53">
        <v>-47422.429999999898</v>
      </c>
      <c r="AM840" s="53">
        <v>-47422.429999999898</v>
      </c>
      <c r="AN840" s="53">
        <v>-47422.429999999898</v>
      </c>
      <c r="AO840" s="53">
        <v>-47422.429999999898</v>
      </c>
      <c r="AP840" s="53">
        <v>-47422.429999999898</v>
      </c>
      <c r="AQ840" s="53">
        <v>-47422.429999999898</v>
      </c>
      <c r="AR840" s="53">
        <v>-47422.429999999898</v>
      </c>
      <c r="AS840" s="53">
        <v>-47422.429999999898</v>
      </c>
      <c r="AT840" s="53">
        <v>-47422.429999999898</v>
      </c>
      <c r="AU840" s="53">
        <v>-47422.429999999898</v>
      </c>
      <c r="AV840" s="53">
        <v>-47422.429999999898</v>
      </c>
      <c r="AW840" s="53">
        <v>-47422.429999999898</v>
      </c>
      <c r="AX840" s="53">
        <v>-47422.429999999898</v>
      </c>
      <c r="AY840" s="53">
        <v>-47422.429999999898</v>
      </c>
      <c r="AZ840" s="53">
        <v>-47422.429999999898</v>
      </c>
      <c r="BA840" s="53">
        <v>-47422.429999999898</v>
      </c>
    </row>
    <row r="841" spans="1:53">
      <c r="A841" s="52" t="s">
        <v>3348</v>
      </c>
      <c r="B841" s="53">
        <v>0</v>
      </c>
      <c r="C841" s="53">
        <v>0</v>
      </c>
      <c r="D841" s="53">
        <v>0</v>
      </c>
      <c r="E841" s="53">
        <v>0</v>
      </c>
      <c r="F841" s="53">
        <v>0</v>
      </c>
      <c r="G841" s="53">
        <v>0</v>
      </c>
      <c r="H841" s="53">
        <v>0</v>
      </c>
      <c r="I841" s="53">
        <v>0</v>
      </c>
      <c r="J841" s="53">
        <v>0</v>
      </c>
      <c r="K841" s="53">
        <v>0</v>
      </c>
      <c r="L841" s="53">
        <v>0</v>
      </c>
      <c r="M841" s="53">
        <v>0</v>
      </c>
      <c r="N841" s="53">
        <v>0</v>
      </c>
      <c r="O841" s="53">
        <v>0</v>
      </c>
      <c r="P841" s="53">
        <v>0</v>
      </c>
      <c r="Q841" s="53">
        <v>0</v>
      </c>
      <c r="R841" s="53">
        <v>0</v>
      </c>
      <c r="S841" s="53">
        <v>0</v>
      </c>
      <c r="T841" s="53">
        <v>0</v>
      </c>
      <c r="U841" s="53">
        <v>0</v>
      </c>
      <c r="V841" s="53">
        <v>0</v>
      </c>
      <c r="W841" s="53">
        <v>0</v>
      </c>
      <c r="X841" s="53">
        <v>0</v>
      </c>
      <c r="Y841" s="53">
        <v>0</v>
      </c>
      <c r="Z841" s="53">
        <v>0</v>
      </c>
      <c r="AA841" s="53">
        <v>0</v>
      </c>
      <c r="AB841" s="53">
        <v>0</v>
      </c>
      <c r="AC841" s="53">
        <v>0</v>
      </c>
      <c r="AD841" s="53">
        <v>0</v>
      </c>
      <c r="AE841" s="53">
        <v>0</v>
      </c>
      <c r="AF841" s="53">
        <v>0</v>
      </c>
      <c r="AG841" s="53">
        <v>0</v>
      </c>
      <c r="AH841" s="53">
        <v>0</v>
      </c>
      <c r="AI841" s="53">
        <v>0</v>
      </c>
      <c r="AJ841" s="53">
        <v>0</v>
      </c>
      <c r="AK841" s="53">
        <v>0</v>
      </c>
      <c r="AL841" s="53">
        <v>0</v>
      </c>
      <c r="AM841" s="53">
        <v>0</v>
      </c>
      <c r="AN841" s="53">
        <v>0</v>
      </c>
      <c r="AO841" s="53">
        <v>0</v>
      </c>
      <c r="AP841" s="53">
        <v>0</v>
      </c>
      <c r="AQ841" s="53">
        <v>0</v>
      </c>
      <c r="AR841" s="53">
        <v>0</v>
      </c>
      <c r="AS841" s="53">
        <v>0</v>
      </c>
      <c r="AT841" s="53">
        <v>0</v>
      </c>
      <c r="AU841" s="53">
        <v>0</v>
      </c>
      <c r="AV841" s="53">
        <v>0</v>
      </c>
      <c r="AW841" s="53">
        <v>0</v>
      </c>
      <c r="AX841" s="53">
        <v>0</v>
      </c>
      <c r="AY841" s="53">
        <v>0</v>
      </c>
      <c r="AZ841" s="53">
        <v>0</v>
      </c>
      <c r="BA841" s="53">
        <v>0</v>
      </c>
    </row>
    <row r="842" spans="1:53">
      <c r="A842" s="52" t="s">
        <v>3349</v>
      </c>
      <c r="B842" s="53">
        <v>0</v>
      </c>
      <c r="C842" s="53">
        <v>0</v>
      </c>
      <c r="D842" s="53">
        <v>0</v>
      </c>
      <c r="E842" s="53">
        <v>0</v>
      </c>
      <c r="F842" s="53">
        <v>0</v>
      </c>
      <c r="G842" s="53">
        <v>0</v>
      </c>
      <c r="H842" s="53">
        <v>0</v>
      </c>
      <c r="I842" s="53">
        <v>0</v>
      </c>
      <c r="J842" s="53">
        <v>0</v>
      </c>
      <c r="K842" s="53">
        <v>0</v>
      </c>
      <c r="L842" s="53">
        <v>0</v>
      </c>
      <c r="M842" s="53">
        <v>0</v>
      </c>
      <c r="N842" s="53">
        <v>0</v>
      </c>
      <c r="O842" s="53">
        <v>0</v>
      </c>
      <c r="P842" s="53">
        <v>0</v>
      </c>
      <c r="Q842" s="53">
        <v>0</v>
      </c>
      <c r="R842" s="53">
        <v>0</v>
      </c>
      <c r="S842" s="53">
        <v>0</v>
      </c>
      <c r="T842" s="53">
        <v>0</v>
      </c>
      <c r="U842" s="53">
        <v>0</v>
      </c>
      <c r="V842" s="53">
        <v>0</v>
      </c>
      <c r="W842" s="53">
        <v>0</v>
      </c>
      <c r="X842" s="53">
        <v>0</v>
      </c>
      <c r="Y842" s="53">
        <v>0</v>
      </c>
      <c r="Z842" s="53">
        <v>0</v>
      </c>
      <c r="AA842" s="53">
        <v>0</v>
      </c>
      <c r="AB842" s="53">
        <v>0</v>
      </c>
      <c r="AC842" s="53">
        <v>0</v>
      </c>
      <c r="AD842" s="53">
        <v>0</v>
      </c>
      <c r="AE842" s="53">
        <v>0</v>
      </c>
      <c r="AF842" s="53">
        <v>0</v>
      </c>
      <c r="AG842" s="53">
        <v>0</v>
      </c>
      <c r="AH842" s="53">
        <v>0</v>
      </c>
      <c r="AI842" s="53">
        <v>0</v>
      </c>
      <c r="AJ842" s="53">
        <v>0</v>
      </c>
      <c r="AK842" s="53">
        <v>0</v>
      </c>
      <c r="AL842" s="53">
        <v>0</v>
      </c>
      <c r="AM842" s="53">
        <v>0</v>
      </c>
      <c r="AN842" s="53">
        <v>0</v>
      </c>
      <c r="AO842" s="53">
        <v>0</v>
      </c>
      <c r="AP842" s="53">
        <v>0</v>
      </c>
      <c r="AQ842" s="53">
        <v>0</v>
      </c>
      <c r="AR842" s="53">
        <v>0</v>
      </c>
      <c r="AS842" s="53">
        <v>0</v>
      </c>
      <c r="AT842" s="53">
        <v>0</v>
      </c>
      <c r="AU842" s="53">
        <v>0</v>
      </c>
      <c r="AV842" s="53">
        <v>0</v>
      </c>
      <c r="AW842" s="53">
        <v>0</v>
      </c>
      <c r="AX842" s="53">
        <v>0</v>
      </c>
      <c r="AY842" s="53">
        <v>0</v>
      </c>
      <c r="AZ842" s="53">
        <v>0</v>
      </c>
      <c r="BA842" s="53">
        <v>0</v>
      </c>
    </row>
    <row r="843" spans="1:53">
      <c r="A843" s="52" t="s">
        <v>3350</v>
      </c>
      <c r="B843" s="53">
        <v>0</v>
      </c>
      <c r="C843" s="53">
        <v>0</v>
      </c>
      <c r="D843" s="53">
        <v>0</v>
      </c>
      <c r="E843" s="53">
        <v>0</v>
      </c>
      <c r="F843" s="53">
        <v>0</v>
      </c>
      <c r="G843" s="53">
        <v>0</v>
      </c>
      <c r="H843" s="53">
        <v>0</v>
      </c>
      <c r="I843" s="53">
        <v>0</v>
      </c>
      <c r="J843" s="53">
        <v>0</v>
      </c>
      <c r="K843" s="53">
        <v>0</v>
      </c>
      <c r="L843" s="53">
        <v>0</v>
      </c>
      <c r="M843" s="53">
        <v>0</v>
      </c>
      <c r="N843" s="53">
        <v>0</v>
      </c>
      <c r="O843" s="53">
        <v>0</v>
      </c>
      <c r="P843" s="53">
        <v>0</v>
      </c>
      <c r="Q843" s="53">
        <v>0</v>
      </c>
      <c r="R843" s="53">
        <v>0</v>
      </c>
      <c r="S843" s="53">
        <v>0</v>
      </c>
      <c r="T843" s="53">
        <v>0</v>
      </c>
      <c r="U843" s="53">
        <v>0</v>
      </c>
      <c r="V843" s="53">
        <v>0</v>
      </c>
      <c r="W843" s="53">
        <v>0</v>
      </c>
      <c r="X843" s="53">
        <v>0</v>
      </c>
      <c r="Y843" s="53">
        <v>0</v>
      </c>
      <c r="Z843" s="53">
        <v>0</v>
      </c>
      <c r="AA843" s="53">
        <v>0</v>
      </c>
      <c r="AB843" s="53">
        <v>0</v>
      </c>
      <c r="AC843" s="53">
        <v>0</v>
      </c>
      <c r="AD843" s="53">
        <v>0</v>
      </c>
      <c r="AE843" s="53">
        <v>0</v>
      </c>
      <c r="AF843" s="53">
        <v>0</v>
      </c>
      <c r="AG843" s="53">
        <v>0</v>
      </c>
      <c r="AH843" s="53">
        <v>0</v>
      </c>
      <c r="AI843" s="53">
        <v>0</v>
      </c>
      <c r="AJ843" s="53">
        <v>0</v>
      </c>
      <c r="AK843" s="53">
        <v>0</v>
      </c>
      <c r="AL843" s="53">
        <v>0</v>
      </c>
      <c r="AM843" s="53">
        <v>0</v>
      </c>
      <c r="AN843" s="53">
        <v>0</v>
      </c>
      <c r="AO843" s="53">
        <v>0</v>
      </c>
      <c r="AP843" s="53">
        <v>0</v>
      </c>
      <c r="AQ843" s="53">
        <v>0</v>
      </c>
      <c r="AR843" s="53">
        <v>0</v>
      </c>
      <c r="AS843" s="53">
        <v>0</v>
      </c>
      <c r="AT843" s="53">
        <v>0</v>
      </c>
      <c r="AU843" s="53">
        <v>0</v>
      </c>
      <c r="AV843" s="53">
        <v>0</v>
      </c>
      <c r="AW843" s="53">
        <v>0</v>
      </c>
      <c r="AX843" s="53">
        <v>0</v>
      </c>
      <c r="AY843" s="53">
        <v>0</v>
      </c>
      <c r="AZ843" s="53">
        <v>0</v>
      </c>
      <c r="BA843" s="53">
        <v>0</v>
      </c>
    </row>
    <row r="844" spans="1:53">
      <c r="A844" s="52" t="s">
        <v>3351</v>
      </c>
      <c r="B844" s="53">
        <v>0</v>
      </c>
      <c r="C844" s="53">
        <v>0</v>
      </c>
      <c r="D844" s="53">
        <v>0</v>
      </c>
      <c r="E844" s="53">
        <v>0</v>
      </c>
      <c r="F844" s="53">
        <v>0</v>
      </c>
      <c r="G844" s="53">
        <v>0</v>
      </c>
      <c r="H844" s="53">
        <v>0</v>
      </c>
      <c r="I844" s="53">
        <v>0</v>
      </c>
      <c r="J844" s="53">
        <v>0</v>
      </c>
      <c r="K844" s="53">
        <v>0</v>
      </c>
      <c r="L844" s="53">
        <v>0</v>
      </c>
      <c r="M844" s="53">
        <v>0</v>
      </c>
      <c r="N844" s="53">
        <v>0</v>
      </c>
      <c r="O844" s="53">
        <v>0</v>
      </c>
      <c r="P844" s="53">
        <v>0</v>
      </c>
      <c r="Q844" s="53">
        <v>0</v>
      </c>
      <c r="R844" s="53">
        <v>0</v>
      </c>
      <c r="S844" s="53">
        <v>0</v>
      </c>
      <c r="T844" s="53">
        <v>0</v>
      </c>
      <c r="U844" s="53">
        <v>0</v>
      </c>
      <c r="V844" s="53">
        <v>0</v>
      </c>
      <c r="W844" s="53">
        <v>0</v>
      </c>
      <c r="X844" s="53">
        <v>0</v>
      </c>
      <c r="Y844" s="53">
        <v>0</v>
      </c>
      <c r="Z844" s="53">
        <v>0</v>
      </c>
      <c r="AA844" s="53">
        <v>0</v>
      </c>
      <c r="AB844" s="53">
        <v>0</v>
      </c>
      <c r="AC844" s="53">
        <v>0</v>
      </c>
      <c r="AD844" s="53">
        <v>0</v>
      </c>
      <c r="AE844" s="53">
        <v>0</v>
      </c>
      <c r="AF844" s="53">
        <v>0</v>
      </c>
      <c r="AG844" s="53">
        <v>0</v>
      </c>
      <c r="AH844" s="53">
        <v>0</v>
      </c>
      <c r="AI844" s="53">
        <v>0</v>
      </c>
      <c r="AJ844" s="53">
        <v>0</v>
      </c>
      <c r="AK844" s="53">
        <v>0</v>
      </c>
      <c r="AL844" s="53">
        <v>0</v>
      </c>
      <c r="AM844" s="53">
        <v>0</v>
      </c>
      <c r="AN844" s="53">
        <v>0</v>
      </c>
      <c r="AO844" s="53">
        <v>0</v>
      </c>
      <c r="AP844" s="53">
        <v>0</v>
      </c>
      <c r="AQ844" s="53">
        <v>0</v>
      </c>
      <c r="AR844" s="53">
        <v>0</v>
      </c>
      <c r="AS844" s="53">
        <v>0</v>
      </c>
      <c r="AT844" s="53">
        <v>0</v>
      </c>
      <c r="AU844" s="53">
        <v>0</v>
      </c>
      <c r="AV844" s="53">
        <v>0</v>
      </c>
      <c r="AW844" s="53">
        <v>0</v>
      </c>
      <c r="AX844" s="53">
        <v>0</v>
      </c>
      <c r="AY844" s="53">
        <v>0</v>
      </c>
      <c r="AZ844" s="53">
        <v>0</v>
      </c>
      <c r="BA844" s="53">
        <v>0</v>
      </c>
    </row>
    <row r="845" spans="1:53">
      <c r="A845" s="52" t="s">
        <v>3352</v>
      </c>
      <c r="B845" s="53">
        <v>0</v>
      </c>
      <c r="C845" s="53">
        <v>0</v>
      </c>
      <c r="D845" s="53">
        <v>0</v>
      </c>
      <c r="E845" s="53">
        <v>0</v>
      </c>
      <c r="F845" s="53">
        <v>0</v>
      </c>
      <c r="G845" s="53">
        <v>0</v>
      </c>
      <c r="H845" s="53">
        <v>0</v>
      </c>
      <c r="I845" s="53">
        <v>0</v>
      </c>
      <c r="J845" s="53">
        <v>0</v>
      </c>
      <c r="K845" s="53">
        <v>0</v>
      </c>
      <c r="L845" s="53">
        <v>0</v>
      </c>
      <c r="M845" s="53">
        <v>0</v>
      </c>
      <c r="N845" s="53">
        <v>0</v>
      </c>
      <c r="O845" s="53">
        <v>0</v>
      </c>
      <c r="P845" s="53">
        <v>0</v>
      </c>
      <c r="Q845" s="53">
        <v>0</v>
      </c>
      <c r="R845" s="53">
        <v>0</v>
      </c>
      <c r="S845" s="53">
        <v>0</v>
      </c>
      <c r="T845" s="53">
        <v>0</v>
      </c>
      <c r="U845" s="53">
        <v>0</v>
      </c>
      <c r="V845" s="53">
        <v>0</v>
      </c>
      <c r="W845" s="53">
        <v>0</v>
      </c>
      <c r="X845" s="53">
        <v>0</v>
      </c>
      <c r="Y845" s="53">
        <v>0</v>
      </c>
      <c r="Z845" s="53">
        <v>0</v>
      </c>
      <c r="AA845" s="53">
        <v>0</v>
      </c>
      <c r="AB845" s="53">
        <v>0</v>
      </c>
      <c r="AC845" s="53">
        <v>0</v>
      </c>
      <c r="AD845" s="53">
        <v>0</v>
      </c>
      <c r="AE845" s="53">
        <v>0</v>
      </c>
      <c r="AF845" s="53">
        <v>0</v>
      </c>
      <c r="AG845" s="53">
        <v>0</v>
      </c>
      <c r="AH845" s="53">
        <v>0</v>
      </c>
      <c r="AI845" s="53">
        <v>0</v>
      </c>
      <c r="AJ845" s="53">
        <v>0</v>
      </c>
      <c r="AK845" s="53">
        <v>0</v>
      </c>
      <c r="AL845" s="53">
        <v>0</v>
      </c>
      <c r="AM845" s="53">
        <v>0</v>
      </c>
      <c r="AN845" s="53">
        <v>0</v>
      </c>
      <c r="AO845" s="53">
        <v>0</v>
      </c>
      <c r="AP845" s="53">
        <v>0</v>
      </c>
      <c r="AQ845" s="53">
        <v>0</v>
      </c>
      <c r="AR845" s="53">
        <v>0</v>
      </c>
      <c r="AS845" s="53">
        <v>0</v>
      </c>
      <c r="AT845" s="53">
        <v>0</v>
      </c>
      <c r="AU845" s="53">
        <v>0</v>
      </c>
      <c r="AV845" s="53">
        <v>0</v>
      </c>
      <c r="AW845" s="53">
        <v>0</v>
      </c>
      <c r="AX845" s="53">
        <v>0</v>
      </c>
      <c r="AY845" s="53">
        <v>0</v>
      </c>
      <c r="AZ845" s="53">
        <v>0</v>
      </c>
      <c r="BA845" s="53">
        <v>0</v>
      </c>
    </row>
    <row r="846" spans="1:53">
      <c r="A846" s="52" t="s">
        <v>3353</v>
      </c>
      <c r="B846" s="53">
        <v>0</v>
      </c>
      <c r="C846" s="53">
        <v>0</v>
      </c>
      <c r="D846" s="53">
        <v>0</v>
      </c>
      <c r="E846" s="53">
        <v>0</v>
      </c>
      <c r="F846" s="53">
        <v>0</v>
      </c>
      <c r="G846" s="53">
        <v>0</v>
      </c>
      <c r="H846" s="53">
        <v>0</v>
      </c>
      <c r="I846" s="53">
        <v>0</v>
      </c>
      <c r="J846" s="53">
        <v>0</v>
      </c>
      <c r="K846" s="53">
        <v>0</v>
      </c>
      <c r="L846" s="53">
        <v>0</v>
      </c>
      <c r="M846" s="53">
        <v>0</v>
      </c>
      <c r="N846" s="53">
        <v>0</v>
      </c>
      <c r="O846" s="53">
        <v>0</v>
      </c>
      <c r="P846" s="53">
        <v>0</v>
      </c>
      <c r="Q846" s="53">
        <v>0</v>
      </c>
      <c r="R846" s="53">
        <v>0</v>
      </c>
      <c r="S846" s="53">
        <v>0</v>
      </c>
      <c r="T846" s="53">
        <v>0</v>
      </c>
      <c r="U846" s="53">
        <v>0</v>
      </c>
      <c r="V846" s="53">
        <v>0</v>
      </c>
      <c r="W846" s="53">
        <v>0</v>
      </c>
      <c r="X846" s="53">
        <v>0</v>
      </c>
      <c r="Y846" s="53">
        <v>0</v>
      </c>
      <c r="Z846" s="53">
        <v>0</v>
      </c>
      <c r="AA846" s="53">
        <v>0</v>
      </c>
      <c r="AB846" s="53">
        <v>0</v>
      </c>
      <c r="AC846" s="53">
        <v>0</v>
      </c>
      <c r="AD846" s="53">
        <v>0</v>
      </c>
      <c r="AE846" s="53">
        <v>0</v>
      </c>
      <c r="AF846" s="53">
        <v>0</v>
      </c>
      <c r="AG846" s="53">
        <v>0</v>
      </c>
      <c r="AH846" s="53">
        <v>0</v>
      </c>
      <c r="AI846" s="53">
        <v>0</v>
      </c>
      <c r="AJ846" s="53">
        <v>0</v>
      </c>
      <c r="AK846" s="53">
        <v>0</v>
      </c>
      <c r="AL846" s="53">
        <v>0</v>
      </c>
      <c r="AM846" s="53">
        <v>0</v>
      </c>
      <c r="AN846" s="53">
        <v>0</v>
      </c>
      <c r="AO846" s="53">
        <v>0</v>
      </c>
      <c r="AP846" s="53">
        <v>0</v>
      </c>
      <c r="AQ846" s="53">
        <v>0</v>
      </c>
      <c r="AR846" s="53">
        <v>0</v>
      </c>
      <c r="AS846" s="53">
        <v>0</v>
      </c>
      <c r="AT846" s="53">
        <v>0</v>
      </c>
      <c r="AU846" s="53">
        <v>0</v>
      </c>
      <c r="AV846" s="53">
        <v>0</v>
      </c>
      <c r="AW846" s="53">
        <v>0</v>
      </c>
      <c r="AX846" s="53">
        <v>0</v>
      </c>
      <c r="AY846" s="53">
        <v>0</v>
      </c>
      <c r="AZ846" s="53">
        <v>0</v>
      </c>
      <c r="BA846" s="53">
        <v>0</v>
      </c>
    </row>
    <row r="847" spans="1:53">
      <c r="A847" s="52" t="s">
        <v>3354</v>
      </c>
      <c r="B847" s="53">
        <v>10958.64</v>
      </c>
      <c r="C847" s="53">
        <v>10958.64</v>
      </c>
      <c r="D847" s="53">
        <v>10958.64</v>
      </c>
      <c r="E847" s="53">
        <v>10958.64</v>
      </c>
      <c r="F847" s="53">
        <v>10958.64</v>
      </c>
      <c r="G847" s="53">
        <v>10958.64</v>
      </c>
      <c r="H847" s="53">
        <v>10958.64</v>
      </c>
      <c r="I847" s="53">
        <v>10958.64</v>
      </c>
      <c r="J847" s="53">
        <v>10958.64</v>
      </c>
      <c r="K847" s="53">
        <v>10958.64</v>
      </c>
      <c r="L847" s="53">
        <v>10958.64</v>
      </c>
      <c r="M847" s="53">
        <v>10958.64</v>
      </c>
      <c r="N847" s="53">
        <v>10958.64</v>
      </c>
      <c r="O847" s="53">
        <v>10958.64</v>
      </c>
      <c r="P847" s="53">
        <v>10958.64</v>
      </c>
      <c r="Q847" s="53">
        <v>10958.64</v>
      </c>
      <c r="R847" s="53">
        <v>10958.64</v>
      </c>
      <c r="S847" s="53">
        <v>10958.64</v>
      </c>
      <c r="T847" s="53">
        <v>10958.64</v>
      </c>
      <c r="U847" s="53">
        <v>10958.64</v>
      </c>
      <c r="V847" s="53">
        <v>10958.64</v>
      </c>
      <c r="W847" s="53">
        <v>10958.64</v>
      </c>
      <c r="X847" s="53">
        <v>10958.64</v>
      </c>
      <c r="Y847" s="53">
        <v>10958.64</v>
      </c>
      <c r="Z847" s="53">
        <v>10958.64</v>
      </c>
      <c r="AA847" s="53">
        <v>10958.64</v>
      </c>
      <c r="AB847" s="53">
        <v>10958.64</v>
      </c>
      <c r="AC847" s="53">
        <v>10958.64</v>
      </c>
      <c r="AD847" s="53">
        <v>10958.64</v>
      </c>
      <c r="AE847" s="53">
        <v>10958.64</v>
      </c>
      <c r="AF847" s="53">
        <v>10958.64</v>
      </c>
      <c r="AG847" s="53">
        <v>10958.64</v>
      </c>
      <c r="AH847" s="53">
        <v>10958.64</v>
      </c>
      <c r="AI847" s="53">
        <v>10958.64</v>
      </c>
      <c r="AJ847" s="53">
        <v>10958.64</v>
      </c>
      <c r="AK847" s="53">
        <v>10958.64</v>
      </c>
      <c r="AL847" s="53">
        <v>10958.64</v>
      </c>
      <c r="AM847" s="53">
        <v>10958.64</v>
      </c>
      <c r="AN847" s="53">
        <v>10958.64</v>
      </c>
      <c r="AO847" s="53">
        <v>10958.64</v>
      </c>
      <c r="AP847" s="53">
        <v>10958.64</v>
      </c>
      <c r="AQ847" s="53">
        <v>10958.64</v>
      </c>
      <c r="AR847" s="53">
        <v>10958.64</v>
      </c>
      <c r="AS847" s="53">
        <v>10958.64</v>
      </c>
      <c r="AT847" s="53">
        <v>10958.64</v>
      </c>
      <c r="AU847" s="53">
        <v>10958.64</v>
      </c>
      <c r="AV847" s="53">
        <v>10958.64</v>
      </c>
      <c r="AW847" s="53">
        <v>10958.64</v>
      </c>
      <c r="AX847" s="53">
        <v>10958.64</v>
      </c>
      <c r="AY847" s="53">
        <v>10958.64</v>
      </c>
      <c r="AZ847" s="53">
        <v>10958.64</v>
      </c>
      <c r="BA847" s="53">
        <v>10958.64</v>
      </c>
    </row>
    <row r="848" spans="1:53">
      <c r="A848" s="52" t="s">
        <v>3355</v>
      </c>
      <c r="B848" s="53">
        <v>-403678.5</v>
      </c>
      <c r="C848" s="53">
        <v>-403678.5</v>
      </c>
      <c r="D848" s="53">
        <v>-403678.5</v>
      </c>
      <c r="E848" s="53">
        <v>-403678.5</v>
      </c>
      <c r="F848" s="53">
        <v>-403678.5</v>
      </c>
      <c r="G848" s="53">
        <v>-403678.5</v>
      </c>
      <c r="H848" s="53">
        <v>-403678.5</v>
      </c>
      <c r="I848" s="53">
        <v>-403678.5</v>
      </c>
      <c r="J848" s="53">
        <v>-403678.5</v>
      </c>
      <c r="K848" s="53">
        <v>-403678.5</v>
      </c>
      <c r="L848" s="53">
        <v>-403678.5</v>
      </c>
      <c r="M848" s="53">
        <v>-403678.5</v>
      </c>
      <c r="N848" s="53">
        <v>-403678.5</v>
      </c>
      <c r="O848" s="53">
        <v>-403678.5</v>
      </c>
      <c r="P848" s="53">
        <v>-403678.5</v>
      </c>
      <c r="Q848" s="53">
        <v>-403678.5</v>
      </c>
      <c r="R848" s="53">
        <v>-403678.5</v>
      </c>
      <c r="S848" s="53">
        <v>-403678.5</v>
      </c>
      <c r="T848" s="53">
        <v>-403678.5</v>
      </c>
      <c r="U848" s="53">
        <v>-403678.5</v>
      </c>
      <c r="V848" s="53">
        <v>-403678.5</v>
      </c>
      <c r="W848" s="53">
        <v>-403678.5</v>
      </c>
      <c r="X848" s="53">
        <v>-403678.5</v>
      </c>
      <c r="Y848" s="53">
        <v>-403678.5</v>
      </c>
      <c r="Z848" s="53">
        <v>-403678.5</v>
      </c>
      <c r="AA848" s="53">
        <v>-403678.5</v>
      </c>
      <c r="AB848" s="53">
        <v>-403678.5</v>
      </c>
      <c r="AC848" s="53">
        <v>-403678.5</v>
      </c>
      <c r="AD848" s="53">
        <v>-403678.5</v>
      </c>
      <c r="AE848" s="53">
        <v>-403678.5</v>
      </c>
      <c r="AF848" s="53">
        <v>-403678.5</v>
      </c>
      <c r="AG848" s="53">
        <v>-403678.5</v>
      </c>
      <c r="AH848" s="53">
        <v>-403678.5</v>
      </c>
      <c r="AI848" s="53">
        <v>-403678.5</v>
      </c>
      <c r="AJ848" s="53">
        <v>-403678.5</v>
      </c>
      <c r="AK848" s="53">
        <v>-403678.5</v>
      </c>
      <c r="AL848" s="53">
        <v>-403678.5</v>
      </c>
      <c r="AM848" s="53">
        <v>-403678.5</v>
      </c>
      <c r="AN848" s="53">
        <v>-403678.5</v>
      </c>
      <c r="AO848" s="53">
        <v>-403678.5</v>
      </c>
      <c r="AP848" s="53">
        <v>-403678.5</v>
      </c>
      <c r="AQ848" s="53">
        <v>-403678.5</v>
      </c>
      <c r="AR848" s="53">
        <v>-403678.5</v>
      </c>
      <c r="AS848" s="53">
        <v>-403678.5</v>
      </c>
      <c r="AT848" s="53">
        <v>-403678.5</v>
      </c>
      <c r="AU848" s="53">
        <v>-403678.5</v>
      </c>
      <c r="AV848" s="53">
        <v>-403678.5</v>
      </c>
      <c r="AW848" s="53">
        <v>-403678.5</v>
      </c>
      <c r="AX848" s="53">
        <v>-403678.5</v>
      </c>
      <c r="AY848" s="53">
        <v>-403678.5</v>
      </c>
      <c r="AZ848" s="53">
        <v>-403678.5</v>
      </c>
      <c r="BA848" s="53">
        <v>-403678.5</v>
      </c>
    </row>
    <row r="849" spans="1:53">
      <c r="A849" s="52" t="s">
        <v>3356</v>
      </c>
      <c r="B849" s="53">
        <v>0</v>
      </c>
      <c r="C849" s="53">
        <v>0</v>
      </c>
      <c r="D849" s="53">
        <v>0</v>
      </c>
      <c r="E849" s="53">
        <v>0</v>
      </c>
      <c r="F849" s="53">
        <v>0</v>
      </c>
      <c r="G849" s="53">
        <v>0</v>
      </c>
      <c r="H849" s="53">
        <v>0</v>
      </c>
      <c r="I849" s="53">
        <v>0</v>
      </c>
      <c r="J849" s="53">
        <v>0</v>
      </c>
      <c r="K849" s="53">
        <v>0</v>
      </c>
      <c r="L849" s="53">
        <v>0</v>
      </c>
      <c r="M849" s="53">
        <v>0</v>
      </c>
      <c r="N849" s="53">
        <v>0</v>
      </c>
      <c r="O849" s="53">
        <v>0</v>
      </c>
      <c r="P849" s="53">
        <v>0</v>
      </c>
      <c r="Q849" s="53">
        <v>0</v>
      </c>
      <c r="R849" s="53">
        <v>0</v>
      </c>
      <c r="S849" s="53">
        <v>0</v>
      </c>
      <c r="T849" s="53">
        <v>0</v>
      </c>
      <c r="U849" s="53">
        <v>0</v>
      </c>
      <c r="V849" s="53">
        <v>0</v>
      </c>
      <c r="W849" s="53">
        <v>0</v>
      </c>
      <c r="X849" s="53">
        <v>0</v>
      </c>
      <c r="Y849" s="53">
        <v>0</v>
      </c>
      <c r="Z849" s="53">
        <v>0</v>
      </c>
      <c r="AA849" s="53">
        <v>0</v>
      </c>
      <c r="AB849" s="53">
        <v>0</v>
      </c>
      <c r="AC849" s="53">
        <v>0</v>
      </c>
      <c r="AD849" s="53">
        <v>0</v>
      </c>
      <c r="AE849" s="53">
        <v>0</v>
      </c>
      <c r="AF849" s="53">
        <v>0</v>
      </c>
      <c r="AG849" s="53">
        <v>0</v>
      </c>
      <c r="AH849" s="53">
        <v>0</v>
      </c>
      <c r="AI849" s="53">
        <v>0</v>
      </c>
      <c r="AJ849" s="53">
        <v>0</v>
      </c>
      <c r="AK849" s="53">
        <v>0</v>
      </c>
      <c r="AL849" s="53">
        <v>0</v>
      </c>
      <c r="AM849" s="53">
        <v>0</v>
      </c>
      <c r="AN849" s="53">
        <v>0</v>
      </c>
      <c r="AO849" s="53">
        <v>0</v>
      </c>
      <c r="AP849" s="53">
        <v>0</v>
      </c>
      <c r="AQ849" s="53">
        <v>0</v>
      </c>
      <c r="AR849" s="53">
        <v>0</v>
      </c>
      <c r="AS849" s="53">
        <v>0</v>
      </c>
      <c r="AT849" s="53">
        <v>0</v>
      </c>
      <c r="AU849" s="53">
        <v>0</v>
      </c>
      <c r="AV849" s="53">
        <v>0</v>
      </c>
      <c r="AW849" s="53">
        <v>0</v>
      </c>
      <c r="AX849" s="53">
        <v>0</v>
      </c>
      <c r="AY849" s="53">
        <v>0</v>
      </c>
      <c r="AZ849" s="53">
        <v>0</v>
      </c>
      <c r="BA849" s="53">
        <v>0</v>
      </c>
    </row>
    <row r="850" spans="1:53">
      <c r="A850" s="52" t="s">
        <v>3357</v>
      </c>
      <c r="B850" s="53">
        <v>0</v>
      </c>
      <c r="C850" s="53">
        <v>0</v>
      </c>
      <c r="D850" s="53">
        <v>0</v>
      </c>
      <c r="E850" s="53">
        <v>0</v>
      </c>
      <c r="F850" s="53">
        <v>0</v>
      </c>
      <c r="G850" s="53">
        <v>0</v>
      </c>
      <c r="H850" s="53">
        <v>0</v>
      </c>
      <c r="I850" s="53">
        <v>0</v>
      </c>
      <c r="J850" s="53">
        <v>0</v>
      </c>
      <c r="K850" s="53">
        <v>0</v>
      </c>
      <c r="L850" s="53">
        <v>0</v>
      </c>
      <c r="M850" s="53">
        <v>0</v>
      </c>
      <c r="N850" s="53">
        <v>0</v>
      </c>
      <c r="O850" s="53">
        <v>0</v>
      </c>
      <c r="P850" s="53">
        <v>0</v>
      </c>
      <c r="Q850" s="53">
        <v>0</v>
      </c>
      <c r="R850" s="53">
        <v>0</v>
      </c>
      <c r="S850" s="53">
        <v>0</v>
      </c>
      <c r="T850" s="53">
        <v>0</v>
      </c>
      <c r="U850" s="53">
        <v>0</v>
      </c>
      <c r="V850" s="53">
        <v>0</v>
      </c>
      <c r="W850" s="53">
        <v>0</v>
      </c>
      <c r="X850" s="53">
        <v>0</v>
      </c>
      <c r="Y850" s="53">
        <v>0</v>
      </c>
      <c r="Z850" s="53">
        <v>0</v>
      </c>
      <c r="AA850" s="53">
        <v>0</v>
      </c>
      <c r="AB850" s="53">
        <v>0</v>
      </c>
      <c r="AC850" s="53">
        <v>0</v>
      </c>
      <c r="AD850" s="53">
        <v>0</v>
      </c>
      <c r="AE850" s="53">
        <v>0</v>
      </c>
      <c r="AF850" s="53">
        <v>0</v>
      </c>
      <c r="AG850" s="53">
        <v>0</v>
      </c>
      <c r="AH850" s="53">
        <v>0</v>
      </c>
      <c r="AI850" s="53">
        <v>0</v>
      </c>
      <c r="AJ850" s="53">
        <v>0</v>
      </c>
      <c r="AK850" s="53">
        <v>0</v>
      </c>
      <c r="AL850" s="53">
        <v>0</v>
      </c>
      <c r="AM850" s="53">
        <v>0</v>
      </c>
      <c r="AN850" s="53">
        <v>0</v>
      </c>
      <c r="AO850" s="53">
        <v>0</v>
      </c>
      <c r="AP850" s="53">
        <v>0</v>
      </c>
      <c r="AQ850" s="53">
        <v>0</v>
      </c>
      <c r="AR850" s="53">
        <v>0</v>
      </c>
      <c r="AS850" s="53">
        <v>0</v>
      </c>
      <c r="AT850" s="53">
        <v>0</v>
      </c>
      <c r="AU850" s="53">
        <v>0</v>
      </c>
      <c r="AV850" s="53">
        <v>0</v>
      </c>
      <c r="AW850" s="53">
        <v>0</v>
      </c>
      <c r="AX850" s="53">
        <v>0</v>
      </c>
      <c r="AY850" s="53">
        <v>0</v>
      </c>
      <c r="AZ850" s="53">
        <v>0</v>
      </c>
      <c r="BA850" s="53">
        <v>0</v>
      </c>
    </row>
    <row r="851" spans="1:53">
      <c r="A851" s="52" t="s">
        <v>3358</v>
      </c>
      <c r="B851" s="53">
        <v>-23083965.030000001</v>
      </c>
      <c r="C851" s="53">
        <v>-23083965.030000001</v>
      </c>
      <c r="D851" s="53">
        <v>-23083965.030000001</v>
      </c>
      <c r="E851" s="53">
        <v>-23083965.030000001</v>
      </c>
      <c r="F851" s="53">
        <v>-23083965.030000001</v>
      </c>
      <c r="G851" s="53">
        <v>-23083965.030000001</v>
      </c>
      <c r="H851" s="53">
        <v>-23083965.030000001</v>
      </c>
      <c r="I851" s="53">
        <v>-23083965.030000001</v>
      </c>
      <c r="J851" s="53">
        <v>-23083965.030000001</v>
      </c>
      <c r="K851" s="53">
        <v>-23083965.030000001</v>
      </c>
      <c r="L851" s="53">
        <v>-23083965.030000001</v>
      </c>
      <c r="M851" s="53">
        <v>-23083965.030000001</v>
      </c>
      <c r="N851" s="53">
        <v>-23083965.030000001</v>
      </c>
      <c r="O851" s="53">
        <v>-23083965.030000001</v>
      </c>
      <c r="P851" s="53">
        <v>-23083965.030000001</v>
      </c>
      <c r="Q851" s="53">
        <v>-23083965.030000001</v>
      </c>
      <c r="R851" s="53">
        <v>-23083965.030000001</v>
      </c>
      <c r="S851" s="53">
        <v>-23083965.030000001</v>
      </c>
      <c r="T851" s="53">
        <v>-23083965.030000001</v>
      </c>
      <c r="U851" s="53">
        <v>-23083965.030000001</v>
      </c>
      <c r="V851" s="53">
        <v>-23083965.030000001</v>
      </c>
      <c r="W851" s="53">
        <v>-23083965.030000001</v>
      </c>
      <c r="X851" s="53">
        <v>-23083965.030000001</v>
      </c>
      <c r="Y851" s="53">
        <v>-23083965.030000001</v>
      </c>
      <c r="Z851" s="53">
        <v>-23083965.030000001</v>
      </c>
      <c r="AA851" s="53">
        <v>-23083965.030000001</v>
      </c>
      <c r="AB851" s="53">
        <v>-23083965.030000001</v>
      </c>
      <c r="AC851" s="53">
        <v>-23083965.030000001</v>
      </c>
      <c r="AD851" s="53">
        <v>-23083965.030000001</v>
      </c>
      <c r="AE851" s="53">
        <v>-23083965.030000001</v>
      </c>
      <c r="AF851" s="53">
        <v>-23083965.030000001</v>
      </c>
      <c r="AG851" s="53">
        <v>-23083965.030000001</v>
      </c>
      <c r="AH851" s="53">
        <v>-23083965.030000001</v>
      </c>
      <c r="AI851" s="53">
        <v>-23083965.030000001</v>
      </c>
      <c r="AJ851" s="53">
        <v>-23083965.030000001</v>
      </c>
      <c r="AK851" s="53">
        <v>-23083965.030000001</v>
      </c>
      <c r="AL851" s="53">
        <v>-23083965.030000001</v>
      </c>
      <c r="AM851" s="53">
        <v>-23083965.030000001</v>
      </c>
      <c r="AN851" s="53">
        <v>-23083965.030000001</v>
      </c>
      <c r="AO851" s="53">
        <v>-23083965.030000001</v>
      </c>
      <c r="AP851" s="53">
        <v>-23083965.030000001</v>
      </c>
      <c r="AQ851" s="53">
        <v>-23083965.030000001</v>
      </c>
      <c r="AR851" s="53">
        <v>-23083965.030000001</v>
      </c>
      <c r="AS851" s="53">
        <v>-23083965.030000001</v>
      </c>
      <c r="AT851" s="53">
        <v>-23083965.030000001</v>
      </c>
      <c r="AU851" s="53">
        <v>-23083965.030000001</v>
      </c>
      <c r="AV851" s="53">
        <v>-23083965.030000001</v>
      </c>
      <c r="AW851" s="53">
        <v>-23083965.030000001</v>
      </c>
      <c r="AX851" s="53">
        <v>-23083965.030000001</v>
      </c>
      <c r="AY851" s="53">
        <v>-23083965.030000001</v>
      </c>
      <c r="AZ851" s="53">
        <v>-23083965.030000001</v>
      </c>
      <c r="BA851" s="53">
        <v>-23083965.030000001</v>
      </c>
    </row>
    <row r="852" spans="1:53">
      <c r="A852" s="52" t="s">
        <v>3359</v>
      </c>
      <c r="B852" s="53">
        <v>0</v>
      </c>
      <c r="C852" s="53">
        <v>0</v>
      </c>
      <c r="D852" s="53">
        <v>0</v>
      </c>
      <c r="E852" s="53">
        <v>0</v>
      </c>
      <c r="F852" s="53">
        <v>0</v>
      </c>
      <c r="G852" s="53">
        <v>0</v>
      </c>
      <c r="H852" s="53">
        <v>0</v>
      </c>
      <c r="I852" s="53">
        <v>0</v>
      </c>
      <c r="J852" s="53">
        <v>0</v>
      </c>
      <c r="K852" s="53">
        <v>0</v>
      </c>
      <c r="L852" s="53">
        <v>0</v>
      </c>
      <c r="M852" s="53">
        <v>0</v>
      </c>
      <c r="N852" s="53">
        <v>0</v>
      </c>
      <c r="O852" s="53">
        <v>0</v>
      </c>
      <c r="P852" s="53">
        <v>0</v>
      </c>
      <c r="Q852" s="53">
        <v>0</v>
      </c>
      <c r="R852" s="53">
        <v>0</v>
      </c>
      <c r="S852" s="53">
        <v>0</v>
      </c>
      <c r="T852" s="53">
        <v>0</v>
      </c>
      <c r="U852" s="53">
        <v>0</v>
      </c>
      <c r="V852" s="53">
        <v>0</v>
      </c>
      <c r="W852" s="53">
        <v>0</v>
      </c>
      <c r="X852" s="53">
        <v>0</v>
      </c>
      <c r="Y852" s="53">
        <v>0</v>
      </c>
      <c r="Z852" s="53">
        <v>0</v>
      </c>
      <c r="AA852" s="53">
        <v>0</v>
      </c>
      <c r="AB852" s="53">
        <v>0</v>
      </c>
      <c r="AC852" s="53">
        <v>0</v>
      </c>
      <c r="AD852" s="53">
        <v>0</v>
      </c>
      <c r="AE852" s="53">
        <v>0</v>
      </c>
      <c r="AF852" s="53">
        <v>0</v>
      </c>
      <c r="AG852" s="53">
        <v>0</v>
      </c>
      <c r="AH852" s="53">
        <v>0</v>
      </c>
      <c r="AI852" s="53">
        <v>0</v>
      </c>
      <c r="AJ852" s="53">
        <v>0</v>
      </c>
      <c r="AK852" s="53">
        <v>0</v>
      </c>
      <c r="AL852" s="53">
        <v>0</v>
      </c>
      <c r="AM852" s="53">
        <v>0</v>
      </c>
      <c r="AN852" s="53">
        <v>0</v>
      </c>
      <c r="AO852" s="53">
        <v>0</v>
      </c>
      <c r="AP852" s="53">
        <v>0</v>
      </c>
      <c r="AQ852" s="53">
        <v>0</v>
      </c>
      <c r="AR852" s="53">
        <v>0</v>
      </c>
      <c r="AS852" s="53">
        <v>0</v>
      </c>
      <c r="AT852" s="53">
        <v>0</v>
      </c>
      <c r="AU852" s="53">
        <v>0</v>
      </c>
      <c r="AV852" s="53">
        <v>0</v>
      </c>
      <c r="AW852" s="53">
        <v>0</v>
      </c>
      <c r="AX852" s="53">
        <v>0</v>
      </c>
      <c r="AY852" s="53">
        <v>0</v>
      </c>
      <c r="AZ852" s="53">
        <v>0</v>
      </c>
      <c r="BA852" s="53">
        <v>0</v>
      </c>
    </row>
    <row r="853" spans="1:53">
      <c r="A853" s="52" t="s">
        <v>3360</v>
      </c>
      <c r="B853" s="53">
        <v>-175595375.77000001</v>
      </c>
      <c r="C853" s="53">
        <v>-175595375.77000001</v>
      </c>
      <c r="D853" s="53">
        <v>-175595375.77000001</v>
      </c>
      <c r="E853" s="53">
        <v>-175595375.77000001</v>
      </c>
      <c r="F853" s="53">
        <v>-175595375.77000001</v>
      </c>
      <c r="G853" s="53">
        <v>-175595375.77000001</v>
      </c>
      <c r="H853" s="53">
        <v>-175595375.77000001</v>
      </c>
      <c r="I853" s="53">
        <v>-175595375.77000001</v>
      </c>
      <c r="J853" s="53">
        <v>-175595375.77000001</v>
      </c>
      <c r="K853" s="53">
        <v>-175595375.77000001</v>
      </c>
      <c r="L853" s="53">
        <v>-175595375.77000001</v>
      </c>
      <c r="M853" s="53">
        <v>-175595375.77000001</v>
      </c>
      <c r="N853" s="53">
        <v>-175595375.77000001</v>
      </c>
      <c r="O853" s="53">
        <v>-175595375.77000001</v>
      </c>
      <c r="P853" s="53">
        <v>-175595375.77000001</v>
      </c>
      <c r="Q853" s="53">
        <v>-175595375.77000001</v>
      </c>
      <c r="R853" s="53">
        <v>-175595375.77000001</v>
      </c>
      <c r="S853" s="53">
        <v>-175595375.77000001</v>
      </c>
      <c r="T853" s="53">
        <v>-175595375.77000001</v>
      </c>
      <c r="U853" s="53">
        <v>-175595375.77000001</v>
      </c>
      <c r="V853" s="53">
        <v>-175595375.77000001</v>
      </c>
      <c r="W853" s="53">
        <v>-175595375.77000001</v>
      </c>
      <c r="X853" s="53">
        <v>-175595375.77000001</v>
      </c>
      <c r="Y853" s="53">
        <v>-175595375.77000001</v>
      </c>
      <c r="Z853" s="53">
        <v>-175595375.77000001</v>
      </c>
      <c r="AA853" s="53">
        <v>-175595375.77000001</v>
      </c>
      <c r="AB853" s="53">
        <v>-175595375.77000001</v>
      </c>
      <c r="AC853" s="53">
        <v>-175595375.77000001</v>
      </c>
      <c r="AD853" s="53">
        <v>-175595375.77000001</v>
      </c>
      <c r="AE853" s="53">
        <v>-175595375.77000001</v>
      </c>
      <c r="AF853" s="53">
        <v>-175595375.77000001</v>
      </c>
      <c r="AG853" s="53">
        <v>-175595375.77000001</v>
      </c>
      <c r="AH853" s="53">
        <v>-175595375.77000001</v>
      </c>
      <c r="AI853" s="53">
        <v>-175595375.77000001</v>
      </c>
      <c r="AJ853" s="53">
        <v>-175595375.77000001</v>
      </c>
      <c r="AK853" s="53">
        <v>-175595375.77000001</v>
      </c>
      <c r="AL853" s="53">
        <v>-175595375.77000001</v>
      </c>
      <c r="AM853" s="53">
        <v>-175595375.77000001</v>
      </c>
      <c r="AN853" s="53">
        <v>-175595375.77000001</v>
      </c>
      <c r="AO853" s="53">
        <v>-175595375.77000001</v>
      </c>
      <c r="AP853" s="53">
        <v>-175595375.77000001</v>
      </c>
      <c r="AQ853" s="53">
        <v>-175595375.77000001</v>
      </c>
      <c r="AR853" s="53">
        <v>-175595375.77000001</v>
      </c>
      <c r="AS853" s="53">
        <v>-175595375.77000001</v>
      </c>
      <c r="AT853" s="53">
        <v>-175595375.77000001</v>
      </c>
      <c r="AU853" s="53">
        <v>-175595375.77000001</v>
      </c>
      <c r="AV853" s="53">
        <v>-175595375.77000001</v>
      </c>
      <c r="AW853" s="53">
        <v>-175595375.77000001</v>
      </c>
      <c r="AX853" s="53">
        <v>-175595375.77000001</v>
      </c>
      <c r="AY853" s="53">
        <v>-175595375.77000001</v>
      </c>
      <c r="AZ853" s="53">
        <v>-175595375.77000001</v>
      </c>
      <c r="BA853" s="53">
        <v>-175595375.77000001</v>
      </c>
    </row>
    <row r="854" spans="1:53">
      <c r="A854" s="58" t="s">
        <v>3361</v>
      </c>
      <c r="B854" s="134">
        <v>-881430569.74999905</v>
      </c>
      <c r="C854" s="134">
        <v>-881430569.74999905</v>
      </c>
      <c r="D854" s="134">
        <v>-881430569.74999905</v>
      </c>
      <c r="E854" s="134">
        <v>-881430569.74999905</v>
      </c>
      <c r="F854" s="134">
        <v>-881430569.74999905</v>
      </c>
      <c r="G854" s="134">
        <v>-881430569.74999905</v>
      </c>
      <c r="H854" s="134">
        <v>-881430569.74999905</v>
      </c>
      <c r="I854" s="134">
        <v>-881430569.74999905</v>
      </c>
      <c r="J854" s="134">
        <v>-881430569.74999905</v>
      </c>
      <c r="K854" s="134">
        <v>-881430569.74999905</v>
      </c>
      <c r="L854" s="134">
        <v>-881430569.74999905</v>
      </c>
      <c r="M854" s="134">
        <v>-881430569.74999905</v>
      </c>
      <c r="N854" s="134">
        <v>-881430569.74999905</v>
      </c>
      <c r="O854" s="134">
        <v>-881430569.74999905</v>
      </c>
      <c r="P854" s="134">
        <v>-881430569.74999905</v>
      </c>
      <c r="Q854" s="134">
        <v>-881430569.74999905</v>
      </c>
      <c r="R854" s="134">
        <v>-881430569.74999905</v>
      </c>
      <c r="S854" s="134">
        <v>-881430569.74999905</v>
      </c>
      <c r="T854" s="134">
        <v>-881430569.74999905</v>
      </c>
      <c r="U854" s="134">
        <v>-881430569.74999905</v>
      </c>
      <c r="V854" s="134">
        <v>-881430569.74999905</v>
      </c>
      <c r="W854" s="134">
        <v>-881430569.74999905</v>
      </c>
      <c r="X854" s="134">
        <v>-881430569.74999905</v>
      </c>
      <c r="Y854" s="134">
        <v>-881430569.74999905</v>
      </c>
      <c r="Z854" s="134">
        <v>-881430569.74999905</v>
      </c>
      <c r="AA854" s="134">
        <v>-881430569.74999905</v>
      </c>
      <c r="AB854" s="134">
        <v>-881430569.74999905</v>
      </c>
      <c r="AC854" s="134">
        <v>-881430569.74999905</v>
      </c>
      <c r="AD854" s="134">
        <v>-881430569.74999905</v>
      </c>
      <c r="AE854" s="134">
        <v>-881430569.74999905</v>
      </c>
      <c r="AF854" s="134">
        <v>-881430569.74999905</v>
      </c>
      <c r="AG854" s="134">
        <v>-881430569.74999905</v>
      </c>
      <c r="AH854" s="134">
        <v>-881430569.74999905</v>
      </c>
      <c r="AI854" s="134">
        <v>-881430569.74999905</v>
      </c>
      <c r="AJ854" s="134">
        <v>-881430569.74999905</v>
      </c>
      <c r="AK854" s="134">
        <v>-881430569.74999905</v>
      </c>
      <c r="AL854" s="134">
        <v>-881430569.74999905</v>
      </c>
      <c r="AM854" s="134">
        <v>-881430569.74999905</v>
      </c>
      <c r="AN854" s="134">
        <v>-881430569.74999905</v>
      </c>
      <c r="AO854" s="134">
        <v>-881430569.74999905</v>
      </c>
      <c r="AP854" s="134">
        <v>-881430569.74999905</v>
      </c>
      <c r="AQ854" s="134">
        <v>-881430569.74999905</v>
      </c>
      <c r="AR854" s="134">
        <v>-881430569.74999905</v>
      </c>
      <c r="AS854" s="134">
        <v>-881430569.74999905</v>
      </c>
      <c r="AT854" s="134">
        <v>-881430569.74999905</v>
      </c>
      <c r="AU854" s="134">
        <v>-881430569.74999905</v>
      </c>
      <c r="AV854" s="134">
        <v>-881430569.74999905</v>
      </c>
      <c r="AW854" s="134">
        <v>-881430569.74999905</v>
      </c>
      <c r="AX854" s="134">
        <v>-881430569.74999905</v>
      </c>
      <c r="AY854" s="134">
        <v>-881430569.74999905</v>
      </c>
      <c r="AZ854" s="134">
        <v>-881430569.74999905</v>
      </c>
      <c r="BA854" s="134">
        <v>-881430569.74999905</v>
      </c>
    </row>
    <row r="855" spans="1:53">
      <c r="A855" s="52" t="s">
        <v>3362</v>
      </c>
    </row>
    <row r="856" spans="1:53">
      <c r="A856" s="57" t="s">
        <v>3363</v>
      </c>
    </row>
    <row r="857" spans="1:53">
      <c r="A857" s="52" t="s">
        <v>3364</v>
      </c>
      <c r="B857" s="53">
        <v>0</v>
      </c>
      <c r="C857" s="53">
        <v>0</v>
      </c>
      <c r="D857" s="53">
        <v>0</v>
      </c>
      <c r="E857" s="53">
        <v>0</v>
      </c>
      <c r="F857" s="53">
        <v>0</v>
      </c>
      <c r="G857" s="53">
        <v>0</v>
      </c>
      <c r="H857" s="53">
        <v>0</v>
      </c>
      <c r="I857" s="53">
        <v>0</v>
      </c>
      <c r="J857" s="53">
        <v>0</v>
      </c>
      <c r="K857" s="53">
        <v>0</v>
      </c>
      <c r="L857" s="53">
        <v>0</v>
      </c>
      <c r="M857" s="53">
        <v>0</v>
      </c>
      <c r="N857" s="53">
        <v>0</v>
      </c>
      <c r="O857" s="53">
        <v>0</v>
      </c>
      <c r="P857" s="53">
        <v>0</v>
      </c>
      <c r="Q857" s="53">
        <v>0</v>
      </c>
      <c r="R857" s="53">
        <v>0</v>
      </c>
      <c r="S857" s="53">
        <v>0</v>
      </c>
      <c r="T857" s="53">
        <v>0</v>
      </c>
      <c r="U857" s="53">
        <v>0</v>
      </c>
      <c r="V857" s="53">
        <v>0</v>
      </c>
      <c r="W857" s="53">
        <v>0</v>
      </c>
      <c r="X857" s="53">
        <v>0</v>
      </c>
      <c r="Y857" s="53">
        <v>0</v>
      </c>
      <c r="Z857" s="53">
        <v>0</v>
      </c>
      <c r="AA857" s="53">
        <v>0</v>
      </c>
      <c r="AB857" s="53">
        <v>0</v>
      </c>
      <c r="AC857" s="53">
        <v>0</v>
      </c>
      <c r="AD857" s="53">
        <v>0</v>
      </c>
      <c r="AE857" s="53">
        <v>0</v>
      </c>
      <c r="AF857" s="53">
        <v>0</v>
      </c>
      <c r="AG857" s="53">
        <v>0</v>
      </c>
      <c r="AH857" s="53">
        <v>0</v>
      </c>
      <c r="AI857" s="53">
        <v>0</v>
      </c>
      <c r="AJ857" s="53">
        <v>0</v>
      </c>
      <c r="AK857" s="53">
        <v>0</v>
      </c>
      <c r="AL857" s="53">
        <v>0</v>
      </c>
      <c r="AM857" s="53">
        <v>0</v>
      </c>
      <c r="AN857" s="53">
        <v>0</v>
      </c>
      <c r="AO857" s="53">
        <v>0</v>
      </c>
      <c r="AP857" s="53">
        <v>0</v>
      </c>
      <c r="AQ857" s="53">
        <v>0</v>
      </c>
      <c r="AR857" s="53">
        <v>0</v>
      </c>
      <c r="AS857" s="53">
        <v>0</v>
      </c>
      <c r="AT857" s="53">
        <v>0</v>
      </c>
      <c r="AU857" s="53">
        <v>0</v>
      </c>
      <c r="AV857" s="53">
        <v>0</v>
      </c>
      <c r="AW857" s="53">
        <v>0</v>
      </c>
      <c r="AX857" s="53">
        <v>0</v>
      </c>
      <c r="AY857" s="53">
        <v>0</v>
      </c>
      <c r="AZ857" s="53">
        <v>0</v>
      </c>
      <c r="BA857" s="53">
        <v>0</v>
      </c>
    </row>
    <row r="858" spans="1:53">
      <c r="A858" s="52" t="s">
        <v>3365</v>
      </c>
      <c r="B858" s="53">
        <v>-145146799.75453001</v>
      </c>
      <c r="C858" s="53">
        <v>-43986462.048842996</v>
      </c>
      <c r="D858" s="53">
        <v>-126073770.957846</v>
      </c>
      <c r="E858" s="53">
        <v>-958100711.50871003</v>
      </c>
      <c r="F858" s="53">
        <v>-997092550.63431501</v>
      </c>
      <c r="G858" s="53">
        <v>-1089790129.6900799</v>
      </c>
      <c r="H858" s="53">
        <v>-1010243814.99792</v>
      </c>
      <c r="I858" s="53">
        <v>0</v>
      </c>
      <c r="J858" s="53">
        <v>0</v>
      </c>
      <c r="K858" s="53">
        <v>0</v>
      </c>
      <c r="L858" s="53">
        <v>0</v>
      </c>
      <c r="M858" s="53">
        <v>-5938772.7716698796</v>
      </c>
      <c r="N858" s="53">
        <v>-5938772.7716698796</v>
      </c>
      <c r="O858" s="53">
        <v>-37208835.7320804</v>
      </c>
      <c r="P858" s="53">
        <v>-27491554.847943299</v>
      </c>
      <c r="Q858" s="53">
        <v>-189077993.35148901</v>
      </c>
      <c r="R858" s="53">
        <v>-271867626.10165399</v>
      </c>
      <c r="S858" s="53">
        <v>-374588955.818542</v>
      </c>
      <c r="T858" s="53">
        <v>0</v>
      </c>
      <c r="U858" s="53">
        <v>0</v>
      </c>
      <c r="V858" s="53">
        <v>0</v>
      </c>
      <c r="W858" s="53">
        <v>0</v>
      </c>
      <c r="X858" s="53">
        <v>0</v>
      </c>
      <c r="Y858" s="53">
        <v>0</v>
      </c>
      <c r="Z858" s="53">
        <v>-131852214.951662</v>
      </c>
      <c r="AA858" s="53">
        <v>-131852214.951662</v>
      </c>
      <c r="AB858" s="53">
        <v>-196512174.79109901</v>
      </c>
      <c r="AC858" s="53">
        <v>-168300839.92753699</v>
      </c>
      <c r="AD858" s="53">
        <v>-279697063.07687598</v>
      </c>
      <c r="AE858" s="53">
        <v>-284151828.04402</v>
      </c>
      <c r="AF858" s="53">
        <v>-363591134.76955199</v>
      </c>
      <c r="AG858" s="53">
        <v>0</v>
      </c>
      <c r="AH858" s="53">
        <v>0</v>
      </c>
      <c r="AI858" s="53">
        <v>0</v>
      </c>
      <c r="AJ858" s="53">
        <v>0</v>
      </c>
      <c r="AK858" s="53">
        <v>0</v>
      </c>
      <c r="AL858" s="53">
        <v>0</v>
      </c>
      <c r="AM858" s="53">
        <v>-180915258.75754201</v>
      </c>
      <c r="AN858" s="53">
        <v>-180915258.75754201</v>
      </c>
      <c r="AO858" s="53">
        <v>-888992446.32978797</v>
      </c>
      <c r="AP858" s="53">
        <v>-858047614.98357701</v>
      </c>
      <c r="AQ858" s="53">
        <v>-973328736.45499504</v>
      </c>
      <c r="AR858" s="53">
        <v>-974042396.54382598</v>
      </c>
      <c r="AS858" s="53">
        <v>-1048936334.2269599</v>
      </c>
      <c r="AT858" s="53">
        <v>0</v>
      </c>
      <c r="AU858" s="53">
        <v>0</v>
      </c>
      <c r="AV858" s="53">
        <v>0</v>
      </c>
      <c r="AW858" s="53">
        <v>0</v>
      </c>
      <c r="AX858" s="53">
        <v>0</v>
      </c>
      <c r="AY858" s="53">
        <v>0</v>
      </c>
      <c r="AZ858" s="53">
        <v>-186734302.987297</v>
      </c>
      <c r="BA858" s="53">
        <v>-186734302.987297</v>
      </c>
    </row>
    <row r="859" spans="1:53">
      <c r="A859" s="58" t="s">
        <v>3366</v>
      </c>
      <c r="B859" s="134">
        <v>-145146799.75453001</v>
      </c>
      <c r="C859" s="134">
        <v>-43986462.048842996</v>
      </c>
      <c r="D859" s="134">
        <v>-126073770.957846</v>
      </c>
      <c r="E859" s="134">
        <v>-958100711.50871003</v>
      </c>
      <c r="F859" s="134">
        <v>-997092550.63431501</v>
      </c>
      <c r="G859" s="134">
        <v>-1089790129.6900799</v>
      </c>
      <c r="H859" s="134">
        <v>-1010243814.99792</v>
      </c>
      <c r="I859" s="134">
        <v>0</v>
      </c>
      <c r="J859" s="134">
        <v>0</v>
      </c>
      <c r="K859" s="134">
        <v>0</v>
      </c>
      <c r="L859" s="134">
        <v>0</v>
      </c>
      <c r="M859" s="134">
        <v>-5938772.7716698796</v>
      </c>
      <c r="N859" s="134">
        <v>-5938772.7716698796</v>
      </c>
      <c r="O859" s="134">
        <v>-37208835.7320804</v>
      </c>
      <c r="P859" s="134">
        <v>-27491554.847943299</v>
      </c>
      <c r="Q859" s="134">
        <v>-189077993.35148901</v>
      </c>
      <c r="R859" s="134">
        <v>-271867626.10165399</v>
      </c>
      <c r="S859" s="134">
        <v>-374588955.818542</v>
      </c>
      <c r="T859" s="134">
        <v>0</v>
      </c>
      <c r="U859" s="134">
        <v>0</v>
      </c>
      <c r="V859" s="134">
        <v>0</v>
      </c>
      <c r="W859" s="134">
        <v>0</v>
      </c>
      <c r="X859" s="134">
        <v>0</v>
      </c>
      <c r="Y859" s="134">
        <v>0</v>
      </c>
      <c r="Z859" s="134">
        <v>-131852214.951662</v>
      </c>
      <c r="AA859" s="134">
        <v>-131852214.951662</v>
      </c>
      <c r="AB859" s="134">
        <v>-196512174.79109901</v>
      </c>
      <c r="AC859" s="134">
        <v>-168300839.92753699</v>
      </c>
      <c r="AD859" s="134">
        <v>-279697063.07687598</v>
      </c>
      <c r="AE859" s="134">
        <v>-284151828.04402</v>
      </c>
      <c r="AF859" s="134">
        <v>-363591134.76955199</v>
      </c>
      <c r="AG859" s="134">
        <v>0</v>
      </c>
      <c r="AH859" s="134">
        <v>0</v>
      </c>
      <c r="AI859" s="134">
        <v>0</v>
      </c>
      <c r="AJ859" s="134">
        <v>0</v>
      </c>
      <c r="AK859" s="134">
        <v>0</v>
      </c>
      <c r="AL859" s="134">
        <v>0</v>
      </c>
      <c r="AM859" s="134">
        <v>-180915258.75754201</v>
      </c>
      <c r="AN859" s="134">
        <v>-180915258.75754201</v>
      </c>
      <c r="AO859" s="134">
        <v>-888992446.32978797</v>
      </c>
      <c r="AP859" s="134">
        <v>-858047614.98357701</v>
      </c>
      <c r="AQ859" s="134">
        <v>-973328736.45499504</v>
      </c>
      <c r="AR859" s="134">
        <v>-974042396.54382598</v>
      </c>
      <c r="AS859" s="134">
        <v>-1048936334.2269599</v>
      </c>
      <c r="AT859" s="134">
        <v>0</v>
      </c>
      <c r="AU859" s="134">
        <v>0</v>
      </c>
      <c r="AV859" s="134">
        <v>0</v>
      </c>
      <c r="AW859" s="134">
        <v>0</v>
      </c>
      <c r="AX859" s="134">
        <v>0</v>
      </c>
      <c r="AY859" s="134">
        <v>0</v>
      </c>
      <c r="AZ859" s="134">
        <v>-186734302.987297</v>
      </c>
      <c r="BA859" s="134">
        <v>-186734302.987297</v>
      </c>
    </row>
    <row r="860" spans="1:53">
      <c r="A860" s="52" t="s">
        <v>3367</v>
      </c>
    </row>
    <row r="861" spans="1:53">
      <c r="A861" s="57" t="s">
        <v>3368</v>
      </c>
    </row>
    <row r="862" spans="1:53">
      <c r="A862" s="52" t="s">
        <v>3369</v>
      </c>
      <c r="B862" s="53">
        <v>53265.78</v>
      </c>
      <c r="C862" s="53">
        <v>53265.78</v>
      </c>
      <c r="D862" s="53">
        <v>53265.78</v>
      </c>
      <c r="E862" s="53">
        <v>53265.78</v>
      </c>
      <c r="F862" s="53">
        <v>53265.78</v>
      </c>
      <c r="G862" s="53">
        <v>53265.78</v>
      </c>
      <c r="H862" s="53">
        <v>53265.78</v>
      </c>
      <c r="I862" s="53">
        <v>53265.78</v>
      </c>
      <c r="J862" s="53">
        <v>53265.78</v>
      </c>
      <c r="K862" s="53">
        <v>53265.78</v>
      </c>
      <c r="L862" s="53">
        <v>53265.78</v>
      </c>
      <c r="M862" s="53">
        <v>53265.78</v>
      </c>
      <c r="N862" s="53">
        <v>53265.78</v>
      </c>
      <c r="O862" s="53">
        <v>53265.78</v>
      </c>
      <c r="P862" s="53">
        <v>53265.78</v>
      </c>
      <c r="Q862" s="53">
        <v>53265.78</v>
      </c>
      <c r="R862" s="53">
        <v>53265.78</v>
      </c>
      <c r="S862" s="53">
        <v>53265.78</v>
      </c>
      <c r="T862" s="53">
        <v>53265.78</v>
      </c>
      <c r="U862" s="53">
        <v>53265.78</v>
      </c>
      <c r="V862" s="53">
        <v>53265.78</v>
      </c>
      <c r="W862" s="53">
        <v>53265.78</v>
      </c>
      <c r="X862" s="53">
        <v>53265.78</v>
      </c>
      <c r="Y862" s="53">
        <v>53265.78</v>
      </c>
      <c r="Z862" s="53">
        <v>53265.78</v>
      </c>
      <c r="AA862" s="53">
        <v>53265.78</v>
      </c>
      <c r="AB862" s="53">
        <v>53265.78</v>
      </c>
      <c r="AC862" s="53">
        <v>53265.78</v>
      </c>
      <c r="AD862" s="53">
        <v>53265.78</v>
      </c>
      <c r="AE862" s="53">
        <v>53265.78</v>
      </c>
      <c r="AF862" s="53">
        <v>53265.78</v>
      </c>
      <c r="AG862" s="53">
        <v>53265.78</v>
      </c>
      <c r="AH862" s="53">
        <v>53265.78</v>
      </c>
      <c r="AI862" s="53">
        <v>53265.78</v>
      </c>
      <c r="AJ862" s="53">
        <v>53265.78</v>
      </c>
      <c r="AK862" s="53">
        <v>53265.78</v>
      </c>
      <c r="AL862" s="53">
        <v>53265.78</v>
      </c>
      <c r="AM862" s="53">
        <v>53265.78</v>
      </c>
      <c r="AN862" s="53">
        <v>53265.78</v>
      </c>
      <c r="AO862" s="53">
        <v>53265.78</v>
      </c>
      <c r="AP862" s="53">
        <v>53265.78</v>
      </c>
      <c r="AQ862" s="53">
        <v>53265.78</v>
      </c>
      <c r="AR862" s="53">
        <v>53265.78</v>
      </c>
      <c r="AS862" s="53">
        <v>53265.78</v>
      </c>
      <c r="AT862" s="53">
        <v>53265.78</v>
      </c>
      <c r="AU862" s="53">
        <v>53265.78</v>
      </c>
      <c r="AV862" s="53">
        <v>53265.78</v>
      </c>
      <c r="AW862" s="53">
        <v>53265.78</v>
      </c>
      <c r="AX862" s="53">
        <v>53265.78</v>
      </c>
      <c r="AY862" s="53">
        <v>53265.78</v>
      </c>
      <c r="AZ862" s="53">
        <v>53265.78</v>
      </c>
      <c r="BA862" s="53">
        <v>53265.78</v>
      </c>
    </row>
    <row r="863" spans="1:53">
      <c r="A863" s="52" t="s">
        <v>3370</v>
      </c>
      <c r="B863" s="53">
        <v>-154786.6</v>
      </c>
      <c r="C863" s="53">
        <v>-154786.6</v>
      </c>
      <c r="D863" s="53">
        <v>-154786.6</v>
      </c>
      <c r="E863" s="53">
        <v>-154786.6</v>
      </c>
      <c r="F863" s="53">
        <v>-154786.6</v>
      </c>
      <c r="G863" s="53">
        <v>-154786.6</v>
      </c>
      <c r="H863" s="53">
        <v>-154786.6</v>
      </c>
      <c r="I863" s="53">
        <v>-154786.6</v>
      </c>
      <c r="J863" s="53">
        <v>-154786.6</v>
      </c>
      <c r="K863" s="53">
        <v>-154786.6</v>
      </c>
      <c r="L863" s="53">
        <v>-154786.6</v>
      </c>
      <c r="M863" s="53">
        <v>-154786.6</v>
      </c>
      <c r="N863" s="53">
        <v>-154786.6</v>
      </c>
      <c r="O863" s="53">
        <v>-154786.6</v>
      </c>
      <c r="P863" s="53">
        <v>-154786.6</v>
      </c>
      <c r="Q863" s="53">
        <v>-154786.6</v>
      </c>
      <c r="R863" s="53">
        <v>-154786.6</v>
      </c>
      <c r="S863" s="53">
        <v>-154786.6</v>
      </c>
      <c r="T863" s="53">
        <v>-154786.6</v>
      </c>
      <c r="U863" s="53">
        <v>-154786.6</v>
      </c>
      <c r="V863" s="53">
        <v>-154786.6</v>
      </c>
      <c r="W863" s="53">
        <v>-154786.6</v>
      </c>
      <c r="X863" s="53">
        <v>-154786.6</v>
      </c>
      <c r="Y863" s="53">
        <v>-154786.6</v>
      </c>
      <c r="Z863" s="53">
        <v>-154786.6</v>
      </c>
      <c r="AA863" s="53">
        <v>-154786.6</v>
      </c>
      <c r="AB863" s="53">
        <v>-154786.6</v>
      </c>
      <c r="AC863" s="53">
        <v>-154786.6</v>
      </c>
      <c r="AD863" s="53">
        <v>-154786.6</v>
      </c>
      <c r="AE863" s="53">
        <v>-154786.6</v>
      </c>
      <c r="AF863" s="53">
        <v>-154786.6</v>
      </c>
      <c r="AG863" s="53">
        <v>-154786.6</v>
      </c>
      <c r="AH863" s="53">
        <v>-154786.6</v>
      </c>
      <c r="AI863" s="53">
        <v>-154786.6</v>
      </c>
      <c r="AJ863" s="53">
        <v>-154786.6</v>
      </c>
      <c r="AK863" s="53">
        <v>-154786.6</v>
      </c>
      <c r="AL863" s="53">
        <v>-154786.6</v>
      </c>
      <c r="AM863" s="53">
        <v>-154786.6</v>
      </c>
      <c r="AN863" s="53">
        <v>-154786.6</v>
      </c>
      <c r="AO863" s="53">
        <v>-154786.6</v>
      </c>
      <c r="AP863" s="53">
        <v>-154786.6</v>
      </c>
      <c r="AQ863" s="53">
        <v>-154786.6</v>
      </c>
      <c r="AR863" s="53">
        <v>-154786.6</v>
      </c>
      <c r="AS863" s="53">
        <v>-154786.6</v>
      </c>
      <c r="AT863" s="53">
        <v>-154786.6</v>
      </c>
      <c r="AU863" s="53">
        <v>-154786.6</v>
      </c>
      <c r="AV863" s="53">
        <v>-154786.6</v>
      </c>
      <c r="AW863" s="53">
        <v>-154786.6</v>
      </c>
      <c r="AX863" s="53">
        <v>-154786.6</v>
      </c>
      <c r="AY863" s="53">
        <v>-154786.6</v>
      </c>
      <c r="AZ863" s="53">
        <v>-154786.6</v>
      </c>
      <c r="BA863" s="53">
        <v>-154786.6</v>
      </c>
    </row>
    <row r="864" spans="1:53">
      <c r="A864" s="52" t="s">
        <v>3371</v>
      </c>
      <c r="B864" s="53">
        <v>-10998.68</v>
      </c>
      <c r="C864" s="53">
        <v>-10998.68</v>
      </c>
      <c r="D864" s="53">
        <v>-10998.68</v>
      </c>
      <c r="E864" s="53">
        <v>-10998.68</v>
      </c>
      <c r="F864" s="53">
        <v>-10998.68</v>
      </c>
      <c r="G864" s="53">
        <v>-10998.68</v>
      </c>
      <c r="H864" s="53">
        <v>-10998.68</v>
      </c>
      <c r="I864" s="53">
        <v>-10998.68</v>
      </c>
      <c r="J864" s="53">
        <v>-10998.68</v>
      </c>
      <c r="K864" s="53">
        <v>-10998.68</v>
      </c>
      <c r="L864" s="53">
        <v>-10998.68</v>
      </c>
      <c r="M864" s="53">
        <v>-10998.68</v>
      </c>
      <c r="N864" s="53">
        <v>-10998.68</v>
      </c>
      <c r="O864" s="53">
        <v>-10998.68</v>
      </c>
      <c r="P864" s="53">
        <v>-10998.68</v>
      </c>
      <c r="Q864" s="53">
        <v>-10998.68</v>
      </c>
      <c r="R864" s="53">
        <v>-10998.68</v>
      </c>
      <c r="S864" s="53">
        <v>-10998.68</v>
      </c>
      <c r="T864" s="53">
        <v>-10998.68</v>
      </c>
      <c r="U864" s="53">
        <v>-10998.68</v>
      </c>
      <c r="V864" s="53">
        <v>-10998.68</v>
      </c>
      <c r="W864" s="53">
        <v>-10998.68</v>
      </c>
      <c r="X864" s="53">
        <v>-10998.68</v>
      </c>
      <c r="Y864" s="53">
        <v>-10998.68</v>
      </c>
      <c r="Z864" s="53">
        <v>-10998.68</v>
      </c>
      <c r="AA864" s="53">
        <v>-10998.68</v>
      </c>
      <c r="AB864" s="53">
        <v>-10998.68</v>
      </c>
      <c r="AC864" s="53">
        <v>-10998.68</v>
      </c>
      <c r="AD864" s="53">
        <v>-10998.68</v>
      </c>
      <c r="AE864" s="53">
        <v>-10998.68</v>
      </c>
      <c r="AF864" s="53">
        <v>-10998.68</v>
      </c>
      <c r="AG864" s="53">
        <v>-10998.68</v>
      </c>
      <c r="AH864" s="53">
        <v>-10998.68</v>
      </c>
      <c r="AI864" s="53">
        <v>-10998.68</v>
      </c>
      <c r="AJ864" s="53">
        <v>-10998.68</v>
      </c>
      <c r="AK864" s="53">
        <v>-10998.68</v>
      </c>
      <c r="AL864" s="53">
        <v>-10998.68</v>
      </c>
      <c r="AM864" s="53">
        <v>-10998.68</v>
      </c>
      <c r="AN864" s="53">
        <v>-10998.68</v>
      </c>
      <c r="AO864" s="53">
        <v>-10998.68</v>
      </c>
      <c r="AP864" s="53">
        <v>-10998.68</v>
      </c>
      <c r="AQ864" s="53">
        <v>-10998.68</v>
      </c>
      <c r="AR864" s="53">
        <v>-10998.68</v>
      </c>
      <c r="AS864" s="53">
        <v>-10998.68</v>
      </c>
      <c r="AT864" s="53">
        <v>-10998.68</v>
      </c>
      <c r="AU864" s="53">
        <v>-10998.68</v>
      </c>
      <c r="AV864" s="53">
        <v>-10998.68</v>
      </c>
      <c r="AW864" s="53">
        <v>-10998.68</v>
      </c>
      <c r="AX864" s="53">
        <v>-10998.68</v>
      </c>
      <c r="AY864" s="53">
        <v>-10998.68</v>
      </c>
      <c r="AZ864" s="53">
        <v>-10998.68</v>
      </c>
      <c r="BA864" s="53">
        <v>-10998.68</v>
      </c>
    </row>
    <row r="865" spans="1:53">
      <c r="A865" s="52" t="s">
        <v>3372</v>
      </c>
      <c r="B865" s="53">
        <v>0</v>
      </c>
      <c r="C865" s="53">
        <v>0</v>
      </c>
      <c r="D865" s="53">
        <v>0</v>
      </c>
      <c r="E865" s="53">
        <v>0</v>
      </c>
      <c r="F865" s="53">
        <v>0</v>
      </c>
      <c r="G865" s="53">
        <v>0</v>
      </c>
      <c r="H865" s="53">
        <v>0</v>
      </c>
      <c r="I865" s="53">
        <v>0</v>
      </c>
      <c r="J865" s="53">
        <v>0</v>
      </c>
      <c r="K865" s="53">
        <v>0</v>
      </c>
      <c r="L865" s="53">
        <v>0</v>
      </c>
      <c r="M865" s="53">
        <v>0</v>
      </c>
      <c r="N865" s="53">
        <v>0</v>
      </c>
      <c r="O865" s="53">
        <v>0</v>
      </c>
      <c r="P865" s="53">
        <v>0</v>
      </c>
      <c r="Q865" s="53">
        <v>0</v>
      </c>
      <c r="R865" s="53">
        <v>0</v>
      </c>
      <c r="S865" s="53">
        <v>0</v>
      </c>
      <c r="T865" s="53">
        <v>0</v>
      </c>
      <c r="U865" s="53">
        <v>0</v>
      </c>
      <c r="V865" s="53">
        <v>0</v>
      </c>
      <c r="W865" s="53">
        <v>0</v>
      </c>
      <c r="X865" s="53">
        <v>0</v>
      </c>
      <c r="Y865" s="53">
        <v>0</v>
      </c>
      <c r="Z865" s="53">
        <v>0</v>
      </c>
      <c r="AA865" s="53">
        <v>0</v>
      </c>
      <c r="AB865" s="53">
        <v>0</v>
      </c>
      <c r="AC865" s="53">
        <v>0</v>
      </c>
      <c r="AD865" s="53">
        <v>0</v>
      </c>
      <c r="AE865" s="53">
        <v>0</v>
      </c>
      <c r="AF865" s="53">
        <v>0</v>
      </c>
      <c r="AG865" s="53">
        <v>0</v>
      </c>
      <c r="AH865" s="53">
        <v>0</v>
      </c>
      <c r="AI865" s="53">
        <v>0</v>
      </c>
      <c r="AJ865" s="53">
        <v>0</v>
      </c>
      <c r="AK865" s="53">
        <v>0</v>
      </c>
      <c r="AL865" s="53">
        <v>0</v>
      </c>
      <c r="AM865" s="53">
        <v>0</v>
      </c>
      <c r="AN865" s="53">
        <v>0</v>
      </c>
      <c r="AO865" s="53">
        <v>0</v>
      </c>
      <c r="AP865" s="53">
        <v>0</v>
      </c>
      <c r="AQ865" s="53">
        <v>0</v>
      </c>
      <c r="AR865" s="53">
        <v>0</v>
      </c>
      <c r="AS865" s="53">
        <v>0</v>
      </c>
      <c r="AT865" s="53">
        <v>0</v>
      </c>
      <c r="AU865" s="53">
        <v>0</v>
      </c>
      <c r="AV865" s="53">
        <v>0</v>
      </c>
      <c r="AW865" s="53">
        <v>0</v>
      </c>
      <c r="AX865" s="53">
        <v>0</v>
      </c>
      <c r="AY865" s="53">
        <v>0</v>
      </c>
      <c r="AZ865" s="53">
        <v>0</v>
      </c>
      <c r="BA865" s="53">
        <v>0</v>
      </c>
    </row>
    <row r="866" spans="1:53">
      <c r="A866" s="52" t="s">
        <v>3373</v>
      </c>
      <c r="B866" s="53">
        <v>-168140589.03999999</v>
      </c>
      <c r="C866" s="53">
        <v>-168140589.03999999</v>
      </c>
      <c r="D866" s="53">
        <v>-168140589.03999999</v>
      </c>
      <c r="E866" s="53">
        <v>-168140589.03999999</v>
      </c>
      <c r="F866" s="53">
        <v>-168140589.03999999</v>
      </c>
      <c r="G866" s="53">
        <v>-168140589.03999999</v>
      </c>
      <c r="H866" s="53">
        <v>-168140589.03999999</v>
      </c>
      <c r="I866" s="53">
        <v>-168140589.03999999</v>
      </c>
      <c r="J866" s="53">
        <v>-168140589.03999999</v>
      </c>
      <c r="K866" s="53">
        <v>-168140589.03999999</v>
      </c>
      <c r="L866" s="53">
        <v>-168140589.03999999</v>
      </c>
      <c r="M866" s="53">
        <v>-168140589.03999999</v>
      </c>
      <c r="N866" s="53">
        <v>-168140589.03999999</v>
      </c>
      <c r="O866" s="53">
        <v>-168140589.03999999</v>
      </c>
      <c r="P866" s="53">
        <v>-168140589.03999999</v>
      </c>
      <c r="Q866" s="53">
        <v>-168140589.03999999</v>
      </c>
      <c r="R866" s="53">
        <v>-168140589.03999999</v>
      </c>
      <c r="S866" s="53">
        <v>-168140589.03999999</v>
      </c>
      <c r="T866" s="53">
        <v>-168140589.03999999</v>
      </c>
      <c r="U866" s="53">
        <v>-168140589.03999999</v>
      </c>
      <c r="V866" s="53">
        <v>-168140589.03999999</v>
      </c>
      <c r="W866" s="53">
        <v>-168140589.03999999</v>
      </c>
      <c r="X866" s="53">
        <v>-168140589.03999999</v>
      </c>
      <c r="Y866" s="53">
        <v>-168140589.03999999</v>
      </c>
      <c r="Z866" s="53">
        <v>-168140589.03999999</v>
      </c>
      <c r="AA866" s="53">
        <v>-168140589.03999999</v>
      </c>
      <c r="AB866" s="53">
        <v>-168140589.03999999</v>
      </c>
      <c r="AC866" s="53">
        <v>-168140589.03999999</v>
      </c>
      <c r="AD866" s="53">
        <v>-168140589.03999999</v>
      </c>
      <c r="AE866" s="53">
        <v>-168140589.03999999</v>
      </c>
      <c r="AF866" s="53">
        <v>-168140589.03999999</v>
      </c>
      <c r="AG866" s="53">
        <v>-168140589.03999999</v>
      </c>
      <c r="AH866" s="53">
        <v>-168140589.03999999</v>
      </c>
      <c r="AI866" s="53">
        <v>-168140589.03999999</v>
      </c>
      <c r="AJ866" s="53">
        <v>-168140589.03999999</v>
      </c>
      <c r="AK866" s="53">
        <v>-168140589.03999999</v>
      </c>
      <c r="AL866" s="53">
        <v>-168140589.03999999</v>
      </c>
      <c r="AM866" s="53">
        <v>-168140589.03999999</v>
      </c>
      <c r="AN866" s="53">
        <v>-168140589.03999999</v>
      </c>
      <c r="AO866" s="53">
        <v>-168140589.03999999</v>
      </c>
      <c r="AP866" s="53">
        <v>-168140589.03999999</v>
      </c>
      <c r="AQ866" s="53">
        <v>-168140589.03999999</v>
      </c>
      <c r="AR866" s="53">
        <v>-168140589.03999999</v>
      </c>
      <c r="AS866" s="53">
        <v>-168140589.03999999</v>
      </c>
      <c r="AT866" s="53">
        <v>-168140589.03999999</v>
      </c>
      <c r="AU866" s="53">
        <v>-168140589.03999999</v>
      </c>
      <c r="AV866" s="53">
        <v>-168140589.03999999</v>
      </c>
      <c r="AW866" s="53">
        <v>-168140589.03999999</v>
      </c>
      <c r="AX866" s="53">
        <v>-168140589.03999999</v>
      </c>
      <c r="AY866" s="53">
        <v>-168140589.03999999</v>
      </c>
      <c r="AZ866" s="53">
        <v>-168140589.03999999</v>
      </c>
      <c r="BA866" s="53">
        <v>-168140589.03999999</v>
      </c>
    </row>
    <row r="867" spans="1:53">
      <c r="A867" s="52" t="s">
        <v>3374</v>
      </c>
      <c r="B867" s="53">
        <v>0</v>
      </c>
      <c r="C867" s="53">
        <v>0</v>
      </c>
      <c r="D867" s="53">
        <v>0</v>
      </c>
      <c r="E867" s="53">
        <v>0</v>
      </c>
      <c r="F867" s="53">
        <v>0</v>
      </c>
      <c r="G867" s="53">
        <v>0</v>
      </c>
      <c r="H867" s="53">
        <v>0</v>
      </c>
      <c r="I867" s="53">
        <v>0</v>
      </c>
      <c r="J867" s="53">
        <v>0</v>
      </c>
      <c r="K867" s="53">
        <v>0</v>
      </c>
      <c r="L867" s="53">
        <v>0</v>
      </c>
      <c r="M867" s="53">
        <v>0</v>
      </c>
      <c r="N867" s="53">
        <v>0</v>
      </c>
      <c r="O867" s="53">
        <v>0</v>
      </c>
      <c r="P867" s="53">
        <v>0</v>
      </c>
      <c r="Q867" s="53">
        <v>0</v>
      </c>
      <c r="R867" s="53">
        <v>0</v>
      </c>
      <c r="S867" s="53">
        <v>0</v>
      </c>
      <c r="T867" s="53">
        <v>0</v>
      </c>
      <c r="U867" s="53">
        <v>0</v>
      </c>
      <c r="V867" s="53">
        <v>0</v>
      </c>
      <c r="W867" s="53">
        <v>0</v>
      </c>
      <c r="X867" s="53">
        <v>0</v>
      </c>
      <c r="Y867" s="53">
        <v>0</v>
      </c>
      <c r="Z867" s="53">
        <v>0</v>
      </c>
      <c r="AA867" s="53">
        <v>0</v>
      </c>
      <c r="AB867" s="53">
        <v>0</v>
      </c>
      <c r="AC867" s="53">
        <v>0</v>
      </c>
      <c r="AD867" s="53">
        <v>0</v>
      </c>
      <c r="AE867" s="53">
        <v>0</v>
      </c>
      <c r="AF867" s="53">
        <v>0</v>
      </c>
      <c r="AG867" s="53">
        <v>0</v>
      </c>
      <c r="AH867" s="53">
        <v>0</v>
      </c>
      <c r="AI867" s="53">
        <v>0</v>
      </c>
      <c r="AJ867" s="53">
        <v>0</v>
      </c>
      <c r="AK867" s="53">
        <v>0</v>
      </c>
      <c r="AL867" s="53">
        <v>0</v>
      </c>
      <c r="AM867" s="53">
        <v>0</v>
      </c>
      <c r="AN867" s="53">
        <v>0</v>
      </c>
      <c r="AO867" s="53">
        <v>0</v>
      </c>
      <c r="AP867" s="53">
        <v>0</v>
      </c>
      <c r="AQ867" s="53">
        <v>0</v>
      </c>
      <c r="AR867" s="53">
        <v>0</v>
      </c>
      <c r="AS867" s="53">
        <v>0</v>
      </c>
      <c r="AT867" s="53">
        <v>0</v>
      </c>
      <c r="AU867" s="53">
        <v>0</v>
      </c>
      <c r="AV867" s="53">
        <v>0</v>
      </c>
      <c r="AW867" s="53">
        <v>0</v>
      </c>
      <c r="AX867" s="53">
        <v>0</v>
      </c>
      <c r="AY867" s="53">
        <v>0</v>
      </c>
      <c r="AZ867" s="53">
        <v>0</v>
      </c>
      <c r="BA867" s="53">
        <v>0</v>
      </c>
    </row>
    <row r="868" spans="1:53">
      <c r="A868" s="58" t="s">
        <v>3375</v>
      </c>
      <c r="B868" s="134">
        <v>-168253108.53999999</v>
      </c>
      <c r="C868" s="134">
        <v>-168253108.53999999</v>
      </c>
      <c r="D868" s="134">
        <v>-168253108.53999999</v>
      </c>
      <c r="E868" s="134">
        <v>-168253108.53999999</v>
      </c>
      <c r="F868" s="134">
        <v>-168253108.53999999</v>
      </c>
      <c r="G868" s="134">
        <v>-168253108.53999999</v>
      </c>
      <c r="H868" s="134">
        <v>-168253108.53999999</v>
      </c>
      <c r="I868" s="134">
        <v>-168253108.53999999</v>
      </c>
      <c r="J868" s="134">
        <v>-168253108.53999999</v>
      </c>
      <c r="K868" s="134">
        <v>-168253108.53999999</v>
      </c>
      <c r="L868" s="134">
        <v>-168253108.53999999</v>
      </c>
      <c r="M868" s="134">
        <v>-168253108.53999999</v>
      </c>
      <c r="N868" s="134">
        <v>-168253108.53999999</v>
      </c>
      <c r="O868" s="134">
        <v>-168253108.53999999</v>
      </c>
      <c r="P868" s="134">
        <v>-168253108.53999999</v>
      </c>
      <c r="Q868" s="134">
        <v>-168253108.53999999</v>
      </c>
      <c r="R868" s="134">
        <v>-168253108.53999999</v>
      </c>
      <c r="S868" s="134">
        <v>-168253108.53999999</v>
      </c>
      <c r="T868" s="134">
        <v>-168253108.53999999</v>
      </c>
      <c r="U868" s="134">
        <v>-168253108.53999999</v>
      </c>
      <c r="V868" s="134">
        <v>-168253108.53999999</v>
      </c>
      <c r="W868" s="134">
        <v>-168253108.53999999</v>
      </c>
      <c r="X868" s="134">
        <v>-168253108.53999999</v>
      </c>
      <c r="Y868" s="134">
        <v>-168253108.53999999</v>
      </c>
      <c r="Z868" s="134">
        <v>-168253108.53999999</v>
      </c>
      <c r="AA868" s="134">
        <v>-168253108.53999999</v>
      </c>
      <c r="AB868" s="134">
        <v>-168253108.53999999</v>
      </c>
      <c r="AC868" s="134">
        <v>-168253108.53999999</v>
      </c>
      <c r="AD868" s="134">
        <v>-168253108.53999999</v>
      </c>
      <c r="AE868" s="134">
        <v>-168253108.53999999</v>
      </c>
      <c r="AF868" s="134">
        <v>-168253108.53999999</v>
      </c>
      <c r="AG868" s="134">
        <v>-168253108.53999999</v>
      </c>
      <c r="AH868" s="134">
        <v>-168253108.53999999</v>
      </c>
      <c r="AI868" s="134">
        <v>-168253108.53999999</v>
      </c>
      <c r="AJ868" s="134">
        <v>-168253108.53999999</v>
      </c>
      <c r="AK868" s="134">
        <v>-168253108.53999999</v>
      </c>
      <c r="AL868" s="134">
        <v>-168253108.53999999</v>
      </c>
      <c r="AM868" s="134">
        <v>-168253108.53999999</v>
      </c>
      <c r="AN868" s="134">
        <v>-168253108.53999999</v>
      </c>
      <c r="AO868" s="134">
        <v>-168253108.53999999</v>
      </c>
      <c r="AP868" s="134">
        <v>-168253108.53999999</v>
      </c>
      <c r="AQ868" s="134">
        <v>-168253108.53999999</v>
      </c>
      <c r="AR868" s="134">
        <v>-168253108.53999999</v>
      </c>
      <c r="AS868" s="134">
        <v>-168253108.53999999</v>
      </c>
      <c r="AT868" s="134">
        <v>-168253108.53999999</v>
      </c>
      <c r="AU868" s="134">
        <v>-168253108.53999999</v>
      </c>
      <c r="AV868" s="134">
        <v>-168253108.53999999</v>
      </c>
      <c r="AW868" s="134">
        <v>-168253108.53999999</v>
      </c>
      <c r="AX868" s="134">
        <v>-168253108.53999999</v>
      </c>
      <c r="AY868" s="134">
        <v>-168253108.53999999</v>
      </c>
      <c r="AZ868" s="134">
        <v>-168253108.53999999</v>
      </c>
      <c r="BA868" s="134">
        <v>-168253108.53999999</v>
      </c>
    </row>
    <row r="869" spans="1:53">
      <c r="A869" s="52" t="s">
        <v>1205</v>
      </c>
    </row>
    <row r="870" spans="1:53">
      <c r="A870" s="57" t="s">
        <v>3376</v>
      </c>
    </row>
    <row r="871" spans="1:53">
      <c r="A871" s="52" t="s">
        <v>3377</v>
      </c>
      <c r="B871" s="53">
        <v>-198690903.13999999</v>
      </c>
      <c r="C871" s="53">
        <v>-198690903.13999999</v>
      </c>
      <c r="D871" s="53">
        <v>-198690903.13999999</v>
      </c>
      <c r="E871" s="53">
        <v>-198690903.13999999</v>
      </c>
      <c r="F871" s="53">
        <v>-198690903.13999999</v>
      </c>
      <c r="G871" s="53">
        <v>-198690903.13999999</v>
      </c>
      <c r="H871" s="53">
        <v>-198690903.13999999</v>
      </c>
      <c r="I871" s="53">
        <v>-198690903.13999999</v>
      </c>
      <c r="J871" s="53">
        <v>-198690903.13999999</v>
      </c>
      <c r="K871" s="53">
        <v>-198690903.13999999</v>
      </c>
      <c r="L871" s="53">
        <v>-198690903.13999999</v>
      </c>
      <c r="M871" s="53">
        <v>-198690903.13999999</v>
      </c>
      <c r="N871" s="53">
        <v>-198690903.13999999</v>
      </c>
      <c r="O871" s="53">
        <v>-198690903.13999999</v>
      </c>
      <c r="P871" s="53">
        <v>-198690903.13999999</v>
      </c>
      <c r="Q871" s="53">
        <v>-198690903.13999999</v>
      </c>
      <c r="R871" s="53">
        <v>-198690903.13999999</v>
      </c>
      <c r="S871" s="53">
        <v>-198690903.13999999</v>
      </c>
      <c r="T871" s="53">
        <v>-198690903.13999999</v>
      </c>
      <c r="U871" s="53">
        <v>-198690903.13999999</v>
      </c>
      <c r="V871" s="53">
        <v>-198690903.13999999</v>
      </c>
      <c r="W871" s="53">
        <v>-198690903.13999999</v>
      </c>
      <c r="X871" s="53">
        <v>-198690903.13999999</v>
      </c>
      <c r="Y871" s="53">
        <v>-198690903.13999999</v>
      </c>
      <c r="Z871" s="53">
        <v>-198690903.13999999</v>
      </c>
      <c r="AA871" s="53">
        <v>-198690903.13999999</v>
      </c>
      <c r="AB871" s="53">
        <v>-198690903.13999999</v>
      </c>
      <c r="AC871" s="53">
        <v>-198690903.13999999</v>
      </c>
      <c r="AD871" s="53">
        <v>-198690903.13999999</v>
      </c>
      <c r="AE871" s="53">
        <v>-198690903.13999999</v>
      </c>
      <c r="AF871" s="53">
        <v>-198690903.13999999</v>
      </c>
      <c r="AG871" s="53">
        <v>-198690903.13999999</v>
      </c>
      <c r="AH871" s="53">
        <v>-198690903.13999999</v>
      </c>
      <c r="AI871" s="53">
        <v>-198690903.13999999</v>
      </c>
      <c r="AJ871" s="53">
        <v>-198690903.13999999</v>
      </c>
      <c r="AK871" s="53">
        <v>-198690903.13999999</v>
      </c>
      <c r="AL871" s="53">
        <v>-198690903.13999999</v>
      </c>
      <c r="AM871" s="53">
        <v>-198690903.13999999</v>
      </c>
      <c r="AN871" s="53">
        <v>-198690903.13999999</v>
      </c>
      <c r="AO871" s="53">
        <v>-198690903.13999999</v>
      </c>
      <c r="AP871" s="53">
        <v>-198690903.13999999</v>
      </c>
      <c r="AQ871" s="53">
        <v>-198690903.13999999</v>
      </c>
      <c r="AR871" s="53">
        <v>-198690903.13999999</v>
      </c>
      <c r="AS871" s="53">
        <v>-198690903.13999999</v>
      </c>
      <c r="AT871" s="53">
        <v>-198690903.13999999</v>
      </c>
      <c r="AU871" s="53">
        <v>-198690903.13999999</v>
      </c>
      <c r="AV871" s="53">
        <v>-198690903.13999999</v>
      </c>
      <c r="AW871" s="53">
        <v>-198690903.13999999</v>
      </c>
      <c r="AX871" s="53">
        <v>-198690903.13999999</v>
      </c>
      <c r="AY871" s="53">
        <v>-198690903.13999999</v>
      </c>
      <c r="AZ871" s="53">
        <v>-198690903.13999999</v>
      </c>
      <c r="BA871" s="53">
        <v>-198690903.13999999</v>
      </c>
    </row>
    <row r="872" spans="1:53">
      <c r="A872" s="52" t="s">
        <v>3378</v>
      </c>
      <c r="B872" s="53">
        <v>-1666455.49</v>
      </c>
      <c r="C872" s="53">
        <v>-1666455.49</v>
      </c>
      <c r="D872" s="53">
        <v>-1666455.49</v>
      </c>
      <c r="E872" s="53">
        <v>-1666455.49</v>
      </c>
      <c r="F872" s="53">
        <v>-1666455.49</v>
      </c>
      <c r="G872" s="53">
        <v>-1666455.49</v>
      </c>
      <c r="H872" s="53">
        <v>-1666455.49</v>
      </c>
      <c r="I872" s="53">
        <v>-1666455.49</v>
      </c>
      <c r="J872" s="53">
        <v>-1666455.49</v>
      </c>
      <c r="K872" s="53">
        <v>-1666455.49</v>
      </c>
      <c r="L872" s="53">
        <v>-1666455.49</v>
      </c>
      <c r="M872" s="53">
        <v>-1666455.49</v>
      </c>
      <c r="N872" s="53">
        <v>-1666455.49</v>
      </c>
      <c r="O872" s="53">
        <v>-1666455.49</v>
      </c>
      <c r="P872" s="53">
        <v>-1666455.49</v>
      </c>
      <c r="Q872" s="53">
        <v>-1666455.49</v>
      </c>
      <c r="R872" s="53">
        <v>-1666455.49</v>
      </c>
      <c r="S872" s="53">
        <v>-1666455.49</v>
      </c>
      <c r="T872" s="53">
        <v>-1666455.49</v>
      </c>
      <c r="U872" s="53">
        <v>-1666455.49</v>
      </c>
      <c r="V872" s="53">
        <v>-1666455.49</v>
      </c>
      <c r="W872" s="53">
        <v>-1666455.49</v>
      </c>
      <c r="X872" s="53">
        <v>-1666455.49</v>
      </c>
      <c r="Y872" s="53">
        <v>-1666455.49</v>
      </c>
      <c r="Z872" s="53">
        <v>-1666455.49</v>
      </c>
      <c r="AA872" s="53">
        <v>-1666455.49</v>
      </c>
      <c r="AB872" s="53">
        <v>-1666455.49</v>
      </c>
      <c r="AC872" s="53">
        <v>-1666455.49</v>
      </c>
      <c r="AD872" s="53">
        <v>-1666455.49</v>
      </c>
      <c r="AE872" s="53">
        <v>-1666455.49</v>
      </c>
      <c r="AF872" s="53">
        <v>-1666455.49</v>
      </c>
      <c r="AG872" s="53">
        <v>-1666455.49</v>
      </c>
      <c r="AH872" s="53">
        <v>-1666455.49</v>
      </c>
      <c r="AI872" s="53">
        <v>-1666455.49</v>
      </c>
      <c r="AJ872" s="53">
        <v>-1666455.49</v>
      </c>
      <c r="AK872" s="53">
        <v>-1666455.49</v>
      </c>
      <c r="AL872" s="53">
        <v>-1666455.49</v>
      </c>
      <c r="AM872" s="53">
        <v>-1666455.49</v>
      </c>
      <c r="AN872" s="53">
        <v>-1666455.49</v>
      </c>
      <c r="AO872" s="53">
        <v>-1666455.49</v>
      </c>
      <c r="AP872" s="53">
        <v>-1666455.49</v>
      </c>
      <c r="AQ872" s="53">
        <v>-1666455.49</v>
      </c>
      <c r="AR872" s="53">
        <v>-1666455.49</v>
      </c>
      <c r="AS872" s="53">
        <v>-1666455.49</v>
      </c>
      <c r="AT872" s="53">
        <v>-1666455.49</v>
      </c>
      <c r="AU872" s="53">
        <v>-1666455.49</v>
      </c>
      <c r="AV872" s="53">
        <v>-1666455.49</v>
      </c>
      <c r="AW872" s="53">
        <v>-1666455.49</v>
      </c>
      <c r="AX872" s="53">
        <v>-1666455.49</v>
      </c>
      <c r="AY872" s="53">
        <v>-1666455.49</v>
      </c>
      <c r="AZ872" s="53">
        <v>-1666455.49</v>
      </c>
      <c r="BA872" s="53">
        <v>-1666455.49</v>
      </c>
    </row>
    <row r="873" spans="1:53">
      <c r="A873" s="52" t="s">
        <v>3379</v>
      </c>
      <c r="B873" s="53">
        <v>17569871.800000001</v>
      </c>
      <c r="C873" s="53">
        <v>17569871.800000001</v>
      </c>
      <c r="D873" s="53">
        <v>17569871.800000001</v>
      </c>
      <c r="E873" s="53">
        <v>17569871.800000001</v>
      </c>
      <c r="F873" s="53">
        <v>17569871.800000001</v>
      </c>
      <c r="G873" s="53">
        <v>17569871.800000001</v>
      </c>
      <c r="H873" s="53">
        <v>17569871.800000001</v>
      </c>
      <c r="I873" s="53">
        <v>17569871.800000001</v>
      </c>
      <c r="J873" s="53">
        <v>17569871.800000001</v>
      </c>
      <c r="K873" s="53">
        <v>17569871.800000001</v>
      </c>
      <c r="L873" s="53">
        <v>17569871.800000001</v>
      </c>
      <c r="M873" s="53">
        <v>17569871.800000001</v>
      </c>
      <c r="N873" s="53">
        <v>17569871.800000001</v>
      </c>
      <c r="O873" s="53">
        <v>17569871.800000001</v>
      </c>
      <c r="P873" s="53">
        <v>17569871.800000001</v>
      </c>
      <c r="Q873" s="53">
        <v>17569871.800000001</v>
      </c>
      <c r="R873" s="53">
        <v>17569871.800000001</v>
      </c>
      <c r="S873" s="53">
        <v>17569871.800000001</v>
      </c>
      <c r="T873" s="53">
        <v>17569871.800000001</v>
      </c>
      <c r="U873" s="53">
        <v>17569871.800000001</v>
      </c>
      <c r="V873" s="53">
        <v>17569871.800000001</v>
      </c>
      <c r="W873" s="53">
        <v>17569871.800000001</v>
      </c>
      <c r="X873" s="53">
        <v>17569871.800000001</v>
      </c>
      <c r="Y873" s="53">
        <v>17569871.800000001</v>
      </c>
      <c r="Z873" s="53">
        <v>17569871.800000001</v>
      </c>
      <c r="AA873" s="53">
        <v>17569871.800000001</v>
      </c>
      <c r="AB873" s="53">
        <v>17569871.800000001</v>
      </c>
      <c r="AC873" s="53">
        <v>17569871.800000001</v>
      </c>
      <c r="AD873" s="53">
        <v>17569871.800000001</v>
      </c>
      <c r="AE873" s="53">
        <v>17569871.800000001</v>
      </c>
      <c r="AF873" s="53">
        <v>17569871.800000001</v>
      </c>
      <c r="AG873" s="53">
        <v>17569871.800000001</v>
      </c>
      <c r="AH873" s="53">
        <v>17569871.800000001</v>
      </c>
      <c r="AI873" s="53">
        <v>17569871.800000001</v>
      </c>
      <c r="AJ873" s="53">
        <v>17569871.800000001</v>
      </c>
      <c r="AK873" s="53">
        <v>17569871.800000001</v>
      </c>
      <c r="AL873" s="53">
        <v>17569871.800000001</v>
      </c>
      <c r="AM873" s="53">
        <v>17569871.800000001</v>
      </c>
      <c r="AN873" s="53">
        <v>17569871.800000001</v>
      </c>
      <c r="AO873" s="53">
        <v>17569871.800000001</v>
      </c>
      <c r="AP873" s="53">
        <v>17569871.800000001</v>
      </c>
      <c r="AQ873" s="53">
        <v>17569871.800000001</v>
      </c>
      <c r="AR873" s="53">
        <v>17569871.800000001</v>
      </c>
      <c r="AS873" s="53">
        <v>17569871.800000001</v>
      </c>
      <c r="AT873" s="53">
        <v>17569871.800000001</v>
      </c>
      <c r="AU873" s="53">
        <v>17569871.800000001</v>
      </c>
      <c r="AV873" s="53">
        <v>17569871.800000001</v>
      </c>
      <c r="AW873" s="53">
        <v>17569871.800000001</v>
      </c>
      <c r="AX873" s="53">
        <v>17569871.800000001</v>
      </c>
      <c r="AY873" s="53">
        <v>17569871.800000001</v>
      </c>
      <c r="AZ873" s="53">
        <v>17569871.800000001</v>
      </c>
      <c r="BA873" s="53">
        <v>17569871.800000001</v>
      </c>
    </row>
    <row r="874" spans="1:53">
      <c r="A874" s="58" t="s">
        <v>3380</v>
      </c>
      <c r="B874" s="134">
        <v>-182787486.829999</v>
      </c>
      <c r="C874" s="134">
        <v>-182787486.829999</v>
      </c>
      <c r="D874" s="134">
        <v>-182787486.829999</v>
      </c>
      <c r="E874" s="134">
        <v>-182787486.829999</v>
      </c>
      <c r="F874" s="134">
        <v>-182787486.829999</v>
      </c>
      <c r="G874" s="134">
        <v>-182787486.829999</v>
      </c>
      <c r="H874" s="134">
        <v>-182787486.829999</v>
      </c>
      <c r="I874" s="134">
        <v>-182787486.829999</v>
      </c>
      <c r="J874" s="134">
        <v>-182787486.829999</v>
      </c>
      <c r="K874" s="134">
        <v>-182787486.829999</v>
      </c>
      <c r="L874" s="134">
        <v>-182787486.829999</v>
      </c>
      <c r="M874" s="134">
        <v>-182787486.829999</v>
      </c>
      <c r="N874" s="134">
        <v>-182787486.829999</v>
      </c>
      <c r="O874" s="134">
        <v>-182787486.829999</v>
      </c>
      <c r="P874" s="134">
        <v>-182787486.829999</v>
      </c>
      <c r="Q874" s="134">
        <v>-182787486.829999</v>
      </c>
      <c r="R874" s="134">
        <v>-182787486.829999</v>
      </c>
      <c r="S874" s="134">
        <v>-182787486.829999</v>
      </c>
      <c r="T874" s="134">
        <v>-182787486.829999</v>
      </c>
      <c r="U874" s="134">
        <v>-182787486.829999</v>
      </c>
      <c r="V874" s="134">
        <v>-182787486.829999</v>
      </c>
      <c r="W874" s="134">
        <v>-182787486.829999</v>
      </c>
      <c r="X874" s="134">
        <v>-182787486.829999</v>
      </c>
      <c r="Y874" s="134">
        <v>-182787486.829999</v>
      </c>
      <c r="Z874" s="134">
        <v>-182787486.829999</v>
      </c>
      <c r="AA874" s="134">
        <v>-182787486.829999</v>
      </c>
      <c r="AB874" s="134">
        <v>-182787486.829999</v>
      </c>
      <c r="AC874" s="134">
        <v>-182787486.829999</v>
      </c>
      <c r="AD874" s="134">
        <v>-182787486.829999</v>
      </c>
      <c r="AE874" s="134">
        <v>-182787486.829999</v>
      </c>
      <c r="AF874" s="134">
        <v>-182787486.829999</v>
      </c>
      <c r="AG874" s="134">
        <v>-182787486.829999</v>
      </c>
      <c r="AH874" s="134">
        <v>-182787486.829999</v>
      </c>
      <c r="AI874" s="134">
        <v>-182787486.829999</v>
      </c>
      <c r="AJ874" s="134">
        <v>-182787486.829999</v>
      </c>
      <c r="AK874" s="134">
        <v>-182787486.829999</v>
      </c>
      <c r="AL874" s="134">
        <v>-182787486.829999</v>
      </c>
      <c r="AM874" s="134">
        <v>-182787486.829999</v>
      </c>
      <c r="AN874" s="134">
        <v>-182787486.829999</v>
      </c>
      <c r="AO874" s="134">
        <v>-182787486.829999</v>
      </c>
      <c r="AP874" s="134">
        <v>-182787486.829999</v>
      </c>
      <c r="AQ874" s="134">
        <v>-182787486.829999</v>
      </c>
      <c r="AR874" s="134">
        <v>-182787486.829999</v>
      </c>
      <c r="AS874" s="134">
        <v>-182787486.829999</v>
      </c>
      <c r="AT874" s="134">
        <v>-182787486.829999</v>
      </c>
      <c r="AU874" s="134">
        <v>-182787486.829999</v>
      </c>
      <c r="AV874" s="134">
        <v>-182787486.829999</v>
      </c>
      <c r="AW874" s="134">
        <v>-182787486.829999</v>
      </c>
      <c r="AX874" s="134">
        <v>-182787486.829999</v>
      </c>
      <c r="AY874" s="134">
        <v>-182787486.829999</v>
      </c>
      <c r="AZ874" s="134">
        <v>-182787486.829999</v>
      </c>
      <c r="BA874" s="134">
        <v>-182787486.829999</v>
      </c>
    </row>
    <row r="875" spans="1:53">
      <c r="A875" s="52" t="s">
        <v>3381</v>
      </c>
    </row>
    <row r="876" spans="1:53">
      <c r="A876" s="57" t="s">
        <v>3382</v>
      </c>
    </row>
    <row r="877" spans="1:53">
      <c r="A877" s="52" t="s">
        <v>3383</v>
      </c>
      <c r="B877" s="53">
        <v>0</v>
      </c>
      <c r="C877" s="53">
        <v>0</v>
      </c>
      <c r="D877" s="53">
        <v>0</v>
      </c>
      <c r="E877" s="53">
        <v>0</v>
      </c>
      <c r="F877" s="53">
        <v>0</v>
      </c>
      <c r="G877" s="53">
        <v>0</v>
      </c>
      <c r="H877" s="53">
        <v>0</v>
      </c>
      <c r="I877" s="53">
        <v>0</v>
      </c>
      <c r="J877" s="53">
        <v>0</v>
      </c>
      <c r="K877" s="53">
        <v>0</v>
      </c>
      <c r="L877" s="53">
        <v>0</v>
      </c>
      <c r="M877" s="53">
        <v>0</v>
      </c>
      <c r="N877" s="53">
        <v>0</v>
      </c>
      <c r="O877" s="53">
        <v>0</v>
      </c>
      <c r="P877" s="53">
        <v>0</v>
      </c>
      <c r="Q877" s="53">
        <v>0</v>
      </c>
      <c r="R877" s="53">
        <v>0</v>
      </c>
      <c r="S877" s="53">
        <v>0</v>
      </c>
      <c r="T877" s="53">
        <v>0</v>
      </c>
      <c r="U877" s="53">
        <v>0</v>
      </c>
      <c r="V877" s="53">
        <v>0</v>
      </c>
      <c r="W877" s="53">
        <v>0</v>
      </c>
      <c r="X877" s="53">
        <v>0</v>
      </c>
      <c r="Y877" s="53">
        <v>0</v>
      </c>
      <c r="Z877" s="53">
        <v>0</v>
      </c>
      <c r="AA877" s="53">
        <v>0</v>
      </c>
      <c r="AB877" s="53">
        <v>0</v>
      </c>
      <c r="AC877" s="53">
        <v>0</v>
      </c>
      <c r="AD877" s="53">
        <v>0</v>
      </c>
      <c r="AE877" s="53">
        <v>0</v>
      </c>
      <c r="AF877" s="53">
        <v>0</v>
      </c>
      <c r="AG877" s="53">
        <v>0</v>
      </c>
      <c r="AH877" s="53">
        <v>0</v>
      </c>
      <c r="AI877" s="53">
        <v>0</v>
      </c>
      <c r="AJ877" s="53">
        <v>0</v>
      </c>
      <c r="AK877" s="53">
        <v>0</v>
      </c>
      <c r="AL877" s="53">
        <v>0</v>
      </c>
      <c r="AM877" s="53">
        <v>0</v>
      </c>
      <c r="AN877" s="53">
        <v>0</v>
      </c>
      <c r="AO877" s="53">
        <v>0</v>
      </c>
      <c r="AP877" s="53">
        <v>0</v>
      </c>
      <c r="AQ877" s="53">
        <v>0</v>
      </c>
      <c r="AR877" s="53">
        <v>0</v>
      </c>
      <c r="AS877" s="53">
        <v>0</v>
      </c>
      <c r="AT877" s="53">
        <v>0</v>
      </c>
      <c r="AU877" s="53">
        <v>0</v>
      </c>
      <c r="AV877" s="53">
        <v>0</v>
      </c>
      <c r="AW877" s="53">
        <v>0</v>
      </c>
      <c r="AX877" s="53">
        <v>0</v>
      </c>
      <c r="AY877" s="53">
        <v>0</v>
      </c>
      <c r="AZ877" s="53">
        <v>0</v>
      </c>
      <c r="BA877" s="53">
        <v>0</v>
      </c>
    </row>
    <row r="878" spans="1:53">
      <c r="A878" s="52" t="s">
        <v>3384</v>
      </c>
      <c r="B878" s="53">
        <v>310349.02642618999</v>
      </c>
      <c r="C878" s="53">
        <v>-1636389.15009226</v>
      </c>
      <c r="D878" s="53">
        <v>-4643872.5483378703</v>
      </c>
      <c r="E878" s="53">
        <v>11688238.412530599</v>
      </c>
      <c r="F878" s="53">
        <v>6462949.3422040604</v>
      </c>
      <c r="G878" s="53">
        <v>16508887.0128725</v>
      </c>
      <c r="H878" s="53">
        <v>8708170.7263022792</v>
      </c>
      <c r="I878" s="53">
        <v>-6538296.5335365999</v>
      </c>
      <c r="J878" s="53">
        <v>4592688.3673435496</v>
      </c>
      <c r="K878" s="53">
        <v>966918.14887921396</v>
      </c>
      <c r="L878" s="53">
        <v>1361085.75390887</v>
      </c>
      <c r="M878" s="53">
        <v>12113549.699999999</v>
      </c>
      <c r="N878" s="53">
        <v>12113549.699999999</v>
      </c>
      <c r="O878" s="53">
        <v>5820270.2682088604</v>
      </c>
      <c r="P878" s="53">
        <v>8592656.3144134302</v>
      </c>
      <c r="Q878" s="53">
        <v>11585906.096501799</v>
      </c>
      <c r="R878" s="53">
        <v>17743914.735552602</v>
      </c>
      <c r="S878" s="53">
        <v>16019714.867760001</v>
      </c>
      <c r="T878" s="53">
        <v>18052142.347991802</v>
      </c>
      <c r="U878" s="53">
        <v>14221727.894560199</v>
      </c>
      <c r="V878" s="53">
        <v>3909086.3386141201</v>
      </c>
      <c r="W878" s="53">
        <v>6742500.4127846397</v>
      </c>
      <c r="X878" s="53">
        <v>6427270.8586582895</v>
      </c>
      <c r="Y878" s="53">
        <v>9837272.9223142508</v>
      </c>
      <c r="Z878" s="53">
        <v>12113549.699999999</v>
      </c>
      <c r="AA878" s="53">
        <v>12113549.699999999</v>
      </c>
      <c r="AB878" s="53">
        <v>6084958.8670806196</v>
      </c>
      <c r="AC878" s="53">
        <v>9246564.4715789407</v>
      </c>
      <c r="AD878" s="53">
        <v>12557856.506899999</v>
      </c>
      <c r="AE878" s="53">
        <v>18100546.7366184</v>
      </c>
      <c r="AF878" s="53">
        <v>16617565.693649599</v>
      </c>
      <c r="AG878" s="53">
        <v>17860943.1825631</v>
      </c>
      <c r="AH878" s="53">
        <v>14183508.000884799</v>
      </c>
      <c r="AI878" s="53">
        <v>4063600.8126442502</v>
      </c>
      <c r="AJ878" s="53">
        <v>6303921.7349251704</v>
      </c>
      <c r="AK878" s="53">
        <v>6413695.3140376899</v>
      </c>
      <c r="AL878" s="53">
        <v>10399770.398925399</v>
      </c>
      <c r="AM878" s="53">
        <v>12113549.699999999</v>
      </c>
      <c r="AN878" s="53">
        <v>12113549.699999999</v>
      </c>
      <c r="AO878" s="53">
        <v>6463877.6968964804</v>
      </c>
      <c r="AP878" s="53">
        <v>9831513.2790262401</v>
      </c>
      <c r="AQ878" s="53">
        <v>13500997.244531199</v>
      </c>
      <c r="AR878" s="53">
        <v>17520901.460625298</v>
      </c>
      <c r="AS878" s="53">
        <v>16059839.829728801</v>
      </c>
      <c r="AT878" s="53">
        <v>15535980.522070101</v>
      </c>
      <c r="AU878" s="53">
        <v>11877962.0041357</v>
      </c>
      <c r="AV878" s="53">
        <v>1746337.2914142101</v>
      </c>
      <c r="AW878" s="53">
        <v>2121943.7425285699</v>
      </c>
      <c r="AX878" s="53">
        <v>2246034.7332720398</v>
      </c>
      <c r="AY878" s="53">
        <v>5993470.0464584501</v>
      </c>
      <c r="AZ878" s="53">
        <v>12113549.699999999</v>
      </c>
      <c r="BA878" s="53">
        <v>12113549.699999999</v>
      </c>
    </row>
    <row r="879" spans="1:53">
      <c r="A879" s="52" t="s">
        <v>3385</v>
      </c>
      <c r="B879" s="53">
        <v>0</v>
      </c>
      <c r="C879" s="53">
        <v>0</v>
      </c>
      <c r="D879" s="53">
        <v>0</v>
      </c>
      <c r="E879" s="53">
        <v>0</v>
      </c>
      <c r="F879" s="53">
        <v>0</v>
      </c>
      <c r="G879" s="53">
        <v>0</v>
      </c>
      <c r="H879" s="53">
        <v>0</v>
      </c>
      <c r="I879" s="53">
        <v>0</v>
      </c>
      <c r="J879" s="53">
        <v>0</v>
      </c>
      <c r="K879" s="53">
        <v>0</v>
      </c>
      <c r="L879" s="53">
        <v>0</v>
      </c>
      <c r="M879" s="53">
        <v>0</v>
      </c>
      <c r="N879" s="53">
        <v>0</v>
      </c>
      <c r="O879" s="53">
        <v>0</v>
      </c>
      <c r="P879" s="53">
        <v>0</v>
      </c>
      <c r="Q879" s="53">
        <v>0</v>
      </c>
      <c r="R879" s="53">
        <v>0</v>
      </c>
      <c r="S879" s="53">
        <v>0</v>
      </c>
      <c r="T879" s="53">
        <v>0</v>
      </c>
      <c r="U879" s="53">
        <v>0</v>
      </c>
      <c r="V879" s="53">
        <v>0</v>
      </c>
      <c r="W879" s="53">
        <v>0</v>
      </c>
      <c r="X879" s="53">
        <v>0</v>
      </c>
      <c r="Y879" s="53">
        <v>0</v>
      </c>
      <c r="Z879" s="53">
        <v>0</v>
      </c>
      <c r="AA879" s="53">
        <v>0</v>
      </c>
      <c r="AB879" s="53">
        <v>0</v>
      </c>
      <c r="AC879" s="53">
        <v>0</v>
      </c>
      <c r="AD879" s="53">
        <v>0</v>
      </c>
      <c r="AE879" s="53">
        <v>0</v>
      </c>
      <c r="AF879" s="53">
        <v>0</v>
      </c>
      <c r="AG879" s="53">
        <v>0</v>
      </c>
      <c r="AH879" s="53">
        <v>0</v>
      </c>
      <c r="AI879" s="53">
        <v>0</v>
      </c>
      <c r="AJ879" s="53">
        <v>0</v>
      </c>
      <c r="AK879" s="53">
        <v>0</v>
      </c>
      <c r="AL879" s="53">
        <v>0</v>
      </c>
      <c r="AM879" s="53">
        <v>0</v>
      </c>
      <c r="AN879" s="53">
        <v>0</v>
      </c>
      <c r="AO879" s="53">
        <v>0</v>
      </c>
      <c r="AP879" s="53">
        <v>0</v>
      </c>
      <c r="AQ879" s="53">
        <v>0</v>
      </c>
      <c r="AR879" s="53">
        <v>0</v>
      </c>
      <c r="AS879" s="53">
        <v>0</v>
      </c>
      <c r="AT879" s="53">
        <v>0</v>
      </c>
      <c r="AU879" s="53">
        <v>0</v>
      </c>
      <c r="AV879" s="53">
        <v>0</v>
      </c>
      <c r="AW879" s="53">
        <v>0</v>
      </c>
      <c r="AX879" s="53">
        <v>0</v>
      </c>
      <c r="AY879" s="53">
        <v>0</v>
      </c>
      <c r="AZ879" s="53">
        <v>0</v>
      </c>
      <c r="BA879" s="53">
        <v>0</v>
      </c>
    </row>
    <row r="880" spans="1:53">
      <c r="A880" s="52" t="s">
        <v>3386</v>
      </c>
      <c r="B880" s="53">
        <v>0</v>
      </c>
      <c r="C880" s="53">
        <v>0</v>
      </c>
      <c r="D880" s="53">
        <v>0</v>
      </c>
      <c r="E880" s="53">
        <v>0</v>
      </c>
      <c r="F880" s="53">
        <v>0</v>
      </c>
      <c r="G880" s="53">
        <v>0</v>
      </c>
      <c r="H880" s="53">
        <v>0</v>
      </c>
      <c r="I880" s="53">
        <v>0</v>
      </c>
      <c r="J880" s="53">
        <v>0</v>
      </c>
      <c r="K880" s="53">
        <v>0</v>
      </c>
      <c r="L880" s="53">
        <v>0</v>
      </c>
      <c r="M880" s="53">
        <v>0</v>
      </c>
      <c r="N880" s="53">
        <v>0</v>
      </c>
      <c r="O880" s="53">
        <v>0</v>
      </c>
      <c r="P880" s="53">
        <v>0</v>
      </c>
      <c r="Q880" s="53">
        <v>0</v>
      </c>
      <c r="R880" s="53">
        <v>0</v>
      </c>
      <c r="S880" s="53">
        <v>0</v>
      </c>
      <c r="T880" s="53">
        <v>0</v>
      </c>
      <c r="U880" s="53">
        <v>0</v>
      </c>
      <c r="V880" s="53">
        <v>0</v>
      </c>
      <c r="W880" s="53">
        <v>0</v>
      </c>
      <c r="X880" s="53">
        <v>0</v>
      </c>
      <c r="Y880" s="53">
        <v>0</v>
      </c>
      <c r="Z880" s="53">
        <v>0</v>
      </c>
      <c r="AA880" s="53">
        <v>0</v>
      </c>
      <c r="AB880" s="53">
        <v>0</v>
      </c>
      <c r="AC880" s="53">
        <v>0</v>
      </c>
      <c r="AD880" s="53">
        <v>0</v>
      </c>
      <c r="AE880" s="53">
        <v>0</v>
      </c>
      <c r="AF880" s="53">
        <v>0</v>
      </c>
      <c r="AG880" s="53">
        <v>0</v>
      </c>
      <c r="AH880" s="53">
        <v>0</v>
      </c>
      <c r="AI880" s="53">
        <v>0</v>
      </c>
      <c r="AJ880" s="53">
        <v>0</v>
      </c>
      <c r="AK880" s="53">
        <v>0</v>
      </c>
      <c r="AL880" s="53">
        <v>0</v>
      </c>
      <c r="AM880" s="53">
        <v>0</v>
      </c>
      <c r="AN880" s="53">
        <v>0</v>
      </c>
      <c r="AO880" s="53">
        <v>0</v>
      </c>
      <c r="AP880" s="53">
        <v>0</v>
      </c>
      <c r="AQ880" s="53">
        <v>0</v>
      </c>
      <c r="AR880" s="53">
        <v>0</v>
      </c>
      <c r="AS880" s="53">
        <v>0</v>
      </c>
      <c r="AT880" s="53">
        <v>0</v>
      </c>
      <c r="AU880" s="53">
        <v>0</v>
      </c>
      <c r="AV880" s="53">
        <v>0</v>
      </c>
      <c r="AW880" s="53">
        <v>0</v>
      </c>
      <c r="AX880" s="53">
        <v>0</v>
      </c>
      <c r="AY880" s="53">
        <v>0</v>
      </c>
      <c r="AZ880" s="53">
        <v>0</v>
      </c>
      <c r="BA880" s="53">
        <v>0</v>
      </c>
    </row>
    <row r="881" spans="1:53">
      <c r="A881" s="52" t="s">
        <v>3387</v>
      </c>
      <c r="B881" s="53">
        <v>0</v>
      </c>
      <c r="C881" s="53">
        <v>0</v>
      </c>
      <c r="D881" s="53">
        <v>0</v>
      </c>
      <c r="E881" s="53">
        <v>0</v>
      </c>
      <c r="F881" s="53">
        <v>0</v>
      </c>
      <c r="G881" s="53">
        <v>0</v>
      </c>
      <c r="H881" s="53">
        <v>0</v>
      </c>
      <c r="I881" s="53">
        <v>0</v>
      </c>
      <c r="J881" s="53">
        <v>0</v>
      </c>
      <c r="K881" s="53">
        <v>0</v>
      </c>
      <c r="L881" s="53">
        <v>0</v>
      </c>
      <c r="M881" s="53">
        <v>0</v>
      </c>
      <c r="N881" s="53">
        <v>0</v>
      </c>
      <c r="O881" s="53">
        <v>0</v>
      </c>
      <c r="P881" s="53">
        <v>0</v>
      </c>
      <c r="Q881" s="53">
        <v>0</v>
      </c>
      <c r="R881" s="53">
        <v>0</v>
      </c>
      <c r="S881" s="53">
        <v>0</v>
      </c>
      <c r="T881" s="53">
        <v>0</v>
      </c>
      <c r="U881" s="53">
        <v>0</v>
      </c>
      <c r="V881" s="53">
        <v>0</v>
      </c>
      <c r="W881" s="53">
        <v>0</v>
      </c>
      <c r="X881" s="53">
        <v>0</v>
      </c>
      <c r="Y881" s="53">
        <v>0</v>
      </c>
      <c r="Z881" s="53">
        <v>0</v>
      </c>
      <c r="AA881" s="53">
        <v>0</v>
      </c>
      <c r="AB881" s="53">
        <v>0</v>
      </c>
      <c r="AC881" s="53">
        <v>0</v>
      </c>
      <c r="AD881" s="53">
        <v>0</v>
      </c>
      <c r="AE881" s="53">
        <v>0</v>
      </c>
      <c r="AF881" s="53">
        <v>0</v>
      </c>
      <c r="AG881" s="53">
        <v>0</v>
      </c>
      <c r="AH881" s="53">
        <v>0</v>
      </c>
      <c r="AI881" s="53">
        <v>0</v>
      </c>
      <c r="AJ881" s="53">
        <v>0</v>
      </c>
      <c r="AK881" s="53">
        <v>0</v>
      </c>
      <c r="AL881" s="53">
        <v>0</v>
      </c>
      <c r="AM881" s="53">
        <v>0</v>
      </c>
      <c r="AN881" s="53">
        <v>0</v>
      </c>
      <c r="AO881" s="53">
        <v>0</v>
      </c>
      <c r="AP881" s="53">
        <v>0</v>
      </c>
      <c r="AQ881" s="53">
        <v>0</v>
      </c>
      <c r="AR881" s="53">
        <v>0</v>
      </c>
      <c r="AS881" s="53">
        <v>0</v>
      </c>
      <c r="AT881" s="53">
        <v>0</v>
      </c>
      <c r="AU881" s="53">
        <v>0</v>
      </c>
      <c r="AV881" s="53">
        <v>0</v>
      </c>
      <c r="AW881" s="53">
        <v>0</v>
      </c>
      <c r="AX881" s="53">
        <v>0</v>
      </c>
      <c r="AY881" s="53">
        <v>0</v>
      </c>
      <c r="AZ881" s="53">
        <v>0</v>
      </c>
      <c r="BA881" s="53">
        <v>0</v>
      </c>
    </row>
    <row r="882" spans="1:53">
      <c r="A882" s="52" t="s">
        <v>3388</v>
      </c>
      <c r="B882" s="53">
        <v>-12292233.539999999</v>
      </c>
      <c r="C882" s="53">
        <v>-12292233.539999999</v>
      </c>
      <c r="D882" s="53">
        <v>-12292233.539999999</v>
      </c>
      <c r="E882" s="53">
        <v>-12292233.539999999</v>
      </c>
      <c r="F882" s="53">
        <v>-12292233.539999999</v>
      </c>
      <c r="G882" s="53">
        <v>-12292233.539999999</v>
      </c>
      <c r="H882" s="53">
        <v>-12292233.539999999</v>
      </c>
      <c r="I882" s="53">
        <v>-12292233.539999999</v>
      </c>
      <c r="J882" s="53">
        <v>-12292233.539999999</v>
      </c>
      <c r="K882" s="53">
        <v>-12292233.539999999</v>
      </c>
      <c r="L882" s="53">
        <v>-12292233.539999999</v>
      </c>
      <c r="M882" s="53">
        <v>-12292233.539999999</v>
      </c>
      <c r="N882" s="53">
        <v>-12292233.539999999</v>
      </c>
      <c r="O882" s="53">
        <v>-12292233.539999999</v>
      </c>
      <c r="P882" s="53">
        <v>-12292233.539999999</v>
      </c>
      <c r="Q882" s="53">
        <v>-12292233.539999999</v>
      </c>
      <c r="R882" s="53">
        <v>-12292233.539999999</v>
      </c>
      <c r="S882" s="53">
        <v>-12292233.539999999</v>
      </c>
      <c r="T882" s="53">
        <v>-12292233.539999999</v>
      </c>
      <c r="U882" s="53">
        <v>-12292233.539999999</v>
      </c>
      <c r="V882" s="53">
        <v>-12292233.539999999</v>
      </c>
      <c r="W882" s="53">
        <v>-12292233.539999999</v>
      </c>
      <c r="X882" s="53">
        <v>-12292233.539999999</v>
      </c>
      <c r="Y882" s="53">
        <v>-12292233.539999999</v>
      </c>
      <c r="Z882" s="53">
        <v>-12292233.539999999</v>
      </c>
      <c r="AA882" s="53">
        <v>-12292233.539999999</v>
      </c>
      <c r="AB882" s="53">
        <v>-12292233.539999999</v>
      </c>
      <c r="AC882" s="53">
        <v>-12292233.539999999</v>
      </c>
      <c r="AD882" s="53">
        <v>-12292233.539999999</v>
      </c>
      <c r="AE882" s="53">
        <v>-12292233.539999999</v>
      </c>
      <c r="AF882" s="53">
        <v>-12292233.539999999</v>
      </c>
      <c r="AG882" s="53">
        <v>-12292233.539999999</v>
      </c>
      <c r="AH882" s="53">
        <v>-12292233.539999999</v>
      </c>
      <c r="AI882" s="53">
        <v>-12292233.539999999</v>
      </c>
      <c r="AJ882" s="53">
        <v>-12292233.539999999</v>
      </c>
      <c r="AK882" s="53">
        <v>-12292233.539999999</v>
      </c>
      <c r="AL882" s="53">
        <v>-12292233.539999999</v>
      </c>
      <c r="AM882" s="53">
        <v>-12292233.539999999</v>
      </c>
      <c r="AN882" s="53">
        <v>-12292233.539999999</v>
      </c>
      <c r="AO882" s="53">
        <v>-12292233.539999999</v>
      </c>
      <c r="AP882" s="53">
        <v>-12292233.539999999</v>
      </c>
      <c r="AQ882" s="53">
        <v>-12292233.539999999</v>
      </c>
      <c r="AR882" s="53">
        <v>-12292233.539999999</v>
      </c>
      <c r="AS882" s="53">
        <v>-12292233.539999999</v>
      </c>
      <c r="AT882" s="53">
        <v>-12292233.539999999</v>
      </c>
      <c r="AU882" s="53">
        <v>-12292233.539999999</v>
      </c>
      <c r="AV882" s="53">
        <v>-12292233.539999999</v>
      </c>
      <c r="AW882" s="53">
        <v>-12292233.539999999</v>
      </c>
      <c r="AX882" s="53">
        <v>-12292233.539999999</v>
      </c>
      <c r="AY882" s="53">
        <v>-12292233.539999999</v>
      </c>
      <c r="AZ882" s="53">
        <v>-12292233.539999999</v>
      </c>
      <c r="BA882" s="53">
        <v>-12292233.539999999</v>
      </c>
    </row>
    <row r="883" spans="1:53">
      <c r="A883" s="52" t="s">
        <v>3389</v>
      </c>
      <c r="B883" s="53">
        <v>-15585174.1674596</v>
      </c>
      <c r="C883" s="53">
        <v>-31178283.114919301</v>
      </c>
      <c r="D883" s="53">
        <v>-46771392.062378898</v>
      </c>
      <c r="E883" s="53">
        <v>-62364501.009838603</v>
      </c>
      <c r="F883" s="53">
        <v>-77957609.957298294</v>
      </c>
      <c r="G883" s="53">
        <v>-93550718.904757902</v>
      </c>
      <c r="H883" s="53">
        <v>-109143827.852217</v>
      </c>
      <c r="I883" s="53">
        <v>-124736936.799677</v>
      </c>
      <c r="J883" s="53">
        <v>-140330045.747136</v>
      </c>
      <c r="K883" s="53">
        <v>-155923154.69459599</v>
      </c>
      <c r="L883" s="53">
        <v>15601043.7274596</v>
      </c>
      <c r="M883" s="53">
        <v>7934.7800000104999</v>
      </c>
      <c r="N883" s="53">
        <v>7934.7800000104999</v>
      </c>
      <c r="O883" s="53">
        <v>-17039214.472494502</v>
      </c>
      <c r="P883" s="53">
        <v>-34086363.724989101</v>
      </c>
      <c r="Q883" s="53">
        <v>-51133512.977483697</v>
      </c>
      <c r="R883" s="53">
        <v>-68180662.229978293</v>
      </c>
      <c r="S883" s="53">
        <v>-85227811.482472807</v>
      </c>
      <c r="T883" s="53">
        <v>-102274960.73496699</v>
      </c>
      <c r="U883" s="53">
        <v>-119322109.987462</v>
      </c>
      <c r="V883" s="53">
        <v>-136369259.23995599</v>
      </c>
      <c r="W883" s="53">
        <v>-153416408.49245101</v>
      </c>
      <c r="X883" s="53">
        <v>-170463557.74494499</v>
      </c>
      <c r="Y883" s="53">
        <v>17055084.0324945</v>
      </c>
      <c r="Z883" s="53">
        <v>7934.77999999231</v>
      </c>
      <c r="AA883" s="53">
        <v>7934.77999999231</v>
      </c>
      <c r="AB883" s="53">
        <v>-19014683.104772702</v>
      </c>
      <c r="AC883" s="53">
        <v>-38037300.989545502</v>
      </c>
      <c r="AD883" s="53">
        <v>-57059918.874318197</v>
      </c>
      <c r="AE883" s="53">
        <v>-76082536.759091005</v>
      </c>
      <c r="AF883" s="53">
        <v>-95105154.643863693</v>
      </c>
      <c r="AG883" s="53">
        <v>-114127772.52863599</v>
      </c>
      <c r="AH883" s="53">
        <v>-133150390.41340899</v>
      </c>
      <c r="AI883" s="53">
        <v>-152173008.298181</v>
      </c>
      <c r="AJ883" s="53">
        <v>-171195626.18295401</v>
      </c>
      <c r="AK883" s="53">
        <v>-190218244.067727</v>
      </c>
      <c r="AL883" s="53">
        <v>19030552.664772701</v>
      </c>
      <c r="AM883" s="53">
        <v>7934.7800000323296</v>
      </c>
      <c r="AN883" s="53">
        <v>7934.7800000323296</v>
      </c>
      <c r="AO883" s="53">
        <v>-20335743.335879099</v>
      </c>
      <c r="AP883" s="53">
        <v>-40679421.451758303</v>
      </c>
      <c r="AQ883" s="53">
        <v>-61023099.567637399</v>
      </c>
      <c r="AR883" s="53">
        <v>-81366777.683516607</v>
      </c>
      <c r="AS883" s="53">
        <v>-101710455.79939499</v>
      </c>
      <c r="AT883" s="53">
        <v>-122054133.91527499</v>
      </c>
      <c r="AU883" s="53">
        <v>-142397812.03115401</v>
      </c>
      <c r="AV883" s="53">
        <v>-162741490.14703301</v>
      </c>
      <c r="AW883" s="53">
        <v>-183085168.26291201</v>
      </c>
      <c r="AX883" s="53">
        <v>-203428846.378791</v>
      </c>
      <c r="AY883" s="53">
        <v>20351612.895879202</v>
      </c>
      <c r="AZ883" s="53">
        <v>7934.7800000577899</v>
      </c>
      <c r="BA883" s="53">
        <v>7934.7800000577899</v>
      </c>
    </row>
    <row r="884" spans="1:53">
      <c r="A884" s="52" t="s">
        <v>3390</v>
      </c>
      <c r="B884" s="53">
        <v>-16868741.719999999</v>
      </c>
      <c r="C884" s="53">
        <v>-16868741.719999999</v>
      </c>
      <c r="D884" s="53">
        <v>-16868741.719999999</v>
      </c>
      <c r="E884" s="53">
        <v>-16868741.719999999</v>
      </c>
      <c r="F884" s="53">
        <v>-16868741.719999999</v>
      </c>
      <c r="G884" s="53">
        <v>-16868741.719999999</v>
      </c>
      <c r="H884" s="53">
        <v>-16868741.719999999</v>
      </c>
      <c r="I884" s="53">
        <v>-16868741.719999999</v>
      </c>
      <c r="J884" s="53">
        <v>-16868741.719999999</v>
      </c>
      <c r="K884" s="53">
        <v>-16868741.719999999</v>
      </c>
      <c r="L884" s="53">
        <v>-16868741.719999999</v>
      </c>
      <c r="M884" s="53">
        <v>-16868741.719999999</v>
      </c>
      <c r="N884" s="53">
        <v>-16868741.719999999</v>
      </c>
      <c r="O884" s="53">
        <v>-16868741.719999999</v>
      </c>
      <c r="P884" s="53">
        <v>-16868741.719999999</v>
      </c>
      <c r="Q884" s="53">
        <v>-16868741.719999999</v>
      </c>
      <c r="R884" s="53">
        <v>-16868741.719999999</v>
      </c>
      <c r="S884" s="53">
        <v>-16868741.719999999</v>
      </c>
      <c r="T884" s="53">
        <v>-16868741.719999999</v>
      </c>
      <c r="U884" s="53">
        <v>-16868741.719999999</v>
      </c>
      <c r="V884" s="53">
        <v>-16868741.719999999</v>
      </c>
      <c r="W884" s="53">
        <v>-16868741.719999999</v>
      </c>
      <c r="X884" s="53">
        <v>-16868741.719999999</v>
      </c>
      <c r="Y884" s="53">
        <v>-16868741.719999999</v>
      </c>
      <c r="Z884" s="53">
        <v>-16868741.719999999</v>
      </c>
      <c r="AA884" s="53">
        <v>-16868741.719999999</v>
      </c>
      <c r="AB884" s="53">
        <v>-16868741.719999999</v>
      </c>
      <c r="AC884" s="53">
        <v>-16868741.719999999</v>
      </c>
      <c r="AD884" s="53">
        <v>-16868741.719999999</v>
      </c>
      <c r="AE884" s="53">
        <v>-16868741.719999999</v>
      </c>
      <c r="AF884" s="53">
        <v>-16868741.719999999</v>
      </c>
      <c r="AG884" s="53">
        <v>-16868741.719999999</v>
      </c>
      <c r="AH884" s="53">
        <v>-16868741.719999999</v>
      </c>
      <c r="AI884" s="53">
        <v>-16868741.719999999</v>
      </c>
      <c r="AJ884" s="53">
        <v>-16868741.719999999</v>
      </c>
      <c r="AK884" s="53">
        <v>-16868741.719999999</v>
      </c>
      <c r="AL884" s="53">
        <v>-16868741.719999999</v>
      </c>
      <c r="AM884" s="53">
        <v>-16868741.719999999</v>
      </c>
      <c r="AN884" s="53">
        <v>-16868741.719999999</v>
      </c>
      <c r="AO884" s="53">
        <v>-16868741.719999999</v>
      </c>
      <c r="AP884" s="53">
        <v>-16868741.719999999</v>
      </c>
      <c r="AQ884" s="53">
        <v>-16868741.719999999</v>
      </c>
      <c r="AR884" s="53">
        <v>-16868741.719999999</v>
      </c>
      <c r="AS884" s="53">
        <v>-16868741.719999999</v>
      </c>
      <c r="AT884" s="53">
        <v>-16868741.719999999</v>
      </c>
      <c r="AU884" s="53">
        <v>-16868741.719999999</v>
      </c>
      <c r="AV884" s="53">
        <v>-16868741.719999999</v>
      </c>
      <c r="AW884" s="53">
        <v>-16868741.719999999</v>
      </c>
      <c r="AX884" s="53">
        <v>-16868741.719999999</v>
      </c>
      <c r="AY884" s="53">
        <v>-16868741.719999999</v>
      </c>
      <c r="AZ884" s="53">
        <v>-16868741.719999999</v>
      </c>
      <c r="BA884" s="53">
        <v>-16868741.719999999</v>
      </c>
    </row>
    <row r="885" spans="1:53">
      <c r="A885" s="52" t="s">
        <v>3391</v>
      </c>
      <c r="B885" s="53">
        <v>-2006974.5</v>
      </c>
      <c r="C885" s="53">
        <v>-2006974.5</v>
      </c>
      <c r="D885" s="53">
        <v>-2006974.5</v>
      </c>
      <c r="E885" s="53">
        <v>-2006974.5</v>
      </c>
      <c r="F885" s="53">
        <v>-2006974.5</v>
      </c>
      <c r="G885" s="53">
        <v>-2006974.5</v>
      </c>
      <c r="H885" s="53">
        <v>-2006974.5</v>
      </c>
      <c r="I885" s="53">
        <v>-2006974.5</v>
      </c>
      <c r="J885" s="53">
        <v>-2006974.5</v>
      </c>
      <c r="K885" s="53">
        <v>-2006974.5</v>
      </c>
      <c r="L885" s="53">
        <v>-2006974.5</v>
      </c>
      <c r="M885" s="53">
        <v>-2006974.5</v>
      </c>
      <c r="N885" s="53">
        <v>-2006974.5</v>
      </c>
      <c r="O885" s="53">
        <v>-2006974.5</v>
      </c>
      <c r="P885" s="53">
        <v>-2006974.5</v>
      </c>
      <c r="Q885" s="53">
        <v>-2006974.5</v>
      </c>
      <c r="R885" s="53">
        <v>-2006974.5</v>
      </c>
      <c r="S885" s="53">
        <v>-2006974.5</v>
      </c>
      <c r="T885" s="53">
        <v>-2006974.5</v>
      </c>
      <c r="U885" s="53">
        <v>-2006974.5</v>
      </c>
      <c r="V885" s="53">
        <v>-2006974.5</v>
      </c>
      <c r="W885" s="53">
        <v>-2006974.5</v>
      </c>
      <c r="X885" s="53">
        <v>-2006974.5</v>
      </c>
      <c r="Y885" s="53">
        <v>-2006974.5</v>
      </c>
      <c r="Z885" s="53">
        <v>-2006974.5</v>
      </c>
      <c r="AA885" s="53">
        <v>-2006974.5</v>
      </c>
      <c r="AB885" s="53">
        <v>-2006974.5</v>
      </c>
      <c r="AC885" s="53">
        <v>-2006974.5</v>
      </c>
      <c r="AD885" s="53">
        <v>-2006974.5</v>
      </c>
      <c r="AE885" s="53">
        <v>-2006974.5</v>
      </c>
      <c r="AF885" s="53">
        <v>-2006974.5</v>
      </c>
      <c r="AG885" s="53">
        <v>-2006974.5</v>
      </c>
      <c r="AH885" s="53">
        <v>-2006974.5</v>
      </c>
      <c r="AI885" s="53">
        <v>-2006974.5</v>
      </c>
      <c r="AJ885" s="53">
        <v>-2006974.5</v>
      </c>
      <c r="AK885" s="53">
        <v>-2006974.5</v>
      </c>
      <c r="AL885" s="53">
        <v>-2006974.5</v>
      </c>
      <c r="AM885" s="53">
        <v>-2006974.5</v>
      </c>
      <c r="AN885" s="53">
        <v>-2006974.5</v>
      </c>
      <c r="AO885" s="53">
        <v>-2006974.5</v>
      </c>
      <c r="AP885" s="53">
        <v>-2006974.5</v>
      </c>
      <c r="AQ885" s="53">
        <v>-2006974.5</v>
      </c>
      <c r="AR885" s="53">
        <v>-2006974.5</v>
      </c>
      <c r="AS885" s="53">
        <v>-2006974.5</v>
      </c>
      <c r="AT885" s="53">
        <v>-2006974.5</v>
      </c>
      <c r="AU885" s="53">
        <v>-2006974.5</v>
      </c>
      <c r="AV885" s="53">
        <v>-2006974.5</v>
      </c>
      <c r="AW885" s="53">
        <v>-2006974.5</v>
      </c>
      <c r="AX885" s="53">
        <v>-2006974.5</v>
      </c>
      <c r="AY885" s="53">
        <v>-2006974.5</v>
      </c>
      <c r="AZ885" s="53">
        <v>-2006974.5</v>
      </c>
      <c r="BA885" s="53">
        <v>-2006974.5</v>
      </c>
    </row>
    <row r="886" spans="1:53">
      <c r="A886" s="52" t="s">
        <v>3392</v>
      </c>
      <c r="B886" s="53">
        <v>-3726.8</v>
      </c>
      <c r="C886" s="53">
        <v>-3726.8</v>
      </c>
      <c r="D886" s="53">
        <v>-3726.8</v>
      </c>
      <c r="E886" s="53">
        <v>-3726.8</v>
      </c>
      <c r="F886" s="53">
        <v>-3726.8</v>
      </c>
      <c r="G886" s="53">
        <v>-3726.8</v>
      </c>
      <c r="H886" s="53">
        <v>-3726.8</v>
      </c>
      <c r="I886" s="53">
        <v>-3726.8</v>
      </c>
      <c r="J886" s="53">
        <v>-3726.8</v>
      </c>
      <c r="K886" s="53">
        <v>-3726.8</v>
      </c>
      <c r="L886" s="53">
        <v>-3726.8</v>
      </c>
      <c r="M886" s="53">
        <v>-3726.8</v>
      </c>
      <c r="N886" s="53">
        <v>-3726.8</v>
      </c>
      <c r="O886" s="53">
        <v>-3726.8</v>
      </c>
      <c r="P886" s="53">
        <v>-3726.8</v>
      </c>
      <c r="Q886" s="53">
        <v>-3726.8</v>
      </c>
      <c r="R886" s="53">
        <v>-3726.8</v>
      </c>
      <c r="S886" s="53">
        <v>-3726.8</v>
      </c>
      <c r="T886" s="53">
        <v>-3726.8</v>
      </c>
      <c r="U886" s="53">
        <v>-3726.8</v>
      </c>
      <c r="V886" s="53">
        <v>-3726.8</v>
      </c>
      <c r="W886" s="53">
        <v>-3726.8</v>
      </c>
      <c r="X886" s="53">
        <v>-3726.8</v>
      </c>
      <c r="Y886" s="53">
        <v>-3726.8</v>
      </c>
      <c r="Z886" s="53">
        <v>-3726.8</v>
      </c>
      <c r="AA886" s="53">
        <v>-3726.8</v>
      </c>
      <c r="AB886" s="53">
        <v>-3726.8</v>
      </c>
      <c r="AC886" s="53">
        <v>-3726.8</v>
      </c>
      <c r="AD886" s="53">
        <v>-3726.8</v>
      </c>
      <c r="AE886" s="53">
        <v>-3726.8</v>
      </c>
      <c r="AF886" s="53">
        <v>-3726.8</v>
      </c>
      <c r="AG886" s="53">
        <v>-3726.8</v>
      </c>
      <c r="AH886" s="53">
        <v>-3726.8</v>
      </c>
      <c r="AI886" s="53">
        <v>-3726.8</v>
      </c>
      <c r="AJ886" s="53">
        <v>-3726.8</v>
      </c>
      <c r="AK886" s="53">
        <v>-3726.8</v>
      </c>
      <c r="AL886" s="53">
        <v>-3726.8</v>
      </c>
      <c r="AM886" s="53">
        <v>-3726.8</v>
      </c>
      <c r="AN886" s="53">
        <v>-3726.8</v>
      </c>
      <c r="AO886" s="53">
        <v>-3726.8</v>
      </c>
      <c r="AP886" s="53">
        <v>-3726.8</v>
      </c>
      <c r="AQ886" s="53">
        <v>-3726.8</v>
      </c>
      <c r="AR886" s="53">
        <v>-3726.8</v>
      </c>
      <c r="AS886" s="53">
        <v>-3726.8</v>
      </c>
      <c r="AT886" s="53">
        <v>-3726.8</v>
      </c>
      <c r="AU886" s="53">
        <v>-3726.8</v>
      </c>
      <c r="AV886" s="53">
        <v>-3726.8</v>
      </c>
      <c r="AW886" s="53">
        <v>-3726.8</v>
      </c>
      <c r="AX886" s="53">
        <v>-3726.8</v>
      </c>
      <c r="AY886" s="53">
        <v>-3726.8</v>
      </c>
      <c r="AZ886" s="53">
        <v>-3726.8</v>
      </c>
      <c r="BA886" s="53">
        <v>-3726.8</v>
      </c>
    </row>
    <row r="887" spans="1:53">
      <c r="A887" s="52" t="s">
        <v>3393</v>
      </c>
      <c r="B887" s="53">
        <v>0</v>
      </c>
      <c r="C887" s="53">
        <v>0</v>
      </c>
      <c r="D887" s="53">
        <v>0</v>
      </c>
      <c r="E887" s="53">
        <v>0</v>
      </c>
      <c r="F887" s="53">
        <v>0</v>
      </c>
      <c r="G887" s="53">
        <v>0</v>
      </c>
      <c r="H887" s="53">
        <v>0</v>
      </c>
      <c r="I887" s="53">
        <v>0</v>
      </c>
      <c r="J887" s="53">
        <v>0</v>
      </c>
      <c r="K887" s="53">
        <v>0</v>
      </c>
      <c r="L887" s="53">
        <v>0</v>
      </c>
      <c r="M887" s="53">
        <v>0</v>
      </c>
      <c r="N887" s="53">
        <v>0</v>
      </c>
      <c r="O887" s="53">
        <v>0</v>
      </c>
      <c r="P887" s="53">
        <v>0</v>
      </c>
      <c r="Q887" s="53">
        <v>0</v>
      </c>
      <c r="R887" s="53">
        <v>0</v>
      </c>
      <c r="S887" s="53">
        <v>0</v>
      </c>
      <c r="T887" s="53">
        <v>0</v>
      </c>
      <c r="U887" s="53">
        <v>0</v>
      </c>
      <c r="V887" s="53">
        <v>0</v>
      </c>
      <c r="W887" s="53">
        <v>0</v>
      </c>
      <c r="X887" s="53">
        <v>0</v>
      </c>
      <c r="Y887" s="53">
        <v>0</v>
      </c>
      <c r="Z887" s="53">
        <v>0</v>
      </c>
      <c r="AA887" s="53">
        <v>0</v>
      </c>
      <c r="AB887" s="53">
        <v>0</v>
      </c>
      <c r="AC887" s="53">
        <v>0</v>
      </c>
      <c r="AD887" s="53">
        <v>0</v>
      </c>
      <c r="AE887" s="53">
        <v>0</v>
      </c>
      <c r="AF887" s="53">
        <v>0</v>
      </c>
      <c r="AG887" s="53">
        <v>0</v>
      </c>
      <c r="AH887" s="53">
        <v>0</v>
      </c>
      <c r="AI887" s="53">
        <v>0</v>
      </c>
      <c r="AJ887" s="53">
        <v>0</v>
      </c>
      <c r="AK887" s="53">
        <v>0</v>
      </c>
      <c r="AL887" s="53">
        <v>0</v>
      </c>
      <c r="AM887" s="53">
        <v>0</v>
      </c>
      <c r="AN887" s="53">
        <v>0</v>
      </c>
      <c r="AO887" s="53">
        <v>0</v>
      </c>
      <c r="AP887" s="53">
        <v>0</v>
      </c>
      <c r="AQ887" s="53">
        <v>0</v>
      </c>
      <c r="AR887" s="53">
        <v>0</v>
      </c>
      <c r="AS887" s="53">
        <v>0</v>
      </c>
      <c r="AT887" s="53">
        <v>0</v>
      </c>
      <c r="AU887" s="53">
        <v>0</v>
      </c>
      <c r="AV887" s="53">
        <v>0</v>
      </c>
      <c r="AW887" s="53">
        <v>0</v>
      </c>
      <c r="AX887" s="53">
        <v>0</v>
      </c>
      <c r="AY887" s="53">
        <v>0</v>
      </c>
      <c r="AZ887" s="53">
        <v>0</v>
      </c>
      <c r="BA887" s="53">
        <v>0</v>
      </c>
    </row>
    <row r="888" spans="1:53">
      <c r="A888" s="52" t="s">
        <v>3394</v>
      </c>
      <c r="B888" s="53">
        <v>-723694.45999999903</v>
      </c>
      <c r="C888" s="53">
        <v>-748714.45999999903</v>
      </c>
      <c r="D888" s="53">
        <v>-762002.45999999903</v>
      </c>
      <c r="E888" s="53">
        <v>-777474.45999999903</v>
      </c>
      <c r="F888" s="53">
        <v>-942254.45999999903</v>
      </c>
      <c r="G888" s="53">
        <v>-843909.45999999903</v>
      </c>
      <c r="H888" s="53">
        <v>-802848.45999999903</v>
      </c>
      <c r="I888" s="53">
        <v>-775687.45999999903</v>
      </c>
      <c r="J888" s="53">
        <v>-763759.45999999903</v>
      </c>
      <c r="K888" s="53">
        <v>-761428.45999999903</v>
      </c>
      <c r="L888" s="53">
        <v>-950867.45999999903</v>
      </c>
      <c r="M888" s="53">
        <v>-834064.45999999903</v>
      </c>
      <c r="N888" s="53">
        <v>-834064.45999999903</v>
      </c>
      <c r="O888" s="53">
        <v>-807225.45999999903</v>
      </c>
      <c r="P888" s="53">
        <v>-807225.45999999903</v>
      </c>
      <c r="Q888" s="53">
        <v>-807225.45999999903</v>
      </c>
      <c r="R888" s="53">
        <v>-807225.45999999903</v>
      </c>
      <c r="S888" s="53">
        <v>-807225.45999999903</v>
      </c>
      <c r="T888" s="53">
        <v>-807225.45999999903</v>
      </c>
      <c r="U888" s="53">
        <v>-807225.45999999903</v>
      </c>
      <c r="V888" s="53">
        <v>-807225.45999999903</v>
      </c>
      <c r="W888" s="53">
        <v>-807225.45999999903</v>
      </c>
      <c r="X888" s="53">
        <v>-807225.45999999903</v>
      </c>
      <c r="Y888" s="53">
        <v>-807225.45999999903</v>
      </c>
      <c r="Z888" s="53">
        <v>-807225.45999999903</v>
      </c>
      <c r="AA888" s="53">
        <v>-807225.45999999903</v>
      </c>
      <c r="AB888" s="53">
        <v>-807225.45999999903</v>
      </c>
      <c r="AC888" s="53">
        <v>-807225.45999999903</v>
      </c>
      <c r="AD888" s="53">
        <v>-807225.45999999903</v>
      </c>
      <c r="AE888" s="53">
        <v>-807225.45999999903</v>
      </c>
      <c r="AF888" s="53">
        <v>-807225.45999999903</v>
      </c>
      <c r="AG888" s="53">
        <v>-807225.45999999903</v>
      </c>
      <c r="AH888" s="53">
        <v>-807225.45999999903</v>
      </c>
      <c r="AI888" s="53">
        <v>-807225.45999999903</v>
      </c>
      <c r="AJ888" s="53">
        <v>-807225.45999999903</v>
      </c>
      <c r="AK888" s="53">
        <v>-807225.45999999903</v>
      </c>
      <c r="AL888" s="53">
        <v>-807225.45999999903</v>
      </c>
      <c r="AM888" s="53">
        <v>-807225.45999999903</v>
      </c>
      <c r="AN888" s="53">
        <v>-807225.45999999903</v>
      </c>
      <c r="AO888" s="53">
        <v>-807225.45999999903</v>
      </c>
      <c r="AP888" s="53">
        <v>-807225.45999999903</v>
      </c>
      <c r="AQ888" s="53">
        <v>-807225.45999999903</v>
      </c>
      <c r="AR888" s="53">
        <v>-807225.45999999903</v>
      </c>
      <c r="AS888" s="53">
        <v>-807225.45999999903</v>
      </c>
      <c r="AT888" s="53">
        <v>-807225.45999999903</v>
      </c>
      <c r="AU888" s="53">
        <v>-807225.45999999903</v>
      </c>
      <c r="AV888" s="53">
        <v>-807225.45999999903</v>
      </c>
      <c r="AW888" s="53">
        <v>-807225.45999999903</v>
      </c>
      <c r="AX888" s="53">
        <v>-807225.45999999903</v>
      </c>
      <c r="AY888" s="53">
        <v>-807225.45999999903</v>
      </c>
      <c r="AZ888" s="53">
        <v>-807225.45999999903</v>
      </c>
      <c r="BA888" s="53">
        <v>-807225.45999999903</v>
      </c>
    </row>
    <row r="889" spans="1:53">
      <c r="A889" s="52" t="s">
        <v>3395</v>
      </c>
      <c r="B889" s="53">
        <v>5420016</v>
      </c>
      <c r="C889" s="53">
        <v>5420016</v>
      </c>
      <c r="D889" s="53">
        <v>5420016</v>
      </c>
      <c r="E889" s="53">
        <v>5420016</v>
      </c>
      <c r="F889" s="53">
        <v>5420016</v>
      </c>
      <c r="G889" s="53">
        <v>5420016</v>
      </c>
      <c r="H889" s="53">
        <v>5420016</v>
      </c>
      <c r="I889" s="53">
        <v>5420016</v>
      </c>
      <c r="J889" s="53">
        <v>5420016</v>
      </c>
      <c r="K889" s="53">
        <v>5420016</v>
      </c>
      <c r="L889" s="53">
        <v>5420016</v>
      </c>
      <c r="M889" s="53">
        <v>5420016</v>
      </c>
      <c r="N889" s="53">
        <v>5420016</v>
      </c>
      <c r="O889" s="53">
        <v>5420016</v>
      </c>
      <c r="P889" s="53">
        <v>5420016</v>
      </c>
      <c r="Q889" s="53">
        <v>5420016</v>
      </c>
      <c r="R889" s="53">
        <v>5420016</v>
      </c>
      <c r="S889" s="53">
        <v>5420016</v>
      </c>
      <c r="T889" s="53">
        <v>5420016</v>
      </c>
      <c r="U889" s="53">
        <v>5420016</v>
      </c>
      <c r="V889" s="53">
        <v>5420016</v>
      </c>
      <c r="W889" s="53">
        <v>5420016</v>
      </c>
      <c r="X889" s="53">
        <v>5420016</v>
      </c>
      <c r="Y889" s="53">
        <v>5420016</v>
      </c>
      <c r="Z889" s="53">
        <v>5420016</v>
      </c>
      <c r="AA889" s="53">
        <v>5420016</v>
      </c>
      <c r="AB889" s="53">
        <v>5420016</v>
      </c>
      <c r="AC889" s="53">
        <v>5420016</v>
      </c>
      <c r="AD889" s="53">
        <v>5420016</v>
      </c>
      <c r="AE889" s="53">
        <v>5420016</v>
      </c>
      <c r="AF889" s="53">
        <v>5420016</v>
      </c>
      <c r="AG889" s="53">
        <v>5420016</v>
      </c>
      <c r="AH889" s="53">
        <v>5420016</v>
      </c>
      <c r="AI889" s="53">
        <v>5420016</v>
      </c>
      <c r="AJ889" s="53">
        <v>5420016</v>
      </c>
      <c r="AK889" s="53">
        <v>5420016</v>
      </c>
      <c r="AL889" s="53">
        <v>5420016</v>
      </c>
      <c r="AM889" s="53">
        <v>5420016</v>
      </c>
      <c r="AN889" s="53">
        <v>5420016</v>
      </c>
      <c r="AO889" s="53">
        <v>5420016</v>
      </c>
      <c r="AP889" s="53">
        <v>5420016</v>
      </c>
      <c r="AQ889" s="53">
        <v>5420016</v>
      </c>
      <c r="AR889" s="53">
        <v>5420016</v>
      </c>
      <c r="AS889" s="53">
        <v>5420016</v>
      </c>
      <c r="AT889" s="53">
        <v>5420016</v>
      </c>
      <c r="AU889" s="53">
        <v>5420016</v>
      </c>
      <c r="AV889" s="53">
        <v>5420016</v>
      </c>
      <c r="AW889" s="53">
        <v>5420016</v>
      </c>
      <c r="AX889" s="53">
        <v>5420016</v>
      </c>
      <c r="AY889" s="53">
        <v>5420016</v>
      </c>
      <c r="AZ889" s="53">
        <v>5420016</v>
      </c>
      <c r="BA889" s="53">
        <v>5420016</v>
      </c>
    </row>
    <row r="890" spans="1:53">
      <c r="A890" s="52" t="s">
        <v>3396</v>
      </c>
      <c r="B890" s="53">
        <v>-4738.55</v>
      </c>
      <c r="C890" s="53">
        <v>-4738.55</v>
      </c>
      <c r="D890" s="53">
        <v>-4738.55</v>
      </c>
      <c r="E890" s="53">
        <v>-4738.55</v>
      </c>
      <c r="F890" s="53">
        <v>-4738.55</v>
      </c>
      <c r="G890" s="53">
        <v>-4738.55</v>
      </c>
      <c r="H890" s="53">
        <v>-4738.55</v>
      </c>
      <c r="I890" s="53">
        <v>-4738.55</v>
      </c>
      <c r="J890" s="53">
        <v>-4738.55</v>
      </c>
      <c r="K890" s="53">
        <v>-4738.55</v>
      </c>
      <c r="L890" s="53">
        <v>-4738.55</v>
      </c>
      <c r="M890" s="53">
        <v>-4738.55</v>
      </c>
      <c r="N890" s="53">
        <v>-4738.55</v>
      </c>
      <c r="O890" s="53">
        <v>-4738.55</v>
      </c>
      <c r="P890" s="53">
        <v>-4738.55</v>
      </c>
      <c r="Q890" s="53">
        <v>-4738.55</v>
      </c>
      <c r="R890" s="53">
        <v>-4738.55</v>
      </c>
      <c r="S890" s="53">
        <v>-4738.55</v>
      </c>
      <c r="T890" s="53">
        <v>-4738.55</v>
      </c>
      <c r="U890" s="53">
        <v>-4738.55</v>
      </c>
      <c r="V890" s="53">
        <v>-4738.55</v>
      </c>
      <c r="W890" s="53">
        <v>-4738.55</v>
      </c>
      <c r="X890" s="53">
        <v>-4738.55</v>
      </c>
      <c r="Y890" s="53">
        <v>-4738.55</v>
      </c>
      <c r="Z890" s="53">
        <v>-4738.55</v>
      </c>
      <c r="AA890" s="53">
        <v>-4738.55</v>
      </c>
      <c r="AB890" s="53">
        <v>-4738.55</v>
      </c>
      <c r="AC890" s="53">
        <v>-4738.55</v>
      </c>
      <c r="AD890" s="53">
        <v>-4738.55</v>
      </c>
      <c r="AE890" s="53">
        <v>-4738.55</v>
      </c>
      <c r="AF890" s="53">
        <v>-4738.55</v>
      </c>
      <c r="AG890" s="53">
        <v>-4738.55</v>
      </c>
      <c r="AH890" s="53">
        <v>-4738.55</v>
      </c>
      <c r="AI890" s="53">
        <v>-4738.55</v>
      </c>
      <c r="AJ890" s="53">
        <v>-4738.55</v>
      </c>
      <c r="AK890" s="53">
        <v>-4738.55</v>
      </c>
      <c r="AL890" s="53">
        <v>-4738.55</v>
      </c>
      <c r="AM890" s="53">
        <v>-4738.55</v>
      </c>
      <c r="AN890" s="53">
        <v>-4738.55</v>
      </c>
      <c r="AO890" s="53">
        <v>-4738.55</v>
      </c>
      <c r="AP890" s="53">
        <v>-4738.55</v>
      </c>
      <c r="AQ890" s="53">
        <v>-4738.55</v>
      </c>
      <c r="AR890" s="53">
        <v>-4738.55</v>
      </c>
      <c r="AS890" s="53">
        <v>-4738.55</v>
      </c>
      <c r="AT890" s="53">
        <v>-4738.55</v>
      </c>
      <c r="AU890" s="53">
        <v>-4738.55</v>
      </c>
      <c r="AV890" s="53">
        <v>-4738.55</v>
      </c>
      <c r="AW890" s="53">
        <v>-4738.55</v>
      </c>
      <c r="AX890" s="53">
        <v>-4738.55</v>
      </c>
      <c r="AY890" s="53">
        <v>-4738.55</v>
      </c>
      <c r="AZ890" s="53">
        <v>-4738.55</v>
      </c>
      <c r="BA890" s="53">
        <v>-4738.55</v>
      </c>
    </row>
    <row r="891" spans="1:53">
      <c r="A891" s="52" t="s">
        <v>3397</v>
      </c>
      <c r="B891" s="53">
        <v>0</v>
      </c>
      <c r="C891" s="53">
        <v>0</v>
      </c>
      <c r="D891" s="53">
        <v>0</v>
      </c>
      <c r="E891" s="53">
        <v>0</v>
      </c>
      <c r="F891" s="53">
        <v>0</v>
      </c>
      <c r="G891" s="53">
        <v>0</v>
      </c>
      <c r="H891" s="53">
        <v>0</v>
      </c>
      <c r="I891" s="53">
        <v>0</v>
      </c>
      <c r="J891" s="53">
        <v>0</v>
      </c>
      <c r="K891" s="53">
        <v>0</v>
      </c>
      <c r="L891" s="53">
        <v>0</v>
      </c>
      <c r="M891" s="53">
        <v>0</v>
      </c>
      <c r="N891" s="53">
        <v>0</v>
      </c>
      <c r="O891" s="53">
        <v>0</v>
      </c>
      <c r="P891" s="53">
        <v>0</v>
      </c>
      <c r="Q891" s="53">
        <v>0</v>
      </c>
      <c r="R891" s="53">
        <v>0</v>
      </c>
      <c r="S891" s="53">
        <v>0</v>
      </c>
      <c r="T891" s="53">
        <v>0</v>
      </c>
      <c r="U891" s="53">
        <v>0</v>
      </c>
      <c r="V891" s="53">
        <v>0</v>
      </c>
      <c r="W891" s="53">
        <v>0</v>
      </c>
      <c r="X891" s="53">
        <v>0</v>
      </c>
      <c r="Y891" s="53">
        <v>0</v>
      </c>
      <c r="Z891" s="53">
        <v>0</v>
      </c>
      <c r="AA891" s="53">
        <v>0</v>
      </c>
      <c r="AB891" s="53">
        <v>0</v>
      </c>
      <c r="AC891" s="53">
        <v>0</v>
      </c>
      <c r="AD891" s="53">
        <v>0</v>
      </c>
      <c r="AE891" s="53">
        <v>0</v>
      </c>
      <c r="AF891" s="53">
        <v>0</v>
      </c>
      <c r="AG891" s="53">
        <v>0</v>
      </c>
      <c r="AH891" s="53">
        <v>0</v>
      </c>
      <c r="AI891" s="53">
        <v>0</v>
      </c>
      <c r="AJ891" s="53">
        <v>0</v>
      </c>
      <c r="AK891" s="53">
        <v>0</v>
      </c>
      <c r="AL891" s="53">
        <v>0</v>
      </c>
      <c r="AM891" s="53">
        <v>0</v>
      </c>
      <c r="AN891" s="53">
        <v>0</v>
      </c>
      <c r="AO891" s="53">
        <v>0</v>
      </c>
      <c r="AP891" s="53">
        <v>0</v>
      </c>
      <c r="AQ891" s="53">
        <v>0</v>
      </c>
      <c r="AR891" s="53">
        <v>0</v>
      </c>
      <c r="AS891" s="53">
        <v>0</v>
      </c>
      <c r="AT891" s="53">
        <v>0</v>
      </c>
      <c r="AU891" s="53">
        <v>0</v>
      </c>
      <c r="AV891" s="53">
        <v>0</v>
      </c>
      <c r="AW891" s="53">
        <v>0</v>
      </c>
      <c r="AX891" s="53">
        <v>0</v>
      </c>
      <c r="AY891" s="53">
        <v>0</v>
      </c>
      <c r="AZ891" s="53">
        <v>0</v>
      </c>
      <c r="BA891" s="53">
        <v>0</v>
      </c>
    </row>
    <row r="892" spans="1:53">
      <c r="A892" s="52" t="s">
        <v>3398</v>
      </c>
      <c r="B892" s="53">
        <v>0</v>
      </c>
      <c r="C892" s="53">
        <v>0</v>
      </c>
      <c r="D892" s="53">
        <v>0</v>
      </c>
      <c r="E892" s="53">
        <v>0</v>
      </c>
      <c r="F892" s="53">
        <v>0</v>
      </c>
      <c r="G892" s="53">
        <v>0</v>
      </c>
      <c r="H892" s="53">
        <v>0</v>
      </c>
      <c r="I892" s="53">
        <v>0</v>
      </c>
      <c r="J892" s="53">
        <v>0</v>
      </c>
      <c r="K892" s="53">
        <v>0</v>
      </c>
      <c r="L892" s="53">
        <v>0</v>
      </c>
      <c r="M892" s="53">
        <v>0</v>
      </c>
      <c r="N892" s="53">
        <v>0</v>
      </c>
      <c r="O892" s="53">
        <v>0</v>
      </c>
      <c r="P892" s="53">
        <v>0</v>
      </c>
      <c r="Q892" s="53">
        <v>0</v>
      </c>
      <c r="R892" s="53">
        <v>0</v>
      </c>
      <c r="S892" s="53">
        <v>0</v>
      </c>
      <c r="T892" s="53">
        <v>0</v>
      </c>
      <c r="U892" s="53">
        <v>0</v>
      </c>
      <c r="V892" s="53">
        <v>0</v>
      </c>
      <c r="W892" s="53">
        <v>0</v>
      </c>
      <c r="X892" s="53">
        <v>0</v>
      </c>
      <c r="Y892" s="53">
        <v>0</v>
      </c>
      <c r="Z892" s="53">
        <v>0</v>
      </c>
      <c r="AA892" s="53">
        <v>0</v>
      </c>
      <c r="AB892" s="53">
        <v>0</v>
      </c>
      <c r="AC892" s="53">
        <v>0</v>
      </c>
      <c r="AD892" s="53">
        <v>0</v>
      </c>
      <c r="AE892" s="53">
        <v>0</v>
      </c>
      <c r="AF892" s="53">
        <v>0</v>
      </c>
      <c r="AG892" s="53">
        <v>0</v>
      </c>
      <c r="AH892" s="53">
        <v>0</v>
      </c>
      <c r="AI892" s="53">
        <v>0</v>
      </c>
      <c r="AJ892" s="53">
        <v>0</v>
      </c>
      <c r="AK892" s="53">
        <v>0</v>
      </c>
      <c r="AL892" s="53">
        <v>0</v>
      </c>
      <c r="AM892" s="53">
        <v>0</v>
      </c>
      <c r="AN892" s="53">
        <v>0</v>
      </c>
      <c r="AO892" s="53">
        <v>0</v>
      </c>
      <c r="AP892" s="53">
        <v>0</v>
      </c>
      <c r="AQ892" s="53">
        <v>0</v>
      </c>
      <c r="AR892" s="53">
        <v>0</v>
      </c>
      <c r="AS892" s="53">
        <v>0</v>
      </c>
      <c r="AT892" s="53">
        <v>0</v>
      </c>
      <c r="AU892" s="53">
        <v>0</v>
      </c>
      <c r="AV892" s="53">
        <v>0</v>
      </c>
      <c r="AW892" s="53">
        <v>0</v>
      </c>
      <c r="AX892" s="53">
        <v>0</v>
      </c>
      <c r="AY892" s="53">
        <v>0</v>
      </c>
      <c r="AZ892" s="53">
        <v>0</v>
      </c>
      <c r="BA892" s="53">
        <v>0</v>
      </c>
    </row>
    <row r="893" spans="1:53">
      <c r="A893" s="52" t="s">
        <v>3399</v>
      </c>
      <c r="B893" s="53">
        <v>5661217.5999999903</v>
      </c>
      <c r="C893" s="53">
        <v>5661217.5999999903</v>
      </c>
      <c r="D893" s="53">
        <v>5661217.5999999903</v>
      </c>
      <c r="E893" s="53">
        <v>5661217.5999999903</v>
      </c>
      <c r="F893" s="53">
        <v>5661217.5999999903</v>
      </c>
      <c r="G893" s="53">
        <v>5661217.5999999903</v>
      </c>
      <c r="H893" s="53">
        <v>5661217.5999999903</v>
      </c>
      <c r="I893" s="53">
        <v>5661217.5999999903</v>
      </c>
      <c r="J893" s="53">
        <v>5661217.5999999903</v>
      </c>
      <c r="K893" s="53">
        <v>5661217.5999999903</v>
      </c>
      <c r="L893" s="53">
        <v>5661217.5999999903</v>
      </c>
      <c r="M893" s="53">
        <v>5661217.5999999903</v>
      </c>
      <c r="N893" s="53">
        <v>5661217.5999999903</v>
      </c>
      <c r="O893" s="53">
        <v>5661217.5999999903</v>
      </c>
      <c r="P893" s="53">
        <v>5661217.5999999903</v>
      </c>
      <c r="Q893" s="53">
        <v>5661217.5999999903</v>
      </c>
      <c r="R893" s="53">
        <v>5661217.5999999903</v>
      </c>
      <c r="S893" s="53">
        <v>5661217.5999999903</v>
      </c>
      <c r="T893" s="53">
        <v>5661217.5999999903</v>
      </c>
      <c r="U893" s="53">
        <v>5661217.5999999903</v>
      </c>
      <c r="V893" s="53">
        <v>5661217.5999999903</v>
      </c>
      <c r="W893" s="53">
        <v>5661217.5999999903</v>
      </c>
      <c r="X893" s="53">
        <v>5661217.5999999903</v>
      </c>
      <c r="Y893" s="53">
        <v>5661217.5999999903</v>
      </c>
      <c r="Z893" s="53">
        <v>5661217.5999999903</v>
      </c>
      <c r="AA893" s="53">
        <v>5661217.5999999903</v>
      </c>
      <c r="AB893" s="53">
        <v>5661217.5999999903</v>
      </c>
      <c r="AC893" s="53">
        <v>5661217.5999999903</v>
      </c>
      <c r="AD893" s="53">
        <v>5661217.5999999903</v>
      </c>
      <c r="AE893" s="53">
        <v>5661217.5999999903</v>
      </c>
      <c r="AF893" s="53">
        <v>5661217.5999999903</v>
      </c>
      <c r="AG893" s="53">
        <v>5661217.5999999903</v>
      </c>
      <c r="AH893" s="53">
        <v>5661217.5999999903</v>
      </c>
      <c r="AI893" s="53">
        <v>5661217.5999999903</v>
      </c>
      <c r="AJ893" s="53">
        <v>5661217.5999999903</v>
      </c>
      <c r="AK893" s="53">
        <v>5661217.5999999903</v>
      </c>
      <c r="AL893" s="53">
        <v>5661217.5999999903</v>
      </c>
      <c r="AM893" s="53">
        <v>5661217.5999999903</v>
      </c>
      <c r="AN893" s="53">
        <v>5661217.5999999903</v>
      </c>
      <c r="AO893" s="53">
        <v>5661217.5999999903</v>
      </c>
      <c r="AP893" s="53">
        <v>5661217.5999999903</v>
      </c>
      <c r="AQ893" s="53">
        <v>5661217.5999999903</v>
      </c>
      <c r="AR893" s="53">
        <v>5661217.5999999903</v>
      </c>
      <c r="AS893" s="53">
        <v>5661217.5999999903</v>
      </c>
      <c r="AT893" s="53">
        <v>5661217.5999999903</v>
      </c>
      <c r="AU893" s="53">
        <v>5661217.5999999903</v>
      </c>
      <c r="AV893" s="53">
        <v>5661217.5999999903</v>
      </c>
      <c r="AW893" s="53">
        <v>5661217.5999999903</v>
      </c>
      <c r="AX893" s="53">
        <v>5661217.5999999903</v>
      </c>
      <c r="AY893" s="53">
        <v>5661217.5999999903</v>
      </c>
      <c r="AZ893" s="53">
        <v>5661217.5999999903</v>
      </c>
      <c r="BA893" s="53">
        <v>5661217.5999999903</v>
      </c>
    </row>
    <row r="894" spans="1:53">
      <c r="A894" s="52" t="s">
        <v>3400</v>
      </c>
      <c r="B894" s="53">
        <v>0</v>
      </c>
      <c r="C894" s="53">
        <v>0</v>
      </c>
      <c r="D894" s="53">
        <v>0</v>
      </c>
      <c r="E894" s="53">
        <v>0</v>
      </c>
      <c r="F894" s="53">
        <v>0</v>
      </c>
      <c r="G894" s="53">
        <v>0</v>
      </c>
      <c r="H894" s="53">
        <v>0</v>
      </c>
      <c r="I894" s="53">
        <v>0</v>
      </c>
      <c r="J894" s="53">
        <v>0</v>
      </c>
      <c r="K894" s="53">
        <v>0</v>
      </c>
      <c r="L894" s="53">
        <v>0</v>
      </c>
      <c r="M894" s="53">
        <v>0</v>
      </c>
      <c r="N894" s="53">
        <v>0</v>
      </c>
      <c r="O894" s="53">
        <v>0</v>
      </c>
      <c r="P894" s="53">
        <v>0</v>
      </c>
      <c r="Q894" s="53">
        <v>0</v>
      </c>
      <c r="R894" s="53">
        <v>0</v>
      </c>
      <c r="S894" s="53">
        <v>0</v>
      </c>
      <c r="T894" s="53">
        <v>0</v>
      </c>
      <c r="U894" s="53">
        <v>0</v>
      </c>
      <c r="V894" s="53">
        <v>0</v>
      </c>
      <c r="W894" s="53">
        <v>0</v>
      </c>
      <c r="X894" s="53">
        <v>0</v>
      </c>
      <c r="Y894" s="53">
        <v>0</v>
      </c>
      <c r="Z894" s="53">
        <v>0</v>
      </c>
      <c r="AA894" s="53">
        <v>0</v>
      </c>
      <c r="AB894" s="53">
        <v>0</v>
      </c>
      <c r="AC894" s="53">
        <v>0</v>
      </c>
      <c r="AD894" s="53">
        <v>0</v>
      </c>
      <c r="AE894" s="53">
        <v>0</v>
      </c>
      <c r="AF894" s="53">
        <v>0</v>
      </c>
      <c r="AG894" s="53">
        <v>0</v>
      </c>
      <c r="AH894" s="53">
        <v>0</v>
      </c>
      <c r="AI894" s="53">
        <v>0</v>
      </c>
      <c r="AJ894" s="53">
        <v>0</v>
      </c>
      <c r="AK894" s="53">
        <v>0</v>
      </c>
      <c r="AL894" s="53">
        <v>0</v>
      </c>
      <c r="AM894" s="53">
        <v>0</v>
      </c>
      <c r="AN894" s="53">
        <v>0</v>
      </c>
      <c r="AO894" s="53">
        <v>0</v>
      </c>
      <c r="AP894" s="53">
        <v>0</v>
      </c>
      <c r="AQ894" s="53">
        <v>0</v>
      </c>
      <c r="AR894" s="53">
        <v>0</v>
      </c>
      <c r="AS894" s="53">
        <v>0</v>
      </c>
      <c r="AT894" s="53">
        <v>0</v>
      </c>
      <c r="AU894" s="53">
        <v>0</v>
      </c>
      <c r="AV894" s="53">
        <v>0</v>
      </c>
      <c r="AW894" s="53">
        <v>0</v>
      </c>
      <c r="AX894" s="53">
        <v>0</v>
      </c>
      <c r="AY894" s="53">
        <v>0</v>
      </c>
      <c r="AZ894" s="53">
        <v>0</v>
      </c>
      <c r="BA894" s="53">
        <v>0</v>
      </c>
    </row>
    <row r="895" spans="1:53">
      <c r="A895" s="52" t="s">
        <v>3401</v>
      </c>
      <c r="B895" s="53">
        <v>5348295.32</v>
      </c>
      <c r="C895" s="53">
        <v>5348295.32</v>
      </c>
      <c r="D895" s="53">
        <v>5348295.32</v>
      </c>
      <c r="E895" s="53">
        <v>5348295.32</v>
      </c>
      <c r="F895" s="53">
        <v>5348295.32</v>
      </c>
      <c r="G895" s="53">
        <v>5348295.32</v>
      </c>
      <c r="H895" s="53">
        <v>5348295.32</v>
      </c>
      <c r="I895" s="53">
        <v>5348295.32</v>
      </c>
      <c r="J895" s="53">
        <v>5348295.32</v>
      </c>
      <c r="K895" s="53">
        <v>5348295.32</v>
      </c>
      <c r="L895" s="53">
        <v>5348295.32</v>
      </c>
      <c r="M895" s="53">
        <v>5348295.32</v>
      </c>
      <c r="N895" s="53">
        <v>5348295.32</v>
      </c>
      <c r="O895" s="53">
        <v>5348295.32</v>
      </c>
      <c r="P895" s="53">
        <v>5348295.32</v>
      </c>
      <c r="Q895" s="53">
        <v>5348295.32</v>
      </c>
      <c r="R895" s="53">
        <v>5348295.32</v>
      </c>
      <c r="S895" s="53">
        <v>5348295.32</v>
      </c>
      <c r="T895" s="53">
        <v>5348295.32</v>
      </c>
      <c r="U895" s="53">
        <v>5348295.32</v>
      </c>
      <c r="V895" s="53">
        <v>5348295.32</v>
      </c>
      <c r="W895" s="53">
        <v>5348295.32</v>
      </c>
      <c r="X895" s="53">
        <v>5348295.32</v>
      </c>
      <c r="Y895" s="53">
        <v>5348295.32</v>
      </c>
      <c r="Z895" s="53">
        <v>5348295.32</v>
      </c>
      <c r="AA895" s="53">
        <v>5348295.32</v>
      </c>
      <c r="AB895" s="53">
        <v>5348295.32</v>
      </c>
      <c r="AC895" s="53">
        <v>5348295.32</v>
      </c>
      <c r="AD895" s="53">
        <v>5348295.32</v>
      </c>
      <c r="AE895" s="53">
        <v>5348295.32</v>
      </c>
      <c r="AF895" s="53">
        <v>5348295.32</v>
      </c>
      <c r="AG895" s="53">
        <v>5348295.32</v>
      </c>
      <c r="AH895" s="53">
        <v>5348295.32</v>
      </c>
      <c r="AI895" s="53">
        <v>5348295.32</v>
      </c>
      <c r="AJ895" s="53">
        <v>5348295.32</v>
      </c>
      <c r="AK895" s="53">
        <v>5348295.32</v>
      </c>
      <c r="AL895" s="53">
        <v>5348295.32</v>
      </c>
      <c r="AM895" s="53">
        <v>5348295.32</v>
      </c>
      <c r="AN895" s="53">
        <v>5348295.32</v>
      </c>
      <c r="AO895" s="53">
        <v>5348295.32</v>
      </c>
      <c r="AP895" s="53">
        <v>5348295.32</v>
      </c>
      <c r="AQ895" s="53">
        <v>5348295.32</v>
      </c>
      <c r="AR895" s="53">
        <v>5348295.32</v>
      </c>
      <c r="AS895" s="53">
        <v>5348295.32</v>
      </c>
      <c r="AT895" s="53">
        <v>5348295.32</v>
      </c>
      <c r="AU895" s="53">
        <v>5348295.32</v>
      </c>
      <c r="AV895" s="53">
        <v>5348295.32</v>
      </c>
      <c r="AW895" s="53">
        <v>5348295.32</v>
      </c>
      <c r="AX895" s="53">
        <v>5348295.32</v>
      </c>
      <c r="AY895" s="53">
        <v>5348295.32</v>
      </c>
      <c r="AZ895" s="53">
        <v>5348295.32</v>
      </c>
      <c r="BA895" s="53">
        <v>5348295.32</v>
      </c>
    </row>
    <row r="896" spans="1:53">
      <c r="A896" s="52" t="s">
        <v>3402</v>
      </c>
      <c r="B896" s="53">
        <v>0</v>
      </c>
      <c r="C896" s="53">
        <v>0</v>
      </c>
      <c r="D896" s="53">
        <v>0</v>
      </c>
      <c r="E896" s="53">
        <v>0</v>
      </c>
      <c r="F896" s="53">
        <v>0</v>
      </c>
      <c r="G896" s="53">
        <v>0</v>
      </c>
      <c r="H896" s="53">
        <v>0</v>
      </c>
      <c r="I896" s="53">
        <v>0</v>
      </c>
      <c r="J896" s="53">
        <v>0</v>
      </c>
      <c r="K896" s="53">
        <v>0</v>
      </c>
      <c r="L896" s="53">
        <v>0</v>
      </c>
      <c r="M896" s="53">
        <v>0</v>
      </c>
      <c r="N896" s="53">
        <v>0</v>
      </c>
      <c r="O896" s="53">
        <v>0</v>
      </c>
      <c r="P896" s="53">
        <v>0</v>
      </c>
      <c r="Q896" s="53">
        <v>0</v>
      </c>
      <c r="R896" s="53">
        <v>0</v>
      </c>
      <c r="S896" s="53">
        <v>0</v>
      </c>
      <c r="T896" s="53">
        <v>0</v>
      </c>
      <c r="U896" s="53">
        <v>0</v>
      </c>
      <c r="V896" s="53">
        <v>0</v>
      </c>
      <c r="W896" s="53">
        <v>0</v>
      </c>
      <c r="X896" s="53">
        <v>0</v>
      </c>
      <c r="Y896" s="53">
        <v>0</v>
      </c>
      <c r="Z896" s="53">
        <v>0</v>
      </c>
      <c r="AA896" s="53">
        <v>0</v>
      </c>
      <c r="AB896" s="53">
        <v>0</v>
      </c>
      <c r="AC896" s="53">
        <v>0</v>
      </c>
      <c r="AD896" s="53">
        <v>0</v>
      </c>
      <c r="AE896" s="53">
        <v>0</v>
      </c>
      <c r="AF896" s="53">
        <v>0</v>
      </c>
      <c r="AG896" s="53">
        <v>0</v>
      </c>
      <c r="AH896" s="53">
        <v>0</v>
      </c>
      <c r="AI896" s="53">
        <v>0</v>
      </c>
      <c r="AJ896" s="53">
        <v>0</v>
      </c>
      <c r="AK896" s="53">
        <v>0</v>
      </c>
      <c r="AL896" s="53">
        <v>0</v>
      </c>
      <c r="AM896" s="53">
        <v>0</v>
      </c>
      <c r="AN896" s="53">
        <v>0</v>
      </c>
      <c r="AO896" s="53">
        <v>0</v>
      </c>
      <c r="AP896" s="53">
        <v>0</v>
      </c>
      <c r="AQ896" s="53">
        <v>0</v>
      </c>
      <c r="AR896" s="53">
        <v>0</v>
      </c>
      <c r="AS896" s="53">
        <v>0</v>
      </c>
      <c r="AT896" s="53">
        <v>0</v>
      </c>
      <c r="AU896" s="53">
        <v>0</v>
      </c>
      <c r="AV896" s="53">
        <v>0</v>
      </c>
      <c r="AW896" s="53">
        <v>0</v>
      </c>
      <c r="AX896" s="53">
        <v>0</v>
      </c>
      <c r="AY896" s="53">
        <v>0</v>
      </c>
      <c r="AZ896" s="53">
        <v>0</v>
      </c>
      <c r="BA896" s="53">
        <v>0</v>
      </c>
    </row>
    <row r="897" spans="1:53">
      <c r="A897" s="52" t="s">
        <v>3403</v>
      </c>
      <c r="B897" s="53">
        <v>0</v>
      </c>
      <c r="C897" s="53">
        <v>0</v>
      </c>
      <c r="D897" s="53">
        <v>0</v>
      </c>
      <c r="E897" s="53">
        <v>0</v>
      </c>
      <c r="F897" s="53">
        <v>0</v>
      </c>
      <c r="G897" s="53">
        <v>0</v>
      </c>
      <c r="H897" s="53">
        <v>0</v>
      </c>
      <c r="I897" s="53">
        <v>0</v>
      </c>
      <c r="J897" s="53">
        <v>0</v>
      </c>
      <c r="K897" s="53">
        <v>0</v>
      </c>
      <c r="L897" s="53">
        <v>0</v>
      </c>
      <c r="M897" s="53">
        <v>0</v>
      </c>
      <c r="N897" s="53">
        <v>0</v>
      </c>
      <c r="O897" s="53">
        <v>0</v>
      </c>
      <c r="P897" s="53">
        <v>0</v>
      </c>
      <c r="Q897" s="53">
        <v>0</v>
      </c>
      <c r="R897" s="53">
        <v>0</v>
      </c>
      <c r="S897" s="53">
        <v>0</v>
      </c>
      <c r="T897" s="53">
        <v>0</v>
      </c>
      <c r="U897" s="53">
        <v>0</v>
      </c>
      <c r="V897" s="53">
        <v>0</v>
      </c>
      <c r="W897" s="53">
        <v>0</v>
      </c>
      <c r="X897" s="53">
        <v>0</v>
      </c>
      <c r="Y897" s="53">
        <v>0</v>
      </c>
      <c r="Z897" s="53">
        <v>0</v>
      </c>
      <c r="AA897" s="53">
        <v>0</v>
      </c>
      <c r="AB897" s="53">
        <v>0</v>
      </c>
      <c r="AC897" s="53">
        <v>0</v>
      </c>
      <c r="AD897" s="53">
        <v>0</v>
      </c>
      <c r="AE897" s="53">
        <v>0</v>
      </c>
      <c r="AF897" s="53">
        <v>0</v>
      </c>
      <c r="AG897" s="53">
        <v>0</v>
      </c>
      <c r="AH897" s="53">
        <v>0</v>
      </c>
      <c r="AI897" s="53">
        <v>0</v>
      </c>
      <c r="AJ897" s="53">
        <v>0</v>
      </c>
      <c r="AK897" s="53">
        <v>0</v>
      </c>
      <c r="AL897" s="53">
        <v>0</v>
      </c>
      <c r="AM897" s="53">
        <v>0</v>
      </c>
      <c r="AN897" s="53">
        <v>0</v>
      </c>
      <c r="AO897" s="53">
        <v>0</v>
      </c>
      <c r="AP897" s="53">
        <v>0</v>
      </c>
      <c r="AQ897" s="53">
        <v>0</v>
      </c>
      <c r="AR897" s="53">
        <v>0</v>
      </c>
      <c r="AS897" s="53">
        <v>0</v>
      </c>
      <c r="AT897" s="53">
        <v>0</v>
      </c>
      <c r="AU897" s="53">
        <v>0</v>
      </c>
      <c r="AV897" s="53">
        <v>0</v>
      </c>
      <c r="AW897" s="53">
        <v>0</v>
      </c>
      <c r="AX897" s="53">
        <v>0</v>
      </c>
      <c r="AY897" s="53">
        <v>0</v>
      </c>
      <c r="AZ897" s="53">
        <v>0</v>
      </c>
      <c r="BA897" s="53">
        <v>0</v>
      </c>
    </row>
    <row r="898" spans="1:53">
      <c r="A898" s="52" t="s">
        <v>3404</v>
      </c>
      <c r="B898" s="53">
        <v>0</v>
      </c>
      <c r="C898" s="53">
        <v>0</v>
      </c>
      <c r="D898" s="53">
        <v>0</v>
      </c>
      <c r="E898" s="53">
        <v>0</v>
      </c>
      <c r="F898" s="53">
        <v>0</v>
      </c>
      <c r="G898" s="53">
        <v>0</v>
      </c>
      <c r="H898" s="53">
        <v>0</v>
      </c>
      <c r="I898" s="53">
        <v>0</v>
      </c>
      <c r="J898" s="53">
        <v>0</v>
      </c>
      <c r="K898" s="53">
        <v>0</v>
      </c>
      <c r="L898" s="53">
        <v>0</v>
      </c>
      <c r="M898" s="53">
        <v>0</v>
      </c>
      <c r="N898" s="53">
        <v>0</v>
      </c>
      <c r="O898" s="53">
        <v>0</v>
      </c>
      <c r="P898" s="53">
        <v>0</v>
      </c>
      <c r="Q898" s="53">
        <v>0</v>
      </c>
      <c r="R898" s="53">
        <v>0</v>
      </c>
      <c r="S898" s="53">
        <v>0</v>
      </c>
      <c r="T898" s="53">
        <v>0</v>
      </c>
      <c r="U898" s="53">
        <v>0</v>
      </c>
      <c r="V898" s="53">
        <v>0</v>
      </c>
      <c r="W898" s="53">
        <v>0</v>
      </c>
      <c r="X898" s="53">
        <v>0</v>
      </c>
      <c r="Y898" s="53">
        <v>0</v>
      </c>
      <c r="Z898" s="53">
        <v>0</v>
      </c>
      <c r="AA898" s="53">
        <v>0</v>
      </c>
      <c r="AB898" s="53">
        <v>0</v>
      </c>
      <c r="AC898" s="53">
        <v>0</v>
      </c>
      <c r="AD898" s="53">
        <v>0</v>
      </c>
      <c r="AE898" s="53">
        <v>0</v>
      </c>
      <c r="AF898" s="53">
        <v>0</v>
      </c>
      <c r="AG898" s="53">
        <v>0</v>
      </c>
      <c r="AH898" s="53">
        <v>0</v>
      </c>
      <c r="AI898" s="53">
        <v>0</v>
      </c>
      <c r="AJ898" s="53">
        <v>0</v>
      </c>
      <c r="AK898" s="53">
        <v>0</v>
      </c>
      <c r="AL898" s="53">
        <v>0</v>
      </c>
      <c r="AM898" s="53">
        <v>0</v>
      </c>
      <c r="AN898" s="53">
        <v>0</v>
      </c>
      <c r="AO898" s="53">
        <v>0</v>
      </c>
      <c r="AP898" s="53">
        <v>0</v>
      </c>
      <c r="AQ898" s="53">
        <v>0</v>
      </c>
      <c r="AR898" s="53">
        <v>0</v>
      </c>
      <c r="AS898" s="53">
        <v>0</v>
      </c>
      <c r="AT898" s="53">
        <v>0</v>
      </c>
      <c r="AU898" s="53">
        <v>0</v>
      </c>
      <c r="AV898" s="53">
        <v>0</v>
      </c>
      <c r="AW898" s="53">
        <v>0</v>
      </c>
      <c r="AX898" s="53">
        <v>0</v>
      </c>
      <c r="AY898" s="53">
        <v>0</v>
      </c>
      <c r="AZ898" s="53">
        <v>0</v>
      </c>
      <c r="BA898" s="53">
        <v>0</v>
      </c>
    </row>
    <row r="899" spans="1:53">
      <c r="A899" s="52" t="s">
        <v>3405</v>
      </c>
      <c r="B899" s="53">
        <v>0</v>
      </c>
      <c r="C899" s="53">
        <v>0</v>
      </c>
      <c r="D899" s="53">
        <v>0</v>
      </c>
      <c r="E899" s="53">
        <v>0</v>
      </c>
      <c r="F899" s="53">
        <v>0</v>
      </c>
      <c r="G899" s="53">
        <v>0</v>
      </c>
      <c r="H899" s="53">
        <v>0</v>
      </c>
      <c r="I899" s="53">
        <v>0</v>
      </c>
      <c r="J899" s="53">
        <v>0</v>
      </c>
      <c r="K899" s="53">
        <v>0</v>
      </c>
      <c r="L899" s="53">
        <v>0</v>
      </c>
      <c r="M899" s="53">
        <v>0</v>
      </c>
      <c r="N899" s="53">
        <v>0</v>
      </c>
      <c r="O899" s="53">
        <v>0</v>
      </c>
      <c r="P899" s="53">
        <v>0</v>
      </c>
      <c r="Q899" s="53">
        <v>0</v>
      </c>
      <c r="R899" s="53">
        <v>0</v>
      </c>
      <c r="S899" s="53">
        <v>0</v>
      </c>
      <c r="T899" s="53">
        <v>0</v>
      </c>
      <c r="U899" s="53">
        <v>0</v>
      </c>
      <c r="V899" s="53">
        <v>0</v>
      </c>
      <c r="W899" s="53">
        <v>0</v>
      </c>
      <c r="X899" s="53">
        <v>0</v>
      </c>
      <c r="Y899" s="53">
        <v>0</v>
      </c>
      <c r="Z899" s="53">
        <v>0</v>
      </c>
      <c r="AA899" s="53">
        <v>0</v>
      </c>
      <c r="AB899" s="53">
        <v>0</v>
      </c>
      <c r="AC899" s="53">
        <v>0</v>
      </c>
      <c r="AD899" s="53">
        <v>0</v>
      </c>
      <c r="AE899" s="53">
        <v>0</v>
      </c>
      <c r="AF899" s="53">
        <v>0</v>
      </c>
      <c r="AG899" s="53">
        <v>0</v>
      </c>
      <c r="AH899" s="53">
        <v>0</v>
      </c>
      <c r="AI899" s="53">
        <v>0</v>
      </c>
      <c r="AJ899" s="53">
        <v>0</v>
      </c>
      <c r="AK899" s="53">
        <v>0</v>
      </c>
      <c r="AL899" s="53">
        <v>0</v>
      </c>
      <c r="AM899" s="53">
        <v>0</v>
      </c>
      <c r="AN899" s="53">
        <v>0</v>
      </c>
      <c r="AO899" s="53">
        <v>0</v>
      </c>
      <c r="AP899" s="53">
        <v>0</v>
      </c>
      <c r="AQ899" s="53">
        <v>0</v>
      </c>
      <c r="AR899" s="53">
        <v>0</v>
      </c>
      <c r="AS899" s="53">
        <v>0</v>
      </c>
      <c r="AT899" s="53">
        <v>0</v>
      </c>
      <c r="AU899" s="53">
        <v>0</v>
      </c>
      <c r="AV899" s="53">
        <v>0</v>
      </c>
      <c r="AW899" s="53">
        <v>0</v>
      </c>
      <c r="AX899" s="53">
        <v>0</v>
      </c>
      <c r="AY899" s="53">
        <v>0</v>
      </c>
      <c r="AZ899" s="53">
        <v>0</v>
      </c>
      <c r="BA899" s="53">
        <v>0</v>
      </c>
    </row>
    <row r="900" spans="1:53">
      <c r="A900" s="52" t="s">
        <v>3406</v>
      </c>
      <c r="B900" s="53">
        <v>0</v>
      </c>
      <c r="C900" s="53">
        <v>0</v>
      </c>
      <c r="D900" s="53">
        <v>0</v>
      </c>
      <c r="E900" s="53">
        <v>0</v>
      </c>
      <c r="F900" s="53">
        <v>0</v>
      </c>
      <c r="G900" s="53">
        <v>0</v>
      </c>
      <c r="H900" s="53">
        <v>0</v>
      </c>
      <c r="I900" s="53">
        <v>0</v>
      </c>
      <c r="J900" s="53">
        <v>0</v>
      </c>
      <c r="K900" s="53">
        <v>0</v>
      </c>
      <c r="L900" s="53">
        <v>0</v>
      </c>
      <c r="M900" s="53">
        <v>0</v>
      </c>
      <c r="N900" s="53">
        <v>0</v>
      </c>
      <c r="O900" s="53">
        <v>0</v>
      </c>
      <c r="P900" s="53">
        <v>0</v>
      </c>
      <c r="Q900" s="53">
        <v>0</v>
      </c>
      <c r="R900" s="53">
        <v>0</v>
      </c>
      <c r="S900" s="53">
        <v>0</v>
      </c>
      <c r="T900" s="53">
        <v>0</v>
      </c>
      <c r="U900" s="53">
        <v>0</v>
      </c>
      <c r="V900" s="53">
        <v>0</v>
      </c>
      <c r="W900" s="53">
        <v>0</v>
      </c>
      <c r="X900" s="53">
        <v>0</v>
      </c>
      <c r="Y900" s="53">
        <v>0</v>
      </c>
      <c r="Z900" s="53">
        <v>0</v>
      </c>
      <c r="AA900" s="53">
        <v>0</v>
      </c>
      <c r="AB900" s="53">
        <v>0</v>
      </c>
      <c r="AC900" s="53">
        <v>0</v>
      </c>
      <c r="AD900" s="53">
        <v>0</v>
      </c>
      <c r="AE900" s="53">
        <v>0</v>
      </c>
      <c r="AF900" s="53">
        <v>0</v>
      </c>
      <c r="AG900" s="53">
        <v>0</v>
      </c>
      <c r="AH900" s="53">
        <v>0</v>
      </c>
      <c r="AI900" s="53">
        <v>0</v>
      </c>
      <c r="AJ900" s="53">
        <v>0</v>
      </c>
      <c r="AK900" s="53">
        <v>0</v>
      </c>
      <c r="AL900" s="53">
        <v>0</v>
      </c>
      <c r="AM900" s="53">
        <v>0</v>
      </c>
      <c r="AN900" s="53">
        <v>0</v>
      </c>
      <c r="AO900" s="53">
        <v>0</v>
      </c>
      <c r="AP900" s="53">
        <v>0</v>
      </c>
      <c r="AQ900" s="53">
        <v>0</v>
      </c>
      <c r="AR900" s="53">
        <v>0</v>
      </c>
      <c r="AS900" s="53">
        <v>0</v>
      </c>
      <c r="AT900" s="53">
        <v>0</v>
      </c>
      <c r="AU900" s="53">
        <v>0</v>
      </c>
      <c r="AV900" s="53">
        <v>0</v>
      </c>
      <c r="AW900" s="53">
        <v>0</v>
      </c>
      <c r="AX900" s="53">
        <v>0</v>
      </c>
      <c r="AY900" s="53">
        <v>0</v>
      </c>
      <c r="AZ900" s="53">
        <v>0</v>
      </c>
      <c r="BA900" s="53">
        <v>0</v>
      </c>
    </row>
    <row r="901" spans="1:53">
      <c r="A901" s="52" t="s">
        <v>3407</v>
      </c>
      <c r="B901" s="53">
        <v>0</v>
      </c>
      <c r="C901" s="53">
        <v>0</v>
      </c>
      <c r="D901" s="53">
        <v>0</v>
      </c>
      <c r="E901" s="53">
        <v>0</v>
      </c>
      <c r="F901" s="53">
        <v>0</v>
      </c>
      <c r="G901" s="53">
        <v>0</v>
      </c>
      <c r="H901" s="53">
        <v>0</v>
      </c>
      <c r="I901" s="53">
        <v>0</v>
      </c>
      <c r="J901" s="53">
        <v>0</v>
      </c>
      <c r="K901" s="53">
        <v>0</v>
      </c>
      <c r="L901" s="53">
        <v>0</v>
      </c>
      <c r="M901" s="53">
        <v>0</v>
      </c>
      <c r="N901" s="53">
        <v>0</v>
      </c>
      <c r="O901" s="53">
        <v>0</v>
      </c>
      <c r="P901" s="53">
        <v>0</v>
      </c>
      <c r="Q901" s="53">
        <v>0</v>
      </c>
      <c r="R901" s="53">
        <v>0</v>
      </c>
      <c r="S901" s="53">
        <v>0</v>
      </c>
      <c r="T901" s="53">
        <v>0</v>
      </c>
      <c r="U901" s="53">
        <v>0</v>
      </c>
      <c r="V901" s="53">
        <v>0</v>
      </c>
      <c r="W901" s="53">
        <v>0</v>
      </c>
      <c r="X901" s="53">
        <v>0</v>
      </c>
      <c r="Y901" s="53">
        <v>0</v>
      </c>
      <c r="Z901" s="53">
        <v>0</v>
      </c>
      <c r="AA901" s="53">
        <v>0</v>
      </c>
      <c r="AB901" s="53">
        <v>0</v>
      </c>
      <c r="AC901" s="53">
        <v>0</v>
      </c>
      <c r="AD901" s="53">
        <v>0</v>
      </c>
      <c r="AE901" s="53">
        <v>0</v>
      </c>
      <c r="AF901" s="53">
        <v>0</v>
      </c>
      <c r="AG901" s="53">
        <v>0</v>
      </c>
      <c r="AH901" s="53">
        <v>0</v>
      </c>
      <c r="AI901" s="53">
        <v>0</v>
      </c>
      <c r="AJ901" s="53">
        <v>0</v>
      </c>
      <c r="AK901" s="53">
        <v>0</v>
      </c>
      <c r="AL901" s="53">
        <v>0</v>
      </c>
      <c r="AM901" s="53">
        <v>0</v>
      </c>
      <c r="AN901" s="53">
        <v>0</v>
      </c>
      <c r="AO901" s="53">
        <v>0</v>
      </c>
      <c r="AP901" s="53">
        <v>0</v>
      </c>
      <c r="AQ901" s="53">
        <v>0</v>
      </c>
      <c r="AR901" s="53">
        <v>0</v>
      </c>
      <c r="AS901" s="53">
        <v>0</v>
      </c>
      <c r="AT901" s="53">
        <v>0</v>
      </c>
      <c r="AU901" s="53">
        <v>0</v>
      </c>
      <c r="AV901" s="53">
        <v>0</v>
      </c>
      <c r="AW901" s="53">
        <v>0</v>
      </c>
      <c r="AX901" s="53">
        <v>0</v>
      </c>
      <c r="AY901" s="53">
        <v>0</v>
      </c>
      <c r="AZ901" s="53">
        <v>0</v>
      </c>
      <c r="BA901" s="53">
        <v>0</v>
      </c>
    </row>
    <row r="902" spans="1:53">
      <c r="A902" s="52" t="s">
        <v>3408</v>
      </c>
      <c r="B902" s="53">
        <v>0</v>
      </c>
      <c r="C902" s="53">
        <v>0</v>
      </c>
      <c r="D902" s="53">
        <v>0</v>
      </c>
      <c r="E902" s="53">
        <v>0</v>
      </c>
      <c r="F902" s="53">
        <v>0</v>
      </c>
      <c r="G902" s="53">
        <v>0</v>
      </c>
      <c r="H902" s="53">
        <v>0</v>
      </c>
      <c r="I902" s="53">
        <v>0</v>
      </c>
      <c r="J902" s="53">
        <v>0</v>
      </c>
      <c r="K902" s="53">
        <v>0</v>
      </c>
      <c r="L902" s="53">
        <v>0</v>
      </c>
      <c r="M902" s="53">
        <v>0</v>
      </c>
      <c r="N902" s="53">
        <v>0</v>
      </c>
      <c r="O902" s="53">
        <v>0</v>
      </c>
      <c r="P902" s="53">
        <v>0</v>
      </c>
      <c r="Q902" s="53">
        <v>0</v>
      </c>
      <c r="R902" s="53">
        <v>0</v>
      </c>
      <c r="S902" s="53">
        <v>0</v>
      </c>
      <c r="T902" s="53">
        <v>0</v>
      </c>
      <c r="U902" s="53">
        <v>0</v>
      </c>
      <c r="V902" s="53">
        <v>0</v>
      </c>
      <c r="W902" s="53">
        <v>0</v>
      </c>
      <c r="X902" s="53">
        <v>0</v>
      </c>
      <c r="Y902" s="53">
        <v>0</v>
      </c>
      <c r="Z902" s="53">
        <v>0</v>
      </c>
      <c r="AA902" s="53">
        <v>0</v>
      </c>
      <c r="AB902" s="53">
        <v>0</v>
      </c>
      <c r="AC902" s="53">
        <v>0</v>
      </c>
      <c r="AD902" s="53">
        <v>0</v>
      </c>
      <c r="AE902" s="53">
        <v>0</v>
      </c>
      <c r="AF902" s="53">
        <v>0</v>
      </c>
      <c r="AG902" s="53">
        <v>0</v>
      </c>
      <c r="AH902" s="53">
        <v>0</v>
      </c>
      <c r="AI902" s="53">
        <v>0</v>
      </c>
      <c r="AJ902" s="53">
        <v>0</v>
      </c>
      <c r="AK902" s="53">
        <v>0</v>
      </c>
      <c r="AL902" s="53">
        <v>0</v>
      </c>
      <c r="AM902" s="53">
        <v>0</v>
      </c>
      <c r="AN902" s="53">
        <v>0</v>
      </c>
      <c r="AO902" s="53">
        <v>0</v>
      </c>
      <c r="AP902" s="53">
        <v>0</v>
      </c>
      <c r="AQ902" s="53">
        <v>0</v>
      </c>
      <c r="AR902" s="53">
        <v>0</v>
      </c>
      <c r="AS902" s="53">
        <v>0</v>
      </c>
      <c r="AT902" s="53">
        <v>0</v>
      </c>
      <c r="AU902" s="53">
        <v>0</v>
      </c>
      <c r="AV902" s="53">
        <v>0</v>
      </c>
      <c r="AW902" s="53">
        <v>0</v>
      </c>
      <c r="AX902" s="53">
        <v>0</v>
      </c>
      <c r="AY902" s="53">
        <v>0</v>
      </c>
      <c r="AZ902" s="53">
        <v>0</v>
      </c>
      <c r="BA902" s="53">
        <v>0</v>
      </c>
    </row>
    <row r="903" spans="1:53">
      <c r="A903" s="52" t="s">
        <v>3409</v>
      </c>
      <c r="B903" s="53">
        <v>0</v>
      </c>
      <c r="C903" s="53">
        <v>0</v>
      </c>
      <c r="D903" s="53">
        <v>0</v>
      </c>
      <c r="E903" s="53">
        <v>0</v>
      </c>
      <c r="F903" s="53">
        <v>0</v>
      </c>
      <c r="G903" s="53">
        <v>0</v>
      </c>
      <c r="H903" s="53">
        <v>0</v>
      </c>
      <c r="I903" s="53">
        <v>0</v>
      </c>
      <c r="J903" s="53">
        <v>0</v>
      </c>
      <c r="K903" s="53">
        <v>0</v>
      </c>
      <c r="L903" s="53">
        <v>0</v>
      </c>
      <c r="M903" s="53">
        <v>0</v>
      </c>
      <c r="N903" s="53">
        <v>0</v>
      </c>
      <c r="O903" s="53">
        <v>0</v>
      </c>
      <c r="P903" s="53">
        <v>0</v>
      </c>
      <c r="Q903" s="53">
        <v>0</v>
      </c>
      <c r="R903" s="53">
        <v>0</v>
      </c>
      <c r="S903" s="53">
        <v>0</v>
      </c>
      <c r="T903" s="53">
        <v>0</v>
      </c>
      <c r="U903" s="53">
        <v>0</v>
      </c>
      <c r="V903" s="53">
        <v>0</v>
      </c>
      <c r="W903" s="53">
        <v>0</v>
      </c>
      <c r="X903" s="53">
        <v>0</v>
      </c>
      <c r="Y903" s="53">
        <v>0</v>
      </c>
      <c r="Z903" s="53">
        <v>0</v>
      </c>
      <c r="AA903" s="53">
        <v>0</v>
      </c>
      <c r="AB903" s="53">
        <v>0</v>
      </c>
      <c r="AC903" s="53">
        <v>0</v>
      </c>
      <c r="AD903" s="53">
        <v>0</v>
      </c>
      <c r="AE903" s="53">
        <v>0</v>
      </c>
      <c r="AF903" s="53">
        <v>0</v>
      </c>
      <c r="AG903" s="53">
        <v>0</v>
      </c>
      <c r="AH903" s="53">
        <v>0</v>
      </c>
      <c r="AI903" s="53">
        <v>0</v>
      </c>
      <c r="AJ903" s="53">
        <v>0</v>
      </c>
      <c r="AK903" s="53">
        <v>0</v>
      </c>
      <c r="AL903" s="53">
        <v>0</v>
      </c>
      <c r="AM903" s="53">
        <v>0</v>
      </c>
      <c r="AN903" s="53">
        <v>0</v>
      </c>
      <c r="AO903" s="53">
        <v>0</v>
      </c>
      <c r="AP903" s="53">
        <v>0</v>
      </c>
      <c r="AQ903" s="53">
        <v>0</v>
      </c>
      <c r="AR903" s="53">
        <v>0</v>
      </c>
      <c r="AS903" s="53">
        <v>0</v>
      </c>
      <c r="AT903" s="53">
        <v>0</v>
      </c>
      <c r="AU903" s="53">
        <v>0</v>
      </c>
      <c r="AV903" s="53">
        <v>0</v>
      </c>
      <c r="AW903" s="53">
        <v>0</v>
      </c>
      <c r="AX903" s="53">
        <v>0</v>
      </c>
      <c r="AY903" s="53">
        <v>0</v>
      </c>
      <c r="AZ903" s="53">
        <v>0</v>
      </c>
      <c r="BA903" s="53">
        <v>0</v>
      </c>
    </row>
    <row r="904" spans="1:53">
      <c r="A904" s="52" t="s">
        <v>3410</v>
      </c>
      <c r="B904" s="53">
        <v>-0.04</v>
      </c>
      <c r="C904" s="53">
        <v>-0.04</v>
      </c>
      <c r="D904" s="53">
        <v>-0.04</v>
      </c>
      <c r="E904" s="53">
        <v>-0.04</v>
      </c>
      <c r="F904" s="53">
        <v>-0.04</v>
      </c>
      <c r="G904" s="53">
        <v>-0.04</v>
      </c>
      <c r="H904" s="53">
        <v>-0.04</v>
      </c>
      <c r="I904" s="53">
        <v>-0.04</v>
      </c>
      <c r="J904" s="53">
        <v>-0.04</v>
      </c>
      <c r="K904" s="53">
        <v>-0.04</v>
      </c>
      <c r="L904" s="53">
        <v>-0.04</v>
      </c>
      <c r="M904" s="53">
        <v>-0.04</v>
      </c>
      <c r="N904" s="53">
        <v>-0.04</v>
      </c>
      <c r="O904" s="53">
        <v>-0.04</v>
      </c>
      <c r="P904" s="53">
        <v>-0.04</v>
      </c>
      <c r="Q904" s="53">
        <v>-0.04</v>
      </c>
      <c r="R904" s="53">
        <v>-0.04</v>
      </c>
      <c r="S904" s="53">
        <v>-0.04</v>
      </c>
      <c r="T904" s="53">
        <v>-0.04</v>
      </c>
      <c r="U904" s="53">
        <v>-0.04</v>
      </c>
      <c r="V904" s="53">
        <v>-0.04</v>
      </c>
      <c r="W904" s="53">
        <v>-0.04</v>
      </c>
      <c r="X904" s="53">
        <v>-0.04</v>
      </c>
      <c r="Y904" s="53">
        <v>-0.04</v>
      </c>
      <c r="Z904" s="53">
        <v>-0.04</v>
      </c>
      <c r="AA904" s="53">
        <v>-0.04</v>
      </c>
      <c r="AB904" s="53">
        <v>-0.04</v>
      </c>
      <c r="AC904" s="53">
        <v>-0.04</v>
      </c>
      <c r="AD904" s="53">
        <v>-0.04</v>
      </c>
      <c r="AE904" s="53">
        <v>-0.04</v>
      </c>
      <c r="AF904" s="53">
        <v>-0.04</v>
      </c>
      <c r="AG904" s="53">
        <v>-0.04</v>
      </c>
      <c r="AH904" s="53">
        <v>-0.04</v>
      </c>
      <c r="AI904" s="53">
        <v>-0.04</v>
      </c>
      <c r="AJ904" s="53">
        <v>-0.04</v>
      </c>
      <c r="AK904" s="53">
        <v>-0.04</v>
      </c>
      <c r="AL904" s="53">
        <v>-0.04</v>
      </c>
      <c r="AM904" s="53">
        <v>-0.04</v>
      </c>
      <c r="AN904" s="53">
        <v>-0.04</v>
      </c>
      <c r="AO904" s="53">
        <v>-0.04</v>
      </c>
      <c r="AP904" s="53">
        <v>-0.04</v>
      </c>
      <c r="AQ904" s="53">
        <v>-0.04</v>
      </c>
      <c r="AR904" s="53">
        <v>-0.04</v>
      </c>
      <c r="AS904" s="53">
        <v>-0.04</v>
      </c>
      <c r="AT904" s="53">
        <v>-0.04</v>
      </c>
      <c r="AU904" s="53">
        <v>-0.04</v>
      </c>
      <c r="AV904" s="53">
        <v>-0.04</v>
      </c>
      <c r="AW904" s="53">
        <v>-0.04</v>
      </c>
      <c r="AX904" s="53">
        <v>-0.04</v>
      </c>
      <c r="AY904" s="53">
        <v>-0.04</v>
      </c>
      <c r="AZ904" s="53">
        <v>-0.04</v>
      </c>
      <c r="BA904" s="53">
        <v>-0.04</v>
      </c>
    </row>
    <row r="905" spans="1:53">
      <c r="A905" s="52" t="s">
        <v>3411</v>
      </c>
      <c r="B905" s="53">
        <v>0</v>
      </c>
      <c r="C905" s="53">
        <v>0</v>
      </c>
      <c r="D905" s="53">
        <v>0</v>
      </c>
      <c r="E905" s="53">
        <v>0</v>
      </c>
      <c r="F905" s="53">
        <v>0</v>
      </c>
      <c r="G905" s="53">
        <v>0</v>
      </c>
      <c r="H905" s="53">
        <v>0</v>
      </c>
      <c r="I905" s="53">
        <v>0</v>
      </c>
      <c r="J905" s="53">
        <v>0</v>
      </c>
      <c r="K905" s="53">
        <v>0</v>
      </c>
      <c r="L905" s="53">
        <v>0</v>
      </c>
      <c r="M905" s="53">
        <v>0</v>
      </c>
      <c r="N905" s="53">
        <v>0</v>
      </c>
      <c r="O905" s="53">
        <v>0</v>
      </c>
      <c r="P905" s="53">
        <v>0</v>
      </c>
      <c r="Q905" s="53">
        <v>0</v>
      </c>
      <c r="R905" s="53">
        <v>0</v>
      </c>
      <c r="S905" s="53">
        <v>0</v>
      </c>
      <c r="T905" s="53">
        <v>0</v>
      </c>
      <c r="U905" s="53">
        <v>0</v>
      </c>
      <c r="V905" s="53">
        <v>0</v>
      </c>
      <c r="W905" s="53">
        <v>0</v>
      </c>
      <c r="X905" s="53">
        <v>0</v>
      </c>
      <c r="Y905" s="53">
        <v>0</v>
      </c>
      <c r="Z905" s="53">
        <v>0</v>
      </c>
      <c r="AA905" s="53">
        <v>0</v>
      </c>
      <c r="AB905" s="53">
        <v>0</v>
      </c>
      <c r="AC905" s="53">
        <v>0</v>
      </c>
      <c r="AD905" s="53">
        <v>0</v>
      </c>
      <c r="AE905" s="53">
        <v>0</v>
      </c>
      <c r="AF905" s="53">
        <v>0</v>
      </c>
      <c r="AG905" s="53">
        <v>0</v>
      </c>
      <c r="AH905" s="53">
        <v>0</v>
      </c>
      <c r="AI905" s="53">
        <v>0</v>
      </c>
      <c r="AJ905" s="53">
        <v>0</v>
      </c>
      <c r="AK905" s="53">
        <v>0</v>
      </c>
      <c r="AL905" s="53">
        <v>0</v>
      </c>
      <c r="AM905" s="53">
        <v>0</v>
      </c>
      <c r="AN905" s="53">
        <v>0</v>
      </c>
      <c r="AO905" s="53">
        <v>0</v>
      </c>
      <c r="AP905" s="53">
        <v>0</v>
      </c>
      <c r="AQ905" s="53">
        <v>0</v>
      </c>
      <c r="AR905" s="53">
        <v>0</v>
      </c>
      <c r="AS905" s="53">
        <v>0</v>
      </c>
      <c r="AT905" s="53">
        <v>0</v>
      </c>
      <c r="AU905" s="53">
        <v>0</v>
      </c>
      <c r="AV905" s="53">
        <v>0</v>
      </c>
      <c r="AW905" s="53">
        <v>0</v>
      </c>
      <c r="AX905" s="53">
        <v>0</v>
      </c>
      <c r="AY905" s="53">
        <v>0</v>
      </c>
      <c r="AZ905" s="53">
        <v>0</v>
      </c>
      <c r="BA905" s="53">
        <v>0</v>
      </c>
    </row>
    <row r="906" spans="1:53">
      <c r="A906" s="52" t="s">
        <v>3412</v>
      </c>
      <c r="B906" s="53">
        <v>0</v>
      </c>
      <c r="C906" s="53">
        <v>0</v>
      </c>
      <c r="D906" s="53">
        <v>0</v>
      </c>
      <c r="E906" s="53">
        <v>0</v>
      </c>
      <c r="F906" s="53">
        <v>0</v>
      </c>
      <c r="G906" s="53">
        <v>0</v>
      </c>
      <c r="H906" s="53">
        <v>0</v>
      </c>
      <c r="I906" s="53">
        <v>0</v>
      </c>
      <c r="J906" s="53">
        <v>0</v>
      </c>
      <c r="K906" s="53">
        <v>0</v>
      </c>
      <c r="L906" s="53">
        <v>0</v>
      </c>
      <c r="M906" s="53">
        <v>0</v>
      </c>
      <c r="N906" s="53">
        <v>0</v>
      </c>
      <c r="O906" s="53">
        <v>0</v>
      </c>
      <c r="P906" s="53">
        <v>0</v>
      </c>
      <c r="Q906" s="53">
        <v>0</v>
      </c>
      <c r="R906" s="53">
        <v>0</v>
      </c>
      <c r="S906" s="53">
        <v>0</v>
      </c>
      <c r="T906" s="53">
        <v>0</v>
      </c>
      <c r="U906" s="53">
        <v>0</v>
      </c>
      <c r="V906" s="53">
        <v>0</v>
      </c>
      <c r="W906" s="53">
        <v>0</v>
      </c>
      <c r="X906" s="53">
        <v>0</v>
      </c>
      <c r="Y906" s="53">
        <v>0</v>
      </c>
      <c r="Z906" s="53">
        <v>0</v>
      </c>
      <c r="AA906" s="53">
        <v>0</v>
      </c>
      <c r="AB906" s="53">
        <v>0</v>
      </c>
      <c r="AC906" s="53">
        <v>0</v>
      </c>
      <c r="AD906" s="53">
        <v>0</v>
      </c>
      <c r="AE906" s="53">
        <v>0</v>
      </c>
      <c r="AF906" s="53">
        <v>0</v>
      </c>
      <c r="AG906" s="53">
        <v>0</v>
      </c>
      <c r="AH906" s="53">
        <v>0</v>
      </c>
      <c r="AI906" s="53">
        <v>0</v>
      </c>
      <c r="AJ906" s="53">
        <v>0</v>
      </c>
      <c r="AK906" s="53">
        <v>0</v>
      </c>
      <c r="AL906" s="53">
        <v>0</v>
      </c>
      <c r="AM906" s="53">
        <v>0</v>
      </c>
      <c r="AN906" s="53">
        <v>0</v>
      </c>
      <c r="AO906" s="53">
        <v>0</v>
      </c>
      <c r="AP906" s="53">
        <v>0</v>
      </c>
      <c r="AQ906" s="53">
        <v>0</v>
      </c>
      <c r="AR906" s="53">
        <v>0</v>
      </c>
      <c r="AS906" s="53">
        <v>0</v>
      </c>
      <c r="AT906" s="53">
        <v>0</v>
      </c>
      <c r="AU906" s="53">
        <v>0</v>
      </c>
      <c r="AV906" s="53">
        <v>0</v>
      </c>
      <c r="AW906" s="53">
        <v>0</v>
      </c>
      <c r="AX906" s="53">
        <v>0</v>
      </c>
      <c r="AY906" s="53">
        <v>0</v>
      </c>
      <c r="AZ906" s="53">
        <v>0</v>
      </c>
      <c r="BA906" s="53">
        <v>0</v>
      </c>
    </row>
    <row r="907" spans="1:53">
      <c r="A907" s="52" t="s">
        <v>3413</v>
      </c>
      <c r="B907" s="53">
        <v>-2</v>
      </c>
      <c r="C907" s="53">
        <v>-2</v>
      </c>
      <c r="D907" s="53">
        <v>-2</v>
      </c>
      <c r="E907" s="53">
        <v>-2</v>
      </c>
      <c r="F907" s="53">
        <v>-2</v>
      </c>
      <c r="G907" s="53">
        <v>-2</v>
      </c>
      <c r="H907" s="53">
        <v>-2</v>
      </c>
      <c r="I907" s="53">
        <v>-2</v>
      </c>
      <c r="J907" s="53">
        <v>-2</v>
      </c>
      <c r="K907" s="53">
        <v>-2</v>
      </c>
      <c r="L907" s="53">
        <v>-2</v>
      </c>
      <c r="M907" s="53">
        <v>-2</v>
      </c>
      <c r="N907" s="53">
        <v>-2</v>
      </c>
      <c r="O907" s="53">
        <v>-2</v>
      </c>
      <c r="P907" s="53">
        <v>-2</v>
      </c>
      <c r="Q907" s="53">
        <v>-2</v>
      </c>
      <c r="R907" s="53">
        <v>-2</v>
      </c>
      <c r="S907" s="53">
        <v>-2</v>
      </c>
      <c r="T907" s="53">
        <v>-2</v>
      </c>
      <c r="U907" s="53">
        <v>-2</v>
      </c>
      <c r="V907" s="53">
        <v>-2</v>
      </c>
      <c r="W907" s="53">
        <v>-2</v>
      </c>
      <c r="X907" s="53">
        <v>-2</v>
      </c>
      <c r="Y907" s="53">
        <v>-2</v>
      </c>
      <c r="Z907" s="53">
        <v>-2</v>
      </c>
      <c r="AA907" s="53">
        <v>-2</v>
      </c>
      <c r="AB907" s="53">
        <v>-2</v>
      </c>
      <c r="AC907" s="53">
        <v>-2</v>
      </c>
      <c r="AD907" s="53">
        <v>-2</v>
      </c>
      <c r="AE907" s="53">
        <v>-2</v>
      </c>
      <c r="AF907" s="53">
        <v>-2</v>
      </c>
      <c r="AG907" s="53">
        <v>-2</v>
      </c>
      <c r="AH907" s="53">
        <v>-2</v>
      </c>
      <c r="AI907" s="53">
        <v>-2</v>
      </c>
      <c r="AJ907" s="53">
        <v>-2</v>
      </c>
      <c r="AK907" s="53">
        <v>-2</v>
      </c>
      <c r="AL907" s="53">
        <v>-2</v>
      </c>
      <c r="AM907" s="53">
        <v>-2</v>
      </c>
      <c r="AN907" s="53">
        <v>-2</v>
      </c>
      <c r="AO907" s="53">
        <v>-2</v>
      </c>
      <c r="AP907" s="53">
        <v>-2</v>
      </c>
      <c r="AQ907" s="53">
        <v>-2</v>
      </c>
      <c r="AR907" s="53">
        <v>-2</v>
      </c>
      <c r="AS907" s="53">
        <v>-2</v>
      </c>
      <c r="AT907" s="53">
        <v>-2</v>
      </c>
      <c r="AU907" s="53">
        <v>-2</v>
      </c>
      <c r="AV907" s="53">
        <v>-2</v>
      </c>
      <c r="AW907" s="53">
        <v>-2</v>
      </c>
      <c r="AX907" s="53">
        <v>-2</v>
      </c>
      <c r="AY907" s="53">
        <v>-2</v>
      </c>
      <c r="AZ907" s="53">
        <v>-2</v>
      </c>
      <c r="BA907" s="53">
        <v>-2</v>
      </c>
    </row>
    <row r="908" spans="1:53">
      <c r="A908" s="52" t="s">
        <v>3414</v>
      </c>
      <c r="B908" s="53">
        <v>2</v>
      </c>
      <c r="C908" s="53">
        <v>2</v>
      </c>
      <c r="D908" s="53">
        <v>2</v>
      </c>
      <c r="E908" s="53">
        <v>2</v>
      </c>
      <c r="F908" s="53">
        <v>2</v>
      </c>
      <c r="G908" s="53">
        <v>2</v>
      </c>
      <c r="H908" s="53">
        <v>2</v>
      </c>
      <c r="I908" s="53">
        <v>2</v>
      </c>
      <c r="J908" s="53">
        <v>2</v>
      </c>
      <c r="K908" s="53">
        <v>2</v>
      </c>
      <c r="L908" s="53">
        <v>2</v>
      </c>
      <c r="M908" s="53">
        <v>2</v>
      </c>
      <c r="N908" s="53">
        <v>2</v>
      </c>
      <c r="O908" s="53">
        <v>2</v>
      </c>
      <c r="P908" s="53">
        <v>2</v>
      </c>
      <c r="Q908" s="53">
        <v>2</v>
      </c>
      <c r="R908" s="53">
        <v>2</v>
      </c>
      <c r="S908" s="53">
        <v>2</v>
      </c>
      <c r="T908" s="53">
        <v>2</v>
      </c>
      <c r="U908" s="53">
        <v>2</v>
      </c>
      <c r="V908" s="53">
        <v>2</v>
      </c>
      <c r="W908" s="53">
        <v>2</v>
      </c>
      <c r="X908" s="53">
        <v>2</v>
      </c>
      <c r="Y908" s="53">
        <v>2</v>
      </c>
      <c r="Z908" s="53">
        <v>2</v>
      </c>
      <c r="AA908" s="53">
        <v>2</v>
      </c>
      <c r="AB908" s="53">
        <v>2</v>
      </c>
      <c r="AC908" s="53">
        <v>2</v>
      </c>
      <c r="AD908" s="53">
        <v>2</v>
      </c>
      <c r="AE908" s="53">
        <v>2</v>
      </c>
      <c r="AF908" s="53">
        <v>2</v>
      </c>
      <c r="AG908" s="53">
        <v>2</v>
      </c>
      <c r="AH908" s="53">
        <v>2</v>
      </c>
      <c r="AI908" s="53">
        <v>2</v>
      </c>
      <c r="AJ908" s="53">
        <v>2</v>
      </c>
      <c r="AK908" s="53">
        <v>2</v>
      </c>
      <c r="AL908" s="53">
        <v>2</v>
      </c>
      <c r="AM908" s="53">
        <v>2</v>
      </c>
      <c r="AN908" s="53">
        <v>2</v>
      </c>
      <c r="AO908" s="53">
        <v>2</v>
      </c>
      <c r="AP908" s="53">
        <v>2</v>
      </c>
      <c r="AQ908" s="53">
        <v>2</v>
      </c>
      <c r="AR908" s="53">
        <v>2</v>
      </c>
      <c r="AS908" s="53">
        <v>2</v>
      </c>
      <c r="AT908" s="53">
        <v>2</v>
      </c>
      <c r="AU908" s="53">
        <v>2</v>
      </c>
      <c r="AV908" s="53">
        <v>2</v>
      </c>
      <c r="AW908" s="53">
        <v>2</v>
      </c>
      <c r="AX908" s="53">
        <v>2</v>
      </c>
      <c r="AY908" s="53">
        <v>2</v>
      </c>
      <c r="AZ908" s="53">
        <v>2</v>
      </c>
      <c r="BA908" s="53">
        <v>2</v>
      </c>
    </row>
    <row r="909" spans="1:53">
      <c r="A909" s="52" t="s">
        <v>3415</v>
      </c>
      <c r="B909" s="53">
        <v>-102075008.803105</v>
      </c>
      <c r="C909" s="53">
        <v>-111493371.203879</v>
      </c>
      <c r="D909" s="53">
        <v>-79136745.938547894</v>
      </c>
      <c r="E909" s="53">
        <v>-89530911.098841205</v>
      </c>
      <c r="F909" s="53">
        <v>-110778881.224637</v>
      </c>
      <c r="G909" s="53">
        <v>-76208344.958022594</v>
      </c>
      <c r="H909" s="53">
        <v>-106748924.73952</v>
      </c>
      <c r="I909" s="53">
        <v>-164155127.805475</v>
      </c>
      <c r="J909" s="53">
        <v>-128597944.831194</v>
      </c>
      <c r="K909" s="53">
        <v>-144074560.11786199</v>
      </c>
      <c r="L909" s="53">
        <v>-145046508.839578</v>
      </c>
      <c r="M909" s="53">
        <v>-42988883.0236874</v>
      </c>
      <c r="N909" s="53">
        <v>-42988883.0236874</v>
      </c>
      <c r="O909" s="53">
        <v>-66070017.683713801</v>
      </c>
      <c r="P909" s="53">
        <v>-56440582.996317498</v>
      </c>
      <c r="Q909" s="53">
        <v>-14515737.001333401</v>
      </c>
      <c r="R909" s="53">
        <v>-11365119.227534</v>
      </c>
      <c r="S909" s="53">
        <v>-17960184.078914899</v>
      </c>
      <c r="T909" s="53">
        <v>-26670063.987072501</v>
      </c>
      <c r="U909" s="53">
        <v>-40864734.011545002</v>
      </c>
      <c r="V909" s="53">
        <v>-78448458.008636296</v>
      </c>
      <c r="W909" s="53">
        <v>-72113905.222950697</v>
      </c>
      <c r="X909" s="53">
        <v>-73625149.006202906</v>
      </c>
      <c r="Y909" s="53">
        <v>-61695079.797656998</v>
      </c>
      <c r="Z909" s="53">
        <v>-10415692.9906146</v>
      </c>
      <c r="AA909" s="53">
        <v>-10415692.9906146</v>
      </c>
      <c r="AB909" s="53">
        <v>-32304317.620712001</v>
      </c>
      <c r="AC909" s="53">
        <v>-21033042.559799399</v>
      </c>
      <c r="AD909" s="53">
        <v>-10296365.549380001</v>
      </c>
      <c r="AE909" s="53">
        <v>-5884853.8037694003</v>
      </c>
      <c r="AF909" s="53">
        <v>-11372091.837217901</v>
      </c>
      <c r="AG909" s="53">
        <v>-23667303.4899875</v>
      </c>
      <c r="AH909" s="53">
        <v>-37072531.047561601</v>
      </c>
      <c r="AI909" s="53">
        <v>-73723368.9633587</v>
      </c>
      <c r="AJ909" s="53">
        <v>-69050489.492599502</v>
      </c>
      <c r="AK909" s="53">
        <v>-68790779.257828906</v>
      </c>
      <c r="AL909" s="53">
        <v>-54544668.408129498</v>
      </c>
      <c r="AM909" s="53">
        <v>-6648171.0077471798</v>
      </c>
      <c r="AN909" s="53">
        <v>-6648171.0077471798</v>
      </c>
      <c r="AO909" s="53">
        <v>-27033214.808036201</v>
      </c>
      <c r="AP909" s="53">
        <v>-14882173.330333401</v>
      </c>
      <c r="AQ909" s="53">
        <v>-6484223.8454489196</v>
      </c>
      <c r="AR909" s="53">
        <v>-730917.10645284504</v>
      </c>
      <c r="AS909" s="53">
        <v>-6002693.1182964398</v>
      </c>
      <c r="AT909" s="53">
        <v>-21650274.259647299</v>
      </c>
      <c r="AU909" s="53">
        <v>-34849070.166630603</v>
      </c>
      <c r="AV909" s="53">
        <v>-71405814.243714005</v>
      </c>
      <c r="AW909" s="53">
        <v>-68641908.7578329</v>
      </c>
      <c r="AX909" s="53">
        <v>-68194165.901232198</v>
      </c>
      <c r="AY909" s="53">
        <v>-54672737.939380497</v>
      </c>
      <c r="AZ909" s="53">
        <v>246216.106199637</v>
      </c>
      <c r="BA909" s="53">
        <v>246216.106199637</v>
      </c>
    </row>
    <row r="910" spans="1:53">
      <c r="A910" s="52" t="s">
        <v>3416</v>
      </c>
      <c r="B910" s="53">
        <v>-1</v>
      </c>
      <c r="C910" s="53">
        <v>-1</v>
      </c>
      <c r="D910" s="53">
        <v>-1</v>
      </c>
      <c r="E910" s="53">
        <v>-1</v>
      </c>
      <c r="F910" s="53">
        <v>-1</v>
      </c>
      <c r="G910" s="53">
        <v>-1</v>
      </c>
      <c r="H910" s="53">
        <v>-1</v>
      </c>
      <c r="I910" s="53">
        <v>-1</v>
      </c>
      <c r="J910" s="53">
        <v>-1</v>
      </c>
      <c r="K910" s="53">
        <v>-1</v>
      </c>
      <c r="L910" s="53">
        <v>-1</v>
      </c>
      <c r="M910" s="53">
        <v>-1</v>
      </c>
      <c r="N910" s="53">
        <v>-1</v>
      </c>
      <c r="O910" s="53">
        <v>-1</v>
      </c>
      <c r="P910" s="53">
        <v>-1</v>
      </c>
      <c r="Q910" s="53">
        <v>-1</v>
      </c>
      <c r="R910" s="53">
        <v>-1</v>
      </c>
      <c r="S910" s="53">
        <v>-1</v>
      </c>
      <c r="T910" s="53">
        <v>-1</v>
      </c>
      <c r="U910" s="53">
        <v>-1</v>
      </c>
      <c r="V910" s="53">
        <v>-1</v>
      </c>
      <c r="W910" s="53">
        <v>-1</v>
      </c>
      <c r="X910" s="53">
        <v>-1</v>
      </c>
      <c r="Y910" s="53">
        <v>-1</v>
      </c>
      <c r="Z910" s="53">
        <v>-1</v>
      </c>
      <c r="AA910" s="53">
        <v>-1</v>
      </c>
      <c r="AB910" s="53">
        <v>-1</v>
      </c>
      <c r="AC910" s="53">
        <v>-1</v>
      </c>
      <c r="AD910" s="53">
        <v>-1</v>
      </c>
      <c r="AE910" s="53">
        <v>-1</v>
      </c>
      <c r="AF910" s="53">
        <v>-1</v>
      </c>
      <c r="AG910" s="53">
        <v>-1</v>
      </c>
      <c r="AH910" s="53">
        <v>-1</v>
      </c>
      <c r="AI910" s="53">
        <v>-1</v>
      </c>
      <c r="AJ910" s="53">
        <v>-1</v>
      </c>
      <c r="AK910" s="53">
        <v>-1</v>
      </c>
      <c r="AL910" s="53">
        <v>-1</v>
      </c>
      <c r="AM910" s="53">
        <v>-1</v>
      </c>
      <c r="AN910" s="53">
        <v>-1</v>
      </c>
      <c r="AO910" s="53">
        <v>-1</v>
      </c>
      <c r="AP910" s="53">
        <v>-1</v>
      </c>
      <c r="AQ910" s="53">
        <v>-1</v>
      </c>
      <c r="AR910" s="53">
        <v>-1</v>
      </c>
      <c r="AS910" s="53">
        <v>-1</v>
      </c>
      <c r="AT910" s="53">
        <v>-1</v>
      </c>
      <c r="AU910" s="53">
        <v>-1</v>
      </c>
      <c r="AV910" s="53">
        <v>-1</v>
      </c>
      <c r="AW910" s="53">
        <v>-1</v>
      </c>
      <c r="AX910" s="53">
        <v>-1</v>
      </c>
      <c r="AY910" s="53">
        <v>-1</v>
      </c>
      <c r="AZ910" s="53">
        <v>-1</v>
      </c>
      <c r="BA910" s="53">
        <v>-1</v>
      </c>
    </row>
    <row r="911" spans="1:53">
      <c r="A911" s="52" t="s">
        <v>3417</v>
      </c>
      <c r="B911" s="53">
        <v>-5348296.2</v>
      </c>
      <c r="C911" s="53">
        <v>-5348296.2</v>
      </c>
      <c r="D911" s="53">
        <v>-5348296.2</v>
      </c>
      <c r="E911" s="53">
        <v>-5348296.2</v>
      </c>
      <c r="F911" s="53">
        <v>-5348296.2</v>
      </c>
      <c r="G911" s="53">
        <v>-5348296.2</v>
      </c>
      <c r="H911" s="53">
        <v>-5348296.2</v>
      </c>
      <c r="I911" s="53">
        <v>-5348296.2</v>
      </c>
      <c r="J911" s="53">
        <v>-5348296.2</v>
      </c>
      <c r="K911" s="53">
        <v>-5348296.2</v>
      </c>
      <c r="L911" s="53">
        <v>-5348296.2</v>
      </c>
      <c r="M911" s="53">
        <v>-5348296.2</v>
      </c>
      <c r="N911" s="53">
        <v>-5348296.2</v>
      </c>
      <c r="O911" s="53">
        <v>-5348296.2</v>
      </c>
      <c r="P911" s="53">
        <v>-5348296.2</v>
      </c>
      <c r="Q911" s="53">
        <v>-5348296.2</v>
      </c>
      <c r="R911" s="53">
        <v>-5348296.2</v>
      </c>
      <c r="S911" s="53">
        <v>-5348296.2</v>
      </c>
      <c r="T911" s="53">
        <v>-5348296.2</v>
      </c>
      <c r="U911" s="53">
        <v>-5348296.2</v>
      </c>
      <c r="V911" s="53">
        <v>-5348296.2</v>
      </c>
      <c r="W911" s="53">
        <v>-5348296.2</v>
      </c>
      <c r="X911" s="53">
        <v>-5348296.2</v>
      </c>
      <c r="Y911" s="53">
        <v>-5348296.2</v>
      </c>
      <c r="Z911" s="53">
        <v>-5348296.2</v>
      </c>
      <c r="AA911" s="53">
        <v>-5348296.2</v>
      </c>
      <c r="AB911" s="53">
        <v>-5348296.2</v>
      </c>
      <c r="AC911" s="53">
        <v>-5348296.2</v>
      </c>
      <c r="AD911" s="53">
        <v>-5348296.2</v>
      </c>
      <c r="AE911" s="53">
        <v>-5348296.2</v>
      </c>
      <c r="AF911" s="53">
        <v>-5348296.2</v>
      </c>
      <c r="AG911" s="53">
        <v>-5348296.2</v>
      </c>
      <c r="AH911" s="53">
        <v>-5348296.2</v>
      </c>
      <c r="AI911" s="53">
        <v>-5348296.2</v>
      </c>
      <c r="AJ911" s="53">
        <v>-5348296.2</v>
      </c>
      <c r="AK911" s="53">
        <v>-5348296.2</v>
      </c>
      <c r="AL911" s="53">
        <v>-5348296.2</v>
      </c>
      <c r="AM911" s="53">
        <v>-5348296.2</v>
      </c>
      <c r="AN911" s="53">
        <v>-5348296.2</v>
      </c>
      <c r="AO911" s="53">
        <v>-5348296.2</v>
      </c>
      <c r="AP911" s="53">
        <v>-5348296.2</v>
      </c>
      <c r="AQ911" s="53">
        <v>-5348296.2</v>
      </c>
      <c r="AR911" s="53">
        <v>-5348296.2</v>
      </c>
      <c r="AS911" s="53">
        <v>-5348296.2</v>
      </c>
      <c r="AT911" s="53">
        <v>-5348296.2</v>
      </c>
      <c r="AU911" s="53">
        <v>-5348296.2</v>
      </c>
      <c r="AV911" s="53">
        <v>-5348296.2</v>
      </c>
      <c r="AW911" s="53">
        <v>-5348296.2</v>
      </c>
      <c r="AX911" s="53">
        <v>-5348296.2</v>
      </c>
      <c r="AY911" s="53">
        <v>-5348296.2</v>
      </c>
      <c r="AZ911" s="53">
        <v>-5348296.2</v>
      </c>
      <c r="BA911" s="53">
        <v>-5348296.2</v>
      </c>
    </row>
    <row r="912" spans="1:53">
      <c r="A912" s="58" t="s">
        <v>3418</v>
      </c>
      <c r="B912" s="134">
        <v>-138168711.83413801</v>
      </c>
      <c r="C912" s="134">
        <v>-165151941.35889101</v>
      </c>
      <c r="D912" s="134">
        <v>-151409196.439264</v>
      </c>
      <c r="E912" s="134">
        <v>-161079831.58614901</v>
      </c>
      <c r="F912" s="134">
        <v>-203310979.72973201</v>
      </c>
      <c r="G912" s="134">
        <v>-174189269.73990801</v>
      </c>
      <c r="H912" s="134">
        <v>-228082613.75543499</v>
      </c>
      <c r="I912" s="134">
        <v>-316301232.02868903</v>
      </c>
      <c r="J912" s="134">
        <v>-285194245.10098797</v>
      </c>
      <c r="K912" s="134">
        <v>-319887408.55357999</v>
      </c>
      <c r="L912" s="134">
        <v>-149130430.24821001</v>
      </c>
      <c r="M912" s="134">
        <v>-51796646.433687299</v>
      </c>
      <c r="N912" s="134">
        <v>-51796646.433687299</v>
      </c>
      <c r="O912" s="134">
        <v>-98191370.777999505</v>
      </c>
      <c r="P912" s="134">
        <v>-102836699.296893</v>
      </c>
      <c r="Q912" s="134">
        <v>-74965752.772315294</v>
      </c>
      <c r="R912" s="134">
        <v>-82704275.611959606</v>
      </c>
      <c r="S912" s="134">
        <v>-108070689.583627</v>
      </c>
      <c r="T912" s="134">
        <v>-131795291.264048</v>
      </c>
      <c r="U912" s="134">
        <v>-166867524.99444601</v>
      </c>
      <c r="V912" s="134">
        <v>-231811039.79997799</v>
      </c>
      <c r="W912" s="134">
        <v>-239690222.192617</v>
      </c>
      <c r="X912" s="134">
        <v>-258563844.78248999</v>
      </c>
      <c r="Y912" s="134">
        <v>-55705131.732848197</v>
      </c>
      <c r="Z912" s="134">
        <v>-19196617.400614601</v>
      </c>
      <c r="AA912" s="134">
        <v>-19196617.400614601</v>
      </c>
      <c r="AB912" s="134">
        <v>-66136450.748404101</v>
      </c>
      <c r="AC912" s="134">
        <v>-70726187.967765898</v>
      </c>
      <c r="AD912" s="134">
        <v>-75700836.806798205</v>
      </c>
      <c r="AE912" s="134">
        <v>-84769252.716241896</v>
      </c>
      <c r="AF912" s="134">
        <v>-110762089.677432</v>
      </c>
      <c r="AG912" s="134">
        <v>-140836541.72606</v>
      </c>
      <c r="AH912" s="134">
        <v>-176941822.350086</v>
      </c>
      <c r="AI912" s="134">
        <v>-242735185.33889601</v>
      </c>
      <c r="AJ912" s="134">
        <v>-254844602.83062899</v>
      </c>
      <c r="AK912" s="134">
        <v>-273497736.90151799</v>
      </c>
      <c r="AL912" s="134">
        <v>-46016754.234431297</v>
      </c>
      <c r="AM912" s="134">
        <v>-15429095.417747101</v>
      </c>
      <c r="AN912" s="134">
        <v>-15429095.417747101</v>
      </c>
      <c r="AO912" s="134">
        <v>-61807489.337018803</v>
      </c>
      <c r="AP912" s="134">
        <v>-66632490.393065497</v>
      </c>
      <c r="AQ912" s="134">
        <v>-74908735.058555096</v>
      </c>
      <c r="AR912" s="134">
        <v>-85479202.219344094</v>
      </c>
      <c r="AS912" s="134">
        <v>-112555717.977963</v>
      </c>
      <c r="AT912" s="134">
        <v>-149070836.54285201</v>
      </c>
      <c r="AU912" s="134">
        <v>-186271329.08364901</v>
      </c>
      <c r="AV912" s="134">
        <v>-253303375.989333</v>
      </c>
      <c r="AW912" s="134">
        <v>-270507542.16821599</v>
      </c>
      <c r="AX912" s="134">
        <v>-290279386.43675101</v>
      </c>
      <c r="AY912" s="134">
        <v>-49230063.887042798</v>
      </c>
      <c r="AZ912" s="134">
        <v>-8534708.3038002793</v>
      </c>
      <c r="BA912" s="134">
        <v>-8534708.3038002793</v>
      </c>
    </row>
    <row r="913" spans="1:53">
      <c r="A913" s="52" t="s">
        <v>3419</v>
      </c>
    </row>
    <row r="914" spans="1:53">
      <c r="A914" s="57" t="s">
        <v>3420</v>
      </c>
    </row>
    <row r="915" spans="1:53">
      <c r="A915" s="52" t="s">
        <v>3421</v>
      </c>
      <c r="B915" s="53">
        <v>-510124.51</v>
      </c>
      <c r="C915" s="53">
        <v>-510124.51</v>
      </c>
      <c r="D915" s="53">
        <v>-510124.51</v>
      </c>
      <c r="E915" s="53">
        <v>-510124.51</v>
      </c>
      <c r="F915" s="53">
        <v>-510124.51</v>
      </c>
      <c r="G915" s="53">
        <v>-510124.51</v>
      </c>
      <c r="H915" s="53">
        <v>-510124.51</v>
      </c>
      <c r="I915" s="53">
        <v>-510124.51</v>
      </c>
      <c r="J915" s="53">
        <v>-510124.51</v>
      </c>
      <c r="K915" s="53">
        <v>-510124.51</v>
      </c>
      <c r="L915" s="53">
        <v>-510124.51</v>
      </c>
      <c r="M915" s="53">
        <v>-510124.51</v>
      </c>
      <c r="N915" s="53">
        <v>-510124.51</v>
      </c>
      <c r="O915" s="53">
        <v>-510124.51</v>
      </c>
      <c r="P915" s="53">
        <v>-510124.51</v>
      </c>
      <c r="Q915" s="53">
        <v>-510124.51</v>
      </c>
      <c r="R915" s="53">
        <v>-510124.51</v>
      </c>
      <c r="S915" s="53">
        <v>-510124.51</v>
      </c>
      <c r="T915" s="53">
        <v>-510124.51</v>
      </c>
      <c r="U915" s="53">
        <v>-510124.51</v>
      </c>
      <c r="V915" s="53">
        <v>-510124.51</v>
      </c>
      <c r="W915" s="53">
        <v>-510124.51</v>
      </c>
      <c r="X915" s="53">
        <v>-510124.51</v>
      </c>
      <c r="Y915" s="53">
        <v>-510124.51</v>
      </c>
      <c r="Z915" s="53">
        <v>-510124.51</v>
      </c>
      <c r="AA915" s="53">
        <v>-510124.51</v>
      </c>
      <c r="AB915" s="53">
        <v>-510124.51</v>
      </c>
      <c r="AC915" s="53">
        <v>-510124.51</v>
      </c>
      <c r="AD915" s="53">
        <v>-510124.51</v>
      </c>
      <c r="AE915" s="53">
        <v>-510124.51</v>
      </c>
      <c r="AF915" s="53">
        <v>-510124.51</v>
      </c>
      <c r="AG915" s="53">
        <v>-510124.51</v>
      </c>
      <c r="AH915" s="53">
        <v>-510124.51</v>
      </c>
      <c r="AI915" s="53">
        <v>-510124.51</v>
      </c>
      <c r="AJ915" s="53">
        <v>-510124.51</v>
      </c>
      <c r="AK915" s="53">
        <v>-510124.51</v>
      </c>
      <c r="AL915" s="53">
        <v>-510124.51</v>
      </c>
      <c r="AM915" s="53">
        <v>-510124.51</v>
      </c>
      <c r="AN915" s="53">
        <v>-510124.51</v>
      </c>
      <c r="AO915" s="53">
        <v>-510124.51</v>
      </c>
      <c r="AP915" s="53">
        <v>-510124.51</v>
      </c>
      <c r="AQ915" s="53">
        <v>-510124.51</v>
      </c>
      <c r="AR915" s="53">
        <v>-510124.51</v>
      </c>
      <c r="AS915" s="53">
        <v>-510124.51</v>
      </c>
      <c r="AT915" s="53">
        <v>-510124.51</v>
      </c>
      <c r="AU915" s="53">
        <v>-510124.51</v>
      </c>
      <c r="AV915" s="53">
        <v>-510124.51</v>
      </c>
      <c r="AW915" s="53">
        <v>-510124.51</v>
      </c>
      <c r="AX915" s="53">
        <v>-510124.51</v>
      </c>
      <c r="AY915" s="53">
        <v>-510124.51</v>
      </c>
      <c r="AZ915" s="53">
        <v>-510124.51</v>
      </c>
      <c r="BA915" s="53">
        <v>-510124.51</v>
      </c>
    </row>
    <row r="916" spans="1:53">
      <c r="A916" s="52" t="s">
        <v>3422</v>
      </c>
      <c r="B916" s="53">
        <v>0</v>
      </c>
      <c r="C916" s="53">
        <v>0</v>
      </c>
      <c r="D916" s="53">
        <v>0</v>
      </c>
      <c r="E916" s="53">
        <v>0</v>
      </c>
      <c r="F916" s="53">
        <v>0</v>
      </c>
      <c r="G916" s="53">
        <v>0</v>
      </c>
      <c r="H916" s="53">
        <v>0</v>
      </c>
      <c r="I916" s="53">
        <v>0</v>
      </c>
      <c r="J916" s="53">
        <v>0</v>
      </c>
      <c r="K916" s="53">
        <v>0</v>
      </c>
      <c r="L916" s="53">
        <v>0</v>
      </c>
      <c r="M916" s="53">
        <v>0</v>
      </c>
      <c r="N916" s="53">
        <v>0</v>
      </c>
      <c r="O916" s="53">
        <v>0</v>
      </c>
      <c r="P916" s="53">
        <v>0</v>
      </c>
      <c r="Q916" s="53">
        <v>0</v>
      </c>
      <c r="R916" s="53">
        <v>0</v>
      </c>
      <c r="S916" s="53">
        <v>0</v>
      </c>
      <c r="T916" s="53">
        <v>0</v>
      </c>
      <c r="U916" s="53">
        <v>0</v>
      </c>
      <c r="V916" s="53">
        <v>0</v>
      </c>
      <c r="W916" s="53">
        <v>0</v>
      </c>
      <c r="X916" s="53">
        <v>0</v>
      </c>
      <c r="Y916" s="53">
        <v>0</v>
      </c>
      <c r="Z916" s="53">
        <v>0</v>
      </c>
      <c r="AA916" s="53">
        <v>0</v>
      </c>
      <c r="AB916" s="53">
        <v>0</v>
      </c>
      <c r="AC916" s="53">
        <v>0</v>
      </c>
      <c r="AD916" s="53">
        <v>0</v>
      </c>
      <c r="AE916" s="53">
        <v>0</v>
      </c>
      <c r="AF916" s="53">
        <v>0</v>
      </c>
      <c r="AG916" s="53">
        <v>0</v>
      </c>
      <c r="AH916" s="53">
        <v>0</v>
      </c>
      <c r="AI916" s="53">
        <v>0</v>
      </c>
      <c r="AJ916" s="53">
        <v>0</v>
      </c>
      <c r="AK916" s="53">
        <v>0</v>
      </c>
      <c r="AL916" s="53">
        <v>0</v>
      </c>
      <c r="AM916" s="53">
        <v>0</v>
      </c>
      <c r="AN916" s="53">
        <v>0</v>
      </c>
      <c r="AO916" s="53">
        <v>0</v>
      </c>
      <c r="AP916" s="53">
        <v>0</v>
      </c>
      <c r="AQ916" s="53">
        <v>0</v>
      </c>
      <c r="AR916" s="53">
        <v>0</v>
      </c>
      <c r="AS916" s="53">
        <v>0</v>
      </c>
      <c r="AT916" s="53">
        <v>0</v>
      </c>
      <c r="AU916" s="53">
        <v>0</v>
      </c>
      <c r="AV916" s="53">
        <v>0</v>
      </c>
      <c r="AW916" s="53">
        <v>0</v>
      </c>
      <c r="AX916" s="53">
        <v>0</v>
      </c>
      <c r="AY916" s="53">
        <v>0</v>
      </c>
      <c r="AZ916" s="53">
        <v>0</v>
      </c>
      <c r="BA916" s="53">
        <v>0</v>
      </c>
    </row>
    <row r="917" spans="1:53">
      <c r="A917" s="52" t="s">
        <v>3423</v>
      </c>
      <c r="B917" s="53">
        <v>-87393.85</v>
      </c>
      <c r="C917" s="53">
        <v>-87393.85</v>
      </c>
      <c r="D917" s="53">
        <v>-87393.85</v>
      </c>
      <c r="E917" s="53">
        <v>-87393.85</v>
      </c>
      <c r="F917" s="53">
        <v>-87393.85</v>
      </c>
      <c r="G917" s="53">
        <v>-87393.85</v>
      </c>
      <c r="H917" s="53">
        <v>-87393.85</v>
      </c>
      <c r="I917" s="53">
        <v>-87393.85</v>
      </c>
      <c r="J917" s="53">
        <v>-87393.85</v>
      </c>
      <c r="K917" s="53">
        <v>-87393.85</v>
      </c>
      <c r="L917" s="53">
        <v>-87393.85</v>
      </c>
      <c r="M917" s="53">
        <v>-87393.85</v>
      </c>
      <c r="N917" s="53">
        <v>-87393.85</v>
      </c>
      <c r="O917" s="53">
        <v>-87393.85</v>
      </c>
      <c r="P917" s="53">
        <v>-87393.85</v>
      </c>
      <c r="Q917" s="53">
        <v>-87393.85</v>
      </c>
      <c r="R917" s="53">
        <v>-87393.85</v>
      </c>
      <c r="S917" s="53">
        <v>-87393.85</v>
      </c>
      <c r="T917" s="53">
        <v>-87393.85</v>
      </c>
      <c r="U917" s="53">
        <v>-87393.85</v>
      </c>
      <c r="V917" s="53">
        <v>-87393.85</v>
      </c>
      <c r="W917" s="53">
        <v>-87393.85</v>
      </c>
      <c r="X917" s="53">
        <v>-87393.85</v>
      </c>
      <c r="Y917" s="53">
        <v>-87393.85</v>
      </c>
      <c r="Z917" s="53">
        <v>-87393.85</v>
      </c>
      <c r="AA917" s="53">
        <v>-87393.85</v>
      </c>
      <c r="AB917" s="53">
        <v>-87393.85</v>
      </c>
      <c r="AC917" s="53">
        <v>-87393.85</v>
      </c>
      <c r="AD917" s="53">
        <v>-87393.85</v>
      </c>
      <c r="AE917" s="53">
        <v>-87393.85</v>
      </c>
      <c r="AF917" s="53">
        <v>-87393.85</v>
      </c>
      <c r="AG917" s="53">
        <v>-87393.85</v>
      </c>
      <c r="AH917" s="53">
        <v>-87393.85</v>
      </c>
      <c r="AI917" s="53">
        <v>-87393.85</v>
      </c>
      <c r="AJ917" s="53">
        <v>-87393.85</v>
      </c>
      <c r="AK917" s="53">
        <v>-87393.85</v>
      </c>
      <c r="AL917" s="53">
        <v>-87393.85</v>
      </c>
      <c r="AM917" s="53">
        <v>-87393.85</v>
      </c>
      <c r="AN917" s="53">
        <v>-87393.85</v>
      </c>
      <c r="AO917" s="53">
        <v>-87393.85</v>
      </c>
      <c r="AP917" s="53">
        <v>-87393.85</v>
      </c>
      <c r="AQ917" s="53">
        <v>-87393.85</v>
      </c>
      <c r="AR917" s="53">
        <v>-87393.85</v>
      </c>
      <c r="AS917" s="53">
        <v>-87393.85</v>
      </c>
      <c r="AT917" s="53">
        <v>-87393.85</v>
      </c>
      <c r="AU917" s="53">
        <v>-87393.85</v>
      </c>
      <c r="AV917" s="53">
        <v>-87393.85</v>
      </c>
      <c r="AW917" s="53">
        <v>-87393.85</v>
      </c>
      <c r="AX917" s="53">
        <v>-87393.85</v>
      </c>
      <c r="AY917" s="53">
        <v>-87393.85</v>
      </c>
      <c r="AZ917" s="53">
        <v>-87393.85</v>
      </c>
      <c r="BA917" s="53">
        <v>-87393.85</v>
      </c>
    </row>
    <row r="918" spans="1:53">
      <c r="A918" s="52" t="s">
        <v>3424</v>
      </c>
      <c r="B918" s="53">
        <v>-1165700.01</v>
      </c>
      <c r="C918" s="53">
        <v>-1165700.01</v>
      </c>
      <c r="D918" s="53">
        <v>-1165700.01</v>
      </c>
      <c r="E918" s="53">
        <v>-1165700.01</v>
      </c>
      <c r="F918" s="53">
        <v>-1165700.01</v>
      </c>
      <c r="G918" s="53">
        <v>-1165700.01</v>
      </c>
      <c r="H918" s="53">
        <v>-1165700.01</v>
      </c>
      <c r="I918" s="53">
        <v>-1165700.01</v>
      </c>
      <c r="J918" s="53">
        <v>-1165700.01</v>
      </c>
      <c r="K918" s="53">
        <v>-1165700.01</v>
      </c>
      <c r="L918" s="53">
        <v>-1165700.01</v>
      </c>
      <c r="M918" s="53">
        <v>-1165700.01</v>
      </c>
      <c r="N918" s="53">
        <v>-1165700.01</v>
      </c>
      <c r="O918" s="53">
        <v>-1165700.01</v>
      </c>
      <c r="P918" s="53">
        <v>-1165700.01</v>
      </c>
      <c r="Q918" s="53">
        <v>-1165700.01</v>
      </c>
      <c r="R918" s="53">
        <v>-1165700.01</v>
      </c>
      <c r="S918" s="53">
        <v>-1165700.01</v>
      </c>
      <c r="T918" s="53">
        <v>-1165700.01</v>
      </c>
      <c r="U918" s="53">
        <v>-1165700.01</v>
      </c>
      <c r="V918" s="53">
        <v>-1165700.01</v>
      </c>
      <c r="W918" s="53">
        <v>-1165700.01</v>
      </c>
      <c r="X918" s="53">
        <v>-1165700.01</v>
      </c>
      <c r="Y918" s="53">
        <v>-1165700.01</v>
      </c>
      <c r="Z918" s="53">
        <v>-1165700.01</v>
      </c>
      <c r="AA918" s="53">
        <v>-1165700.01</v>
      </c>
      <c r="AB918" s="53">
        <v>-1165700.01</v>
      </c>
      <c r="AC918" s="53">
        <v>-1165700.01</v>
      </c>
      <c r="AD918" s="53">
        <v>-1165700.01</v>
      </c>
      <c r="AE918" s="53">
        <v>-1165700.01</v>
      </c>
      <c r="AF918" s="53">
        <v>-1165700.01</v>
      </c>
      <c r="AG918" s="53">
        <v>-1165700.01</v>
      </c>
      <c r="AH918" s="53">
        <v>-1165700.01</v>
      </c>
      <c r="AI918" s="53">
        <v>-1165700.01</v>
      </c>
      <c r="AJ918" s="53">
        <v>-1165700.01</v>
      </c>
      <c r="AK918" s="53">
        <v>-1165700.01</v>
      </c>
      <c r="AL918" s="53">
        <v>-1165700.01</v>
      </c>
      <c r="AM918" s="53">
        <v>-1165700.01</v>
      </c>
      <c r="AN918" s="53">
        <v>-1165700.01</v>
      </c>
      <c r="AO918" s="53">
        <v>-1165700.01</v>
      </c>
      <c r="AP918" s="53">
        <v>-1165700.01</v>
      </c>
      <c r="AQ918" s="53">
        <v>-1165700.01</v>
      </c>
      <c r="AR918" s="53">
        <v>-1165700.01</v>
      </c>
      <c r="AS918" s="53">
        <v>-1165700.01</v>
      </c>
      <c r="AT918" s="53">
        <v>-1165700.01</v>
      </c>
      <c r="AU918" s="53">
        <v>-1165700.01</v>
      </c>
      <c r="AV918" s="53">
        <v>-1165700.01</v>
      </c>
      <c r="AW918" s="53">
        <v>-1165700.01</v>
      </c>
      <c r="AX918" s="53">
        <v>-1165700.01</v>
      </c>
      <c r="AY918" s="53">
        <v>-1165700.01</v>
      </c>
      <c r="AZ918" s="53">
        <v>-1165700.01</v>
      </c>
      <c r="BA918" s="53">
        <v>-1165700.01</v>
      </c>
    </row>
    <row r="919" spans="1:53">
      <c r="A919" s="52" t="s">
        <v>3425</v>
      </c>
      <c r="B919" s="53">
        <v>0</v>
      </c>
      <c r="C919" s="53">
        <v>0</v>
      </c>
      <c r="D919" s="53">
        <v>0</v>
      </c>
      <c r="E919" s="53">
        <v>0</v>
      </c>
      <c r="F919" s="53">
        <v>0</v>
      </c>
      <c r="G919" s="53">
        <v>0</v>
      </c>
      <c r="H919" s="53">
        <v>0</v>
      </c>
      <c r="I919" s="53">
        <v>0</v>
      </c>
      <c r="J919" s="53">
        <v>0</v>
      </c>
      <c r="K919" s="53">
        <v>0</v>
      </c>
      <c r="L919" s="53">
        <v>0</v>
      </c>
      <c r="M919" s="53">
        <v>0</v>
      </c>
      <c r="N919" s="53">
        <v>0</v>
      </c>
      <c r="O919" s="53">
        <v>0</v>
      </c>
      <c r="P919" s="53">
        <v>0</v>
      </c>
      <c r="Q919" s="53">
        <v>0</v>
      </c>
      <c r="R919" s="53">
        <v>0</v>
      </c>
      <c r="S919" s="53">
        <v>0</v>
      </c>
      <c r="T919" s="53">
        <v>0</v>
      </c>
      <c r="U919" s="53">
        <v>0</v>
      </c>
      <c r="V919" s="53">
        <v>0</v>
      </c>
      <c r="W919" s="53">
        <v>0</v>
      </c>
      <c r="X919" s="53">
        <v>0</v>
      </c>
      <c r="Y919" s="53">
        <v>0</v>
      </c>
      <c r="Z919" s="53">
        <v>0</v>
      </c>
      <c r="AA919" s="53">
        <v>0</v>
      </c>
      <c r="AB919" s="53">
        <v>0</v>
      </c>
      <c r="AC919" s="53">
        <v>0</v>
      </c>
      <c r="AD919" s="53">
        <v>0</v>
      </c>
      <c r="AE919" s="53">
        <v>0</v>
      </c>
      <c r="AF919" s="53">
        <v>0</v>
      </c>
      <c r="AG919" s="53">
        <v>0</v>
      </c>
      <c r="AH919" s="53">
        <v>0</v>
      </c>
      <c r="AI919" s="53">
        <v>0</v>
      </c>
      <c r="AJ919" s="53">
        <v>0</v>
      </c>
      <c r="AK919" s="53">
        <v>0</v>
      </c>
      <c r="AL919" s="53">
        <v>0</v>
      </c>
      <c r="AM919" s="53">
        <v>0</v>
      </c>
      <c r="AN919" s="53">
        <v>0</v>
      </c>
      <c r="AO919" s="53">
        <v>0</v>
      </c>
      <c r="AP919" s="53">
        <v>0</v>
      </c>
      <c r="AQ919" s="53">
        <v>0</v>
      </c>
      <c r="AR919" s="53">
        <v>0</v>
      </c>
      <c r="AS919" s="53">
        <v>0</v>
      </c>
      <c r="AT919" s="53">
        <v>0</v>
      </c>
      <c r="AU919" s="53">
        <v>0</v>
      </c>
      <c r="AV919" s="53">
        <v>0</v>
      </c>
      <c r="AW919" s="53">
        <v>0</v>
      </c>
      <c r="AX919" s="53">
        <v>0</v>
      </c>
      <c r="AY919" s="53">
        <v>0</v>
      </c>
      <c r="AZ919" s="53">
        <v>0</v>
      </c>
      <c r="BA919" s="53">
        <v>0</v>
      </c>
    </row>
    <row r="920" spans="1:53">
      <c r="A920" s="52" t="s">
        <v>3426</v>
      </c>
      <c r="B920" s="53">
        <v>0</v>
      </c>
      <c r="C920" s="53">
        <v>0</v>
      </c>
      <c r="D920" s="53">
        <v>0</v>
      </c>
      <c r="E920" s="53">
        <v>0</v>
      </c>
      <c r="F920" s="53">
        <v>0</v>
      </c>
      <c r="G920" s="53">
        <v>0</v>
      </c>
      <c r="H920" s="53">
        <v>0</v>
      </c>
      <c r="I920" s="53">
        <v>0</v>
      </c>
      <c r="J920" s="53">
        <v>0</v>
      </c>
      <c r="K920" s="53">
        <v>0</v>
      </c>
      <c r="L920" s="53">
        <v>0</v>
      </c>
      <c r="M920" s="53">
        <v>0</v>
      </c>
      <c r="N920" s="53">
        <v>0</v>
      </c>
      <c r="O920" s="53">
        <v>0</v>
      </c>
      <c r="P920" s="53">
        <v>0</v>
      </c>
      <c r="Q920" s="53">
        <v>0</v>
      </c>
      <c r="R920" s="53">
        <v>0</v>
      </c>
      <c r="S920" s="53">
        <v>0</v>
      </c>
      <c r="T920" s="53">
        <v>0</v>
      </c>
      <c r="U920" s="53">
        <v>0</v>
      </c>
      <c r="V920" s="53">
        <v>0</v>
      </c>
      <c r="W920" s="53">
        <v>0</v>
      </c>
      <c r="X920" s="53">
        <v>0</v>
      </c>
      <c r="Y920" s="53">
        <v>0</v>
      </c>
      <c r="Z920" s="53">
        <v>0</v>
      </c>
      <c r="AA920" s="53">
        <v>0</v>
      </c>
      <c r="AB920" s="53">
        <v>0</v>
      </c>
      <c r="AC920" s="53">
        <v>0</v>
      </c>
      <c r="AD920" s="53">
        <v>0</v>
      </c>
      <c r="AE920" s="53">
        <v>0</v>
      </c>
      <c r="AF920" s="53">
        <v>0</v>
      </c>
      <c r="AG920" s="53">
        <v>0</v>
      </c>
      <c r="AH920" s="53">
        <v>0</v>
      </c>
      <c r="AI920" s="53">
        <v>0</v>
      </c>
      <c r="AJ920" s="53">
        <v>0</v>
      </c>
      <c r="AK920" s="53">
        <v>0</v>
      </c>
      <c r="AL920" s="53">
        <v>0</v>
      </c>
      <c r="AM920" s="53">
        <v>0</v>
      </c>
      <c r="AN920" s="53">
        <v>0</v>
      </c>
      <c r="AO920" s="53">
        <v>0</v>
      </c>
      <c r="AP920" s="53">
        <v>0</v>
      </c>
      <c r="AQ920" s="53">
        <v>0</v>
      </c>
      <c r="AR920" s="53">
        <v>0</v>
      </c>
      <c r="AS920" s="53">
        <v>0</v>
      </c>
      <c r="AT920" s="53">
        <v>0</v>
      </c>
      <c r="AU920" s="53">
        <v>0</v>
      </c>
      <c r="AV920" s="53">
        <v>0</v>
      </c>
      <c r="AW920" s="53">
        <v>0</v>
      </c>
      <c r="AX920" s="53">
        <v>0</v>
      </c>
      <c r="AY920" s="53">
        <v>0</v>
      </c>
      <c r="AZ920" s="53">
        <v>0</v>
      </c>
      <c r="BA920" s="53">
        <v>0</v>
      </c>
    </row>
    <row r="921" spans="1:53">
      <c r="A921" s="52" t="s">
        <v>3427</v>
      </c>
      <c r="B921" s="53">
        <v>-3257805.49</v>
      </c>
      <c r="C921" s="53">
        <v>-3257805.49</v>
      </c>
      <c r="D921" s="53">
        <v>-3257805.49</v>
      </c>
      <c r="E921" s="53">
        <v>-3257805.49</v>
      </c>
      <c r="F921" s="53">
        <v>-3257805.49</v>
      </c>
      <c r="G921" s="53">
        <v>-3257805.49</v>
      </c>
      <c r="H921" s="53">
        <v>-3257805.49</v>
      </c>
      <c r="I921" s="53">
        <v>-3257805.49</v>
      </c>
      <c r="J921" s="53">
        <v>-3257805.49</v>
      </c>
      <c r="K921" s="53">
        <v>-3257805.49</v>
      </c>
      <c r="L921" s="53">
        <v>-3257805.49</v>
      </c>
      <c r="M921" s="53">
        <v>-3257805.49</v>
      </c>
      <c r="N921" s="53">
        <v>-3257805.49</v>
      </c>
      <c r="O921" s="53">
        <v>-3257805.49</v>
      </c>
      <c r="P921" s="53">
        <v>-3257805.49</v>
      </c>
      <c r="Q921" s="53">
        <v>-3257805.49</v>
      </c>
      <c r="R921" s="53">
        <v>-3257805.49</v>
      </c>
      <c r="S921" s="53">
        <v>-3257805.49</v>
      </c>
      <c r="T921" s="53">
        <v>-3257805.49</v>
      </c>
      <c r="U921" s="53">
        <v>-3257805.49</v>
      </c>
      <c r="V921" s="53">
        <v>-3257805.49</v>
      </c>
      <c r="W921" s="53">
        <v>-3257805.49</v>
      </c>
      <c r="X921" s="53">
        <v>-3257805.49</v>
      </c>
      <c r="Y921" s="53">
        <v>-3257805.49</v>
      </c>
      <c r="Z921" s="53">
        <v>-3257805.49</v>
      </c>
      <c r="AA921" s="53">
        <v>-3257805.49</v>
      </c>
      <c r="AB921" s="53">
        <v>-3257805.49</v>
      </c>
      <c r="AC921" s="53">
        <v>-3257805.49</v>
      </c>
      <c r="AD921" s="53">
        <v>-3257805.49</v>
      </c>
      <c r="AE921" s="53">
        <v>-3257805.49</v>
      </c>
      <c r="AF921" s="53">
        <v>-3257805.49</v>
      </c>
      <c r="AG921" s="53">
        <v>-3257805.49</v>
      </c>
      <c r="AH921" s="53">
        <v>-3257805.49</v>
      </c>
      <c r="AI921" s="53">
        <v>-3257805.49</v>
      </c>
      <c r="AJ921" s="53">
        <v>-3257805.49</v>
      </c>
      <c r="AK921" s="53">
        <v>-3257805.49</v>
      </c>
      <c r="AL921" s="53">
        <v>-3257805.49</v>
      </c>
      <c r="AM921" s="53">
        <v>-3257805.49</v>
      </c>
      <c r="AN921" s="53">
        <v>-3257805.49</v>
      </c>
      <c r="AO921" s="53">
        <v>-3257805.49</v>
      </c>
      <c r="AP921" s="53">
        <v>-3257805.49</v>
      </c>
      <c r="AQ921" s="53">
        <v>-3257805.49</v>
      </c>
      <c r="AR921" s="53">
        <v>-3257805.49</v>
      </c>
      <c r="AS921" s="53">
        <v>-3257805.49</v>
      </c>
      <c r="AT921" s="53">
        <v>-3257805.49</v>
      </c>
      <c r="AU921" s="53">
        <v>-3257805.49</v>
      </c>
      <c r="AV921" s="53">
        <v>-3257805.49</v>
      </c>
      <c r="AW921" s="53">
        <v>-3257805.49</v>
      </c>
      <c r="AX921" s="53">
        <v>-3257805.49</v>
      </c>
      <c r="AY921" s="53">
        <v>-3257805.49</v>
      </c>
      <c r="AZ921" s="53">
        <v>-3257805.49</v>
      </c>
      <c r="BA921" s="53">
        <v>-3257805.49</v>
      </c>
    </row>
    <row r="922" spans="1:53">
      <c r="A922" s="52" t="s">
        <v>3428</v>
      </c>
      <c r="B922" s="53">
        <v>0</v>
      </c>
      <c r="C922" s="53">
        <v>0</v>
      </c>
      <c r="D922" s="53">
        <v>0</v>
      </c>
      <c r="E922" s="53">
        <v>0</v>
      </c>
      <c r="F922" s="53">
        <v>0</v>
      </c>
      <c r="G922" s="53">
        <v>0</v>
      </c>
      <c r="H922" s="53">
        <v>0</v>
      </c>
      <c r="I922" s="53">
        <v>0</v>
      </c>
      <c r="J922" s="53">
        <v>0</v>
      </c>
      <c r="K922" s="53">
        <v>0</v>
      </c>
      <c r="L922" s="53">
        <v>0</v>
      </c>
      <c r="M922" s="53">
        <v>0</v>
      </c>
      <c r="N922" s="53">
        <v>0</v>
      </c>
      <c r="O922" s="53">
        <v>0</v>
      </c>
      <c r="P922" s="53">
        <v>0</v>
      </c>
      <c r="Q922" s="53">
        <v>0</v>
      </c>
      <c r="R922" s="53">
        <v>0</v>
      </c>
      <c r="S922" s="53">
        <v>0</v>
      </c>
      <c r="T922" s="53">
        <v>0</v>
      </c>
      <c r="U922" s="53">
        <v>0</v>
      </c>
      <c r="V922" s="53">
        <v>0</v>
      </c>
      <c r="W922" s="53">
        <v>0</v>
      </c>
      <c r="X922" s="53">
        <v>0</v>
      </c>
      <c r="Y922" s="53">
        <v>0</v>
      </c>
      <c r="Z922" s="53">
        <v>0</v>
      </c>
      <c r="AA922" s="53">
        <v>0</v>
      </c>
      <c r="AB922" s="53">
        <v>0</v>
      </c>
      <c r="AC922" s="53">
        <v>0</v>
      </c>
      <c r="AD922" s="53">
        <v>0</v>
      </c>
      <c r="AE922" s="53">
        <v>0</v>
      </c>
      <c r="AF922" s="53">
        <v>0</v>
      </c>
      <c r="AG922" s="53">
        <v>0</v>
      </c>
      <c r="AH922" s="53">
        <v>0</v>
      </c>
      <c r="AI922" s="53">
        <v>0</v>
      </c>
      <c r="AJ922" s="53">
        <v>0</v>
      </c>
      <c r="AK922" s="53">
        <v>0</v>
      </c>
      <c r="AL922" s="53">
        <v>0</v>
      </c>
      <c r="AM922" s="53">
        <v>0</v>
      </c>
      <c r="AN922" s="53">
        <v>0</v>
      </c>
      <c r="AO922" s="53">
        <v>0</v>
      </c>
      <c r="AP922" s="53">
        <v>0</v>
      </c>
      <c r="AQ922" s="53">
        <v>0</v>
      </c>
      <c r="AR922" s="53">
        <v>0</v>
      </c>
      <c r="AS922" s="53">
        <v>0</v>
      </c>
      <c r="AT922" s="53">
        <v>0</v>
      </c>
      <c r="AU922" s="53">
        <v>0</v>
      </c>
      <c r="AV922" s="53">
        <v>0</v>
      </c>
      <c r="AW922" s="53">
        <v>0</v>
      </c>
      <c r="AX922" s="53">
        <v>0</v>
      </c>
      <c r="AY922" s="53">
        <v>0</v>
      </c>
      <c r="AZ922" s="53">
        <v>0</v>
      </c>
      <c r="BA922" s="53">
        <v>0</v>
      </c>
    </row>
    <row r="923" spans="1:53">
      <c r="A923" s="52" t="s">
        <v>3429</v>
      </c>
      <c r="B923" s="53">
        <v>0</v>
      </c>
      <c r="C923" s="53">
        <v>0</v>
      </c>
      <c r="D923" s="53">
        <v>0</v>
      </c>
      <c r="E923" s="53">
        <v>0</v>
      </c>
      <c r="F923" s="53">
        <v>0</v>
      </c>
      <c r="G923" s="53">
        <v>0</v>
      </c>
      <c r="H923" s="53">
        <v>0</v>
      </c>
      <c r="I923" s="53">
        <v>0</v>
      </c>
      <c r="J923" s="53">
        <v>0</v>
      </c>
      <c r="K923" s="53">
        <v>0</v>
      </c>
      <c r="L923" s="53">
        <v>0</v>
      </c>
      <c r="M923" s="53">
        <v>0</v>
      </c>
      <c r="N923" s="53">
        <v>0</v>
      </c>
      <c r="O923" s="53">
        <v>0</v>
      </c>
      <c r="P923" s="53">
        <v>0</v>
      </c>
      <c r="Q923" s="53">
        <v>0</v>
      </c>
      <c r="R923" s="53">
        <v>0</v>
      </c>
      <c r="S923" s="53">
        <v>0</v>
      </c>
      <c r="T923" s="53">
        <v>0</v>
      </c>
      <c r="U923" s="53">
        <v>0</v>
      </c>
      <c r="V923" s="53">
        <v>0</v>
      </c>
      <c r="W923" s="53">
        <v>0</v>
      </c>
      <c r="X923" s="53">
        <v>0</v>
      </c>
      <c r="Y923" s="53">
        <v>0</v>
      </c>
      <c r="Z923" s="53">
        <v>0</v>
      </c>
      <c r="AA923" s="53">
        <v>0</v>
      </c>
      <c r="AB923" s="53">
        <v>0</v>
      </c>
      <c r="AC923" s="53">
        <v>0</v>
      </c>
      <c r="AD923" s="53">
        <v>0</v>
      </c>
      <c r="AE923" s="53">
        <v>0</v>
      </c>
      <c r="AF923" s="53">
        <v>0</v>
      </c>
      <c r="AG923" s="53">
        <v>0</v>
      </c>
      <c r="AH923" s="53">
        <v>0</v>
      </c>
      <c r="AI923" s="53">
        <v>0</v>
      </c>
      <c r="AJ923" s="53">
        <v>0</v>
      </c>
      <c r="AK923" s="53">
        <v>0</v>
      </c>
      <c r="AL923" s="53">
        <v>0</v>
      </c>
      <c r="AM923" s="53">
        <v>0</v>
      </c>
      <c r="AN923" s="53">
        <v>0</v>
      </c>
      <c r="AO923" s="53">
        <v>0</v>
      </c>
      <c r="AP923" s="53">
        <v>0</v>
      </c>
      <c r="AQ923" s="53">
        <v>0</v>
      </c>
      <c r="AR923" s="53">
        <v>0</v>
      </c>
      <c r="AS923" s="53">
        <v>0</v>
      </c>
      <c r="AT923" s="53">
        <v>0</v>
      </c>
      <c r="AU923" s="53">
        <v>0</v>
      </c>
      <c r="AV923" s="53">
        <v>0</v>
      </c>
      <c r="AW923" s="53">
        <v>0</v>
      </c>
      <c r="AX923" s="53">
        <v>0</v>
      </c>
      <c r="AY923" s="53">
        <v>0</v>
      </c>
      <c r="AZ923" s="53">
        <v>0</v>
      </c>
      <c r="BA923" s="53">
        <v>0</v>
      </c>
    </row>
    <row r="924" spans="1:53">
      <c r="A924" s="52" t="s">
        <v>3430</v>
      </c>
      <c r="B924" s="53">
        <v>-72095987.212222204</v>
      </c>
      <c r="C924" s="53">
        <v>-93843903.878888905</v>
      </c>
      <c r="D924" s="53">
        <v>-98141820.545555606</v>
      </c>
      <c r="E924" s="53">
        <v>-102029181.656666</v>
      </c>
      <c r="F924" s="53">
        <v>-106264598.323333</v>
      </c>
      <c r="G924" s="53">
        <v>-72650014.989999995</v>
      </c>
      <c r="H924" s="53">
        <v>-69260431.656666696</v>
      </c>
      <c r="I924" s="53">
        <v>-91008348.323333398</v>
      </c>
      <c r="J924" s="53">
        <v>-95306264.989999995</v>
      </c>
      <c r="K924" s="53">
        <v>-102029181.656666</v>
      </c>
      <c r="L924" s="53">
        <v>-106264598.323333</v>
      </c>
      <c r="M924" s="53">
        <v>-72650014.990000099</v>
      </c>
      <c r="N924" s="53">
        <v>-72650014.990000099</v>
      </c>
      <c r="O924" s="53">
        <v>-69182306.656666696</v>
      </c>
      <c r="P924" s="53">
        <v>-90930223.323333398</v>
      </c>
      <c r="Q924" s="53">
        <v>-95228139.990000099</v>
      </c>
      <c r="R924" s="53">
        <v>-101951056.656666</v>
      </c>
      <c r="S924" s="53">
        <v>-106186473.323333</v>
      </c>
      <c r="T924" s="53">
        <v>-72571889.990000099</v>
      </c>
      <c r="U924" s="53">
        <v>-69182306.6566668</v>
      </c>
      <c r="V924" s="53">
        <v>-90930223.323333398</v>
      </c>
      <c r="W924" s="53">
        <v>-95228139.990000099</v>
      </c>
      <c r="X924" s="53">
        <v>-101951056.656666</v>
      </c>
      <c r="Y924" s="53">
        <v>-106186473.323333</v>
      </c>
      <c r="Z924" s="53">
        <v>-72571889.990000099</v>
      </c>
      <c r="AA924" s="53">
        <v>-72571889.990000099</v>
      </c>
      <c r="AB924" s="53">
        <v>-69171889.990000099</v>
      </c>
      <c r="AC924" s="53">
        <v>-90919806.6566668</v>
      </c>
      <c r="AD924" s="53">
        <v>-95217723.323333502</v>
      </c>
      <c r="AE924" s="53">
        <v>-101940639.98999999</v>
      </c>
      <c r="AF924" s="53">
        <v>-106176056.656666</v>
      </c>
      <c r="AG924" s="53">
        <v>-72561473.323333502</v>
      </c>
      <c r="AH924" s="53">
        <v>-69171889.990000099</v>
      </c>
      <c r="AI924" s="53">
        <v>-90919806.6566668</v>
      </c>
      <c r="AJ924" s="53">
        <v>-95217723.323333502</v>
      </c>
      <c r="AK924" s="53">
        <v>-101940639.98999999</v>
      </c>
      <c r="AL924" s="53">
        <v>-106176056.656666</v>
      </c>
      <c r="AM924" s="53">
        <v>-72561473.323333502</v>
      </c>
      <c r="AN924" s="53">
        <v>-72561473.323333502</v>
      </c>
      <c r="AO924" s="53">
        <v>-68310431.6566668</v>
      </c>
      <c r="AP924" s="53">
        <v>-88325014.990000203</v>
      </c>
      <c r="AQ924" s="53">
        <v>-90889598.323333502</v>
      </c>
      <c r="AR924" s="53">
        <v>-95879181.656666905</v>
      </c>
      <c r="AS924" s="53">
        <v>-98381264.990000203</v>
      </c>
      <c r="AT924" s="53">
        <v>-63033348.323333502</v>
      </c>
      <c r="AU924" s="53">
        <v>-68310431.656666905</v>
      </c>
      <c r="AV924" s="53">
        <v>-88325014.990000203</v>
      </c>
      <c r="AW924" s="53">
        <v>-90889598.323333502</v>
      </c>
      <c r="AX924" s="53">
        <v>-95879181.6566668</v>
      </c>
      <c r="AY924" s="53">
        <v>-98381264.990000203</v>
      </c>
      <c r="AZ924" s="53">
        <v>-63033348.323333502</v>
      </c>
      <c r="BA924" s="53">
        <v>-63033348.323333502</v>
      </c>
    </row>
    <row r="925" spans="1:53">
      <c r="A925" s="58" t="s">
        <v>3431</v>
      </c>
      <c r="B925" s="134">
        <v>-77117011.072222203</v>
      </c>
      <c r="C925" s="134">
        <v>-98864927.738888904</v>
      </c>
      <c r="D925" s="134">
        <v>-103162844.40555499</v>
      </c>
      <c r="E925" s="134">
        <v>-107050205.516666</v>
      </c>
      <c r="F925" s="134">
        <v>-111285622.18333299</v>
      </c>
      <c r="G925" s="134">
        <v>-77671038.849999994</v>
      </c>
      <c r="H925" s="134">
        <v>-74281455.516666695</v>
      </c>
      <c r="I925" s="134">
        <v>-96029372.183333397</v>
      </c>
      <c r="J925" s="134">
        <v>-100327288.84999999</v>
      </c>
      <c r="K925" s="134">
        <v>-107050205.516666</v>
      </c>
      <c r="L925" s="134">
        <v>-111285622.18333299</v>
      </c>
      <c r="M925" s="134">
        <v>-77671038.850000098</v>
      </c>
      <c r="N925" s="134">
        <v>-77671038.850000098</v>
      </c>
      <c r="O925" s="134">
        <v>-74203330.516666695</v>
      </c>
      <c r="P925" s="134">
        <v>-95951247.183333397</v>
      </c>
      <c r="Q925" s="134">
        <v>-100249163.84999999</v>
      </c>
      <c r="R925" s="134">
        <v>-106972080.516666</v>
      </c>
      <c r="S925" s="134">
        <v>-111207497.18333299</v>
      </c>
      <c r="T925" s="134">
        <v>-77592913.850000098</v>
      </c>
      <c r="U925" s="134">
        <v>-74203330.5166668</v>
      </c>
      <c r="V925" s="134">
        <v>-95951247.183333397</v>
      </c>
      <c r="W925" s="134">
        <v>-100249163.84999999</v>
      </c>
      <c r="X925" s="134">
        <v>-106972080.516666</v>
      </c>
      <c r="Y925" s="134">
        <v>-111207497.18333299</v>
      </c>
      <c r="Z925" s="134">
        <v>-77592913.850000098</v>
      </c>
      <c r="AA925" s="134">
        <v>-77592913.850000098</v>
      </c>
      <c r="AB925" s="134">
        <v>-74192913.850000098</v>
      </c>
      <c r="AC925" s="134">
        <v>-95940830.5166668</v>
      </c>
      <c r="AD925" s="134">
        <v>-100238747.18333299</v>
      </c>
      <c r="AE925" s="134">
        <v>-106961663.84999999</v>
      </c>
      <c r="AF925" s="134">
        <v>-111197080.516666</v>
      </c>
      <c r="AG925" s="134">
        <v>-77582497.183333501</v>
      </c>
      <c r="AH925" s="134">
        <v>-74192913.850000098</v>
      </c>
      <c r="AI925" s="134">
        <v>-95940830.5166668</v>
      </c>
      <c r="AJ925" s="134">
        <v>-100238747.18333299</v>
      </c>
      <c r="AK925" s="134">
        <v>-106961663.84999999</v>
      </c>
      <c r="AL925" s="134">
        <v>-111197080.516666</v>
      </c>
      <c r="AM925" s="134">
        <v>-77582497.183333501</v>
      </c>
      <c r="AN925" s="134">
        <v>-77582497.183333501</v>
      </c>
      <c r="AO925" s="134">
        <v>-73331455.5166668</v>
      </c>
      <c r="AP925" s="134">
        <v>-93346038.850000203</v>
      </c>
      <c r="AQ925" s="134">
        <v>-95910622.183333501</v>
      </c>
      <c r="AR925" s="134">
        <v>-100900205.516666</v>
      </c>
      <c r="AS925" s="134">
        <v>-103402288.84999999</v>
      </c>
      <c r="AT925" s="134">
        <v>-68054372.183333501</v>
      </c>
      <c r="AU925" s="134">
        <v>-73331455.516666904</v>
      </c>
      <c r="AV925" s="134">
        <v>-93346038.850000203</v>
      </c>
      <c r="AW925" s="134">
        <v>-95910622.183333501</v>
      </c>
      <c r="AX925" s="134">
        <v>-100900205.516666</v>
      </c>
      <c r="AY925" s="134">
        <v>-103402288.84999999</v>
      </c>
      <c r="AZ925" s="134">
        <v>-68054372.183333501</v>
      </c>
      <c r="BA925" s="134">
        <v>-68054372.183333501</v>
      </c>
    </row>
    <row r="926" spans="1:53">
      <c r="A926" s="52" t="s">
        <v>1206</v>
      </c>
    </row>
    <row r="927" spans="1:53">
      <c r="A927" s="57" t="s">
        <v>3432</v>
      </c>
    </row>
    <row r="928" spans="1:53">
      <c r="A928" s="52" t="s">
        <v>3433</v>
      </c>
      <c r="B928" s="53">
        <v>0</v>
      </c>
      <c r="C928" s="53">
        <v>0</v>
      </c>
      <c r="D928" s="53">
        <v>0</v>
      </c>
      <c r="E928" s="53">
        <v>0</v>
      </c>
      <c r="F928" s="53">
        <v>0</v>
      </c>
      <c r="G928" s="53">
        <v>0</v>
      </c>
      <c r="H928" s="53">
        <v>0</v>
      </c>
      <c r="I928" s="53">
        <v>0</v>
      </c>
      <c r="J928" s="53">
        <v>0</v>
      </c>
      <c r="K928" s="53">
        <v>0</v>
      </c>
      <c r="L928" s="53">
        <v>0</v>
      </c>
      <c r="M928" s="53">
        <v>0</v>
      </c>
      <c r="N928" s="53">
        <v>0</v>
      </c>
      <c r="O928" s="53">
        <v>0</v>
      </c>
      <c r="P928" s="53">
        <v>0</v>
      </c>
      <c r="Q928" s="53">
        <v>0</v>
      </c>
      <c r="R928" s="53">
        <v>0</v>
      </c>
      <c r="S928" s="53">
        <v>0</v>
      </c>
      <c r="T928" s="53">
        <v>0</v>
      </c>
      <c r="U928" s="53">
        <v>0</v>
      </c>
      <c r="V928" s="53">
        <v>0</v>
      </c>
      <c r="W928" s="53">
        <v>0</v>
      </c>
      <c r="X928" s="53">
        <v>0</v>
      </c>
      <c r="Y928" s="53">
        <v>0</v>
      </c>
      <c r="Z928" s="53">
        <v>0</v>
      </c>
      <c r="AA928" s="53">
        <v>0</v>
      </c>
      <c r="AB928" s="53">
        <v>0</v>
      </c>
      <c r="AC928" s="53">
        <v>0</v>
      </c>
      <c r="AD928" s="53">
        <v>0</v>
      </c>
      <c r="AE928" s="53">
        <v>0</v>
      </c>
      <c r="AF928" s="53">
        <v>0</v>
      </c>
      <c r="AG928" s="53">
        <v>0</v>
      </c>
      <c r="AH928" s="53">
        <v>0</v>
      </c>
      <c r="AI928" s="53">
        <v>0</v>
      </c>
      <c r="AJ928" s="53">
        <v>0</v>
      </c>
      <c r="AK928" s="53">
        <v>0</v>
      </c>
      <c r="AL928" s="53">
        <v>0</v>
      </c>
      <c r="AM928" s="53">
        <v>0</v>
      </c>
      <c r="AN928" s="53">
        <v>0</v>
      </c>
      <c r="AO928" s="53">
        <v>0</v>
      </c>
      <c r="AP928" s="53">
        <v>0</v>
      </c>
      <c r="AQ928" s="53">
        <v>0</v>
      </c>
      <c r="AR928" s="53">
        <v>0</v>
      </c>
      <c r="AS928" s="53">
        <v>0</v>
      </c>
      <c r="AT928" s="53">
        <v>0</v>
      </c>
      <c r="AU928" s="53">
        <v>0</v>
      </c>
      <c r="AV928" s="53">
        <v>0</v>
      </c>
      <c r="AW928" s="53">
        <v>0</v>
      </c>
      <c r="AX928" s="53">
        <v>0</v>
      </c>
      <c r="AY928" s="53">
        <v>0</v>
      </c>
      <c r="AZ928" s="53">
        <v>0</v>
      </c>
      <c r="BA928" s="53">
        <v>0</v>
      </c>
    </row>
    <row r="929" spans="1:53">
      <c r="A929" s="58" t="s">
        <v>3434</v>
      </c>
      <c r="B929" s="134">
        <v>0</v>
      </c>
      <c r="C929" s="134">
        <v>0</v>
      </c>
      <c r="D929" s="134">
        <v>0</v>
      </c>
      <c r="E929" s="134">
        <v>0</v>
      </c>
      <c r="F929" s="134">
        <v>0</v>
      </c>
      <c r="G929" s="134">
        <v>0</v>
      </c>
      <c r="H929" s="134">
        <v>0</v>
      </c>
      <c r="I929" s="134">
        <v>0</v>
      </c>
      <c r="J929" s="134">
        <v>0</v>
      </c>
      <c r="K929" s="134">
        <v>0</v>
      </c>
      <c r="L929" s="134">
        <v>0</v>
      </c>
      <c r="M929" s="134">
        <v>0</v>
      </c>
      <c r="N929" s="134">
        <v>0</v>
      </c>
      <c r="O929" s="134">
        <v>0</v>
      </c>
      <c r="P929" s="134">
        <v>0</v>
      </c>
      <c r="Q929" s="134">
        <v>0</v>
      </c>
      <c r="R929" s="134">
        <v>0</v>
      </c>
      <c r="S929" s="134">
        <v>0</v>
      </c>
      <c r="T929" s="134">
        <v>0</v>
      </c>
      <c r="U929" s="134">
        <v>0</v>
      </c>
      <c r="V929" s="134">
        <v>0</v>
      </c>
      <c r="W929" s="134">
        <v>0</v>
      </c>
      <c r="X929" s="134">
        <v>0</v>
      </c>
      <c r="Y929" s="134">
        <v>0</v>
      </c>
      <c r="Z929" s="134">
        <v>0</v>
      </c>
      <c r="AA929" s="134">
        <v>0</v>
      </c>
      <c r="AB929" s="134">
        <v>0</v>
      </c>
      <c r="AC929" s="134">
        <v>0</v>
      </c>
      <c r="AD929" s="134">
        <v>0</v>
      </c>
      <c r="AE929" s="134">
        <v>0</v>
      </c>
      <c r="AF929" s="134">
        <v>0</v>
      </c>
      <c r="AG929" s="134">
        <v>0</v>
      </c>
      <c r="AH929" s="134">
        <v>0</v>
      </c>
      <c r="AI929" s="134">
        <v>0</v>
      </c>
      <c r="AJ929" s="134">
        <v>0</v>
      </c>
      <c r="AK929" s="134">
        <v>0</v>
      </c>
      <c r="AL929" s="134">
        <v>0</v>
      </c>
      <c r="AM929" s="134">
        <v>0</v>
      </c>
      <c r="AN929" s="134">
        <v>0</v>
      </c>
      <c r="AO929" s="134">
        <v>0</v>
      </c>
      <c r="AP929" s="134">
        <v>0</v>
      </c>
      <c r="AQ929" s="134">
        <v>0</v>
      </c>
      <c r="AR929" s="134">
        <v>0</v>
      </c>
      <c r="AS929" s="134">
        <v>0</v>
      </c>
      <c r="AT929" s="134">
        <v>0</v>
      </c>
      <c r="AU929" s="134">
        <v>0</v>
      </c>
      <c r="AV929" s="134">
        <v>0</v>
      </c>
      <c r="AW929" s="134">
        <v>0</v>
      </c>
      <c r="AX929" s="134">
        <v>0</v>
      </c>
      <c r="AY929" s="134">
        <v>0</v>
      </c>
      <c r="AZ929" s="134">
        <v>0</v>
      </c>
      <c r="BA929" s="134">
        <v>0</v>
      </c>
    </row>
    <row r="930" spans="1:53">
      <c r="A930" s="52" t="s">
        <v>1207</v>
      </c>
    </row>
    <row r="931" spans="1:53">
      <c r="A931" s="57" t="s">
        <v>3435</v>
      </c>
    </row>
    <row r="932" spans="1:53">
      <c r="A932" s="52" t="s">
        <v>3436</v>
      </c>
      <c r="B932" s="53">
        <v>-6633.02</v>
      </c>
      <c r="C932" s="53">
        <v>-6633.02</v>
      </c>
      <c r="D932" s="53">
        <v>-6633.02</v>
      </c>
      <c r="E932" s="53">
        <v>-6633.02</v>
      </c>
      <c r="F932" s="53">
        <v>-6633.02</v>
      </c>
      <c r="G932" s="53">
        <v>-6633.02</v>
      </c>
      <c r="H932" s="53">
        <v>-6633.02</v>
      </c>
      <c r="I932" s="53">
        <v>-6633.02</v>
      </c>
      <c r="J932" s="53">
        <v>-6633.02</v>
      </c>
      <c r="K932" s="53">
        <v>-6633.02</v>
      </c>
      <c r="L932" s="53">
        <v>-6633.02</v>
      </c>
      <c r="M932" s="53">
        <v>-6633.02</v>
      </c>
      <c r="N932" s="53">
        <v>-6633.02</v>
      </c>
      <c r="O932" s="53">
        <v>-6633.02</v>
      </c>
      <c r="P932" s="53">
        <v>-6633.02</v>
      </c>
      <c r="Q932" s="53">
        <v>-6633.02</v>
      </c>
      <c r="R932" s="53">
        <v>-6633.02</v>
      </c>
      <c r="S932" s="53">
        <v>-6633.02</v>
      </c>
      <c r="T932" s="53">
        <v>-6633.02</v>
      </c>
      <c r="U932" s="53">
        <v>-6633.02</v>
      </c>
      <c r="V932" s="53">
        <v>-6633.02</v>
      </c>
      <c r="W932" s="53">
        <v>-6633.02</v>
      </c>
      <c r="X932" s="53">
        <v>-6633.02</v>
      </c>
      <c r="Y932" s="53">
        <v>-6633.02</v>
      </c>
      <c r="Z932" s="53">
        <v>-6633.02</v>
      </c>
      <c r="AA932" s="53">
        <v>-6633.02</v>
      </c>
      <c r="AB932" s="53">
        <v>-6633.02</v>
      </c>
      <c r="AC932" s="53">
        <v>-6633.02</v>
      </c>
      <c r="AD932" s="53">
        <v>-6633.02</v>
      </c>
      <c r="AE932" s="53">
        <v>-6633.02</v>
      </c>
      <c r="AF932" s="53">
        <v>-6633.02</v>
      </c>
      <c r="AG932" s="53">
        <v>-6633.02</v>
      </c>
      <c r="AH932" s="53">
        <v>-6633.02</v>
      </c>
      <c r="AI932" s="53">
        <v>-6633.02</v>
      </c>
      <c r="AJ932" s="53">
        <v>-6633.02</v>
      </c>
      <c r="AK932" s="53">
        <v>-6633.02</v>
      </c>
      <c r="AL932" s="53">
        <v>-6633.02</v>
      </c>
      <c r="AM932" s="53">
        <v>-6633.02</v>
      </c>
      <c r="AN932" s="53">
        <v>-6633.02</v>
      </c>
      <c r="AO932" s="53">
        <v>-6633.02</v>
      </c>
      <c r="AP932" s="53">
        <v>-6633.02</v>
      </c>
      <c r="AQ932" s="53">
        <v>-6633.02</v>
      </c>
      <c r="AR932" s="53">
        <v>-6633.02</v>
      </c>
      <c r="AS932" s="53">
        <v>-6633.02</v>
      </c>
      <c r="AT932" s="53">
        <v>-6633.02</v>
      </c>
      <c r="AU932" s="53">
        <v>-6633.02</v>
      </c>
      <c r="AV932" s="53">
        <v>-6633.02</v>
      </c>
      <c r="AW932" s="53">
        <v>-6633.02</v>
      </c>
      <c r="AX932" s="53">
        <v>-6633.02</v>
      </c>
      <c r="AY932" s="53">
        <v>-6633.02</v>
      </c>
      <c r="AZ932" s="53">
        <v>-6633.02</v>
      </c>
      <c r="BA932" s="53">
        <v>-6633.02</v>
      </c>
    </row>
    <row r="933" spans="1:53">
      <c r="A933" s="52" t="s">
        <v>3437</v>
      </c>
      <c r="B933" s="53">
        <v>0</v>
      </c>
      <c r="C933" s="53">
        <v>0</v>
      </c>
      <c r="D933" s="53">
        <v>0</v>
      </c>
      <c r="E933" s="53">
        <v>0</v>
      </c>
      <c r="F933" s="53">
        <v>0</v>
      </c>
      <c r="G933" s="53">
        <v>0</v>
      </c>
      <c r="H933" s="53">
        <v>0</v>
      </c>
      <c r="I933" s="53">
        <v>0</v>
      </c>
      <c r="J933" s="53">
        <v>0</v>
      </c>
      <c r="K933" s="53">
        <v>0</v>
      </c>
      <c r="L933" s="53">
        <v>0</v>
      </c>
      <c r="M933" s="53">
        <v>0</v>
      </c>
      <c r="N933" s="53">
        <v>0</v>
      </c>
      <c r="O933" s="53">
        <v>0</v>
      </c>
      <c r="P933" s="53">
        <v>0</v>
      </c>
      <c r="Q933" s="53">
        <v>0</v>
      </c>
      <c r="R933" s="53">
        <v>0</v>
      </c>
      <c r="S933" s="53">
        <v>0</v>
      </c>
      <c r="T933" s="53">
        <v>0</v>
      </c>
      <c r="U933" s="53">
        <v>0</v>
      </c>
      <c r="V933" s="53">
        <v>0</v>
      </c>
      <c r="W933" s="53">
        <v>0</v>
      </c>
      <c r="X933" s="53">
        <v>0</v>
      </c>
      <c r="Y933" s="53">
        <v>0</v>
      </c>
      <c r="Z933" s="53">
        <v>0</v>
      </c>
      <c r="AA933" s="53">
        <v>0</v>
      </c>
      <c r="AB933" s="53">
        <v>0</v>
      </c>
      <c r="AC933" s="53">
        <v>0</v>
      </c>
      <c r="AD933" s="53">
        <v>0</v>
      </c>
      <c r="AE933" s="53">
        <v>0</v>
      </c>
      <c r="AF933" s="53">
        <v>0</v>
      </c>
      <c r="AG933" s="53">
        <v>0</v>
      </c>
      <c r="AH933" s="53">
        <v>0</v>
      </c>
      <c r="AI933" s="53">
        <v>0</v>
      </c>
      <c r="AJ933" s="53">
        <v>0</v>
      </c>
      <c r="AK933" s="53">
        <v>0</v>
      </c>
      <c r="AL933" s="53">
        <v>0</v>
      </c>
      <c r="AM933" s="53">
        <v>0</v>
      </c>
      <c r="AN933" s="53">
        <v>0</v>
      </c>
      <c r="AO933" s="53">
        <v>0</v>
      </c>
      <c r="AP933" s="53">
        <v>0</v>
      </c>
      <c r="AQ933" s="53">
        <v>0</v>
      </c>
      <c r="AR933" s="53">
        <v>0</v>
      </c>
      <c r="AS933" s="53">
        <v>0</v>
      </c>
      <c r="AT933" s="53">
        <v>0</v>
      </c>
      <c r="AU933" s="53">
        <v>0</v>
      </c>
      <c r="AV933" s="53">
        <v>0</v>
      </c>
      <c r="AW933" s="53">
        <v>0</v>
      </c>
      <c r="AX933" s="53">
        <v>0</v>
      </c>
      <c r="AY933" s="53">
        <v>0</v>
      </c>
      <c r="AZ933" s="53">
        <v>0</v>
      </c>
      <c r="BA933" s="53">
        <v>0</v>
      </c>
    </row>
    <row r="934" spans="1:53">
      <c r="A934" s="52" t="s">
        <v>3438</v>
      </c>
      <c r="B934" s="53">
        <v>-4651.62</v>
      </c>
      <c r="C934" s="53">
        <v>-4651.62</v>
      </c>
      <c r="D934" s="53">
        <v>-4651.62</v>
      </c>
      <c r="E934" s="53">
        <v>-4651.62</v>
      </c>
      <c r="F934" s="53">
        <v>-4651.62</v>
      </c>
      <c r="G934" s="53">
        <v>-4651.62</v>
      </c>
      <c r="H934" s="53">
        <v>-4651.62</v>
      </c>
      <c r="I934" s="53">
        <v>-4651.62</v>
      </c>
      <c r="J934" s="53">
        <v>-4651.62</v>
      </c>
      <c r="K934" s="53">
        <v>-4651.62</v>
      </c>
      <c r="L934" s="53">
        <v>-4651.62</v>
      </c>
      <c r="M934" s="53">
        <v>-4651.62</v>
      </c>
      <c r="N934" s="53">
        <v>-4651.62</v>
      </c>
      <c r="O934" s="53">
        <v>-4651.62</v>
      </c>
      <c r="P934" s="53">
        <v>-4651.62</v>
      </c>
      <c r="Q934" s="53">
        <v>-4651.62</v>
      </c>
      <c r="R934" s="53">
        <v>-4651.62</v>
      </c>
      <c r="S934" s="53">
        <v>-4651.62</v>
      </c>
      <c r="T934" s="53">
        <v>-4651.62</v>
      </c>
      <c r="U934" s="53">
        <v>-4651.62</v>
      </c>
      <c r="V934" s="53">
        <v>-4651.62</v>
      </c>
      <c r="W934" s="53">
        <v>-4651.62</v>
      </c>
      <c r="X934" s="53">
        <v>-4651.62</v>
      </c>
      <c r="Y934" s="53">
        <v>-4651.62</v>
      </c>
      <c r="Z934" s="53">
        <v>-4651.62</v>
      </c>
      <c r="AA934" s="53">
        <v>-4651.62</v>
      </c>
      <c r="AB934" s="53">
        <v>-4651.62</v>
      </c>
      <c r="AC934" s="53">
        <v>-4651.62</v>
      </c>
      <c r="AD934" s="53">
        <v>-4651.62</v>
      </c>
      <c r="AE934" s="53">
        <v>-4651.62</v>
      </c>
      <c r="AF934" s="53">
        <v>-4651.62</v>
      </c>
      <c r="AG934" s="53">
        <v>-4651.62</v>
      </c>
      <c r="AH934" s="53">
        <v>-4651.62</v>
      </c>
      <c r="AI934" s="53">
        <v>-4651.62</v>
      </c>
      <c r="AJ934" s="53">
        <v>-4651.62</v>
      </c>
      <c r="AK934" s="53">
        <v>-4651.62</v>
      </c>
      <c r="AL934" s="53">
        <v>-4651.62</v>
      </c>
      <c r="AM934" s="53">
        <v>-4651.62</v>
      </c>
      <c r="AN934" s="53">
        <v>-4651.62</v>
      </c>
      <c r="AO934" s="53">
        <v>-4651.62</v>
      </c>
      <c r="AP934" s="53">
        <v>-4651.62</v>
      </c>
      <c r="AQ934" s="53">
        <v>-4651.62</v>
      </c>
      <c r="AR934" s="53">
        <v>-4651.62</v>
      </c>
      <c r="AS934" s="53">
        <v>-4651.62</v>
      </c>
      <c r="AT934" s="53">
        <v>-4651.62</v>
      </c>
      <c r="AU934" s="53">
        <v>-4651.62</v>
      </c>
      <c r="AV934" s="53">
        <v>-4651.62</v>
      </c>
      <c r="AW934" s="53">
        <v>-4651.62</v>
      </c>
      <c r="AX934" s="53">
        <v>-4651.62</v>
      </c>
      <c r="AY934" s="53">
        <v>-4651.62</v>
      </c>
      <c r="AZ934" s="53">
        <v>-4651.62</v>
      </c>
      <c r="BA934" s="53">
        <v>-4651.62</v>
      </c>
    </row>
    <row r="935" spans="1:53">
      <c r="A935" s="52" t="s">
        <v>3439</v>
      </c>
      <c r="B935" s="53">
        <v>-496.56</v>
      </c>
      <c r="C935" s="53">
        <v>-496.56</v>
      </c>
      <c r="D935" s="53">
        <v>-496.56</v>
      </c>
      <c r="E935" s="53">
        <v>-496.56</v>
      </c>
      <c r="F935" s="53">
        <v>-496.56</v>
      </c>
      <c r="G935" s="53">
        <v>-496.56</v>
      </c>
      <c r="H935" s="53">
        <v>-496.56</v>
      </c>
      <c r="I935" s="53">
        <v>-496.56</v>
      </c>
      <c r="J935" s="53">
        <v>-496.56</v>
      </c>
      <c r="K935" s="53">
        <v>-496.56</v>
      </c>
      <c r="L935" s="53">
        <v>-496.56</v>
      </c>
      <c r="M935" s="53">
        <v>-496.56</v>
      </c>
      <c r="N935" s="53">
        <v>-496.56</v>
      </c>
      <c r="O935" s="53">
        <v>-496.56</v>
      </c>
      <c r="P935" s="53">
        <v>-496.56</v>
      </c>
      <c r="Q935" s="53">
        <v>-496.56</v>
      </c>
      <c r="R935" s="53">
        <v>-496.56</v>
      </c>
      <c r="S935" s="53">
        <v>-496.56</v>
      </c>
      <c r="T935" s="53">
        <v>-496.56</v>
      </c>
      <c r="U935" s="53">
        <v>-496.56</v>
      </c>
      <c r="V935" s="53">
        <v>-496.56</v>
      </c>
      <c r="W935" s="53">
        <v>-496.56</v>
      </c>
      <c r="X935" s="53">
        <v>-496.56</v>
      </c>
      <c r="Y935" s="53">
        <v>-496.56</v>
      </c>
      <c r="Z935" s="53">
        <v>-496.56</v>
      </c>
      <c r="AA935" s="53">
        <v>-496.56</v>
      </c>
      <c r="AB935" s="53">
        <v>-496.56</v>
      </c>
      <c r="AC935" s="53">
        <v>-496.56</v>
      </c>
      <c r="AD935" s="53">
        <v>-496.56</v>
      </c>
      <c r="AE935" s="53">
        <v>-496.56</v>
      </c>
      <c r="AF935" s="53">
        <v>-496.56</v>
      </c>
      <c r="AG935" s="53">
        <v>-496.56</v>
      </c>
      <c r="AH935" s="53">
        <v>-496.56</v>
      </c>
      <c r="AI935" s="53">
        <v>-496.56</v>
      </c>
      <c r="AJ935" s="53">
        <v>-496.56</v>
      </c>
      <c r="AK935" s="53">
        <v>-496.56</v>
      </c>
      <c r="AL935" s="53">
        <v>-496.56</v>
      </c>
      <c r="AM935" s="53">
        <v>-496.56</v>
      </c>
      <c r="AN935" s="53">
        <v>-496.56</v>
      </c>
      <c r="AO935" s="53">
        <v>-496.56</v>
      </c>
      <c r="AP935" s="53">
        <v>-496.56</v>
      </c>
      <c r="AQ935" s="53">
        <v>-496.56</v>
      </c>
      <c r="AR935" s="53">
        <v>-496.56</v>
      </c>
      <c r="AS935" s="53">
        <v>-496.56</v>
      </c>
      <c r="AT935" s="53">
        <v>-496.56</v>
      </c>
      <c r="AU935" s="53">
        <v>-496.56</v>
      </c>
      <c r="AV935" s="53">
        <v>-496.56</v>
      </c>
      <c r="AW935" s="53">
        <v>-496.56</v>
      </c>
      <c r="AX935" s="53">
        <v>-496.56</v>
      </c>
      <c r="AY935" s="53">
        <v>-496.56</v>
      </c>
      <c r="AZ935" s="53">
        <v>-496.56</v>
      </c>
      <c r="BA935" s="53">
        <v>-496.56</v>
      </c>
    </row>
    <row r="936" spans="1:53">
      <c r="A936" s="52" t="s">
        <v>3440</v>
      </c>
      <c r="B936" s="53">
        <v>-7891106.25</v>
      </c>
      <c r="C936" s="53">
        <v>-7891106.25</v>
      </c>
      <c r="D936" s="53">
        <v>-7891106.25</v>
      </c>
      <c r="E936" s="53">
        <v>-7891106.25</v>
      </c>
      <c r="F936" s="53">
        <v>-7891106.25</v>
      </c>
      <c r="G936" s="53">
        <v>-7891106.25</v>
      </c>
      <c r="H936" s="53">
        <v>-7891106.25</v>
      </c>
      <c r="I936" s="53">
        <v>-7891106.25</v>
      </c>
      <c r="J936" s="53">
        <v>-7891106.25</v>
      </c>
      <c r="K936" s="53">
        <v>-7891106.25</v>
      </c>
      <c r="L936" s="53">
        <v>-7891106.25</v>
      </c>
      <c r="M936" s="53">
        <v>-7891106.25</v>
      </c>
      <c r="N936" s="53">
        <v>-7891106.25</v>
      </c>
      <c r="O936" s="53">
        <v>-7891106.25</v>
      </c>
      <c r="P936" s="53">
        <v>-7891106.25</v>
      </c>
      <c r="Q936" s="53">
        <v>-7891106.25</v>
      </c>
      <c r="R936" s="53">
        <v>-7891106.25</v>
      </c>
      <c r="S936" s="53">
        <v>-7891106.25</v>
      </c>
      <c r="T936" s="53">
        <v>-7891106.25</v>
      </c>
      <c r="U936" s="53">
        <v>-7891106.25</v>
      </c>
      <c r="V936" s="53">
        <v>-7891106.25</v>
      </c>
      <c r="W936" s="53">
        <v>-7891106.25</v>
      </c>
      <c r="X936" s="53">
        <v>-7891106.25</v>
      </c>
      <c r="Y936" s="53">
        <v>-7891106.25</v>
      </c>
      <c r="Z936" s="53">
        <v>-7891106.25</v>
      </c>
      <c r="AA936" s="53">
        <v>-7891106.25</v>
      </c>
      <c r="AB936" s="53">
        <v>-7891106.25</v>
      </c>
      <c r="AC936" s="53">
        <v>-7891106.25</v>
      </c>
      <c r="AD936" s="53">
        <v>-7891106.25</v>
      </c>
      <c r="AE936" s="53">
        <v>-7891106.25</v>
      </c>
      <c r="AF936" s="53">
        <v>-7891106.25</v>
      </c>
      <c r="AG936" s="53">
        <v>-7891106.25</v>
      </c>
      <c r="AH936" s="53">
        <v>-7891106.25</v>
      </c>
      <c r="AI936" s="53">
        <v>-7891106.25</v>
      </c>
      <c r="AJ936" s="53">
        <v>-7891106.25</v>
      </c>
      <c r="AK936" s="53">
        <v>-7891106.25</v>
      </c>
      <c r="AL936" s="53">
        <v>-7891106.25</v>
      </c>
      <c r="AM936" s="53">
        <v>-7891106.25</v>
      </c>
      <c r="AN936" s="53">
        <v>-7891106.25</v>
      </c>
      <c r="AO936" s="53">
        <v>-7891106.25</v>
      </c>
      <c r="AP936" s="53">
        <v>-7891106.25</v>
      </c>
      <c r="AQ936" s="53">
        <v>-7891106.25</v>
      </c>
      <c r="AR936" s="53">
        <v>-7891106.25</v>
      </c>
      <c r="AS936" s="53">
        <v>-7891106.25</v>
      </c>
      <c r="AT936" s="53">
        <v>-7891106.25</v>
      </c>
      <c r="AU936" s="53">
        <v>-7891106.25</v>
      </c>
      <c r="AV936" s="53">
        <v>-7891106.25</v>
      </c>
      <c r="AW936" s="53">
        <v>-7891106.25</v>
      </c>
      <c r="AX936" s="53">
        <v>-7891106.25</v>
      </c>
      <c r="AY936" s="53">
        <v>-7891106.25</v>
      </c>
      <c r="AZ936" s="53">
        <v>-7891106.25</v>
      </c>
      <c r="BA936" s="53">
        <v>-7891106.25</v>
      </c>
    </row>
    <row r="937" spans="1:53">
      <c r="A937" s="52" t="s">
        <v>3441</v>
      </c>
      <c r="B937" s="53">
        <v>2609185.17</v>
      </c>
      <c r="C937" s="53">
        <v>2609185.17</v>
      </c>
      <c r="D937" s="53">
        <v>2609185.17</v>
      </c>
      <c r="E937" s="53">
        <v>2609185.17</v>
      </c>
      <c r="F937" s="53">
        <v>2609185.17</v>
      </c>
      <c r="G937" s="53">
        <v>2609185.17</v>
      </c>
      <c r="H937" s="53">
        <v>2609185.17</v>
      </c>
      <c r="I937" s="53">
        <v>2609185.17</v>
      </c>
      <c r="J937" s="53">
        <v>2609185.17</v>
      </c>
      <c r="K937" s="53">
        <v>2609185.17</v>
      </c>
      <c r="L937" s="53">
        <v>2609185.17</v>
      </c>
      <c r="M937" s="53">
        <v>2609185.17</v>
      </c>
      <c r="N937" s="53">
        <v>2609185.17</v>
      </c>
      <c r="O937" s="53">
        <v>2609185.17</v>
      </c>
      <c r="P937" s="53">
        <v>2609185.17</v>
      </c>
      <c r="Q937" s="53">
        <v>2609185.17</v>
      </c>
      <c r="R937" s="53">
        <v>2609185.17</v>
      </c>
      <c r="S937" s="53">
        <v>2609185.17</v>
      </c>
      <c r="T937" s="53">
        <v>2609185.17</v>
      </c>
      <c r="U937" s="53">
        <v>2609185.17</v>
      </c>
      <c r="V937" s="53">
        <v>2609185.17</v>
      </c>
      <c r="W937" s="53">
        <v>2609185.17</v>
      </c>
      <c r="X937" s="53">
        <v>2609185.17</v>
      </c>
      <c r="Y937" s="53">
        <v>2609185.17</v>
      </c>
      <c r="Z937" s="53">
        <v>2609185.17</v>
      </c>
      <c r="AA937" s="53">
        <v>2609185.17</v>
      </c>
      <c r="AB937" s="53">
        <v>2609185.17</v>
      </c>
      <c r="AC937" s="53">
        <v>2609185.17</v>
      </c>
      <c r="AD937" s="53">
        <v>2609185.17</v>
      </c>
      <c r="AE937" s="53">
        <v>2609185.17</v>
      </c>
      <c r="AF937" s="53">
        <v>2609185.17</v>
      </c>
      <c r="AG937" s="53">
        <v>2609185.17</v>
      </c>
      <c r="AH937" s="53">
        <v>2609185.17</v>
      </c>
      <c r="AI937" s="53">
        <v>2609185.17</v>
      </c>
      <c r="AJ937" s="53">
        <v>2609185.17</v>
      </c>
      <c r="AK937" s="53">
        <v>2609185.17</v>
      </c>
      <c r="AL937" s="53">
        <v>2609185.17</v>
      </c>
      <c r="AM937" s="53">
        <v>2609185.17</v>
      </c>
      <c r="AN937" s="53">
        <v>2609185.17</v>
      </c>
      <c r="AO937" s="53">
        <v>2609185.17</v>
      </c>
      <c r="AP937" s="53">
        <v>2609185.17</v>
      </c>
      <c r="AQ937" s="53">
        <v>2609185.17</v>
      </c>
      <c r="AR937" s="53">
        <v>2609185.17</v>
      </c>
      <c r="AS937" s="53">
        <v>2609185.17</v>
      </c>
      <c r="AT937" s="53">
        <v>2609185.17</v>
      </c>
      <c r="AU937" s="53">
        <v>2609185.17</v>
      </c>
      <c r="AV937" s="53">
        <v>2609185.17</v>
      </c>
      <c r="AW937" s="53">
        <v>2609185.17</v>
      </c>
      <c r="AX937" s="53">
        <v>2609185.17</v>
      </c>
      <c r="AY937" s="53">
        <v>2609185.17</v>
      </c>
      <c r="AZ937" s="53">
        <v>2609185.17</v>
      </c>
      <c r="BA937" s="53">
        <v>2609185.17</v>
      </c>
    </row>
    <row r="938" spans="1:53">
      <c r="A938" s="52" t="s">
        <v>3442</v>
      </c>
      <c r="B938" s="53">
        <v>-344.41</v>
      </c>
      <c r="C938" s="53">
        <v>-344.41</v>
      </c>
      <c r="D938" s="53">
        <v>-344.41</v>
      </c>
      <c r="E938" s="53">
        <v>-344.41</v>
      </c>
      <c r="F938" s="53">
        <v>-344.41</v>
      </c>
      <c r="G938" s="53">
        <v>-344.41</v>
      </c>
      <c r="H938" s="53">
        <v>-344.41</v>
      </c>
      <c r="I938" s="53">
        <v>-344.41</v>
      </c>
      <c r="J938" s="53">
        <v>-344.41</v>
      </c>
      <c r="K938" s="53">
        <v>-344.41</v>
      </c>
      <c r="L938" s="53">
        <v>-344.41</v>
      </c>
      <c r="M938" s="53">
        <v>-344.41</v>
      </c>
      <c r="N938" s="53">
        <v>-344.41</v>
      </c>
      <c r="O938" s="53">
        <v>-344.41</v>
      </c>
      <c r="P938" s="53">
        <v>-344.41</v>
      </c>
      <c r="Q938" s="53">
        <v>-344.41</v>
      </c>
      <c r="R938" s="53">
        <v>-344.41</v>
      </c>
      <c r="S938" s="53">
        <v>-344.41</v>
      </c>
      <c r="T938" s="53">
        <v>-344.41</v>
      </c>
      <c r="U938" s="53">
        <v>-344.41</v>
      </c>
      <c r="V938" s="53">
        <v>-344.41</v>
      </c>
      <c r="W938" s="53">
        <v>-344.41</v>
      </c>
      <c r="X938" s="53">
        <v>-344.41</v>
      </c>
      <c r="Y938" s="53">
        <v>-344.41</v>
      </c>
      <c r="Z938" s="53">
        <v>-344.41</v>
      </c>
      <c r="AA938" s="53">
        <v>-344.41</v>
      </c>
      <c r="AB938" s="53">
        <v>-344.41</v>
      </c>
      <c r="AC938" s="53">
        <v>-344.41</v>
      </c>
      <c r="AD938" s="53">
        <v>-344.41</v>
      </c>
      <c r="AE938" s="53">
        <v>-344.41</v>
      </c>
      <c r="AF938" s="53">
        <v>-344.41</v>
      </c>
      <c r="AG938" s="53">
        <v>-344.41</v>
      </c>
      <c r="AH938" s="53">
        <v>-344.41</v>
      </c>
      <c r="AI938" s="53">
        <v>-344.41</v>
      </c>
      <c r="AJ938" s="53">
        <v>-344.41</v>
      </c>
      <c r="AK938" s="53">
        <v>-344.41</v>
      </c>
      <c r="AL938" s="53">
        <v>-344.41</v>
      </c>
      <c r="AM938" s="53">
        <v>-344.41</v>
      </c>
      <c r="AN938" s="53">
        <v>-344.41</v>
      </c>
      <c r="AO938" s="53">
        <v>-344.41</v>
      </c>
      <c r="AP938" s="53">
        <v>-344.41</v>
      </c>
      <c r="AQ938" s="53">
        <v>-344.41</v>
      </c>
      <c r="AR938" s="53">
        <v>-344.41</v>
      </c>
      <c r="AS938" s="53">
        <v>-344.41</v>
      </c>
      <c r="AT938" s="53">
        <v>-344.41</v>
      </c>
      <c r="AU938" s="53">
        <v>-344.41</v>
      </c>
      <c r="AV938" s="53">
        <v>-344.41</v>
      </c>
      <c r="AW938" s="53">
        <v>-344.41</v>
      </c>
      <c r="AX938" s="53">
        <v>-344.41</v>
      </c>
      <c r="AY938" s="53">
        <v>-344.41</v>
      </c>
      <c r="AZ938" s="53">
        <v>-344.41</v>
      </c>
      <c r="BA938" s="53">
        <v>-344.41</v>
      </c>
    </row>
    <row r="939" spans="1:53">
      <c r="A939" s="52" t="s">
        <v>3443</v>
      </c>
      <c r="B939" s="53">
        <v>-1470.55</v>
      </c>
      <c r="C939" s="53">
        <v>-1470.55</v>
      </c>
      <c r="D939" s="53">
        <v>-1470.55</v>
      </c>
      <c r="E939" s="53">
        <v>-1470.55</v>
      </c>
      <c r="F939" s="53">
        <v>-1470.55</v>
      </c>
      <c r="G939" s="53">
        <v>-1470.55</v>
      </c>
      <c r="H939" s="53">
        <v>-1470.55</v>
      </c>
      <c r="I939" s="53">
        <v>-1470.55</v>
      </c>
      <c r="J939" s="53">
        <v>-1470.55</v>
      </c>
      <c r="K939" s="53">
        <v>-1470.55</v>
      </c>
      <c r="L939" s="53">
        <v>-1470.55</v>
      </c>
      <c r="M939" s="53">
        <v>-1470.55</v>
      </c>
      <c r="N939" s="53">
        <v>-1470.55</v>
      </c>
      <c r="O939" s="53">
        <v>-1470.55</v>
      </c>
      <c r="P939" s="53">
        <v>-1470.55</v>
      </c>
      <c r="Q939" s="53">
        <v>-1470.55</v>
      </c>
      <c r="R939" s="53">
        <v>-1470.55</v>
      </c>
      <c r="S939" s="53">
        <v>-1470.55</v>
      </c>
      <c r="T939" s="53">
        <v>-1470.55</v>
      </c>
      <c r="U939" s="53">
        <v>-1470.55</v>
      </c>
      <c r="V939" s="53">
        <v>-1470.55</v>
      </c>
      <c r="W939" s="53">
        <v>-1470.55</v>
      </c>
      <c r="X939" s="53">
        <v>-1470.55</v>
      </c>
      <c r="Y939" s="53">
        <v>-1470.55</v>
      </c>
      <c r="Z939" s="53">
        <v>-1470.55</v>
      </c>
      <c r="AA939" s="53">
        <v>-1470.55</v>
      </c>
      <c r="AB939" s="53">
        <v>-1470.55</v>
      </c>
      <c r="AC939" s="53">
        <v>-1470.55</v>
      </c>
      <c r="AD939" s="53">
        <v>-1470.55</v>
      </c>
      <c r="AE939" s="53">
        <v>-1470.55</v>
      </c>
      <c r="AF939" s="53">
        <v>-1470.55</v>
      </c>
      <c r="AG939" s="53">
        <v>-1470.55</v>
      </c>
      <c r="AH939" s="53">
        <v>-1470.55</v>
      </c>
      <c r="AI939" s="53">
        <v>-1470.55</v>
      </c>
      <c r="AJ939" s="53">
        <v>-1470.55</v>
      </c>
      <c r="AK939" s="53">
        <v>-1470.55</v>
      </c>
      <c r="AL939" s="53">
        <v>-1470.55</v>
      </c>
      <c r="AM939" s="53">
        <v>-1470.55</v>
      </c>
      <c r="AN939" s="53">
        <v>-1470.55</v>
      </c>
      <c r="AO939" s="53">
        <v>-1470.55</v>
      </c>
      <c r="AP939" s="53">
        <v>-1470.55</v>
      </c>
      <c r="AQ939" s="53">
        <v>-1470.55</v>
      </c>
      <c r="AR939" s="53">
        <v>-1470.55</v>
      </c>
      <c r="AS939" s="53">
        <v>-1470.55</v>
      </c>
      <c r="AT939" s="53">
        <v>-1470.55</v>
      </c>
      <c r="AU939" s="53">
        <v>-1470.55</v>
      </c>
      <c r="AV939" s="53">
        <v>-1470.55</v>
      </c>
      <c r="AW939" s="53">
        <v>-1470.55</v>
      </c>
      <c r="AX939" s="53">
        <v>-1470.55</v>
      </c>
      <c r="AY939" s="53">
        <v>-1470.55</v>
      </c>
      <c r="AZ939" s="53">
        <v>-1470.55</v>
      </c>
      <c r="BA939" s="53">
        <v>-1470.55</v>
      </c>
    </row>
    <row r="940" spans="1:53">
      <c r="A940" s="52" t="s">
        <v>3444</v>
      </c>
      <c r="B940" s="53">
        <v>7927862.8399999999</v>
      </c>
      <c r="C940" s="53">
        <v>7927862.8399999999</v>
      </c>
      <c r="D940" s="53">
        <v>7927862.8399999999</v>
      </c>
      <c r="E940" s="53">
        <v>7927862.8399999999</v>
      </c>
      <c r="F940" s="53">
        <v>7927862.8399999999</v>
      </c>
      <c r="G940" s="53">
        <v>7927862.8399999999</v>
      </c>
      <c r="H940" s="53">
        <v>7927862.8399999999</v>
      </c>
      <c r="I940" s="53">
        <v>7927862.8399999999</v>
      </c>
      <c r="J940" s="53">
        <v>7927862.8399999999</v>
      </c>
      <c r="K940" s="53">
        <v>7927862.8399999999</v>
      </c>
      <c r="L940" s="53">
        <v>7927862.8399999999</v>
      </c>
      <c r="M940" s="53">
        <v>7927862.8399999999</v>
      </c>
      <c r="N940" s="53">
        <v>7927862.8399999999</v>
      </c>
      <c r="O940" s="53">
        <v>7927862.8399999999</v>
      </c>
      <c r="P940" s="53">
        <v>7927862.8399999999</v>
      </c>
      <c r="Q940" s="53">
        <v>7927862.8399999999</v>
      </c>
      <c r="R940" s="53">
        <v>7927862.8399999999</v>
      </c>
      <c r="S940" s="53">
        <v>7927862.8399999999</v>
      </c>
      <c r="T940" s="53">
        <v>7927862.8399999999</v>
      </c>
      <c r="U940" s="53">
        <v>7927862.8399999999</v>
      </c>
      <c r="V940" s="53">
        <v>7927862.8399999999</v>
      </c>
      <c r="W940" s="53">
        <v>7927862.8399999999</v>
      </c>
      <c r="X940" s="53">
        <v>7927862.8399999999</v>
      </c>
      <c r="Y940" s="53">
        <v>7927862.8399999999</v>
      </c>
      <c r="Z940" s="53">
        <v>7927862.8399999999</v>
      </c>
      <c r="AA940" s="53">
        <v>7927862.8399999999</v>
      </c>
      <c r="AB940" s="53">
        <v>7927862.8399999999</v>
      </c>
      <c r="AC940" s="53">
        <v>7927862.8399999999</v>
      </c>
      <c r="AD940" s="53">
        <v>7927862.8399999999</v>
      </c>
      <c r="AE940" s="53">
        <v>7927862.8399999999</v>
      </c>
      <c r="AF940" s="53">
        <v>7927862.8399999999</v>
      </c>
      <c r="AG940" s="53">
        <v>7927862.8399999999</v>
      </c>
      <c r="AH940" s="53">
        <v>7927862.8399999999</v>
      </c>
      <c r="AI940" s="53">
        <v>7927862.8399999999</v>
      </c>
      <c r="AJ940" s="53">
        <v>7927862.8399999999</v>
      </c>
      <c r="AK940" s="53">
        <v>7927862.8399999999</v>
      </c>
      <c r="AL940" s="53">
        <v>7927862.8399999999</v>
      </c>
      <c r="AM940" s="53">
        <v>7927862.8399999999</v>
      </c>
      <c r="AN940" s="53">
        <v>7927862.8399999999</v>
      </c>
      <c r="AO940" s="53">
        <v>7927862.8399999999</v>
      </c>
      <c r="AP940" s="53">
        <v>7927862.8399999999</v>
      </c>
      <c r="AQ940" s="53">
        <v>7927862.8399999999</v>
      </c>
      <c r="AR940" s="53">
        <v>7927862.8399999999</v>
      </c>
      <c r="AS940" s="53">
        <v>7927862.8399999999</v>
      </c>
      <c r="AT940" s="53">
        <v>7927862.8399999999</v>
      </c>
      <c r="AU940" s="53">
        <v>7927862.8399999999</v>
      </c>
      <c r="AV940" s="53">
        <v>7927862.8399999999</v>
      </c>
      <c r="AW940" s="53">
        <v>7927862.8399999999</v>
      </c>
      <c r="AX940" s="53">
        <v>7927862.8399999999</v>
      </c>
      <c r="AY940" s="53">
        <v>7927862.8399999999</v>
      </c>
      <c r="AZ940" s="53">
        <v>7927862.8399999999</v>
      </c>
      <c r="BA940" s="53">
        <v>7927862.8399999999</v>
      </c>
    </row>
    <row r="941" spans="1:53">
      <c r="A941" s="52" t="s">
        <v>3445</v>
      </c>
      <c r="B941" s="53">
        <v>-25268384.350000001</v>
      </c>
      <c r="C941" s="53">
        <v>-25268384.350000001</v>
      </c>
      <c r="D941" s="53">
        <v>-25268384.350000001</v>
      </c>
      <c r="E941" s="53">
        <v>-25268384.350000001</v>
      </c>
      <c r="F941" s="53">
        <v>-25268384.350000001</v>
      </c>
      <c r="G941" s="53">
        <v>-25268384.350000001</v>
      </c>
      <c r="H941" s="53">
        <v>-25268384.350000001</v>
      </c>
      <c r="I941" s="53">
        <v>-25268384.350000001</v>
      </c>
      <c r="J941" s="53">
        <v>-25268384.350000001</v>
      </c>
      <c r="K941" s="53">
        <v>-25268384.350000001</v>
      </c>
      <c r="L941" s="53">
        <v>-25268384.350000001</v>
      </c>
      <c r="M941" s="53">
        <v>-25268384.350000001</v>
      </c>
      <c r="N941" s="53">
        <v>-25268384.350000001</v>
      </c>
      <c r="O941" s="53">
        <v>-25268384.350000001</v>
      </c>
      <c r="P941" s="53">
        <v>-25268384.350000001</v>
      </c>
      <c r="Q941" s="53">
        <v>-25268384.350000001</v>
      </c>
      <c r="R941" s="53">
        <v>-25268384.350000001</v>
      </c>
      <c r="S941" s="53">
        <v>-25268384.350000001</v>
      </c>
      <c r="T941" s="53">
        <v>-25268384.350000001</v>
      </c>
      <c r="U941" s="53">
        <v>-25268384.350000001</v>
      </c>
      <c r="V941" s="53">
        <v>-25268384.350000001</v>
      </c>
      <c r="W941" s="53">
        <v>-25268384.350000001</v>
      </c>
      <c r="X941" s="53">
        <v>-25268384.350000001</v>
      </c>
      <c r="Y941" s="53">
        <v>-25268384.350000001</v>
      </c>
      <c r="Z941" s="53">
        <v>-25268384.350000001</v>
      </c>
      <c r="AA941" s="53">
        <v>-25268384.350000001</v>
      </c>
      <c r="AB941" s="53">
        <v>-25268384.350000001</v>
      </c>
      <c r="AC941" s="53">
        <v>-25268384.350000001</v>
      </c>
      <c r="AD941" s="53">
        <v>-25268384.350000001</v>
      </c>
      <c r="AE941" s="53">
        <v>-25268384.350000001</v>
      </c>
      <c r="AF941" s="53">
        <v>-25268384.350000001</v>
      </c>
      <c r="AG941" s="53">
        <v>-25268384.350000001</v>
      </c>
      <c r="AH941" s="53">
        <v>-25268384.350000001</v>
      </c>
      <c r="AI941" s="53">
        <v>-25268384.350000001</v>
      </c>
      <c r="AJ941" s="53">
        <v>-25268384.350000001</v>
      </c>
      <c r="AK941" s="53">
        <v>-25268384.350000001</v>
      </c>
      <c r="AL941" s="53">
        <v>-25268384.350000001</v>
      </c>
      <c r="AM941" s="53">
        <v>-25268384.350000001</v>
      </c>
      <c r="AN941" s="53">
        <v>-25268384.350000001</v>
      </c>
      <c r="AO941" s="53">
        <v>-25268384.350000001</v>
      </c>
      <c r="AP941" s="53">
        <v>-25268384.350000001</v>
      </c>
      <c r="AQ941" s="53">
        <v>-25268384.350000001</v>
      </c>
      <c r="AR941" s="53">
        <v>-25268384.350000001</v>
      </c>
      <c r="AS941" s="53">
        <v>-25268384.350000001</v>
      </c>
      <c r="AT941" s="53">
        <v>-25268384.350000001</v>
      </c>
      <c r="AU941" s="53">
        <v>-25268384.350000001</v>
      </c>
      <c r="AV941" s="53">
        <v>-25268384.350000001</v>
      </c>
      <c r="AW941" s="53">
        <v>-25268384.350000001</v>
      </c>
      <c r="AX941" s="53">
        <v>-25268384.350000001</v>
      </c>
      <c r="AY941" s="53">
        <v>-25268384.350000001</v>
      </c>
      <c r="AZ941" s="53">
        <v>-25268384.350000001</v>
      </c>
      <c r="BA941" s="53">
        <v>-25268384.350000001</v>
      </c>
    </row>
    <row r="942" spans="1:53">
      <c r="A942" s="52" t="s">
        <v>3446</v>
      </c>
      <c r="B942" s="53">
        <v>-2666353.4500000002</v>
      </c>
      <c r="C942" s="53">
        <v>-2666353.4500000002</v>
      </c>
      <c r="D942" s="53">
        <v>-2666353.4500000002</v>
      </c>
      <c r="E942" s="53">
        <v>-2666353.4500000002</v>
      </c>
      <c r="F942" s="53">
        <v>-2666353.4500000002</v>
      </c>
      <c r="G942" s="53">
        <v>-2666353.4500000002</v>
      </c>
      <c r="H942" s="53">
        <v>-2666353.4500000002</v>
      </c>
      <c r="I942" s="53">
        <v>-2666353.4500000002</v>
      </c>
      <c r="J942" s="53">
        <v>-2666353.4500000002</v>
      </c>
      <c r="K942" s="53">
        <v>-2666353.4500000002</v>
      </c>
      <c r="L942" s="53">
        <v>-2666353.4500000002</v>
      </c>
      <c r="M942" s="53">
        <v>-2666353.4500000002</v>
      </c>
      <c r="N942" s="53">
        <v>-2666353.4500000002</v>
      </c>
      <c r="O942" s="53">
        <v>-2666353.4500000002</v>
      </c>
      <c r="P942" s="53">
        <v>-2666353.4500000002</v>
      </c>
      <c r="Q942" s="53">
        <v>-2666353.4500000002</v>
      </c>
      <c r="R942" s="53">
        <v>-2666353.4500000002</v>
      </c>
      <c r="S942" s="53">
        <v>-2666353.4500000002</v>
      </c>
      <c r="T942" s="53">
        <v>-2666353.4500000002</v>
      </c>
      <c r="U942" s="53">
        <v>-2666353.4500000002</v>
      </c>
      <c r="V942" s="53">
        <v>-2666353.4500000002</v>
      </c>
      <c r="W942" s="53">
        <v>-2666353.4500000002</v>
      </c>
      <c r="X942" s="53">
        <v>-2666353.4500000002</v>
      </c>
      <c r="Y942" s="53">
        <v>-2666353.4500000002</v>
      </c>
      <c r="Z942" s="53">
        <v>-2666353.4500000002</v>
      </c>
      <c r="AA942" s="53">
        <v>-2666353.4500000002</v>
      </c>
      <c r="AB942" s="53">
        <v>-2666353.4500000002</v>
      </c>
      <c r="AC942" s="53">
        <v>-2666353.4500000002</v>
      </c>
      <c r="AD942" s="53">
        <v>-2666353.4500000002</v>
      </c>
      <c r="AE942" s="53">
        <v>-2666353.4500000002</v>
      </c>
      <c r="AF942" s="53">
        <v>-2666353.4500000002</v>
      </c>
      <c r="AG942" s="53">
        <v>-2666353.4500000002</v>
      </c>
      <c r="AH942" s="53">
        <v>-2666353.4500000002</v>
      </c>
      <c r="AI942" s="53">
        <v>-2666353.4500000002</v>
      </c>
      <c r="AJ942" s="53">
        <v>-2666353.4500000002</v>
      </c>
      <c r="AK942" s="53">
        <v>-2666353.4500000002</v>
      </c>
      <c r="AL942" s="53">
        <v>-2666353.4500000002</v>
      </c>
      <c r="AM942" s="53">
        <v>-2666353.4500000002</v>
      </c>
      <c r="AN942" s="53">
        <v>-2666353.4500000002</v>
      </c>
      <c r="AO942" s="53">
        <v>-2666353.4500000002</v>
      </c>
      <c r="AP942" s="53">
        <v>-2666353.4500000002</v>
      </c>
      <c r="AQ942" s="53">
        <v>-2666353.4500000002</v>
      </c>
      <c r="AR942" s="53">
        <v>-2666353.4500000002</v>
      </c>
      <c r="AS942" s="53">
        <v>-2666353.4500000002</v>
      </c>
      <c r="AT942" s="53">
        <v>-2666353.4500000002</v>
      </c>
      <c r="AU942" s="53">
        <v>-2666353.4500000002</v>
      </c>
      <c r="AV942" s="53">
        <v>-2666353.4500000002</v>
      </c>
      <c r="AW942" s="53">
        <v>-2666353.4500000002</v>
      </c>
      <c r="AX942" s="53">
        <v>-2666353.4500000002</v>
      </c>
      <c r="AY942" s="53">
        <v>-2666353.4500000002</v>
      </c>
      <c r="AZ942" s="53">
        <v>-2666353.4500000002</v>
      </c>
      <c r="BA942" s="53">
        <v>-2666353.4500000002</v>
      </c>
    </row>
    <row r="943" spans="1:53">
      <c r="A943" s="58" t="s">
        <v>3447</v>
      </c>
      <c r="B943" s="134">
        <v>-25302392.199999999</v>
      </c>
      <c r="C943" s="134">
        <v>-25302392.199999999</v>
      </c>
      <c r="D943" s="134">
        <v>-25302392.199999999</v>
      </c>
      <c r="E943" s="134">
        <v>-25302392.199999999</v>
      </c>
      <c r="F943" s="134">
        <v>-25302392.199999999</v>
      </c>
      <c r="G943" s="134">
        <v>-25302392.199999999</v>
      </c>
      <c r="H943" s="134">
        <v>-25302392.199999999</v>
      </c>
      <c r="I943" s="134">
        <v>-25302392.199999999</v>
      </c>
      <c r="J943" s="134">
        <v>-25302392.199999999</v>
      </c>
      <c r="K943" s="134">
        <v>-25302392.199999999</v>
      </c>
      <c r="L943" s="134">
        <v>-25302392.199999999</v>
      </c>
      <c r="M943" s="134">
        <v>-25302392.199999999</v>
      </c>
      <c r="N943" s="134">
        <v>-25302392.199999999</v>
      </c>
      <c r="O943" s="134">
        <v>-25302392.199999999</v>
      </c>
      <c r="P943" s="134">
        <v>-25302392.199999999</v>
      </c>
      <c r="Q943" s="134">
        <v>-25302392.199999999</v>
      </c>
      <c r="R943" s="134">
        <v>-25302392.199999999</v>
      </c>
      <c r="S943" s="134">
        <v>-25302392.199999999</v>
      </c>
      <c r="T943" s="134">
        <v>-25302392.199999999</v>
      </c>
      <c r="U943" s="134">
        <v>-25302392.199999999</v>
      </c>
      <c r="V943" s="134">
        <v>-25302392.199999999</v>
      </c>
      <c r="W943" s="134">
        <v>-25302392.199999999</v>
      </c>
      <c r="X943" s="134">
        <v>-25302392.199999999</v>
      </c>
      <c r="Y943" s="134">
        <v>-25302392.199999999</v>
      </c>
      <c r="Z943" s="134">
        <v>-25302392.199999999</v>
      </c>
      <c r="AA943" s="134">
        <v>-25302392.199999999</v>
      </c>
      <c r="AB943" s="134">
        <v>-25302392.199999999</v>
      </c>
      <c r="AC943" s="134">
        <v>-25302392.199999999</v>
      </c>
      <c r="AD943" s="134">
        <v>-25302392.199999999</v>
      </c>
      <c r="AE943" s="134">
        <v>-25302392.199999999</v>
      </c>
      <c r="AF943" s="134">
        <v>-25302392.199999999</v>
      </c>
      <c r="AG943" s="134">
        <v>-25302392.199999999</v>
      </c>
      <c r="AH943" s="134">
        <v>-25302392.199999999</v>
      </c>
      <c r="AI943" s="134">
        <v>-25302392.199999999</v>
      </c>
      <c r="AJ943" s="134">
        <v>-25302392.199999999</v>
      </c>
      <c r="AK943" s="134">
        <v>-25302392.199999999</v>
      </c>
      <c r="AL943" s="134">
        <v>-25302392.199999999</v>
      </c>
      <c r="AM943" s="134">
        <v>-25302392.199999999</v>
      </c>
      <c r="AN943" s="134">
        <v>-25302392.199999999</v>
      </c>
      <c r="AO943" s="134">
        <v>-25302392.199999999</v>
      </c>
      <c r="AP943" s="134">
        <v>-25302392.199999999</v>
      </c>
      <c r="AQ943" s="134">
        <v>-25302392.199999999</v>
      </c>
      <c r="AR943" s="134">
        <v>-25302392.199999999</v>
      </c>
      <c r="AS943" s="134">
        <v>-25302392.199999999</v>
      </c>
      <c r="AT943" s="134">
        <v>-25302392.199999999</v>
      </c>
      <c r="AU943" s="134">
        <v>-25302392.199999999</v>
      </c>
      <c r="AV943" s="134">
        <v>-25302392.199999999</v>
      </c>
      <c r="AW943" s="134">
        <v>-25302392.199999999</v>
      </c>
      <c r="AX943" s="134">
        <v>-25302392.199999999</v>
      </c>
      <c r="AY943" s="134">
        <v>-25302392.199999999</v>
      </c>
      <c r="AZ943" s="134">
        <v>-25302392.199999999</v>
      </c>
      <c r="BA943" s="134">
        <v>-25302392.199999999</v>
      </c>
    </row>
    <row r="944" spans="1:53">
      <c r="A944" s="52" t="s">
        <v>3448</v>
      </c>
    </row>
    <row r="945" spans="1:53">
      <c r="A945" s="57" t="s">
        <v>3449</v>
      </c>
    </row>
    <row r="946" spans="1:53">
      <c r="A946" s="52" t="s">
        <v>3450</v>
      </c>
      <c r="B946" s="53">
        <v>0</v>
      </c>
      <c r="C946" s="53">
        <v>0</v>
      </c>
      <c r="D946" s="53">
        <v>0</v>
      </c>
      <c r="E946" s="53">
        <v>0</v>
      </c>
      <c r="F946" s="53">
        <v>0</v>
      </c>
      <c r="G946" s="53">
        <v>0</v>
      </c>
      <c r="H946" s="53">
        <v>0</v>
      </c>
      <c r="I946" s="53">
        <v>0</v>
      </c>
      <c r="J946" s="53">
        <v>0</v>
      </c>
      <c r="K946" s="53">
        <v>0</v>
      </c>
      <c r="L946" s="53">
        <v>0</v>
      </c>
      <c r="M946" s="53">
        <v>0</v>
      </c>
      <c r="N946" s="53">
        <v>0</v>
      </c>
      <c r="O946" s="53">
        <v>0</v>
      </c>
      <c r="P946" s="53">
        <v>0</v>
      </c>
      <c r="Q946" s="53">
        <v>0</v>
      </c>
      <c r="R946" s="53">
        <v>0</v>
      </c>
      <c r="S946" s="53">
        <v>0</v>
      </c>
      <c r="T946" s="53">
        <v>0</v>
      </c>
      <c r="U946" s="53">
        <v>0</v>
      </c>
      <c r="V946" s="53">
        <v>0</v>
      </c>
      <c r="W946" s="53">
        <v>0</v>
      </c>
      <c r="X946" s="53">
        <v>0</v>
      </c>
      <c r="Y946" s="53">
        <v>0</v>
      </c>
      <c r="Z946" s="53">
        <v>0</v>
      </c>
      <c r="AA946" s="53">
        <v>0</v>
      </c>
      <c r="AB946" s="53">
        <v>0</v>
      </c>
      <c r="AC946" s="53">
        <v>0</v>
      </c>
      <c r="AD946" s="53">
        <v>0</v>
      </c>
      <c r="AE946" s="53">
        <v>0</v>
      </c>
      <c r="AF946" s="53">
        <v>0</v>
      </c>
      <c r="AG946" s="53">
        <v>0</v>
      </c>
      <c r="AH946" s="53">
        <v>0</v>
      </c>
      <c r="AI946" s="53">
        <v>0</v>
      </c>
      <c r="AJ946" s="53">
        <v>0</v>
      </c>
      <c r="AK946" s="53">
        <v>0</v>
      </c>
      <c r="AL946" s="53">
        <v>0</v>
      </c>
      <c r="AM946" s="53">
        <v>0</v>
      </c>
      <c r="AN946" s="53">
        <v>0</v>
      </c>
      <c r="AO946" s="53">
        <v>0</v>
      </c>
      <c r="AP946" s="53">
        <v>0</v>
      </c>
      <c r="AQ946" s="53">
        <v>0</v>
      </c>
      <c r="AR946" s="53">
        <v>0</v>
      </c>
      <c r="AS946" s="53">
        <v>0</v>
      </c>
      <c r="AT946" s="53">
        <v>0</v>
      </c>
      <c r="AU946" s="53">
        <v>0</v>
      </c>
      <c r="AV946" s="53">
        <v>0</v>
      </c>
      <c r="AW946" s="53">
        <v>0</v>
      </c>
      <c r="AX946" s="53">
        <v>0</v>
      </c>
      <c r="AY946" s="53">
        <v>0</v>
      </c>
      <c r="AZ946" s="53">
        <v>0</v>
      </c>
      <c r="BA946" s="53">
        <v>0</v>
      </c>
    </row>
    <row r="947" spans="1:53">
      <c r="A947" s="52" t="s">
        <v>3451</v>
      </c>
      <c r="B947" s="53">
        <v>0</v>
      </c>
      <c r="C947" s="53">
        <v>0</v>
      </c>
      <c r="D947" s="53">
        <v>0</v>
      </c>
      <c r="E947" s="53">
        <v>0</v>
      </c>
      <c r="F947" s="53">
        <v>0</v>
      </c>
      <c r="G947" s="53">
        <v>0</v>
      </c>
      <c r="H947" s="53">
        <v>0</v>
      </c>
      <c r="I947" s="53">
        <v>0</v>
      </c>
      <c r="J947" s="53">
        <v>0</v>
      </c>
      <c r="K947" s="53">
        <v>0</v>
      </c>
      <c r="L947" s="53">
        <v>0</v>
      </c>
      <c r="M947" s="53">
        <v>0</v>
      </c>
      <c r="N947" s="53">
        <v>0</v>
      </c>
      <c r="O947" s="53">
        <v>0</v>
      </c>
      <c r="P947" s="53">
        <v>0</v>
      </c>
      <c r="Q947" s="53">
        <v>0</v>
      </c>
      <c r="R947" s="53">
        <v>0</v>
      </c>
      <c r="S947" s="53">
        <v>0</v>
      </c>
      <c r="T947" s="53">
        <v>0</v>
      </c>
      <c r="U947" s="53">
        <v>0</v>
      </c>
      <c r="V947" s="53">
        <v>0</v>
      </c>
      <c r="W947" s="53">
        <v>0</v>
      </c>
      <c r="X947" s="53">
        <v>0</v>
      </c>
      <c r="Y947" s="53">
        <v>0</v>
      </c>
      <c r="Z947" s="53">
        <v>0</v>
      </c>
      <c r="AA947" s="53">
        <v>0</v>
      </c>
      <c r="AB947" s="53">
        <v>0</v>
      </c>
      <c r="AC947" s="53">
        <v>0</v>
      </c>
      <c r="AD947" s="53">
        <v>0</v>
      </c>
      <c r="AE947" s="53">
        <v>0</v>
      </c>
      <c r="AF947" s="53">
        <v>0</v>
      </c>
      <c r="AG947" s="53">
        <v>0</v>
      </c>
      <c r="AH947" s="53">
        <v>0</v>
      </c>
      <c r="AI947" s="53">
        <v>0</v>
      </c>
      <c r="AJ947" s="53">
        <v>0</v>
      </c>
      <c r="AK947" s="53">
        <v>0</v>
      </c>
      <c r="AL947" s="53">
        <v>0</v>
      </c>
      <c r="AM947" s="53">
        <v>0</v>
      </c>
      <c r="AN947" s="53">
        <v>0</v>
      </c>
      <c r="AO947" s="53">
        <v>0</v>
      </c>
      <c r="AP947" s="53">
        <v>0</v>
      </c>
      <c r="AQ947" s="53">
        <v>0</v>
      </c>
      <c r="AR947" s="53">
        <v>0</v>
      </c>
      <c r="AS947" s="53">
        <v>0</v>
      </c>
      <c r="AT947" s="53">
        <v>0</v>
      </c>
      <c r="AU947" s="53">
        <v>0</v>
      </c>
      <c r="AV947" s="53">
        <v>0</v>
      </c>
      <c r="AW947" s="53">
        <v>0</v>
      </c>
      <c r="AX947" s="53">
        <v>0</v>
      </c>
      <c r="AY947" s="53">
        <v>0</v>
      </c>
      <c r="AZ947" s="53">
        <v>0</v>
      </c>
      <c r="BA947" s="53">
        <v>0</v>
      </c>
    </row>
    <row r="948" spans="1:53">
      <c r="A948" s="52" t="s">
        <v>3452</v>
      </c>
      <c r="B948" s="53">
        <v>-4942718</v>
      </c>
      <c r="C948" s="53">
        <v>-4942718</v>
      </c>
      <c r="D948" s="53">
        <v>-4942718</v>
      </c>
      <c r="E948" s="53">
        <v>-4942718</v>
      </c>
      <c r="F948" s="53">
        <v>-4942718</v>
      </c>
      <c r="G948" s="53">
        <v>-4942718</v>
      </c>
      <c r="H948" s="53">
        <v>-4942718</v>
      </c>
      <c r="I948" s="53">
        <v>-4942718</v>
      </c>
      <c r="J948" s="53">
        <v>-4942718</v>
      </c>
      <c r="K948" s="53">
        <v>-4942718</v>
      </c>
      <c r="L948" s="53">
        <v>-4942718</v>
      </c>
      <c r="M948" s="53">
        <v>-4942718</v>
      </c>
      <c r="N948" s="53">
        <v>-4942718</v>
      </c>
      <c r="O948" s="53">
        <v>-4942718</v>
      </c>
      <c r="P948" s="53">
        <v>-4942718</v>
      </c>
      <c r="Q948" s="53">
        <v>-4942718</v>
      </c>
      <c r="R948" s="53">
        <v>-4942718</v>
      </c>
      <c r="S948" s="53">
        <v>-4942718</v>
      </c>
      <c r="T948" s="53">
        <v>-4942718</v>
      </c>
      <c r="U948" s="53">
        <v>-4942718</v>
      </c>
      <c r="V948" s="53">
        <v>-4942718</v>
      </c>
      <c r="W948" s="53">
        <v>-4942718</v>
      </c>
      <c r="X948" s="53">
        <v>-4942718</v>
      </c>
      <c r="Y948" s="53">
        <v>-4942718</v>
      </c>
      <c r="Z948" s="53">
        <v>-4942718</v>
      </c>
      <c r="AA948" s="53">
        <v>-4942718</v>
      </c>
      <c r="AB948" s="53">
        <v>-4942718</v>
      </c>
      <c r="AC948" s="53">
        <v>-4942718</v>
      </c>
      <c r="AD948" s="53">
        <v>-4942718</v>
      </c>
      <c r="AE948" s="53">
        <v>-4942718</v>
      </c>
      <c r="AF948" s="53">
        <v>-4942718</v>
      </c>
      <c r="AG948" s="53">
        <v>-4942718</v>
      </c>
      <c r="AH948" s="53">
        <v>-4942718</v>
      </c>
      <c r="AI948" s="53">
        <v>-4942718</v>
      </c>
      <c r="AJ948" s="53">
        <v>-4942718</v>
      </c>
      <c r="AK948" s="53">
        <v>-4942718</v>
      </c>
      <c r="AL948" s="53">
        <v>-4942718</v>
      </c>
      <c r="AM948" s="53">
        <v>-4942718</v>
      </c>
      <c r="AN948" s="53">
        <v>-4942718</v>
      </c>
      <c r="AO948" s="53">
        <v>-4942718</v>
      </c>
      <c r="AP948" s="53">
        <v>-4942718</v>
      </c>
      <c r="AQ948" s="53">
        <v>-4942718</v>
      </c>
      <c r="AR948" s="53">
        <v>-4942718</v>
      </c>
      <c r="AS948" s="53">
        <v>-4942718</v>
      </c>
      <c r="AT948" s="53">
        <v>-4942718</v>
      </c>
      <c r="AU948" s="53">
        <v>-4942718</v>
      </c>
      <c r="AV948" s="53">
        <v>-4942718</v>
      </c>
      <c r="AW948" s="53">
        <v>-4942718</v>
      </c>
      <c r="AX948" s="53">
        <v>-4942718</v>
      </c>
      <c r="AY948" s="53">
        <v>-4942718</v>
      </c>
      <c r="AZ948" s="53">
        <v>-4942718</v>
      </c>
      <c r="BA948" s="53">
        <v>-4942718</v>
      </c>
    </row>
    <row r="949" spans="1:53">
      <c r="A949" s="52" t="s">
        <v>3453</v>
      </c>
      <c r="B949" s="53">
        <v>0</v>
      </c>
      <c r="C949" s="53">
        <v>0</v>
      </c>
      <c r="D949" s="53">
        <v>0</v>
      </c>
      <c r="E949" s="53">
        <v>0</v>
      </c>
      <c r="F949" s="53">
        <v>0</v>
      </c>
      <c r="G949" s="53">
        <v>0</v>
      </c>
      <c r="H949" s="53">
        <v>0</v>
      </c>
      <c r="I949" s="53">
        <v>0</v>
      </c>
      <c r="J949" s="53">
        <v>0</v>
      </c>
      <c r="K949" s="53">
        <v>0</v>
      </c>
      <c r="L949" s="53">
        <v>0</v>
      </c>
      <c r="M949" s="53">
        <v>0</v>
      </c>
      <c r="N949" s="53">
        <v>0</v>
      </c>
      <c r="O949" s="53">
        <v>0</v>
      </c>
      <c r="P949" s="53">
        <v>0</v>
      </c>
      <c r="Q949" s="53">
        <v>0</v>
      </c>
      <c r="R949" s="53">
        <v>0</v>
      </c>
      <c r="S949" s="53">
        <v>0</v>
      </c>
      <c r="T949" s="53">
        <v>0</v>
      </c>
      <c r="U949" s="53">
        <v>0</v>
      </c>
      <c r="V949" s="53">
        <v>0</v>
      </c>
      <c r="W949" s="53">
        <v>0</v>
      </c>
      <c r="X949" s="53">
        <v>0</v>
      </c>
      <c r="Y949" s="53">
        <v>0</v>
      </c>
      <c r="Z949" s="53">
        <v>0</v>
      </c>
      <c r="AA949" s="53">
        <v>0</v>
      </c>
      <c r="AB949" s="53">
        <v>0</v>
      </c>
      <c r="AC949" s="53">
        <v>0</v>
      </c>
      <c r="AD949" s="53">
        <v>0</v>
      </c>
      <c r="AE949" s="53">
        <v>0</v>
      </c>
      <c r="AF949" s="53">
        <v>0</v>
      </c>
      <c r="AG949" s="53">
        <v>0</v>
      </c>
      <c r="AH949" s="53">
        <v>0</v>
      </c>
      <c r="AI949" s="53">
        <v>0</v>
      </c>
      <c r="AJ949" s="53">
        <v>0</v>
      </c>
      <c r="AK949" s="53">
        <v>0</v>
      </c>
      <c r="AL949" s="53">
        <v>0</v>
      </c>
      <c r="AM949" s="53">
        <v>0</v>
      </c>
      <c r="AN949" s="53">
        <v>0</v>
      </c>
      <c r="AO949" s="53">
        <v>0</v>
      </c>
      <c r="AP949" s="53">
        <v>0</v>
      </c>
      <c r="AQ949" s="53">
        <v>0</v>
      </c>
      <c r="AR949" s="53">
        <v>0</v>
      </c>
      <c r="AS949" s="53">
        <v>0</v>
      </c>
      <c r="AT949" s="53">
        <v>0</v>
      </c>
      <c r="AU949" s="53">
        <v>0</v>
      </c>
      <c r="AV949" s="53">
        <v>0</v>
      </c>
      <c r="AW949" s="53">
        <v>0</v>
      </c>
      <c r="AX949" s="53">
        <v>0</v>
      </c>
      <c r="AY949" s="53">
        <v>0</v>
      </c>
      <c r="AZ949" s="53">
        <v>0</v>
      </c>
      <c r="BA949" s="53">
        <v>0</v>
      </c>
    </row>
    <row r="950" spans="1:53">
      <c r="A950" s="52" t="s">
        <v>3454</v>
      </c>
      <c r="B950" s="53">
        <v>-5873031.9800000004</v>
      </c>
      <c r="C950" s="53">
        <v>-5873031.9800000004</v>
      </c>
      <c r="D950" s="53">
        <v>-5873031.9800000004</v>
      </c>
      <c r="E950" s="53">
        <v>-5873031.9800000004</v>
      </c>
      <c r="F950" s="53">
        <v>-5873031.9800000004</v>
      </c>
      <c r="G950" s="53">
        <v>-5873031.9800000004</v>
      </c>
      <c r="H950" s="53">
        <v>-5873031.9800000004</v>
      </c>
      <c r="I950" s="53">
        <v>-5873031.9800000004</v>
      </c>
      <c r="J950" s="53">
        <v>-5873031.9800000004</v>
      </c>
      <c r="K950" s="53">
        <v>-5873031.9800000004</v>
      </c>
      <c r="L950" s="53">
        <v>-5873031.9800000004</v>
      </c>
      <c r="M950" s="53">
        <v>-5873031.9800000004</v>
      </c>
      <c r="N950" s="53">
        <v>-5873031.9800000004</v>
      </c>
      <c r="O950" s="53">
        <v>-5873031.9800000004</v>
      </c>
      <c r="P950" s="53">
        <v>-5873031.9800000004</v>
      </c>
      <c r="Q950" s="53">
        <v>-5873031.9800000004</v>
      </c>
      <c r="R950" s="53">
        <v>-5873031.9800000004</v>
      </c>
      <c r="S950" s="53">
        <v>-5873031.9800000004</v>
      </c>
      <c r="T950" s="53">
        <v>-5873031.9800000004</v>
      </c>
      <c r="U950" s="53">
        <v>-5873031.9800000004</v>
      </c>
      <c r="V950" s="53">
        <v>-5873031.9800000004</v>
      </c>
      <c r="W950" s="53">
        <v>-5873031.9800000004</v>
      </c>
      <c r="X950" s="53">
        <v>-5873031.9800000004</v>
      </c>
      <c r="Y950" s="53">
        <v>-5873031.9800000004</v>
      </c>
      <c r="Z950" s="53">
        <v>-5873031.9800000004</v>
      </c>
      <c r="AA950" s="53">
        <v>-5873031.9800000004</v>
      </c>
      <c r="AB950" s="53">
        <v>-5873031.9800000004</v>
      </c>
      <c r="AC950" s="53">
        <v>-5873031.9800000004</v>
      </c>
      <c r="AD950" s="53">
        <v>-5873031.9800000004</v>
      </c>
      <c r="AE950" s="53">
        <v>-5873031.9800000004</v>
      </c>
      <c r="AF950" s="53">
        <v>-5873031.9800000004</v>
      </c>
      <c r="AG950" s="53">
        <v>-5873031.9800000004</v>
      </c>
      <c r="AH950" s="53">
        <v>-5873031.9800000004</v>
      </c>
      <c r="AI950" s="53">
        <v>-5873031.9800000004</v>
      </c>
      <c r="AJ950" s="53">
        <v>-5873031.9800000004</v>
      </c>
      <c r="AK950" s="53">
        <v>-5873031.9800000004</v>
      </c>
      <c r="AL950" s="53">
        <v>-5873031.9800000004</v>
      </c>
      <c r="AM950" s="53">
        <v>-5873031.9800000004</v>
      </c>
      <c r="AN950" s="53">
        <v>-5873031.9800000004</v>
      </c>
      <c r="AO950" s="53">
        <v>-5873031.9800000004</v>
      </c>
      <c r="AP950" s="53">
        <v>-5873031.9800000004</v>
      </c>
      <c r="AQ950" s="53">
        <v>-5873031.9800000004</v>
      </c>
      <c r="AR950" s="53">
        <v>-5873031.9800000004</v>
      </c>
      <c r="AS950" s="53">
        <v>-5873031.9800000004</v>
      </c>
      <c r="AT950" s="53">
        <v>-5873031.9800000004</v>
      </c>
      <c r="AU950" s="53">
        <v>-5873031.9800000004</v>
      </c>
      <c r="AV950" s="53">
        <v>-5873031.9800000004</v>
      </c>
      <c r="AW950" s="53">
        <v>-5873031.9800000004</v>
      </c>
      <c r="AX950" s="53">
        <v>-5873031.9800000004</v>
      </c>
      <c r="AY950" s="53">
        <v>-5873031.9800000004</v>
      </c>
      <c r="AZ950" s="53">
        <v>-5873031.9800000004</v>
      </c>
      <c r="BA950" s="53">
        <v>-5873031.9800000004</v>
      </c>
    </row>
    <row r="951" spans="1:53">
      <c r="A951" s="52" t="s">
        <v>3455</v>
      </c>
      <c r="B951" s="53">
        <v>0</v>
      </c>
      <c r="C951" s="53">
        <v>0</v>
      </c>
      <c r="D951" s="53">
        <v>0</v>
      </c>
      <c r="E951" s="53">
        <v>0</v>
      </c>
      <c r="F951" s="53">
        <v>0</v>
      </c>
      <c r="G951" s="53">
        <v>0</v>
      </c>
      <c r="H951" s="53">
        <v>0</v>
      </c>
      <c r="I951" s="53">
        <v>0</v>
      </c>
      <c r="J951" s="53">
        <v>0</v>
      </c>
      <c r="K951" s="53">
        <v>0</v>
      </c>
      <c r="L951" s="53">
        <v>0</v>
      </c>
      <c r="M951" s="53">
        <v>0</v>
      </c>
      <c r="N951" s="53">
        <v>0</v>
      </c>
      <c r="O951" s="53">
        <v>0</v>
      </c>
      <c r="P951" s="53">
        <v>0</v>
      </c>
      <c r="Q951" s="53">
        <v>0</v>
      </c>
      <c r="R951" s="53">
        <v>0</v>
      </c>
      <c r="S951" s="53">
        <v>0</v>
      </c>
      <c r="T951" s="53">
        <v>0</v>
      </c>
      <c r="U951" s="53">
        <v>0</v>
      </c>
      <c r="V951" s="53">
        <v>0</v>
      </c>
      <c r="W951" s="53">
        <v>0</v>
      </c>
      <c r="X951" s="53">
        <v>0</v>
      </c>
      <c r="Y951" s="53">
        <v>0</v>
      </c>
      <c r="Z951" s="53">
        <v>0</v>
      </c>
      <c r="AA951" s="53">
        <v>0</v>
      </c>
      <c r="AB951" s="53">
        <v>0</v>
      </c>
      <c r="AC951" s="53">
        <v>0</v>
      </c>
      <c r="AD951" s="53">
        <v>0</v>
      </c>
      <c r="AE951" s="53">
        <v>0</v>
      </c>
      <c r="AF951" s="53">
        <v>0</v>
      </c>
      <c r="AG951" s="53">
        <v>0</v>
      </c>
      <c r="AH951" s="53">
        <v>0</v>
      </c>
      <c r="AI951" s="53">
        <v>0</v>
      </c>
      <c r="AJ951" s="53">
        <v>0</v>
      </c>
      <c r="AK951" s="53">
        <v>0</v>
      </c>
      <c r="AL951" s="53">
        <v>0</v>
      </c>
      <c r="AM951" s="53">
        <v>0</v>
      </c>
      <c r="AN951" s="53">
        <v>0</v>
      </c>
      <c r="AO951" s="53">
        <v>0</v>
      </c>
      <c r="AP951" s="53">
        <v>0</v>
      </c>
      <c r="AQ951" s="53">
        <v>0</v>
      </c>
      <c r="AR951" s="53">
        <v>0</v>
      </c>
      <c r="AS951" s="53">
        <v>0</v>
      </c>
      <c r="AT951" s="53">
        <v>0</v>
      </c>
      <c r="AU951" s="53">
        <v>0</v>
      </c>
      <c r="AV951" s="53">
        <v>0</v>
      </c>
      <c r="AW951" s="53">
        <v>0</v>
      </c>
      <c r="AX951" s="53">
        <v>0</v>
      </c>
      <c r="AY951" s="53">
        <v>0</v>
      </c>
      <c r="AZ951" s="53">
        <v>0</v>
      </c>
      <c r="BA951" s="53">
        <v>0</v>
      </c>
    </row>
    <row r="952" spans="1:53">
      <c r="A952" s="52" t="s">
        <v>3456</v>
      </c>
      <c r="B952" s="53">
        <v>-1006335.52</v>
      </c>
      <c r="C952" s="53">
        <v>-1006335.52</v>
      </c>
      <c r="D952" s="53">
        <v>-1006335.52</v>
      </c>
      <c r="E952" s="53">
        <v>-1006335.52</v>
      </c>
      <c r="F952" s="53">
        <v>-1006335.52</v>
      </c>
      <c r="G952" s="53">
        <v>-1006335.52</v>
      </c>
      <c r="H952" s="53">
        <v>-1006335.52</v>
      </c>
      <c r="I952" s="53">
        <v>-1006335.52</v>
      </c>
      <c r="J952" s="53">
        <v>-1006335.52</v>
      </c>
      <c r="K952" s="53">
        <v>-1006335.52</v>
      </c>
      <c r="L952" s="53">
        <v>-1006335.52</v>
      </c>
      <c r="M952" s="53">
        <v>-1006335.52</v>
      </c>
      <c r="N952" s="53">
        <v>-1006335.52</v>
      </c>
      <c r="O952" s="53">
        <v>-1006335.52</v>
      </c>
      <c r="P952" s="53">
        <v>-1006335.52</v>
      </c>
      <c r="Q952" s="53">
        <v>-1006335.52</v>
      </c>
      <c r="R952" s="53">
        <v>-1006335.52</v>
      </c>
      <c r="S952" s="53">
        <v>-1006335.52</v>
      </c>
      <c r="T952" s="53">
        <v>-1006335.52</v>
      </c>
      <c r="U952" s="53">
        <v>-1006335.52</v>
      </c>
      <c r="V952" s="53">
        <v>-1006335.52</v>
      </c>
      <c r="W952" s="53">
        <v>-1006335.52</v>
      </c>
      <c r="X952" s="53">
        <v>-1006335.52</v>
      </c>
      <c r="Y952" s="53">
        <v>-1006335.52</v>
      </c>
      <c r="Z952" s="53">
        <v>-1006335.52</v>
      </c>
      <c r="AA952" s="53">
        <v>-1006335.52</v>
      </c>
      <c r="AB952" s="53">
        <v>-1006335.52</v>
      </c>
      <c r="AC952" s="53">
        <v>-1006335.52</v>
      </c>
      <c r="AD952" s="53">
        <v>-1006335.52</v>
      </c>
      <c r="AE952" s="53">
        <v>-1006335.52</v>
      </c>
      <c r="AF952" s="53">
        <v>-1006335.52</v>
      </c>
      <c r="AG952" s="53">
        <v>-1006335.52</v>
      </c>
      <c r="AH952" s="53">
        <v>-1006335.52</v>
      </c>
      <c r="AI952" s="53">
        <v>-1006335.52</v>
      </c>
      <c r="AJ952" s="53">
        <v>-1006335.52</v>
      </c>
      <c r="AK952" s="53">
        <v>-1006335.52</v>
      </c>
      <c r="AL952" s="53">
        <v>-1006335.52</v>
      </c>
      <c r="AM952" s="53">
        <v>-1006335.52</v>
      </c>
      <c r="AN952" s="53">
        <v>-1006335.52</v>
      </c>
      <c r="AO952" s="53">
        <v>-1006335.52</v>
      </c>
      <c r="AP952" s="53">
        <v>-1006335.52</v>
      </c>
      <c r="AQ952" s="53">
        <v>-1006335.52</v>
      </c>
      <c r="AR952" s="53">
        <v>-1006335.52</v>
      </c>
      <c r="AS952" s="53">
        <v>-1006335.52</v>
      </c>
      <c r="AT952" s="53">
        <v>-1006335.52</v>
      </c>
      <c r="AU952" s="53">
        <v>-1006335.52</v>
      </c>
      <c r="AV952" s="53">
        <v>-1006335.52</v>
      </c>
      <c r="AW952" s="53">
        <v>-1006335.52</v>
      </c>
      <c r="AX952" s="53">
        <v>-1006335.52</v>
      </c>
      <c r="AY952" s="53">
        <v>-1006335.52</v>
      </c>
      <c r="AZ952" s="53">
        <v>-1006335.52</v>
      </c>
      <c r="BA952" s="53">
        <v>-1006335.52</v>
      </c>
    </row>
    <row r="953" spans="1:53">
      <c r="A953" s="52" t="s">
        <v>3457</v>
      </c>
      <c r="B953" s="53">
        <v>-35793.5</v>
      </c>
      <c r="C953" s="53">
        <v>-35793.5</v>
      </c>
      <c r="D953" s="53">
        <v>-35793.5</v>
      </c>
      <c r="E953" s="53">
        <v>-35793.5</v>
      </c>
      <c r="F953" s="53">
        <v>-35793.5</v>
      </c>
      <c r="G953" s="53">
        <v>-35793.5</v>
      </c>
      <c r="H953" s="53">
        <v>-35793.5</v>
      </c>
      <c r="I953" s="53">
        <v>-35793.5</v>
      </c>
      <c r="J953" s="53">
        <v>-35793.5</v>
      </c>
      <c r="K953" s="53">
        <v>-35793.5</v>
      </c>
      <c r="L953" s="53">
        <v>-35793.5</v>
      </c>
      <c r="M953" s="53">
        <v>-35793.5</v>
      </c>
      <c r="N953" s="53">
        <v>-35793.5</v>
      </c>
      <c r="O953" s="53">
        <v>-35793.5</v>
      </c>
      <c r="P953" s="53">
        <v>-35793.5</v>
      </c>
      <c r="Q953" s="53">
        <v>-35793.5</v>
      </c>
      <c r="R953" s="53">
        <v>-35793.5</v>
      </c>
      <c r="S953" s="53">
        <v>-35793.5</v>
      </c>
      <c r="T953" s="53">
        <v>-35793.5</v>
      </c>
      <c r="U953" s="53">
        <v>-35793.5</v>
      </c>
      <c r="V953" s="53">
        <v>-35793.5</v>
      </c>
      <c r="W953" s="53">
        <v>-35793.5</v>
      </c>
      <c r="X953" s="53">
        <v>-35793.5</v>
      </c>
      <c r="Y953" s="53">
        <v>-35793.5</v>
      </c>
      <c r="Z953" s="53">
        <v>-35793.5</v>
      </c>
      <c r="AA953" s="53">
        <v>-35793.5</v>
      </c>
      <c r="AB953" s="53">
        <v>-35793.5</v>
      </c>
      <c r="AC953" s="53">
        <v>-35793.5</v>
      </c>
      <c r="AD953" s="53">
        <v>-35793.5</v>
      </c>
      <c r="AE953" s="53">
        <v>-35793.5</v>
      </c>
      <c r="AF953" s="53">
        <v>-35793.5</v>
      </c>
      <c r="AG953" s="53">
        <v>-35793.5</v>
      </c>
      <c r="AH953" s="53">
        <v>-35793.5</v>
      </c>
      <c r="AI953" s="53">
        <v>-35793.5</v>
      </c>
      <c r="AJ953" s="53">
        <v>-35793.5</v>
      </c>
      <c r="AK953" s="53">
        <v>-35793.5</v>
      </c>
      <c r="AL953" s="53">
        <v>-35793.5</v>
      </c>
      <c r="AM953" s="53">
        <v>-35793.5</v>
      </c>
      <c r="AN953" s="53">
        <v>-35793.5</v>
      </c>
      <c r="AO953" s="53">
        <v>-35793.5</v>
      </c>
      <c r="AP953" s="53">
        <v>-35793.5</v>
      </c>
      <c r="AQ953" s="53">
        <v>-35793.5</v>
      </c>
      <c r="AR953" s="53">
        <v>-35793.5</v>
      </c>
      <c r="AS953" s="53">
        <v>-35793.5</v>
      </c>
      <c r="AT953" s="53">
        <v>-35793.5</v>
      </c>
      <c r="AU953" s="53">
        <v>-35793.5</v>
      </c>
      <c r="AV953" s="53">
        <v>-35793.5</v>
      </c>
      <c r="AW953" s="53">
        <v>-35793.5</v>
      </c>
      <c r="AX953" s="53">
        <v>-35793.5</v>
      </c>
      <c r="AY953" s="53">
        <v>-35793.5</v>
      </c>
      <c r="AZ953" s="53">
        <v>-35793.5</v>
      </c>
      <c r="BA953" s="53">
        <v>-35793.5</v>
      </c>
    </row>
    <row r="954" spans="1:53">
      <c r="A954" s="52" t="s">
        <v>3458</v>
      </c>
      <c r="B954" s="53">
        <v>0</v>
      </c>
      <c r="C954" s="53">
        <v>0</v>
      </c>
      <c r="D954" s="53">
        <v>0</v>
      </c>
      <c r="E954" s="53">
        <v>0</v>
      </c>
      <c r="F954" s="53">
        <v>0</v>
      </c>
      <c r="G954" s="53">
        <v>0</v>
      </c>
      <c r="H954" s="53">
        <v>0</v>
      </c>
      <c r="I954" s="53">
        <v>0</v>
      </c>
      <c r="J954" s="53">
        <v>0</v>
      </c>
      <c r="K954" s="53">
        <v>0</v>
      </c>
      <c r="L954" s="53">
        <v>0</v>
      </c>
      <c r="M954" s="53">
        <v>0</v>
      </c>
      <c r="N954" s="53">
        <v>0</v>
      </c>
      <c r="O954" s="53">
        <v>0</v>
      </c>
      <c r="P954" s="53">
        <v>0</v>
      </c>
      <c r="Q954" s="53">
        <v>0</v>
      </c>
      <c r="R954" s="53">
        <v>0</v>
      </c>
      <c r="S954" s="53">
        <v>0</v>
      </c>
      <c r="T954" s="53">
        <v>0</v>
      </c>
      <c r="U954" s="53">
        <v>0</v>
      </c>
      <c r="V954" s="53">
        <v>0</v>
      </c>
      <c r="W954" s="53">
        <v>0</v>
      </c>
      <c r="X954" s="53">
        <v>0</v>
      </c>
      <c r="Y954" s="53">
        <v>0</v>
      </c>
      <c r="Z954" s="53">
        <v>0</v>
      </c>
      <c r="AA954" s="53">
        <v>0</v>
      </c>
      <c r="AB954" s="53">
        <v>0</v>
      </c>
      <c r="AC954" s="53">
        <v>0</v>
      </c>
      <c r="AD954" s="53">
        <v>0</v>
      </c>
      <c r="AE954" s="53">
        <v>0</v>
      </c>
      <c r="AF954" s="53">
        <v>0</v>
      </c>
      <c r="AG954" s="53">
        <v>0</v>
      </c>
      <c r="AH954" s="53">
        <v>0</v>
      </c>
      <c r="AI954" s="53">
        <v>0</v>
      </c>
      <c r="AJ954" s="53">
        <v>0</v>
      </c>
      <c r="AK954" s="53">
        <v>0</v>
      </c>
      <c r="AL954" s="53">
        <v>0</v>
      </c>
      <c r="AM954" s="53">
        <v>0</v>
      </c>
      <c r="AN954" s="53">
        <v>0</v>
      </c>
      <c r="AO954" s="53">
        <v>0</v>
      </c>
      <c r="AP954" s="53">
        <v>0</v>
      </c>
      <c r="AQ954" s="53">
        <v>0</v>
      </c>
      <c r="AR954" s="53">
        <v>0</v>
      </c>
      <c r="AS954" s="53">
        <v>0</v>
      </c>
      <c r="AT954" s="53">
        <v>0</v>
      </c>
      <c r="AU954" s="53">
        <v>0</v>
      </c>
      <c r="AV954" s="53">
        <v>0</v>
      </c>
      <c r="AW954" s="53">
        <v>0</v>
      </c>
      <c r="AX954" s="53">
        <v>0</v>
      </c>
      <c r="AY954" s="53">
        <v>0</v>
      </c>
      <c r="AZ954" s="53">
        <v>0</v>
      </c>
      <c r="BA954" s="53">
        <v>0</v>
      </c>
    </row>
    <row r="955" spans="1:53">
      <c r="A955" s="52" t="s">
        <v>3459</v>
      </c>
      <c r="B955" s="53">
        <v>3525591.4399999902</v>
      </c>
      <c r="C955" s="53">
        <v>1451296.44</v>
      </c>
      <c r="D955" s="53">
        <v>23903789.440000001</v>
      </c>
      <c r="E955" s="53">
        <v>21781657.440000001</v>
      </c>
      <c r="F955" s="53">
        <v>19518656.440000001</v>
      </c>
      <c r="G955" s="53">
        <v>17306119.440000001</v>
      </c>
      <c r="H955" s="53">
        <v>15220655.439999999</v>
      </c>
      <c r="I955" s="53">
        <v>13117857.439999999</v>
      </c>
      <c r="J955" s="53">
        <v>11044072.439999901</v>
      </c>
      <c r="K955" s="53">
        <v>8931687.4399999995</v>
      </c>
      <c r="L955" s="53">
        <v>6725426.4400000004</v>
      </c>
      <c r="M955" s="53">
        <v>4655047.4400000004</v>
      </c>
      <c r="N955" s="53">
        <v>4655047.4400000004</v>
      </c>
      <c r="O955" s="53">
        <v>2536879.44</v>
      </c>
      <c r="P955" s="53">
        <v>418711.44</v>
      </c>
      <c r="Q955" s="53">
        <v>23718559.439999901</v>
      </c>
      <c r="R955" s="53">
        <v>21600391.439999901</v>
      </c>
      <c r="S955" s="53">
        <v>19482223.439999901</v>
      </c>
      <c r="T955" s="53">
        <v>17364055.439999901</v>
      </c>
      <c r="U955" s="53">
        <v>15245887.439999901</v>
      </c>
      <c r="V955" s="53">
        <v>13127719.439999901</v>
      </c>
      <c r="W955" s="53">
        <v>11009551.439999901</v>
      </c>
      <c r="X955" s="53">
        <v>8891383.4399999902</v>
      </c>
      <c r="Y955" s="53">
        <v>6773215.4399999902</v>
      </c>
      <c r="Z955" s="53">
        <v>4655047.4399999799</v>
      </c>
      <c r="AA955" s="53">
        <v>4655047.4399999799</v>
      </c>
      <c r="AB955" s="53">
        <v>2536879.4399999799</v>
      </c>
      <c r="AC955" s="53">
        <v>418711.43999998597</v>
      </c>
      <c r="AD955" s="53">
        <v>23718559.439999901</v>
      </c>
      <c r="AE955" s="53">
        <v>21600391.439999901</v>
      </c>
      <c r="AF955" s="53">
        <v>19482223.440000001</v>
      </c>
      <c r="AG955" s="53">
        <v>17364055.440000001</v>
      </c>
      <c r="AH955" s="53">
        <v>15245887.439999999</v>
      </c>
      <c r="AI955" s="53">
        <v>13127719.439999999</v>
      </c>
      <c r="AJ955" s="53">
        <v>11009551.439999999</v>
      </c>
      <c r="AK955" s="53">
        <v>8891383.4399999995</v>
      </c>
      <c r="AL955" s="53">
        <v>6773215.4399999902</v>
      </c>
      <c r="AM955" s="53">
        <v>4655047.4399999902</v>
      </c>
      <c r="AN955" s="53">
        <v>4655047.4399999902</v>
      </c>
      <c r="AO955" s="53">
        <v>2536879.4399999902</v>
      </c>
      <c r="AP955" s="53">
        <v>418711.43999999302</v>
      </c>
      <c r="AQ955" s="53">
        <v>23718559.440000001</v>
      </c>
      <c r="AR955" s="53">
        <v>21600391.440000001</v>
      </c>
      <c r="AS955" s="53">
        <v>19482223.440000001</v>
      </c>
      <c r="AT955" s="53">
        <v>17364055.440000001</v>
      </c>
      <c r="AU955" s="53">
        <v>15245887.439999999</v>
      </c>
      <c r="AV955" s="53">
        <v>13127719.439999999</v>
      </c>
      <c r="AW955" s="53">
        <v>11009551.439999999</v>
      </c>
      <c r="AX955" s="53">
        <v>8891383.4399999995</v>
      </c>
      <c r="AY955" s="53">
        <v>6773215.4400000004</v>
      </c>
      <c r="AZ955" s="53">
        <v>4655047.4400000004</v>
      </c>
      <c r="BA955" s="53">
        <v>4655047.4400000004</v>
      </c>
    </row>
    <row r="956" spans="1:53">
      <c r="A956" s="52" t="s">
        <v>3460</v>
      </c>
      <c r="B956" s="53">
        <v>458326.887199989</v>
      </c>
      <c r="C956" s="53">
        <v>188668.53719999199</v>
      </c>
      <c r="D956" s="53">
        <v>3107492.6271999902</v>
      </c>
      <c r="E956" s="53">
        <v>2831615.4671999901</v>
      </c>
      <c r="F956" s="53">
        <v>2537425.3371999902</v>
      </c>
      <c r="G956" s="53">
        <v>2249795.5271999901</v>
      </c>
      <c r="H956" s="53">
        <v>1978685.2071999901</v>
      </c>
      <c r="I956" s="53">
        <v>1705321.4671999901</v>
      </c>
      <c r="J956" s="53">
        <v>1435729.41719999</v>
      </c>
      <c r="K956" s="53">
        <v>1161119.36719999</v>
      </c>
      <c r="L956" s="53">
        <v>874305.43719999702</v>
      </c>
      <c r="M956" s="53">
        <v>605156.16719999502</v>
      </c>
      <c r="N956" s="53">
        <v>605156.16719999502</v>
      </c>
      <c r="O956" s="53">
        <v>329794.32719999697</v>
      </c>
      <c r="P956" s="53">
        <v>54432.487199999698</v>
      </c>
      <c r="Q956" s="53">
        <v>3083412.7271999898</v>
      </c>
      <c r="R956" s="53">
        <v>2808050.88719999</v>
      </c>
      <c r="S956" s="53">
        <v>2532689.0471999999</v>
      </c>
      <c r="T956" s="53">
        <v>2257327.2072000001</v>
      </c>
      <c r="U956" s="53">
        <v>1981965.3672</v>
      </c>
      <c r="V956" s="53">
        <v>1706603.5271999999</v>
      </c>
      <c r="W956" s="53">
        <v>1431241.6872000101</v>
      </c>
      <c r="X956" s="53">
        <v>1155879.84720001</v>
      </c>
      <c r="Y956" s="53">
        <v>880518.00720001396</v>
      </c>
      <c r="Z956" s="53">
        <v>605156.16720001702</v>
      </c>
      <c r="AA956" s="53">
        <v>605156.16720001702</v>
      </c>
      <c r="AB956" s="53">
        <v>329794.32720001898</v>
      </c>
      <c r="AC956" s="53">
        <v>54432.487200021496</v>
      </c>
      <c r="AD956" s="53">
        <v>3083412.7272000201</v>
      </c>
      <c r="AE956" s="53">
        <v>2808050.8872000198</v>
      </c>
      <c r="AF956" s="53">
        <v>2532689.0472000302</v>
      </c>
      <c r="AG956" s="53">
        <v>2257327.2072000299</v>
      </c>
      <c r="AH956" s="53">
        <v>1981965.36720003</v>
      </c>
      <c r="AI956" s="53">
        <v>1706603.5272000299</v>
      </c>
      <c r="AJ956" s="53">
        <v>1431241.6872000301</v>
      </c>
      <c r="AK956" s="53">
        <v>1155879.84720004</v>
      </c>
      <c r="AL956" s="53">
        <v>880518.00720004295</v>
      </c>
      <c r="AM956" s="53">
        <v>605156.16720004601</v>
      </c>
      <c r="AN956" s="53">
        <v>605156.16720004601</v>
      </c>
      <c r="AO956" s="53">
        <v>329794.32720004802</v>
      </c>
      <c r="AP956" s="53">
        <v>54432.4872000506</v>
      </c>
      <c r="AQ956" s="53">
        <v>3083412.7272000499</v>
      </c>
      <c r="AR956" s="53">
        <v>2808050.8872000501</v>
      </c>
      <c r="AS956" s="53">
        <v>2532689.04720006</v>
      </c>
      <c r="AT956" s="53">
        <v>2257327.2072000601</v>
      </c>
      <c r="AU956" s="53">
        <v>1981965.36720006</v>
      </c>
      <c r="AV956" s="53">
        <v>1706603.52720006</v>
      </c>
      <c r="AW956" s="53">
        <v>1431241.6872000601</v>
      </c>
      <c r="AX956" s="53">
        <v>1155879.84720007</v>
      </c>
      <c r="AY956" s="53">
        <v>880518.00720007299</v>
      </c>
      <c r="AZ956" s="53">
        <v>605156.167200075</v>
      </c>
      <c r="BA956" s="53">
        <v>605156.167200075</v>
      </c>
    </row>
    <row r="957" spans="1:53">
      <c r="A957" s="52" t="s">
        <v>3461</v>
      </c>
      <c r="B957" s="53">
        <v>-229374.33</v>
      </c>
      <c r="C957" s="53">
        <v>-229374.33</v>
      </c>
      <c r="D957" s="53">
        <v>-229374.33</v>
      </c>
      <c r="E957" s="53">
        <v>-229374.33</v>
      </c>
      <c r="F957" s="53">
        <v>-229374.33</v>
      </c>
      <c r="G957" s="53">
        <v>-229374.33</v>
      </c>
      <c r="H957" s="53">
        <v>-229374.33</v>
      </c>
      <c r="I957" s="53">
        <v>-229374.33</v>
      </c>
      <c r="J957" s="53">
        <v>-229374.33</v>
      </c>
      <c r="K957" s="53">
        <v>-229374.33</v>
      </c>
      <c r="L957" s="53">
        <v>-229374.33</v>
      </c>
      <c r="M957" s="53">
        <v>-229374.33</v>
      </c>
      <c r="N957" s="53">
        <v>-229374.33</v>
      </c>
      <c r="O957" s="53">
        <v>-229374.33</v>
      </c>
      <c r="P957" s="53">
        <v>-229374.33</v>
      </c>
      <c r="Q957" s="53">
        <v>-229374.33</v>
      </c>
      <c r="R957" s="53">
        <v>-229374.33</v>
      </c>
      <c r="S957" s="53">
        <v>-229374.33</v>
      </c>
      <c r="T957" s="53">
        <v>-229374.33</v>
      </c>
      <c r="U957" s="53">
        <v>-229374.33</v>
      </c>
      <c r="V957" s="53">
        <v>-229374.33</v>
      </c>
      <c r="W957" s="53">
        <v>-229374.33</v>
      </c>
      <c r="X957" s="53">
        <v>-229374.33</v>
      </c>
      <c r="Y957" s="53">
        <v>-229374.33</v>
      </c>
      <c r="Z957" s="53">
        <v>-229374.33</v>
      </c>
      <c r="AA957" s="53">
        <v>-229374.33</v>
      </c>
      <c r="AB957" s="53">
        <v>-229374.33</v>
      </c>
      <c r="AC957" s="53">
        <v>-229374.33</v>
      </c>
      <c r="AD957" s="53">
        <v>-229374.33</v>
      </c>
      <c r="AE957" s="53">
        <v>-229374.33</v>
      </c>
      <c r="AF957" s="53">
        <v>-229374.33</v>
      </c>
      <c r="AG957" s="53">
        <v>-229374.33</v>
      </c>
      <c r="AH957" s="53">
        <v>-229374.33</v>
      </c>
      <c r="AI957" s="53">
        <v>-229374.33</v>
      </c>
      <c r="AJ957" s="53">
        <v>-229374.33</v>
      </c>
      <c r="AK957" s="53">
        <v>-229374.33</v>
      </c>
      <c r="AL957" s="53">
        <v>-229374.33</v>
      </c>
      <c r="AM957" s="53">
        <v>-229374.33</v>
      </c>
      <c r="AN957" s="53">
        <v>-229374.33</v>
      </c>
      <c r="AO957" s="53">
        <v>-229374.33</v>
      </c>
      <c r="AP957" s="53">
        <v>-229374.33</v>
      </c>
      <c r="AQ957" s="53">
        <v>-229374.33</v>
      </c>
      <c r="AR957" s="53">
        <v>-229374.33</v>
      </c>
      <c r="AS957" s="53">
        <v>-229374.33</v>
      </c>
      <c r="AT957" s="53">
        <v>-229374.33</v>
      </c>
      <c r="AU957" s="53">
        <v>-229374.33</v>
      </c>
      <c r="AV957" s="53">
        <v>-229374.33</v>
      </c>
      <c r="AW957" s="53">
        <v>-229374.33</v>
      </c>
      <c r="AX957" s="53">
        <v>-229374.33</v>
      </c>
      <c r="AY957" s="53">
        <v>-229374.33</v>
      </c>
      <c r="AZ957" s="53">
        <v>-229374.33</v>
      </c>
      <c r="BA957" s="53">
        <v>-229374.33</v>
      </c>
    </row>
    <row r="958" spans="1:53">
      <c r="A958" s="52" t="s">
        <v>3462</v>
      </c>
      <c r="B958" s="53">
        <v>-526304.07999999996</v>
      </c>
      <c r="C958" s="53">
        <v>-526304.07999999996</v>
      </c>
      <c r="D958" s="53">
        <v>-526304.07999999996</v>
      </c>
      <c r="E958" s="53">
        <v>-526304.07999999996</v>
      </c>
      <c r="F958" s="53">
        <v>-526304.07999999996</v>
      </c>
      <c r="G958" s="53">
        <v>-526304.07999999996</v>
      </c>
      <c r="H958" s="53">
        <v>-526304.07999999996</v>
      </c>
      <c r="I958" s="53">
        <v>-526304.07999999996</v>
      </c>
      <c r="J958" s="53">
        <v>-526304.07999999996</v>
      </c>
      <c r="K958" s="53">
        <v>-526304.07999999996</v>
      </c>
      <c r="L958" s="53">
        <v>-526304.07999999996</v>
      </c>
      <c r="M958" s="53">
        <v>-526304.07999999996</v>
      </c>
      <c r="N958" s="53">
        <v>-526304.07999999996</v>
      </c>
      <c r="O958" s="53">
        <v>-526304.07999999996</v>
      </c>
      <c r="P958" s="53">
        <v>-526304.07999999996</v>
      </c>
      <c r="Q958" s="53">
        <v>-526304.07999999996</v>
      </c>
      <c r="R958" s="53">
        <v>-526304.07999999996</v>
      </c>
      <c r="S958" s="53">
        <v>-526304.07999999996</v>
      </c>
      <c r="T958" s="53">
        <v>-526304.07999999996</v>
      </c>
      <c r="U958" s="53">
        <v>-526304.07999999996</v>
      </c>
      <c r="V958" s="53">
        <v>-526304.07999999996</v>
      </c>
      <c r="W958" s="53">
        <v>-526304.07999999996</v>
      </c>
      <c r="X958" s="53">
        <v>-526304.07999999996</v>
      </c>
      <c r="Y958" s="53">
        <v>-526304.07999999996</v>
      </c>
      <c r="Z958" s="53">
        <v>-526304.07999999996</v>
      </c>
      <c r="AA958" s="53">
        <v>-526304.07999999996</v>
      </c>
      <c r="AB958" s="53">
        <v>-526304.07999999996</v>
      </c>
      <c r="AC958" s="53">
        <v>-526304.07999999996</v>
      </c>
      <c r="AD958" s="53">
        <v>-526304.07999999996</v>
      </c>
      <c r="AE958" s="53">
        <v>-526304.07999999996</v>
      </c>
      <c r="AF958" s="53">
        <v>-526304.07999999996</v>
      </c>
      <c r="AG958" s="53">
        <v>-526304.07999999996</v>
      </c>
      <c r="AH958" s="53">
        <v>-526304.07999999996</v>
      </c>
      <c r="AI958" s="53">
        <v>-526304.07999999996</v>
      </c>
      <c r="AJ958" s="53">
        <v>-526304.07999999996</v>
      </c>
      <c r="AK958" s="53">
        <v>-526304.07999999996</v>
      </c>
      <c r="AL958" s="53">
        <v>-526304.07999999996</v>
      </c>
      <c r="AM958" s="53">
        <v>-526304.07999999996</v>
      </c>
      <c r="AN958" s="53">
        <v>-526304.07999999996</v>
      </c>
      <c r="AO958" s="53">
        <v>-526304.07999999996</v>
      </c>
      <c r="AP958" s="53">
        <v>-526304.07999999996</v>
      </c>
      <c r="AQ958" s="53">
        <v>-526304.07999999996</v>
      </c>
      <c r="AR958" s="53">
        <v>-526304.07999999996</v>
      </c>
      <c r="AS958" s="53">
        <v>-526304.07999999996</v>
      </c>
      <c r="AT958" s="53">
        <v>-526304.07999999996</v>
      </c>
      <c r="AU958" s="53">
        <v>-526304.07999999996</v>
      </c>
      <c r="AV958" s="53">
        <v>-526304.07999999996</v>
      </c>
      <c r="AW958" s="53">
        <v>-526304.07999999996</v>
      </c>
      <c r="AX958" s="53">
        <v>-526304.07999999996</v>
      </c>
      <c r="AY958" s="53">
        <v>-526304.07999999996</v>
      </c>
      <c r="AZ958" s="53">
        <v>-526304.07999999996</v>
      </c>
      <c r="BA958" s="53">
        <v>-526304.07999999996</v>
      </c>
    </row>
    <row r="959" spans="1:53">
      <c r="A959" s="52" t="s">
        <v>3463</v>
      </c>
      <c r="B959" s="53">
        <v>0</v>
      </c>
      <c r="C959" s="53">
        <v>0</v>
      </c>
      <c r="D959" s="53">
        <v>0</v>
      </c>
      <c r="E959" s="53">
        <v>0</v>
      </c>
      <c r="F959" s="53">
        <v>0</v>
      </c>
      <c r="G959" s="53">
        <v>0</v>
      </c>
      <c r="H959" s="53">
        <v>0</v>
      </c>
      <c r="I959" s="53">
        <v>0</v>
      </c>
      <c r="J959" s="53">
        <v>0</v>
      </c>
      <c r="K959" s="53">
        <v>0</v>
      </c>
      <c r="L959" s="53">
        <v>0</v>
      </c>
      <c r="M959" s="53">
        <v>0</v>
      </c>
      <c r="N959" s="53">
        <v>0</v>
      </c>
      <c r="O959" s="53">
        <v>0</v>
      </c>
      <c r="P959" s="53">
        <v>0</v>
      </c>
      <c r="Q959" s="53">
        <v>0</v>
      </c>
      <c r="R959" s="53">
        <v>0</v>
      </c>
      <c r="S959" s="53">
        <v>0</v>
      </c>
      <c r="T959" s="53">
        <v>0</v>
      </c>
      <c r="U959" s="53">
        <v>0</v>
      </c>
      <c r="V959" s="53">
        <v>0</v>
      </c>
      <c r="W959" s="53">
        <v>0</v>
      </c>
      <c r="X959" s="53">
        <v>0</v>
      </c>
      <c r="Y959" s="53">
        <v>0</v>
      </c>
      <c r="Z959" s="53">
        <v>0</v>
      </c>
      <c r="AA959" s="53">
        <v>0</v>
      </c>
      <c r="AB959" s="53">
        <v>0</v>
      </c>
      <c r="AC959" s="53">
        <v>0</v>
      </c>
      <c r="AD959" s="53">
        <v>0</v>
      </c>
      <c r="AE959" s="53">
        <v>0</v>
      </c>
      <c r="AF959" s="53">
        <v>0</v>
      </c>
      <c r="AG959" s="53">
        <v>0</v>
      </c>
      <c r="AH959" s="53">
        <v>0</v>
      </c>
      <c r="AI959" s="53">
        <v>0</v>
      </c>
      <c r="AJ959" s="53">
        <v>0</v>
      </c>
      <c r="AK959" s="53">
        <v>0</v>
      </c>
      <c r="AL959" s="53">
        <v>0</v>
      </c>
      <c r="AM959" s="53">
        <v>0</v>
      </c>
      <c r="AN959" s="53">
        <v>0</v>
      </c>
      <c r="AO959" s="53">
        <v>0</v>
      </c>
      <c r="AP959" s="53">
        <v>0</v>
      </c>
      <c r="AQ959" s="53">
        <v>0</v>
      </c>
      <c r="AR959" s="53">
        <v>0</v>
      </c>
      <c r="AS959" s="53">
        <v>0</v>
      </c>
      <c r="AT959" s="53">
        <v>0</v>
      </c>
      <c r="AU959" s="53">
        <v>0</v>
      </c>
      <c r="AV959" s="53">
        <v>0</v>
      </c>
      <c r="AW959" s="53">
        <v>0</v>
      </c>
      <c r="AX959" s="53">
        <v>0</v>
      </c>
      <c r="AY959" s="53">
        <v>0</v>
      </c>
      <c r="AZ959" s="53">
        <v>0</v>
      </c>
      <c r="BA959" s="53">
        <v>0</v>
      </c>
    </row>
    <row r="960" spans="1:53">
      <c r="A960" s="52" t="s">
        <v>3464</v>
      </c>
      <c r="B960" s="53">
        <v>0</v>
      </c>
      <c r="C960" s="53">
        <v>0</v>
      </c>
      <c r="D960" s="53">
        <v>0</v>
      </c>
      <c r="E960" s="53">
        <v>0</v>
      </c>
      <c r="F960" s="53">
        <v>0</v>
      </c>
      <c r="G960" s="53">
        <v>0</v>
      </c>
      <c r="H960" s="53">
        <v>0</v>
      </c>
      <c r="I960" s="53">
        <v>0</v>
      </c>
      <c r="J960" s="53">
        <v>0</v>
      </c>
      <c r="K960" s="53">
        <v>0</v>
      </c>
      <c r="L960" s="53">
        <v>0</v>
      </c>
      <c r="M960" s="53">
        <v>0</v>
      </c>
      <c r="N960" s="53">
        <v>0</v>
      </c>
      <c r="O960" s="53">
        <v>0</v>
      </c>
      <c r="P960" s="53">
        <v>0</v>
      </c>
      <c r="Q960" s="53">
        <v>0</v>
      </c>
      <c r="R960" s="53">
        <v>0</v>
      </c>
      <c r="S960" s="53">
        <v>0</v>
      </c>
      <c r="T960" s="53">
        <v>0</v>
      </c>
      <c r="U960" s="53">
        <v>0</v>
      </c>
      <c r="V960" s="53">
        <v>0</v>
      </c>
      <c r="W960" s="53">
        <v>0</v>
      </c>
      <c r="X960" s="53">
        <v>0</v>
      </c>
      <c r="Y960" s="53">
        <v>0</v>
      </c>
      <c r="Z960" s="53">
        <v>0</v>
      </c>
      <c r="AA960" s="53">
        <v>0</v>
      </c>
      <c r="AB960" s="53">
        <v>0</v>
      </c>
      <c r="AC960" s="53">
        <v>0</v>
      </c>
      <c r="AD960" s="53">
        <v>0</v>
      </c>
      <c r="AE960" s="53">
        <v>0</v>
      </c>
      <c r="AF960" s="53">
        <v>0</v>
      </c>
      <c r="AG960" s="53">
        <v>0</v>
      </c>
      <c r="AH960" s="53">
        <v>0</v>
      </c>
      <c r="AI960" s="53">
        <v>0</v>
      </c>
      <c r="AJ960" s="53">
        <v>0</v>
      </c>
      <c r="AK960" s="53">
        <v>0</v>
      </c>
      <c r="AL960" s="53">
        <v>0</v>
      </c>
      <c r="AM960" s="53">
        <v>0</v>
      </c>
      <c r="AN960" s="53">
        <v>0</v>
      </c>
      <c r="AO960" s="53">
        <v>0</v>
      </c>
      <c r="AP960" s="53">
        <v>0</v>
      </c>
      <c r="AQ960" s="53">
        <v>0</v>
      </c>
      <c r="AR960" s="53">
        <v>0</v>
      </c>
      <c r="AS960" s="53">
        <v>0</v>
      </c>
      <c r="AT960" s="53">
        <v>0</v>
      </c>
      <c r="AU960" s="53">
        <v>0</v>
      </c>
      <c r="AV960" s="53">
        <v>0</v>
      </c>
      <c r="AW960" s="53">
        <v>0</v>
      </c>
      <c r="AX960" s="53">
        <v>0</v>
      </c>
      <c r="AY960" s="53">
        <v>0</v>
      </c>
      <c r="AZ960" s="53">
        <v>0</v>
      </c>
      <c r="BA960" s="53">
        <v>0</v>
      </c>
    </row>
    <row r="961" spans="1:53">
      <c r="A961" s="52" t="s">
        <v>3465</v>
      </c>
      <c r="B961" s="53">
        <v>-8774891.0800000001</v>
      </c>
      <c r="C961" s="53">
        <v>-8774891.0800000001</v>
      </c>
      <c r="D961" s="53">
        <v>-8774891.0800000001</v>
      </c>
      <c r="E961" s="53">
        <v>-8774891.0800000001</v>
      </c>
      <c r="F961" s="53">
        <v>-8774891.0800000001</v>
      </c>
      <c r="G961" s="53">
        <v>-8774891.0800000001</v>
      </c>
      <c r="H961" s="53">
        <v>-8774891.0800000001</v>
      </c>
      <c r="I961" s="53">
        <v>-8774891.0800000001</v>
      </c>
      <c r="J961" s="53">
        <v>-8774891.0800000001</v>
      </c>
      <c r="K961" s="53">
        <v>-8774891.0800000001</v>
      </c>
      <c r="L961" s="53">
        <v>-8774891.0800000001</v>
      </c>
      <c r="M961" s="53">
        <v>-8774891.0800000001</v>
      </c>
      <c r="N961" s="53">
        <v>-8774891.0800000001</v>
      </c>
      <c r="O961" s="53">
        <v>-8774891.0800000001</v>
      </c>
      <c r="P961" s="53">
        <v>-8774891.0800000001</v>
      </c>
      <c r="Q961" s="53">
        <v>-8774891.0800000001</v>
      </c>
      <c r="R961" s="53">
        <v>-8774891.0800000001</v>
      </c>
      <c r="S961" s="53">
        <v>-8774891.0800000001</v>
      </c>
      <c r="T961" s="53">
        <v>-8774891.0800000001</v>
      </c>
      <c r="U961" s="53">
        <v>-8774891.0800000001</v>
      </c>
      <c r="V961" s="53">
        <v>-8774891.0800000001</v>
      </c>
      <c r="W961" s="53">
        <v>-8774891.0800000001</v>
      </c>
      <c r="X961" s="53">
        <v>-8774891.0800000001</v>
      </c>
      <c r="Y961" s="53">
        <v>-8774891.0800000001</v>
      </c>
      <c r="Z961" s="53">
        <v>-8774891.0800000001</v>
      </c>
      <c r="AA961" s="53">
        <v>-8774891.0800000001</v>
      </c>
      <c r="AB961" s="53">
        <v>-8774891.0800000001</v>
      </c>
      <c r="AC961" s="53">
        <v>-8774891.0800000001</v>
      </c>
      <c r="AD961" s="53">
        <v>-8774891.0800000001</v>
      </c>
      <c r="AE961" s="53">
        <v>-8774891.0800000001</v>
      </c>
      <c r="AF961" s="53">
        <v>-8774891.0800000001</v>
      </c>
      <c r="AG961" s="53">
        <v>-8774891.0800000001</v>
      </c>
      <c r="AH961" s="53">
        <v>-8774891.0800000001</v>
      </c>
      <c r="AI961" s="53">
        <v>-8774891.0800000001</v>
      </c>
      <c r="AJ961" s="53">
        <v>-8774891.0800000001</v>
      </c>
      <c r="AK961" s="53">
        <v>-8774891.0800000001</v>
      </c>
      <c r="AL961" s="53">
        <v>-8774891.0800000001</v>
      </c>
      <c r="AM961" s="53">
        <v>-8774891.0800000001</v>
      </c>
      <c r="AN961" s="53">
        <v>-8774891.0800000001</v>
      </c>
      <c r="AO961" s="53">
        <v>-8774891.0800000001</v>
      </c>
      <c r="AP961" s="53">
        <v>-8774891.0800000001</v>
      </c>
      <c r="AQ961" s="53">
        <v>-8774891.0800000001</v>
      </c>
      <c r="AR961" s="53">
        <v>-8774891.0800000001</v>
      </c>
      <c r="AS961" s="53">
        <v>-8774891.0800000001</v>
      </c>
      <c r="AT961" s="53">
        <v>-8774891.0800000001</v>
      </c>
      <c r="AU961" s="53">
        <v>-8774891.0800000001</v>
      </c>
      <c r="AV961" s="53">
        <v>-8774891.0800000001</v>
      </c>
      <c r="AW961" s="53">
        <v>-8774891.0800000001</v>
      </c>
      <c r="AX961" s="53">
        <v>-8774891.0800000001</v>
      </c>
      <c r="AY961" s="53">
        <v>-8774891.0800000001</v>
      </c>
      <c r="AZ961" s="53">
        <v>-8774891.0800000001</v>
      </c>
      <c r="BA961" s="53">
        <v>-8774891.0800000001</v>
      </c>
    </row>
    <row r="962" spans="1:53">
      <c r="A962" s="52" t="s">
        <v>3466</v>
      </c>
      <c r="B962" s="53">
        <v>-533860</v>
      </c>
      <c r="C962" s="53">
        <v>-533860</v>
      </c>
      <c r="D962" s="53">
        <v>-533860</v>
      </c>
      <c r="E962" s="53">
        <v>-533860</v>
      </c>
      <c r="F962" s="53">
        <v>-533860</v>
      </c>
      <c r="G962" s="53">
        <v>-533860</v>
      </c>
      <c r="H962" s="53">
        <v>-533860</v>
      </c>
      <c r="I962" s="53">
        <v>-533860</v>
      </c>
      <c r="J962" s="53">
        <v>-533860</v>
      </c>
      <c r="K962" s="53">
        <v>-533860</v>
      </c>
      <c r="L962" s="53">
        <v>-533860</v>
      </c>
      <c r="M962" s="53">
        <v>-533860</v>
      </c>
      <c r="N962" s="53">
        <v>-533860</v>
      </c>
      <c r="O962" s="53">
        <v>-533860</v>
      </c>
      <c r="P962" s="53">
        <v>-533860</v>
      </c>
      <c r="Q962" s="53">
        <v>-533860</v>
      </c>
      <c r="R962" s="53">
        <v>-533860</v>
      </c>
      <c r="S962" s="53">
        <v>-533860</v>
      </c>
      <c r="T962" s="53">
        <v>-533860</v>
      </c>
      <c r="U962" s="53">
        <v>-533860</v>
      </c>
      <c r="V962" s="53">
        <v>-533860</v>
      </c>
      <c r="W962" s="53">
        <v>-533860</v>
      </c>
      <c r="X962" s="53">
        <v>-533860</v>
      </c>
      <c r="Y962" s="53">
        <v>-533860</v>
      </c>
      <c r="Z962" s="53">
        <v>-533860</v>
      </c>
      <c r="AA962" s="53">
        <v>-533860</v>
      </c>
      <c r="AB962" s="53">
        <v>-533860</v>
      </c>
      <c r="AC962" s="53">
        <v>-533860</v>
      </c>
      <c r="AD962" s="53">
        <v>-533860</v>
      </c>
      <c r="AE962" s="53">
        <v>-533860</v>
      </c>
      <c r="AF962" s="53">
        <v>-533860</v>
      </c>
      <c r="AG962" s="53">
        <v>-533860</v>
      </c>
      <c r="AH962" s="53">
        <v>-533860</v>
      </c>
      <c r="AI962" s="53">
        <v>-533860</v>
      </c>
      <c r="AJ962" s="53">
        <v>-533860</v>
      </c>
      <c r="AK962" s="53">
        <v>-533860</v>
      </c>
      <c r="AL962" s="53">
        <v>-533860</v>
      </c>
      <c r="AM962" s="53">
        <v>-533860</v>
      </c>
      <c r="AN962" s="53">
        <v>-533860</v>
      </c>
      <c r="AO962" s="53">
        <v>-533860</v>
      </c>
      <c r="AP962" s="53">
        <v>-533860</v>
      </c>
      <c r="AQ962" s="53">
        <v>-533860</v>
      </c>
      <c r="AR962" s="53">
        <v>-533860</v>
      </c>
      <c r="AS962" s="53">
        <v>-533860</v>
      </c>
      <c r="AT962" s="53">
        <v>-533860</v>
      </c>
      <c r="AU962" s="53">
        <v>-533860</v>
      </c>
      <c r="AV962" s="53">
        <v>-533860</v>
      </c>
      <c r="AW962" s="53">
        <v>-533860</v>
      </c>
      <c r="AX962" s="53">
        <v>-533860</v>
      </c>
      <c r="AY962" s="53">
        <v>-533860</v>
      </c>
      <c r="AZ962" s="53">
        <v>-533860</v>
      </c>
      <c r="BA962" s="53">
        <v>-533860</v>
      </c>
    </row>
    <row r="963" spans="1:53">
      <c r="A963" s="52" t="s">
        <v>3467</v>
      </c>
      <c r="B963" s="53">
        <v>0</v>
      </c>
      <c r="C963" s="53">
        <v>0</v>
      </c>
      <c r="D963" s="53">
        <v>0</v>
      </c>
      <c r="E963" s="53">
        <v>0</v>
      </c>
      <c r="F963" s="53">
        <v>0</v>
      </c>
      <c r="G963" s="53">
        <v>0</v>
      </c>
      <c r="H963" s="53">
        <v>0</v>
      </c>
      <c r="I963" s="53">
        <v>0</v>
      </c>
      <c r="J963" s="53">
        <v>0</v>
      </c>
      <c r="K963" s="53">
        <v>0</v>
      </c>
      <c r="L963" s="53">
        <v>0</v>
      </c>
      <c r="M963" s="53">
        <v>0</v>
      </c>
      <c r="N963" s="53">
        <v>0</v>
      </c>
      <c r="O963" s="53">
        <v>0</v>
      </c>
      <c r="P963" s="53">
        <v>0</v>
      </c>
      <c r="Q963" s="53">
        <v>0</v>
      </c>
      <c r="R963" s="53">
        <v>0</v>
      </c>
      <c r="S963" s="53">
        <v>0</v>
      </c>
      <c r="T963" s="53">
        <v>0</v>
      </c>
      <c r="U963" s="53">
        <v>0</v>
      </c>
      <c r="V963" s="53">
        <v>0</v>
      </c>
      <c r="W963" s="53">
        <v>0</v>
      </c>
      <c r="X963" s="53">
        <v>0</v>
      </c>
      <c r="Y963" s="53">
        <v>0</v>
      </c>
      <c r="Z963" s="53">
        <v>0</v>
      </c>
      <c r="AA963" s="53">
        <v>0</v>
      </c>
      <c r="AB963" s="53">
        <v>0</v>
      </c>
      <c r="AC963" s="53">
        <v>0</v>
      </c>
      <c r="AD963" s="53">
        <v>0</v>
      </c>
      <c r="AE963" s="53">
        <v>0</v>
      </c>
      <c r="AF963" s="53">
        <v>0</v>
      </c>
      <c r="AG963" s="53">
        <v>0</v>
      </c>
      <c r="AH963" s="53">
        <v>0</v>
      </c>
      <c r="AI963" s="53">
        <v>0</v>
      </c>
      <c r="AJ963" s="53">
        <v>0</v>
      </c>
      <c r="AK963" s="53">
        <v>0</v>
      </c>
      <c r="AL963" s="53">
        <v>0</v>
      </c>
      <c r="AM963" s="53">
        <v>0</v>
      </c>
      <c r="AN963" s="53">
        <v>0</v>
      </c>
      <c r="AO963" s="53">
        <v>0</v>
      </c>
      <c r="AP963" s="53">
        <v>0</v>
      </c>
      <c r="AQ963" s="53">
        <v>0</v>
      </c>
      <c r="AR963" s="53">
        <v>0</v>
      </c>
      <c r="AS963" s="53">
        <v>0</v>
      </c>
      <c r="AT963" s="53">
        <v>0</v>
      </c>
      <c r="AU963" s="53">
        <v>0</v>
      </c>
      <c r="AV963" s="53">
        <v>0</v>
      </c>
      <c r="AW963" s="53">
        <v>0</v>
      </c>
      <c r="AX963" s="53">
        <v>0</v>
      </c>
      <c r="AY963" s="53">
        <v>0</v>
      </c>
      <c r="AZ963" s="53">
        <v>0</v>
      </c>
      <c r="BA963" s="53">
        <v>0</v>
      </c>
    </row>
    <row r="964" spans="1:53">
      <c r="A964" s="52" t="s">
        <v>3468</v>
      </c>
      <c r="B964" s="53">
        <v>0</v>
      </c>
      <c r="C964" s="53">
        <v>0</v>
      </c>
      <c r="D964" s="53">
        <v>0</v>
      </c>
      <c r="E964" s="53">
        <v>0</v>
      </c>
      <c r="F964" s="53">
        <v>0</v>
      </c>
      <c r="G964" s="53">
        <v>0</v>
      </c>
      <c r="H964" s="53">
        <v>0</v>
      </c>
      <c r="I964" s="53">
        <v>0</v>
      </c>
      <c r="J964" s="53">
        <v>0</v>
      </c>
      <c r="K964" s="53">
        <v>0</v>
      </c>
      <c r="L964" s="53">
        <v>0</v>
      </c>
      <c r="M964" s="53">
        <v>0</v>
      </c>
      <c r="N964" s="53">
        <v>0</v>
      </c>
      <c r="O964" s="53">
        <v>0</v>
      </c>
      <c r="P964" s="53">
        <v>0</v>
      </c>
      <c r="Q964" s="53">
        <v>0</v>
      </c>
      <c r="R964" s="53">
        <v>0</v>
      </c>
      <c r="S964" s="53">
        <v>0</v>
      </c>
      <c r="T964" s="53">
        <v>0</v>
      </c>
      <c r="U964" s="53">
        <v>0</v>
      </c>
      <c r="V964" s="53">
        <v>0</v>
      </c>
      <c r="W964" s="53">
        <v>0</v>
      </c>
      <c r="X964" s="53">
        <v>0</v>
      </c>
      <c r="Y964" s="53">
        <v>0</v>
      </c>
      <c r="Z964" s="53">
        <v>0</v>
      </c>
      <c r="AA964" s="53">
        <v>0</v>
      </c>
      <c r="AB964" s="53">
        <v>0</v>
      </c>
      <c r="AC964" s="53">
        <v>0</v>
      </c>
      <c r="AD964" s="53">
        <v>0</v>
      </c>
      <c r="AE964" s="53">
        <v>0</v>
      </c>
      <c r="AF964" s="53">
        <v>0</v>
      </c>
      <c r="AG964" s="53">
        <v>0</v>
      </c>
      <c r="AH964" s="53">
        <v>0</v>
      </c>
      <c r="AI964" s="53">
        <v>0</v>
      </c>
      <c r="AJ964" s="53">
        <v>0</v>
      </c>
      <c r="AK964" s="53">
        <v>0</v>
      </c>
      <c r="AL964" s="53">
        <v>0</v>
      </c>
      <c r="AM964" s="53">
        <v>0</v>
      </c>
      <c r="AN964" s="53">
        <v>0</v>
      </c>
      <c r="AO964" s="53">
        <v>0</v>
      </c>
      <c r="AP964" s="53">
        <v>0</v>
      </c>
      <c r="AQ964" s="53">
        <v>0</v>
      </c>
      <c r="AR964" s="53">
        <v>0</v>
      </c>
      <c r="AS964" s="53">
        <v>0</v>
      </c>
      <c r="AT964" s="53">
        <v>0</v>
      </c>
      <c r="AU964" s="53">
        <v>0</v>
      </c>
      <c r="AV964" s="53">
        <v>0</v>
      </c>
      <c r="AW964" s="53">
        <v>0</v>
      </c>
      <c r="AX964" s="53">
        <v>0</v>
      </c>
      <c r="AY964" s="53">
        <v>0</v>
      </c>
      <c r="AZ964" s="53">
        <v>0</v>
      </c>
      <c r="BA964" s="53">
        <v>0</v>
      </c>
    </row>
    <row r="965" spans="1:53">
      <c r="A965" s="52" t="s">
        <v>3469</v>
      </c>
      <c r="B965" s="53">
        <v>0</v>
      </c>
      <c r="C965" s="53">
        <v>0</v>
      </c>
      <c r="D965" s="53">
        <v>0</v>
      </c>
      <c r="E965" s="53">
        <v>0</v>
      </c>
      <c r="F965" s="53">
        <v>0</v>
      </c>
      <c r="G965" s="53">
        <v>0</v>
      </c>
      <c r="H965" s="53">
        <v>0</v>
      </c>
      <c r="I965" s="53">
        <v>0</v>
      </c>
      <c r="J965" s="53">
        <v>0</v>
      </c>
      <c r="K965" s="53">
        <v>0</v>
      </c>
      <c r="L965" s="53">
        <v>0</v>
      </c>
      <c r="M965" s="53">
        <v>0</v>
      </c>
      <c r="N965" s="53">
        <v>0</v>
      </c>
      <c r="O965" s="53">
        <v>0</v>
      </c>
      <c r="P965" s="53">
        <v>0</v>
      </c>
      <c r="Q965" s="53">
        <v>0</v>
      </c>
      <c r="R965" s="53">
        <v>0</v>
      </c>
      <c r="S965" s="53">
        <v>0</v>
      </c>
      <c r="T965" s="53">
        <v>0</v>
      </c>
      <c r="U965" s="53">
        <v>0</v>
      </c>
      <c r="V965" s="53">
        <v>0</v>
      </c>
      <c r="W965" s="53">
        <v>0</v>
      </c>
      <c r="X965" s="53">
        <v>0</v>
      </c>
      <c r="Y965" s="53">
        <v>0</v>
      </c>
      <c r="Z965" s="53">
        <v>0</v>
      </c>
      <c r="AA965" s="53">
        <v>0</v>
      </c>
      <c r="AB965" s="53">
        <v>0</v>
      </c>
      <c r="AC965" s="53">
        <v>0</v>
      </c>
      <c r="AD965" s="53">
        <v>0</v>
      </c>
      <c r="AE965" s="53">
        <v>0</v>
      </c>
      <c r="AF965" s="53">
        <v>0</v>
      </c>
      <c r="AG965" s="53">
        <v>0</v>
      </c>
      <c r="AH965" s="53">
        <v>0</v>
      </c>
      <c r="AI965" s="53">
        <v>0</v>
      </c>
      <c r="AJ965" s="53">
        <v>0</v>
      </c>
      <c r="AK965" s="53">
        <v>0</v>
      </c>
      <c r="AL965" s="53">
        <v>0</v>
      </c>
      <c r="AM965" s="53">
        <v>0</v>
      </c>
      <c r="AN965" s="53">
        <v>0</v>
      </c>
      <c r="AO965" s="53">
        <v>0</v>
      </c>
      <c r="AP965" s="53">
        <v>0</v>
      </c>
      <c r="AQ965" s="53">
        <v>0</v>
      </c>
      <c r="AR965" s="53">
        <v>0</v>
      </c>
      <c r="AS965" s="53">
        <v>0</v>
      </c>
      <c r="AT965" s="53">
        <v>0</v>
      </c>
      <c r="AU965" s="53">
        <v>0</v>
      </c>
      <c r="AV965" s="53">
        <v>0</v>
      </c>
      <c r="AW965" s="53">
        <v>0</v>
      </c>
      <c r="AX965" s="53">
        <v>0</v>
      </c>
      <c r="AY965" s="53">
        <v>0</v>
      </c>
      <c r="AZ965" s="53">
        <v>0</v>
      </c>
      <c r="BA965" s="53">
        <v>0</v>
      </c>
    </row>
    <row r="966" spans="1:53">
      <c r="A966" s="52" t="s">
        <v>3470</v>
      </c>
      <c r="B966" s="53">
        <v>0</v>
      </c>
      <c r="C966" s="53">
        <v>0</v>
      </c>
      <c r="D966" s="53">
        <v>0</v>
      </c>
      <c r="E966" s="53">
        <v>0</v>
      </c>
      <c r="F966" s="53">
        <v>0</v>
      </c>
      <c r="G966" s="53">
        <v>0</v>
      </c>
      <c r="H966" s="53">
        <v>0</v>
      </c>
      <c r="I966" s="53">
        <v>0</v>
      </c>
      <c r="J966" s="53">
        <v>0</v>
      </c>
      <c r="K966" s="53">
        <v>0</v>
      </c>
      <c r="L966" s="53">
        <v>0</v>
      </c>
      <c r="M966" s="53">
        <v>0</v>
      </c>
      <c r="N966" s="53">
        <v>0</v>
      </c>
      <c r="O966" s="53">
        <v>0</v>
      </c>
      <c r="P966" s="53">
        <v>0</v>
      </c>
      <c r="Q966" s="53">
        <v>0</v>
      </c>
      <c r="R966" s="53">
        <v>0</v>
      </c>
      <c r="S966" s="53">
        <v>0</v>
      </c>
      <c r="T966" s="53">
        <v>0</v>
      </c>
      <c r="U966" s="53">
        <v>0</v>
      </c>
      <c r="V966" s="53">
        <v>0</v>
      </c>
      <c r="W966" s="53">
        <v>0</v>
      </c>
      <c r="X966" s="53">
        <v>0</v>
      </c>
      <c r="Y966" s="53">
        <v>0</v>
      </c>
      <c r="Z966" s="53">
        <v>0</v>
      </c>
      <c r="AA966" s="53">
        <v>0</v>
      </c>
      <c r="AB966" s="53">
        <v>0</v>
      </c>
      <c r="AC966" s="53">
        <v>0</v>
      </c>
      <c r="AD966" s="53">
        <v>0</v>
      </c>
      <c r="AE966" s="53">
        <v>0</v>
      </c>
      <c r="AF966" s="53">
        <v>0</v>
      </c>
      <c r="AG966" s="53">
        <v>0</v>
      </c>
      <c r="AH966" s="53">
        <v>0</v>
      </c>
      <c r="AI966" s="53">
        <v>0</v>
      </c>
      <c r="AJ966" s="53">
        <v>0</v>
      </c>
      <c r="AK966" s="53">
        <v>0</v>
      </c>
      <c r="AL966" s="53">
        <v>0</v>
      </c>
      <c r="AM966" s="53">
        <v>0</v>
      </c>
      <c r="AN966" s="53">
        <v>0</v>
      </c>
      <c r="AO966" s="53">
        <v>0</v>
      </c>
      <c r="AP966" s="53">
        <v>0</v>
      </c>
      <c r="AQ966" s="53">
        <v>0</v>
      </c>
      <c r="AR966" s="53">
        <v>0</v>
      </c>
      <c r="AS966" s="53">
        <v>0</v>
      </c>
      <c r="AT966" s="53">
        <v>0</v>
      </c>
      <c r="AU966" s="53">
        <v>0</v>
      </c>
      <c r="AV966" s="53">
        <v>0</v>
      </c>
      <c r="AW966" s="53">
        <v>0</v>
      </c>
      <c r="AX966" s="53">
        <v>0</v>
      </c>
      <c r="AY966" s="53">
        <v>0</v>
      </c>
      <c r="AZ966" s="53">
        <v>0</v>
      </c>
      <c r="BA966" s="53">
        <v>0</v>
      </c>
    </row>
    <row r="967" spans="1:53">
      <c r="A967" s="52" t="s">
        <v>3471</v>
      </c>
      <c r="B967" s="53">
        <v>-632953.39</v>
      </c>
      <c r="C967" s="53">
        <v>-632953.39</v>
      </c>
      <c r="D967" s="53">
        <v>-632953.39</v>
      </c>
      <c r="E967" s="53">
        <v>-632953.39</v>
      </c>
      <c r="F967" s="53">
        <v>-632953.39</v>
      </c>
      <c r="G967" s="53">
        <v>-632953.39</v>
      </c>
      <c r="H967" s="53">
        <v>-632953.39</v>
      </c>
      <c r="I967" s="53">
        <v>-632953.39</v>
      </c>
      <c r="J967" s="53">
        <v>-632953.39</v>
      </c>
      <c r="K967" s="53">
        <v>-632953.39</v>
      </c>
      <c r="L967" s="53">
        <v>-632953.39</v>
      </c>
      <c r="M967" s="53">
        <v>-632953.39</v>
      </c>
      <c r="N967" s="53">
        <v>-632953.39</v>
      </c>
      <c r="O967" s="53">
        <v>-632953.39</v>
      </c>
      <c r="P967" s="53">
        <v>-632953.39</v>
      </c>
      <c r="Q967" s="53">
        <v>-632953.39</v>
      </c>
      <c r="R967" s="53">
        <v>-632953.39</v>
      </c>
      <c r="S967" s="53">
        <v>-632953.39</v>
      </c>
      <c r="T967" s="53">
        <v>-632953.39</v>
      </c>
      <c r="U967" s="53">
        <v>-632953.39</v>
      </c>
      <c r="V967" s="53">
        <v>-632953.39</v>
      </c>
      <c r="W967" s="53">
        <v>-632953.39</v>
      </c>
      <c r="X967" s="53">
        <v>-632953.39</v>
      </c>
      <c r="Y967" s="53">
        <v>-632953.39</v>
      </c>
      <c r="Z967" s="53">
        <v>-632953.39</v>
      </c>
      <c r="AA967" s="53">
        <v>-632953.39</v>
      </c>
      <c r="AB967" s="53">
        <v>-632953.39</v>
      </c>
      <c r="AC967" s="53">
        <v>-632953.39</v>
      </c>
      <c r="AD967" s="53">
        <v>-632953.39</v>
      </c>
      <c r="AE967" s="53">
        <v>-632953.39</v>
      </c>
      <c r="AF967" s="53">
        <v>-632953.39</v>
      </c>
      <c r="AG967" s="53">
        <v>-632953.39</v>
      </c>
      <c r="AH967" s="53">
        <v>-632953.39</v>
      </c>
      <c r="AI967" s="53">
        <v>-632953.39</v>
      </c>
      <c r="AJ967" s="53">
        <v>-632953.39</v>
      </c>
      <c r="AK967" s="53">
        <v>-632953.39</v>
      </c>
      <c r="AL967" s="53">
        <v>-632953.39</v>
      </c>
      <c r="AM967" s="53">
        <v>-632953.39</v>
      </c>
      <c r="AN967" s="53">
        <v>-632953.39</v>
      </c>
      <c r="AO967" s="53">
        <v>-632953.39</v>
      </c>
      <c r="AP967" s="53">
        <v>-632953.39</v>
      </c>
      <c r="AQ967" s="53">
        <v>-632953.39</v>
      </c>
      <c r="AR967" s="53">
        <v>-632953.39</v>
      </c>
      <c r="AS967" s="53">
        <v>-632953.39</v>
      </c>
      <c r="AT967" s="53">
        <v>-632953.39</v>
      </c>
      <c r="AU967" s="53">
        <v>-632953.39</v>
      </c>
      <c r="AV967" s="53">
        <v>-632953.39</v>
      </c>
      <c r="AW967" s="53">
        <v>-632953.39</v>
      </c>
      <c r="AX967" s="53">
        <v>-632953.39</v>
      </c>
      <c r="AY967" s="53">
        <v>-632953.39</v>
      </c>
      <c r="AZ967" s="53">
        <v>-632953.39</v>
      </c>
      <c r="BA967" s="53">
        <v>-632953.39</v>
      </c>
    </row>
    <row r="968" spans="1:53">
      <c r="A968" s="52" t="s">
        <v>3472</v>
      </c>
      <c r="B968" s="53">
        <v>0</v>
      </c>
      <c r="C968" s="53">
        <v>0</v>
      </c>
      <c r="D968" s="53">
        <v>0</v>
      </c>
      <c r="E968" s="53">
        <v>0</v>
      </c>
      <c r="F968" s="53">
        <v>0</v>
      </c>
      <c r="G968" s="53">
        <v>0</v>
      </c>
      <c r="H968" s="53">
        <v>0</v>
      </c>
      <c r="I968" s="53">
        <v>0</v>
      </c>
      <c r="J968" s="53">
        <v>0</v>
      </c>
      <c r="K968" s="53">
        <v>0</v>
      </c>
      <c r="L968" s="53">
        <v>0</v>
      </c>
      <c r="M968" s="53">
        <v>0</v>
      </c>
      <c r="N968" s="53">
        <v>0</v>
      </c>
      <c r="O968" s="53">
        <v>0</v>
      </c>
      <c r="P968" s="53">
        <v>0</v>
      </c>
      <c r="Q968" s="53">
        <v>0</v>
      </c>
      <c r="R968" s="53">
        <v>0</v>
      </c>
      <c r="S968" s="53">
        <v>0</v>
      </c>
      <c r="T968" s="53">
        <v>0</v>
      </c>
      <c r="U968" s="53">
        <v>0</v>
      </c>
      <c r="V968" s="53">
        <v>0</v>
      </c>
      <c r="W968" s="53">
        <v>0</v>
      </c>
      <c r="X968" s="53">
        <v>0</v>
      </c>
      <c r="Y968" s="53">
        <v>0</v>
      </c>
      <c r="Z968" s="53">
        <v>0</v>
      </c>
      <c r="AA968" s="53">
        <v>0</v>
      </c>
      <c r="AB968" s="53">
        <v>0</v>
      </c>
      <c r="AC968" s="53">
        <v>0</v>
      </c>
      <c r="AD968" s="53">
        <v>0</v>
      </c>
      <c r="AE968" s="53">
        <v>0</v>
      </c>
      <c r="AF968" s="53">
        <v>0</v>
      </c>
      <c r="AG968" s="53">
        <v>0</v>
      </c>
      <c r="AH968" s="53">
        <v>0</v>
      </c>
      <c r="AI968" s="53">
        <v>0</v>
      </c>
      <c r="AJ968" s="53">
        <v>0</v>
      </c>
      <c r="AK968" s="53">
        <v>0</v>
      </c>
      <c r="AL968" s="53">
        <v>0</v>
      </c>
      <c r="AM968" s="53">
        <v>0</v>
      </c>
      <c r="AN968" s="53">
        <v>0</v>
      </c>
      <c r="AO968" s="53">
        <v>0</v>
      </c>
      <c r="AP968" s="53">
        <v>0</v>
      </c>
      <c r="AQ968" s="53">
        <v>0</v>
      </c>
      <c r="AR968" s="53">
        <v>0</v>
      </c>
      <c r="AS968" s="53">
        <v>0</v>
      </c>
      <c r="AT968" s="53">
        <v>0</v>
      </c>
      <c r="AU968" s="53">
        <v>0</v>
      </c>
      <c r="AV968" s="53">
        <v>0</v>
      </c>
      <c r="AW968" s="53">
        <v>0</v>
      </c>
      <c r="AX968" s="53">
        <v>0</v>
      </c>
      <c r="AY968" s="53">
        <v>0</v>
      </c>
      <c r="AZ968" s="53">
        <v>0</v>
      </c>
      <c r="BA968" s="53">
        <v>0</v>
      </c>
    </row>
    <row r="969" spans="1:53">
      <c r="A969" s="52" t="s">
        <v>3473</v>
      </c>
      <c r="B969" s="53">
        <v>-256973.65</v>
      </c>
      <c r="C969" s="53">
        <v>-256973.65</v>
      </c>
      <c r="D969" s="53">
        <v>-256973.65</v>
      </c>
      <c r="E969" s="53">
        <v>-256973.65</v>
      </c>
      <c r="F969" s="53">
        <v>-256973.65</v>
      </c>
      <c r="G969" s="53">
        <v>-256973.65</v>
      </c>
      <c r="H969" s="53">
        <v>-256973.65</v>
      </c>
      <c r="I969" s="53">
        <v>-256973.65</v>
      </c>
      <c r="J969" s="53">
        <v>-256973.65</v>
      </c>
      <c r="K969" s="53">
        <v>-256973.65</v>
      </c>
      <c r="L969" s="53">
        <v>-256973.65</v>
      </c>
      <c r="M969" s="53">
        <v>-256973.65</v>
      </c>
      <c r="N969" s="53">
        <v>-256973.65</v>
      </c>
      <c r="O969" s="53">
        <v>-256973.65</v>
      </c>
      <c r="P969" s="53">
        <v>-256973.65</v>
      </c>
      <c r="Q969" s="53">
        <v>-256973.65</v>
      </c>
      <c r="R969" s="53">
        <v>-256973.65</v>
      </c>
      <c r="S969" s="53">
        <v>-256973.65</v>
      </c>
      <c r="T969" s="53">
        <v>-256973.65</v>
      </c>
      <c r="U969" s="53">
        <v>-256973.65</v>
      </c>
      <c r="V969" s="53">
        <v>-256973.65</v>
      </c>
      <c r="W969" s="53">
        <v>-256973.65</v>
      </c>
      <c r="X969" s="53">
        <v>-256973.65</v>
      </c>
      <c r="Y969" s="53">
        <v>-256973.65</v>
      </c>
      <c r="Z969" s="53">
        <v>-256973.65</v>
      </c>
      <c r="AA969" s="53">
        <v>-256973.65</v>
      </c>
      <c r="AB969" s="53">
        <v>-256973.65</v>
      </c>
      <c r="AC969" s="53">
        <v>-256973.65</v>
      </c>
      <c r="AD969" s="53">
        <v>-256973.65</v>
      </c>
      <c r="AE969" s="53">
        <v>-256973.65</v>
      </c>
      <c r="AF969" s="53">
        <v>-256973.65</v>
      </c>
      <c r="AG969" s="53">
        <v>-256973.65</v>
      </c>
      <c r="AH969" s="53">
        <v>-256973.65</v>
      </c>
      <c r="AI969" s="53">
        <v>-256973.65</v>
      </c>
      <c r="AJ969" s="53">
        <v>-256973.65</v>
      </c>
      <c r="AK969" s="53">
        <v>-256973.65</v>
      </c>
      <c r="AL969" s="53">
        <v>-256973.65</v>
      </c>
      <c r="AM969" s="53">
        <v>-256973.65</v>
      </c>
      <c r="AN969" s="53">
        <v>-256973.65</v>
      </c>
      <c r="AO969" s="53">
        <v>-256973.65</v>
      </c>
      <c r="AP969" s="53">
        <v>-256973.65</v>
      </c>
      <c r="AQ969" s="53">
        <v>-256973.65</v>
      </c>
      <c r="AR969" s="53">
        <v>-256973.65</v>
      </c>
      <c r="AS969" s="53">
        <v>-256973.65</v>
      </c>
      <c r="AT969" s="53">
        <v>-256973.65</v>
      </c>
      <c r="AU969" s="53">
        <v>-256973.65</v>
      </c>
      <c r="AV969" s="53">
        <v>-256973.65</v>
      </c>
      <c r="AW969" s="53">
        <v>-256973.65</v>
      </c>
      <c r="AX969" s="53">
        <v>-256973.65</v>
      </c>
      <c r="AY969" s="53">
        <v>-256973.65</v>
      </c>
      <c r="AZ969" s="53">
        <v>-256973.65</v>
      </c>
      <c r="BA969" s="53">
        <v>-256973.65</v>
      </c>
    </row>
    <row r="970" spans="1:53">
      <c r="A970" s="52" t="s">
        <v>3474</v>
      </c>
      <c r="B970" s="53">
        <v>0</v>
      </c>
      <c r="C970" s="53">
        <v>0</v>
      </c>
      <c r="D970" s="53">
        <v>0</v>
      </c>
      <c r="E970" s="53">
        <v>0</v>
      </c>
      <c r="F970" s="53">
        <v>0</v>
      </c>
      <c r="G970" s="53">
        <v>0</v>
      </c>
      <c r="H970" s="53">
        <v>0</v>
      </c>
      <c r="I970" s="53">
        <v>0</v>
      </c>
      <c r="J970" s="53">
        <v>0</v>
      </c>
      <c r="K970" s="53">
        <v>0</v>
      </c>
      <c r="L970" s="53">
        <v>0</v>
      </c>
      <c r="M970" s="53">
        <v>0</v>
      </c>
      <c r="N970" s="53">
        <v>0</v>
      </c>
      <c r="O970" s="53">
        <v>0</v>
      </c>
      <c r="P970" s="53">
        <v>0</v>
      </c>
      <c r="Q970" s="53">
        <v>0</v>
      </c>
      <c r="R970" s="53">
        <v>0</v>
      </c>
      <c r="S970" s="53">
        <v>0</v>
      </c>
      <c r="T970" s="53">
        <v>0</v>
      </c>
      <c r="U970" s="53">
        <v>0</v>
      </c>
      <c r="V970" s="53">
        <v>0</v>
      </c>
      <c r="W970" s="53">
        <v>0</v>
      </c>
      <c r="X970" s="53">
        <v>0</v>
      </c>
      <c r="Y970" s="53">
        <v>0</v>
      </c>
      <c r="Z970" s="53">
        <v>0</v>
      </c>
      <c r="AA970" s="53">
        <v>0</v>
      </c>
      <c r="AB970" s="53">
        <v>0</v>
      </c>
      <c r="AC970" s="53">
        <v>0</v>
      </c>
      <c r="AD970" s="53">
        <v>0</v>
      </c>
      <c r="AE970" s="53">
        <v>0</v>
      </c>
      <c r="AF970" s="53">
        <v>0</v>
      </c>
      <c r="AG970" s="53">
        <v>0</v>
      </c>
      <c r="AH970" s="53">
        <v>0</v>
      </c>
      <c r="AI970" s="53">
        <v>0</v>
      </c>
      <c r="AJ970" s="53">
        <v>0</v>
      </c>
      <c r="AK970" s="53">
        <v>0</v>
      </c>
      <c r="AL970" s="53">
        <v>0</v>
      </c>
      <c r="AM970" s="53">
        <v>0</v>
      </c>
      <c r="AN970" s="53">
        <v>0</v>
      </c>
      <c r="AO970" s="53">
        <v>0</v>
      </c>
      <c r="AP970" s="53">
        <v>0</v>
      </c>
      <c r="AQ970" s="53">
        <v>0</v>
      </c>
      <c r="AR970" s="53">
        <v>0</v>
      </c>
      <c r="AS970" s="53">
        <v>0</v>
      </c>
      <c r="AT970" s="53">
        <v>0</v>
      </c>
      <c r="AU970" s="53">
        <v>0</v>
      </c>
      <c r="AV970" s="53">
        <v>0</v>
      </c>
      <c r="AW970" s="53">
        <v>0</v>
      </c>
      <c r="AX970" s="53">
        <v>0</v>
      </c>
      <c r="AY970" s="53">
        <v>0</v>
      </c>
      <c r="AZ970" s="53">
        <v>0</v>
      </c>
      <c r="BA970" s="53">
        <v>0</v>
      </c>
    </row>
    <row r="971" spans="1:53">
      <c r="A971" s="52" t="s">
        <v>3475</v>
      </c>
      <c r="B971" s="53">
        <v>385.94</v>
      </c>
      <c r="C971" s="53">
        <v>385.94</v>
      </c>
      <c r="D971" s="53">
        <v>385.94</v>
      </c>
      <c r="E971" s="53">
        <v>385.94</v>
      </c>
      <c r="F971" s="53">
        <v>385.94</v>
      </c>
      <c r="G971" s="53">
        <v>385.94</v>
      </c>
      <c r="H971" s="53">
        <v>385.94</v>
      </c>
      <c r="I971" s="53">
        <v>385.94</v>
      </c>
      <c r="J971" s="53">
        <v>385.94</v>
      </c>
      <c r="K971" s="53">
        <v>385.94</v>
      </c>
      <c r="L971" s="53">
        <v>385.94</v>
      </c>
      <c r="M971" s="53">
        <v>385.94</v>
      </c>
      <c r="N971" s="53">
        <v>385.94</v>
      </c>
      <c r="O971" s="53">
        <v>385.94</v>
      </c>
      <c r="P971" s="53">
        <v>385.94</v>
      </c>
      <c r="Q971" s="53">
        <v>385.94</v>
      </c>
      <c r="R971" s="53">
        <v>385.94</v>
      </c>
      <c r="S971" s="53">
        <v>385.94</v>
      </c>
      <c r="T971" s="53">
        <v>385.94</v>
      </c>
      <c r="U971" s="53">
        <v>385.94</v>
      </c>
      <c r="V971" s="53">
        <v>385.94</v>
      </c>
      <c r="W971" s="53">
        <v>385.94</v>
      </c>
      <c r="X971" s="53">
        <v>385.94</v>
      </c>
      <c r="Y971" s="53">
        <v>385.94</v>
      </c>
      <c r="Z971" s="53">
        <v>385.94</v>
      </c>
      <c r="AA971" s="53">
        <v>385.94</v>
      </c>
      <c r="AB971" s="53">
        <v>385.94</v>
      </c>
      <c r="AC971" s="53">
        <v>385.94</v>
      </c>
      <c r="AD971" s="53">
        <v>385.94</v>
      </c>
      <c r="AE971" s="53">
        <v>385.94</v>
      </c>
      <c r="AF971" s="53">
        <v>385.94</v>
      </c>
      <c r="AG971" s="53">
        <v>385.94</v>
      </c>
      <c r="AH971" s="53">
        <v>385.94</v>
      </c>
      <c r="AI971" s="53">
        <v>385.94</v>
      </c>
      <c r="AJ971" s="53">
        <v>385.94</v>
      </c>
      <c r="AK971" s="53">
        <v>385.94</v>
      </c>
      <c r="AL971" s="53">
        <v>385.94</v>
      </c>
      <c r="AM971" s="53">
        <v>385.94</v>
      </c>
      <c r="AN971" s="53">
        <v>385.94</v>
      </c>
      <c r="AO971" s="53">
        <v>385.94</v>
      </c>
      <c r="AP971" s="53">
        <v>385.94</v>
      </c>
      <c r="AQ971" s="53">
        <v>385.94</v>
      </c>
      <c r="AR971" s="53">
        <v>385.94</v>
      </c>
      <c r="AS971" s="53">
        <v>385.94</v>
      </c>
      <c r="AT971" s="53">
        <v>385.94</v>
      </c>
      <c r="AU971" s="53">
        <v>385.94</v>
      </c>
      <c r="AV971" s="53">
        <v>385.94</v>
      </c>
      <c r="AW971" s="53">
        <v>385.94</v>
      </c>
      <c r="AX971" s="53">
        <v>385.94</v>
      </c>
      <c r="AY971" s="53">
        <v>385.94</v>
      </c>
      <c r="AZ971" s="53">
        <v>385.94</v>
      </c>
      <c r="BA971" s="53">
        <v>385.94</v>
      </c>
    </row>
    <row r="972" spans="1:53">
      <c r="A972" s="52" t="s">
        <v>3476</v>
      </c>
      <c r="B972" s="53">
        <v>0</v>
      </c>
      <c r="C972" s="53">
        <v>0</v>
      </c>
      <c r="D972" s="53">
        <v>0</v>
      </c>
      <c r="E972" s="53">
        <v>0</v>
      </c>
      <c r="F972" s="53">
        <v>0</v>
      </c>
      <c r="G972" s="53">
        <v>0</v>
      </c>
      <c r="H972" s="53">
        <v>0</v>
      </c>
      <c r="I972" s="53">
        <v>0</v>
      </c>
      <c r="J972" s="53">
        <v>0</v>
      </c>
      <c r="K972" s="53">
        <v>0</v>
      </c>
      <c r="L972" s="53">
        <v>0</v>
      </c>
      <c r="M972" s="53">
        <v>0</v>
      </c>
      <c r="N972" s="53">
        <v>0</v>
      </c>
      <c r="O972" s="53">
        <v>0</v>
      </c>
      <c r="P972" s="53">
        <v>0</v>
      </c>
      <c r="Q972" s="53">
        <v>0</v>
      </c>
      <c r="R972" s="53">
        <v>0</v>
      </c>
      <c r="S972" s="53">
        <v>0</v>
      </c>
      <c r="T972" s="53">
        <v>0</v>
      </c>
      <c r="U972" s="53">
        <v>0</v>
      </c>
      <c r="V972" s="53">
        <v>0</v>
      </c>
      <c r="W972" s="53">
        <v>0</v>
      </c>
      <c r="X972" s="53">
        <v>0</v>
      </c>
      <c r="Y972" s="53">
        <v>0</v>
      </c>
      <c r="Z972" s="53">
        <v>0</v>
      </c>
      <c r="AA972" s="53">
        <v>0</v>
      </c>
      <c r="AB972" s="53">
        <v>0</v>
      </c>
      <c r="AC972" s="53">
        <v>0</v>
      </c>
      <c r="AD972" s="53">
        <v>0</v>
      </c>
      <c r="AE972" s="53">
        <v>0</v>
      </c>
      <c r="AF972" s="53">
        <v>0</v>
      </c>
      <c r="AG972" s="53">
        <v>0</v>
      </c>
      <c r="AH972" s="53">
        <v>0</v>
      </c>
      <c r="AI972" s="53">
        <v>0</v>
      </c>
      <c r="AJ972" s="53">
        <v>0</v>
      </c>
      <c r="AK972" s="53">
        <v>0</v>
      </c>
      <c r="AL972" s="53">
        <v>0</v>
      </c>
      <c r="AM972" s="53">
        <v>0</v>
      </c>
      <c r="AN972" s="53">
        <v>0</v>
      </c>
      <c r="AO972" s="53">
        <v>0</v>
      </c>
      <c r="AP972" s="53">
        <v>0</v>
      </c>
      <c r="AQ972" s="53">
        <v>0</v>
      </c>
      <c r="AR972" s="53">
        <v>0</v>
      </c>
      <c r="AS972" s="53">
        <v>0</v>
      </c>
      <c r="AT972" s="53">
        <v>0</v>
      </c>
      <c r="AU972" s="53">
        <v>0</v>
      </c>
      <c r="AV972" s="53">
        <v>0</v>
      </c>
      <c r="AW972" s="53">
        <v>0</v>
      </c>
      <c r="AX972" s="53">
        <v>0</v>
      </c>
      <c r="AY972" s="53">
        <v>0</v>
      </c>
      <c r="AZ972" s="53">
        <v>0</v>
      </c>
      <c r="BA972" s="53">
        <v>0</v>
      </c>
    </row>
    <row r="973" spans="1:53">
      <c r="A973" s="52" t="s">
        <v>3477</v>
      </c>
      <c r="B973" s="53">
        <v>-30073063.440000001</v>
      </c>
      <c r="C973" s="53">
        <v>-30073063.440000001</v>
      </c>
      <c r="D973" s="53">
        <v>-30073063.440000001</v>
      </c>
      <c r="E973" s="53">
        <v>-30073063.440000001</v>
      </c>
      <c r="F973" s="53">
        <v>-30073063.440000001</v>
      </c>
      <c r="G973" s="53">
        <v>-30073063.440000001</v>
      </c>
      <c r="H973" s="53">
        <v>-30073063.440000001</v>
      </c>
      <c r="I973" s="53">
        <v>-30073063.440000001</v>
      </c>
      <c r="J973" s="53">
        <v>-30073063.440000001</v>
      </c>
      <c r="K973" s="53">
        <v>-30073063.440000001</v>
      </c>
      <c r="L973" s="53">
        <v>-30073063.440000001</v>
      </c>
      <c r="M973" s="53">
        <v>-30073063.440000001</v>
      </c>
      <c r="N973" s="53">
        <v>-30073063.440000001</v>
      </c>
      <c r="O973" s="53">
        <v>-30073063.440000001</v>
      </c>
      <c r="P973" s="53">
        <v>-30073063.440000001</v>
      </c>
      <c r="Q973" s="53">
        <v>-30073063.440000001</v>
      </c>
      <c r="R973" s="53">
        <v>-30073063.440000001</v>
      </c>
      <c r="S973" s="53">
        <v>-30073063.440000001</v>
      </c>
      <c r="T973" s="53">
        <v>-30073063.440000001</v>
      </c>
      <c r="U973" s="53">
        <v>-30073063.440000001</v>
      </c>
      <c r="V973" s="53">
        <v>-30073063.440000001</v>
      </c>
      <c r="W973" s="53">
        <v>-30073063.440000001</v>
      </c>
      <c r="X973" s="53">
        <v>-30073063.440000001</v>
      </c>
      <c r="Y973" s="53">
        <v>-30073063.440000001</v>
      </c>
      <c r="Z973" s="53">
        <v>-30073063.440000001</v>
      </c>
      <c r="AA973" s="53">
        <v>-30073063.440000001</v>
      </c>
      <c r="AB973" s="53">
        <v>-30073063.440000001</v>
      </c>
      <c r="AC973" s="53">
        <v>-30073063.440000001</v>
      </c>
      <c r="AD973" s="53">
        <v>-30073063.440000001</v>
      </c>
      <c r="AE973" s="53">
        <v>-30073063.440000001</v>
      </c>
      <c r="AF973" s="53">
        <v>-30073063.440000001</v>
      </c>
      <c r="AG973" s="53">
        <v>-30073063.440000001</v>
      </c>
      <c r="AH973" s="53">
        <v>-30073063.440000001</v>
      </c>
      <c r="AI973" s="53">
        <v>-30073063.440000001</v>
      </c>
      <c r="AJ973" s="53">
        <v>-30073063.440000001</v>
      </c>
      <c r="AK973" s="53">
        <v>-30073063.440000001</v>
      </c>
      <c r="AL973" s="53">
        <v>-30073063.440000001</v>
      </c>
      <c r="AM973" s="53">
        <v>-30073063.440000001</v>
      </c>
      <c r="AN973" s="53">
        <v>-30073063.440000001</v>
      </c>
      <c r="AO973" s="53">
        <v>-30073063.440000001</v>
      </c>
      <c r="AP973" s="53">
        <v>-30073063.440000001</v>
      </c>
      <c r="AQ973" s="53">
        <v>-30073063.440000001</v>
      </c>
      <c r="AR973" s="53">
        <v>-30073063.440000001</v>
      </c>
      <c r="AS973" s="53">
        <v>-30073063.440000001</v>
      </c>
      <c r="AT973" s="53">
        <v>-30073063.440000001</v>
      </c>
      <c r="AU973" s="53">
        <v>-30073063.440000001</v>
      </c>
      <c r="AV973" s="53">
        <v>-30073063.440000001</v>
      </c>
      <c r="AW973" s="53">
        <v>-30073063.440000001</v>
      </c>
      <c r="AX973" s="53">
        <v>-30073063.440000001</v>
      </c>
      <c r="AY973" s="53">
        <v>-30073063.440000001</v>
      </c>
      <c r="AZ973" s="53">
        <v>-30073063.440000001</v>
      </c>
      <c r="BA973" s="53">
        <v>-30073063.440000001</v>
      </c>
    </row>
    <row r="974" spans="1:53">
      <c r="A974" s="52" t="s">
        <v>3478</v>
      </c>
      <c r="B974" s="53">
        <v>0</v>
      </c>
      <c r="C974" s="53">
        <v>0</v>
      </c>
      <c r="D974" s="53">
        <v>0</v>
      </c>
      <c r="E974" s="53">
        <v>0</v>
      </c>
      <c r="F974" s="53">
        <v>0</v>
      </c>
      <c r="G974" s="53">
        <v>0</v>
      </c>
      <c r="H974" s="53">
        <v>0</v>
      </c>
      <c r="I974" s="53">
        <v>0</v>
      </c>
      <c r="J974" s="53">
        <v>0</v>
      </c>
      <c r="K974" s="53">
        <v>0</v>
      </c>
      <c r="L974" s="53">
        <v>0</v>
      </c>
      <c r="M974" s="53">
        <v>0</v>
      </c>
      <c r="N974" s="53">
        <v>0</v>
      </c>
      <c r="O974" s="53">
        <v>0</v>
      </c>
      <c r="P974" s="53">
        <v>0</v>
      </c>
      <c r="Q974" s="53">
        <v>0</v>
      </c>
      <c r="R974" s="53">
        <v>0</v>
      </c>
      <c r="S974" s="53">
        <v>0</v>
      </c>
      <c r="T974" s="53">
        <v>0</v>
      </c>
      <c r="U974" s="53">
        <v>0</v>
      </c>
      <c r="V974" s="53">
        <v>0</v>
      </c>
      <c r="W974" s="53">
        <v>0</v>
      </c>
      <c r="X974" s="53">
        <v>0</v>
      </c>
      <c r="Y974" s="53">
        <v>0</v>
      </c>
      <c r="Z974" s="53">
        <v>0</v>
      </c>
      <c r="AA974" s="53">
        <v>0</v>
      </c>
      <c r="AB974" s="53">
        <v>0</v>
      </c>
      <c r="AC974" s="53">
        <v>0</v>
      </c>
      <c r="AD974" s="53">
        <v>0</v>
      </c>
      <c r="AE974" s="53">
        <v>0</v>
      </c>
      <c r="AF974" s="53">
        <v>0</v>
      </c>
      <c r="AG974" s="53">
        <v>0</v>
      </c>
      <c r="AH974" s="53">
        <v>0</v>
      </c>
      <c r="AI974" s="53">
        <v>0</v>
      </c>
      <c r="AJ974" s="53">
        <v>0</v>
      </c>
      <c r="AK974" s="53">
        <v>0</v>
      </c>
      <c r="AL974" s="53">
        <v>0</v>
      </c>
      <c r="AM974" s="53">
        <v>0</v>
      </c>
      <c r="AN974" s="53">
        <v>0</v>
      </c>
      <c r="AO974" s="53">
        <v>0</v>
      </c>
      <c r="AP974" s="53">
        <v>0</v>
      </c>
      <c r="AQ974" s="53">
        <v>0</v>
      </c>
      <c r="AR974" s="53">
        <v>0</v>
      </c>
      <c r="AS974" s="53">
        <v>0</v>
      </c>
      <c r="AT974" s="53">
        <v>0</v>
      </c>
      <c r="AU974" s="53">
        <v>0</v>
      </c>
      <c r="AV974" s="53">
        <v>0</v>
      </c>
      <c r="AW974" s="53">
        <v>0</v>
      </c>
      <c r="AX974" s="53">
        <v>0</v>
      </c>
      <c r="AY974" s="53">
        <v>0</v>
      </c>
      <c r="AZ974" s="53">
        <v>0</v>
      </c>
      <c r="BA974" s="53">
        <v>0</v>
      </c>
    </row>
    <row r="975" spans="1:53">
      <c r="A975" s="52" t="s">
        <v>3479</v>
      </c>
      <c r="B975" s="53">
        <v>0</v>
      </c>
      <c r="C975" s="53">
        <v>0</v>
      </c>
      <c r="D975" s="53">
        <v>0</v>
      </c>
      <c r="E975" s="53">
        <v>0</v>
      </c>
      <c r="F975" s="53">
        <v>0</v>
      </c>
      <c r="G975" s="53">
        <v>0</v>
      </c>
      <c r="H975" s="53">
        <v>0</v>
      </c>
      <c r="I975" s="53">
        <v>0</v>
      </c>
      <c r="J975" s="53">
        <v>0</v>
      </c>
      <c r="K975" s="53">
        <v>0</v>
      </c>
      <c r="L975" s="53">
        <v>0</v>
      </c>
      <c r="M975" s="53">
        <v>0</v>
      </c>
      <c r="N975" s="53">
        <v>0</v>
      </c>
      <c r="O975" s="53">
        <v>0</v>
      </c>
      <c r="P975" s="53">
        <v>0</v>
      </c>
      <c r="Q975" s="53">
        <v>0</v>
      </c>
      <c r="R975" s="53">
        <v>0</v>
      </c>
      <c r="S975" s="53">
        <v>0</v>
      </c>
      <c r="T975" s="53">
        <v>0</v>
      </c>
      <c r="U975" s="53">
        <v>0</v>
      </c>
      <c r="V975" s="53">
        <v>0</v>
      </c>
      <c r="W975" s="53">
        <v>0</v>
      </c>
      <c r="X975" s="53">
        <v>0</v>
      </c>
      <c r="Y975" s="53">
        <v>0</v>
      </c>
      <c r="Z975" s="53">
        <v>0</v>
      </c>
      <c r="AA975" s="53">
        <v>0</v>
      </c>
      <c r="AB975" s="53">
        <v>0</v>
      </c>
      <c r="AC975" s="53">
        <v>0</v>
      </c>
      <c r="AD975" s="53">
        <v>0</v>
      </c>
      <c r="AE975" s="53">
        <v>0</v>
      </c>
      <c r="AF975" s="53">
        <v>0</v>
      </c>
      <c r="AG975" s="53">
        <v>0</v>
      </c>
      <c r="AH975" s="53">
        <v>0</v>
      </c>
      <c r="AI975" s="53">
        <v>0</v>
      </c>
      <c r="AJ975" s="53">
        <v>0</v>
      </c>
      <c r="AK975" s="53">
        <v>0</v>
      </c>
      <c r="AL975" s="53">
        <v>0</v>
      </c>
      <c r="AM975" s="53">
        <v>0</v>
      </c>
      <c r="AN975" s="53">
        <v>0</v>
      </c>
      <c r="AO975" s="53">
        <v>0</v>
      </c>
      <c r="AP975" s="53">
        <v>0</v>
      </c>
      <c r="AQ975" s="53">
        <v>0</v>
      </c>
      <c r="AR975" s="53">
        <v>0</v>
      </c>
      <c r="AS975" s="53">
        <v>0</v>
      </c>
      <c r="AT975" s="53">
        <v>0</v>
      </c>
      <c r="AU975" s="53">
        <v>0</v>
      </c>
      <c r="AV975" s="53">
        <v>0</v>
      </c>
      <c r="AW975" s="53">
        <v>0</v>
      </c>
      <c r="AX975" s="53">
        <v>0</v>
      </c>
      <c r="AY975" s="53">
        <v>0</v>
      </c>
      <c r="AZ975" s="53">
        <v>0</v>
      </c>
      <c r="BA975" s="53">
        <v>0</v>
      </c>
    </row>
    <row r="976" spans="1:53">
      <c r="A976" s="52" t="s">
        <v>3480</v>
      </c>
      <c r="B976" s="53">
        <v>-35370601.189999998</v>
      </c>
      <c r="C976" s="53">
        <v>-35370601.189999998</v>
      </c>
      <c r="D976" s="53">
        <v>-35370601.189999998</v>
      </c>
      <c r="E976" s="53">
        <v>-35370601.189999998</v>
      </c>
      <c r="F976" s="53">
        <v>-35370601.189999998</v>
      </c>
      <c r="G976" s="53">
        <v>-35370601.189999998</v>
      </c>
      <c r="H976" s="53">
        <v>-35370601.189999998</v>
      </c>
      <c r="I976" s="53">
        <v>-35370601.189999998</v>
      </c>
      <c r="J976" s="53">
        <v>-35370601.189999998</v>
      </c>
      <c r="K976" s="53">
        <v>-35370601.189999998</v>
      </c>
      <c r="L976" s="53">
        <v>-35370601.189999998</v>
      </c>
      <c r="M976" s="53">
        <v>-35370601.189999998</v>
      </c>
      <c r="N976" s="53">
        <v>-35370601.189999998</v>
      </c>
      <c r="O976" s="53">
        <v>-35370601.189999998</v>
      </c>
      <c r="P976" s="53">
        <v>-35370601.189999998</v>
      </c>
      <c r="Q976" s="53">
        <v>-35370601.189999998</v>
      </c>
      <c r="R976" s="53">
        <v>-35370601.189999998</v>
      </c>
      <c r="S976" s="53">
        <v>-35370601.189999998</v>
      </c>
      <c r="T976" s="53">
        <v>-35370601.189999998</v>
      </c>
      <c r="U976" s="53">
        <v>-35370601.189999998</v>
      </c>
      <c r="V976" s="53">
        <v>-35370601.189999998</v>
      </c>
      <c r="W976" s="53">
        <v>-35370601.189999998</v>
      </c>
      <c r="X976" s="53">
        <v>-35370601.189999998</v>
      </c>
      <c r="Y976" s="53">
        <v>-35370601.189999998</v>
      </c>
      <c r="Z976" s="53">
        <v>-35370601.189999998</v>
      </c>
      <c r="AA976" s="53">
        <v>-35370601.189999998</v>
      </c>
      <c r="AB976" s="53">
        <v>-35370601.189999998</v>
      </c>
      <c r="AC976" s="53">
        <v>-35370601.189999998</v>
      </c>
      <c r="AD976" s="53">
        <v>-35370601.189999998</v>
      </c>
      <c r="AE976" s="53">
        <v>-35370601.189999998</v>
      </c>
      <c r="AF976" s="53">
        <v>-35370601.189999998</v>
      </c>
      <c r="AG976" s="53">
        <v>-35370601.189999998</v>
      </c>
      <c r="AH976" s="53">
        <v>-35370601.189999998</v>
      </c>
      <c r="AI976" s="53">
        <v>-35370601.189999998</v>
      </c>
      <c r="AJ976" s="53">
        <v>-35370601.189999998</v>
      </c>
      <c r="AK976" s="53">
        <v>-35370601.189999998</v>
      </c>
      <c r="AL976" s="53">
        <v>-35370601.189999998</v>
      </c>
      <c r="AM976" s="53">
        <v>-35370601.189999998</v>
      </c>
      <c r="AN976" s="53">
        <v>-35370601.189999998</v>
      </c>
      <c r="AO976" s="53">
        <v>-35370601.189999998</v>
      </c>
      <c r="AP976" s="53">
        <v>-35370601.189999998</v>
      </c>
      <c r="AQ976" s="53">
        <v>-35370601.189999998</v>
      </c>
      <c r="AR976" s="53">
        <v>-35370601.189999998</v>
      </c>
      <c r="AS976" s="53">
        <v>-35370601.189999998</v>
      </c>
      <c r="AT976" s="53">
        <v>-35370601.189999998</v>
      </c>
      <c r="AU976" s="53">
        <v>-35370601.189999998</v>
      </c>
      <c r="AV976" s="53">
        <v>-35370601.189999998</v>
      </c>
      <c r="AW976" s="53">
        <v>-35370601.189999998</v>
      </c>
      <c r="AX976" s="53">
        <v>-35370601.189999998</v>
      </c>
      <c r="AY976" s="53">
        <v>-35370601.189999998</v>
      </c>
      <c r="AZ976" s="53">
        <v>-35370601.189999998</v>
      </c>
      <c r="BA976" s="53">
        <v>-35370601.189999998</v>
      </c>
    </row>
    <row r="977" spans="1:53">
      <c r="A977" s="52" t="s">
        <v>3481</v>
      </c>
      <c r="B977" s="53">
        <v>-5707415.6500000004</v>
      </c>
      <c r="C977" s="53">
        <v>-5707415.6500000004</v>
      </c>
      <c r="D977" s="53">
        <v>-5707415.6500000004</v>
      </c>
      <c r="E977" s="53">
        <v>-5707415.6500000004</v>
      </c>
      <c r="F977" s="53">
        <v>-5707415.6500000004</v>
      </c>
      <c r="G977" s="53">
        <v>-5707415.6500000004</v>
      </c>
      <c r="H977" s="53">
        <v>-5707415.6500000004</v>
      </c>
      <c r="I977" s="53">
        <v>-5707415.6500000004</v>
      </c>
      <c r="J977" s="53">
        <v>-5707415.6500000004</v>
      </c>
      <c r="K977" s="53">
        <v>-5707415.6500000004</v>
      </c>
      <c r="L977" s="53">
        <v>-5707415.6500000004</v>
      </c>
      <c r="M977" s="53">
        <v>-5707415.6500000004</v>
      </c>
      <c r="N977" s="53">
        <v>-5707415.6500000004</v>
      </c>
      <c r="O977" s="53">
        <v>-5707415.6500000004</v>
      </c>
      <c r="P977" s="53">
        <v>-5707415.6500000004</v>
      </c>
      <c r="Q977" s="53">
        <v>-5707415.6500000004</v>
      </c>
      <c r="R977" s="53">
        <v>-5707415.6500000004</v>
      </c>
      <c r="S977" s="53">
        <v>-5707415.6500000004</v>
      </c>
      <c r="T977" s="53">
        <v>-5707415.6500000004</v>
      </c>
      <c r="U977" s="53">
        <v>-5707415.6500000004</v>
      </c>
      <c r="V977" s="53">
        <v>-5707415.6500000004</v>
      </c>
      <c r="W977" s="53">
        <v>-5707415.6500000004</v>
      </c>
      <c r="X977" s="53">
        <v>-5707415.6500000004</v>
      </c>
      <c r="Y977" s="53">
        <v>-5707415.6500000004</v>
      </c>
      <c r="Z977" s="53">
        <v>-5707415.6500000004</v>
      </c>
      <c r="AA977" s="53">
        <v>-5707415.6500000004</v>
      </c>
      <c r="AB977" s="53">
        <v>-5707415.6500000004</v>
      </c>
      <c r="AC977" s="53">
        <v>-5707415.6500000004</v>
      </c>
      <c r="AD977" s="53">
        <v>-5707415.6500000004</v>
      </c>
      <c r="AE977" s="53">
        <v>-5707415.6500000004</v>
      </c>
      <c r="AF977" s="53">
        <v>-5707415.6500000004</v>
      </c>
      <c r="AG977" s="53">
        <v>-5707415.6500000004</v>
      </c>
      <c r="AH977" s="53">
        <v>-5707415.6500000004</v>
      </c>
      <c r="AI977" s="53">
        <v>-5707415.6500000004</v>
      </c>
      <c r="AJ977" s="53">
        <v>-5707415.6500000004</v>
      </c>
      <c r="AK977" s="53">
        <v>-5707415.6500000004</v>
      </c>
      <c r="AL977" s="53">
        <v>-5707415.6500000004</v>
      </c>
      <c r="AM977" s="53">
        <v>-5707415.6500000004</v>
      </c>
      <c r="AN977" s="53">
        <v>-5707415.6500000004</v>
      </c>
      <c r="AO977" s="53">
        <v>-5707415.6500000004</v>
      </c>
      <c r="AP977" s="53">
        <v>-5707415.6500000004</v>
      </c>
      <c r="AQ977" s="53">
        <v>-5707415.6500000004</v>
      </c>
      <c r="AR977" s="53">
        <v>-5707415.6500000004</v>
      </c>
      <c r="AS977" s="53">
        <v>-5707415.6500000004</v>
      </c>
      <c r="AT977" s="53">
        <v>-5707415.6500000004</v>
      </c>
      <c r="AU977" s="53">
        <v>-5707415.6500000004</v>
      </c>
      <c r="AV977" s="53">
        <v>-5707415.6500000004</v>
      </c>
      <c r="AW977" s="53">
        <v>-5707415.6500000004</v>
      </c>
      <c r="AX977" s="53">
        <v>-5707415.6500000004</v>
      </c>
      <c r="AY977" s="53">
        <v>-5707415.6500000004</v>
      </c>
      <c r="AZ977" s="53">
        <v>-5707415.6500000004</v>
      </c>
      <c r="BA977" s="53">
        <v>-5707415.6500000004</v>
      </c>
    </row>
    <row r="978" spans="1:53">
      <c r="A978" s="52" t="s">
        <v>3482</v>
      </c>
      <c r="B978" s="53">
        <v>0</v>
      </c>
      <c r="C978" s="53">
        <v>0</v>
      </c>
      <c r="D978" s="53">
        <v>0</v>
      </c>
      <c r="E978" s="53">
        <v>0</v>
      </c>
      <c r="F978" s="53">
        <v>0</v>
      </c>
      <c r="G978" s="53">
        <v>0</v>
      </c>
      <c r="H978" s="53">
        <v>0</v>
      </c>
      <c r="I978" s="53">
        <v>0</v>
      </c>
      <c r="J978" s="53">
        <v>0</v>
      </c>
      <c r="K978" s="53">
        <v>0</v>
      </c>
      <c r="L978" s="53">
        <v>0</v>
      </c>
      <c r="M978" s="53">
        <v>0</v>
      </c>
      <c r="N978" s="53">
        <v>0</v>
      </c>
      <c r="O978" s="53">
        <v>0</v>
      </c>
      <c r="P978" s="53">
        <v>0</v>
      </c>
      <c r="Q978" s="53">
        <v>0</v>
      </c>
      <c r="R978" s="53">
        <v>0</v>
      </c>
      <c r="S978" s="53">
        <v>0</v>
      </c>
      <c r="T978" s="53">
        <v>0</v>
      </c>
      <c r="U978" s="53">
        <v>0</v>
      </c>
      <c r="V978" s="53">
        <v>0</v>
      </c>
      <c r="W978" s="53">
        <v>0</v>
      </c>
      <c r="X978" s="53">
        <v>0</v>
      </c>
      <c r="Y978" s="53">
        <v>0</v>
      </c>
      <c r="Z978" s="53">
        <v>0</v>
      </c>
      <c r="AA978" s="53">
        <v>0</v>
      </c>
      <c r="AB978" s="53">
        <v>0</v>
      </c>
      <c r="AC978" s="53">
        <v>0</v>
      </c>
      <c r="AD978" s="53">
        <v>0</v>
      </c>
      <c r="AE978" s="53">
        <v>0</v>
      </c>
      <c r="AF978" s="53">
        <v>0</v>
      </c>
      <c r="AG978" s="53">
        <v>0</v>
      </c>
      <c r="AH978" s="53">
        <v>0</v>
      </c>
      <c r="AI978" s="53">
        <v>0</v>
      </c>
      <c r="AJ978" s="53">
        <v>0</v>
      </c>
      <c r="AK978" s="53">
        <v>0</v>
      </c>
      <c r="AL978" s="53">
        <v>0</v>
      </c>
      <c r="AM978" s="53">
        <v>0</v>
      </c>
      <c r="AN978" s="53">
        <v>0</v>
      </c>
      <c r="AO978" s="53">
        <v>0</v>
      </c>
      <c r="AP978" s="53">
        <v>0</v>
      </c>
      <c r="AQ978" s="53">
        <v>0</v>
      </c>
      <c r="AR978" s="53">
        <v>0</v>
      </c>
      <c r="AS978" s="53">
        <v>0</v>
      </c>
      <c r="AT978" s="53">
        <v>0</v>
      </c>
      <c r="AU978" s="53">
        <v>0</v>
      </c>
      <c r="AV978" s="53">
        <v>0</v>
      </c>
      <c r="AW978" s="53">
        <v>0</v>
      </c>
      <c r="AX978" s="53">
        <v>0</v>
      </c>
      <c r="AY978" s="53">
        <v>0</v>
      </c>
      <c r="AZ978" s="53">
        <v>0</v>
      </c>
      <c r="BA978" s="53">
        <v>0</v>
      </c>
    </row>
    <row r="979" spans="1:53">
      <c r="A979" s="52" t="s">
        <v>3483</v>
      </c>
      <c r="B979" s="53">
        <v>0</v>
      </c>
      <c r="C979" s="53">
        <v>0</v>
      </c>
      <c r="D979" s="53">
        <v>0</v>
      </c>
      <c r="E979" s="53">
        <v>0</v>
      </c>
      <c r="F979" s="53">
        <v>0</v>
      </c>
      <c r="G979" s="53">
        <v>0</v>
      </c>
      <c r="H979" s="53">
        <v>0</v>
      </c>
      <c r="I979" s="53">
        <v>0</v>
      </c>
      <c r="J979" s="53">
        <v>0</v>
      </c>
      <c r="K979" s="53">
        <v>0</v>
      </c>
      <c r="L979" s="53">
        <v>0</v>
      </c>
      <c r="M979" s="53">
        <v>0</v>
      </c>
      <c r="N979" s="53">
        <v>0</v>
      </c>
      <c r="O979" s="53">
        <v>0</v>
      </c>
      <c r="P979" s="53">
        <v>0</v>
      </c>
      <c r="Q979" s="53">
        <v>0</v>
      </c>
      <c r="R979" s="53">
        <v>0</v>
      </c>
      <c r="S979" s="53">
        <v>0</v>
      </c>
      <c r="T979" s="53">
        <v>0</v>
      </c>
      <c r="U979" s="53">
        <v>0</v>
      </c>
      <c r="V979" s="53">
        <v>0</v>
      </c>
      <c r="W979" s="53">
        <v>0</v>
      </c>
      <c r="X979" s="53">
        <v>0</v>
      </c>
      <c r="Y979" s="53">
        <v>0</v>
      </c>
      <c r="Z979" s="53">
        <v>0</v>
      </c>
      <c r="AA979" s="53">
        <v>0</v>
      </c>
      <c r="AB979" s="53">
        <v>0</v>
      </c>
      <c r="AC979" s="53">
        <v>0</v>
      </c>
      <c r="AD979" s="53">
        <v>0</v>
      </c>
      <c r="AE979" s="53">
        <v>0</v>
      </c>
      <c r="AF979" s="53">
        <v>0</v>
      </c>
      <c r="AG979" s="53">
        <v>0</v>
      </c>
      <c r="AH979" s="53">
        <v>0</v>
      </c>
      <c r="AI979" s="53">
        <v>0</v>
      </c>
      <c r="AJ979" s="53">
        <v>0</v>
      </c>
      <c r="AK979" s="53">
        <v>0</v>
      </c>
      <c r="AL979" s="53">
        <v>0</v>
      </c>
      <c r="AM979" s="53">
        <v>0</v>
      </c>
      <c r="AN979" s="53">
        <v>0</v>
      </c>
      <c r="AO979" s="53">
        <v>0</v>
      </c>
      <c r="AP979" s="53">
        <v>0</v>
      </c>
      <c r="AQ979" s="53">
        <v>0</v>
      </c>
      <c r="AR979" s="53">
        <v>0</v>
      </c>
      <c r="AS979" s="53">
        <v>0</v>
      </c>
      <c r="AT979" s="53">
        <v>0</v>
      </c>
      <c r="AU979" s="53">
        <v>0</v>
      </c>
      <c r="AV979" s="53">
        <v>0</v>
      </c>
      <c r="AW979" s="53">
        <v>0</v>
      </c>
      <c r="AX979" s="53">
        <v>0</v>
      </c>
      <c r="AY979" s="53">
        <v>0</v>
      </c>
      <c r="AZ979" s="53">
        <v>0</v>
      </c>
      <c r="BA979" s="53">
        <v>0</v>
      </c>
    </row>
    <row r="980" spans="1:53">
      <c r="A980" s="52" t="s">
        <v>3484</v>
      </c>
      <c r="B980" s="53">
        <v>0</v>
      </c>
      <c r="C980" s="53">
        <v>0</v>
      </c>
      <c r="D980" s="53">
        <v>0</v>
      </c>
      <c r="E980" s="53">
        <v>0</v>
      </c>
      <c r="F980" s="53">
        <v>0</v>
      </c>
      <c r="G980" s="53">
        <v>0</v>
      </c>
      <c r="H980" s="53">
        <v>0</v>
      </c>
      <c r="I980" s="53">
        <v>0</v>
      </c>
      <c r="J980" s="53">
        <v>0</v>
      </c>
      <c r="K980" s="53">
        <v>0</v>
      </c>
      <c r="L980" s="53">
        <v>0</v>
      </c>
      <c r="M980" s="53">
        <v>0</v>
      </c>
      <c r="N980" s="53">
        <v>0</v>
      </c>
      <c r="O980" s="53">
        <v>0</v>
      </c>
      <c r="P980" s="53">
        <v>0</v>
      </c>
      <c r="Q980" s="53">
        <v>0</v>
      </c>
      <c r="R980" s="53">
        <v>0</v>
      </c>
      <c r="S980" s="53">
        <v>0</v>
      </c>
      <c r="T980" s="53">
        <v>0</v>
      </c>
      <c r="U980" s="53">
        <v>0</v>
      </c>
      <c r="V980" s="53">
        <v>0</v>
      </c>
      <c r="W980" s="53">
        <v>0</v>
      </c>
      <c r="X980" s="53">
        <v>0</v>
      </c>
      <c r="Y980" s="53">
        <v>0</v>
      </c>
      <c r="Z980" s="53">
        <v>0</v>
      </c>
      <c r="AA980" s="53">
        <v>0</v>
      </c>
      <c r="AB980" s="53">
        <v>0</v>
      </c>
      <c r="AC980" s="53">
        <v>0</v>
      </c>
      <c r="AD980" s="53">
        <v>0</v>
      </c>
      <c r="AE980" s="53">
        <v>0</v>
      </c>
      <c r="AF980" s="53">
        <v>0</v>
      </c>
      <c r="AG980" s="53">
        <v>0</v>
      </c>
      <c r="AH980" s="53">
        <v>0</v>
      </c>
      <c r="AI980" s="53">
        <v>0</v>
      </c>
      <c r="AJ980" s="53">
        <v>0</v>
      </c>
      <c r="AK980" s="53">
        <v>0</v>
      </c>
      <c r="AL980" s="53">
        <v>0</v>
      </c>
      <c r="AM980" s="53">
        <v>0</v>
      </c>
      <c r="AN980" s="53">
        <v>0</v>
      </c>
      <c r="AO980" s="53">
        <v>0</v>
      </c>
      <c r="AP980" s="53">
        <v>0</v>
      </c>
      <c r="AQ980" s="53">
        <v>0</v>
      </c>
      <c r="AR980" s="53">
        <v>0</v>
      </c>
      <c r="AS980" s="53">
        <v>0</v>
      </c>
      <c r="AT980" s="53">
        <v>0</v>
      </c>
      <c r="AU980" s="53">
        <v>0</v>
      </c>
      <c r="AV980" s="53">
        <v>0</v>
      </c>
      <c r="AW980" s="53">
        <v>0</v>
      </c>
      <c r="AX980" s="53">
        <v>0</v>
      </c>
      <c r="AY980" s="53">
        <v>0</v>
      </c>
      <c r="AZ980" s="53">
        <v>0</v>
      </c>
      <c r="BA980" s="53">
        <v>0</v>
      </c>
    </row>
    <row r="981" spans="1:53">
      <c r="A981" s="52" t="s">
        <v>3485</v>
      </c>
      <c r="B981" s="53">
        <v>583622.30000000005</v>
      </c>
      <c r="C981" s="53">
        <v>583622.30000000005</v>
      </c>
      <c r="D981" s="53">
        <v>583622.30000000005</v>
      </c>
      <c r="E981" s="53">
        <v>583622.30000000005</v>
      </c>
      <c r="F981" s="53">
        <v>583622.30000000005</v>
      </c>
      <c r="G981" s="53">
        <v>583622.30000000005</v>
      </c>
      <c r="H981" s="53">
        <v>583622.30000000005</v>
      </c>
      <c r="I981" s="53">
        <v>583622.30000000005</v>
      </c>
      <c r="J981" s="53">
        <v>583622.30000000005</v>
      </c>
      <c r="K981" s="53">
        <v>583622.30000000005</v>
      </c>
      <c r="L981" s="53">
        <v>583622.30000000005</v>
      </c>
      <c r="M981" s="53">
        <v>583622.30000000005</v>
      </c>
      <c r="N981" s="53">
        <v>583622.30000000005</v>
      </c>
      <c r="O981" s="53">
        <v>583622.30000000005</v>
      </c>
      <c r="P981" s="53">
        <v>583622.30000000005</v>
      </c>
      <c r="Q981" s="53">
        <v>583622.30000000005</v>
      </c>
      <c r="R981" s="53">
        <v>583622.30000000005</v>
      </c>
      <c r="S981" s="53">
        <v>583622.30000000005</v>
      </c>
      <c r="T981" s="53">
        <v>583622.30000000005</v>
      </c>
      <c r="U981" s="53">
        <v>583622.30000000005</v>
      </c>
      <c r="V981" s="53">
        <v>583622.30000000005</v>
      </c>
      <c r="W981" s="53">
        <v>583622.30000000005</v>
      </c>
      <c r="X981" s="53">
        <v>583622.30000000005</v>
      </c>
      <c r="Y981" s="53">
        <v>583622.30000000005</v>
      </c>
      <c r="Z981" s="53">
        <v>583622.30000000005</v>
      </c>
      <c r="AA981" s="53">
        <v>583622.30000000005</v>
      </c>
      <c r="AB981" s="53">
        <v>583622.30000000005</v>
      </c>
      <c r="AC981" s="53">
        <v>583622.30000000005</v>
      </c>
      <c r="AD981" s="53">
        <v>583622.30000000005</v>
      </c>
      <c r="AE981" s="53">
        <v>583622.30000000005</v>
      </c>
      <c r="AF981" s="53">
        <v>583622.30000000005</v>
      </c>
      <c r="AG981" s="53">
        <v>583622.30000000005</v>
      </c>
      <c r="AH981" s="53">
        <v>583622.30000000005</v>
      </c>
      <c r="AI981" s="53">
        <v>583622.30000000005</v>
      </c>
      <c r="AJ981" s="53">
        <v>583622.30000000005</v>
      </c>
      <c r="AK981" s="53">
        <v>583622.30000000005</v>
      </c>
      <c r="AL981" s="53">
        <v>583622.30000000005</v>
      </c>
      <c r="AM981" s="53">
        <v>583622.30000000005</v>
      </c>
      <c r="AN981" s="53">
        <v>583622.30000000005</v>
      </c>
      <c r="AO981" s="53">
        <v>583622.30000000005</v>
      </c>
      <c r="AP981" s="53">
        <v>583622.30000000005</v>
      </c>
      <c r="AQ981" s="53">
        <v>583622.30000000005</v>
      </c>
      <c r="AR981" s="53">
        <v>583622.30000000005</v>
      </c>
      <c r="AS981" s="53">
        <v>583622.30000000005</v>
      </c>
      <c r="AT981" s="53">
        <v>583622.30000000005</v>
      </c>
      <c r="AU981" s="53">
        <v>583622.30000000005</v>
      </c>
      <c r="AV981" s="53">
        <v>583622.30000000005</v>
      </c>
      <c r="AW981" s="53">
        <v>583622.30000000005</v>
      </c>
      <c r="AX981" s="53">
        <v>583622.30000000005</v>
      </c>
      <c r="AY981" s="53">
        <v>583622.30000000005</v>
      </c>
      <c r="AZ981" s="53">
        <v>583622.30000000005</v>
      </c>
      <c r="BA981" s="53">
        <v>583622.30000000005</v>
      </c>
    </row>
    <row r="982" spans="1:53">
      <c r="A982" s="52" t="s">
        <v>3486</v>
      </c>
      <c r="B982" s="53">
        <v>0</v>
      </c>
      <c r="C982" s="53">
        <v>0</v>
      </c>
      <c r="D982" s="53">
        <v>0</v>
      </c>
      <c r="E982" s="53">
        <v>0</v>
      </c>
      <c r="F982" s="53">
        <v>0</v>
      </c>
      <c r="G982" s="53">
        <v>0</v>
      </c>
      <c r="H982" s="53">
        <v>0</v>
      </c>
      <c r="I982" s="53">
        <v>0</v>
      </c>
      <c r="J982" s="53">
        <v>0</v>
      </c>
      <c r="K982" s="53">
        <v>0</v>
      </c>
      <c r="L982" s="53">
        <v>0</v>
      </c>
      <c r="M982" s="53">
        <v>0</v>
      </c>
      <c r="N982" s="53">
        <v>0</v>
      </c>
      <c r="O982" s="53">
        <v>0</v>
      </c>
      <c r="P982" s="53">
        <v>0</v>
      </c>
      <c r="Q982" s="53">
        <v>0</v>
      </c>
      <c r="R982" s="53">
        <v>0</v>
      </c>
      <c r="S982" s="53">
        <v>0</v>
      </c>
      <c r="T982" s="53">
        <v>0</v>
      </c>
      <c r="U982" s="53">
        <v>0</v>
      </c>
      <c r="V982" s="53">
        <v>0</v>
      </c>
      <c r="W982" s="53">
        <v>0</v>
      </c>
      <c r="X982" s="53">
        <v>0</v>
      </c>
      <c r="Y982" s="53">
        <v>0</v>
      </c>
      <c r="Z982" s="53">
        <v>0</v>
      </c>
      <c r="AA982" s="53">
        <v>0</v>
      </c>
      <c r="AB982" s="53">
        <v>0</v>
      </c>
      <c r="AC982" s="53">
        <v>0</v>
      </c>
      <c r="AD982" s="53">
        <v>0</v>
      </c>
      <c r="AE982" s="53">
        <v>0</v>
      </c>
      <c r="AF982" s="53">
        <v>0</v>
      </c>
      <c r="AG982" s="53">
        <v>0</v>
      </c>
      <c r="AH982" s="53">
        <v>0</v>
      </c>
      <c r="AI982" s="53">
        <v>0</v>
      </c>
      <c r="AJ982" s="53">
        <v>0</v>
      </c>
      <c r="AK982" s="53">
        <v>0</v>
      </c>
      <c r="AL982" s="53">
        <v>0</v>
      </c>
      <c r="AM982" s="53">
        <v>0</v>
      </c>
      <c r="AN982" s="53">
        <v>0</v>
      </c>
      <c r="AO982" s="53">
        <v>0</v>
      </c>
      <c r="AP982" s="53">
        <v>0</v>
      </c>
      <c r="AQ982" s="53">
        <v>0</v>
      </c>
      <c r="AR982" s="53">
        <v>0</v>
      </c>
      <c r="AS982" s="53">
        <v>0</v>
      </c>
      <c r="AT982" s="53">
        <v>0</v>
      </c>
      <c r="AU982" s="53">
        <v>0</v>
      </c>
      <c r="AV982" s="53">
        <v>0</v>
      </c>
      <c r="AW982" s="53">
        <v>0</v>
      </c>
      <c r="AX982" s="53">
        <v>0</v>
      </c>
      <c r="AY982" s="53">
        <v>0</v>
      </c>
      <c r="AZ982" s="53">
        <v>0</v>
      </c>
      <c r="BA982" s="53">
        <v>0</v>
      </c>
    </row>
    <row r="983" spans="1:53">
      <c r="A983" s="52" t="s">
        <v>3487</v>
      </c>
      <c r="B983" s="53">
        <v>-490545</v>
      </c>
      <c r="C983" s="53">
        <v>-490545</v>
      </c>
      <c r="D983" s="53">
        <v>-490545</v>
      </c>
      <c r="E983" s="53">
        <v>-490545</v>
      </c>
      <c r="F983" s="53">
        <v>-490545</v>
      </c>
      <c r="G983" s="53">
        <v>-490545</v>
      </c>
      <c r="H983" s="53">
        <v>-490545</v>
      </c>
      <c r="I983" s="53">
        <v>-490545</v>
      </c>
      <c r="J983" s="53">
        <v>-490545</v>
      </c>
      <c r="K983" s="53">
        <v>-490545</v>
      </c>
      <c r="L983" s="53">
        <v>-490545</v>
      </c>
      <c r="M983" s="53">
        <v>-490545</v>
      </c>
      <c r="N983" s="53">
        <v>-490545</v>
      </c>
      <c r="O983" s="53">
        <v>-490545</v>
      </c>
      <c r="P983" s="53">
        <v>-490545</v>
      </c>
      <c r="Q983" s="53">
        <v>-490545</v>
      </c>
      <c r="R983" s="53">
        <v>-490545</v>
      </c>
      <c r="S983" s="53">
        <v>-490545</v>
      </c>
      <c r="T983" s="53">
        <v>-490545</v>
      </c>
      <c r="U983" s="53">
        <v>-490545</v>
      </c>
      <c r="V983" s="53">
        <v>-490545</v>
      </c>
      <c r="W983" s="53">
        <v>-490545</v>
      </c>
      <c r="X983" s="53">
        <v>-490545</v>
      </c>
      <c r="Y983" s="53">
        <v>-490545</v>
      </c>
      <c r="Z983" s="53">
        <v>-490545</v>
      </c>
      <c r="AA983" s="53">
        <v>-490545</v>
      </c>
      <c r="AB983" s="53">
        <v>-490545</v>
      </c>
      <c r="AC983" s="53">
        <v>-490545</v>
      </c>
      <c r="AD983" s="53">
        <v>-490545</v>
      </c>
      <c r="AE983" s="53">
        <v>-490545</v>
      </c>
      <c r="AF983" s="53">
        <v>-490545</v>
      </c>
      <c r="AG983" s="53">
        <v>-490545</v>
      </c>
      <c r="AH983" s="53">
        <v>-490545</v>
      </c>
      <c r="AI983" s="53">
        <v>-490545</v>
      </c>
      <c r="AJ983" s="53">
        <v>-490545</v>
      </c>
      <c r="AK983" s="53">
        <v>-490545</v>
      </c>
      <c r="AL983" s="53">
        <v>-490545</v>
      </c>
      <c r="AM983" s="53">
        <v>-490545</v>
      </c>
      <c r="AN983" s="53">
        <v>-490545</v>
      </c>
      <c r="AO983" s="53">
        <v>-490545</v>
      </c>
      <c r="AP983" s="53">
        <v>-490545</v>
      </c>
      <c r="AQ983" s="53">
        <v>-490545</v>
      </c>
      <c r="AR983" s="53">
        <v>-490545</v>
      </c>
      <c r="AS983" s="53">
        <v>-490545</v>
      </c>
      <c r="AT983" s="53">
        <v>-490545</v>
      </c>
      <c r="AU983" s="53">
        <v>-490545</v>
      </c>
      <c r="AV983" s="53">
        <v>-490545</v>
      </c>
      <c r="AW983" s="53">
        <v>-490545</v>
      </c>
      <c r="AX983" s="53">
        <v>-490545</v>
      </c>
      <c r="AY983" s="53">
        <v>-490545</v>
      </c>
      <c r="AZ983" s="53">
        <v>-490545</v>
      </c>
      <c r="BA983" s="53">
        <v>-490545</v>
      </c>
    </row>
    <row r="984" spans="1:53">
      <c r="A984" s="52" t="s">
        <v>3488</v>
      </c>
      <c r="B984" s="53">
        <v>-1835644</v>
      </c>
      <c r="C984" s="53">
        <v>-1835644</v>
      </c>
      <c r="D984" s="53">
        <v>-1835644</v>
      </c>
      <c r="E984" s="53">
        <v>-1835644</v>
      </c>
      <c r="F984" s="53">
        <v>-1835644</v>
      </c>
      <c r="G984" s="53">
        <v>-1835644</v>
      </c>
      <c r="H984" s="53">
        <v>-1835644</v>
      </c>
      <c r="I984" s="53">
        <v>-1835644</v>
      </c>
      <c r="J984" s="53">
        <v>-1835644</v>
      </c>
      <c r="K984" s="53">
        <v>-1835644</v>
      </c>
      <c r="L984" s="53">
        <v>-1835644</v>
      </c>
      <c r="M984" s="53">
        <v>-1835644</v>
      </c>
      <c r="N984" s="53">
        <v>-1835644</v>
      </c>
      <c r="O984" s="53">
        <v>-1835644</v>
      </c>
      <c r="P984" s="53">
        <v>-1835644</v>
      </c>
      <c r="Q984" s="53">
        <v>-1835644</v>
      </c>
      <c r="R984" s="53">
        <v>-1835644</v>
      </c>
      <c r="S984" s="53">
        <v>-1835644</v>
      </c>
      <c r="T984" s="53">
        <v>-1835644</v>
      </c>
      <c r="U984" s="53">
        <v>-1835644</v>
      </c>
      <c r="V984" s="53">
        <v>-1835644</v>
      </c>
      <c r="W984" s="53">
        <v>-1835644</v>
      </c>
      <c r="X984" s="53">
        <v>-1835644</v>
      </c>
      <c r="Y984" s="53">
        <v>-1835644</v>
      </c>
      <c r="Z984" s="53">
        <v>-1835644</v>
      </c>
      <c r="AA984" s="53">
        <v>-1835644</v>
      </c>
      <c r="AB984" s="53">
        <v>-1835644</v>
      </c>
      <c r="AC984" s="53">
        <v>-1835644</v>
      </c>
      <c r="AD984" s="53">
        <v>-1835644</v>
      </c>
      <c r="AE984" s="53">
        <v>-1835644</v>
      </c>
      <c r="AF984" s="53">
        <v>-1835644</v>
      </c>
      <c r="AG984" s="53">
        <v>-1835644</v>
      </c>
      <c r="AH984" s="53">
        <v>-1835644</v>
      </c>
      <c r="AI984" s="53">
        <v>-1835644</v>
      </c>
      <c r="AJ984" s="53">
        <v>-1835644</v>
      </c>
      <c r="AK984" s="53">
        <v>-1835644</v>
      </c>
      <c r="AL984" s="53">
        <v>-1835644</v>
      </c>
      <c r="AM984" s="53">
        <v>-1835644</v>
      </c>
      <c r="AN984" s="53">
        <v>-1835644</v>
      </c>
      <c r="AO984" s="53">
        <v>-1835644</v>
      </c>
      <c r="AP984" s="53">
        <v>-1835644</v>
      </c>
      <c r="AQ984" s="53">
        <v>-1835644</v>
      </c>
      <c r="AR984" s="53">
        <v>-1835644</v>
      </c>
      <c r="AS984" s="53">
        <v>-1835644</v>
      </c>
      <c r="AT984" s="53">
        <v>-1835644</v>
      </c>
      <c r="AU984" s="53">
        <v>-1835644</v>
      </c>
      <c r="AV984" s="53">
        <v>-1835644</v>
      </c>
      <c r="AW984" s="53">
        <v>-1835644</v>
      </c>
      <c r="AX984" s="53">
        <v>-1835644</v>
      </c>
      <c r="AY984" s="53">
        <v>-1835644</v>
      </c>
      <c r="AZ984" s="53">
        <v>-1835644</v>
      </c>
      <c r="BA984" s="53">
        <v>-1835644</v>
      </c>
    </row>
    <row r="985" spans="1:53">
      <c r="A985" s="52" t="s">
        <v>3489</v>
      </c>
      <c r="B985" s="53">
        <v>0</v>
      </c>
      <c r="C985" s="53">
        <v>0</v>
      </c>
      <c r="D985" s="53">
        <v>0</v>
      </c>
      <c r="E985" s="53">
        <v>0</v>
      </c>
      <c r="F985" s="53">
        <v>0</v>
      </c>
      <c r="G985" s="53">
        <v>0</v>
      </c>
      <c r="H985" s="53">
        <v>0</v>
      </c>
      <c r="I985" s="53">
        <v>0</v>
      </c>
      <c r="J985" s="53">
        <v>0</v>
      </c>
      <c r="K985" s="53">
        <v>0</v>
      </c>
      <c r="L985" s="53">
        <v>0</v>
      </c>
      <c r="M985" s="53">
        <v>0</v>
      </c>
      <c r="N985" s="53">
        <v>0</v>
      </c>
      <c r="O985" s="53">
        <v>0</v>
      </c>
      <c r="P985" s="53">
        <v>0</v>
      </c>
      <c r="Q985" s="53">
        <v>0</v>
      </c>
      <c r="R985" s="53">
        <v>0</v>
      </c>
      <c r="S985" s="53">
        <v>0</v>
      </c>
      <c r="T985" s="53">
        <v>0</v>
      </c>
      <c r="U985" s="53">
        <v>0</v>
      </c>
      <c r="V985" s="53">
        <v>0</v>
      </c>
      <c r="W985" s="53">
        <v>0</v>
      </c>
      <c r="X985" s="53">
        <v>0</v>
      </c>
      <c r="Y985" s="53">
        <v>0</v>
      </c>
      <c r="Z985" s="53">
        <v>0</v>
      </c>
      <c r="AA985" s="53">
        <v>0</v>
      </c>
      <c r="AB985" s="53">
        <v>0</v>
      </c>
      <c r="AC985" s="53">
        <v>0</v>
      </c>
      <c r="AD985" s="53">
        <v>0</v>
      </c>
      <c r="AE985" s="53">
        <v>0</v>
      </c>
      <c r="AF985" s="53">
        <v>0</v>
      </c>
      <c r="AG985" s="53">
        <v>0</v>
      </c>
      <c r="AH985" s="53">
        <v>0</v>
      </c>
      <c r="AI985" s="53">
        <v>0</v>
      </c>
      <c r="AJ985" s="53">
        <v>0</v>
      </c>
      <c r="AK985" s="53">
        <v>0</v>
      </c>
      <c r="AL985" s="53">
        <v>0</v>
      </c>
      <c r="AM985" s="53">
        <v>0</v>
      </c>
      <c r="AN985" s="53">
        <v>0</v>
      </c>
      <c r="AO985" s="53">
        <v>0</v>
      </c>
      <c r="AP985" s="53">
        <v>0</v>
      </c>
      <c r="AQ985" s="53">
        <v>0</v>
      </c>
      <c r="AR985" s="53">
        <v>0</v>
      </c>
      <c r="AS985" s="53">
        <v>0</v>
      </c>
      <c r="AT985" s="53">
        <v>0</v>
      </c>
      <c r="AU985" s="53">
        <v>0</v>
      </c>
      <c r="AV985" s="53">
        <v>0</v>
      </c>
      <c r="AW985" s="53">
        <v>0</v>
      </c>
      <c r="AX985" s="53">
        <v>0</v>
      </c>
      <c r="AY985" s="53">
        <v>0</v>
      </c>
      <c r="AZ985" s="53">
        <v>0</v>
      </c>
      <c r="BA985" s="53">
        <v>0</v>
      </c>
    </row>
    <row r="986" spans="1:53">
      <c r="A986" s="52" t="s">
        <v>3490</v>
      </c>
      <c r="B986" s="53">
        <v>-9.3223206931725095E-9</v>
      </c>
      <c r="C986" s="53">
        <v>-9.3223206931725095E-9</v>
      </c>
      <c r="D986" s="53">
        <v>-9.3223206931725095E-9</v>
      </c>
      <c r="E986" s="53">
        <v>-9.3223206931725095E-9</v>
      </c>
      <c r="F986" s="53">
        <v>-9.3223206931725095E-9</v>
      </c>
      <c r="G986" s="53">
        <v>-9.3223206931725095E-9</v>
      </c>
      <c r="H986" s="53">
        <v>-9.3223206931725095E-9</v>
      </c>
      <c r="I986" s="53">
        <v>-9.3223206931725095E-9</v>
      </c>
      <c r="J986" s="53">
        <v>-9.3223206931725095E-9</v>
      </c>
      <c r="K986" s="53">
        <v>-9.3223206931725095E-9</v>
      </c>
      <c r="L986" s="53">
        <v>-9.3223206931725095E-9</v>
      </c>
      <c r="M986" s="53">
        <v>-9.3223206931725095E-9</v>
      </c>
      <c r="N986" s="53">
        <v>-9.3223206931725095E-9</v>
      </c>
      <c r="O986" s="53">
        <v>-9.3223206931725095E-9</v>
      </c>
      <c r="P986" s="53">
        <v>-9.3223206931725095E-9</v>
      </c>
      <c r="Q986" s="53">
        <v>-9.3223206931725095E-9</v>
      </c>
      <c r="R986" s="53">
        <v>-9.3223206931725095E-9</v>
      </c>
      <c r="S986" s="53">
        <v>-9.3223206931725095E-9</v>
      </c>
      <c r="T986" s="53">
        <v>-9.3223206931725095E-9</v>
      </c>
      <c r="U986" s="53">
        <v>-9.3223206931725095E-9</v>
      </c>
      <c r="V986" s="53">
        <v>-9.3223206931725095E-9</v>
      </c>
      <c r="W986" s="53">
        <v>-9.3223206931725095E-9</v>
      </c>
      <c r="X986" s="53">
        <v>-9.3223206931725095E-9</v>
      </c>
      <c r="Y986" s="53">
        <v>-9.3223206931725095E-9</v>
      </c>
      <c r="Z986" s="53">
        <v>-9.3223206931725095E-9</v>
      </c>
      <c r="AA986" s="53">
        <v>-9.3223206931725095E-9</v>
      </c>
      <c r="AB986" s="53">
        <v>-9.3223206931725095E-9</v>
      </c>
      <c r="AC986" s="53">
        <v>-9.3223206931725095E-9</v>
      </c>
      <c r="AD986" s="53">
        <v>-9.3223206931725095E-9</v>
      </c>
      <c r="AE986" s="53">
        <v>-9.3223206931725095E-9</v>
      </c>
      <c r="AF986" s="53">
        <v>-9.3223206931725095E-9</v>
      </c>
      <c r="AG986" s="53">
        <v>-9.3223206931725095E-9</v>
      </c>
      <c r="AH986" s="53">
        <v>-9.3223206931725095E-9</v>
      </c>
      <c r="AI986" s="53">
        <v>-9.3223206931725095E-9</v>
      </c>
      <c r="AJ986" s="53">
        <v>-9.3223206931725095E-9</v>
      </c>
      <c r="AK986" s="53">
        <v>-9.3223206931725095E-9</v>
      </c>
      <c r="AL986" s="53">
        <v>-9.3223206931725095E-9</v>
      </c>
      <c r="AM986" s="53">
        <v>-9.3223206931725095E-9</v>
      </c>
      <c r="AN986" s="53">
        <v>-9.3223206931725095E-9</v>
      </c>
      <c r="AO986" s="53">
        <v>-9.3223206931725095E-9</v>
      </c>
      <c r="AP986" s="53">
        <v>-9.3223206931725095E-9</v>
      </c>
      <c r="AQ986" s="53">
        <v>-9.3223206931725095E-9</v>
      </c>
      <c r="AR986" s="53">
        <v>-9.3223206931725095E-9</v>
      </c>
      <c r="AS986" s="53">
        <v>-9.3223206931725095E-9</v>
      </c>
      <c r="AT986" s="53">
        <v>-9.3223206931725095E-9</v>
      </c>
      <c r="AU986" s="53">
        <v>-9.3223206931725095E-9</v>
      </c>
      <c r="AV986" s="53">
        <v>-9.3223206931725095E-9</v>
      </c>
      <c r="AW986" s="53">
        <v>-9.3223206931725095E-9</v>
      </c>
      <c r="AX986" s="53">
        <v>-9.3223206931725095E-9</v>
      </c>
      <c r="AY986" s="53">
        <v>-9.3223206931725095E-9</v>
      </c>
      <c r="AZ986" s="53">
        <v>-9.3223206931725095E-9</v>
      </c>
      <c r="BA986" s="53">
        <v>-9.3223206931725095E-9</v>
      </c>
    </row>
    <row r="987" spans="1:53">
      <c r="A987" s="52" t="s">
        <v>3491</v>
      </c>
      <c r="B987" s="53">
        <v>-2876004</v>
      </c>
      <c r="C987" s="53">
        <v>-2876004</v>
      </c>
      <c r="D987" s="53">
        <v>-2876004</v>
      </c>
      <c r="E987" s="53">
        <v>-2876004</v>
      </c>
      <c r="F987" s="53">
        <v>-2876004</v>
      </c>
      <c r="G987" s="53">
        <v>-2876004</v>
      </c>
      <c r="H987" s="53">
        <v>-2876004</v>
      </c>
      <c r="I987" s="53">
        <v>-2876004</v>
      </c>
      <c r="J987" s="53">
        <v>-2876004</v>
      </c>
      <c r="K987" s="53">
        <v>-2876004</v>
      </c>
      <c r="L987" s="53">
        <v>-2876004</v>
      </c>
      <c r="M987" s="53">
        <v>-2876004</v>
      </c>
      <c r="N987" s="53">
        <v>-2876004</v>
      </c>
      <c r="O987" s="53">
        <v>-2876004</v>
      </c>
      <c r="P987" s="53">
        <v>-2876004</v>
      </c>
      <c r="Q987" s="53">
        <v>-2876004</v>
      </c>
      <c r="R987" s="53">
        <v>-2876004</v>
      </c>
      <c r="S987" s="53">
        <v>-2876004</v>
      </c>
      <c r="T987" s="53">
        <v>-2876004</v>
      </c>
      <c r="U987" s="53">
        <v>-2876004</v>
      </c>
      <c r="V987" s="53">
        <v>-2876004</v>
      </c>
      <c r="W987" s="53">
        <v>-2876004</v>
      </c>
      <c r="X987" s="53">
        <v>-2876004</v>
      </c>
      <c r="Y987" s="53">
        <v>-2876004</v>
      </c>
      <c r="Z987" s="53">
        <v>-2876004</v>
      </c>
      <c r="AA987" s="53">
        <v>-2876004</v>
      </c>
      <c r="AB987" s="53">
        <v>-2876004</v>
      </c>
      <c r="AC987" s="53">
        <v>-2876004</v>
      </c>
      <c r="AD987" s="53">
        <v>-2876004</v>
      </c>
      <c r="AE987" s="53">
        <v>-2876004</v>
      </c>
      <c r="AF987" s="53">
        <v>-2876004</v>
      </c>
      <c r="AG987" s="53">
        <v>-2876004</v>
      </c>
      <c r="AH987" s="53">
        <v>-2876004</v>
      </c>
      <c r="AI987" s="53">
        <v>-2876004</v>
      </c>
      <c r="AJ987" s="53">
        <v>-2876004</v>
      </c>
      <c r="AK987" s="53">
        <v>-2876004</v>
      </c>
      <c r="AL987" s="53">
        <v>-2876004</v>
      </c>
      <c r="AM987" s="53">
        <v>-2876004</v>
      </c>
      <c r="AN987" s="53">
        <v>-2876004</v>
      </c>
      <c r="AO987" s="53">
        <v>-2876004</v>
      </c>
      <c r="AP987" s="53">
        <v>-2876004</v>
      </c>
      <c r="AQ987" s="53">
        <v>-2876004</v>
      </c>
      <c r="AR987" s="53">
        <v>-2876004</v>
      </c>
      <c r="AS987" s="53">
        <v>-2876004</v>
      </c>
      <c r="AT987" s="53">
        <v>-2876004</v>
      </c>
      <c r="AU987" s="53">
        <v>-2876004</v>
      </c>
      <c r="AV987" s="53">
        <v>-2876004</v>
      </c>
      <c r="AW987" s="53">
        <v>-2876004</v>
      </c>
      <c r="AX987" s="53">
        <v>-2876004</v>
      </c>
      <c r="AY987" s="53">
        <v>-2876004</v>
      </c>
      <c r="AZ987" s="53">
        <v>-2876004</v>
      </c>
      <c r="BA987" s="53">
        <v>-2876004</v>
      </c>
    </row>
    <row r="988" spans="1:53">
      <c r="A988" s="52" t="s">
        <v>3492</v>
      </c>
      <c r="B988" s="53">
        <v>-960771</v>
      </c>
      <c r="C988" s="53">
        <v>-960771</v>
      </c>
      <c r="D988" s="53">
        <v>-960771</v>
      </c>
      <c r="E988" s="53">
        <v>-960771</v>
      </c>
      <c r="F988" s="53">
        <v>-960771</v>
      </c>
      <c r="G988" s="53">
        <v>-960771</v>
      </c>
      <c r="H988" s="53">
        <v>-960771</v>
      </c>
      <c r="I988" s="53">
        <v>-960771</v>
      </c>
      <c r="J988" s="53">
        <v>-960771</v>
      </c>
      <c r="K988" s="53">
        <v>-960771</v>
      </c>
      <c r="L988" s="53">
        <v>-960771</v>
      </c>
      <c r="M988" s="53">
        <v>-960771</v>
      </c>
      <c r="N988" s="53">
        <v>-960771</v>
      </c>
      <c r="O988" s="53">
        <v>-960771</v>
      </c>
      <c r="P988" s="53">
        <v>-960771</v>
      </c>
      <c r="Q988" s="53">
        <v>-960771</v>
      </c>
      <c r="R988" s="53">
        <v>-960771</v>
      </c>
      <c r="S988" s="53">
        <v>-960771</v>
      </c>
      <c r="T988" s="53">
        <v>-960771</v>
      </c>
      <c r="U988" s="53">
        <v>-960771</v>
      </c>
      <c r="V988" s="53">
        <v>-960771</v>
      </c>
      <c r="W988" s="53">
        <v>-960771</v>
      </c>
      <c r="X988" s="53">
        <v>-960771</v>
      </c>
      <c r="Y988" s="53">
        <v>-960771</v>
      </c>
      <c r="Z988" s="53">
        <v>-960771</v>
      </c>
      <c r="AA988" s="53">
        <v>-960771</v>
      </c>
      <c r="AB988" s="53">
        <v>-960771</v>
      </c>
      <c r="AC988" s="53">
        <v>-960771</v>
      </c>
      <c r="AD988" s="53">
        <v>-960771</v>
      </c>
      <c r="AE988" s="53">
        <v>-960771</v>
      </c>
      <c r="AF988" s="53">
        <v>-960771</v>
      </c>
      <c r="AG988" s="53">
        <v>-960771</v>
      </c>
      <c r="AH988" s="53">
        <v>-960771</v>
      </c>
      <c r="AI988" s="53">
        <v>-960771</v>
      </c>
      <c r="AJ988" s="53">
        <v>-960771</v>
      </c>
      <c r="AK988" s="53">
        <v>-960771</v>
      </c>
      <c r="AL988" s="53">
        <v>-960771</v>
      </c>
      <c r="AM988" s="53">
        <v>-960771</v>
      </c>
      <c r="AN988" s="53">
        <v>-960771</v>
      </c>
      <c r="AO988" s="53">
        <v>-960771</v>
      </c>
      <c r="AP988" s="53">
        <v>-960771</v>
      </c>
      <c r="AQ988" s="53">
        <v>-960771</v>
      </c>
      <c r="AR988" s="53">
        <v>-960771</v>
      </c>
      <c r="AS988" s="53">
        <v>-960771</v>
      </c>
      <c r="AT988" s="53">
        <v>-960771</v>
      </c>
      <c r="AU988" s="53">
        <v>-960771</v>
      </c>
      <c r="AV988" s="53">
        <v>-960771</v>
      </c>
      <c r="AW988" s="53">
        <v>-960771</v>
      </c>
      <c r="AX988" s="53">
        <v>-960771</v>
      </c>
      <c r="AY988" s="53">
        <v>-960771</v>
      </c>
      <c r="AZ988" s="53">
        <v>-960771</v>
      </c>
      <c r="BA988" s="53">
        <v>-960771</v>
      </c>
    </row>
    <row r="989" spans="1:53">
      <c r="A989" s="58" t="s">
        <v>3493</v>
      </c>
      <c r="B989" s="134">
        <v>-95558353.242799997</v>
      </c>
      <c r="C989" s="134">
        <v>-97902306.592800006</v>
      </c>
      <c r="D989" s="134">
        <v>-72530989.502800003</v>
      </c>
      <c r="E989" s="134">
        <v>-74928998.662799999</v>
      </c>
      <c r="F989" s="134">
        <v>-77486189.792799994</v>
      </c>
      <c r="G989" s="134">
        <v>-79986356.602799997</v>
      </c>
      <c r="H989" s="134">
        <v>-82342930.922800004</v>
      </c>
      <c r="I989" s="134">
        <v>-84719092.662799999</v>
      </c>
      <c r="J989" s="134">
        <v>-87062469.712799996</v>
      </c>
      <c r="K989" s="134">
        <v>-89449464.762799993</v>
      </c>
      <c r="L989" s="134">
        <v>-91942539.6928</v>
      </c>
      <c r="M989" s="134">
        <v>-94282067.962799996</v>
      </c>
      <c r="N989" s="134">
        <v>-94282067.962799996</v>
      </c>
      <c r="O989" s="134">
        <v>-96675597.8028</v>
      </c>
      <c r="P989" s="134">
        <v>-99069127.642800003</v>
      </c>
      <c r="Q989" s="134">
        <v>-72740299.402799994</v>
      </c>
      <c r="R989" s="134">
        <v>-75133829.242799997</v>
      </c>
      <c r="S989" s="134">
        <v>-77527359.082800001</v>
      </c>
      <c r="T989" s="134">
        <v>-79920888.922800004</v>
      </c>
      <c r="U989" s="134">
        <v>-82314418.762799993</v>
      </c>
      <c r="V989" s="134">
        <v>-84707948.602799997</v>
      </c>
      <c r="W989" s="134">
        <v>-87101478.4428</v>
      </c>
      <c r="X989" s="134">
        <v>-89495008.282800004</v>
      </c>
      <c r="Y989" s="134">
        <v>-91888538.122799993</v>
      </c>
      <c r="Z989" s="134">
        <v>-94282067.962799996</v>
      </c>
      <c r="AA989" s="134">
        <v>-94282067.962799996</v>
      </c>
      <c r="AB989" s="134">
        <v>-96675597.8028</v>
      </c>
      <c r="AC989" s="134">
        <v>-99069127.642800003</v>
      </c>
      <c r="AD989" s="134">
        <v>-72740299.402799904</v>
      </c>
      <c r="AE989" s="134">
        <v>-75133829.242799893</v>
      </c>
      <c r="AF989" s="134">
        <v>-77527359.082799897</v>
      </c>
      <c r="AG989" s="134">
        <v>-79920888.9227999</v>
      </c>
      <c r="AH989" s="134">
        <v>-82314418.762799904</v>
      </c>
      <c r="AI989" s="134">
        <v>-84707948.602799907</v>
      </c>
      <c r="AJ989" s="134">
        <v>-87101478.442799896</v>
      </c>
      <c r="AK989" s="134">
        <v>-89495008.2827999</v>
      </c>
      <c r="AL989" s="134">
        <v>-91888538.122799903</v>
      </c>
      <c r="AM989" s="134">
        <v>-94282067.962799907</v>
      </c>
      <c r="AN989" s="134">
        <v>-94282067.962799907</v>
      </c>
      <c r="AO989" s="134">
        <v>-96675597.802799895</v>
      </c>
      <c r="AP989" s="134">
        <v>-99069127.642799899</v>
      </c>
      <c r="AQ989" s="134">
        <v>-72740299.402799904</v>
      </c>
      <c r="AR989" s="134">
        <v>-75133829.242799893</v>
      </c>
      <c r="AS989" s="134">
        <v>-77527359.082799897</v>
      </c>
      <c r="AT989" s="134">
        <v>-79920888.9227999</v>
      </c>
      <c r="AU989" s="134">
        <v>-82314418.762799904</v>
      </c>
      <c r="AV989" s="134">
        <v>-84707948.602799907</v>
      </c>
      <c r="AW989" s="134">
        <v>-87101478.442799896</v>
      </c>
      <c r="AX989" s="134">
        <v>-89495008.2827999</v>
      </c>
      <c r="AY989" s="134">
        <v>-91888538.122799903</v>
      </c>
      <c r="AZ989" s="134">
        <v>-94282067.962799907</v>
      </c>
      <c r="BA989" s="134">
        <v>-94282067.962799907</v>
      </c>
    </row>
    <row r="990" spans="1:53">
      <c r="A990" s="52" t="s">
        <v>1208</v>
      </c>
    </row>
    <row r="991" spans="1:53">
      <c r="A991" s="57" t="s">
        <v>3494</v>
      </c>
    </row>
    <row r="992" spans="1:53">
      <c r="A992" s="52" t="s">
        <v>3495</v>
      </c>
      <c r="B992" s="53">
        <v>-45527682.789999999</v>
      </c>
      <c r="C992" s="53">
        <v>-45527682.789999999</v>
      </c>
      <c r="D992" s="53">
        <v>-45527682.789999999</v>
      </c>
      <c r="E992" s="53">
        <v>-45527682.789999999</v>
      </c>
      <c r="F992" s="53">
        <v>-45527682.789999999</v>
      </c>
      <c r="G992" s="53">
        <v>-45527682.789999999</v>
      </c>
      <c r="H992" s="53">
        <v>-45527682.789999999</v>
      </c>
      <c r="I992" s="53">
        <v>-45527682.789999999</v>
      </c>
      <c r="J992" s="53">
        <v>-45527682.789999999</v>
      </c>
      <c r="K992" s="53">
        <v>-45527682.789999999</v>
      </c>
      <c r="L992" s="53">
        <v>-45527682.789999999</v>
      </c>
      <c r="M992" s="53">
        <v>-45527682.789999999</v>
      </c>
      <c r="N992" s="53">
        <v>-45527682.789999999</v>
      </c>
      <c r="O992" s="53">
        <v>-45527682.789999999</v>
      </c>
      <c r="P992" s="53">
        <v>-45527682.789999999</v>
      </c>
      <c r="Q992" s="53">
        <v>-45527682.789999999</v>
      </c>
      <c r="R992" s="53">
        <v>-45527682.789999999</v>
      </c>
      <c r="S992" s="53">
        <v>-45527682.789999999</v>
      </c>
      <c r="T992" s="53">
        <v>-45527682.789999999</v>
      </c>
      <c r="U992" s="53">
        <v>-45527682.789999999</v>
      </c>
      <c r="V992" s="53">
        <v>-45527682.789999999</v>
      </c>
      <c r="W992" s="53">
        <v>-45527682.789999999</v>
      </c>
      <c r="X992" s="53">
        <v>-45527682.789999999</v>
      </c>
      <c r="Y992" s="53">
        <v>-45527682.789999999</v>
      </c>
      <c r="Z992" s="53">
        <v>-45527682.789999999</v>
      </c>
      <c r="AA992" s="53">
        <v>-45527682.789999999</v>
      </c>
      <c r="AB992" s="53">
        <v>-45527682.789999999</v>
      </c>
      <c r="AC992" s="53">
        <v>-45527682.789999999</v>
      </c>
      <c r="AD992" s="53">
        <v>-45527682.789999999</v>
      </c>
      <c r="AE992" s="53">
        <v>-45527682.789999999</v>
      </c>
      <c r="AF992" s="53">
        <v>-45527682.789999999</v>
      </c>
      <c r="AG992" s="53">
        <v>-45527682.789999999</v>
      </c>
      <c r="AH992" s="53">
        <v>-45527682.789999999</v>
      </c>
      <c r="AI992" s="53">
        <v>-45527682.789999999</v>
      </c>
      <c r="AJ992" s="53">
        <v>-45527682.789999999</v>
      </c>
      <c r="AK992" s="53">
        <v>-45527682.789999999</v>
      </c>
      <c r="AL992" s="53">
        <v>-45527682.789999999</v>
      </c>
      <c r="AM992" s="53">
        <v>-45527682.789999999</v>
      </c>
      <c r="AN992" s="53">
        <v>-45527682.789999999</v>
      </c>
      <c r="AO992" s="53">
        <v>-45527682.789999999</v>
      </c>
      <c r="AP992" s="53">
        <v>-45527682.789999999</v>
      </c>
      <c r="AQ992" s="53">
        <v>-45527682.789999999</v>
      </c>
      <c r="AR992" s="53">
        <v>-45527682.789999999</v>
      </c>
      <c r="AS992" s="53">
        <v>-45527682.789999999</v>
      </c>
      <c r="AT992" s="53">
        <v>-45527682.789999999</v>
      </c>
      <c r="AU992" s="53">
        <v>-45527682.789999999</v>
      </c>
      <c r="AV992" s="53">
        <v>-45527682.789999999</v>
      </c>
      <c r="AW992" s="53">
        <v>-45527682.789999999</v>
      </c>
      <c r="AX992" s="53">
        <v>-45527682.789999999</v>
      </c>
      <c r="AY992" s="53">
        <v>-45527682.789999999</v>
      </c>
      <c r="AZ992" s="53">
        <v>-45527682.789999999</v>
      </c>
      <c r="BA992" s="53">
        <v>-45527682.789999999</v>
      </c>
    </row>
    <row r="993" spans="1:53">
      <c r="A993" s="52" t="s">
        <v>3496</v>
      </c>
      <c r="B993" s="53">
        <v>-7045888.1189735401</v>
      </c>
      <c r="C993" s="53">
        <v>-5734953.8868459798</v>
      </c>
      <c r="D993" s="53">
        <v>-4975629.9198227199</v>
      </c>
      <c r="E993" s="53">
        <v>-4252643.6296500703</v>
      </c>
      <c r="F993" s="53">
        <v>-4278549.4544128198</v>
      </c>
      <c r="G993" s="53">
        <v>-4304613.0884156898</v>
      </c>
      <c r="H993" s="53">
        <v>-4330835.4929770101</v>
      </c>
      <c r="I993" s="53">
        <v>-4357217.6352711096</v>
      </c>
      <c r="J993" s="53">
        <v>-4383760.4883639999</v>
      </c>
      <c r="K993" s="53">
        <v>-4410465.0312492698</v>
      </c>
      <c r="L993" s="53">
        <v>-4437332.2488841601</v>
      </c>
      <c r="M993" s="53">
        <v>-4464363.1322259698</v>
      </c>
      <c r="N993" s="53">
        <v>-4464363.1322259698</v>
      </c>
      <c r="O993" s="53">
        <v>-4491558.6782685202</v>
      </c>
      <c r="P993" s="53">
        <v>-4518919.8900789702</v>
      </c>
      <c r="Q993" s="53">
        <v>-4546447.7768348102</v>
      </c>
      <c r="R993" s="53">
        <v>-4574143.3538610898</v>
      </c>
      <c r="S993" s="53">
        <v>-4602007.6426678495</v>
      </c>
      <c r="T993" s="53">
        <v>-4630041.6709877905</v>
      </c>
      <c r="U993" s="53">
        <v>-4658246.4728142302</v>
      </c>
      <c r="V993" s="53">
        <v>-4686623.0884391703</v>
      </c>
      <c r="W993" s="53">
        <v>-4715172.5644917199</v>
      </c>
      <c r="X993" s="53">
        <v>-4743895.9539766898</v>
      </c>
      <c r="Y993" s="53">
        <v>-4772794.3163133804</v>
      </c>
      <c r="Z993" s="53">
        <v>-4801868.7173747402</v>
      </c>
      <c r="AA993" s="53">
        <v>-4801868.7173747402</v>
      </c>
      <c r="AB993" s="53">
        <v>-4831120.2295266204</v>
      </c>
      <c r="AC993" s="53">
        <v>-4860549.93166734</v>
      </c>
      <c r="AD993" s="53">
        <v>-4890158.9092674796</v>
      </c>
      <c r="AE993" s="53">
        <v>-4496111.8303153804</v>
      </c>
      <c r="AF993" s="53">
        <v>-4099669.3768833298</v>
      </c>
      <c r="AG993" s="53">
        <v>-3700811.9335410199</v>
      </c>
      <c r="AH993" s="53">
        <v>-3299524.7890138901</v>
      </c>
      <c r="AI993" s="53">
        <v>-2895793.1424114299</v>
      </c>
      <c r="AJ993" s="53">
        <v>-2489602.1026813802</v>
      </c>
      <c r="AK993" s="53">
        <v>-2080936.6880604001</v>
      </c>
      <c r="AL993" s="53">
        <v>-1669781.8255215399</v>
      </c>
      <c r="AM993" s="53">
        <v>-1256122.3502183</v>
      </c>
      <c r="AN993" s="53">
        <v>-1256122.3502183</v>
      </c>
      <c r="AO993" s="53">
        <v>-839943.00492525601</v>
      </c>
      <c r="AP993" s="53">
        <v>-421228.43947536498</v>
      </c>
      <c r="AQ993" s="53">
        <v>36.789806210720101</v>
      </c>
      <c r="AR993" s="53">
        <v>31.796577208656</v>
      </c>
      <c r="AS993" s="53">
        <v>31.796577208656</v>
      </c>
      <c r="AT993" s="53">
        <v>31.796577208656</v>
      </c>
      <c r="AU993" s="53">
        <v>31.796577208656</v>
      </c>
      <c r="AV993" s="53">
        <v>31.796577208656</v>
      </c>
      <c r="AW993" s="53">
        <v>31.796577208656</v>
      </c>
      <c r="AX993" s="53">
        <v>31.796577208656</v>
      </c>
      <c r="AY993" s="53">
        <v>31.796577208656</v>
      </c>
      <c r="AZ993" s="53">
        <v>31.796577208656</v>
      </c>
      <c r="BA993" s="53">
        <v>31.796577208656</v>
      </c>
    </row>
    <row r="994" spans="1:53">
      <c r="A994" s="52" t="s">
        <v>3497</v>
      </c>
      <c r="B994" s="53">
        <v>0</v>
      </c>
      <c r="C994" s="53">
        <v>0</v>
      </c>
      <c r="D994" s="53">
        <v>0</v>
      </c>
      <c r="E994" s="53">
        <v>0</v>
      </c>
      <c r="F994" s="53">
        <v>0</v>
      </c>
      <c r="G994" s="53">
        <v>0</v>
      </c>
      <c r="H994" s="53">
        <v>0</v>
      </c>
      <c r="I994" s="53">
        <v>0</v>
      </c>
      <c r="J994" s="53">
        <v>0</v>
      </c>
      <c r="K994" s="53">
        <v>0</v>
      </c>
      <c r="L994" s="53">
        <v>0</v>
      </c>
      <c r="M994" s="53">
        <v>0</v>
      </c>
      <c r="N994" s="53">
        <v>0</v>
      </c>
      <c r="O994" s="53">
        <v>0</v>
      </c>
      <c r="P994" s="53">
        <v>0</v>
      </c>
      <c r="Q994" s="53">
        <v>0</v>
      </c>
      <c r="R994" s="53">
        <v>0</v>
      </c>
      <c r="S994" s="53">
        <v>0</v>
      </c>
      <c r="T994" s="53">
        <v>0</v>
      </c>
      <c r="U994" s="53">
        <v>0</v>
      </c>
      <c r="V994" s="53">
        <v>0</v>
      </c>
      <c r="W994" s="53">
        <v>0</v>
      </c>
      <c r="X994" s="53">
        <v>0</v>
      </c>
      <c r="Y994" s="53">
        <v>0</v>
      </c>
      <c r="Z994" s="53">
        <v>0</v>
      </c>
      <c r="AA994" s="53">
        <v>0</v>
      </c>
      <c r="AB994" s="53">
        <v>0</v>
      </c>
      <c r="AC994" s="53">
        <v>0</v>
      </c>
      <c r="AD994" s="53">
        <v>0</v>
      </c>
      <c r="AE994" s="53">
        <v>0</v>
      </c>
      <c r="AF994" s="53">
        <v>0</v>
      </c>
      <c r="AG994" s="53">
        <v>0</v>
      </c>
      <c r="AH994" s="53">
        <v>0</v>
      </c>
      <c r="AI994" s="53">
        <v>0</v>
      </c>
      <c r="AJ994" s="53">
        <v>0</v>
      </c>
      <c r="AK994" s="53">
        <v>0</v>
      </c>
      <c r="AL994" s="53">
        <v>0</v>
      </c>
      <c r="AM994" s="53">
        <v>0</v>
      </c>
      <c r="AN994" s="53">
        <v>0</v>
      </c>
      <c r="AO994" s="53">
        <v>0</v>
      </c>
      <c r="AP994" s="53">
        <v>0</v>
      </c>
      <c r="AQ994" s="53">
        <v>0</v>
      </c>
      <c r="AR994" s="53">
        <v>0</v>
      </c>
      <c r="AS994" s="53">
        <v>0</v>
      </c>
      <c r="AT994" s="53">
        <v>0</v>
      </c>
      <c r="AU994" s="53">
        <v>0</v>
      </c>
      <c r="AV994" s="53">
        <v>0</v>
      </c>
      <c r="AW994" s="53">
        <v>0</v>
      </c>
      <c r="AX994" s="53">
        <v>0</v>
      </c>
      <c r="AY994" s="53">
        <v>0</v>
      </c>
      <c r="AZ994" s="53">
        <v>0</v>
      </c>
      <c r="BA994" s="53">
        <v>0</v>
      </c>
    </row>
    <row r="995" spans="1:53">
      <c r="A995" s="52" t="s">
        <v>3498</v>
      </c>
      <c r="B995" s="53">
        <v>0</v>
      </c>
      <c r="C995" s="53">
        <v>0</v>
      </c>
      <c r="D995" s="53">
        <v>0</v>
      </c>
      <c r="E995" s="53">
        <v>0</v>
      </c>
      <c r="F995" s="53">
        <v>0</v>
      </c>
      <c r="G995" s="53">
        <v>0</v>
      </c>
      <c r="H995" s="53">
        <v>0</v>
      </c>
      <c r="I995" s="53">
        <v>0</v>
      </c>
      <c r="J995" s="53">
        <v>0</v>
      </c>
      <c r="K995" s="53">
        <v>0</v>
      </c>
      <c r="L995" s="53">
        <v>0</v>
      </c>
      <c r="M995" s="53">
        <v>0</v>
      </c>
      <c r="N995" s="53">
        <v>0</v>
      </c>
      <c r="O995" s="53">
        <v>0</v>
      </c>
      <c r="P995" s="53">
        <v>0</v>
      </c>
      <c r="Q995" s="53">
        <v>0</v>
      </c>
      <c r="R995" s="53">
        <v>0</v>
      </c>
      <c r="S995" s="53">
        <v>0</v>
      </c>
      <c r="T995" s="53">
        <v>0</v>
      </c>
      <c r="U995" s="53">
        <v>0</v>
      </c>
      <c r="V995" s="53">
        <v>0</v>
      </c>
      <c r="W995" s="53">
        <v>0</v>
      </c>
      <c r="X995" s="53">
        <v>0</v>
      </c>
      <c r="Y995" s="53">
        <v>0</v>
      </c>
      <c r="Z995" s="53">
        <v>0</v>
      </c>
      <c r="AA995" s="53">
        <v>0</v>
      </c>
      <c r="AB995" s="53">
        <v>0</v>
      </c>
      <c r="AC995" s="53">
        <v>0</v>
      </c>
      <c r="AD995" s="53">
        <v>0</v>
      </c>
      <c r="AE995" s="53">
        <v>0</v>
      </c>
      <c r="AF995" s="53">
        <v>0</v>
      </c>
      <c r="AG995" s="53">
        <v>0</v>
      </c>
      <c r="AH995" s="53">
        <v>0</v>
      </c>
      <c r="AI995" s="53">
        <v>0</v>
      </c>
      <c r="AJ995" s="53">
        <v>0</v>
      </c>
      <c r="AK995" s="53">
        <v>0</v>
      </c>
      <c r="AL995" s="53">
        <v>0</v>
      </c>
      <c r="AM995" s="53">
        <v>0</v>
      </c>
      <c r="AN995" s="53">
        <v>0</v>
      </c>
      <c r="AO995" s="53">
        <v>0</v>
      </c>
      <c r="AP995" s="53">
        <v>0</v>
      </c>
      <c r="AQ995" s="53">
        <v>0</v>
      </c>
      <c r="AR995" s="53">
        <v>0</v>
      </c>
      <c r="AS995" s="53">
        <v>0</v>
      </c>
      <c r="AT995" s="53">
        <v>0</v>
      </c>
      <c r="AU995" s="53">
        <v>0</v>
      </c>
      <c r="AV995" s="53">
        <v>0</v>
      </c>
      <c r="AW995" s="53">
        <v>0</v>
      </c>
      <c r="AX995" s="53">
        <v>0</v>
      </c>
      <c r="AY995" s="53">
        <v>0</v>
      </c>
      <c r="AZ995" s="53">
        <v>0</v>
      </c>
      <c r="BA995" s="53">
        <v>0</v>
      </c>
    </row>
    <row r="996" spans="1:53">
      <c r="A996" s="58" t="s">
        <v>3499</v>
      </c>
      <c r="B996" s="134">
        <v>-52573570.9089735</v>
      </c>
      <c r="C996" s="134">
        <v>-51262636.676845901</v>
      </c>
      <c r="D996" s="134">
        <v>-50503312.709822699</v>
      </c>
      <c r="E996" s="134">
        <v>-49780326.419650003</v>
      </c>
      <c r="F996" s="134">
        <v>-49806232.244412802</v>
      </c>
      <c r="G996" s="134">
        <v>-49832295.878415696</v>
      </c>
      <c r="H996" s="134">
        <v>-49858518.282977</v>
      </c>
      <c r="I996" s="134">
        <v>-49884900.425271101</v>
      </c>
      <c r="J996" s="134">
        <v>-49911443.278364003</v>
      </c>
      <c r="K996" s="134">
        <v>-49938147.821249202</v>
      </c>
      <c r="L996" s="134">
        <v>-49965015.038884103</v>
      </c>
      <c r="M996" s="134">
        <v>-49992045.9222259</v>
      </c>
      <c r="N996" s="134">
        <v>-49992045.9222259</v>
      </c>
      <c r="O996" s="134">
        <v>-50019241.468268499</v>
      </c>
      <c r="P996" s="134">
        <v>-50046602.680078901</v>
      </c>
      <c r="Q996" s="134">
        <v>-50074130.5668348</v>
      </c>
      <c r="R996" s="134">
        <v>-50101826.143861003</v>
      </c>
      <c r="S996" s="134">
        <v>-50129690.432667799</v>
      </c>
      <c r="T996" s="134">
        <v>-50157724.460987799</v>
      </c>
      <c r="U996" s="134">
        <v>-50185929.262814201</v>
      </c>
      <c r="V996" s="134">
        <v>-50214305.878439099</v>
      </c>
      <c r="W996" s="134">
        <v>-50242855.354491703</v>
      </c>
      <c r="X996" s="134">
        <v>-50271578.7439766</v>
      </c>
      <c r="Y996" s="134">
        <v>-50300477.106313303</v>
      </c>
      <c r="Z996" s="134">
        <v>-50329551.507374696</v>
      </c>
      <c r="AA996" s="134">
        <v>-50329551.507374696</v>
      </c>
      <c r="AB996" s="134">
        <v>-50358803.019526601</v>
      </c>
      <c r="AC996" s="134">
        <v>-50388232.721667297</v>
      </c>
      <c r="AD996" s="134">
        <v>-50417841.699267402</v>
      </c>
      <c r="AE996" s="134">
        <v>-50023794.620315298</v>
      </c>
      <c r="AF996" s="134">
        <v>-49627352.166883297</v>
      </c>
      <c r="AG996" s="134">
        <v>-49228494.723540999</v>
      </c>
      <c r="AH996" s="134">
        <v>-48827207.579013802</v>
      </c>
      <c r="AI996" s="134">
        <v>-48423475.932411402</v>
      </c>
      <c r="AJ996" s="134">
        <v>-48017284.892681301</v>
      </c>
      <c r="AK996" s="134">
        <v>-47608619.478060402</v>
      </c>
      <c r="AL996" s="134">
        <v>-47197464.615521498</v>
      </c>
      <c r="AM996" s="134">
        <v>-46783805.140218198</v>
      </c>
      <c r="AN996" s="134">
        <v>-46783805.140218198</v>
      </c>
      <c r="AO996" s="134">
        <v>-46367625.794925198</v>
      </c>
      <c r="AP996" s="134">
        <v>-45948911.229475297</v>
      </c>
      <c r="AQ996" s="134">
        <v>-45527646.0001937</v>
      </c>
      <c r="AR996" s="134">
        <v>-45527650.993422702</v>
      </c>
      <c r="AS996" s="134">
        <v>-45527650.993422702</v>
      </c>
      <c r="AT996" s="134">
        <v>-45527650.993422702</v>
      </c>
      <c r="AU996" s="134">
        <v>-45527650.993422702</v>
      </c>
      <c r="AV996" s="134">
        <v>-45527650.993422702</v>
      </c>
      <c r="AW996" s="134">
        <v>-45527650.993422702</v>
      </c>
      <c r="AX996" s="134">
        <v>-45527650.993422702</v>
      </c>
      <c r="AY996" s="134">
        <v>-45527650.993422702</v>
      </c>
      <c r="AZ996" s="134">
        <v>-45527650.993422702</v>
      </c>
      <c r="BA996" s="134">
        <v>-45527650.993422702</v>
      </c>
    </row>
    <row r="997" spans="1:53">
      <c r="A997" s="52" t="s">
        <v>3500</v>
      </c>
    </row>
    <row r="998" spans="1:53">
      <c r="A998" s="57" t="s">
        <v>3501</v>
      </c>
    </row>
    <row r="999" spans="1:53">
      <c r="A999" s="52" t="s">
        <v>3502</v>
      </c>
      <c r="B999" s="53">
        <v>0</v>
      </c>
      <c r="C999" s="53">
        <v>0</v>
      </c>
      <c r="D999" s="53">
        <v>0</v>
      </c>
      <c r="E999" s="53">
        <v>0</v>
      </c>
      <c r="F999" s="53">
        <v>0</v>
      </c>
      <c r="G999" s="53">
        <v>0</v>
      </c>
      <c r="H999" s="53">
        <v>0</v>
      </c>
      <c r="I999" s="53">
        <v>0</v>
      </c>
      <c r="J999" s="53">
        <v>0</v>
      </c>
      <c r="K999" s="53">
        <v>0</v>
      </c>
      <c r="L999" s="53">
        <v>0</v>
      </c>
      <c r="M999" s="53">
        <v>0</v>
      </c>
      <c r="N999" s="53">
        <v>0</v>
      </c>
      <c r="O999" s="53">
        <v>0</v>
      </c>
      <c r="P999" s="53">
        <v>0</v>
      </c>
      <c r="Q999" s="53">
        <v>0</v>
      </c>
      <c r="R999" s="53">
        <v>0</v>
      </c>
      <c r="S999" s="53">
        <v>0</v>
      </c>
      <c r="T999" s="53">
        <v>0</v>
      </c>
      <c r="U999" s="53">
        <v>0</v>
      </c>
      <c r="V999" s="53">
        <v>0</v>
      </c>
      <c r="W999" s="53">
        <v>0</v>
      </c>
      <c r="X999" s="53">
        <v>0</v>
      </c>
      <c r="Y999" s="53">
        <v>0</v>
      </c>
      <c r="Z999" s="53">
        <v>0</v>
      </c>
      <c r="AA999" s="53">
        <v>0</v>
      </c>
      <c r="AB999" s="53">
        <v>0</v>
      </c>
      <c r="AC999" s="53">
        <v>0</v>
      </c>
      <c r="AD999" s="53">
        <v>0</v>
      </c>
      <c r="AE999" s="53">
        <v>0</v>
      </c>
      <c r="AF999" s="53">
        <v>0</v>
      </c>
      <c r="AG999" s="53">
        <v>0</v>
      </c>
      <c r="AH999" s="53">
        <v>0</v>
      </c>
      <c r="AI999" s="53">
        <v>0</v>
      </c>
      <c r="AJ999" s="53">
        <v>0</v>
      </c>
      <c r="AK999" s="53">
        <v>0</v>
      </c>
      <c r="AL999" s="53">
        <v>0</v>
      </c>
      <c r="AM999" s="53">
        <v>0</v>
      </c>
      <c r="AN999" s="53">
        <v>0</v>
      </c>
      <c r="AO999" s="53">
        <v>0</v>
      </c>
      <c r="AP999" s="53">
        <v>0</v>
      </c>
      <c r="AQ999" s="53">
        <v>0</v>
      </c>
      <c r="AR999" s="53">
        <v>0</v>
      </c>
      <c r="AS999" s="53">
        <v>0</v>
      </c>
      <c r="AT999" s="53">
        <v>0</v>
      </c>
      <c r="AU999" s="53">
        <v>0</v>
      </c>
      <c r="AV999" s="53">
        <v>0</v>
      </c>
      <c r="AW999" s="53">
        <v>0</v>
      </c>
      <c r="AX999" s="53">
        <v>0</v>
      </c>
      <c r="AY999" s="53">
        <v>0</v>
      </c>
      <c r="AZ999" s="53">
        <v>0</v>
      </c>
      <c r="BA999" s="53">
        <v>0</v>
      </c>
    </row>
    <row r="1000" spans="1:53">
      <c r="A1000" s="52" t="s">
        <v>3503</v>
      </c>
      <c r="B1000" s="53">
        <v>0</v>
      </c>
      <c r="C1000" s="53">
        <v>0</v>
      </c>
      <c r="D1000" s="53">
        <v>0</v>
      </c>
      <c r="E1000" s="53">
        <v>0</v>
      </c>
      <c r="F1000" s="53">
        <v>0</v>
      </c>
      <c r="G1000" s="53">
        <v>0</v>
      </c>
      <c r="H1000" s="53">
        <v>0</v>
      </c>
      <c r="I1000" s="53">
        <v>0</v>
      </c>
      <c r="J1000" s="53">
        <v>0</v>
      </c>
      <c r="K1000" s="53">
        <v>0</v>
      </c>
      <c r="L1000" s="53">
        <v>0</v>
      </c>
      <c r="M1000" s="53">
        <v>0</v>
      </c>
      <c r="N1000" s="53">
        <v>0</v>
      </c>
      <c r="O1000" s="53">
        <v>0</v>
      </c>
      <c r="P1000" s="53">
        <v>0</v>
      </c>
      <c r="Q1000" s="53">
        <v>0</v>
      </c>
      <c r="R1000" s="53">
        <v>0</v>
      </c>
      <c r="S1000" s="53">
        <v>0</v>
      </c>
      <c r="T1000" s="53">
        <v>0</v>
      </c>
      <c r="U1000" s="53">
        <v>0</v>
      </c>
      <c r="V1000" s="53">
        <v>0</v>
      </c>
      <c r="W1000" s="53">
        <v>0</v>
      </c>
      <c r="X1000" s="53">
        <v>0</v>
      </c>
      <c r="Y1000" s="53">
        <v>0</v>
      </c>
      <c r="Z1000" s="53">
        <v>0</v>
      </c>
      <c r="AA1000" s="53">
        <v>0</v>
      </c>
      <c r="AB1000" s="53">
        <v>0</v>
      </c>
      <c r="AC1000" s="53">
        <v>0</v>
      </c>
      <c r="AD1000" s="53">
        <v>0</v>
      </c>
      <c r="AE1000" s="53">
        <v>0</v>
      </c>
      <c r="AF1000" s="53">
        <v>0</v>
      </c>
      <c r="AG1000" s="53">
        <v>0</v>
      </c>
      <c r="AH1000" s="53">
        <v>0</v>
      </c>
      <c r="AI1000" s="53">
        <v>0</v>
      </c>
      <c r="AJ1000" s="53">
        <v>0</v>
      </c>
      <c r="AK1000" s="53">
        <v>0</v>
      </c>
      <c r="AL1000" s="53">
        <v>0</v>
      </c>
      <c r="AM1000" s="53">
        <v>0</v>
      </c>
      <c r="AN1000" s="53">
        <v>0</v>
      </c>
      <c r="AO1000" s="53">
        <v>0</v>
      </c>
      <c r="AP1000" s="53">
        <v>0</v>
      </c>
      <c r="AQ1000" s="53">
        <v>0</v>
      </c>
      <c r="AR1000" s="53">
        <v>0</v>
      </c>
      <c r="AS1000" s="53">
        <v>0</v>
      </c>
      <c r="AT1000" s="53">
        <v>0</v>
      </c>
      <c r="AU1000" s="53">
        <v>0</v>
      </c>
      <c r="AV1000" s="53">
        <v>0</v>
      </c>
      <c r="AW1000" s="53">
        <v>0</v>
      </c>
      <c r="AX1000" s="53">
        <v>0</v>
      </c>
      <c r="AY1000" s="53">
        <v>0</v>
      </c>
      <c r="AZ1000" s="53">
        <v>0</v>
      </c>
      <c r="BA1000" s="53">
        <v>0</v>
      </c>
    </row>
    <row r="1001" spans="1:53">
      <c r="A1001" s="52" t="s">
        <v>3504</v>
      </c>
      <c r="B1001" s="53">
        <v>0</v>
      </c>
      <c r="C1001" s="53">
        <v>0</v>
      </c>
      <c r="D1001" s="53">
        <v>0</v>
      </c>
      <c r="E1001" s="53">
        <v>0</v>
      </c>
      <c r="F1001" s="53">
        <v>0</v>
      </c>
      <c r="G1001" s="53">
        <v>0</v>
      </c>
      <c r="H1001" s="53">
        <v>0</v>
      </c>
      <c r="I1001" s="53">
        <v>0</v>
      </c>
      <c r="J1001" s="53">
        <v>0</v>
      </c>
      <c r="K1001" s="53">
        <v>0</v>
      </c>
      <c r="L1001" s="53">
        <v>0</v>
      </c>
      <c r="M1001" s="53">
        <v>0</v>
      </c>
      <c r="N1001" s="53">
        <v>0</v>
      </c>
      <c r="O1001" s="53">
        <v>0</v>
      </c>
      <c r="P1001" s="53">
        <v>0</v>
      </c>
      <c r="Q1001" s="53">
        <v>0</v>
      </c>
      <c r="R1001" s="53">
        <v>0</v>
      </c>
      <c r="S1001" s="53">
        <v>0</v>
      </c>
      <c r="T1001" s="53">
        <v>0</v>
      </c>
      <c r="U1001" s="53">
        <v>0</v>
      </c>
      <c r="V1001" s="53">
        <v>0</v>
      </c>
      <c r="W1001" s="53">
        <v>0</v>
      </c>
      <c r="X1001" s="53">
        <v>0</v>
      </c>
      <c r="Y1001" s="53">
        <v>0</v>
      </c>
      <c r="Z1001" s="53">
        <v>0</v>
      </c>
      <c r="AA1001" s="53">
        <v>0</v>
      </c>
      <c r="AB1001" s="53">
        <v>0</v>
      </c>
      <c r="AC1001" s="53">
        <v>0</v>
      </c>
      <c r="AD1001" s="53">
        <v>0</v>
      </c>
      <c r="AE1001" s="53">
        <v>0</v>
      </c>
      <c r="AF1001" s="53">
        <v>0</v>
      </c>
      <c r="AG1001" s="53">
        <v>0</v>
      </c>
      <c r="AH1001" s="53">
        <v>0</v>
      </c>
      <c r="AI1001" s="53">
        <v>0</v>
      </c>
      <c r="AJ1001" s="53">
        <v>0</v>
      </c>
      <c r="AK1001" s="53">
        <v>0</v>
      </c>
      <c r="AL1001" s="53">
        <v>0</v>
      </c>
      <c r="AM1001" s="53">
        <v>0</v>
      </c>
      <c r="AN1001" s="53">
        <v>0</v>
      </c>
      <c r="AO1001" s="53">
        <v>0</v>
      </c>
      <c r="AP1001" s="53">
        <v>0</v>
      </c>
      <c r="AQ1001" s="53">
        <v>0</v>
      </c>
      <c r="AR1001" s="53">
        <v>0</v>
      </c>
      <c r="AS1001" s="53">
        <v>0</v>
      </c>
      <c r="AT1001" s="53">
        <v>0</v>
      </c>
      <c r="AU1001" s="53">
        <v>0</v>
      </c>
      <c r="AV1001" s="53">
        <v>0</v>
      </c>
      <c r="AW1001" s="53">
        <v>0</v>
      </c>
      <c r="AX1001" s="53">
        <v>0</v>
      </c>
      <c r="AY1001" s="53">
        <v>0</v>
      </c>
      <c r="AZ1001" s="53">
        <v>0</v>
      </c>
      <c r="BA1001" s="53">
        <v>0</v>
      </c>
    </row>
    <row r="1002" spans="1:53">
      <c r="A1002" s="52" t="s">
        <v>3505</v>
      </c>
      <c r="B1002" s="53">
        <v>0</v>
      </c>
      <c r="C1002" s="53">
        <v>0</v>
      </c>
      <c r="D1002" s="53">
        <v>0</v>
      </c>
      <c r="E1002" s="53">
        <v>0</v>
      </c>
      <c r="F1002" s="53">
        <v>0</v>
      </c>
      <c r="G1002" s="53">
        <v>0</v>
      </c>
      <c r="H1002" s="53">
        <v>0</v>
      </c>
      <c r="I1002" s="53">
        <v>0</v>
      </c>
      <c r="J1002" s="53">
        <v>0</v>
      </c>
      <c r="K1002" s="53">
        <v>0</v>
      </c>
      <c r="L1002" s="53">
        <v>0</v>
      </c>
      <c r="M1002" s="53">
        <v>0</v>
      </c>
      <c r="N1002" s="53">
        <v>0</v>
      </c>
      <c r="O1002" s="53">
        <v>0</v>
      </c>
      <c r="P1002" s="53">
        <v>0</v>
      </c>
      <c r="Q1002" s="53">
        <v>0</v>
      </c>
      <c r="R1002" s="53">
        <v>0</v>
      </c>
      <c r="S1002" s="53">
        <v>0</v>
      </c>
      <c r="T1002" s="53">
        <v>0</v>
      </c>
      <c r="U1002" s="53">
        <v>0</v>
      </c>
      <c r="V1002" s="53">
        <v>0</v>
      </c>
      <c r="W1002" s="53">
        <v>0</v>
      </c>
      <c r="X1002" s="53">
        <v>0</v>
      </c>
      <c r="Y1002" s="53">
        <v>0</v>
      </c>
      <c r="Z1002" s="53">
        <v>0</v>
      </c>
      <c r="AA1002" s="53">
        <v>0</v>
      </c>
      <c r="AB1002" s="53">
        <v>0</v>
      </c>
      <c r="AC1002" s="53">
        <v>0</v>
      </c>
      <c r="AD1002" s="53">
        <v>0</v>
      </c>
      <c r="AE1002" s="53">
        <v>0</v>
      </c>
      <c r="AF1002" s="53">
        <v>0</v>
      </c>
      <c r="AG1002" s="53">
        <v>0</v>
      </c>
      <c r="AH1002" s="53">
        <v>0</v>
      </c>
      <c r="AI1002" s="53">
        <v>0</v>
      </c>
      <c r="AJ1002" s="53">
        <v>0</v>
      </c>
      <c r="AK1002" s="53">
        <v>0</v>
      </c>
      <c r="AL1002" s="53">
        <v>0</v>
      </c>
      <c r="AM1002" s="53">
        <v>0</v>
      </c>
      <c r="AN1002" s="53">
        <v>0</v>
      </c>
      <c r="AO1002" s="53">
        <v>0</v>
      </c>
      <c r="AP1002" s="53">
        <v>0</v>
      </c>
      <c r="AQ1002" s="53">
        <v>0</v>
      </c>
      <c r="AR1002" s="53">
        <v>0</v>
      </c>
      <c r="AS1002" s="53">
        <v>0</v>
      </c>
      <c r="AT1002" s="53">
        <v>0</v>
      </c>
      <c r="AU1002" s="53">
        <v>0</v>
      </c>
      <c r="AV1002" s="53">
        <v>0</v>
      </c>
      <c r="AW1002" s="53">
        <v>0</v>
      </c>
      <c r="AX1002" s="53">
        <v>0</v>
      </c>
      <c r="AY1002" s="53">
        <v>0</v>
      </c>
      <c r="AZ1002" s="53">
        <v>0</v>
      </c>
      <c r="BA1002" s="53">
        <v>0</v>
      </c>
    </row>
    <row r="1003" spans="1:53">
      <c r="A1003" s="52" t="s">
        <v>3506</v>
      </c>
      <c r="B1003" s="53">
        <v>0</v>
      </c>
      <c r="C1003" s="53">
        <v>0</v>
      </c>
      <c r="D1003" s="53">
        <v>0</v>
      </c>
      <c r="E1003" s="53">
        <v>0</v>
      </c>
      <c r="F1003" s="53">
        <v>0</v>
      </c>
      <c r="G1003" s="53">
        <v>0</v>
      </c>
      <c r="H1003" s="53">
        <v>0</v>
      </c>
      <c r="I1003" s="53">
        <v>0</v>
      </c>
      <c r="J1003" s="53">
        <v>0</v>
      </c>
      <c r="K1003" s="53">
        <v>0</v>
      </c>
      <c r="L1003" s="53">
        <v>0</v>
      </c>
      <c r="M1003" s="53">
        <v>0</v>
      </c>
      <c r="N1003" s="53">
        <v>0</v>
      </c>
      <c r="O1003" s="53">
        <v>0</v>
      </c>
      <c r="P1003" s="53">
        <v>0</v>
      </c>
      <c r="Q1003" s="53">
        <v>0</v>
      </c>
      <c r="R1003" s="53">
        <v>0</v>
      </c>
      <c r="S1003" s="53">
        <v>0</v>
      </c>
      <c r="T1003" s="53">
        <v>0</v>
      </c>
      <c r="U1003" s="53">
        <v>0</v>
      </c>
      <c r="V1003" s="53">
        <v>0</v>
      </c>
      <c r="W1003" s="53">
        <v>0</v>
      </c>
      <c r="X1003" s="53">
        <v>0</v>
      </c>
      <c r="Y1003" s="53">
        <v>0</v>
      </c>
      <c r="Z1003" s="53">
        <v>0</v>
      </c>
      <c r="AA1003" s="53">
        <v>0</v>
      </c>
      <c r="AB1003" s="53">
        <v>0</v>
      </c>
      <c r="AC1003" s="53">
        <v>0</v>
      </c>
      <c r="AD1003" s="53">
        <v>0</v>
      </c>
      <c r="AE1003" s="53">
        <v>0</v>
      </c>
      <c r="AF1003" s="53">
        <v>0</v>
      </c>
      <c r="AG1003" s="53">
        <v>0</v>
      </c>
      <c r="AH1003" s="53">
        <v>0</v>
      </c>
      <c r="AI1003" s="53">
        <v>0</v>
      </c>
      <c r="AJ1003" s="53">
        <v>0</v>
      </c>
      <c r="AK1003" s="53">
        <v>0</v>
      </c>
      <c r="AL1003" s="53">
        <v>0</v>
      </c>
      <c r="AM1003" s="53">
        <v>0</v>
      </c>
      <c r="AN1003" s="53">
        <v>0</v>
      </c>
      <c r="AO1003" s="53">
        <v>0</v>
      </c>
      <c r="AP1003" s="53">
        <v>0</v>
      </c>
      <c r="AQ1003" s="53">
        <v>0</v>
      </c>
      <c r="AR1003" s="53">
        <v>0</v>
      </c>
      <c r="AS1003" s="53">
        <v>0</v>
      </c>
      <c r="AT1003" s="53">
        <v>0</v>
      </c>
      <c r="AU1003" s="53">
        <v>0</v>
      </c>
      <c r="AV1003" s="53">
        <v>0</v>
      </c>
      <c r="AW1003" s="53">
        <v>0</v>
      </c>
      <c r="AX1003" s="53">
        <v>0</v>
      </c>
      <c r="AY1003" s="53">
        <v>0</v>
      </c>
      <c r="AZ1003" s="53">
        <v>0</v>
      </c>
      <c r="BA1003" s="53">
        <v>0</v>
      </c>
    </row>
    <row r="1004" spans="1:53">
      <c r="A1004" s="52" t="s">
        <v>642</v>
      </c>
    </row>
    <row r="1005" spans="1:53">
      <c r="A1005" s="52" t="s">
        <v>1209</v>
      </c>
    </row>
    <row r="1006" spans="1:53">
      <c r="A1006" s="57" t="s">
        <v>3507</v>
      </c>
    </row>
    <row r="1007" spans="1:53">
      <c r="A1007" s="52" t="s">
        <v>3508</v>
      </c>
      <c r="B1007" s="53">
        <v>-18570146.829999998</v>
      </c>
      <c r="C1007" s="53">
        <v>-18570146.829999998</v>
      </c>
      <c r="D1007" s="53">
        <v>-18570146.829999998</v>
      </c>
      <c r="E1007" s="53">
        <v>-18570146.829999998</v>
      </c>
      <c r="F1007" s="53">
        <v>-18570146.829999998</v>
      </c>
      <c r="G1007" s="53">
        <v>-18570146.829999998</v>
      </c>
      <c r="H1007" s="53">
        <v>-18570146.829999998</v>
      </c>
      <c r="I1007" s="53">
        <v>-18570146.829999998</v>
      </c>
      <c r="J1007" s="53">
        <v>-18570146.829999998</v>
      </c>
      <c r="K1007" s="53">
        <v>-18570146.829999998</v>
      </c>
      <c r="L1007" s="53">
        <v>-18570146.829999998</v>
      </c>
      <c r="M1007" s="53">
        <v>-18570146.829999998</v>
      </c>
      <c r="N1007" s="53">
        <v>-18570146.829999998</v>
      </c>
      <c r="O1007" s="53">
        <v>-18570146.829999998</v>
      </c>
      <c r="P1007" s="53">
        <v>-18570146.829999998</v>
      </c>
      <c r="Q1007" s="53">
        <v>-18570146.829999998</v>
      </c>
      <c r="R1007" s="53">
        <v>-18570146.829999998</v>
      </c>
      <c r="S1007" s="53">
        <v>-18570146.829999998</v>
      </c>
      <c r="T1007" s="53">
        <v>-18570146.829999998</v>
      </c>
      <c r="U1007" s="53">
        <v>-18570146.829999998</v>
      </c>
      <c r="V1007" s="53">
        <v>-18570146.829999998</v>
      </c>
      <c r="W1007" s="53">
        <v>-18570146.829999998</v>
      </c>
      <c r="X1007" s="53">
        <v>-18570146.829999998</v>
      </c>
      <c r="Y1007" s="53">
        <v>-18570146.829999998</v>
      </c>
      <c r="Z1007" s="53">
        <v>-18570146.829999998</v>
      </c>
      <c r="AA1007" s="53">
        <v>-18570146.829999998</v>
      </c>
      <c r="AB1007" s="53">
        <v>-18570146.829999998</v>
      </c>
      <c r="AC1007" s="53">
        <v>-18570146.829999998</v>
      </c>
      <c r="AD1007" s="53">
        <v>-18570146.829999998</v>
      </c>
      <c r="AE1007" s="53">
        <v>-18570146.829999998</v>
      </c>
      <c r="AF1007" s="53">
        <v>-18570146.829999998</v>
      </c>
      <c r="AG1007" s="53">
        <v>-18570146.829999998</v>
      </c>
      <c r="AH1007" s="53">
        <v>-18570146.829999998</v>
      </c>
      <c r="AI1007" s="53">
        <v>-18570146.829999998</v>
      </c>
      <c r="AJ1007" s="53">
        <v>-18570146.829999998</v>
      </c>
      <c r="AK1007" s="53">
        <v>-18570146.829999998</v>
      </c>
      <c r="AL1007" s="53">
        <v>-18570146.829999998</v>
      </c>
      <c r="AM1007" s="53">
        <v>-18570146.829999998</v>
      </c>
      <c r="AN1007" s="53">
        <v>-18570146.829999998</v>
      </c>
      <c r="AO1007" s="53">
        <v>-18570146.829999998</v>
      </c>
      <c r="AP1007" s="53">
        <v>-18570146.829999998</v>
      </c>
      <c r="AQ1007" s="53">
        <v>-18570146.829999998</v>
      </c>
      <c r="AR1007" s="53">
        <v>-18570146.829999998</v>
      </c>
      <c r="AS1007" s="53">
        <v>-18570146.829999998</v>
      </c>
      <c r="AT1007" s="53">
        <v>-18570146.829999998</v>
      </c>
      <c r="AU1007" s="53">
        <v>-18570146.829999998</v>
      </c>
      <c r="AV1007" s="53">
        <v>-18570146.829999998</v>
      </c>
      <c r="AW1007" s="53">
        <v>-18570146.829999998</v>
      </c>
      <c r="AX1007" s="53">
        <v>-18570146.829999998</v>
      </c>
      <c r="AY1007" s="53">
        <v>-18570146.829999998</v>
      </c>
      <c r="AZ1007" s="53">
        <v>-18570146.829999998</v>
      </c>
      <c r="BA1007" s="53">
        <v>-18570146.829999998</v>
      </c>
    </row>
    <row r="1008" spans="1:53">
      <c r="A1008" s="52" t="s">
        <v>3509</v>
      </c>
      <c r="B1008" s="53">
        <v>0</v>
      </c>
      <c r="C1008" s="53">
        <v>0</v>
      </c>
      <c r="D1008" s="53">
        <v>0</v>
      </c>
      <c r="E1008" s="53">
        <v>0</v>
      </c>
      <c r="F1008" s="53">
        <v>0</v>
      </c>
      <c r="G1008" s="53">
        <v>0</v>
      </c>
      <c r="H1008" s="53">
        <v>0</v>
      </c>
      <c r="I1008" s="53">
        <v>0</v>
      </c>
      <c r="J1008" s="53">
        <v>0</v>
      </c>
      <c r="K1008" s="53">
        <v>0</v>
      </c>
      <c r="L1008" s="53">
        <v>0</v>
      </c>
      <c r="M1008" s="53">
        <v>0</v>
      </c>
      <c r="N1008" s="53">
        <v>0</v>
      </c>
      <c r="O1008" s="53">
        <v>0</v>
      </c>
      <c r="P1008" s="53">
        <v>0</v>
      </c>
      <c r="Q1008" s="53">
        <v>0</v>
      </c>
      <c r="R1008" s="53">
        <v>0</v>
      </c>
      <c r="S1008" s="53">
        <v>0</v>
      </c>
      <c r="T1008" s="53">
        <v>0</v>
      </c>
      <c r="U1008" s="53">
        <v>0</v>
      </c>
      <c r="V1008" s="53">
        <v>0</v>
      </c>
      <c r="W1008" s="53">
        <v>0</v>
      </c>
      <c r="X1008" s="53">
        <v>0</v>
      </c>
      <c r="Y1008" s="53">
        <v>0</v>
      </c>
      <c r="Z1008" s="53">
        <v>0</v>
      </c>
      <c r="AA1008" s="53">
        <v>0</v>
      </c>
      <c r="AB1008" s="53">
        <v>0</v>
      </c>
      <c r="AC1008" s="53">
        <v>0</v>
      </c>
      <c r="AD1008" s="53">
        <v>0</v>
      </c>
      <c r="AE1008" s="53">
        <v>0</v>
      </c>
      <c r="AF1008" s="53">
        <v>0</v>
      </c>
      <c r="AG1008" s="53">
        <v>0</v>
      </c>
      <c r="AH1008" s="53">
        <v>0</v>
      </c>
      <c r="AI1008" s="53">
        <v>0</v>
      </c>
      <c r="AJ1008" s="53">
        <v>0</v>
      </c>
      <c r="AK1008" s="53">
        <v>0</v>
      </c>
      <c r="AL1008" s="53">
        <v>0</v>
      </c>
      <c r="AM1008" s="53">
        <v>0</v>
      </c>
      <c r="AN1008" s="53">
        <v>0</v>
      </c>
      <c r="AO1008" s="53">
        <v>0</v>
      </c>
      <c r="AP1008" s="53">
        <v>0</v>
      </c>
      <c r="AQ1008" s="53">
        <v>0</v>
      </c>
      <c r="AR1008" s="53">
        <v>0</v>
      </c>
      <c r="AS1008" s="53">
        <v>0</v>
      </c>
      <c r="AT1008" s="53">
        <v>0</v>
      </c>
      <c r="AU1008" s="53">
        <v>0</v>
      </c>
      <c r="AV1008" s="53">
        <v>0</v>
      </c>
      <c r="AW1008" s="53">
        <v>0</v>
      </c>
      <c r="AX1008" s="53">
        <v>0</v>
      </c>
      <c r="AY1008" s="53">
        <v>0</v>
      </c>
      <c r="AZ1008" s="53">
        <v>0</v>
      </c>
      <c r="BA1008" s="53">
        <v>0</v>
      </c>
    </row>
    <row r="1009" spans="1:53">
      <c r="A1009" s="58" t="s">
        <v>3510</v>
      </c>
      <c r="B1009" s="134">
        <v>-18570146.829999998</v>
      </c>
      <c r="C1009" s="134">
        <v>-18570146.829999998</v>
      </c>
      <c r="D1009" s="134">
        <v>-18570146.829999998</v>
      </c>
      <c r="E1009" s="134">
        <v>-18570146.829999998</v>
      </c>
      <c r="F1009" s="134">
        <v>-18570146.829999998</v>
      </c>
      <c r="G1009" s="134">
        <v>-18570146.829999998</v>
      </c>
      <c r="H1009" s="134">
        <v>-18570146.829999998</v>
      </c>
      <c r="I1009" s="134">
        <v>-18570146.829999998</v>
      </c>
      <c r="J1009" s="134">
        <v>-18570146.829999998</v>
      </c>
      <c r="K1009" s="134">
        <v>-18570146.829999998</v>
      </c>
      <c r="L1009" s="134">
        <v>-18570146.829999998</v>
      </c>
      <c r="M1009" s="134">
        <v>-18570146.829999998</v>
      </c>
      <c r="N1009" s="134">
        <v>-18570146.829999998</v>
      </c>
      <c r="O1009" s="134">
        <v>-18570146.829999998</v>
      </c>
      <c r="P1009" s="134">
        <v>-18570146.829999998</v>
      </c>
      <c r="Q1009" s="134">
        <v>-18570146.829999998</v>
      </c>
      <c r="R1009" s="134">
        <v>-18570146.829999998</v>
      </c>
      <c r="S1009" s="134">
        <v>-18570146.829999998</v>
      </c>
      <c r="T1009" s="134">
        <v>-18570146.829999998</v>
      </c>
      <c r="U1009" s="134">
        <v>-18570146.829999998</v>
      </c>
      <c r="V1009" s="134">
        <v>-18570146.829999998</v>
      </c>
      <c r="W1009" s="134">
        <v>-18570146.829999998</v>
      </c>
      <c r="X1009" s="134">
        <v>-18570146.829999998</v>
      </c>
      <c r="Y1009" s="134">
        <v>-18570146.829999998</v>
      </c>
      <c r="Z1009" s="134">
        <v>-18570146.829999998</v>
      </c>
      <c r="AA1009" s="134">
        <v>-18570146.829999998</v>
      </c>
      <c r="AB1009" s="134">
        <v>-18570146.829999998</v>
      </c>
      <c r="AC1009" s="134">
        <v>-18570146.829999998</v>
      </c>
      <c r="AD1009" s="134">
        <v>-18570146.829999998</v>
      </c>
      <c r="AE1009" s="134">
        <v>-18570146.829999998</v>
      </c>
      <c r="AF1009" s="134">
        <v>-18570146.829999998</v>
      </c>
      <c r="AG1009" s="134">
        <v>-18570146.829999998</v>
      </c>
      <c r="AH1009" s="134">
        <v>-18570146.829999998</v>
      </c>
      <c r="AI1009" s="134">
        <v>-18570146.829999998</v>
      </c>
      <c r="AJ1009" s="134">
        <v>-18570146.829999998</v>
      </c>
      <c r="AK1009" s="134">
        <v>-18570146.829999998</v>
      </c>
      <c r="AL1009" s="134">
        <v>-18570146.829999998</v>
      </c>
      <c r="AM1009" s="134">
        <v>-18570146.829999998</v>
      </c>
      <c r="AN1009" s="134">
        <v>-18570146.829999998</v>
      </c>
      <c r="AO1009" s="134">
        <v>-18570146.829999998</v>
      </c>
      <c r="AP1009" s="134">
        <v>-18570146.829999998</v>
      </c>
      <c r="AQ1009" s="134">
        <v>-18570146.829999998</v>
      </c>
      <c r="AR1009" s="134">
        <v>-18570146.829999998</v>
      </c>
      <c r="AS1009" s="134">
        <v>-18570146.829999998</v>
      </c>
      <c r="AT1009" s="134">
        <v>-18570146.829999998</v>
      </c>
      <c r="AU1009" s="134">
        <v>-18570146.829999998</v>
      </c>
      <c r="AV1009" s="134">
        <v>-18570146.829999998</v>
      </c>
      <c r="AW1009" s="134">
        <v>-18570146.829999998</v>
      </c>
      <c r="AX1009" s="134">
        <v>-18570146.829999998</v>
      </c>
      <c r="AY1009" s="134">
        <v>-18570146.829999998</v>
      </c>
      <c r="AZ1009" s="134">
        <v>-18570146.829999998</v>
      </c>
      <c r="BA1009" s="134">
        <v>-18570146.829999998</v>
      </c>
    </row>
    <row r="1010" spans="1:53">
      <c r="A1010" s="52" t="s">
        <v>3511</v>
      </c>
    </row>
    <row r="1011" spans="1:53">
      <c r="A1011" s="57" t="s">
        <v>3512</v>
      </c>
    </row>
    <row r="1012" spans="1:53">
      <c r="A1012" s="52" t="s">
        <v>3513</v>
      </c>
      <c r="B1012" s="53">
        <v>-22059362.430509999</v>
      </c>
      <c r="C1012" s="53">
        <v>-22113268.22978</v>
      </c>
      <c r="D1012" s="53">
        <v>-22167174.02905</v>
      </c>
      <c r="E1012" s="53">
        <v>-22221079.8283199</v>
      </c>
      <c r="F1012" s="53">
        <v>-16574985.6275899</v>
      </c>
      <c r="G1012" s="53">
        <v>-16574985.6275899</v>
      </c>
      <c r="H1012" s="53">
        <v>-16574985.6275899</v>
      </c>
      <c r="I1012" s="53">
        <v>-16574985.6275899</v>
      </c>
      <c r="J1012" s="53">
        <v>-16574985.6275899</v>
      </c>
      <c r="K1012" s="53">
        <v>-16574985.6275899</v>
      </c>
      <c r="L1012" s="53">
        <v>-16574985.6275899</v>
      </c>
      <c r="M1012" s="53">
        <v>-16574985.6275899</v>
      </c>
      <c r="N1012" s="53">
        <v>-16574985.6275899</v>
      </c>
      <c r="O1012" s="53">
        <v>-16574985.6275899</v>
      </c>
      <c r="P1012" s="53">
        <v>-16574985.6275899</v>
      </c>
      <c r="Q1012" s="53">
        <v>-16574985.6275899</v>
      </c>
      <c r="R1012" s="53">
        <v>-16574985.6275899</v>
      </c>
      <c r="S1012" s="53">
        <v>-16574985.6275899</v>
      </c>
      <c r="T1012" s="53">
        <v>-16574985.6275899</v>
      </c>
      <c r="U1012" s="53">
        <v>-16574985.6275899</v>
      </c>
      <c r="V1012" s="53">
        <v>-16574985.6275899</v>
      </c>
      <c r="W1012" s="53">
        <v>-16574985.6275899</v>
      </c>
      <c r="X1012" s="53">
        <v>-16574985.6275899</v>
      </c>
      <c r="Y1012" s="53">
        <v>-16574985.6275899</v>
      </c>
      <c r="Z1012" s="53">
        <v>-16574985.6275899</v>
      </c>
      <c r="AA1012" s="53">
        <v>-16574985.6275899</v>
      </c>
      <c r="AB1012" s="53">
        <v>-16574985.6275899</v>
      </c>
      <c r="AC1012" s="53">
        <v>-16574985.6275899</v>
      </c>
      <c r="AD1012" s="53">
        <v>-16574985.6275899</v>
      </c>
      <c r="AE1012" s="53">
        <v>-16574985.6275899</v>
      </c>
      <c r="AF1012" s="53">
        <v>-16574985.6275899</v>
      </c>
      <c r="AG1012" s="53">
        <v>-16574985.6275899</v>
      </c>
      <c r="AH1012" s="53">
        <v>-16574985.6275899</v>
      </c>
      <c r="AI1012" s="53">
        <v>-16574985.6275899</v>
      </c>
      <c r="AJ1012" s="53">
        <v>-16574985.6275899</v>
      </c>
      <c r="AK1012" s="53">
        <v>-16574985.6275899</v>
      </c>
      <c r="AL1012" s="53">
        <v>-16574985.6275899</v>
      </c>
      <c r="AM1012" s="53">
        <v>-16574985.6275899</v>
      </c>
      <c r="AN1012" s="53">
        <v>-16574985.6275899</v>
      </c>
      <c r="AO1012" s="53">
        <v>-16574985.6275899</v>
      </c>
      <c r="AP1012" s="53">
        <v>-16574985.6275899</v>
      </c>
      <c r="AQ1012" s="53">
        <v>-16574985.6275899</v>
      </c>
      <c r="AR1012" s="53">
        <v>-16574985.6275899</v>
      </c>
      <c r="AS1012" s="53">
        <v>-16574985.6275899</v>
      </c>
      <c r="AT1012" s="53">
        <v>-16574985.6275899</v>
      </c>
      <c r="AU1012" s="53">
        <v>-16574985.6275899</v>
      </c>
      <c r="AV1012" s="53">
        <v>-16574985.6275899</v>
      </c>
      <c r="AW1012" s="53">
        <v>-16574985.6275899</v>
      </c>
      <c r="AX1012" s="53">
        <v>-16574985.6275899</v>
      </c>
      <c r="AY1012" s="53">
        <v>-16574985.6275899</v>
      </c>
      <c r="AZ1012" s="53">
        <v>-16574985.6275899</v>
      </c>
      <c r="BA1012" s="53">
        <v>-16574985.6275899</v>
      </c>
    </row>
    <row r="1013" spans="1:53">
      <c r="A1013" s="52" t="s">
        <v>3514</v>
      </c>
      <c r="B1013" s="53">
        <v>-26845470.379999999</v>
      </c>
      <c r="C1013" s="53">
        <v>-26845470.379999999</v>
      </c>
      <c r="D1013" s="53">
        <v>-26845470.379999999</v>
      </c>
      <c r="E1013" s="53">
        <v>-26845470.379999999</v>
      </c>
      <c r="F1013" s="53">
        <v>-26845470.379999999</v>
      </c>
      <c r="G1013" s="53">
        <v>-26845470.379999999</v>
      </c>
      <c r="H1013" s="53">
        <v>-26845470.379999999</v>
      </c>
      <c r="I1013" s="53">
        <v>-26845470.379999999</v>
      </c>
      <c r="J1013" s="53">
        <v>-26845470.379999999</v>
      </c>
      <c r="K1013" s="53">
        <v>-26845470.379999999</v>
      </c>
      <c r="L1013" s="53">
        <v>-26845470.379999999</v>
      </c>
      <c r="M1013" s="53">
        <v>-26845470.379999999</v>
      </c>
      <c r="N1013" s="53">
        <v>-26845470.379999999</v>
      </c>
      <c r="O1013" s="53">
        <v>-26845470.379999999</v>
      </c>
      <c r="P1013" s="53">
        <v>-26845470.379999999</v>
      </c>
      <c r="Q1013" s="53">
        <v>-26845470.379999999</v>
      </c>
      <c r="R1013" s="53">
        <v>-26845470.379999999</v>
      </c>
      <c r="S1013" s="53">
        <v>-26845470.379999999</v>
      </c>
      <c r="T1013" s="53">
        <v>-26845470.379999999</v>
      </c>
      <c r="U1013" s="53">
        <v>-26845470.379999999</v>
      </c>
      <c r="V1013" s="53">
        <v>-26845470.379999999</v>
      </c>
      <c r="W1013" s="53">
        <v>-26845470.379999999</v>
      </c>
      <c r="X1013" s="53">
        <v>-26845470.379999999</v>
      </c>
      <c r="Y1013" s="53">
        <v>-26845470.379999999</v>
      </c>
      <c r="Z1013" s="53">
        <v>-26845470.379999999</v>
      </c>
      <c r="AA1013" s="53">
        <v>-26845470.379999999</v>
      </c>
      <c r="AB1013" s="53">
        <v>-26845470.379999999</v>
      </c>
      <c r="AC1013" s="53">
        <v>-26845470.379999999</v>
      </c>
      <c r="AD1013" s="53">
        <v>-26845470.379999999</v>
      </c>
      <c r="AE1013" s="53">
        <v>-26845470.379999999</v>
      </c>
      <c r="AF1013" s="53">
        <v>-26845470.379999999</v>
      </c>
      <c r="AG1013" s="53">
        <v>-26845470.379999999</v>
      </c>
      <c r="AH1013" s="53">
        <v>-26845470.379999999</v>
      </c>
      <c r="AI1013" s="53">
        <v>-26845470.379999999</v>
      </c>
      <c r="AJ1013" s="53">
        <v>-26845470.379999999</v>
      </c>
      <c r="AK1013" s="53">
        <v>-26845470.379999999</v>
      </c>
      <c r="AL1013" s="53">
        <v>-26845470.379999999</v>
      </c>
      <c r="AM1013" s="53">
        <v>-26845470.379999999</v>
      </c>
      <c r="AN1013" s="53">
        <v>-26845470.379999999</v>
      </c>
      <c r="AO1013" s="53">
        <v>-26845470.379999999</v>
      </c>
      <c r="AP1013" s="53">
        <v>-26845470.379999999</v>
      </c>
      <c r="AQ1013" s="53">
        <v>-26845470.379999999</v>
      </c>
      <c r="AR1013" s="53">
        <v>-26845470.379999999</v>
      </c>
      <c r="AS1013" s="53">
        <v>-26845470.379999999</v>
      </c>
      <c r="AT1013" s="53">
        <v>-26845470.379999999</v>
      </c>
      <c r="AU1013" s="53">
        <v>-26845470.379999999</v>
      </c>
      <c r="AV1013" s="53">
        <v>-26845470.379999999</v>
      </c>
      <c r="AW1013" s="53">
        <v>-26845470.379999999</v>
      </c>
      <c r="AX1013" s="53">
        <v>-26845470.379999999</v>
      </c>
      <c r="AY1013" s="53">
        <v>-26845470.379999999</v>
      </c>
      <c r="AZ1013" s="53">
        <v>-26845470.379999999</v>
      </c>
      <c r="BA1013" s="53">
        <v>-26845470.379999999</v>
      </c>
    </row>
    <row r="1014" spans="1:53">
      <c r="A1014" s="52" t="s">
        <v>3515</v>
      </c>
      <c r="B1014" s="53">
        <v>0</v>
      </c>
      <c r="C1014" s="53">
        <v>0</v>
      </c>
      <c r="D1014" s="53">
        <v>0</v>
      </c>
      <c r="E1014" s="53">
        <v>0</v>
      </c>
      <c r="F1014" s="53">
        <v>0</v>
      </c>
      <c r="G1014" s="53">
        <v>0</v>
      </c>
      <c r="H1014" s="53">
        <v>0</v>
      </c>
      <c r="I1014" s="53">
        <v>0</v>
      </c>
      <c r="J1014" s="53">
        <v>0</v>
      </c>
      <c r="K1014" s="53">
        <v>0</v>
      </c>
      <c r="L1014" s="53">
        <v>0</v>
      </c>
      <c r="M1014" s="53">
        <v>0</v>
      </c>
      <c r="N1014" s="53">
        <v>0</v>
      </c>
      <c r="O1014" s="53">
        <v>0</v>
      </c>
      <c r="P1014" s="53">
        <v>0</v>
      </c>
      <c r="Q1014" s="53">
        <v>0</v>
      </c>
      <c r="R1014" s="53">
        <v>0</v>
      </c>
      <c r="S1014" s="53">
        <v>0</v>
      </c>
      <c r="T1014" s="53">
        <v>0</v>
      </c>
      <c r="U1014" s="53">
        <v>0</v>
      </c>
      <c r="V1014" s="53">
        <v>0</v>
      </c>
      <c r="W1014" s="53">
        <v>0</v>
      </c>
      <c r="X1014" s="53">
        <v>0</v>
      </c>
      <c r="Y1014" s="53">
        <v>0</v>
      </c>
      <c r="Z1014" s="53">
        <v>0</v>
      </c>
      <c r="AA1014" s="53">
        <v>0</v>
      </c>
      <c r="AB1014" s="53">
        <v>0</v>
      </c>
      <c r="AC1014" s="53">
        <v>0</v>
      </c>
      <c r="AD1014" s="53">
        <v>0</v>
      </c>
      <c r="AE1014" s="53">
        <v>0</v>
      </c>
      <c r="AF1014" s="53">
        <v>0</v>
      </c>
      <c r="AG1014" s="53">
        <v>0</v>
      </c>
      <c r="AH1014" s="53">
        <v>0</v>
      </c>
      <c r="AI1014" s="53">
        <v>0</v>
      </c>
      <c r="AJ1014" s="53">
        <v>0</v>
      </c>
      <c r="AK1014" s="53">
        <v>0</v>
      </c>
      <c r="AL1014" s="53">
        <v>0</v>
      </c>
      <c r="AM1014" s="53">
        <v>0</v>
      </c>
      <c r="AN1014" s="53">
        <v>0</v>
      </c>
      <c r="AO1014" s="53">
        <v>0</v>
      </c>
      <c r="AP1014" s="53">
        <v>0</v>
      </c>
      <c r="AQ1014" s="53">
        <v>0</v>
      </c>
      <c r="AR1014" s="53">
        <v>0</v>
      </c>
      <c r="AS1014" s="53">
        <v>0</v>
      </c>
      <c r="AT1014" s="53">
        <v>0</v>
      </c>
      <c r="AU1014" s="53">
        <v>0</v>
      </c>
      <c r="AV1014" s="53">
        <v>0</v>
      </c>
      <c r="AW1014" s="53">
        <v>0</v>
      </c>
      <c r="AX1014" s="53">
        <v>0</v>
      </c>
      <c r="AY1014" s="53">
        <v>0</v>
      </c>
      <c r="AZ1014" s="53">
        <v>0</v>
      </c>
      <c r="BA1014" s="53">
        <v>0</v>
      </c>
    </row>
    <row r="1015" spans="1:53">
      <c r="A1015" s="52" t="s">
        <v>3516</v>
      </c>
      <c r="B1015" s="53">
        <v>-301317.83</v>
      </c>
      <c r="C1015" s="53">
        <v>-301317.83</v>
      </c>
      <c r="D1015" s="53">
        <v>-301317.83</v>
      </c>
      <c r="E1015" s="53">
        <v>-301317.83</v>
      </c>
      <c r="F1015" s="53">
        <v>-301317.83</v>
      </c>
      <c r="G1015" s="53">
        <v>-301317.83</v>
      </c>
      <c r="H1015" s="53">
        <v>-301317.83</v>
      </c>
      <c r="I1015" s="53">
        <v>-301317.83</v>
      </c>
      <c r="J1015" s="53">
        <v>-301317.83</v>
      </c>
      <c r="K1015" s="53">
        <v>-301317.83</v>
      </c>
      <c r="L1015" s="53">
        <v>-301317.83</v>
      </c>
      <c r="M1015" s="53">
        <v>-301317.83</v>
      </c>
      <c r="N1015" s="53">
        <v>-301317.83</v>
      </c>
      <c r="O1015" s="53">
        <v>-301317.83</v>
      </c>
      <c r="P1015" s="53">
        <v>-301317.83</v>
      </c>
      <c r="Q1015" s="53">
        <v>-301317.83</v>
      </c>
      <c r="R1015" s="53">
        <v>-301317.83</v>
      </c>
      <c r="S1015" s="53">
        <v>-301317.83</v>
      </c>
      <c r="T1015" s="53">
        <v>-301317.83</v>
      </c>
      <c r="U1015" s="53">
        <v>-301317.83</v>
      </c>
      <c r="V1015" s="53">
        <v>-301317.83</v>
      </c>
      <c r="W1015" s="53">
        <v>-301317.83</v>
      </c>
      <c r="X1015" s="53">
        <v>-301317.83</v>
      </c>
      <c r="Y1015" s="53">
        <v>-301317.83</v>
      </c>
      <c r="Z1015" s="53">
        <v>-301317.83</v>
      </c>
      <c r="AA1015" s="53">
        <v>-301317.83</v>
      </c>
      <c r="AB1015" s="53">
        <v>-301317.83</v>
      </c>
      <c r="AC1015" s="53">
        <v>-301317.83</v>
      </c>
      <c r="AD1015" s="53">
        <v>-301317.83</v>
      </c>
      <c r="AE1015" s="53">
        <v>-301317.83</v>
      </c>
      <c r="AF1015" s="53">
        <v>-301317.83</v>
      </c>
      <c r="AG1015" s="53">
        <v>-301317.83</v>
      </c>
      <c r="AH1015" s="53">
        <v>-301317.83</v>
      </c>
      <c r="AI1015" s="53">
        <v>-301317.83</v>
      </c>
      <c r="AJ1015" s="53">
        <v>-301317.83</v>
      </c>
      <c r="AK1015" s="53">
        <v>-301317.83</v>
      </c>
      <c r="AL1015" s="53">
        <v>-301317.83</v>
      </c>
      <c r="AM1015" s="53">
        <v>-301317.83</v>
      </c>
      <c r="AN1015" s="53">
        <v>-301317.83</v>
      </c>
      <c r="AO1015" s="53">
        <v>-301317.83</v>
      </c>
      <c r="AP1015" s="53">
        <v>-301317.83</v>
      </c>
      <c r="AQ1015" s="53">
        <v>-301317.83</v>
      </c>
      <c r="AR1015" s="53">
        <v>-301317.83</v>
      </c>
      <c r="AS1015" s="53">
        <v>-301317.83</v>
      </c>
      <c r="AT1015" s="53">
        <v>-301317.83</v>
      </c>
      <c r="AU1015" s="53">
        <v>-301317.83</v>
      </c>
      <c r="AV1015" s="53">
        <v>-301317.83</v>
      </c>
      <c r="AW1015" s="53">
        <v>-301317.83</v>
      </c>
      <c r="AX1015" s="53">
        <v>-301317.83</v>
      </c>
      <c r="AY1015" s="53">
        <v>-301317.83</v>
      </c>
      <c r="AZ1015" s="53">
        <v>-301317.83</v>
      </c>
      <c r="BA1015" s="53">
        <v>-301317.83</v>
      </c>
    </row>
    <row r="1016" spans="1:53">
      <c r="A1016" s="58" t="s">
        <v>3517</v>
      </c>
      <c r="B1016" s="134">
        <v>-49206150.640509903</v>
      </c>
      <c r="C1016" s="134">
        <v>-49260056.439779997</v>
      </c>
      <c r="D1016" s="134">
        <v>-49313962.239050001</v>
      </c>
      <c r="E1016" s="134">
        <v>-49367868.038319997</v>
      </c>
      <c r="F1016" s="134">
        <v>-43721773.837589897</v>
      </c>
      <c r="G1016" s="134">
        <v>-43721773.837589897</v>
      </c>
      <c r="H1016" s="134">
        <v>-43721773.837589897</v>
      </c>
      <c r="I1016" s="134">
        <v>-43721773.837589897</v>
      </c>
      <c r="J1016" s="134">
        <v>-43721773.837589897</v>
      </c>
      <c r="K1016" s="134">
        <v>-43721773.837589897</v>
      </c>
      <c r="L1016" s="134">
        <v>-43721773.837589897</v>
      </c>
      <c r="M1016" s="134">
        <v>-43721773.837589897</v>
      </c>
      <c r="N1016" s="134">
        <v>-43721773.837589897</v>
      </c>
      <c r="O1016" s="134">
        <v>-43721773.837589897</v>
      </c>
      <c r="P1016" s="134">
        <v>-43721773.837589897</v>
      </c>
      <c r="Q1016" s="134">
        <v>-43721773.837589897</v>
      </c>
      <c r="R1016" s="134">
        <v>-43721773.837589897</v>
      </c>
      <c r="S1016" s="134">
        <v>-43721773.837589897</v>
      </c>
      <c r="T1016" s="134">
        <v>-43721773.837589897</v>
      </c>
      <c r="U1016" s="134">
        <v>-43721773.837589897</v>
      </c>
      <c r="V1016" s="134">
        <v>-43721773.837589897</v>
      </c>
      <c r="W1016" s="134">
        <v>-43721773.837589897</v>
      </c>
      <c r="X1016" s="134">
        <v>-43721773.837589897</v>
      </c>
      <c r="Y1016" s="134">
        <v>-43721773.837589897</v>
      </c>
      <c r="Z1016" s="134">
        <v>-43721773.837589897</v>
      </c>
      <c r="AA1016" s="134">
        <v>-43721773.837589897</v>
      </c>
      <c r="AB1016" s="134">
        <v>-43721773.837589897</v>
      </c>
      <c r="AC1016" s="134">
        <v>-43721773.837589897</v>
      </c>
      <c r="AD1016" s="134">
        <v>-43721773.837589897</v>
      </c>
      <c r="AE1016" s="134">
        <v>-43721773.837589897</v>
      </c>
      <c r="AF1016" s="134">
        <v>-43721773.837589897</v>
      </c>
      <c r="AG1016" s="134">
        <v>-43721773.837589897</v>
      </c>
      <c r="AH1016" s="134">
        <v>-43721773.837589897</v>
      </c>
      <c r="AI1016" s="134">
        <v>-43721773.837589897</v>
      </c>
      <c r="AJ1016" s="134">
        <v>-43721773.837589897</v>
      </c>
      <c r="AK1016" s="134">
        <v>-43721773.837589897</v>
      </c>
      <c r="AL1016" s="134">
        <v>-43721773.837589897</v>
      </c>
      <c r="AM1016" s="134">
        <v>-43721773.837589897</v>
      </c>
      <c r="AN1016" s="134">
        <v>-43721773.837589897</v>
      </c>
      <c r="AO1016" s="134">
        <v>-43721773.837589897</v>
      </c>
      <c r="AP1016" s="134">
        <v>-43721773.837589897</v>
      </c>
      <c r="AQ1016" s="134">
        <v>-43721773.837589897</v>
      </c>
      <c r="AR1016" s="134">
        <v>-43721773.837589897</v>
      </c>
      <c r="AS1016" s="134">
        <v>-43721773.837589897</v>
      </c>
      <c r="AT1016" s="134">
        <v>-43721773.837589897</v>
      </c>
      <c r="AU1016" s="134">
        <v>-43721773.837589897</v>
      </c>
      <c r="AV1016" s="134">
        <v>-43721773.837589897</v>
      </c>
      <c r="AW1016" s="134">
        <v>-43721773.837589897</v>
      </c>
      <c r="AX1016" s="134">
        <v>-43721773.837589897</v>
      </c>
      <c r="AY1016" s="134">
        <v>-43721773.837589897</v>
      </c>
      <c r="AZ1016" s="134">
        <v>-43721773.837589897</v>
      </c>
      <c r="BA1016" s="134">
        <v>-43721773.837589897</v>
      </c>
    </row>
    <row r="1017" spans="1:53">
      <c r="A1017" s="52" t="s">
        <v>3518</v>
      </c>
    </row>
    <row r="1018" spans="1:53">
      <c r="A1018" s="57" t="s">
        <v>3519</v>
      </c>
    </row>
    <row r="1019" spans="1:53">
      <c r="A1019" s="52" t="s">
        <v>3520</v>
      </c>
      <c r="B1019" s="53">
        <v>-0.08</v>
      </c>
      <c r="C1019" s="53">
        <v>-0.08</v>
      </c>
      <c r="D1019" s="53">
        <v>-0.08</v>
      </c>
      <c r="E1019" s="53">
        <v>-0.08</v>
      </c>
      <c r="F1019" s="53">
        <v>-0.08</v>
      </c>
      <c r="G1019" s="53">
        <v>-0.08</v>
      </c>
      <c r="H1019" s="53">
        <v>-0.08</v>
      </c>
      <c r="I1019" s="53">
        <v>-0.08</v>
      </c>
      <c r="J1019" s="53">
        <v>-0.08</v>
      </c>
      <c r="K1019" s="53">
        <v>-0.08</v>
      </c>
      <c r="L1019" s="53">
        <v>-0.08</v>
      </c>
      <c r="M1019" s="53">
        <v>-0.08</v>
      </c>
      <c r="N1019" s="53">
        <v>-0.08</v>
      </c>
      <c r="O1019" s="53">
        <v>-0.08</v>
      </c>
      <c r="P1019" s="53">
        <v>-0.08</v>
      </c>
      <c r="Q1019" s="53">
        <v>-0.08</v>
      </c>
      <c r="R1019" s="53">
        <v>-0.08</v>
      </c>
      <c r="S1019" s="53">
        <v>-0.08</v>
      </c>
      <c r="T1019" s="53">
        <v>-0.08</v>
      </c>
      <c r="U1019" s="53">
        <v>-0.08</v>
      </c>
      <c r="V1019" s="53">
        <v>-0.08</v>
      </c>
      <c r="W1019" s="53">
        <v>-0.08</v>
      </c>
      <c r="X1019" s="53">
        <v>-0.08</v>
      </c>
      <c r="Y1019" s="53">
        <v>-0.08</v>
      </c>
      <c r="Z1019" s="53">
        <v>-0.08</v>
      </c>
      <c r="AA1019" s="53">
        <v>-0.08</v>
      </c>
      <c r="AB1019" s="53">
        <v>-0.08</v>
      </c>
      <c r="AC1019" s="53">
        <v>-0.08</v>
      </c>
      <c r="AD1019" s="53">
        <v>-0.08</v>
      </c>
      <c r="AE1019" s="53">
        <v>-0.08</v>
      </c>
      <c r="AF1019" s="53">
        <v>-0.08</v>
      </c>
      <c r="AG1019" s="53">
        <v>-0.08</v>
      </c>
      <c r="AH1019" s="53">
        <v>-0.08</v>
      </c>
      <c r="AI1019" s="53">
        <v>-0.08</v>
      </c>
      <c r="AJ1019" s="53">
        <v>-0.08</v>
      </c>
      <c r="AK1019" s="53">
        <v>-0.08</v>
      </c>
      <c r="AL1019" s="53">
        <v>-0.08</v>
      </c>
      <c r="AM1019" s="53">
        <v>-0.08</v>
      </c>
      <c r="AN1019" s="53">
        <v>-0.08</v>
      </c>
      <c r="AO1019" s="53">
        <v>-0.08</v>
      </c>
      <c r="AP1019" s="53">
        <v>-0.08</v>
      </c>
      <c r="AQ1019" s="53">
        <v>-0.08</v>
      </c>
      <c r="AR1019" s="53">
        <v>-0.08</v>
      </c>
      <c r="AS1019" s="53">
        <v>-0.08</v>
      </c>
      <c r="AT1019" s="53">
        <v>-0.08</v>
      </c>
      <c r="AU1019" s="53">
        <v>-0.08</v>
      </c>
      <c r="AV1019" s="53">
        <v>-0.08</v>
      </c>
      <c r="AW1019" s="53">
        <v>-0.08</v>
      </c>
      <c r="AX1019" s="53">
        <v>-0.08</v>
      </c>
      <c r="AY1019" s="53">
        <v>-0.08</v>
      </c>
      <c r="AZ1019" s="53">
        <v>-0.08</v>
      </c>
      <c r="BA1019" s="53">
        <v>-0.08</v>
      </c>
    </row>
    <row r="1020" spans="1:53">
      <c r="A1020" s="52" t="s">
        <v>3521</v>
      </c>
      <c r="B1020" s="53">
        <v>-10043833.539999999</v>
      </c>
      <c r="C1020" s="53">
        <v>-10043833.539999999</v>
      </c>
      <c r="D1020" s="53">
        <v>-10043833.539999999</v>
      </c>
      <c r="E1020" s="53">
        <v>-10043833.539999999</v>
      </c>
      <c r="F1020" s="53">
        <v>-10043833.539999999</v>
      </c>
      <c r="G1020" s="53">
        <v>-10043833.539999999</v>
      </c>
      <c r="H1020" s="53">
        <v>-10043833.539999999</v>
      </c>
      <c r="I1020" s="53">
        <v>-10043833.539999999</v>
      </c>
      <c r="J1020" s="53">
        <v>-10043833.539999999</v>
      </c>
      <c r="K1020" s="53">
        <v>-10043833.539999999</v>
      </c>
      <c r="L1020" s="53">
        <v>-10043833.539999999</v>
      </c>
      <c r="M1020" s="53">
        <v>-10043833.539999999</v>
      </c>
      <c r="N1020" s="53">
        <v>-10043833.539999999</v>
      </c>
      <c r="O1020" s="53">
        <v>-10043833.539999999</v>
      </c>
      <c r="P1020" s="53">
        <v>-10043833.539999999</v>
      </c>
      <c r="Q1020" s="53">
        <v>-10043833.539999999</v>
      </c>
      <c r="R1020" s="53">
        <v>-10043833.539999999</v>
      </c>
      <c r="S1020" s="53">
        <v>-10043833.539999999</v>
      </c>
      <c r="T1020" s="53">
        <v>-10043833.539999999</v>
      </c>
      <c r="U1020" s="53">
        <v>-10043833.539999999</v>
      </c>
      <c r="V1020" s="53">
        <v>-10043833.539999999</v>
      </c>
      <c r="W1020" s="53">
        <v>-10043833.539999999</v>
      </c>
      <c r="X1020" s="53">
        <v>-10043833.539999999</v>
      </c>
      <c r="Y1020" s="53">
        <v>-10043833.539999999</v>
      </c>
      <c r="Z1020" s="53">
        <v>-10043833.539999999</v>
      </c>
      <c r="AA1020" s="53">
        <v>-10043833.539999999</v>
      </c>
      <c r="AB1020" s="53">
        <v>-10043833.539999999</v>
      </c>
      <c r="AC1020" s="53">
        <v>-10043833.539999999</v>
      </c>
      <c r="AD1020" s="53">
        <v>-10043833.539999999</v>
      </c>
      <c r="AE1020" s="53">
        <v>-10043833.539999999</v>
      </c>
      <c r="AF1020" s="53">
        <v>-10043833.539999999</v>
      </c>
      <c r="AG1020" s="53">
        <v>-10043833.539999999</v>
      </c>
      <c r="AH1020" s="53">
        <v>-10043833.539999999</v>
      </c>
      <c r="AI1020" s="53">
        <v>-10043833.539999999</v>
      </c>
      <c r="AJ1020" s="53">
        <v>-10043833.539999999</v>
      </c>
      <c r="AK1020" s="53">
        <v>-10043833.539999999</v>
      </c>
      <c r="AL1020" s="53">
        <v>-10043833.539999999</v>
      </c>
      <c r="AM1020" s="53">
        <v>-10043833.539999999</v>
      </c>
      <c r="AN1020" s="53">
        <v>-10043833.539999999</v>
      </c>
      <c r="AO1020" s="53">
        <v>-10043833.539999999</v>
      </c>
      <c r="AP1020" s="53">
        <v>-10043833.539999999</v>
      </c>
      <c r="AQ1020" s="53">
        <v>-10043833.539999999</v>
      </c>
      <c r="AR1020" s="53">
        <v>-10043833.539999999</v>
      </c>
      <c r="AS1020" s="53">
        <v>-10043833.539999999</v>
      </c>
      <c r="AT1020" s="53">
        <v>-10043833.539999999</v>
      </c>
      <c r="AU1020" s="53">
        <v>-10043833.539999999</v>
      </c>
      <c r="AV1020" s="53">
        <v>-10043833.539999999</v>
      </c>
      <c r="AW1020" s="53">
        <v>-10043833.539999999</v>
      </c>
      <c r="AX1020" s="53">
        <v>-10043833.539999999</v>
      </c>
      <c r="AY1020" s="53">
        <v>-10043833.539999999</v>
      </c>
      <c r="AZ1020" s="53">
        <v>-10043833.539999999</v>
      </c>
      <c r="BA1020" s="53">
        <v>-10043833.539999999</v>
      </c>
    </row>
    <row r="1021" spans="1:53">
      <c r="A1021" s="52" t="s">
        <v>3522</v>
      </c>
      <c r="B1021" s="53">
        <v>0</v>
      </c>
      <c r="C1021" s="53">
        <v>0</v>
      </c>
      <c r="D1021" s="53">
        <v>0</v>
      </c>
      <c r="E1021" s="53">
        <v>0</v>
      </c>
      <c r="F1021" s="53">
        <v>0</v>
      </c>
      <c r="G1021" s="53">
        <v>0</v>
      </c>
      <c r="H1021" s="53">
        <v>0</v>
      </c>
      <c r="I1021" s="53">
        <v>0</v>
      </c>
      <c r="J1021" s="53">
        <v>0</v>
      </c>
      <c r="K1021" s="53">
        <v>0</v>
      </c>
      <c r="L1021" s="53">
        <v>0</v>
      </c>
      <c r="M1021" s="53">
        <v>0</v>
      </c>
      <c r="N1021" s="53">
        <v>0</v>
      </c>
      <c r="O1021" s="53">
        <v>0</v>
      </c>
      <c r="P1021" s="53">
        <v>0</v>
      </c>
      <c r="Q1021" s="53">
        <v>0</v>
      </c>
      <c r="R1021" s="53">
        <v>0</v>
      </c>
      <c r="S1021" s="53">
        <v>0</v>
      </c>
      <c r="T1021" s="53">
        <v>0</v>
      </c>
      <c r="U1021" s="53">
        <v>0</v>
      </c>
      <c r="V1021" s="53">
        <v>0</v>
      </c>
      <c r="W1021" s="53">
        <v>0</v>
      </c>
      <c r="X1021" s="53">
        <v>0</v>
      </c>
      <c r="Y1021" s="53">
        <v>0</v>
      </c>
      <c r="Z1021" s="53">
        <v>0</v>
      </c>
      <c r="AA1021" s="53">
        <v>0</v>
      </c>
      <c r="AB1021" s="53">
        <v>0</v>
      </c>
      <c r="AC1021" s="53">
        <v>0</v>
      </c>
      <c r="AD1021" s="53">
        <v>0</v>
      </c>
      <c r="AE1021" s="53">
        <v>0</v>
      </c>
      <c r="AF1021" s="53">
        <v>0</v>
      </c>
      <c r="AG1021" s="53">
        <v>0</v>
      </c>
      <c r="AH1021" s="53">
        <v>0</v>
      </c>
      <c r="AI1021" s="53">
        <v>0</v>
      </c>
      <c r="AJ1021" s="53">
        <v>0</v>
      </c>
      <c r="AK1021" s="53">
        <v>0</v>
      </c>
      <c r="AL1021" s="53">
        <v>0</v>
      </c>
      <c r="AM1021" s="53">
        <v>0</v>
      </c>
      <c r="AN1021" s="53">
        <v>0</v>
      </c>
      <c r="AO1021" s="53">
        <v>0</v>
      </c>
      <c r="AP1021" s="53">
        <v>0</v>
      </c>
      <c r="AQ1021" s="53">
        <v>0</v>
      </c>
      <c r="AR1021" s="53">
        <v>0</v>
      </c>
      <c r="AS1021" s="53">
        <v>0</v>
      </c>
      <c r="AT1021" s="53">
        <v>0</v>
      </c>
      <c r="AU1021" s="53">
        <v>0</v>
      </c>
      <c r="AV1021" s="53">
        <v>0</v>
      </c>
      <c r="AW1021" s="53">
        <v>0</v>
      </c>
      <c r="AX1021" s="53">
        <v>0</v>
      </c>
      <c r="AY1021" s="53">
        <v>0</v>
      </c>
      <c r="AZ1021" s="53">
        <v>0</v>
      </c>
      <c r="BA1021" s="53">
        <v>0</v>
      </c>
    </row>
    <row r="1022" spans="1:53">
      <c r="A1022" s="52" t="s">
        <v>3523</v>
      </c>
      <c r="B1022" s="53">
        <v>0</v>
      </c>
      <c r="C1022" s="53">
        <v>0</v>
      </c>
      <c r="D1022" s="53">
        <v>0</v>
      </c>
      <c r="E1022" s="53">
        <v>0</v>
      </c>
      <c r="F1022" s="53">
        <v>0</v>
      </c>
      <c r="G1022" s="53">
        <v>0</v>
      </c>
      <c r="H1022" s="53">
        <v>0</v>
      </c>
      <c r="I1022" s="53">
        <v>0</v>
      </c>
      <c r="J1022" s="53">
        <v>0</v>
      </c>
      <c r="K1022" s="53">
        <v>0</v>
      </c>
      <c r="L1022" s="53">
        <v>0</v>
      </c>
      <c r="M1022" s="53">
        <v>0</v>
      </c>
      <c r="N1022" s="53">
        <v>0</v>
      </c>
      <c r="O1022" s="53">
        <v>0</v>
      </c>
      <c r="P1022" s="53">
        <v>0</v>
      </c>
      <c r="Q1022" s="53">
        <v>0</v>
      </c>
      <c r="R1022" s="53">
        <v>0</v>
      </c>
      <c r="S1022" s="53">
        <v>0</v>
      </c>
      <c r="T1022" s="53">
        <v>0</v>
      </c>
      <c r="U1022" s="53">
        <v>0</v>
      </c>
      <c r="V1022" s="53">
        <v>0</v>
      </c>
      <c r="W1022" s="53">
        <v>0</v>
      </c>
      <c r="X1022" s="53">
        <v>0</v>
      </c>
      <c r="Y1022" s="53">
        <v>0</v>
      </c>
      <c r="Z1022" s="53">
        <v>0</v>
      </c>
      <c r="AA1022" s="53">
        <v>0</v>
      </c>
      <c r="AB1022" s="53">
        <v>0</v>
      </c>
      <c r="AC1022" s="53">
        <v>0</v>
      </c>
      <c r="AD1022" s="53">
        <v>0</v>
      </c>
      <c r="AE1022" s="53">
        <v>0</v>
      </c>
      <c r="AF1022" s="53">
        <v>0</v>
      </c>
      <c r="AG1022" s="53">
        <v>0</v>
      </c>
      <c r="AH1022" s="53">
        <v>0</v>
      </c>
      <c r="AI1022" s="53">
        <v>0</v>
      </c>
      <c r="AJ1022" s="53">
        <v>0</v>
      </c>
      <c r="AK1022" s="53">
        <v>0</v>
      </c>
      <c r="AL1022" s="53">
        <v>0</v>
      </c>
      <c r="AM1022" s="53">
        <v>0</v>
      </c>
      <c r="AN1022" s="53">
        <v>0</v>
      </c>
      <c r="AO1022" s="53">
        <v>0</v>
      </c>
      <c r="AP1022" s="53">
        <v>0</v>
      </c>
      <c r="AQ1022" s="53">
        <v>0</v>
      </c>
      <c r="AR1022" s="53">
        <v>0</v>
      </c>
      <c r="AS1022" s="53">
        <v>0</v>
      </c>
      <c r="AT1022" s="53">
        <v>0</v>
      </c>
      <c r="AU1022" s="53">
        <v>0</v>
      </c>
      <c r="AV1022" s="53">
        <v>0</v>
      </c>
      <c r="AW1022" s="53">
        <v>0</v>
      </c>
      <c r="AX1022" s="53">
        <v>0</v>
      </c>
      <c r="AY1022" s="53">
        <v>0</v>
      </c>
      <c r="AZ1022" s="53">
        <v>0</v>
      </c>
      <c r="BA1022" s="53">
        <v>0</v>
      </c>
    </row>
    <row r="1023" spans="1:53">
      <c r="A1023" s="52" t="s">
        <v>3524</v>
      </c>
      <c r="B1023" s="53">
        <v>0</v>
      </c>
      <c r="C1023" s="53">
        <v>0</v>
      </c>
      <c r="D1023" s="53">
        <v>0</v>
      </c>
      <c r="E1023" s="53">
        <v>0</v>
      </c>
      <c r="F1023" s="53">
        <v>0</v>
      </c>
      <c r="G1023" s="53">
        <v>0</v>
      </c>
      <c r="H1023" s="53">
        <v>0</v>
      </c>
      <c r="I1023" s="53">
        <v>0</v>
      </c>
      <c r="J1023" s="53">
        <v>0</v>
      </c>
      <c r="K1023" s="53">
        <v>0</v>
      </c>
      <c r="L1023" s="53">
        <v>0</v>
      </c>
      <c r="M1023" s="53">
        <v>0</v>
      </c>
      <c r="N1023" s="53">
        <v>0</v>
      </c>
      <c r="O1023" s="53">
        <v>0</v>
      </c>
      <c r="P1023" s="53">
        <v>0</v>
      </c>
      <c r="Q1023" s="53">
        <v>0</v>
      </c>
      <c r="R1023" s="53">
        <v>0</v>
      </c>
      <c r="S1023" s="53">
        <v>0</v>
      </c>
      <c r="T1023" s="53">
        <v>0</v>
      </c>
      <c r="U1023" s="53">
        <v>0</v>
      </c>
      <c r="V1023" s="53">
        <v>0</v>
      </c>
      <c r="W1023" s="53">
        <v>0</v>
      </c>
      <c r="X1023" s="53">
        <v>0</v>
      </c>
      <c r="Y1023" s="53">
        <v>0</v>
      </c>
      <c r="Z1023" s="53">
        <v>0</v>
      </c>
      <c r="AA1023" s="53">
        <v>0</v>
      </c>
      <c r="AB1023" s="53">
        <v>0</v>
      </c>
      <c r="AC1023" s="53">
        <v>0</v>
      </c>
      <c r="AD1023" s="53">
        <v>0</v>
      </c>
      <c r="AE1023" s="53">
        <v>0</v>
      </c>
      <c r="AF1023" s="53">
        <v>0</v>
      </c>
      <c r="AG1023" s="53">
        <v>0</v>
      </c>
      <c r="AH1023" s="53">
        <v>0</v>
      </c>
      <c r="AI1023" s="53">
        <v>0</v>
      </c>
      <c r="AJ1023" s="53">
        <v>0</v>
      </c>
      <c r="AK1023" s="53">
        <v>0</v>
      </c>
      <c r="AL1023" s="53">
        <v>0</v>
      </c>
      <c r="AM1023" s="53">
        <v>0</v>
      </c>
      <c r="AN1023" s="53">
        <v>0</v>
      </c>
      <c r="AO1023" s="53">
        <v>0</v>
      </c>
      <c r="AP1023" s="53">
        <v>0</v>
      </c>
      <c r="AQ1023" s="53">
        <v>0</v>
      </c>
      <c r="AR1023" s="53">
        <v>0</v>
      </c>
      <c r="AS1023" s="53">
        <v>0</v>
      </c>
      <c r="AT1023" s="53">
        <v>0</v>
      </c>
      <c r="AU1023" s="53">
        <v>0</v>
      </c>
      <c r="AV1023" s="53">
        <v>0</v>
      </c>
      <c r="AW1023" s="53">
        <v>0</v>
      </c>
      <c r="AX1023" s="53">
        <v>0</v>
      </c>
      <c r="AY1023" s="53">
        <v>0</v>
      </c>
      <c r="AZ1023" s="53">
        <v>0</v>
      </c>
      <c r="BA1023" s="53">
        <v>0</v>
      </c>
    </row>
    <row r="1024" spans="1:53">
      <c r="A1024" s="52" t="s">
        <v>3525</v>
      </c>
      <c r="B1024" s="53">
        <v>0</v>
      </c>
      <c r="C1024" s="53">
        <v>0</v>
      </c>
      <c r="D1024" s="53">
        <v>0</v>
      </c>
      <c r="E1024" s="53">
        <v>0</v>
      </c>
      <c r="F1024" s="53">
        <v>0</v>
      </c>
      <c r="G1024" s="53">
        <v>0</v>
      </c>
      <c r="H1024" s="53">
        <v>0</v>
      </c>
      <c r="I1024" s="53">
        <v>0</v>
      </c>
      <c r="J1024" s="53">
        <v>0</v>
      </c>
      <c r="K1024" s="53">
        <v>0</v>
      </c>
      <c r="L1024" s="53">
        <v>0</v>
      </c>
      <c r="M1024" s="53">
        <v>0</v>
      </c>
      <c r="N1024" s="53">
        <v>0</v>
      </c>
      <c r="O1024" s="53">
        <v>0</v>
      </c>
      <c r="P1024" s="53">
        <v>0</v>
      </c>
      <c r="Q1024" s="53">
        <v>0</v>
      </c>
      <c r="R1024" s="53">
        <v>0</v>
      </c>
      <c r="S1024" s="53">
        <v>0</v>
      </c>
      <c r="T1024" s="53">
        <v>0</v>
      </c>
      <c r="U1024" s="53">
        <v>0</v>
      </c>
      <c r="V1024" s="53">
        <v>0</v>
      </c>
      <c r="W1024" s="53">
        <v>0</v>
      </c>
      <c r="X1024" s="53">
        <v>0</v>
      </c>
      <c r="Y1024" s="53">
        <v>0</v>
      </c>
      <c r="Z1024" s="53">
        <v>0</v>
      </c>
      <c r="AA1024" s="53">
        <v>0</v>
      </c>
      <c r="AB1024" s="53">
        <v>0</v>
      </c>
      <c r="AC1024" s="53">
        <v>0</v>
      </c>
      <c r="AD1024" s="53">
        <v>0</v>
      </c>
      <c r="AE1024" s="53">
        <v>0</v>
      </c>
      <c r="AF1024" s="53">
        <v>0</v>
      </c>
      <c r="AG1024" s="53">
        <v>0</v>
      </c>
      <c r="AH1024" s="53">
        <v>0</v>
      </c>
      <c r="AI1024" s="53">
        <v>0</v>
      </c>
      <c r="AJ1024" s="53">
        <v>0</v>
      </c>
      <c r="AK1024" s="53">
        <v>0</v>
      </c>
      <c r="AL1024" s="53">
        <v>0</v>
      </c>
      <c r="AM1024" s="53">
        <v>0</v>
      </c>
      <c r="AN1024" s="53">
        <v>0</v>
      </c>
      <c r="AO1024" s="53">
        <v>0</v>
      </c>
      <c r="AP1024" s="53">
        <v>0</v>
      </c>
      <c r="AQ1024" s="53">
        <v>0</v>
      </c>
      <c r="AR1024" s="53">
        <v>0</v>
      </c>
      <c r="AS1024" s="53">
        <v>0</v>
      </c>
      <c r="AT1024" s="53">
        <v>0</v>
      </c>
      <c r="AU1024" s="53">
        <v>0</v>
      </c>
      <c r="AV1024" s="53">
        <v>0</v>
      </c>
      <c r="AW1024" s="53">
        <v>0</v>
      </c>
      <c r="AX1024" s="53">
        <v>0</v>
      </c>
      <c r="AY1024" s="53">
        <v>0</v>
      </c>
      <c r="AZ1024" s="53">
        <v>0</v>
      </c>
      <c r="BA1024" s="53">
        <v>0</v>
      </c>
    </row>
    <row r="1025" spans="1:53">
      <c r="A1025" s="52" t="s">
        <v>3526</v>
      </c>
      <c r="B1025" s="53">
        <v>0</v>
      </c>
      <c r="C1025" s="53">
        <v>0</v>
      </c>
      <c r="D1025" s="53">
        <v>0</v>
      </c>
      <c r="E1025" s="53">
        <v>0</v>
      </c>
      <c r="F1025" s="53">
        <v>0</v>
      </c>
      <c r="G1025" s="53">
        <v>0</v>
      </c>
      <c r="H1025" s="53">
        <v>0</v>
      </c>
      <c r="I1025" s="53">
        <v>0</v>
      </c>
      <c r="J1025" s="53">
        <v>0</v>
      </c>
      <c r="K1025" s="53">
        <v>0</v>
      </c>
      <c r="L1025" s="53">
        <v>0</v>
      </c>
      <c r="M1025" s="53">
        <v>0</v>
      </c>
      <c r="N1025" s="53">
        <v>0</v>
      </c>
      <c r="O1025" s="53">
        <v>0</v>
      </c>
      <c r="P1025" s="53">
        <v>0</v>
      </c>
      <c r="Q1025" s="53">
        <v>0</v>
      </c>
      <c r="R1025" s="53">
        <v>0</v>
      </c>
      <c r="S1025" s="53">
        <v>0</v>
      </c>
      <c r="T1025" s="53">
        <v>0</v>
      </c>
      <c r="U1025" s="53">
        <v>0</v>
      </c>
      <c r="V1025" s="53">
        <v>0</v>
      </c>
      <c r="W1025" s="53">
        <v>0</v>
      </c>
      <c r="X1025" s="53">
        <v>0</v>
      </c>
      <c r="Y1025" s="53">
        <v>0</v>
      </c>
      <c r="Z1025" s="53">
        <v>0</v>
      </c>
      <c r="AA1025" s="53">
        <v>0</v>
      </c>
      <c r="AB1025" s="53">
        <v>0</v>
      </c>
      <c r="AC1025" s="53">
        <v>0</v>
      </c>
      <c r="AD1025" s="53">
        <v>0</v>
      </c>
      <c r="AE1025" s="53">
        <v>0</v>
      </c>
      <c r="AF1025" s="53">
        <v>0</v>
      </c>
      <c r="AG1025" s="53">
        <v>0</v>
      </c>
      <c r="AH1025" s="53">
        <v>0</v>
      </c>
      <c r="AI1025" s="53">
        <v>0</v>
      </c>
      <c r="AJ1025" s="53">
        <v>0</v>
      </c>
      <c r="AK1025" s="53">
        <v>0</v>
      </c>
      <c r="AL1025" s="53">
        <v>0</v>
      </c>
      <c r="AM1025" s="53">
        <v>0</v>
      </c>
      <c r="AN1025" s="53">
        <v>0</v>
      </c>
      <c r="AO1025" s="53">
        <v>0</v>
      </c>
      <c r="AP1025" s="53">
        <v>0</v>
      </c>
      <c r="AQ1025" s="53">
        <v>0</v>
      </c>
      <c r="AR1025" s="53">
        <v>0</v>
      </c>
      <c r="AS1025" s="53">
        <v>0</v>
      </c>
      <c r="AT1025" s="53">
        <v>0</v>
      </c>
      <c r="AU1025" s="53">
        <v>0</v>
      </c>
      <c r="AV1025" s="53">
        <v>0</v>
      </c>
      <c r="AW1025" s="53">
        <v>0</v>
      </c>
      <c r="AX1025" s="53">
        <v>0</v>
      </c>
      <c r="AY1025" s="53">
        <v>0</v>
      </c>
      <c r="AZ1025" s="53">
        <v>0</v>
      </c>
      <c r="BA1025" s="53">
        <v>0</v>
      </c>
    </row>
    <row r="1026" spans="1:53">
      <c r="A1026" s="52" t="s">
        <v>3527</v>
      </c>
      <c r="B1026" s="53">
        <v>-1072539.76</v>
      </c>
      <c r="C1026" s="53">
        <v>-1072539.76</v>
      </c>
      <c r="D1026" s="53">
        <v>-1072539.76</v>
      </c>
      <c r="E1026" s="53">
        <v>-1072539.76</v>
      </c>
      <c r="F1026" s="53">
        <v>-1072539.76</v>
      </c>
      <c r="G1026" s="53">
        <v>-1072539.76</v>
      </c>
      <c r="H1026" s="53">
        <v>-1072539.76</v>
      </c>
      <c r="I1026" s="53">
        <v>-1072539.76</v>
      </c>
      <c r="J1026" s="53">
        <v>-1072539.76</v>
      </c>
      <c r="K1026" s="53">
        <v>-1072539.76</v>
      </c>
      <c r="L1026" s="53">
        <v>-1072539.76</v>
      </c>
      <c r="M1026" s="53">
        <v>-1072539.76</v>
      </c>
      <c r="N1026" s="53">
        <v>-1072539.76</v>
      </c>
      <c r="O1026" s="53">
        <v>-1072539.76</v>
      </c>
      <c r="P1026" s="53">
        <v>-1072539.76</v>
      </c>
      <c r="Q1026" s="53">
        <v>-1072539.76</v>
      </c>
      <c r="R1026" s="53">
        <v>-1072539.76</v>
      </c>
      <c r="S1026" s="53">
        <v>-1072539.76</v>
      </c>
      <c r="T1026" s="53">
        <v>-1072539.76</v>
      </c>
      <c r="U1026" s="53">
        <v>-1072539.76</v>
      </c>
      <c r="V1026" s="53">
        <v>-1072539.76</v>
      </c>
      <c r="W1026" s="53">
        <v>-1072539.76</v>
      </c>
      <c r="X1026" s="53">
        <v>-1072539.76</v>
      </c>
      <c r="Y1026" s="53">
        <v>-1072539.76</v>
      </c>
      <c r="Z1026" s="53">
        <v>-1072539.76</v>
      </c>
      <c r="AA1026" s="53">
        <v>-1072539.76</v>
      </c>
      <c r="AB1026" s="53">
        <v>-1072539.76</v>
      </c>
      <c r="AC1026" s="53">
        <v>-1072539.76</v>
      </c>
      <c r="AD1026" s="53">
        <v>-1072539.76</v>
      </c>
      <c r="AE1026" s="53">
        <v>-1072539.76</v>
      </c>
      <c r="AF1026" s="53">
        <v>-1072539.76</v>
      </c>
      <c r="AG1026" s="53">
        <v>-1072539.76</v>
      </c>
      <c r="AH1026" s="53">
        <v>-1072539.76</v>
      </c>
      <c r="AI1026" s="53">
        <v>-1072539.76</v>
      </c>
      <c r="AJ1026" s="53">
        <v>-1072539.76</v>
      </c>
      <c r="AK1026" s="53">
        <v>-1072539.76</v>
      </c>
      <c r="AL1026" s="53">
        <v>-1072539.76</v>
      </c>
      <c r="AM1026" s="53">
        <v>-1072539.76</v>
      </c>
      <c r="AN1026" s="53">
        <v>-1072539.76</v>
      </c>
      <c r="AO1026" s="53">
        <v>-1072539.76</v>
      </c>
      <c r="AP1026" s="53">
        <v>-1072539.76</v>
      </c>
      <c r="AQ1026" s="53">
        <v>-1072539.76</v>
      </c>
      <c r="AR1026" s="53">
        <v>-1072539.76</v>
      </c>
      <c r="AS1026" s="53">
        <v>-1072539.76</v>
      </c>
      <c r="AT1026" s="53">
        <v>-1072539.76</v>
      </c>
      <c r="AU1026" s="53">
        <v>-1072539.76</v>
      </c>
      <c r="AV1026" s="53">
        <v>-1072539.76</v>
      </c>
      <c r="AW1026" s="53">
        <v>-1072539.76</v>
      </c>
      <c r="AX1026" s="53">
        <v>-1072539.76</v>
      </c>
      <c r="AY1026" s="53">
        <v>-1072539.76</v>
      </c>
      <c r="AZ1026" s="53">
        <v>-1072539.76</v>
      </c>
      <c r="BA1026" s="53">
        <v>-1072539.76</v>
      </c>
    </row>
    <row r="1027" spans="1:53">
      <c r="A1027" s="52" t="s">
        <v>3528</v>
      </c>
      <c r="B1027" s="53">
        <v>-10014222.6</v>
      </c>
      <c r="C1027" s="53">
        <v>-10014222.6</v>
      </c>
      <c r="D1027" s="53">
        <v>-10014222.6</v>
      </c>
      <c r="E1027" s="53">
        <v>-10014222.6</v>
      </c>
      <c r="F1027" s="53">
        <v>-10014222.6</v>
      </c>
      <c r="G1027" s="53">
        <v>-10014222.6</v>
      </c>
      <c r="H1027" s="53">
        <v>-10014222.6</v>
      </c>
      <c r="I1027" s="53">
        <v>-10014222.6</v>
      </c>
      <c r="J1027" s="53">
        <v>-10014222.6</v>
      </c>
      <c r="K1027" s="53">
        <v>-10014222.6</v>
      </c>
      <c r="L1027" s="53">
        <v>-10014222.6</v>
      </c>
      <c r="M1027" s="53">
        <v>-10014222.6</v>
      </c>
      <c r="N1027" s="53">
        <v>-10014222.6</v>
      </c>
      <c r="O1027" s="53">
        <v>-10014222.6</v>
      </c>
      <c r="P1027" s="53">
        <v>-10014222.6</v>
      </c>
      <c r="Q1027" s="53">
        <v>-10014222.6</v>
      </c>
      <c r="R1027" s="53">
        <v>-10014222.6</v>
      </c>
      <c r="S1027" s="53">
        <v>-10014222.6</v>
      </c>
      <c r="T1027" s="53">
        <v>-10014222.6</v>
      </c>
      <c r="U1027" s="53">
        <v>-10014222.6</v>
      </c>
      <c r="V1027" s="53">
        <v>-10014222.6</v>
      </c>
      <c r="W1027" s="53">
        <v>-10014222.6</v>
      </c>
      <c r="X1027" s="53">
        <v>-10014222.6</v>
      </c>
      <c r="Y1027" s="53">
        <v>-10014222.6</v>
      </c>
      <c r="Z1027" s="53">
        <v>-10014222.6</v>
      </c>
      <c r="AA1027" s="53">
        <v>-10014222.6</v>
      </c>
      <c r="AB1027" s="53">
        <v>-10014222.6</v>
      </c>
      <c r="AC1027" s="53">
        <v>-10014222.6</v>
      </c>
      <c r="AD1027" s="53">
        <v>-10014222.6</v>
      </c>
      <c r="AE1027" s="53">
        <v>-10014222.6</v>
      </c>
      <c r="AF1027" s="53">
        <v>-10014222.6</v>
      </c>
      <c r="AG1027" s="53">
        <v>-10014222.6</v>
      </c>
      <c r="AH1027" s="53">
        <v>-10014222.6</v>
      </c>
      <c r="AI1027" s="53">
        <v>-10014222.6</v>
      </c>
      <c r="AJ1027" s="53">
        <v>-10014222.6</v>
      </c>
      <c r="AK1027" s="53">
        <v>-10014222.6</v>
      </c>
      <c r="AL1027" s="53">
        <v>-10014222.6</v>
      </c>
      <c r="AM1027" s="53">
        <v>-10014222.6</v>
      </c>
      <c r="AN1027" s="53">
        <v>-10014222.6</v>
      </c>
      <c r="AO1027" s="53">
        <v>-10014222.6</v>
      </c>
      <c r="AP1027" s="53">
        <v>-10014222.6</v>
      </c>
      <c r="AQ1027" s="53">
        <v>-10014222.6</v>
      </c>
      <c r="AR1027" s="53">
        <v>-10014222.6</v>
      </c>
      <c r="AS1027" s="53">
        <v>-10014222.6</v>
      </c>
      <c r="AT1027" s="53">
        <v>-10014222.6</v>
      </c>
      <c r="AU1027" s="53">
        <v>-10014222.6</v>
      </c>
      <c r="AV1027" s="53">
        <v>-10014222.6</v>
      </c>
      <c r="AW1027" s="53">
        <v>-10014222.6</v>
      </c>
      <c r="AX1027" s="53">
        <v>-10014222.6</v>
      </c>
      <c r="AY1027" s="53">
        <v>-10014222.6</v>
      </c>
      <c r="AZ1027" s="53">
        <v>-10014222.6</v>
      </c>
      <c r="BA1027" s="53">
        <v>-10014222.6</v>
      </c>
    </row>
    <row r="1028" spans="1:53">
      <c r="A1028" s="52" t="s">
        <v>3529</v>
      </c>
      <c r="B1028" s="53">
        <v>-21062129.989999998</v>
      </c>
      <c r="C1028" s="53">
        <v>-21062129.989999998</v>
      </c>
      <c r="D1028" s="53">
        <v>-21062129.989999998</v>
      </c>
      <c r="E1028" s="53">
        <v>-21062129.989999998</v>
      </c>
      <c r="F1028" s="53">
        <v>-21062129.989999998</v>
      </c>
      <c r="G1028" s="53">
        <v>-21062129.989999998</v>
      </c>
      <c r="H1028" s="53">
        <v>-21062129.989999998</v>
      </c>
      <c r="I1028" s="53">
        <v>-21062129.989999998</v>
      </c>
      <c r="J1028" s="53">
        <v>-21062129.989999998</v>
      </c>
      <c r="K1028" s="53">
        <v>-21062129.989999998</v>
      </c>
      <c r="L1028" s="53">
        <v>-21062129.989999998</v>
      </c>
      <c r="M1028" s="53">
        <v>-21062129.989999998</v>
      </c>
      <c r="N1028" s="53">
        <v>-21062129.989999998</v>
      </c>
      <c r="O1028" s="53">
        <v>-21062129.989999998</v>
      </c>
      <c r="P1028" s="53">
        <v>-21062129.989999998</v>
      </c>
      <c r="Q1028" s="53">
        <v>-21062129.989999998</v>
      </c>
      <c r="R1028" s="53">
        <v>-21062129.989999998</v>
      </c>
      <c r="S1028" s="53">
        <v>-21062129.989999998</v>
      </c>
      <c r="T1028" s="53">
        <v>-21062129.989999998</v>
      </c>
      <c r="U1028" s="53">
        <v>-21062129.989999998</v>
      </c>
      <c r="V1028" s="53">
        <v>-21062129.989999998</v>
      </c>
      <c r="W1028" s="53">
        <v>-21062129.989999998</v>
      </c>
      <c r="X1028" s="53">
        <v>-21062129.989999998</v>
      </c>
      <c r="Y1028" s="53">
        <v>-21062129.989999998</v>
      </c>
      <c r="Z1028" s="53">
        <v>-21062129.989999998</v>
      </c>
      <c r="AA1028" s="53">
        <v>-21062129.989999998</v>
      </c>
      <c r="AB1028" s="53">
        <v>-21062129.989999998</v>
      </c>
      <c r="AC1028" s="53">
        <v>-21062129.989999998</v>
      </c>
      <c r="AD1028" s="53">
        <v>-21062129.989999998</v>
      </c>
      <c r="AE1028" s="53">
        <v>-21062129.989999998</v>
      </c>
      <c r="AF1028" s="53">
        <v>-21062129.989999998</v>
      </c>
      <c r="AG1028" s="53">
        <v>-21062129.989999998</v>
      </c>
      <c r="AH1028" s="53">
        <v>-21062129.989999998</v>
      </c>
      <c r="AI1028" s="53">
        <v>-21062129.989999998</v>
      </c>
      <c r="AJ1028" s="53">
        <v>-21062129.989999998</v>
      </c>
      <c r="AK1028" s="53">
        <v>-21062129.989999998</v>
      </c>
      <c r="AL1028" s="53">
        <v>-21062129.989999998</v>
      </c>
      <c r="AM1028" s="53">
        <v>-21062129.989999998</v>
      </c>
      <c r="AN1028" s="53">
        <v>-21062129.989999998</v>
      </c>
      <c r="AO1028" s="53">
        <v>-21062129.990000099</v>
      </c>
      <c r="AP1028" s="53">
        <v>-21062129.990000099</v>
      </c>
      <c r="AQ1028" s="53">
        <v>-21062129.990000099</v>
      </c>
      <c r="AR1028" s="53">
        <v>-21062129.990000099</v>
      </c>
      <c r="AS1028" s="53">
        <v>-21062129.990000099</v>
      </c>
      <c r="AT1028" s="53">
        <v>-21062129.990000099</v>
      </c>
      <c r="AU1028" s="53">
        <v>-21062129.990000099</v>
      </c>
      <c r="AV1028" s="53">
        <v>-21062129.990000099</v>
      </c>
      <c r="AW1028" s="53">
        <v>-21062129.990000099</v>
      </c>
      <c r="AX1028" s="53">
        <v>-21062129.990000099</v>
      </c>
      <c r="AY1028" s="53">
        <v>-21062129.990000099</v>
      </c>
      <c r="AZ1028" s="53">
        <v>-21062129.990000099</v>
      </c>
      <c r="BA1028" s="53">
        <v>-21062129.990000099</v>
      </c>
    </row>
    <row r="1029" spans="1:53">
      <c r="A1029" s="52" t="s">
        <v>3530</v>
      </c>
      <c r="B1029" s="53">
        <v>0</v>
      </c>
      <c r="C1029" s="53">
        <v>0</v>
      </c>
      <c r="D1029" s="53">
        <v>0</v>
      </c>
      <c r="E1029" s="53">
        <v>0</v>
      </c>
      <c r="F1029" s="53">
        <v>0</v>
      </c>
      <c r="G1029" s="53">
        <v>0</v>
      </c>
      <c r="H1029" s="53">
        <v>0</v>
      </c>
      <c r="I1029" s="53">
        <v>0</v>
      </c>
      <c r="J1029" s="53">
        <v>0</v>
      </c>
      <c r="K1029" s="53">
        <v>0</v>
      </c>
      <c r="L1029" s="53">
        <v>0</v>
      </c>
      <c r="M1029" s="53">
        <v>0</v>
      </c>
      <c r="N1029" s="53">
        <v>0</v>
      </c>
      <c r="O1029" s="53">
        <v>0</v>
      </c>
      <c r="P1029" s="53">
        <v>0</v>
      </c>
      <c r="Q1029" s="53">
        <v>0</v>
      </c>
      <c r="R1029" s="53">
        <v>0</v>
      </c>
      <c r="S1029" s="53">
        <v>0</v>
      </c>
      <c r="T1029" s="53">
        <v>0</v>
      </c>
      <c r="U1029" s="53">
        <v>0</v>
      </c>
      <c r="V1029" s="53">
        <v>0</v>
      </c>
      <c r="W1029" s="53">
        <v>0</v>
      </c>
      <c r="X1029" s="53">
        <v>0</v>
      </c>
      <c r="Y1029" s="53">
        <v>0</v>
      </c>
      <c r="Z1029" s="53">
        <v>0</v>
      </c>
      <c r="AA1029" s="53">
        <v>0</v>
      </c>
      <c r="AB1029" s="53">
        <v>0</v>
      </c>
      <c r="AC1029" s="53">
        <v>0</v>
      </c>
      <c r="AD1029" s="53">
        <v>0</v>
      </c>
      <c r="AE1029" s="53">
        <v>0</v>
      </c>
      <c r="AF1029" s="53">
        <v>0</v>
      </c>
      <c r="AG1029" s="53">
        <v>0</v>
      </c>
      <c r="AH1029" s="53">
        <v>0</v>
      </c>
      <c r="AI1029" s="53">
        <v>0</v>
      </c>
      <c r="AJ1029" s="53">
        <v>0</v>
      </c>
      <c r="AK1029" s="53">
        <v>0</v>
      </c>
      <c r="AL1029" s="53">
        <v>0</v>
      </c>
      <c r="AM1029" s="53">
        <v>0</v>
      </c>
      <c r="AN1029" s="53">
        <v>0</v>
      </c>
      <c r="AO1029" s="53">
        <v>0</v>
      </c>
      <c r="AP1029" s="53">
        <v>0</v>
      </c>
      <c r="AQ1029" s="53">
        <v>0</v>
      </c>
      <c r="AR1029" s="53">
        <v>0</v>
      </c>
      <c r="AS1029" s="53">
        <v>0</v>
      </c>
      <c r="AT1029" s="53">
        <v>0</v>
      </c>
      <c r="AU1029" s="53">
        <v>0</v>
      </c>
      <c r="AV1029" s="53">
        <v>0</v>
      </c>
      <c r="AW1029" s="53">
        <v>0</v>
      </c>
      <c r="AX1029" s="53">
        <v>0</v>
      </c>
      <c r="AY1029" s="53">
        <v>0</v>
      </c>
      <c r="AZ1029" s="53">
        <v>0</v>
      </c>
      <c r="BA1029" s="53">
        <v>0</v>
      </c>
    </row>
    <row r="1030" spans="1:53">
      <c r="A1030" s="52" t="s">
        <v>3531</v>
      </c>
      <c r="B1030" s="53">
        <v>0</v>
      </c>
      <c r="C1030" s="53">
        <v>0</v>
      </c>
      <c r="D1030" s="53">
        <v>0</v>
      </c>
      <c r="E1030" s="53">
        <v>0</v>
      </c>
      <c r="F1030" s="53">
        <v>0</v>
      </c>
      <c r="G1030" s="53">
        <v>0</v>
      </c>
      <c r="H1030" s="53">
        <v>0</v>
      </c>
      <c r="I1030" s="53">
        <v>0</v>
      </c>
      <c r="J1030" s="53">
        <v>0</v>
      </c>
      <c r="K1030" s="53">
        <v>0</v>
      </c>
      <c r="L1030" s="53">
        <v>0</v>
      </c>
      <c r="M1030" s="53">
        <v>0</v>
      </c>
      <c r="N1030" s="53">
        <v>0</v>
      </c>
      <c r="O1030" s="53">
        <v>0</v>
      </c>
      <c r="P1030" s="53">
        <v>0</v>
      </c>
      <c r="Q1030" s="53">
        <v>0</v>
      </c>
      <c r="R1030" s="53">
        <v>0</v>
      </c>
      <c r="S1030" s="53">
        <v>0</v>
      </c>
      <c r="T1030" s="53">
        <v>0</v>
      </c>
      <c r="U1030" s="53">
        <v>0</v>
      </c>
      <c r="V1030" s="53">
        <v>0</v>
      </c>
      <c r="W1030" s="53">
        <v>0</v>
      </c>
      <c r="X1030" s="53">
        <v>0</v>
      </c>
      <c r="Y1030" s="53">
        <v>0</v>
      </c>
      <c r="Z1030" s="53">
        <v>0</v>
      </c>
      <c r="AA1030" s="53">
        <v>0</v>
      </c>
      <c r="AB1030" s="53">
        <v>0</v>
      </c>
      <c r="AC1030" s="53">
        <v>0</v>
      </c>
      <c r="AD1030" s="53">
        <v>0</v>
      </c>
      <c r="AE1030" s="53">
        <v>0</v>
      </c>
      <c r="AF1030" s="53">
        <v>0</v>
      </c>
      <c r="AG1030" s="53">
        <v>0</v>
      </c>
      <c r="AH1030" s="53">
        <v>0</v>
      </c>
      <c r="AI1030" s="53">
        <v>0</v>
      </c>
      <c r="AJ1030" s="53">
        <v>0</v>
      </c>
      <c r="AK1030" s="53">
        <v>0</v>
      </c>
      <c r="AL1030" s="53">
        <v>0</v>
      </c>
      <c r="AM1030" s="53">
        <v>0</v>
      </c>
      <c r="AN1030" s="53">
        <v>0</v>
      </c>
      <c r="AO1030" s="53">
        <v>0</v>
      </c>
      <c r="AP1030" s="53">
        <v>0</v>
      </c>
      <c r="AQ1030" s="53">
        <v>0</v>
      </c>
      <c r="AR1030" s="53">
        <v>0</v>
      </c>
      <c r="AS1030" s="53">
        <v>0</v>
      </c>
      <c r="AT1030" s="53">
        <v>0</v>
      </c>
      <c r="AU1030" s="53">
        <v>0</v>
      </c>
      <c r="AV1030" s="53">
        <v>0</v>
      </c>
      <c r="AW1030" s="53">
        <v>0</v>
      </c>
      <c r="AX1030" s="53">
        <v>0</v>
      </c>
      <c r="AY1030" s="53">
        <v>0</v>
      </c>
      <c r="AZ1030" s="53">
        <v>0</v>
      </c>
      <c r="BA1030" s="53">
        <v>0</v>
      </c>
    </row>
    <row r="1031" spans="1:53">
      <c r="A1031" s="52" t="s">
        <v>3532</v>
      </c>
      <c r="B1031" s="53">
        <v>0</v>
      </c>
      <c r="C1031" s="53">
        <v>0</v>
      </c>
      <c r="D1031" s="53">
        <v>0</v>
      </c>
      <c r="E1031" s="53">
        <v>0</v>
      </c>
      <c r="F1031" s="53">
        <v>0</v>
      </c>
      <c r="G1031" s="53">
        <v>0</v>
      </c>
      <c r="H1031" s="53">
        <v>0</v>
      </c>
      <c r="I1031" s="53">
        <v>0</v>
      </c>
      <c r="J1031" s="53">
        <v>0</v>
      </c>
      <c r="K1031" s="53">
        <v>0</v>
      </c>
      <c r="L1031" s="53">
        <v>0</v>
      </c>
      <c r="M1031" s="53">
        <v>0</v>
      </c>
      <c r="N1031" s="53">
        <v>0</v>
      </c>
      <c r="O1031" s="53">
        <v>0</v>
      </c>
      <c r="P1031" s="53">
        <v>0</v>
      </c>
      <c r="Q1031" s="53">
        <v>0</v>
      </c>
      <c r="R1031" s="53">
        <v>0</v>
      </c>
      <c r="S1031" s="53">
        <v>0</v>
      </c>
      <c r="T1031" s="53">
        <v>0</v>
      </c>
      <c r="U1031" s="53">
        <v>0</v>
      </c>
      <c r="V1031" s="53">
        <v>0</v>
      </c>
      <c r="W1031" s="53">
        <v>0</v>
      </c>
      <c r="X1031" s="53">
        <v>0</v>
      </c>
      <c r="Y1031" s="53">
        <v>0</v>
      </c>
      <c r="Z1031" s="53">
        <v>0</v>
      </c>
      <c r="AA1031" s="53">
        <v>0</v>
      </c>
      <c r="AB1031" s="53">
        <v>0</v>
      </c>
      <c r="AC1031" s="53">
        <v>0</v>
      </c>
      <c r="AD1031" s="53">
        <v>0</v>
      </c>
      <c r="AE1031" s="53">
        <v>0</v>
      </c>
      <c r="AF1031" s="53">
        <v>0</v>
      </c>
      <c r="AG1031" s="53">
        <v>0</v>
      </c>
      <c r="AH1031" s="53">
        <v>0</v>
      </c>
      <c r="AI1031" s="53">
        <v>0</v>
      </c>
      <c r="AJ1031" s="53">
        <v>0</v>
      </c>
      <c r="AK1031" s="53">
        <v>0</v>
      </c>
      <c r="AL1031" s="53">
        <v>0</v>
      </c>
      <c r="AM1031" s="53">
        <v>0</v>
      </c>
      <c r="AN1031" s="53">
        <v>0</v>
      </c>
      <c r="AO1031" s="53">
        <v>0</v>
      </c>
      <c r="AP1031" s="53">
        <v>0</v>
      </c>
      <c r="AQ1031" s="53">
        <v>0</v>
      </c>
      <c r="AR1031" s="53">
        <v>0</v>
      </c>
      <c r="AS1031" s="53">
        <v>0</v>
      </c>
      <c r="AT1031" s="53">
        <v>0</v>
      </c>
      <c r="AU1031" s="53">
        <v>0</v>
      </c>
      <c r="AV1031" s="53">
        <v>0</v>
      </c>
      <c r="AW1031" s="53">
        <v>0</v>
      </c>
      <c r="AX1031" s="53">
        <v>0</v>
      </c>
      <c r="AY1031" s="53">
        <v>0</v>
      </c>
      <c r="AZ1031" s="53">
        <v>0</v>
      </c>
      <c r="BA1031" s="53">
        <v>0</v>
      </c>
    </row>
    <row r="1032" spans="1:53">
      <c r="A1032" s="52" t="s">
        <v>3533</v>
      </c>
      <c r="B1032" s="53">
        <v>0</v>
      </c>
      <c r="C1032" s="53">
        <v>0</v>
      </c>
      <c r="D1032" s="53">
        <v>0</v>
      </c>
      <c r="E1032" s="53">
        <v>0</v>
      </c>
      <c r="F1032" s="53">
        <v>0</v>
      </c>
      <c r="G1032" s="53">
        <v>0</v>
      </c>
      <c r="H1032" s="53">
        <v>0</v>
      </c>
      <c r="I1032" s="53">
        <v>0</v>
      </c>
      <c r="J1032" s="53">
        <v>0</v>
      </c>
      <c r="K1032" s="53">
        <v>0</v>
      </c>
      <c r="L1032" s="53">
        <v>0</v>
      </c>
      <c r="M1032" s="53">
        <v>0</v>
      </c>
      <c r="N1032" s="53">
        <v>0</v>
      </c>
      <c r="O1032" s="53">
        <v>0</v>
      </c>
      <c r="P1032" s="53">
        <v>0</v>
      </c>
      <c r="Q1032" s="53">
        <v>0</v>
      </c>
      <c r="R1032" s="53">
        <v>0</v>
      </c>
      <c r="S1032" s="53">
        <v>0</v>
      </c>
      <c r="T1032" s="53">
        <v>0</v>
      </c>
      <c r="U1032" s="53">
        <v>0</v>
      </c>
      <c r="V1032" s="53">
        <v>0</v>
      </c>
      <c r="W1032" s="53">
        <v>0</v>
      </c>
      <c r="X1032" s="53">
        <v>0</v>
      </c>
      <c r="Y1032" s="53">
        <v>0</v>
      </c>
      <c r="Z1032" s="53">
        <v>0</v>
      </c>
      <c r="AA1032" s="53">
        <v>0</v>
      </c>
      <c r="AB1032" s="53">
        <v>0</v>
      </c>
      <c r="AC1032" s="53">
        <v>0</v>
      </c>
      <c r="AD1032" s="53">
        <v>0</v>
      </c>
      <c r="AE1032" s="53">
        <v>0</v>
      </c>
      <c r="AF1032" s="53">
        <v>0</v>
      </c>
      <c r="AG1032" s="53">
        <v>0</v>
      </c>
      <c r="AH1032" s="53">
        <v>0</v>
      </c>
      <c r="AI1032" s="53">
        <v>0</v>
      </c>
      <c r="AJ1032" s="53">
        <v>0</v>
      </c>
      <c r="AK1032" s="53">
        <v>0</v>
      </c>
      <c r="AL1032" s="53">
        <v>0</v>
      </c>
      <c r="AM1032" s="53">
        <v>0</v>
      </c>
      <c r="AN1032" s="53">
        <v>0</v>
      </c>
      <c r="AO1032" s="53">
        <v>0</v>
      </c>
      <c r="AP1032" s="53">
        <v>0</v>
      </c>
      <c r="AQ1032" s="53">
        <v>0</v>
      </c>
      <c r="AR1032" s="53">
        <v>0</v>
      </c>
      <c r="AS1032" s="53">
        <v>0</v>
      </c>
      <c r="AT1032" s="53">
        <v>0</v>
      </c>
      <c r="AU1032" s="53">
        <v>0</v>
      </c>
      <c r="AV1032" s="53">
        <v>0</v>
      </c>
      <c r="AW1032" s="53">
        <v>0</v>
      </c>
      <c r="AX1032" s="53">
        <v>0</v>
      </c>
      <c r="AY1032" s="53">
        <v>0</v>
      </c>
      <c r="AZ1032" s="53">
        <v>0</v>
      </c>
      <c r="BA1032" s="53">
        <v>0</v>
      </c>
    </row>
    <row r="1033" spans="1:53">
      <c r="A1033" s="52" t="s">
        <v>3534</v>
      </c>
      <c r="B1033" s="53">
        <v>-2180060.48</v>
      </c>
      <c r="C1033" s="53">
        <v>-2180060.48</v>
      </c>
      <c r="D1033" s="53">
        <v>-2180060.48</v>
      </c>
      <c r="E1033" s="53">
        <v>-2180060.48</v>
      </c>
      <c r="F1033" s="53">
        <v>-2180060.48</v>
      </c>
      <c r="G1033" s="53">
        <v>-2180060.48</v>
      </c>
      <c r="H1033" s="53">
        <v>-2180060.48</v>
      </c>
      <c r="I1033" s="53">
        <v>-2180060.48</v>
      </c>
      <c r="J1033" s="53">
        <v>-2180060.48</v>
      </c>
      <c r="K1033" s="53">
        <v>-2180060.48</v>
      </c>
      <c r="L1033" s="53">
        <v>-2180060.48</v>
      </c>
      <c r="M1033" s="53">
        <v>-2180060.48</v>
      </c>
      <c r="N1033" s="53">
        <v>-2180060.48</v>
      </c>
      <c r="O1033" s="53">
        <v>-2180060.48</v>
      </c>
      <c r="P1033" s="53">
        <v>-2180060.48</v>
      </c>
      <c r="Q1033" s="53">
        <v>-2180060.48</v>
      </c>
      <c r="R1033" s="53">
        <v>-2180060.48</v>
      </c>
      <c r="S1033" s="53">
        <v>-2180060.48</v>
      </c>
      <c r="T1033" s="53">
        <v>-2180060.48</v>
      </c>
      <c r="U1033" s="53">
        <v>-2180060.48</v>
      </c>
      <c r="V1033" s="53">
        <v>-2180060.48</v>
      </c>
      <c r="W1033" s="53">
        <v>-2180060.48</v>
      </c>
      <c r="X1033" s="53">
        <v>-2180060.48</v>
      </c>
      <c r="Y1033" s="53">
        <v>-2180060.48</v>
      </c>
      <c r="Z1033" s="53">
        <v>-2180060.48</v>
      </c>
      <c r="AA1033" s="53">
        <v>-2180060.48</v>
      </c>
      <c r="AB1033" s="53">
        <v>-2180060.48</v>
      </c>
      <c r="AC1033" s="53">
        <v>-2180060.48</v>
      </c>
      <c r="AD1033" s="53">
        <v>-2180060.48</v>
      </c>
      <c r="AE1033" s="53">
        <v>-2180060.48</v>
      </c>
      <c r="AF1033" s="53">
        <v>-2180060.48</v>
      </c>
      <c r="AG1033" s="53">
        <v>-2180060.48</v>
      </c>
      <c r="AH1033" s="53">
        <v>-2180060.48</v>
      </c>
      <c r="AI1033" s="53">
        <v>-2180060.48</v>
      </c>
      <c r="AJ1033" s="53">
        <v>-2180060.48</v>
      </c>
      <c r="AK1033" s="53">
        <v>-2180060.48</v>
      </c>
      <c r="AL1033" s="53">
        <v>-2180060.48</v>
      </c>
      <c r="AM1033" s="53">
        <v>-2180060.48</v>
      </c>
      <c r="AN1033" s="53">
        <v>-2180060.48</v>
      </c>
      <c r="AO1033" s="53">
        <v>-2180060.48</v>
      </c>
      <c r="AP1033" s="53">
        <v>-2180060.48</v>
      </c>
      <c r="AQ1033" s="53">
        <v>-2180060.48</v>
      </c>
      <c r="AR1033" s="53">
        <v>-2180060.48</v>
      </c>
      <c r="AS1033" s="53">
        <v>-2180060.48</v>
      </c>
      <c r="AT1033" s="53">
        <v>-2180060.48</v>
      </c>
      <c r="AU1033" s="53">
        <v>-2180060.48</v>
      </c>
      <c r="AV1033" s="53">
        <v>-2180060.48</v>
      </c>
      <c r="AW1033" s="53">
        <v>-2180060.48</v>
      </c>
      <c r="AX1033" s="53">
        <v>-2180060.48</v>
      </c>
      <c r="AY1033" s="53">
        <v>-2180060.48</v>
      </c>
      <c r="AZ1033" s="53">
        <v>-2180060.48</v>
      </c>
      <c r="BA1033" s="53">
        <v>-2180060.48</v>
      </c>
    </row>
    <row r="1034" spans="1:53">
      <c r="A1034" s="52" t="s">
        <v>3535</v>
      </c>
      <c r="B1034" s="53">
        <v>-3137151.86</v>
      </c>
      <c r="C1034" s="53">
        <v>-3137151.86</v>
      </c>
      <c r="D1034" s="53">
        <v>-3137151.86</v>
      </c>
      <c r="E1034" s="53">
        <v>-3137151.86</v>
      </c>
      <c r="F1034" s="53">
        <v>-3137151.86</v>
      </c>
      <c r="G1034" s="53">
        <v>-3137151.86</v>
      </c>
      <c r="H1034" s="53">
        <v>-3137151.86</v>
      </c>
      <c r="I1034" s="53">
        <v>-3137151.86</v>
      </c>
      <c r="J1034" s="53">
        <v>-3137151.86</v>
      </c>
      <c r="K1034" s="53">
        <v>-3137151.86</v>
      </c>
      <c r="L1034" s="53">
        <v>-3137151.86</v>
      </c>
      <c r="M1034" s="53">
        <v>-3137151.86</v>
      </c>
      <c r="N1034" s="53">
        <v>-3137151.86</v>
      </c>
      <c r="O1034" s="53">
        <v>-3137151.86</v>
      </c>
      <c r="P1034" s="53">
        <v>-3137151.86</v>
      </c>
      <c r="Q1034" s="53">
        <v>-3137151.86</v>
      </c>
      <c r="R1034" s="53">
        <v>-3137151.86</v>
      </c>
      <c r="S1034" s="53">
        <v>-3137151.86</v>
      </c>
      <c r="T1034" s="53">
        <v>-3137151.86</v>
      </c>
      <c r="U1034" s="53">
        <v>-3137151.86</v>
      </c>
      <c r="V1034" s="53">
        <v>-3137151.86</v>
      </c>
      <c r="W1034" s="53">
        <v>-3137151.86</v>
      </c>
      <c r="X1034" s="53">
        <v>-3137151.86</v>
      </c>
      <c r="Y1034" s="53">
        <v>-3137151.86</v>
      </c>
      <c r="Z1034" s="53">
        <v>-3137151.86</v>
      </c>
      <c r="AA1034" s="53">
        <v>-3137151.86</v>
      </c>
      <c r="AB1034" s="53">
        <v>-3137151.86</v>
      </c>
      <c r="AC1034" s="53">
        <v>-3137151.86</v>
      </c>
      <c r="AD1034" s="53">
        <v>-3137151.86</v>
      </c>
      <c r="AE1034" s="53">
        <v>-3137151.86</v>
      </c>
      <c r="AF1034" s="53">
        <v>-3137151.86</v>
      </c>
      <c r="AG1034" s="53">
        <v>-3137151.86</v>
      </c>
      <c r="AH1034" s="53">
        <v>-3137151.86</v>
      </c>
      <c r="AI1034" s="53">
        <v>-3137151.86</v>
      </c>
      <c r="AJ1034" s="53">
        <v>-3137151.86</v>
      </c>
      <c r="AK1034" s="53">
        <v>-3137151.86</v>
      </c>
      <c r="AL1034" s="53">
        <v>-3137151.86</v>
      </c>
      <c r="AM1034" s="53">
        <v>-3137151.86</v>
      </c>
      <c r="AN1034" s="53">
        <v>-3137151.86</v>
      </c>
      <c r="AO1034" s="53">
        <v>-3137151.86</v>
      </c>
      <c r="AP1034" s="53">
        <v>-3137151.86</v>
      </c>
      <c r="AQ1034" s="53">
        <v>-3137151.86</v>
      </c>
      <c r="AR1034" s="53">
        <v>-3137151.86</v>
      </c>
      <c r="AS1034" s="53">
        <v>-3137151.86</v>
      </c>
      <c r="AT1034" s="53">
        <v>-3137151.86</v>
      </c>
      <c r="AU1034" s="53">
        <v>-3137151.86</v>
      </c>
      <c r="AV1034" s="53">
        <v>-3137151.86</v>
      </c>
      <c r="AW1034" s="53">
        <v>-3137151.86</v>
      </c>
      <c r="AX1034" s="53">
        <v>-3137151.86</v>
      </c>
      <c r="AY1034" s="53">
        <v>-3137151.86</v>
      </c>
      <c r="AZ1034" s="53">
        <v>-3137151.86</v>
      </c>
      <c r="BA1034" s="53">
        <v>-3137151.86</v>
      </c>
    </row>
    <row r="1035" spans="1:53">
      <c r="A1035" s="52" t="s">
        <v>3536</v>
      </c>
      <c r="B1035" s="53">
        <v>-3594345.71</v>
      </c>
      <c r="C1035" s="53">
        <v>-3594345.71</v>
      </c>
      <c r="D1035" s="53">
        <v>-3594345.71</v>
      </c>
      <c r="E1035" s="53">
        <v>-3594345.71</v>
      </c>
      <c r="F1035" s="53">
        <v>-3594345.71</v>
      </c>
      <c r="G1035" s="53">
        <v>-3594345.71</v>
      </c>
      <c r="H1035" s="53">
        <v>-3594345.71</v>
      </c>
      <c r="I1035" s="53">
        <v>-3594345.71</v>
      </c>
      <c r="J1035" s="53">
        <v>-3594345.71</v>
      </c>
      <c r="K1035" s="53">
        <v>-3594345.71</v>
      </c>
      <c r="L1035" s="53">
        <v>-3594345.71</v>
      </c>
      <c r="M1035" s="53">
        <v>-3594345.71</v>
      </c>
      <c r="N1035" s="53">
        <v>-3594345.71</v>
      </c>
      <c r="O1035" s="53">
        <v>-3594345.71</v>
      </c>
      <c r="P1035" s="53">
        <v>-3594345.71</v>
      </c>
      <c r="Q1035" s="53">
        <v>-3594345.71</v>
      </c>
      <c r="R1035" s="53">
        <v>-3594345.71</v>
      </c>
      <c r="S1035" s="53">
        <v>-3594345.71</v>
      </c>
      <c r="T1035" s="53">
        <v>-3594345.71</v>
      </c>
      <c r="U1035" s="53">
        <v>-3594345.71</v>
      </c>
      <c r="V1035" s="53">
        <v>-3594345.71</v>
      </c>
      <c r="W1035" s="53">
        <v>-3594345.71</v>
      </c>
      <c r="X1035" s="53">
        <v>-3594345.71</v>
      </c>
      <c r="Y1035" s="53">
        <v>-3594345.71</v>
      </c>
      <c r="Z1035" s="53">
        <v>-3594345.71</v>
      </c>
      <c r="AA1035" s="53">
        <v>-3594345.71</v>
      </c>
      <c r="AB1035" s="53">
        <v>-3594345.71</v>
      </c>
      <c r="AC1035" s="53">
        <v>-3594345.71</v>
      </c>
      <c r="AD1035" s="53">
        <v>-3594345.71</v>
      </c>
      <c r="AE1035" s="53">
        <v>-3594345.71</v>
      </c>
      <c r="AF1035" s="53">
        <v>-3594345.71</v>
      </c>
      <c r="AG1035" s="53">
        <v>-3594345.71</v>
      </c>
      <c r="AH1035" s="53">
        <v>-3594345.71</v>
      </c>
      <c r="AI1035" s="53">
        <v>-3594345.71</v>
      </c>
      <c r="AJ1035" s="53">
        <v>-3594345.71</v>
      </c>
      <c r="AK1035" s="53">
        <v>-3594345.71</v>
      </c>
      <c r="AL1035" s="53">
        <v>-3594345.71</v>
      </c>
      <c r="AM1035" s="53">
        <v>-3594345.71</v>
      </c>
      <c r="AN1035" s="53">
        <v>-3594345.71</v>
      </c>
      <c r="AO1035" s="53">
        <v>-3594345.71</v>
      </c>
      <c r="AP1035" s="53">
        <v>-3594345.71</v>
      </c>
      <c r="AQ1035" s="53">
        <v>-3594345.71</v>
      </c>
      <c r="AR1035" s="53">
        <v>-3594345.71</v>
      </c>
      <c r="AS1035" s="53">
        <v>-3594345.71</v>
      </c>
      <c r="AT1035" s="53">
        <v>-3594345.71</v>
      </c>
      <c r="AU1035" s="53">
        <v>-3594345.71</v>
      </c>
      <c r="AV1035" s="53">
        <v>-3594345.71</v>
      </c>
      <c r="AW1035" s="53">
        <v>-3594345.71</v>
      </c>
      <c r="AX1035" s="53">
        <v>-3594345.71</v>
      </c>
      <c r="AY1035" s="53">
        <v>-3594345.71</v>
      </c>
      <c r="AZ1035" s="53">
        <v>-3594345.71</v>
      </c>
      <c r="BA1035" s="53">
        <v>-3594345.71</v>
      </c>
    </row>
    <row r="1036" spans="1:53">
      <c r="A1036" s="52" t="s">
        <v>3537</v>
      </c>
      <c r="B1036" s="53">
        <v>0</v>
      </c>
      <c r="C1036" s="53">
        <v>0</v>
      </c>
      <c r="D1036" s="53">
        <v>0</v>
      </c>
      <c r="E1036" s="53">
        <v>0</v>
      </c>
      <c r="F1036" s="53">
        <v>0</v>
      </c>
      <c r="G1036" s="53">
        <v>0</v>
      </c>
      <c r="H1036" s="53">
        <v>0</v>
      </c>
      <c r="I1036" s="53">
        <v>0</v>
      </c>
      <c r="J1036" s="53">
        <v>0</v>
      </c>
      <c r="K1036" s="53">
        <v>0</v>
      </c>
      <c r="L1036" s="53">
        <v>0</v>
      </c>
      <c r="M1036" s="53">
        <v>0</v>
      </c>
      <c r="N1036" s="53">
        <v>0</v>
      </c>
      <c r="O1036" s="53">
        <v>0</v>
      </c>
      <c r="P1036" s="53">
        <v>0</v>
      </c>
      <c r="Q1036" s="53">
        <v>0</v>
      </c>
      <c r="R1036" s="53">
        <v>0</v>
      </c>
      <c r="S1036" s="53">
        <v>0</v>
      </c>
      <c r="T1036" s="53">
        <v>0</v>
      </c>
      <c r="U1036" s="53">
        <v>0</v>
      </c>
      <c r="V1036" s="53">
        <v>0</v>
      </c>
      <c r="W1036" s="53">
        <v>0</v>
      </c>
      <c r="X1036" s="53">
        <v>0</v>
      </c>
      <c r="Y1036" s="53">
        <v>0</v>
      </c>
      <c r="Z1036" s="53">
        <v>0</v>
      </c>
      <c r="AA1036" s="53">
        <v>0</v>
      </c>
      <c r="AB1036" s="53">
        <v>0</v>
      </c>
      <c r="AC1036" s="53">
        <v>0</v>
      </c>
      <c r="AD1036" s="53">
        <v>0</v>
      </c>
      <c r="AE1036" s="53">
        <v>0</v>
      </c>
      <c r="AF1036" s="53">
        <v>0</v>
      </c>
      <c r="AG1036" s="53">
        <v>0</v>
      </c>
      <c r="AH1036" s="53">
        <v>0</v>
      </c>
      <c r="AI1036" s="53">
        <v>0</v>
      </c>
      <c r="AJ1036" s="53">
        <v>0</v>
      </c>
      <c r="AK1036" s="53">
        <v>0</v>
      </c>
      <c r="AL1036" s="53">
        <v>0</v>
      </c>
      <c r="AM1036" s="53">
        <v>0</v>
      </c>
      <c r="AN1036" s="53">
        <v>0</v>
      </c>
      <c r="AO1036" s="53">
        <v>0</v>
      </c>
      <c r="AP1036" s="53">
        <v>0</v>
      </c>
      <c r="AQ1036" s="53">
        <v>0</v>
      </c>
      <c r="AR1036" s="53">
        <v>0</v>
      </c>
      <c r="AS1036" s="53">
        <v>0</v>
      </c>
      <c r="AT1036" s="53">
        <v>0</v>
      </c>
      <c r="AU1036" s="53">
        <v>0</v>
      </c>
      <c r="AV1036" s="53">
        <v>0</v>
      </c>
      <c r="AW1036" s="53">
        <v>0</v>
      </c>
      <c r="AX1036" s="53">
        <v>0</v>
      </c>
      <c r="AY1036" s="53">
        <v>0</v>
      </c>
      <c r="AZ1036" s="53">
        <v>0</v>
      </c>
      <c r="BA1036" s="53">
        <v>0</v>
      </c>
    </row>
    <row r="1037" spans="1:53">
      <c r="A1037" s="52" t="s">
        <v>3538</v>
      </c>
      <c r="B1037" s="53">
        <v>-3751246.48</v>
      </c>
      <c r="C1037" s="53">
        <v>-3751246.48</v>
      </c>
      <c r="D1037" s="53">
        <v>-3751246.48</v>
      </c>
      <c r="E1037" s="53">
        <v>-3751246.48</v>
      </c>
      <c r="F1037" s="53">
        <v>-3751246.48</v>
      </c>
      <c r="G1037" s="53">
        <v>-3751246.48</v>
      </c>
      <c r="H1037" s="53">
        <v>-3751246.48</v>
      </c>
      <c r="I1037" s="53">
        <v>-3751246.48</v>
      </c>
      <c r="J1037" s="53">
        <v>-3751246.48</v>
      </c>
      <c r="K1037" s="53">
        <v>-3751246.48</v>
      </c>
      <c r="L1037" s="53">
        <v>-3751246.48</v>
      </c>
      <c r="M1037" s="53">
        <v>-3751246.48</v>
      </c>
      <c r="N1037" s="53">
        <v>-3751246.48</v>
      </c>
      <c r="O1037" s="53">
        <v>-3751246.48</v>
      </c>
      <c r="P1037" s="53">
        <v>-3751246.48</v>
      </c>
      <c r="Q1037" s="53">
        <v>-3751246.48</v>
      </c>
      <c r="R1037" s="53">
        <v>-3751246.48</v>
      </c>
      <c r="S1037" s="53">
        <v>-3751246.48</v>
      </c>
      <c r="T1037" s="53">
        <v>-3751246.48</v>
      </c>
      <c r="U1037" s="53">
        <v>-3751246.48</v>
      </c>
      <c r="V1037" s="53">
        <v>-3751246.48</v>
      </c>
      <c r="W1037" s="53">
        <v>-3751246.48</v>
      </c>
      <c r="X1037" s="53">
        <v>-3751246.48</v>
      </c>
      <c r="Y1037" s="53">
        <v>-3751246.48</v>
      </c>
      <c r="Z1037" s="53">
        <v>-3751246.48</v>
      </c>
      <c r="AA1037" s="53">
        <v>-3751246.48</v>
      </c>
      <c r="AB1037" s="53">
        <v>-3751246.48</v>
      </c>
      <c r="AC1037" s="53">
        <v>-3751246.48</v>
      </c>
      <c r="AD1037" s="53">
        <v>-3751246.48</v>
      </c>
      <c r="AE1037" s="53">
        <v>-3751246.48</v>
      </c>
      <c r="AF1037" s="53">
        <v>-3751246.48</v>
      </c>
      <c r="AG1037" s="53">
        <v>-3751246.48</v>
      </c>
      <c r="AH1037" s="53">
        <v>-3751246.48</v>
      </c>
      <c r="AI1037" s="53">
        <v>-3751246.48</v>
      </c>
      <c r="AJ1037" s="53">
        <v>-3751246.48</v>
      </c>
      <c r="AK1037" s="53">
        <v>-3751246.48</v>
      </c>
      <c r="AL1037" s="53">
        <v>-3751246.48</v>
      </c>
      <c r="AM1037" s="53">
        <v>-3751246.48</v>
      </c>
      <c r="AN1037" s="53">
        <v>-3751246.48</v>
      </c>
      <c r="AO1037" s="53">
        <v>-3751246.48</v>
      </c>
      <c r="AP1037" s="53">
        <v>-3751246.48</v>
      </c>
      <c r="AQ1037" s="53">
        <v>-3751246.48</v>
      </c>
      <c r="AR1037" s="53">
        <v>-3751246.48</v>
      </c>
      <c r="AS1037" s="53">
        <v>-3751246.48</v>
      </c>
      <c r="AT1037" s="53">
        <v>-3751246.48</v>
      </c>
      <c r="AU1037" s="53">
        <v>-3751246.48</v>
      </c>
      <c r="AV1037" s="53">
        <v>-3751246.48</v>
      </c>
      <c r="AW1037" s="53">
        <v>-3751246.48</v>
      </c>
      <c r="AX1037" s="53">
        <v>-3751246.48</v>
      </c>
      <c r="AY1037" s="53">
        <v>-3751246.48</v>
      </c>
      <c r="AZ1037" s="53">
        <v>-3751246.48</v>
      </c>
      <c r="BA1037" s="53">
        <v>-3751246.48</v>
      </c>
    </row>
    <row r="1038" spans="1:53">
      <c r="A1038" s="52" t="s">
        <v>3539</v>
      </c>
      <c r="B1038" s="53">
        <v>0</v>
      </c>
      <c r="C1038" s="53">
        <v>0</v>
      </c>
      <c r="D1038" s="53">
        <v>0</v>
      </c>
      <c r="E1038" s="53">
        <v>0</v>
      </c>
      <c r="F1038" s="53">
        <v>0</v>
      </c>
      <c r="G1038" s="53">
        <v>0</v>
      </c>
      <c r="H1038" s="53">
        <v>0</v>
      </c>
      <c r="I1038" s="53">
        <v>0</v>
      </c>
      <c r="J1038" s="53">
        <v>0</v>
      </c>
      <c r="K1038" s="53">
        <v>0</v>
      </c>
      <c r="L1038" s="53">
        <v>0</v>
      </c>
      <c r="M1038" s="53">
        <v>0</v>
      </c>
      <c r="N1038" s="53">
        <v>0</v>
      </c>
      <c r="O1038" s="53">
        <v>0</v>
      </c>
      <c r="P1038" s="53">
        <v>0</v>
      </c>
      <c r="Q1038" s="53">
        <v>0</v>
      </c>
      <c r="R1038" s="53">
        <v>0</v>
      </c>
      <c r="S1038" s="53">
        <v>0</v>
      </c>
      <c r="T1038" s="53">
        <v>0</v>
      </c>
      <c r="U1038" s="53">
        <v>0</v>
      </c>
      <c r="V1038" s="53">
        <v>0</v>
      </c>
      <c r="W1038" s="53">
        <v>0</v>
      </c>
      <c r="X1038" s="53">
        <v>0</v>
      </c>
      <c r="Y1038" s="53">
        <v>0</v>
      </c>
      <c r="Z1038" s="53">
        <v>0</v>
      </c>
      <c r="AA1038" s="53">
        <v>0</v>
      </c>
      <c r="AB1038" s="53">
        <v>0</v>
      </c>
      <c r="AC1038" s="53">
        <v>0</v>
      </c>
      <c r="AD1038" s="53">
        <v>0</v>
      </c>
      <c r="AE1038" s="53">
        <v>0</v>
      </c>
      <c r="AF1038" s="53">
        <v>0</v>
      </c>
      <c r="AG1038" s="53">
        <v>0</v>
      </c>
      <c r="AH1038" s="53">
        <v>0</v>
      </c>
      <c r="AI1038" s="53">
        <v>0</v>
      </c>
      <c r="AJ1038" s="53">
        <v>0</v>
      </c>
      <c r="AK1038" s="53">
        <v>0</v>
      </c>
      <c r="AL1038" s="53">
        <v>0</v>
      </c>
      <c r="AM1038" s="53">
        <v>0</v>
      </c>
      <c r="AN1038" s="53">
        <v>0</v>
      </c>
      <c r="AO1038" s="53">
        <v>0</v>
      </c>
      <c r="AP1038" s="53">
        <v>0</v>
      </c>
      <c r="AQ1038" s="53">
        <v>0</v>
      </c>
      <c r="AR1038" s="53">
        <v>0</v>
      </c>
      <c r="AS1038" s="53">
        <v>0</v>
      </c>
      <c r="AT1038" s="53">
        <v>0</v>
      </c>
      <c r="AU1038" s="53">
        <v>0</v>
      </c>
      <c r="AV1038" s="53">
        <v>0</v>
      </c>
      <c r="AW1038" s="53">
        <v>0</v>
      </c>
      <c r="AX1038" s="53">
        <v>0</v>
      </c>
      <c r="AY1038" s="53">
        <v>0</v>
      </c>
      <c r="AZ1038" s="53">
        <v>0</v>
      </c>
      <c r="BA1038" s="53">
        <v>0</v>
      </c>
    </row>
    <row r="1039" spans="1:53">
      <c r="A1039" s="52" t="s">
        <v>3540</v>
      </c>
      <c r="B1039" s="53">
        <v>-55752.46</v>
      </c>
      <c r="C1039" s="53">
        <v>-55752.46</v>
      </c>
      <c r="D1039" s="53">
        <v>-55752.46</v>
      </c>
      <c r="E1039" s="53">
        <v>-55752.46</v>
      </c>
      <c r="F1039" s="53">
        <v>-55752.46</v>
      </c>
      <c r="G1039" s="53">
        <v>-55752.46</v>
      </c>
      <c r="H1039" s="53">
        <v>-55752.46</v>
      </c>
      <c r="I1039" s="53">
        <v>-55752.46</v>
      </c>
      <c r="J1039" s="53">
        <v>-55752.46</v>
      </c>
      <c r="K1039" s="53">
        <v>-55752.46</v>
      </c>
      <c r="L1039" s="53">
        <v>-55752.46</v>
      </c>
      <c r="M1039" s="53">
        <v>-55752.46</v>
      </c>
      <c r="N1039" s="53">
        <v>-55752.46</v>
      </c>
      <c r="O1039" s="53">
        <v>-55752.46</v>
      </c>
      <c r="P1039" s="53">
        <v>-55752.46</v>
      </c>
      <c r="Q1039" s="53">
        <v>-55752.46</v>
      </c>
      <c r="R1039" s="53">
        <v>-55752.46</v>
      </c>
      <c r="S1039" s="53">
        <v>-55752.46</v>
      </c>
      <c r="T1039" s="53">
        <v>-55752.46</v>
      </c>
      <c r="U1039" s="53">
        <v>-55752.46</v>
      </c>
      <c r="V1039" s="53">
        <v>-55752.46</v>
      </c>
      <c r="W1039" s="53">
        <v>-55752.46</v>
      </c>
      <c r="X1039" s="53">
        <v>-55752.46</v>
      </c>
      <c r="Y1039" s="53">
        <v>-55752.46</v>
      </c>
      <c r="Z1039" s="53">
        <v>-55752.46</v>
      </c>
      <c r="AA1039" s="53">
        <v>-55752.46</v>
      </c>
      <c r="AB1039" s="53">
        <v>-55752.46</v>
      </c>
      <c r="AC1039" s="53">
        <v>-55752.46</v>
      </c>
      <c r="AD1039" s="53">
        <v>-55752.46</v>
      </c>
      <c r="AE1039" s="53">
        <v>-55752.46</v>
      </c>
      <c r="AF1039" s="53">
        <v>-55752.46</v>
      </c>
      <c r="AG1039" s="53">
        <v>-55752.46</v>
      </c>
      <c r="AH1039" s="53">
        <v>-55752.46</v>
      </c>
      <c r="AI1039" s="53">
        <v>-55752.46</v>
      </c>
      <c r="AJ1039" s="53">
        <v>-55752.46</v>
      </c>
      <c r="AK1039" s="53">
        <v>-55752.46</v>
      </c>
      <c r="AL1039" s="53">
        <v>-55752.46</v>
      </c>
      <c r="AM1039" s="53">
        <v>-55752.46</v>
      </c>
      <c r="AN1039" s="53">
        <v>-55752.46</v>
      </c>
      <c r="AO1039" s="53">
        <v>-55752.46</v>
      </c>
      <c r="AP1039" s="53">
        <v>-55752.46</v>
      </c>
      <c r="AQ1039" s="53">
        <v>-55752.46</v>
      </c>
      <c r="AR1039" s="53">
        <v>-55752.46</v>
      </c>
      <c r="AS1039" s="53">
        <v>-55752.46</v>
      </c>
      <c r="AT1039" s="53">
        <v>-55752.46</v>
      </c>
      <c r="AU1039" s="53">
        <v>-55752.46</v>
      </c>
      <c r="AV1039" s="53">
        <v>-55752.46</v>
      </c>
      <c r="AW1039" s="53">
        <v>-55752.46</v>
      </c>
      <c r="AX1039" s="53">
        <v>-55752.46</v>
      </c>
      <c r="AY1039" s="53">
        <v>-55752.46</v>
      </c>
      <c r="AZ1039" s="53">
        <v>-55752.46</v>
      </c>
      <c r="BA1039" s="53">
        <v>-55752.46</v>
      </c>
    </row>
    <row r="1040" spans="1:53">
      <c r="A1040" s="52" t="s">
        <v>3541</v>
      </c>
      <c r="B1040" s="53">
        <v>0</v>
      </c>
      <c r="C1040" s="53">
        <v>0</v>
      </c>
      <c r="D1040" s="53">
        <v>0</v>
      </c>
      <c r="E1040" s="53">
        <v>0</v>
      </c>
      <c r="F1040" s="53">
        <v>0</v>
      </c>
      <c r="G1040" s="53">
        <v>0</v>
      </c>
      <c r="H1040" s="53">
        <v>0</v>
      </c>
      <c r="I1040" s="53">
        <v>0</v>
      </c>
      <c r="J1040" s="53">
        <v>0</v>
      </c>
      <c r="K1040" s="53">
        <v>0</v>
      </c>
      <c r="L1040" s="53">
        <v>0</v>
      </c>
      <c r="M1040" s="53">
        <v>0</v>
      </c>
      <c r="N1040" s="53">
        <v>0</v>
      </c>
      <c r="O1040" s="53">
        <v>0</v>
      </c>
      <c r="P1040" s="53">
        <v>0</v>
      </c>
      <c r="Q1040" s="53">
        <v>0</v>
      </c>
      <c r="R1040" s="53">
        <v>0</v>
      </c>
      <c r="S1040" s="53">
        <v>0</v>
      </c>
      <c r="T1040" s="53">
        <v>0</v>
      </c>
      <c r="U1040" s="53">
        <v>0</v>
      </c>
      <c r="V1040" s="53">
        <v>0</v>
      </c>
      <c r="W1040" s="53">
        <v>0</v>
      </c>
      <c r="X1040" s="53">
        <v>0</v>
      </c>
      <c r="Y1040" s="53">
        <v>0</v>
      </c>
      <c r="Z1040" s="53">
        <v>0</v>
      </c>
      <c r="AA1040" s="53">
        <v>0</v>
      </c>
      <c r="AB1040" s="53">
        <v>0</v>
      </c>
      <c r="AC1040" s="53">
        <v>0</v>
      </c>
      <c r="AD1040" s="53">
        <v>0</v>
      </c>
      <c r="AE1040" s="53">
        <v>0</v>
      </c>
      <c r="AF1040" s="53">
        <v>0</v>
      </c>
      <c r="AG1040" s="53">
        <v>0</v>
      </c>
      <c r="AH1040" s="53">
        <v>0</v>
      </c>
      <c r="AI1040" s="53">
        <v>0</v>
      </c>
      <c r="AJ1040" s="53">
        <v>0</v>
      </c>
      <c r="AK1040" s="53">
        <v>0</v>
      </c>
      <c r="AL1040" s="53">
        <v>0</v>
      </c>
      <c r="AM1040" s="53">
        <v>0</v>
      </c>
      <c r="AN1040" s="53">
        <v>0</v>
      </c>
      <c r="AO1040" s="53">
        <v>0</v>
      </c>
      <c r="AP1040" s="53">
        <v>0</v>
      </c>
      <c r="AQ1040" s="53">
        <v>0</v>
      </c>
      <c r="AR1040" s="53">
        <v>0</v>
      </c>
      <c r="AS1040" s="53">
        <v>0</v>
      </c>
      <c r="AT1040" s="53">
        <v>0</v>
      </c>
      <c r="AU1040" s="53">
        <v>0</v>
      </c>
      <c r="AV1040" s="53">
        <v>0</v>
      </c>
      <c r="AW1040" s="53">
        <v>0</v>
      </c>
      <c r="AX1040" s="53">
        <v>0</v>
      </c>
      <c r="AY1040" s="53">
        <v>0</v>
      </c>
      <c r="AZ1040" s="53">
        <v>0</v>
      </c>
      <c r="BA1040" s="53">
        <v>0</v>
      </c>
    </row>
    <row r="1041" spans="1:53">
      <c r="A1041" s="52" t="s">
        <v>3542</v>
      </c>
      <c r="B1041" s="53">
        <v>0</v>
      </c>
      <c r="C1041" s="53">
        <v>0</v>
      </c>
      <c r="D1041" s="53">
        <v>0</v>
      </c>
      <c r="E1041" s="53">
        <v>0</v>
      </c>
      <c r="F1041" s="53">
        <v>0</v>
      </c>
      <c r="G1041" s="53">
        <v>0</v>
      </c>
      <c r="H1041" s="53">
        <v>0</v>
      </c>
      <c r="I1041" s="53">
        <v>0</v>
      </c>
      <c r="J1041" s="53">
        <v>0</v>
      </c>
      <c r="K1041" s="53">
        <v>0</v>
      </c>
      <c r="L1041" s="53">
        <v>0</v>
      </c>
      <c r="M1041" s="53">
        <v>0</v>
      </c>
      <c r="N1041" s="53">
        <v>0</v>
      </c>
      <c r="O1041" s="53">
        <v>0</v>
      </c>
      <c r="P1041" s="53">
        <v>0</v>
      </c>
      <c r="Q1041" s="53">
        <v>0</v>
      </c>
      <c r="R1041" s="53">
        <v>0</v>
      </c>
      <c r="S1041" s="53">
        <v>0</v>
      </c>
      <c r="T1041" s="53">
        <v>0</v>
      </c>
      <c r="U1041" s="53">
        <v>0</v>
      </c>
      <c r="V1041" s="53">
        <v>0</v>
      </c>
      <c r="W1041" s="53">
        <v>0</v>
      </c>
      <c r="X1041" s="53">
        <v>0</v>
      </c>
      <c r="Y1041" s="53">
        <v>0</v>
      </c>
      <c r="Z1041" s="53">
        <v>0</v>
      </c>
      <c r="AA1041" s="53">
        <v>0</v>
      </c>
      <c r="AB1041" s="53">
        <v>0</v>
      </c>
      <c r="AC1041" s="53">
        <v>0</v>
      </c>
      <c r="AD1041" s="53">
        <v>0</v>
      </c>
      <c r="AE1041" s="53">
        <v>0</v>
      </c>
      <c r="AF1041" s="53">
        <v>0</v>
      </c>
      <c r="AG1041" s="53">
        <v>0</v>
      </c>
      <c r="AH1041" s="53">
        <v>0</v>
      </c>
      <c r="AI1041" s="53">
        <v>0</v>
      </c>
      <c r="AJ1041" s="53">
        <v>0</v>
      </c>
      <c r="AK1041" s="53">
        <v>0</v>
      </c>
      <c r="AL1041" s="53">
        <v>0</v>
      </c>
      <c r="AM1041" s="53">
        <v>0</v>
      </c>
      <c r="AN1041" s="53">
        <v>0</v>
      </c>
      <c r="AO1041" s="53">
        <v>0</v>
      </c>
      <c r="AP1041" s="53">
        <v>0</v>
      </c>
      <c r="AQ1041" s="53">
        <v>0</v>
      </c>
      <c r="AR1041" s="53">
        <v>0</v>
      </c>
      <c r="AS1041" s="53">
        <v>0</v>
      </c>
      <c r="AT1041" s="53">
        <v>0</v>
      </c>
      <c r="AU1041" s="53">
        <v>0</v>
      </c>
      <c r="AV1041" s="53">
        <v>0</v>
      </c>
      <c r="AW1041" s="53">
        <v>0</v>
      </c>
      <c r="AX1041" s="53">
        <v>0</v>
      </c>
      <c r="AY1041" s="53">
        <v>0</v>
      </c>
      <c r="AZ1041" s="53">
        <v>0</v>
      </c>
      <c r="BA1041" s="53">
        <v>0</v>
      </c>
    </row>
    <row r="1042" spans="1:53">
      <c r="A1042" s="52" t="s">
        <v>3543</v>
      </c>
      <c r="B1042" s="53">
        <v>-149841.07</v>
      </c>
      <c r="C1042" s="53">
        <v>-149841.07</v>
      </c>
      <c r="D1042" s="53">
        <v>-149841.07</v>
      </c>
      <c r="E1042" s="53">
        <v>-149841.07</v>
      </c>
      <c r="F1042" s="53">
        <v>-149841.07</v>
      </c>
      <c r="G1042" s="53">
        <v>-149841.07</v>
      </c>
      <c r="H1042" s="53">
        <v>-149841.07</v>
      </c>
      <c r="I1042" s="53">
        <v>-149841.07</v>
      </c>
      <c r="J1042" s="53">
        <v>-149841.07</v>
      </c>
      <c r="K1042" s="53">
        <v>-149841.07</v>
      </c>
      <c r="L1042" s="53">
        <v>-149841.07</v>
      </c>
      <c r="M1042" s="53">
        <v>-149841.07</v>
      </c>
      <c r="N1042" s="53">
        <v>-149841.07</v>
      </c>
      <c r="O1042" s="53">
        <v>-149841.07</v>
      </c>
      <c r="P1042" s="53">
        <v>-149841.07</v>
      </c>
      <c r="Q1042" s="53">
        <v>-149841.07</v>
      </c>
      <c r="R1042" s="53">
        <v>-149841.07</v>
      </c>
      <c r="S1042" s="53">
        <v>-149841.07</v>
      </c>
      <c r="T1042" s="53">
        <v>-149841.07</v>
      </c>
      <c r="U1042" s="53">
        <v>-149841.07</v>
      </c>
      <c r="V1042" s="53">
        <v>-149841.07</v>
      </c>
      <c r="W1042" s="53">
        <v>-149841.07</v>
      </c>
      <c r="X1042" s="53">
        <v>-149841.07</v>
      </c>
      <c r="Y1042" s="53">
        <v>-149841.07</v>
      </c>
      <c r="Z1042" s="53">
        <v>-149841.07</v>
      </c>
      <c r="AA1042" s="53">
        <v>-149841.07</v>
      </c>
      <c r="AB1042" s="53">
        <v>-149841.07</v>
      </c>
      <c r="AC1042" s="53">
        <v>-149841.07</v>
      </c>
      <c r="AD1042" s="53">
        <v>-149841.07</v>
      </c>
      <c r="AE1042" s="53">
        <v>-149841.07</v>
      </c>
      <c r="AF1042" s="53">
        <v>-149841.07</v>
      </c>
      <c r="AG1042" s="53">
        <v>-149841.07</v>
      </c>
      <c r="AH1042" s="53">
        <v>-149841.07</v>
      </c>
      <c r="AI1042" s="53">
        <v>-149841.07</v>
      </c>
      <c r="AJ1042" s="53">
        <v>-149841.07</v>
      </c>
      <c r="AK1042" s="53">
        <v>-149841.07</v>
      </c>
      <c r="AL1042" s="53">
        <v>-149841.07</v>
      </c>
      <c r="AM1042" s="53">
        <v>-149841.07</v>
      </c>
      <c r="AN1042" s="53">
        <v>-149841.07</v>
      </c>
      <c r="AO1042" s="53">
        <v>-149841.07</v>
      </c>
      <c r="AP1042" s="53">
        <v>-149841.07</v>
      </c>
      <c r="AQ1042" s="53">
        <v>-149841.07</v>
      </c>
      <c r="AR1042" s="53">
        <v>-149841.07</v>
      </c>
      <c r="AS1042" s="53">
        <v>-149841.07</v>
      </c>
      <c r="AT1042" s="53">
        <v>-149841.07</v>
      </c>
      <c r="AU1042" s="53">
        <v>-149841.07</v>
      </c>
      <c r="AV1042" s="53">
        <v>-149841.07</v>
      </c>
      <c r="AW1042" s="53">
        <v>-149841.07</v>
      </c>
      <c r="AX1042" s="53">
        <v>-149841.07</v>
      </c>
      <c r="AY1042" s="53">
        <v>-149841.07</v>
      </c>
      <c r="AZ1042" s="53">
        <v>-149841.07</v>
      </c>
      <c r="BA1042" s="53">
        <v>-149841.07</v>
      </c>
    </row>
    <row r="1043" spans="1:53">
      <c r="A1043" s="52" t="s">
        <v>3544</v>
      </c>
      <c r="B1043" s="53">
        <v>0</v>
      </c>
      <c r="C1043" s="53">
        <v>0</v>
      </c>
      <c r="D1043" s="53">
        <v>0</v>
      </c>
      <c r="E1043" s="53">
        <v>0</v>
      </c>
      <c r="F1043" s="53">
        <v>0</v>
      </c>
      <c r="G1043" s="53">
        <v>0</v>
      </c>
      <c r="H1043" s="53">
        <v>0</v>
      </c>
      <c r="I1043" s="53">
        <v>0</v>
      </c>
      <c r="J1043" s="53">
        <v>0</v>
      </c>
      <c r="K1043" s="53">
        <v>0</v>
      </c>
      <c r="L1043" s="53">
        <v>0</v>
      </c>
      <c r="M1043" s="53">
        <v>0</v>
      </c>
      <c r="N1043" s="53">
        <v>0</v>
      </c>
      <c r="O1043" s="53">
        <v>0</v>
      </c>
      <c r="P1043" s="53">
        <v>0</v>
      </c>
      <c r="Q1043" s="53">
        <v>0</v>
      </c>
      <c r="R1043" s="53">
        <v>0</v>
      </c>
      <c r="S1043" s="53">
        <v>0</v>
      </c>
      <c r="T1043" s="53">
        <v>0</v>
      </c>
      <c r="U1043" s="53">
        <v>0</v>
      </c>
      <c r="V1043" s="53">
        <v>0</v>
      </c>
      <c r="W1043" s="53">
        <v>0</v>
      </c>
      <c r="X1043" s="53">
        <v>0</v>
      </c>
      <c r="Y1043" s="53">
        <v>0</v>
      </c>
      <c r="Z1043" s="53">
        <v>0</v>
      </c>
      <c r="AA1043" s="53">
        <v>0</v>
      </c>
      <c r="AB1043" s="53">
        <v>0</v>
      </c>
      <c r="AC1043" s="53">
        <v>0</v>
      </c>
      <c r="AD1043" s="53">
        <v>0</v>
      </c>
      <c r="AE1043" s="53">
        <v>0</v>
      </c>
      <c r="AF1043" s="53">
        <v>0</v>
      </c>
      <c r="AG1043" s="53">
        <v>0</v>
      </c>
      <c r="AH1043" s="53">
        <v>0</v>
      </c>
      <c r="AI1043" s="53">
        <v>0</v>
      </c>
      <c r="AJ1043" s="53">
        <v>0</v>
      </c>
      <c r="AK1043" s="53">
        <v>0</v>
      </c>
      <c r="AL1043" s="53">
        <v>0</v>
      </c>
      <c r="AM1043" s="53">
        <v>0</v>
      </c>
      <c r="AN1043" s="53">
        <v>0</v>
      </c>
      <c r="AO1043" s="53">
        <v>0</v>
      </c>
      <c r="AP1043" s="53">
        <v>0</v>
      </c>
      <c r="AQ1043" s="53">
        <v>0</v>
      </c>
      <c r="AR1043" s="53">
        <v>0</v>
      </c>
      <c r="AS1043" s="53">
        <v>0</v>
      </c>
      <c r="AT1043" s="53">
        <v>0</v>
      </c>
      <c r="AU1043" s="53">
        <v>0</v>
      </c>
      <c r="AV1043" s="53">
        <v>0</v>
      </c>
      <c r="AW1043" s="53">
        <v>0</v>
      </c>
      <c r="AX1043" s="53">
        <v>0</v>
      </c>
      <c r="AY1043" s="53">
        <v>0</v>
      </c>
      <c r="AZ1043" s="53">
        <v>0</v>
      </c>
      <c r="BA1043" s="53">
        <v>0</v>
      </c>
    </row>
    <row r="1044" spans="1:53">
      <c r="A1044" s="58" t="s">
        <v>3545</v>
      </c>
      <c r="B1044" s="134">
        <v>-55061124.030000001</v>
      </c>
      <c r="C1044" s="134">
        <v>-55061124.030000001</v>
      </c>
      <c r="D1044" s="134">
        <v>-55061124.030000001</v>
      </c>
      <c r="E1044" s="134">
        <v>-55061124.030000001</v>
      </c>
      <c r="F1044" s="134">
        <v>-55061124.030000001</v>
      </c>
      <c r="G1044" s="134">
        <v>-55061124.030000001</v>
      </c>
      <c r="H1044" s="134">
        <v>-55061124.030000001</v>
      </c>
      <c r="I1044" s="134">
        <v>-55061124.030000001</v>
      </c>
      <c r="J1044" s="134">
        <v>-55061124.030000001</v>
      </c>
      <c r="K1044" s="134">
        <v>-55061124.030000001</v>
      </c>
      <c r="L1044" s="134">
        <v>-55061124.030000001</v>
      </c>
      <c r="M1044" s="134">
        <v>-55061124.030000001</v>
      </c>
      <c r="N1044" s="134">
        <v>-55061124.030000001</v>
      </c>
      <c r="O1044" s="134">
        <v>-55061124.030000001</v>
      </c>
      <c r="P1044" s="134">
        <v>-55061124.030000001</v>
      </c>
      <c r="Q1044" s="134">
        <v>-55061124.030000001</v>
      </c>
      <c r="R1044" s="134">
        <v>-55061124.030000001</v>
      </c>
      <c r="S1044" s="134">
        <v>-55061124.030000001</v>
      </c>
      <c r="T1044" s="134">
        <v>-55061124.030000001</v>
      </c>
      <c r="U1044" s="134">
        <v>-55061124.030000001</v>
      </c>
      <c r="V1044" s="134">
        <v>-55061124.030000001</v>
      </c>
      <c r="W1044" s="134">
        <v>-55061124.030000001</v>
      </c>
      <c r="X1044" s="134">
        <v>-55061124.030000001</v>
      </c>
      <c r="Y1044" s="134">
        <v>-55061124.030000001</v>
      </c>
      <c r="Z1044" s="134">
        <v>-55061124.030000001</v>
      </c>
      <c r="AA1044" s="134">
        <v>-55061124.030000001</v>
      </c>
      <c r="AB1044" s="134">
        <v>-55061124.030000001</v>
      </c>
      <c r="AC1044" s="134">
        <v>-55061124.030000001</v>
      </c>
      <c r="AD1044" s="134">
        <v>-55061124.030000001</v>
      </c>
      <c r="AE1044" s="134">
        <v>-55061124.030000001</v>
      </c>
      <c r="AF1044" s="134">
        <v>-55061124.030000001</v>
      </c>
      <c r="AG1044" s="134">
        <v>-55061124.030000001</v>
      </c>
      <c r="AH1044" s="134">
        <v>-55061124.030000001</v>
      </c>
      <c r="AI1044" s="134">
        <v>-55061124.030000001</v>
      </c>
      <c r="AJ1044" s="134">
        <v>-55061124.030000001</v>
      </c>
      <c r="AK1044" s="134">
        <v>-55061124.030000001</v>
      </c>
      <c r="AL1044" s="134">
        <v>-55061124.030000098</v>
      </c>
      <c r="AM1044" s="134">
        <v>-55061124.030000098</v>
      </c>
      <c r="AN1044" s="134">
        <v>-55061124.030000098</v>
      </c>
      <c r="AO1044" s="134">
        <v>-55061124.030000098</v>
      </c>
      <c r="AP1044" s="134">
        <v>-55061124.030000098</v>
      </c>
      <c r="AQ1044" s="134">
        <v>-55061124.030000098</v>
      </c>
      <c r="AR1044" s="134">
        <v>-55061124.030000098</v>
      </c>
      <c r="AS1044" s="134">
        <v>-55061124.030000098</v>
      </c>
      <c r="AT1044" s="134">
        <v>-55061124.030000098</v>
      </c>
      <c r="AU1044" s="134">
        <v>-55061124.030000098</v>
      </c>
      <c r="AV1044" s="134">
        <v>-55061124.030000098</v>
      </c>
      <c r="AW1044" s="134">
        <v>-55061124.030000098</v>
      </c>
      <c r="AX1044" s="134">
        <v>-55061124.030000098</v>
      </c>
      <c r="AY1044" s="134">
        <v>-55061124.030000098</v>
      </c>
      <c r="AZ1044" s="134">
        <v>-55061124.030000098</v>
      </c>
      <c r="BA1044" s="134">
        <v>-55061124.030000098</v>
      </c>
    </row>
    <row r="1045" spans="1:53">
      <c r="A1045" s="52" t="s">
        <v>3546</v>
      </c>
    </row>
    <row r="1046" spans="1:53">
      <c r="A1046" s="57" t="s">
        <v>3547</v>
      </c>
    </row>
    <row r="1047" spans="1:53">
      <c r="A1047" s="52" t="s">
        <v>3548</v>
      </c>
      <c r="B1047" s="53">
        <v>0</v>
      </c>
      <c r="C1047" s="53">
        <v>0</v>
      </c>
      <c r="D1047" s="53">
        <v>0</v>
      </c>
      <c r="E1047" s="53">
        <v>0</v>
      </c>
      <c r="F1047" s="53">
        <v>0</v>
      </c>
      <c r="G1047" s="53">
        <v>0</v>
      </c>
      <c r="H1047" s="53">
        <v>0</v>
      </c>
      <c r="I1047" s="53">
        <v>0</v>
      </c>
      <c r="J1047" s="53">
        <v>0</v>
      </c>
      <c r="K1047" s="53">
        <v>0</v>
      </c>
      <c r="L1047" s="53">
        <v>0</v>
      </c>
      <c r="M1047" s="53">
        <v>0</v>
      </c>
      <c r="N1047" s="53">
        <v>0</v>
      </c>
      <c r="O1047" s="53">
        <v>0</v>
      </c>
      <c r="P1047" s="53">
        <v>0</v>
      </c>
      <c r="Q1047" s="53">
        <v>0</v>
      </c>
      <c r="R1047" s="53">
        <v>0</v>
      </c>
      <c r="S1047" s="53">
        <v>0</v>
      </c>
      <c r="T1047" s="53">
        <v>0</v>
      </c>
      <c r="U1047" s="53">
        <v>0</v>
      </c>
      <c r="V1047" s="53">
        <v>0</v>
      </c>
      <c r="W1047" s="53">
        <v>0</v>
      </c>
      <c r="X1047" s="53">
        <v>0</v>
      </c>
      <c r="Y1047" s="53">
        <v>0</v>
      </c>
      <c r="Z1047" s="53">
        <v>0</v>
      </c>
      <c r="AA1047" s="53">
        <v>0</v>
      </c>
      <c r="AB1047" s="53">
        <v>0</v>
      </c>
      <c r="AC1047" s="53">
        <v>0</v>
      </c>
      <c r="AD1047" s="53">
        <v>0</v>
      </c>
      <c r="AE1047" s="53">
        <v>0</v>
      </c>
      <c r="AF1047" s="53">
        <v>0</v>
      </c>
      <c r="AG1047" s="53">
        <v>0</v>
      </c>
      <c r="AH1047" s="53">
        <v>0</v>
      </c>
      <c r="AI1047" s="53">
        <v>0</v>
      </c>
      <c r="AJ1047" s="53">
        <v>0</v>
      </c>
      <c r="AK1047" s="53">
        <v>0</v>
      </c>
      <c r="AL1047" s="53">
        <v>0</v>
      </c>
      <c r="AM1047" s="53">
        <v>0</v>
      </c>
      <c r="AN1047" s="53">
        <v>0</v>
      </c>
      <c r="AO1047" s="53">
        <v>0</v>
      </c>
      <c r="AP1047" s="53">
        <v>0</v>
      </c>
      <c r="AQ1047" s="53">
        <v>0</v>
      </c>
      <c r="AR1047" s="53">
        <v>0</v>
      </c>
      <c r="AS1047" s="53">
        <v>0</v>
      </c>
      <c r="AT1047" s="53">
        <v>0</v>
      </c>
      <c r="AU1047" s="53">
        <v>0</v>
      </c>
      <c r="AV1047" s="53">
        <v>0</v>
      </c>
      <c r="AW1047" s="53">
        <v>0</v>
      </c>
      <c r="AX1047" s="53">
        <v>0</v>
      </c>
      <c r="AY1047" s="53">
        <v>0</v>
      </c>
      <c r="AZ1047" s="53">
        <v>0</v>
      </c>
      <c r="BA1047" s="53">
        <v>0</v>
      </c>
    </row>
    <row r="1048" spans="1:53">
      <c r="A1048" s="52" t="s">
        <v>3549</v>
      </c>
      <c r="B1048" s="53">
        <v>0</v>
      </c>
      <c r="C1048" s="53">
        <v>0</v>
      </c>
      <c r="D1048" s="53">
        <v>0</v>
      </c>
      <c r="E1048" s="53">
        <v>0</v>
      </c>
      <c r="F1048" s="53">
        <v>0</v>
      </c>
      <c r="G1048" s="53">
        <v>0</v>
      </c>
      <c r="H1048" s="53">
        <v>0</v>
      </c>
      <c r="I1048" s="53">
        <v>0</v>
      </c>
      <c r="J1048" s="53">
        <v>0</v>
      </c>
      <c r="K1048" s="53">
        <v>0</v>
      </c>
      <c r="L1048" s="53">
        <v>0</v>
      </c>
      <c r="M1048" s="53">
        <v>0</v>
      </c>
      <c r="N1048" s="53">
        <v>0</v>
      </c>
      <c r="O1048" s="53">
        <v>0</v>
      </c>
      <c r="P1048" s="53">
        <v>0</v>
      </c>
      <c r="Q1048" s="53">
        <v>0</v>
      </c>
      <c r="R1048" s="53">
        <v>0</v>
      </c>
      <c r="S1048" s="53">
        <v>0</v>
      </c>
      <c r="T1048" s="53">
        <v>0</v>
      </c>
      <c r="U1048" s="53">
        <v>0</v>
      </c>
      <c r="V1048" s="53">
        <v>0</v>
      </c>
      <c r="W1048" s="53">
        <v>0</v>
      </c>
      <c r="X1048" s="53">
        <v>0</v>
      </c>
      <c r="Y1048" s="53">
        <v>0</v>
      </c>
      <c r="Z1048" s="53">
        <v>0</v>
      </c>
      <c r="AA1048" s="53">
        <v>0</v>
      </c>
      <c r="AB1048" s="53">
        <v>0</v>
      </c>
      <c r="AC1048" s="53">
        <v>0</v>
      </c>
      <c r="AD1048" s="53">
        <v>0</v>
      </c>
      <c r="AE1048" s="53">
        <v>0</v>
      </c>
      <c r="AF1048" s="53">
        <v>0</v>
      </c>
      <c r="AG1048" s="53">
        <v>0</v>
      </c>
      <c r="AH1048" s="53">
        <v>0</v>
      </c>
      <c r="AI1048" s="53">
        <v>0</v>
      </c>
      <c r="AJ1048" s="53">
        <v>0</v>
      </c>
      <c r="AK1048" s="53">
        <v>0</v>
      </c>
      <c r="AL1048" s="53">
        <v>0</v>
      </c>
      <c r="AM1048" s="53">
        <v>0</v>
      </c>
      <c r="AN1048" s="53">
        <v>0</v>
      </c>
      <c r="AO1048" s="53">
        <v>0</v>
      </c>
      <c r="AP1048" s="53">
        <v>0</v>
      </c>
      <c r="AQ1048" s="53">
        <v>0</v>
      </c>
      <c r="AR1048" s="53">
        <v>0</v>
      </c>
      <c r="AS1048" s="53">
        <v>0</v>
      </c>
      <c r="AT1048" s="53">
        <v>0</v>
      </c>
      <c r="AU1048" s="53">
        <v>0</v>
      </c>
      <c r="AV1048" s="53">
        <v>0</v>
      </c>
      <c r="AW1048" s="53">
        <v>0</v>
      </c>
      <c r="AX1048" s="53">
        <v>0</v>
      </c>
      <c r="AY1048" s="53">
        <v>0</v>
      </c>
      <c r="AZ1048" s="53">
        <v>0</v>
      </c>
      <c r="BA1048" s="53">
        <v>0</v>
      </c>
    </row>
    <row r="1049" spans="1:53">
      <c r="A1049" s="52" t="s">
        <v>3550</v>
      </c>
      <c r="B1049" s="53">
        <v>-39330786.6647847</v>
      </c>
      <c r="C1049" s="53">
        <v>-35237379.721550897</v>
      </c>
      <c r="D1049" s="53">
        <v>-31296938.577199999</v>
      </c>
      <c r="E1049" s="53">
        <v>-27664471.776420899</v>
      </c>
      <c r="F1049" s="53">
        <v>-24720938.742936201</v>
      </c>
      <c r="G1049" s="53">
        <v>-23184734.472403001</v>
      </c>
      <c r="H1049" s="53">
        <v>-21093097.007091999</v>
      </c>
      <c r="I1049" s="53">
        <v>-23021643.7994335</v>
      </c>
      <c r="J1049" s="53">
        <v>-20074519.821552198</v>
      </c>
      <c r="K1049" s="53">
        <v>-14146901.567211799</v>
      </c>
      <c r="L1049" s="53">
        <v>-6413388.7468653098</v>
      </c>
      <c r="M1049" s="53">
        <v>-28.5550258486182</v>
      </c>
      <c r="N1049" s="53">
        <v>-28.5550258486182</v>
      </c>
      <c r="O1049" s="53">
        <v>-5913137.9191848598</v>
      </c>
      <c r="P1049" s="53">
        <v>-1901944.79764772</v>
      </c>
      <c r="Q1049" s="53">
        <v>1051374.5708610399</v>
      </c>
      <c r="R1049" s="53">
        <v>2757292.8096303102</v>
      </c>
      <c r="S1049" s="53">
        <v>901694.73078867304</v>
      </c>
      <c r="T1049" s="53">
        <v>-2103167.8827220802</v>
      </c>
      <c r="U1049" s="53">
        <v>-6008867.3087692996</v>
      </c>
      <c r="V1049" s="53">
        <v>-15628235.5711456</v>
      </c>
      <c r="W1049" s="53">
        <v>-16914848.9058391</v>
      </c>
      <c r="X1049" s="53">
        <v>-14102086.905556001</v>
      </c>
      <c r="Y1049" s="53">
        <v>-6714793.1812261902</v>
      </c>
      <c r="Z1049" s="53">
        <v>-28.555025812238402</v>
      </c>
      <c r="AA1049" s="53">
        <v>-28.555025812238402</v>
      </c>
      <c r="AB1049" s="53">
        <v>-6809528.0015080702</v>
      </c>
      <c r="AC1049" s="53">
        <v>-665080.22710339294</v>
      </c>
      <c r="AD1049" s="53">
        <v>4047317.6915698699</v>
      </c>
      <c r="AE1049" s="53">
        <v>6923433.5593965901</v>
      </c>
      <c r="AF1049" s="53">
        <v>4879901.3597839</v>
      </c>
      <c r="AG1049" s="53">
        <v>969039.26466726605</v>
      </c>
      <c r="AH1049" s="53">
        <v>-4296830.1223008996</v>
      </c>
      <c r="AI1049" s="53">
        <v>-17302958.201127101</v>
      </c>
      <c r="AJ1049" s="53">
        <v>-19415684.762307901</v>
      </c>
      <c r="AK1049" s="53">
        <v>-16635477.640027201</v>
      </c>
      <c r="AL1049" s="53">
        <v>-7767039.1376523403</v>
      </c>
      <c r="AM1049" s="53">
        <v>-28.5550258486182</v>
      </c>
      <c r="AN1049" s="53">
        <v>-28.5550258486182</v>
      </c>
      <c r="AO1049" s="53">
        <v>-7406646.2560560796</v>
      </c>
      <c r="AP1049" s="53">
        <v>391279.67909345502</v>
      </c>
      <c r="AQ1049" s="53">
        <v>6489250.05308979</v>
      </c>
      <c r="AR1049" s="53">
        <v>10327512.1785622</v>
      </c>
      <c r="AS1049" s="53">
        <v>8137117.2469459204</v>
      </c>
      <c r="AT1049" s="53">
        <v>3524387.1993977898</v>
      </c>
      <c r="AU1049" s="53">
        <v>-2816479.0901539</v>
      </c>
      <c r="AV1049" s="53">
        <v>-18391664.7960268</v>
      </c>
      <c r="AW1049" s="53">
        <v>-21252786.555016998</v>
      </c>
      <c r="AX1049" s="53">
        <v>-18414024.956901401</v>
      </c>
      <c r="AY1049" s="53">
        <v>-8488797.0048570391</v>
      </c>
      <c r="AZ1049" s="53">
        <v>-28.555025994137299</v>
      </c>
      <c r="BA1049" s="53">
        <v>-28.555025994137299</v>
      </c>
    </row>
    <row r="1050" spans="1:53">
      <c r="A1050" s="52" t="s">
        <v>3551</v>
      </c>
      <c r="B1050" s="53">
        <v>0</v>
      </c>
      <c r="C1050" s="53">
        <v>0</v>
      </c>
      <c r="D1050" s="53">
        <v>0</v>
      </c>
      <c r="E1050" s="53">
        <v>0</v>
      </c>
      <c r="F1050" s="53">
        <v>0</v>
      </c>
      <c r="G1050" s="53">
        <v>0</v>
      </c>
      <c r="H1050" s="53">
        <v>0</v>
      </c>
      <c r="I1050" s="53">
        <v>0</v>
      </c>
      <c r="J1050" s="53">
        <v>0</v>
      </c>
      <c r="K1050" s="53">
        <v>0</v>
      </c>
      <c r="L1050" s="53">
        <v>0</v>
      </c>
      <c r="M1050" s="53">
        <v>0</v>
      </c>
      <c r="N1050" s="53">
        <v>0</v>
      </c>
      <c r="O1050" s="53">
        <v>0</v>
      </c>
      <c r="P1050" s="53">
        <v>0</v>
      </c>
      <c r="Q1050" s="53">
        <v>0</v>
      </c>
      <c r="R1050" s="53">
        <v>0</v>
      </c>
      <c r="S1050" s="53">
        <v>0</v>
      </c>
      <c r="T1050" s="53">
        <v>0</v>
      </c>
      <c r="U1050" s="53">
        <v>0</v>
      </c>
      <c r="V1050" s="53">
        <v>0</v>
      </c>
      <c r="W1050" s="53">
        <v>0</v>
      </c>
      <c r="X1050" s="53">
        <v>0</v>
      </c>
      <c r="Y1050" s="53">
        <v>0</v>
      </c>
      <c r="Z1050" s="53">
        <v>0</v>
      </c>
      <c r="AA1050" s="53">
        <v>0</v>
      </c>
      <c r="AB1050" s="53">
        <v>0</v>
      </c>
      <c r="AC1050" s="53">
        <v>0</v>
      </c>
      <c r="AD1050" s="53">
        <v>0</v>
      </c>
      <c r="AE1050" s="53">
        <v>0</v>
      </c>
      <c r="AF1050" s="53">
        <v>0</v>
      </c>
      <c r="AG1050" s="53">
        <v>0</v>
      </c>
      <c r="AH1050" s="53">
        <v>0</v>
      </c>
      <c r="AI1050" s="53">
        <v>0</v>
      </c>
      <c r="AJ1050" s="53">
        <v>0</v>
      </c>
      <c r="AK1050" s="53">
        <v>0</v>
      </c>
      <c r="AL1050" s="53">
        <v>0</v>
      </c>
      <c r="AM1050" s="53">
        <v>0</v>
      </c>
      <c r="AN1050" s="53">
        <v>0</v>
      </c>
      <c r="AO1050" s="53">
        <v>0</v>
      </c>
      <c r="AP1050" s="53">
        <v>0</v>
      </c>
      <c r="AQ1050" s="53">
        <v>0</v>
      </c>
      <c r="AR1050" s="53">
        <v>0</v>
      </c>
      <c r="AS1050" s="53">
        <v>0</v>
      </c>
      <c r="AT1050" s="53">
        <v>0</v>
      </c>
      <c r="AU1050" s="53">
        <v>0</v>
      </c>
      <c r="AV1050" s="53">
        <v>0</v>
      </c>
      <c r="AW1050" s="53">
        <v>0</v>
      </c>
      <c r="AX1050" s="53">
        <v>0</v>
      </c>
      <c r="AY1050" s="53">
        <v>0</v>
      </c>
      <c r="AZ1050" s="53">
        <v>0</v>
      </c>
      <c r="BA1050" s="53">
        <v>0</v>
      </c>
    </row>
    <row r="1051" spans="1:53">
      <c r="A1051" s="52" t="s">
        <v>3552</v>
      </c>
      <c r="B1051" s="53">
        <v>0</v>
      </c>
      <c r="C1051" s="53">
        <v>0</v>
      </c>
      <c r="D1051" s="53">
        <v>0</v>
      </c>
      <c r="E1051" s="53">
        <v>0</v>
      </c>
      <c r="F1051" s="53">
        <v>0</v>
      </c>
      <c r="G1051" s="53">
        <v>0</v>
      </c>
      <c r="H1051" s="53">
        <v>0</v>
      </c>
      <c r="I1051" s="53">
        <v>0</v>
      </c>
      <c r="J1051" s="53">
        <v>0</v>
      </c>
      <c r="K1051" s="53">
        <v>0</v>
      </c>
      <c r="L1051" s="53">
        <v>0</v>
      </c>
      <c r="M1051" s="53">
        <v>0</v>
      </c>
      <c r="N1051" s="53">
        <v>0</v>
      </c>
      <c r="O1051" s="53">
        <v>0</v>
      </c>
      <c r="P1051" s="53">
        <v>0</v>
      </c>
      <c r="Q1051" s="53">
        <v>0</v>
      </c>
      <c r="R1051" s="53">
        <v>0</v>
      </c>
      <c r="S1051" s="53">
        <v>0</v>
      </c>
      <c r="T1051" s="53">
        <v>0</v>
      </c>
      <c r="U1051" s="53">
        <v>0</v>
      </c>
      <c r="V1051" s="53">
        <v>0</v>
      </c>
      <c r="W1051" s="53">
        <v>0</v>
      </c>
      <c r="X1051" s="53">
        <v>0</v>
      </c>
      <c r="Y1051" s="53">
        <v>0</v>
      </c>
      <c r="Z1051" s="53">
        <v>0</v>
      </c>
      <c r="AA1051" s="53">
        <v>0</v>
      </c>
      <c r="AB1051" s="53">
        <v>0</v>
      </c>
      <c r="AC1051" s="53">
        <v>0</v>
      </c>
      <c r="AD1051" s="53">
        <v>0</v>
      </c>
      <c r="AE1051" s="53">
        <v>0</v>
      </c>
      <c r="AF1051" s="53">
        <v>0</v>
      </c>
      <c r="AG1051" s="53">
        <v>0</v>
      </c>
      <c r="AH1051" s="53">
        <v>0</v>
      </c>
      <c r="AI1051" s="53">
        <v>0</v>
      </c>
      <c r="AJ1051" s="53">
        <v>0</v>
      </c>
      <c r="AK1051" s="53">
        <v>0</v>
      </c>
      <c r="AL1051" s="53">
        <v>0</v>
      </c>
      <c r="AM1051" s="53">
        <v>0</v>
      </c>
      <c r="AN1051" s="53">
        <v>0</v>
      </c>
      <c r="AO1051" s="53">
        <v>0</v>
      </c>
      <c r="AP1051" s="53">
        <v>0</v>
      </c>
      <c r="AQ1051" s="53">
        <v>0</v>
      </c>
      <c r="AR1051" s="53">
        <v>0</v>
      </c>
      <c r="AS1051" s="53">
        <v>0</v>
      </c>
      <c r="AT1051" s="53">
        <v>0</v>
      </c>
      <c r="AU1051" s="53">
        <v>0</v>
      </c>
      <c r="AV1051" s="53">
        <v>0</v>
      </c>
      <c r="AW1051" s="53">
        <v>0</v>
      </c>
      <c r="AX1051" s="53">
        <v>0</v>
      </c>
      <c r="AY1051" s="53">
        <v>0</v>
      </c>
      <c r="AZ1051" s="53">
        <v>0</v>
      </c>
      <c r="BA1051" s="53">
        <v>0</v>
      </c>
    </row>
    <row r="1052" spans="1:53">
      <c r="A1052" s="52" t="s">
        <v>3553</v>
      </c>
      <c r="B1052" s="53">
        <v>-199999999.88</v>
      </c>
      <c r="C1052" s="53">
        <v>-199999999.88</v>
      </c>
      <c r="D1052" s="53">
        <v>-199999999.88</v>
      </c>
      <c r="E1052" s="53">
        <v>-199999999.88</v>
      </c>
      <c r="F1052" s="53">
        <v>-199999999.88</v>
      </c>
      <c r="G1052" s="53">
        <v>-199999999.88</v>
      </c>
      <c r="H1052" s="53">
        <v>-199999999.88</v>
      </c>
      <c r="I1052" s="53">
        <v>-199999999.88</v>
      </c>
      <c r="J1052" s="53">
        <v>-199999999.88</v>
      </c>
      <c r="K1052" s="53">
        <v>-199999999.88</v>
      </c>
      <c r="L1052" s="53">
        <v>-199999999.88</v>
      </c>
      <c r="M1052" s="53">
        <v>-199999999.88</v>
      </c>
      <c r="N1052" s="53">
        <v>-199999999.88</v>
      </c>
      <c r="O1052" s="53">
        <v>-199999999.88</v>
      </c>
      <c r="P1052" s="53">
        <v>-199999999.88</v>
      </c>
      <c r="Q1052" s="53">
        <v>-199999999.88</v>
      </c>
      <c r="R1052" s="53">
        <v>-199999999.88</v>
      </c>
      <c r="S1052" s="53">
        <v>-199999999.88</v>
      </c>
      <c r="T1052" s="53">
        <v>-199999999.88</v>
      </c>
      <c r="U1052" s="53">
        <v>-199999999.88</v>
      </c>
      <c r="V1052" s="53">
        <v>-199999999.88</v>
      </c>
      <c r="W1052" s="53">
        <v>-199999999.88</v>
      </c>
      <c r="X1052" s="53">
        <v>-199999999.88</v>
      </c>
      <c r="Y1052" s="53">
        <v>-199999999.88</v>
      </c>
      <c r="Z1052" s="53">
        <v>-199999999.88</v>
      </c>
      <c r="AA1052" s="53">
        <v>-199999999.88</v>
      </c>
      <c r="AB1052" s="53">
        <v>-199999999.88</v>
      </c>
      <c r="AC1052" s="53">
        <v>-199999999.88</v>
      </c>
      <c r="AD1052" s="53">
        <v>-199999999.88</v>
      </c>
      <c r="AE1052" s="53">
        <v>-199999999.88</v>
      </c>
      <c r="AF1052" s="53">
        <v>-199999999.88</v>
      </c>
      <c r="AG1052" s="53">
        <v>-199999999.88</v>
      </c>
      <c r="AH1052" s="53">
        <v>-199999999.88</v>
      </c>
      <c r="AI1052" s="53">
        <v>-199999999.88</v>
      </c>
      <c r="AJ1052" s="53">
        <v>-199999999.88</v>
      </c>
      <c r="AK1052" s="53">
        <v>-199999999.88</v>
      </c>
      <c r="AL1052" s="53">
        <v>-199999999.88</v>
      </c>
      <c r="AM1052" s="53">
        <v>-199999999.88</v>
      </c>
      <c r="AN1052" s="53">
        <v>-199999999.88</v>
      </c>
      <c r="AO1052" s="53">
        <v>-199999999.88</v>
      </c>
      <c r="AP1052" s="53">
        <v>-199999999.88</v>
      </c>
      <c r="AQ1052" s="53">
        <v>-199999999.88</v>
      </c>
      <c r="AR1052" s="53">
        <v>-199999999.88</v>
      </c>
      <c r="AS1052" s="53">
        <v>-199999999.88</v>
      </c>
      <c r="AT1052" s="53">
        <v>-199999999.88</v>
      </c>
      <c r="AU1052" s="53">
        <v>-199999999.88</v>
      </c>
      <c r="AV1052" s="53">
        <v>-199999999.88</v>
      </c>
      <c r="AW1052" s="53">
        <v>-199999999.88</v>
      </c>
      <c r="AX1052" s="53">
        <v>-199999999.88</v>
      </c>
      <c r="AY1052" s="53">
        <v>-199999999.88</v>
      </c>
      <c r="AZ1052" s="53">
        <v>-199999999.88</v>
      </c>
      <c r="BA1052" s="53">
        <v>-199999999.88</v>
      </c>
    </row>
    <row r="1053" spans="1:53">
      <c r="A1053" s="52" t="s">
        <v>3554</v>
      </c>
      <c r="B1053" s="53">
        <v>-505383718.826666</v>
      </c>
      <c r="C1053" s="53">
        <v>-503383134.49333298</v>
      </c>
      <c r="D1053" s="53">
        <v>-501382550.15999901</v>
      </c>
      <c r="E1053" s="53">
        <v>-499381965.826666</v>
      </c>
      <c r="F1053" s="53">
        <v>-497381381.49333298</v>
      </c>
      <c r="G1053" s="53">
        <v>-495380797.16000003</v>
      </c>
      <c r="H1053" s="53">
        <v>-493380212.826666</v>
      </c>
      <c r="I1053" s="53">
        <v>-491379628.49333298</v>
      </c>
      <c r="J1053" s="53">
        <v>-489379044.16000003</v>
      </c>
      <c r="K1053" s="53">
        <v>-487378459.826666</v>
      </c>
      <c r="L1053" s="53">
        <v>-485377875.49333298</v>
      </c>
      <c r="M1053" s="53">
        <v>-483377291.16000003</v>
      </c>
      <c r="N1053" s="53">
        <v>-483377291.16000003</v>
      </c>
      <c r="O1053" s="53">
        <v>-481442612.576666</v>
      </c>
      <c r="P1053" s="53">
        <v>-479507933.99333298</v>
      </c>
      <c r="Q1053" s="53">
        <v>-477573255.41000003</v>
      </c>
      <c r="R1053" s="53">
        <v>-475638576.826666</v>
      </c>
      <c r="S1053" s="53">
        <v>-473703898.24333298</v>
      </c>
      <c r="T1053" s="53">
        <v>-471769219.66000003</v>
      </c>
      <c r="U1053" s="53">
        <v>-469834541.076666</v>
      </c>
      <c r="V1053" s="53">
        <v>-467899862.49333298</v>
      </c>
      <c r="W1053" s="53">
        <v>-465965183.91000003</v>
      </c>
      <c r="X1053" s="53">
        <v>-464030505.32666701</v>
      </c>
      <c r="Y1053" s="53">
        <v>-462095826.74333298</v>
      </c>
      <c r="Z1053" s="53">
        <v>-460161148.16000003</v>
      </c>
      <c r="AA1053" s="53">
        <v>-460161148.16000003</v>
      </c>
      <c r="AB1053" s="53">
        <v>-458214068.16000003</v>
      </c>
      <c r="AC1053" s="53">
        <v>-456266988.16000003</v>
      </c>
      <c r="AD1053" s="53">
        <v>-454319908.16000003</v>
      </c>
      <c r="AE1053" s="53">
        <v>-452372828.16000003</v>
      </c>
      <c r="AF1053" s="53">
        <v>-450425748.16000003</v>
      </c>
      <c r="AG1053" s="53">
        <v>-448478668.16000003</v>
      </c>
      <c r="AH1053" s="53">
        <v>-446531588.16000003</v>
      </c>
      <c r="AI1053" s="53">
        <v>-444584508.16000003</v>
      </c>
      <c r="AJ1053" s="53">
        <v>-442637428.16000003</v>
      </c>
      <c r="AK1053" s="53">
        <v>-440690348.16000003</v>
      </c>
      <c r="AL1053" s="53">
        <v>-438743268.16000003</v>
      </c>
      <c r="AM1053" s="53">
        <v>-436796188.16000003</v>
      </c>
      <c r="AN1053" s="53">
        <v>-436796188.16000003</v>
      </c>
      <c r="AO1053" s="53">
        <v>-434816353.41000003</v>
      </c>
      <c r="AP1053" s="53">
        <v>-432836518.66000003</v>
      </c>
      <c r="AQ1053" s="53">
        <v>-430856683.91000003</v>
      </c>
      <c r="AR1053" s="53">
        <v>-428876849.16000003</v>
      </c>
      <c r="AS1053" s="53">
        <v>-426897014.41000003</v>
      </c>
      <c r="AT1053" s="53">
        <v>-424917179.66000003</v>
      </c>
      <c r="AU1053" s="53">
        <v>-422937344.91000003</v>
      </c>
      <c r="AV1053" s="53">
        <v>-420957510.16000003</v>
      </c>
      <c r="AW1053" s="53">
        <v>-418977675.41000003</v>
      </c>
      <c r="AX1053" s="53">
        <v>-416997840.66000003</v>
      </c>
      <c r="AY1053" s="53">
        <v>-415018005.91000003</v>
      </c>
      <c r="AZ1053" s="53">
        <v>-413038171.16000003</v>
      </c>
      <c r="BA1053" s="53">
        <v>-413038171.16000003</v>
      </c>
    </row>
    <row r="1054" spans="1:53">
      <c r="A1054" s="52" t="s">
        <v>3555</v>
      </c>
      <c r="B1054" s="53">
        <v>-180351128</v>
      </c>
      <c r="C1054" s="53">
        <v>-180351128</v>
      </c>
      <c r="D1054" s="53">
        <v>-180351128</v>
      </c>
      <c r="E1054" s="53">
        <v>-180351128</v>
      </c>
      <c r="F1054" s="53">
        <v>-180351128</v>
      </c>
      <c r="G1054" s="53">
        <v>-180351128</v>
      </c>
      <c r="H1054" s="53">
        <v>-180351128</v>
      </c>
      <c r="I1054" s="53">
        <v>-180351128</v>
      </c>
      <c r="J1054" s="53">
        <v>-180351128</v>
      </c>
      <c r="K1054" s="53">
        <v>-180351128</v>
      </c>
      <c r="L1054" s="53">
        <v>-180351128</v>
      </c>
      <c r="M1054" s="53">
        <v>-180351128</v>
      </c>
      <c r="N1054" s="53">
        <v>-180351128</v>
      </c>
      <c r="O1054" s="53">
        <v>-180351128</v>
      </c>
      <c r="P1054" s="53">
        <v>-180351128</v>
      </c>
      <c r="Q1054" s="53">
        <v>-180351128</v>
      </c>
      <c r="R1054" s="53">
        <v>-180351128</v>
      </c>
      <c r="S1054" s="53">
        <v>-180351128</v>
      </c>
      <c r="T1054" s="53">
        <v>-180351128</v>
      </c>
      <c r="U1054" s="53">
        <v>-180351128</v>
      </c>
      <c r="V1054" s="53">
        <v>-180351128</v>
      </c>
      <c r="W1054" s="53">
        <v>-180351128</v>
      </c>
      <c r="X1054" s="53">
        <v>-180351128</v>
      </c>
      <c r="Y1054" s="53">
        <v>-180351128</v>
      </c>
      <c r="Z1054" s="53">
        <v>-180351128</v>
      </c>
      <c r="AA1054" s="53">
        <v>-180351128</v>
      </c>
      <c r="AB1054" s="53">
        <v>-180351128</v>
      </c>
      <c r="AC1054" s="53">
        <v>-180351128</v>
      </c>
      <c r="AD1054" s="53">
        <v>-180351128</v>
      </c>
      <c r="AE1054" s="53">
        <v>-180351128</v>
      </c>
      <c r="AF1054" s="53">
        <v>-180351128</v>
      </c>
      <c r="AG1054" s="53">
        <v>-180351128</v>
      </c>
      <c r="AH1054" s="53">
        <v>-180351128</v>
      </c>
      <c r="AI1054" s="53">
        <v>-180351128</v>
      </c>
      <c r="AJ1054" s="53">
        <v>-180351128</v>
      </c>
      <c r="AK1054" s="53">
        <v>-180351128</v>
      </c>
      <c r="AL1054" s="53">
        <v>-180351128</v>
      </c>
      <c r="AM1054" s="53">
        <v>-180351128</v>
      </c>
      <c r="AN1054" s="53">
        <v>-180351128</v>
      </c>
      <c r="AO1054" s="53">
        <v>-180351128</v>
      </c>
      <c r="AP1054" s="53">
        <v>-180351128</v>
      </c>
      <c r="AQ1054" s="53">
        <v>-180351128</v>
      </c>
      <c r="AR1054" s="53">
        <v>-180351128</v>
      </c>
      <c r="AS1054" s="53">
        <v>-180351128</v>
      </c>
      <c r="AT1054" s="53">
        <v>-180351128</v>
      </c>
      <c r="AU1054" s="53">
        <v>-180351128</v>
      </c>
      <c r="AV1054" s="53">
        <v>-180351128</v>
      </c>
      <c r="AW1054" s="53">
        <v>-180351128</v>
      </c>
      <c r="AX1054" s="53">
        <v>-180351128</v>
      </c>
      <c r="AY1054" s="53">
        <v>-180351128</v>
      </c>
      <c r="AZ1054" s="53">
        <v>-180351128</v>
      </c>
      <c r="BA1054" s="53">
        <v>-180351128</v>
      </c>
    </row>
    <row r="1055" spans="1:53">
      <c r="A1055" s="52" t="s">
        <v>3556</v>
      </c>
      <c r="B1055" s="53">
        <v>-47943364.535057597</v>
      </c>
      <c r="C1055" s="53">
        <v>-47943364.535057597</v>
      </c>
      <c r="D1055" s="53">
        <v>-35957523.433793202</v>
      </c>
      <c r="E1055" s="53">
        <v>-35957523.433793202</v>
      </c>
      <c r="F1055" s="53">
        <v>-35957523.433793202</v>
      </c>
      <c r="G1055" s="53">
        <v>-23971682.3325288</v>
      </c>
      <c r="H1055" s="53">
        <v>-23971682.3325288</v>
      </c>
      <c r="I1055" s="53">
        <v>-23971682.3325288</v>
      </c>
      <c r="J1055" s="53">
        <v>-11985841.231264399</v>
      </c>
      <c r="K1055" s="53">
        <v>-11985841.231264399</v>
      </c>
      <c r="L1055" s="53">
        <v>-11985841.231264399</v>
      </c>
      <c r="M1055" s="53">
        <v>-0.13000002945773301</v>
      </c>
      <c r="N1055" s="53">
        <v>-0.13000002945773301</v>
      </c>
      <c r="O1055" s="53">
        <v>-0.13000002945773301</v>
      </c>
      <c r="P1055" s="53">
        <v>-0.13000002945773301</v>
      </c>
      <c r="Q1055" s="53">
        <v>-0.13000002945773301</v>
      </c>
      <c r="R1055" s="53">
        <v>-0.13000002945773301</v>
      </c>
      <c r="S1055" s="53">
        <v>-0.13000002945773301</v>
      </c>
      <c r="T1055" s="53">
        <v>-0.13000002945773301</v>
      </c>
      <c r="U1055" s="53">
        <v>-0.13000002945773301</v>
      </c>
      <c r="V1055" s="53">
        <v>-0.13000002945773301</v>
      </c>
      <c r="W1055" s="53">
        <v>-0.13000002945773301</v>
      </c>
      <c r="X1055" s="53">
        <v>-0.13000002945773301</v>
      </c>
      <c r="Y1055" s="53">
        <v>-0.13000002945773301</v>
      </c>
      <c r="Z1055" s="53">
        <v>-0.13000002945773301</v>
      </c>
      <c r="AA1055" s="53">
        <v>-0.13000002945773301</v>
      </c>
      <c r="AB1055" s="53">
        <v>-0.13000002945773301</v>
      </c>
      <c r="AC1055" s="53">
        <v>-0.13000002945773301</v>
      </c>
      <c r="AD1055" s="53">
        <v>-0.13000002945773301</v>
      </c>
      <c r="AE1055" s="53">
        <v>-0.13000002945773301</v>
      </c>
      <c r="AF1055" s="53">
        <v>-0.13000002945773301</v>
      </c>
      <c r="AG1055" s="53">
        <v>-0.13000002945773301</v>
      </c>
      <c r="AH1055" s="53">
        <v>-0.13000002945773301</v>
      </c>
      <c r="AI1055" s="53">
        <v>-0.13000002945773301</v>
      </c>
      <c r="AJ1055" s="53">
        <v>-0.13000002945773301</v>
      </c>
      <c r="AK1055" s="53">
        <v>-0.13000002945773301</v>
      </c>
      <c r="AL1055" s="53">
        <v>-0.13000002945773301</v>
      </c>
      <c r="AM1055" s="53">
        <v>-0.13000002945773301</v>
      </c>
      <c r="AN1055" s="53">
        <v>-0.13000002945773301</v>
      </c>
      <c r="AO1055" s="53">
        <v>-0.13000002945773301</v>
      </c>
      <c r="AP1055" s="53">
        <v>-0.13000002945773301</v>
      </c>
      <c r="AQ1055" s="53">
        <v>-0.13000002945773301</v>
      </c>
      <c r="AR1055" s="53">
        <v>-0.13000002945773301</v>
      </c>
      <c r="AS1055" s="53">
        <v>-0.13000002945773301</v>
      </c>
      <c r="AT1055" s="53">
        <v>-0.13000002945773301</v>
      </c>
      <c r="AU1055" s="53">
        <v>-0.13000002945773301</v>
      </c>
      <c r="AV1055" s="53">
        <v>-0.13000002945773301</v>
      </c>
      <c r="AW1055" s="53">
        <v>-0.13000002945773301</v>
      </c>
      <c r="AX1055" s="53">
        <v>-0.13000002945773301</v>
      </c>
      <c r="AY1055" s="53">
        <v>-0.13000002945773301</v>
      </c>
      <c r="AZ1055" s="53">
        <v>-0.13000002945773301</v>
      </c>
      <c r="BA1055" s="53">
        <v>-0.13000002945773301</v>
      </c>
    </row>
    <row r="1056" spans="1:53">
      <c r="A1056" s="52" t="s">
        <v>3557</v>
      </c>
      <c r="B1056" s="53">
        <v>-29000000</v>
      </c>
      <c r="C1056" s="53">
        <v>-29000000</v>
      </c>
      <c r="D1056" s="53">
        <v>-29000000</v>
      </c>
      <c r="E1056" s="53">
        <v>-29000000</v>
      </c>
      <c r="F1056" s="53">
        <v>-29000000</v>
      </c>
      <c r="G1056" s="53">
        <v>-29000000</v>
      </c>
      <c r="H1056" s="53">
        <v>-29000000</v>
      </c>
      <c r="I1056" s="53">
        <v>-29000000</v>
      </c>
      <c r="J1056" s="53">
        <v>-29000000</v>
      </c>
      <c r="K1056" s="53">
        <v>-29000000</v>
      </c>
      <c r="L1056" s="53">
        <v>-29000000</v>
      </c>
      <c r="M1056" s="53">
        <v>-29000000</v>
      </c>
      <c r="N1056" s="53">
        <v>-29000000</v>
      </c>
      <c r="O1056" s="53">
        <v>0</v>
      </c>
      <c r="P1056" s="53">
        <v>0</v>
      </c>
      <c r="Q1056" s="53">
        <v>0</v>
      </c>
      <c r="R1056" s="53">
        <v>0</v>
      </c>
      <c r="S1056" s="53">
        <v>0</v>
      </c>
      <c r="T1056" s="53">
        <v>0</v>
      </c>
      <c r="U1056" s="53">
        <v>0</v>
      </c>
      <c r="V1056" s="53">
        <v>0</v>
      </c>
      <c r="W1056" s="53">
        <v>0</v>
      </c>
      <c r="X1056" s="53">
        <v>0</v>
      </c>
      <c r="Y1056" s="53">
        <v>0</v>
      </c>
      <c r="Z1056" s="53">
        <v>0</v>
      </c>
      <c r="AA1056" s="53">
        <v>0</v>
      </c>
      <c r="AB1056" s="53">
        <v>0</v>
      </c>
      <c r="AC1056" s="53">
        <v>0</v>
      </c>
      <c r="AD1056" s="53">
        <v>0</v>
      </c>
      <c r="AE1056" s="53">
        <v>0</v>
      </c>
      <c r="AF1056" s="53">
        <v>0</v>
      </c>
      <c r="AG1056" s="53">
        <v>0</v>
      </c>
      <c r="AH1056" s="53">
        <v>0</v>
      </c>
      <c r="AI1056" s="53">
        <v>0</v>
      </c>
      <c r="AJ1056" s="53">
        <v>0</v>
      </c>
      <c r="AK1056" s="53">
        <v>0</v>
      </c>
      <c r="AL1056" s="53">
        <v>0</v>
      </c>
      <c r="AM1056" s="53">
        <v>0</v>
      </c>
      <c r="AN1056" s="53">
        <v>0</v>
      </c>
      <c r="AO1056" s="53">
        <v>0</v>
      </c>
      <c r="AP1056" s="53">
        <v>0</v>
      </c>
      <c r="AQ1056" s="53">
        <v>0</v>
      </c>
      <c r="AR1056" s="53">
        <v>0</v>
      </c>
      <c r="AS1056" s="53">
        <v>0</v>
      </c>
      <c r="AT1056" s="53">
        <v>0</v>
      </c>
      <c r="AU1056" s="53">
        <v>0</v>
      </c>
      <c r="AV1056" s="53">
        <v>0</v>
      </c>
      <c r="AW1056" s="53">
        <v>0</v>
      </c>
      <c r="AX1056" s="53">
        <v>0</v>
      </c>
      <c r="AY1056" s="53">
        <v>0</v>
      </c>
      <c r="AZ1056" s="53">
        <v>0</v>
      </c>
      <c r="BA1056" s="53">
        <v>0</v>
      </c>
    </row>
    <row r="1057" spans="1:53">
      <c r="A1057" s="52" t="s">
        <v>3558</v>
      </c>
      <c r="B1057" s="53">
        <v>1.58706825459375E-7</v>
      </c>
      <c r="C1057" s="53">
        <v>1.58706825459375E-7</v>
      </c>
      <c r="D1057" s="53">
        <v>1.58706825459375E-7</v>
      </c>
      <c r="E1057" s="53">
        <v>1.58706825459375E-7</v>
      </c>
      <c r="F1057" s="53">
        <v>1.58706825459375E-7</v>
      </c>
      <c r="G1057" s="53">
        <v>1.58706825459375E-7</v>
      </c>
      <c r="H1057" s="53">
        <v>1.58706825459375E-7</v>
      </c>
      <c r="I1057" s="53">
        <v>1.58706825459375E-7</v>
      </c>
      <c r="J1057" s="53">
        <v>1.58706825459375E-7</v>
      </c>
      <c r="K1057" s="53">
        <v>1.58706825459375E-7</v>
      </c>
      <c r="L1057" s="53">
        <v>1.58706825459375E-7</v>
      </c>
      <c r="M1057" s="53">
        <v>1.58706825459375E-7</v>
      </c>
      <c r="N1057" s="53">
        <v>1.58706825459375E-7</v>
      </c>
      <c r="O1057" s="53">
        <v>1.58706825459375E-7</v>
      </c>
      <c r="P1057" s="53">
        <v>1.58706825459375E-7</v>
      </c>
      <c r="Q1057" s="53">
        <v>1.58706825459375E-7</v>
      </c>
      <c r="R1057" s="53">
        <v>1.58706825459375E-7</v>
      </c>
      <c r="S1057" s="53">
        <v>1.58706825459375E-7</v>
      </c>
      <c r="T1057" s="53">
        <v>1.58706825459375E-7</v>
      </c>
      <c r="U1057" s="53">
        <v>1.58706825459375E-7</v>
      </c>
      <c r="V1057" s="53">
        <v>1.58706825459375E-7</v>
      </c>
      <c r="W1057" s="53">
        <v>1.58706825459375E-7</v>
      </c>
      <c r="X1057" s="53">
        <v>1.58706825459375E-7</v>
      </c>
      <c r="Y1057" s="53">
        <v>1.58706825459375E-7</v>
      </c>
      <c r="Z1057" s="53">
        <v>1.58706825459375E-7</v>
      </c>
      <c r="AA1057" s="53">
        <v>1.58706825459375E-7</v>
      </c>
      <c r="AB1057" s="53">
        <v>1.6962076188065101E-7</v>
      </c>
      <c r="AC1057" s="53">
        <v>1.8053469830192599E-7</v>
      </c>
      <c r="AD1057" s="53">
        <v>1.91448634723201E-7</v>
      </c>
      <c r="AE1057" s="53">
        <v>2.02362571144476E-7</v>
      </c>
      <c r="AF1057" s="53">
        <v>2.1327650756575101E-7</v>
      </c>
      <c r="AG1057" s="53">
        <v>2.2419044398702599E-7</v>
      </c>
      <c r="AH1057" s="53">
        <v>2.35104380408301E-7</v>
      </c>
      <c r="AI1057" s="53">
        <v>2.4601831682957698E-7</v>
      </c>
      <c r="AJ1057" s="53">
        <v>2.5693225325085202E-7</v>
      </c>
      <c r="AK1057" s="53">
        <v>2.67846189672127E-7</v>
      </c>
      <c r="AL1057" s="53">
        <v>2.7876012609340198E-7</v>
      </c>
      <c r="AM1057" s="53">
        <v>2.8967406251467701E-7</v>
      </c>
      <c r="AN1057" s="53">
        <v>2.8967406251467701E-7</v>
      </c>
      <c r="AO1057" s="53">
        <v>2.8967406251467701E-7</v>
      </c>
      <c r="AP1057" s="53">
        <v>2.8967406251467701E-7</v>
      </c>
      <c r="AQ1057" s="53">
        <v>2.8967406251467701E-7</v>
      </c>
      <c r="AR1057" s="53">
        <v>2.8967406251467701E-7</v>
      </c>
      <c r="AS1057" s="53">
        <v>2.8967406251467701E-7</v>
      </c>
      <c r="AT1057" s="53">
        <v>2.8967406251467701E-7</v>
      </c>
      <c r="AU1057" s="53">
        <v>2.8967406251467701E-7</v>
      </c>
      <c r="AV1057" s="53">
        <v>2.8967406251467701E-7</v>
      </c>
      <c r="AW1057" s="53">
        <v>2.8967406251467701E-7</v>
      </c>
      <c r="AX1057" s="53">
        <v>2.8967406251467701E-7</v>
      </c>
      <c r="AY1057" s="53">
        <v>2.8967406251467701E-7</v>
      </c>
      <c r="AZ1057" s="53">
        <v>2.8967406251467701E-7</v>
      </c>
      <c r="BA1057" s="53">
        <v>2.8967406251467701E-7</v>
      </c>
    </row>
    <row r="1058" spans="1:53">
      <c r="A1058" s="52" t="s">
        <v>3559</v>
      </c>
      <c r="B1058" s="53">
        <v>0</v>
      </c>
      <c r="C1058" s="53">
        <v>0</v>
      </c>
      <c r="D1058" s="53">
        <v>0</v>
      </c>
      <c r="E1058" s="53">
        <v>0</v>
      </c>
      <c r="F1058" s="53">
        <v>0</v>
      </c>
      <c r="G1058" s="53">
        <v>0</v>
      </c>
      <c r="H1058" s="53">
        <v>0</v>
      </c>
      <c r="I1058" s="53">
        <v>0</v>
      </c>
      <c r="J1058" s="53">
        <v>0</v>
      </c>
      <c r="K1058" s="53">
        <v>0</v>
      </c>
      <c r="L1058" s="53">
        <v>0</v>
      </c>
      <c r="M1058" s="53">
        <v>0</v>
      </c>
      <c r="N1058" s="53">
        <v>0</v>
      </c>
      <c r="O1058" s="53">
        <v>0</v>
      </c>
      <c r="P1058" s="53">
        <v>0</v>
      </c>
      <c r="Q1058" s="53">
        <v>0</v>
      </c>
      <c r="R1058" s="53">
        <v>0</v>
      </c>
      <c r="S1058" s="53">
        <v>0</v>
      </c>
      <c r="T1058" s="53">
        <v>0</v>
      </c>
      <c r="U1058" s="53">
        <v>0</v>
      </c>
      <c r="V1058" s="53">
        <v>0</v>
      </c>
      <c r="W1058" s="53">
        <v>0</v>
      </c>
      <c r="X1058" s="53">
        <v>0</v>
      </c>
      <c r="Y1058" s="53">
        <v>0</v>
      </c>
      <c r="Z1058" s="53">
        <v>0</v>
      </c>
      <c r="AA1058" s="53">
        <v>0</v>
      </c>
      <c r="AB1058" s="53">
        <v>0</v>
      </c>
      <c r="AC1058" s="53">
        <v>0</v>
      </c>
      <c r="AD1058" s="53">
        <v>0</v>
      </c>
      <c r="AE1058" s="53">
        <v>0</v>
      </c>
      <c r="AF1058" s="53">
        <v>0</v>
      </c>
      <c r="AG1058" s="53">
        <v>0</v>
      </c>
      <c r="AH1058" s="53">
        <v>0</v>
      </c>
      <c r="AI1058" s="53">
        <v>0</v>
      </c>
      <c r="AJ1058" s="53">
        <v>0</v>
      </c>
      <c r="AK1058" s="53">
        <v>0</v>
      </c>
      <c r="AL1058" s="53">
        <v>0</v>
      </c>
      <c r="AM1058" s="53">
        <v>0</v>
      </c>
      <c r="AN1058" s="53">
        <v>0</v>
      </c>
      <c r="AO1058" s="53">
        <v>0</v>
      </c>
      <c r="AP1058" s="53">
        <v>0</v>
      </c>
      <c r="AQ1058" s="53">
        <v>0</v>
      </c>
      <c r="AR1058" s="53">
        <v>0</v>
      </c>
      <c r="AS1058" s="53">
        <v>0</v>
      </c>
      <c r="AT1058" s="53">
        <v>0</v>
      </c>
      <c r="AU1058" s="53">
        <v>0</v>
      </c>
      <c r="AV1058" s="53">
        <v>0</v>
      </c>
      <c r="AW1058" s="53">
        <v>0</v>
      </c>
      <c r="AX1058" s="53">
        <v>0</v>
      </c>
      <c r="AY1058" s="53">
        <v>0</v>
      </c>
      <c r="AZ1058" s="53">
        <v>0</v>
      </c>
      <c r="BA1058" s="53">
        <v>0</v>
      </c>
    </row>
    <row r="1059" spans="1:53">
      <c r="A1059" s="52" t="s">
        <v>3560</v>
      </c>
      <c r="B1059" s="53">
        <v>0</v>
      </c>
      <c r="C1059" s="53">
        <v>0</v>
      </c>
      <c r="D1059" s="53">
        <v>0</v>
      </c>
      <c r="E1059" s="53">
        <v>0</v>
      </c>
      <c r="F1059" s="53">
        <v>0</v>
      </c>
      <c r="G1059" s="53">
        <v>0</v>
      </c>
      <c r="H1059" s="53">
        <v>0</v>
      </c>
      <c r="I1059" s="53">
        <v>0</v>
      </c>
      <c r="J1059" s="53">
        <v>0</v>
      </c>
      <c r="K1059" s="53">
        <v>0</v>
      </c>
      <c r="L1059" s="53">
        <v>0</v>
      </c>
      <c r="M1059" s="53">
        <v>0</v>
      </c>
      <c r="N1059" s="53">
        <v>0</v>
      </c>
      <c r="O1059" s="53">
        <v>0</v>
      </c>
      <c r="P1059" s="53">
        <v>0</v>
      </c>
      <c r="Q1059" s="53">
        <v>0</v>
      </c>
      <c r="R1059" s="53">
        <v>0</v>
      </c>
      <c r="S1059" s="53">
        <v>0</v>
      </c>
      <c r="T1059" s="53">
        <v>0</v>
      </c>
      <c r="U1059" s="53">
        <v>0</v>
      </c>
      <c r="V1059" s="53">
        <v>0</v>
      </c>
      <c r="W1059" s="53">
        <v>0</v>
      </c>
      <c r="X1059" s="53">
        <v>0</v>
      </c>
      <c r="Y1059" s="53">
        <v>0</v>
      </c>
      <c r="Z1059" s="53">
        <v>0</v>
      </c>
      <c r="AA1059" s="53">
        <v>0</v>
      </c>
      <c r="AB1059" s="53">
        <v>0</v>
      </c>
      <c r="AC1059" s="53">
        <v>0</v>
      </c>
      <c r="AD1059" s="53">
        <v>0</v>
      </c>
      <c r="AE1059" s="53">
        <v>0</v>
      </c>
      <c r="AF1059" s="53">
        <v>0</v>
      </c>
      <c r="AG1059" s="53">
        <v>0</v>
      </c>
      <c r="AH1059" s="53">
        <v>0</v>
      </c>
      <c r="AI1059" s="53">
        <v>0</v>
      </c>
      <c r="AJ1059" s="53">
        <v>0</v>
      </c>
      <c r="AK1059" s="53">
        <v>0</v>
      </c>
      <c r="AL1059" s="53">
        <v>0</v>
      </c>
      <c r="AM1059" s="53">
        <v>0</v>
      </c>
      <c r="AN1059" s="53">
        <v>0</v>
      </c>
      <c r="AO1059" s="53">
        <v>0</v>
      </c>
      <c r="AP1059" s="53">
        <v>0</v>
      </c>
      <c r="AQ1059" s="53">
        <v>0</v>
      </c>
      <c r="AR1059" s="53">
        <v>0</v>
      </c>
      <c r="AS1059" s="53">
        <v>0</v>
      </c>
      <c r="AT1059" s="53">
        <v>0</v>
      </c>
      <c r="AU1059" s="53">
        <v>0</v>
      </c>
      <c r="AV1059" s="53">
        <v>0</v>
      </c>
      <c r="AW1059" s="53">
        <v>0</v>
      </c>
      <c r="AX1059" s="53">
        <v>0</v>
      </c>
      <c r="AY1059" s="53">
        <v>0</v>
      </c>
      <c r="AZ1059" s="53">
        <v>0</v>
      </c>
      <c r="BA1059" s="53">
        <v>0</v>
      </c>
    </row>
    <row r="1060" spans="1:53">
      <c r="A1060" s="52" t="s">
        <v>3561</v>
      </c>
      <c r="B1060" s="53">
        <v>-79126788.640000001</v>
      </c>
      <c r="C1060" s="53">
        <v>-79126788.640000001</v>
      </c>
      <c r="D1060" s="53">
        <v>-79126788.640000001</v>
      </c>
      <c r="E1060" s="53">
        <v>-79126788.640000001</v>
      </c>
      <c r="F1060" s="53">
        <v>-79126788.640000001</v>
      </c>
      <c r="G1060" s="53">
        <v>-79126788.640000001</v>
      </c>
      <c r="H1060" s="53">
        <v>-79126788.640000001</v>
      </c>
      <c r="I1060" s="53">
        <v>-79126788.640000001</v>
      </c>
      <c r="J1060" s="53">
        <v>-79126788.640000001</v>
      </c>
      <c r="K1060" s="53">
        <v>-79126788.640000001</v>
      </c>
      <c r="L1060" s="53">
        <v>-79126788.640000001</v>
      </c>
      <c r="M1060" s="53">
        <v>-79126788.640000001</v>
      </c>
      <c r="N1060" s="53">
        <v>-79126788.640000001</v>
      </c>
      <c r="O1060" s="53">
        <v>-79126788.640000001</v>
      </c>
      <c r="P1060" s="53">
        <v>-79126788.640000001</v>
      </c>
      <c r="Q1060" s="53">
        <v>-79126788.640000001</v>
      </c>
      <c r="R1060" s="53">
        <v>-79126788.640000001</v>
      </c>
      <c r="S1060" s="53">
        <v>-79126788.640000001</v>
      </c>
      <c r="T1060" s="53">
        <v>-79126788.640000001</v>
      </c>
      <c r="U1060" s="53">
        <v>-79126788.640000001</v>
      </c>
      <c r="V1060" s="53">
        <v>-79126788.640000001</v>
      </c>
      <c r="W1060" s="53">
        <v>-79126788.640000001</v>
      </c>
      <c r="X1060" s="53">
        <v>-79126788.640000001</v>
      </c>
      <c r="Y1060" s="53">
        <v>-79126788.640000001</v>
      </c>
      <c r="Z1060" s="53">
        <v>-79126788.640000001</v>
      </c>
      <c r="AA1060" s="53">
        <v>-79126788.640000001</v>
      </c>
      <c r="AB1060" s="53">
        <v>-79126788.640000001</v>
      </c>
      <c r="AC1060" s="53">
        <v>-79126788.640000001</v>
      </c>
      <c r="AD1060" s="53">
        <v>-79126788.640000001</v>
      </c>
      <c r="AE1060" s="53">
        <v>-79126788.640000001</v>
      </c>
      <c r="AF1060" s="53">
        <v>-79126788.640000001</v>
      </c>
      <c r="AG1060" s="53">
        <v>-79126788.640000001</v>
      </c>
      <c r="AH1060" s="53">
        <v>-79126788.640000001</v>
      </c>
      <c r="AI1060" s="53">
        <v>-79126788.640000001</v>
      </c>
      <c r="AJ1060" s="53">
        <v>-79126788.640000001</v>
      </c>
      <c r="AK1060" s="53">
        <v>-79126788.640000001</v>
      </c>
      <c r="AL1060" s="53">
        <v>-79126788.640000001</v>
      </c>
      <c r="AM1060" s="53">
        <v>-79126788.640000001</v>
      </c>
      <c r="AN1060" s="53">
        <v>-79126788.640000001</v>
      </c>
      <c r="AO1060" s="53">
        <v>-79126788.640000001</v>
      </c>
      <c r="AP1060" s="53">
        <v>-79126788.640000001</v>
      </c>
      <c r="AQ1060" s="53">
        <v>-79126788.640000001</v>
      </c>
      <c r="AR1060" s="53">
        <v>-79126788.640000001</v>
      </c>
      <c r="AS1060" s="53">
        <v>-79126788.640000001</v>
      </c>
      <c r="AT1060" s="53">
        <v>-79126788.640000001</v>
      </c>
      <c r="AU1060" s="53">
        <v>-79126788.640000001</v>
      </c>
      <c r="AV1060" s="53">
        <v>-79126788.640000001</v>
      </c>
      <c r="AW1060" s="53">
        <v>-79126788.640000001</v>
      </c>
      <c r="AX1060" s="53">
        <v>-79126788.640000001</v>
      </c>
      <c r="AY1060" s="53">
        <v>-79126788.640000001</v>
      </c>
      <c r="AZ1060" s="53">
        <v>-79126788.640000001</v>
      </c>
      <c r="BA1060" s="53">
        <v>-79126788.640000001</v>
      </c>
    </row>
    <row r="1061" spans="1:53">
      <c r="A1061" s="52" t="s">
        <v>3562</v>
      </c>
      <c r="B1061" s="53">
        <v>0</v>
      </c>
      <c r="C1061" s="53">
        <v>0</v>
      </c>
      <c r="D1061" s="53">
        <v>0</v>
      </c>
      <c r="E1061" s="53">
        <v>0</v>
      </c>
      <c r="F1061" s="53">
        <v>0</v>
      </c>
      <c r="G1061" s="53">
        <v>0</v>
      </c>
      <c r="H1061" s="53">
        <v>0</v>
      </c>
      <c r="I1061" s="53">
        <v>0</v>
      </c>
      <c r="J1061" s="53">
        <v>0</v>
      </c>
      <c r="K1061" s="53">
        <v>0</v>
      </c>
      <c r="L1061" s="53">
        <v>0</v>
      </c>
      <c r="M1061" s="53">
        <v>0</v>
      </c>
      <c r="N1061" s="53">
        <v>0</v>
      </c>
      <c r="O1061" s="53">
        <v>0</v>
      </c>
      <c r="P1061" s="53">
        <v>0</v>
      </c>
      <c r="Q1061" s="53">
        <v>0</v>
      </c>
      <c r="R1061" s="53">
        <v>0</v>
      </c>
      <c r="S1061" s="53">
        <v>0</v>
      </c>
      <c r="T1061" s="53">
        <v>0</v>
      </c>
      <c r="U1061" s="53">
        <v>0</v>
      </c>
      <c r="V1061" s="53">
        <v>0</v>
      </c>
      <c r="W1061" s="53">
        <v>0</v>
      </c>
      <c r="X1061" s="53">
        <v>0</v>
      </c>
      <c r="Y1061" s="53">
        <v>0</v>
      </c>
      <c r="Z1061" s="53">
        <v>0</v>
      </c>
      <c r="AA1061" s="53">
        <v>0</v>
      </c>
      <c r="AB1061" s="53">
        <v>0</v>
      </c>
      <c r="AC1061" s="53">
        <v>0</v>
      </c>
      <c r="AD1061" s="53">
        <v>0</v>
      </c>
      <c r="AE1061" s="53">
        <v>0</v>
      </c>
      <c r="AF1061" s="53">
        <v>0</v>
      </c>
      <c r="AG1061" s="53">
        <v>0</v>
      </c>
      <c r="AH1061" s="53">
        <v>0</v>
      </c>
      <c r="AI1061" s="53">
        <v>0</v>
      </c>
      <c r="AJ1061" s="53">
        <v>0</v>
      </c>
      <c r="AK1061" s="53">
        <v>0</v>
      </c>
      <c r="AL1061" s="53">
        <v>0</v>
      </c>
      <c r="AM1061" s="53">
        <v>0</v>
      </c>
      <c r="AN1061" s="53">
        <v>0</v>
      </c>
      <c r="AO1061" s="53">
        <v>0</v>
      </c>
      <c r="AP1061" s="53">
        <v>0</v>
      </c>
      <c r="AQ1061" s="53">
        <v>0</v>
      </c>
      <c r="AR1061" s="53">
        <v>0</v>
      </c>
      <c r="AS1061" s="53">
        <v>0</v>
      </c>
      <c r="AT1061" s="53">
        <v>0</v>
      </c>
      <c r="AU1061" s="53">
        <v>0</v>
      </c>
      <c r="AV1061" s="53">
        <v>0</v>
      </c>
      <c r="AW1061" s="53">
        <v>0</v>
      </c>
      <c r="AX1061" s="53">
        <v>0</v>
      </c>
      <c r="AY1061" s="53">
        <v>0</v>
      </c>
      <c r="AZ1061" s="53">
        <v>0</v>
      </c>
      <c r="BA1061" s="53">
        <v>0</v>
      </c>
    </row>
    <row r="1062" spans="1:53">
      <c r="A1062" s="52" t="s">
        <v>3563</v>
      </c>
      <c r="B1062" s="53">
        <v>0</v>
      </c>
      <c r="C1062" s="53">
        <v>0</v>
      </c>
      <c r="D1062" s="53">
        <v>0</v>
      </c>
      <c r="E1062" s="53">
        <v>0</v>
      </c>
      <c r="F1062" s="53">
        <v>0</v>
      </c>
      <c r="G1062" s="53">
        <v>0</v>
      </c>
      <c r="H1062" s="53">
        <v>0</v>
      </c>
      <c r="I1062" s="53">
        <v>0</v>
      </c>
      <c r="J1062" s="53">
        <v>0</v>
      </c>
      <c r="K1062" s="53">
        <v>0</v>
      </c>
      <c r="L1062" s="53">
        <v>0</v>
      </c>
      <c r="M1062" s="53">
        <v>0</v>
      </c>
      <c r="N1062" s="53">
        <v>0</v>
      </c>
      <c r="O1062" s="53">
        <v>0</v>
      </c>
      <c r="P1062" s="53">
        <v>0</v>
      </c>
      <c r="Q1062" s="53">
        <v>0</v>
      </c>
      <c r="R1062" s="53">
        <v>0</v>
      </c>
      <c r="S1062" s="53">
        <v>0</v>
      </c>
      <c r="T1062" s="53">
        <v>0</v>
      </c>
      <c r="U1062" s="53">
        <v>0</v>
      </c>
      <c r="V1062" s="53">
        <v>0</v>
      </c>
      <c r="W1062" s="53">
        <v>0</v>
      </c>
      <c r="X1062" s="53">
        <v>0</v>
      </c>
      <c r="Y1062" s="53">
        <v>0</v>
      </c>
      <c r="Z1062" s="53">
        <v>0</v>
      </c>
      <c r="AA1062" s="53">
        <v>0</v>
      </c>
      <c r="AB1062" s="53">
        <v>0</v>
      </c>
      <c r="AC1062" s="53">
        <v>0</v>
      </c>
      <c r="AD1062" s="53">
        <v>0</v>
      </c>
      <c r="AE1062" s="53">
        <v>0</v>
      </c>
      <c r="AF1062" s="53">
        <v>0</v>
      </c>
      <c r="AG1062" s="53">
        <v>0</v>
      </c>
      <c r="AH1062" s="53">
        <v>0</v>
      </c>
      <c r="AI1062" s="53">
        <v>0</v>
      </c>
      <c r="AJ1062" s="53">
        <v>0</v>
      </c>
      <c r="AK1062" s="53">
        <v>0</v>
      </c>
      <c r="AL1062" s="53">
        <v>0</v>
      </c>
      <c r="AM1062" s="53">
        <v>0</v>
      </c>
      <c r="AN1062" s="53">
        <v>0</v>
      </c>
      <c r="AO1062" s="53">
        <v>0</v>
      </c>
      <c r="AP1062" s="53">
        <v>0</v>
      </c>
      <c r="AQ1062" s="53">
        <v>0</v>
      </c>
      <c r="AR1062" s="53">
        <v>0</v>
      </c>
      <c r="AS1062" s="53">
        <v>0</v>
      </c>
      <c r="AT1062" s="53">
        <v>0</v>
      </c>
      <c r="AU1062" s="53">
        <v>0</v>
      </c>
      <c r="AV1062" s="53">
        <v>0</v>
      </c>
      <c r="AW1062" s="53">
        <v>0</v>
      </c>
      <c r="AX1062" s="53">
        <v>0</v>
      </c>
      <c r="AY1062" s="53">
        <v>0</v>
      </c>
      <c r="AZ1062" s="53">
        <v>0</v>
      </c>
      <c r="BA1062" s="53">
        <v>0</v>
      </c>
    </row>
    <row r="1063" spans="1:53">
      <c r="A1063" s="52" t="s">
        <v>3564</v>
      </c>
      <c r="B1063" s="53">
        <v>0</v>
      </c>
      <c r="C1063" s="53">
        <v>0</v>
      </c>
      <c r="D1063" s="53">
        <v>0</v>
      </c>
      <c r="E1063" s="53">
        <v>0</v>
      </c>
      <c r="F1063" s="53">
        <v>0</v>
      </c>
      <c r="G1063" s="53">
        <v>0</v>
      </c>
      <c r="H1063" s="53">
        <v>0</v>
      </c>
      <c r="I1063" s="53">
        <v>0</v>
      </c>
      <c r="J1063" s="53">
        <v>0</v>
      </c>
      <c r="K1063" s="53">
        <v>0</v>
      </c>
      <c r="L1063" s="53">
        <v>0</v>
      </c>
      <c r="M1063" s="53">
        <v>0</v>
      </c>
      <c r="N1063" s="53">
        <v>0</v>
      </c>
      <c r="O1063" s="53">
        <v>0</v>
      </c>
      <c r="P1063" s="53">
        <v>0</v>
      </c>
      <c r="Q1063" s="53">
        <v>0</v>
      </c>
      <c r="R1063" s="53">
        <v>0</v>
      </c>
      <c r="S1063" s="53">
        <v>0</v>
      </c>
      <c r="T1063" s="53">
        <v>0</v>
      </c>
      <c r="U1063" s="53">
        <v>0</v>
      </c>
      <c r="V1063" s="53">
        <v>0</v>
      </c>
      <c r="W1063" s="53">
        <v>0</v>
      </c>
      <c r="X1063" s="53">
        <v>0</v>
      </c>
      <c r="Y1063" s="53">
        <v>0</v>
      </c>
      <c r="Z1063" s="53">
        <v>0</v>
      </c>
      <c r="AA1063" s="53">
        <v>0</v>
      </c>
      <c r="AB1063" s="53">
        <v>0</v>
      </c>
      <c r="AC1063" s="53">
        <v>0</v>
      </c>
      <c r="AD1063" s="53">
        <v>0</v>
      </c>
      <c r="AE1063" s="53">
        <v>0</v>
      </c>
      <c r="AF1063" s="53">
        <v>0</v>
      </c>
      <c r="AG1063" s="53">
        <v>0</v>
      </c>
      <c r="AH1063" s="53">
        <v>0</v>
      </c>
      <c r="AI1063" s="53">
        <v>0</v>
      </c>
      <c r="AJ1063" s="53">
        <v>0</v>
      </c>
      <c r="AK1063" s="53">
        <v>0</v>
      </c>
      <c r="AL1063" s="53">
        <v>0</v>
      </c>
      <c r="AM1063" s="53">
        <v>0</v>
      </c>
      <c r="AN1063" s="53">
        <v>0</v>
      </c>
      <c r="AO1063" s="53">
        <v>0</v>
      </c>
      <c r="AP1063" s="53">
        <v>0</v>
      </c>
      <c r="AQ1063" s="53">
        <v>0</v>
      </c>
      <c r="AR1063" s="53">
        <v>0</v>
      </c>
      <c r="AS1063" s="53">
        <v>0</v>
      </c>
      <c r="AT1063" s="53">
        <v>0</v>
      </c>
      <c r="AU1063" s="53">
        <v>0</v>
      </c>
      <c r="AV1063" s="53">
        <v>0</v>
      </c>
      <c r="AW1063" s="53">
        <v>0</v>
      </c>
      <c r="AX1063" s="53">
        <v>0</v>
      </c>
      <c r="AY1063" s="53">
        <v>0</v>
      </c>
      <c r="AZ1063" s="53">
        <v>0</v>
      </c>
      <c r="BA1063" s="53">
        <v>0</v>
      </c>
    </row>
    <row r="1064" spans="1:53">
      <c r="A1064" s="52" t="s">
        <v>3565</v>
      </c>
      <c r="B1064" s="53">
        <v>0</v>
      </c>
      <c r="C1064" s="53">
        <v>0</v>
      </c>
      <c r="D1064" s="53">
        <v>0</v>
      </c>
      <c r="E1064" s="53">
        <v>0</v>
      </c>
      <c r="F1064" s="53">
        <v>0</v>
      </c>
      <c r="G1064" s="53">
        <v>0</v>
      </c>
      <c r="H1064" s="53">
        <v>0</v>
      </c>
      <c r="I1064" s="53">
        <v>0</v>
      </c>
      <c r="J1064" s="53">
        <v>0</v>
      </c>
      <c r="K1064" s="53">
        <v>0</v>
      </c>
      <c r="L1064" s="53">
        <v>0</v>
      </c>
      <c r="M1064" s="53">
        <v>0</v>
      </c>
      <c r="N1064" s="53">
        <v>0</v>
      </c>
      <c r="O1064" s="53">
        <v>0</v>
      </c>
      <c r="P1064" s="53">
        <v>0</v>
      </c>
      <c r="Q1064" s="53">
        <v>0</v>
      </c>
      <c r="R1064" s="53">
        <v>0</v>
      </c>
      <c r="S1064" s="53">
        <v>0</v>
      </c>
      <c r="T1064" s="53">
        <v>0</v>
      </c>
      <c r="U1064" s="53">
        <v>0</v>
      </c>
      <c r="V1064" s="53">
        <v>0</v>
      </c>
      <c r="W1064" s="53">
        <v>0</v>
      </c>
      <c r="X1064" s="53">
        <v>0</v>
      </c>
      <c r="Y1064" s="53">
        <v>0</v>
      </c>
      <c r="Z1064" s="53">
        <v>0</v>
      </c>
      <c r="AA1064" s="53">
        <v>0</v>
      </c>
      <c r="AB1064" s="53">
        <v>0</v>
      </c>
      <c r="AC1064" s="53">
        <v>0</v>
      </c>
      <c r="AD1064" s="53">
        <v>0</v>
      </c>
      <c r="AE1064" s="53">
        <v>0</v>
      </c>
      <c r="AF1064" s="53">
        <v>0</v>
      </c>
      <c r="AG1064" s="53">
        <v>0</v>
      </c>
      <c r="AH1064" s="53">
        <v>0</v>
      </c>
      <c r="AI1064" s="53">
        <v>0</v>
      </c>
      <c r="AJ1064" s="53">
        <v>0</v>
      </c>
      <c r="AK1064" s="53">
        <v>0</v>
      </c>
      <c r="AL1064" s="53">
        <v>0</v>
      </c>
      <c r="AM1064" s="53">
        <v>0</v>
      </c>
      <c r="AN1064" s="53">
        <v>0</v>
      </c>
      <c r="AO1064" s="53">
        <v>0</v>
      </c>
      <c r="AP1064" s="53">
        <v>0</v>
      </c>
      <c r="AQ1064" s="53">
        <v>0</v>
      </c>
      <c r="AR1064" s="53">
        <v>0</v>
      </c>
      <c r="AS1064" s="53">
        <v>0</v>
      </c>
      <c r="AT1064" s="53">
        <v>0</v>
      </c>
      <c r="AU1064" s="53">
        <v>0</v>
      </c>
      <c r="AV1064" s="53">
        <v>0</v>
      </c>
      <c r="AW1064" s="53">
        <v>0</v>
      </c>
      <c r="AX1064" s="53">
        <v>0</v>
      </c>
      <c r="AY1064" s="53">
        <v>0</v>
      </c>
      <c r="AZ1064" s="53">
        <v>0</v>
      </c>
      <c r="BA1064" s="53">
        <v>0</v>
      </c>
    </row>
    <row r="1065" spans="1:53">
      <c r="A1065" s="52" t="s">
        <v>3566</v>
      </c>
      <c r="B1065" s="53">
        <v>-206463</v>
      </c>
      <c r="C1065" s="53">
        <v>-206463</v>
      </c>
      <c r="D1065" s="53">
        <v>-206463</v>
      </c>
      <c r="E1065" s="53">
        <v>-206463</v>
      </c>
      <c r="F1065" s="53">
        <v>-206463</v>
      </c>
      <c r="G1065" s="53">
        <v>-206463</v>
      </c>
      <c r="H1065" s="53">
        <v>-206463</v>
      </c>
      <c r="I1065" s="53">
        <v>-206463</v>
      </c>
      <c r="J1065" s="53">
        <v>-206463</v>
      </c>
      <c r="K1065" s="53">
        <v>-206463</v>
      </c>
      <c r="L1065" s="53">
        <v>-206463</v>
      </c>
      <c r="M1065" s="53">
        <v>-206463</v>
      </c>
      <c r="N1065" s="53">
        <v>-206463</v>
      </c>
      <c r="O1065" s="53">
        <v>-206463</v>
      </c>
      <c r="P1065" s="53">
        <v>-206463</v>
      </c>
      <c r="Q1065" s="53">
        <v>-206463</v>
      </c>
      <c r="R1065" s="53">
        <v>-206463</v>
      </c>
      <c r="S1065" s="53">
        <v>-206463</v>
      </c>
      <c r="T1065" s="53">
        <v>-206463</v>
      </c>
      <c r="U1065" s="53">
        <v>-206463</v>
      </c>
      <c r="V1065" s="53">
        <v>-206463</v>
      </c>
      <c r="W1065" s="53">
        <v>-206463</v>
      </c>
      <c r="X1065" s="53">
        <v>-206463</v>
      </c>
      <c r="Y1065" s="53">
        <v>-206463</v>
      </c>
      <c r="Z1065" s="53">
        <v>-206463</v>
      </c>
      <c r="AA1065" s="53">
        <v>-206463</v>
      </c>
      <c r="AB1065" s="53">
        <v>-206463</v>
      </c>
      <c r="AC1065" s="53">
        <v>-206463</v>
      </c>
      <c r="AD1065" s="53">
        <v>-206463</v>
      </c>
      <c r="AE1065" s="53">
        <v>-206463</v>
      </c>
      <c r="AF1065" s="53">
        <v>-206463</v>
      </c>
      <c r="AG1065" s="53">
        <v>-206463</v>
      </c>
      <c r="AH1065" s="53">
        <v>-206463</v>
      </c>
      <c r="AI1065" s="53">
        <v>-206463</v>
      </c>
      <c r="AJ1065" s="53">
        <v>-206463</v>
      </c>
      <c r="AK1065" s="53">
        <v>-206463</v>
      </c>
      <c r="AL1065" s="53">
        <v>-206463</v>
      </c>
      <c r="AM1065" s="53">
        <v>-206463</v>
      </c>
      <c r="AN1065" s="53">
        <v>-206463</v>
      </c>
      <c r="AO1065" s="53">
        <v>-206463</v>
      </c>
      <c r="AP1065" s="53">
        <v>-206463</v>
      </c>
      <c r="AQ1065" s="53">
        <v>-206463</v>
      </c>
      <c r="AR1065" s="53">
        <v>-206463</v>
      </c>
      <c r="AS1065" s="53">
        <v>-206463</v>
      </c>
      <c r="AT1065" s="53">
        <v>-206463</v>
      </c>
      <c r="AU1065" s="53">
        <v>-206463</v>
      </c>
      <c r="AV1065" s="53">
        <v>-206463</v>
      </c>
      <c r="AW1065" s="53">
        <v>-206463</v>
      </c>
      <c r="AX1065" s="53">
        <v>-206463</v>
      </c>
      <c r="AY1065" s="53">
        <v>-206463</v>
      </c>
      <c r="AZ1065" s="53">
        <v>-206463</v>
      </c>
      <c r="BA1065" s="53">
        <v>-206463</v>
      </c>
    </row>
    <row r="1066" spans="1:53">
      <c r="A1066" s="52" t="s">
        <v>3567</v>
      </c>
      <c r="B1066" s="53">
        <v>0</v>
      </c>
      <c r="C1066" s="53">
        <v>0</v>
      </c>
      <c r="D1066" s="53">
        <v>0</v>
      </c>
      <c r="E1066" s="53">
        <v>0</v>
      </c>
      <c r="F1066" s="53">
        <v>0</v>
      </c>
      <c r="G1066" s="53">
        <v>0</v>
      </c>
      <c r="H1066" s="53">
        <v>0</v>
      </c>
      <c r="I1066" s="53">
        <v>0</v>
      </c>
      <c r="J1066" s="53">
        <v>0</v>
      </c>
      <c r="K1066" s="53">
        <v>0</v>
      </c>
      <c r="L1066" s="53">
        <v>0</v>
      </c>
      <c r="M1066" s="53">
        <v>0</v>
      </c>
      <c r="N1066" s="53">
        <v>0</v>
      </c>
      <c r="O1066" s="53">
        <v>0</v>
      </c>
      <c r="P1066" s="53">
        <v>0</v>
      </c>
      <c r="Q1066" s="53">
        <v>0</v>
      </c>
      <c r="R1066" s="53">
        <v>0</v>
      </c>
      <c r="S1066" s="53">
        <v>0</v>
      </c>
      <c r="T1066" s="53">
        <v>0</v>
      </c>
      <c r="U1066" s="53">
        <v>0</v>
      </c>
      <c r="V1066" s="53">
        <v>0</v>
      </c>
      <c r="W1066" s="53">
        <v>0</v>
      </c>
      <c r="X1066" s="53">
        <v>0</v>
      </c>
      <c r="Y1066" s="53">
        <v>0</v>
      </c>
      <c r="Z1066" s="53">
        <v>0</v>
      </c>
      <c r="AA1066" s="53">
        <v>0</v>
      </c>
      <c r="AB1066" s="53">
        <v>0</v>
      </c>
      <c r="AC1066" s="53">
        <v>0</v>
      </c>
      <c r="AD1066" s="53">
        <v>0</v>
      </c>
      <c r="AE1066" s="53">
        <v>0</v>
      </c>
      <c r="AF1066" s="53">
        <v>0</v>
      </c>
      <c r="AG1066" s="53">
        <v>0</v>
      </c>
      <c r="AH1066" s="53">
        <v>0</v>
      </c>
      <c r="AI1066" s="53">
        <v>0</v>
      </c>
      <c r="AJ1066" s="53">
        <v>0</v>
      </c>
      <c r="AK1066" s="53">
        <v>0</v>
      </c>
      <c r="AL1066" s="53">
        <v>0</v>
      </c>
      <c r="AM1066" s="53">
        <v>0</v>
      </c>
      <c r="AN1066" s="53">
        <v>0</v>
      </c>
      <c r="AO1066" s="53">
        <v>0</v>
      </c>
      <c r="AP1066" s="53">
        <v>0</v>
      </c>
      <c r="AQ1066" s="53">
        <v>0</v>
      </c>
      <c r="AR1066" s="53">
        <v>0</v>
      </c>
      <c r="AS1066" s="53">
        <v>0</v>
      </c>
      <c r="AT1066" s="53">
        <v>0</v>
      </c>
      <c r="AU1066" s="53">
        <v>0</v>
      </c>
      <c r="AV1066" s="53">
        <v>0</v>
      </c>
      <c r="AW1066" s="53">
        <v>0</v>
      </c>
      <c r="AX1066" s="53">
        <v>0</v>
      </c>
      <c r="AY1066" s="53">
        <v>0</v>
      </c>
      <c r="AZ1066" s="53">
        <v>0</v>
      </c>
      <c r="BA1066" s="53">
        <v>0</v>
      </c>
    </row>
    <row r="1067" spans="1:53">
      <c r="A1067" s="52" t="s">
        <v>3568</v>
      </c>
      <c r="B1067" s="53">
        <v>0</v>
      </c>
      <c r="C1067" s="53">
        <v>0</v>
      </c>
      <c r="D1067" s="53">
        <v>0</v>
      </c>
      <c r="E1067" s="53">
        <v>0</v>
      </c>
      <c r="F1067" s="53">
        <v>0</v>
      </c>
      <c r="G1067" s="53">
        <v>0</v>
      </c>
      <c r="H1067" s="53">
        <v>0</v>
      </c>
      <c r="I1067" s="53">
        <v>0</v>
      </c>
      <c r="J1067" s="53">
        <v>0</v>
      </c>
      <c r="K1067" s="53">
        <v>0</v>
      </c>
      <c r="L1067" s="53">
        <v>0</v>
      </c>
      <c r="M1067" s="53">
        <v>0</v>
      </c>
      <c r="N1067" s="53">
        <v>0</v>
      </c>
      <c r="O1067" s="53">
        <v>0</v>
      </c>
      <c r="P1067" s="53">
        <v>0</v>
      </c>
      <c r="Q1067" s="53">
        <v>0</v>
      </c>
      <c r="R1067" s="53">
        <v>0</v>
      </c>
      <c r="S1067" s="53">
        <v>0</v>
      </c>
      <c r="T1067" s="53">
        <v>0</v>
      </c>
      <c r="U1067" s="53">
        <v>0</v>
      </c>
      <c r="V1067" s="53">
        <v>0</v>
      </c>
      <c r="W1067" s="53">
        <v>0</v>
      </c>
      <c r="X1067" s="53">
        <v>0</v>
      </c>
      <c r="Y1067" s="53">
        <v>0</v>
      </c>
      <c r="Z1067" s="53">
        <v>0</v>
      </c>
      <c r="AA1067" s="53">
        <v>0</v>
      </c>
      <c r="AB1067" s="53">
        <v>0</v>
      </c>
      <c r="AC1067" s="53">
        <v>0</v>
      </c>
      <c r="AD1067" s="53">
        <v>0</v>
      </c>
      <c r="AE1067" s="53">
        <v>0</v>
      </c>
      <c r="AF1067" s="53">
        <v>0</v>
      </c>
      <c r="AG1067" s="53">
        <v>0</v>
      </c>
      <c r="AH1067" s="53">
        <v>0</v>
      </c>
      <c r="AI1067" s="53">
        <v>0</v>
      </c>
      <c r="AJ1067" s="53">
        <v>0</v>
      </c>
      <c r="AK1067" s="53">
        <v>0</v>
      </c>
      <c r="AL1067" s="53">
        <v>0</v>
      </c>
      <c r="AM1067" s="53">
        <v>0</v>
      </c>
      <c r="AN1067" s="53">
        <v>0</v>
      </c>
      <c r="AO1067" s="53">
        <v>0</v>
      </c>
      <c r="AP1067" s="53">
        <v>0</v>
      </c>
      <c r="AQ1067" s="53">
        <v>0</v>
      </c>
      <c r="AR1067" s="53">
        <v>0</v>
      </c>
      <c r="AS1067" s="53">
        <v>0</v>
      </c>
      <c r="AT1067" s="53">
        <v>0</v>
      </c>
      <c r="AU1067" s="53">
        <v>0</v>
      </c>
      <c r="AV1067" s="53">
        <v>0</v>
      </c>
      <c r="AW1067" s="53">
        <v>0</v>
      </c>
      <c r="AX1067" s="53">
        <v>0</v>
      </c>
      <c r="AY1067" s="53">
        <v>0</v>
      </c>
      <c r="AZ1067" s="53">
        <v>0</v>
      </c>
      <c r="BA1067" s="53">
        <v>0</v>
      </c>
    </row>
    <row r="1068" spans="1:53">
      <c r="A1068" s="52" t="s">
        <v>3569</v>
      </c>
      <c r="B1068" s="53">
        <v>-1584409.5203795601</v>
      </c>
      <c r="C1068" s="53">
        <v>707013.014980376</v>
      </c>
      <c r="D1068" s="53">
        <v>2790917.48022199</v>
      </c>
      <c r="E1068" s="53">
        <v>3659547.6749758301</v>
      </c>
      <c r="F1068" s="53">
        <v>2623155.7887868602</v>
      </c>
      <c r="G1068" s="53">
        <v>1225238.78947084</v>
      </c>
      <c r="H1068" s="53">
        <v>-532783.26538193796</v>
      </c>
      <c r="I1068" s="53">
        <v>-5208879.0021113995</v>
      </c>
      <c r="J1068" s="53">
        <v>-5873325.3461676901</v>
      </c>
      <c r="K1068" s="53">
        <v>-5289862.2452560198</v>
      </c>
      <c r="L1068" s="53">
        <v>-2056388.7020358799</v>
      </c>
      <c r="M1068" s="53">
        <v>2.09183781407773E-8</v>
      </c>
      <c r="N1068" s="53">
        <v>2.09183781407773E-8</v>
      </c>
      <c r="O1068" s="53">
        <v>-1707358.8043714301</v>
      </c>
      <c r="P1068" s="53">
        <v>1055151.2267647199</v>
      </c>
      <c r="Q1068" s="53">
        <v>3139092.57343547</v>
      </c>
      <c r="R1068" s="53">
        <v>4441703.3966666302</v>
      </c>
      <c r="S1068" s="53">
        <v>3893122.6760064098</v>
      </c>
      <c r="T1068" s="53">
        <v>2623587.8009648598</v>
      </c>
      <c r="U1068" s="53">
        <v>743808.24613454705</v>
      </c>
      <c r="V1068" s="53">
        <v>-4005279.1599824699</v>
      </c>
      <c r="W1068" s="53">
        <v>-5055685.5504393401</v>
      </c>
      <c r="X1068" s="53">
        <v>-4504374.3501356496</v>
      </c>
      <c r="Y1068" s="53">
        <v>-2005156.24882028</v>
      </c>
      <c r="Z1068" s="53">
        <v>2.09183781407773E-8</v>
      </c>
      <c r="AA1068" s="53">
        <v>2.09183781407773E-8</v>
      </c>
      <c r="AB1068" s="53">
        <v>-1713945.8976274501</v>
      </c>
      <c r="AC1068" s="53">
        <v>1099835.18177387</v>
      </c>
      <c r="AD1068" s="53">
        <v>3272563.5935115502</v>
      </c>
      <c r="AE1068" s="53">
        <v>4645892.2152414303</v>
      </c>
      <c r="AF1068" s="53">
        <v>4124564.0176134398</v>
      </c>
      <c r="AG1068" s="53">
        <v>2803921.9557268498</v>
      </c>
      <c r="AH1068" s="53">
        <v>862682.71213645895</v>
      </c>
      <c r="AI1068" s="53">
        <v>-3995146.33930744</v>
      </c>
      <c r="AJ1068" s="53">
        <v>-5093313.0474695396</v>
      </c>
      <c r="AK1068" s="53">
        <v>-4579672.3358092103</v>
      </c>
      <c r="AL1068" s="53">
        <v>-2024820.9503615201</v>
      </c>
      <c r="AM1068" s="53">
        <v>69.444898887923003</v>
      </c>
      <c r="AN1068" s="53">
        <v>69.444898887923003</v>
      </c>
      <c r="AO1068" s="53">
        <v>-1773400.49839471</v>
      </c>
      <c r="AP1068" s="53">
        <v>1243331.6037167001</v>
      </c>
      <c r="AQ1068" s="53">
        <v>3605574.2502963701</v>
      </c>
      <c r="AR1068" s="53">
        <v>5123204.4109970601</v>
      </c>
      <c r="AS1068" s="53">
        <v>4588963.7483718703</v>
      </c>
      <c r="AT1068" s="53">
        <v>3166688.2092515798</v>
      </c>
      <c r="AU1068" s="53">
        <v>1078779.9486815699</v>
      </c>
      <c r="AV1068" s="53">
        <v>-4105519.4326198199</v>
      </c>
      <c r="AW1068" s="53">
        <v>-5308800.4551905701</v>
      </c>
      <c r="AX1068" s="53">
        <v>-4791886.2560569197</v>
      </c>
      <c r="AY1068" s="53">
        <v>-2107013.4780418598</v>
      </c>
      <c r="AZ1068" s="53">
        <v>-137.29205761410401</v>
      </c>
      <c r="BA1068" s="53">
        <v>-137.29205761410401</v>
      </c>
    </row>
    <row r="1069" spans="1:53">
      <c r="A1069" s="52" t="s">
        <v>3570</v>
      </c>
      <c r="B1069" s="53">
        <v>-516508.23391490401</v>
      </c>
      <c r="C1069" s="53">
        <v>-365423.42859329801</v>
      </c>
      <c r="D1069" s="53">
        <v>-282614.12210522703</v>
      </c>
      <c r="E1069" s="53">
        <v>-222445.83627856799</v>
      </c>
      <c r="F1069" s="53">
        <v>-268439.452930842</v>
      </c>
      <c r="G1069" s="53">
        <v>-224528.088844118</v>
      </c>
      <c r="H1069" s="53">
        <v>-243037.85978676999</v>
      </c>
      <c r="I1069" s="53">
        <v>-462642.96802275901</v>
      </c>
      <c r="J1069" s="53">
        <v>-447127.32105319097</v>
      </c>
      <c r="K1069" s="53">
        <v>-392236.53141241102</v>
      </c>
      <c r="L1069" s="53">
        <v>-220594.36192305799</v>
      </c>
      <c r="M1069" s="53">
        <v>1.30739863379858E-9</v>
      </c>
      <c r="N1069" s="53">
        <v>1.30739863379858E-9</v>
      </c>
      <c r="O1069" s="53">
        <v>-147125.72032479601</v>
      </c>
      <c r="P1069" s="53">
        <v>106584.985077063</v>
      </c>
      <c r="Q1069" s="53">
        <v>298759.877977408</v>
      </c>
      <c r="R1069" s="53">
        <v>418903.04698479699</v>
      </c>
      <c r="S1069" s="53">
        <v>371319.32981799002</v>
      </c>
      <c r="T1069" s="53">
        <v>257342.24165099001</v>
      </c>
      <c r="U1069" s="53">
        <v>87357.509771100697</v>
      </c>
      <c r="V1069" s="53">
        <v>-341403.090390875</v>
      </c>
      <c r="W1069" s="53">
        <v>-438784.74775295</v>
      </c>
      <c r="X1069" s="53">
        <v>-393088.075163965</v>
      </c>
      <c r="Y1069" s="53">
        <v>-173924.04710340101</v>
      </c>
      <c r="Z1069" s="53">
        <v>1.76214598468504E-9</v>
      </c>
      <c r="AA1069" s="53">
        <v>1.76214598468504E-9</v>
      </c>
      <c r="AB1069" s="53">
        <v>-145039.07254220601</v>
      </c>
      <c r="AC1069" s="53">
        <v>108548.47811948</v>
      </c>
      <c r="AD1069" s="53">
        <v>304802.18563775602</v>
      </c>
      <c r="AE1069" s="53">
        <v>428921.90251935</v>
      </c>
      <c r="AF1069" s="53">
        <v>384385.12686437002</v>
      </c>
      <c r="AG1069" s="53">
        <v>267773.83577497897</v>
      </c>
      <c r="AH1069" s="53">
        <v>95297.874865349702</v>
      </c>
      <c r="AI1069" s="53">
        <v>-335907.04291280598</v>
      </c>
      <c r="AJ1069" s="53">
        <v>-435750.16322748701</v>
      </c>
      <c r="AK1069" s="53">
        <v>-393937.38175371097</v>
      </c>
      <c r="AL1069" s="53">
        <v>-173212.170839425</v>
      </c>
      <c r="AM1069" s="53">
        <v>-3.97903932025656E-10</v>
      </c>
      <c r="AN1069" s="53">
        <v>-3.97903932025656E-10</v>
      </c>
      <c r="AO1069" s="53">
        <v>-141762.36197312799</v>
      </c>
      <c r="AP1069" s="53">
        <v>114546.287665411</v>
      </c>
      <c r="AQ1069" s="53">
        <v>315220.97575940401</v>
      </c>
      <c r="AR1069" s="53">
        <v>444410.65209028497</v>
      </c>
      <c r="AS1069" s="53">
        <v>401794.91368617199</v>
      </c>
      <c r="AT1069" s="53">
        <v>284001.633012056</v>
      </c>
      <c r="AU1069" s="53">
        <v>109463.548767229</v>
      </c>
      <c r="AV1069" s="53">
        <v>-323296.108174822</v>
      </c>
      <c r="AW1069" s="53">
        <v>-426347.247551871</v>
      </c>
      <c r="AX1069" s="53">
        <v>-387404.54716855998</v>
      </c>
      <c r="AY1069" s="53">
        <v>-169290.50607460801</v>
      </c>
      <c r="AZ1069" s="53">
        <v>-1.6484591469634299E-9</v>
      </c>
      <c r="BA1069" s="53">
        <v>-1.6484591469634299E-9</v>
      </c>
    </row>
    <row r="1070" spans="1:53">
      <c r="A1070" s="52" t="s">
        <v>3571</v>
      </c>
      <c r="B1070" s="53">
        <v>-4656943.0266666599</v>
      </c>
      <c r="C1070" s="53">
        <v>-4546495.9433333203</v>
      </c>
      <c r="D1070" s="53">
        <v>-4436048.8599999901</v>
      </c>
      <c r="E1070" s="53">
        <v>-4325601.7766666599</v>
      </c>
      <c r="F1070" s="53">
        <v>-4215154.6933333296</v>
      </c>
      <c r="G1070" s="53">
        <v>-4104707.6099999901</v>
      </c>
      <c r="H1070" s="53">
        <v>-3994260.5266666599</v>
      </c>
      <c r="I1070" s="53">
        <v>-3883813.4433333301</v>
      </c>
      <c r="J1070" s="53">
        <v>-3773366.3599999901</v>
      </c>
      <c r="K1070" s="53">
        <v>-3662919.2766666599</v>
      </c>
      <c r="L1070" s="53">
        <v>-3552472.1933333301</v>
      </c>
      <c r="M1070" s="53">
        <v>-3442025.11</v>
      </c>
      <c r="N1070" s="53">
        <v>-3442025.11</v>
      </c>
      <c r="O1070" s="53">
        <v>-3331744.4433333301</v>
      </c>
      <c r="P1070" s="53">
        <v>-3221463.7766666599</v>
      </c>
      <c r="Q1070" s="53">
        <v>-3111183.1099999901</v>
      </c>
      <c r="R1070" s="53">
        <v>-3000902.4433333301</v>
      </c>
      <c r="S1070" s="53">
        <v>-2890621.7766666599</v>
      </c>
      <c r="T1070" s="53">
        <v>-2780341.1099999901</v>
      </c>
      <c r="U1070" s="53">
        <v>-2670060.4433333301</v>
      </c>
      <c r="V1070" s="53">
        <v>-2559779.7766666599</v>
      </c>
      <c r="W1070" s="53">
        <v>-2449499.1099999901</v>
      </c>
      <c r="X1070" s="53">
        <v>-2339218.4433333301</v>
      </c>
      <c r="Y1070" s="53">
        <v>-2228937.7766666599</v>
      </c>
      <c r="Z1070" s="53">
        <v>-2118657.1099999901</v>
      </c>
      <c r="AA1070" s="53">
        <v>-2118657.1099999901</v>
      </c>
      <c r="AB1070" s="53">
        <v>-2023932.1933333201</v>
      </c>
      <c r="AC1070" s="53">
        <v>-1929207.2766666601</v>
      </c>
      <c r="AD1070" s="53">
        <v>-1834482.3599999901</v>
      </c>
      <c r="AE1070" s="53">
        <v>-1739757.4433333201</v>
      </c>
      <c r="AF1070" s="53">
        <v>-1645032.5266666601</v>
      </c>
      <c r="AG1070" s="53">
        <v>-1550307.6099999901</v>
      </c>
      <c r="AH1070" s="53">
        <v>-1455582.6933333201</v>
      </c>
      <c r="AI1070" s="53">
        <v>-1360857.7766666601</v>
      </c>
      <c r="AJ1070" s="53">
        <v>-1266132.8599999901</v>
      </c>
      <c r="AK1070" s="53">
        <v>-1171407.9433333201</v>
      </c>
      <c r="AL1070" s="53">
        <v>-1076683.0266666601</v>
      </c>
      <c r="AM1070" s="53">
        <v>-981958.10999999498</v>
      </c>
      <c r="AN1070" s="53">
        <v>-981958.10999999498</v>
      </c>
      <c r="AO1070" s="53">
        <v>-900128.27666666103</v>
      </c>
      <c r="AP1070" s="53">
        <v>-818298.443333328</v>
      </c>
      <c r="AQ1070" s="53">
        <v>-736468.60999999498</v>
      </c>
      <c r="AR1070" s="53">
        <v>-654638.77666666103</v>
      </c>
      <c r="AS1070" s="53">
        <v>-572808.943333328</v>
      </c>
      <c r="AT1070" s="53">
        <v>-490979.10999999498</v>
      </c>
      <c r="AU1070" s="53">
        <v>-409149.27666666103</v>
      </c>
      <c r="AV1070" s="53">
        <v>-327319.443333328</v>
      </c>
      <c r="AW1070" s="53">
        <v>-245489.60999999501</v>
      </c>
      <c r="AX1070" s="53">
        <v>-163659.77666666199</v>
      </c>
      <c r="AY1070" s="53">
        <v>-81829.943333328702</v>
      </c>
      <c r="AZ1070" s="53">
        <v>-0.109999995430598</v>
      </c>
      <c r="BA1070" s="53">
        <v>-0.109999995430598</v>
      </c>
    </row>
    <row r="1071" spans="1:53">
      <c r="A1071" s="52" t="s">
        <v>3572</v>
      </c>
      <c r="B1071" s="53">
        <v>0</v>
      </c>
      <c r="C1071" s="53">
        <v>0</v>
      </c>
      <c r="D1071" s="53">
        <v>0</v>
      </c>
      <c r="E1071" s="53">
        <v>0</v>
      </c>
      <c r="F1071" s="53">
        <v>0</v>
      </c>
      <c r="G1071" s="53">
        <v>0</v>
      </c>
      <c r="H1071" s="53">
        <v>0</v>
      </c>
      <c r="I1071" s="53">
        <v>0</v>
      </c>
      <c r="J1071" s="53">
        <v>0</v>
      </c>
      <c r="K1071" s="53">
        <v>0</v>
      </c>
      <c r="L1071" s="53">
        <v>0</v>
      </c>
      <c r="M1071" s="53">
        <v>0</v>
      </c>
      <c r="N1071" s="53">
        <v>0</v>
      </c>
      <c r="O1071" s="53">
        <v>0</v>
      </c>
      <c r="P1071" s="53">
        <v>0</v>
      </c>
      <c r="Q1071" s="53">
        <v>0</v>
      </c>
      <c r="R1071" s="53">
        <v>0</v>
      </c>
      <c r="S1071" s="53">
        <v>0</v>
      </c>
      <c r="T1071" s="53">
        <v>0</v>
      </c>
      <c r="U1071" s="53">
        <v>0</v>
      </c>
      <c r="V1071" s="53">
        <v>0</v>
      </c>
      <c r="W1071" s="53">
        <v>0</v>
      </c>
      <c r="X1071" s="53">
        <v>0</v>
      </c>
      <c r="Y1071" s="53">
        <v>0</v>
      </c>
      <c r="Z1071" s="53">
        <v>0</v>
      </c>
      <c r="AA1071" s="53">
        <v>0</v>
      </c>
      <c r="AB1071" s="53">
        <v>0</v>
      </c>
      <c r="AC1071" s="53">
        <v>0</v>
      </c>
      <c r="AD1071" s="53">
        <v>0</v>
      </c>
      <c r="AE1071" s="53">
        <v>0</v>
      </c>
      <c r="AF1071" s="53">
        <v>0</v>
      </c>
      <c r="AG1071" s="53">
        <v>0</v>
      </c>
      <c r="AH1071" s="53">
        <v>0</v>
      </c>
      <c r="AI1071" s="53">
        <v>0</v>
      </c>
      <c r="AJ1071" s="53">
        <v>0</v>
      </c>
      <c r="AK1071" s="53">
        <v>0</v>
      </c>
      <c r="AL1071" s="53">
        <v>0</v>
      </c>
      <c r="AM1071" s="53">
        <v>0</v>
      </c>
      <c r="AN1071" s="53">
        <v>0</v>
      </c>
      <c r="AO1071" s="53">
        <v>0</v>
      </c>
      <c r="AP1071" s="53">
        <v>0</v>
      </c>
      <c r="AQ1071" s="53">
        <v>0</v>
      </c>
      <c r="AR1071" s="53">
        <v>0</v>
      </c>
      <c r="AS1071" s="53">
        <v>0</v>
      </c>
      <c r="AT1071" s="53">
        <v>0</v>
      </c>
      <c r="AU1071" s="53">
        <v>0</v>
      </c>
      <c r="AV1071" s="53">
        <v>0</v>
      </c>
      <c r="AW1071" s="53">
        <v>0</v>
      </c>
      <c r="AX1071" s="53">
        <v>0</v>
      </c>
      <c r="AY1071" s="53">
        <v>0</v>
      </c>
      <c r="AZ1071" s="53">
        <v>0</v>
      </c>
      <c r="BA1071" s="53">
        <v>0</v>
      </c>
    </row>
    <row r="1072" spans="1:53">
      <c r="A1072" s="52" t="s">
        <v>3573</v>
      </c>
      <c r="B1072" s="53">
        <v>0</v>
      </c>
      <c r="C1072" s="53">
        <v>0</v>
      </c>
      <c r="D1072" s="53">
        <v>0</v>
      </c>
      <c r="E1072" s="53">
        <v>0</v>
      </c>
      <c r="F1072" s="53">
        <v>0</v>
      </c>
      <c r="G1072" s="53">
        <v>0</v>
      </c>
      <c r="H1072" s="53">
        <v>0</v>
      </c>
      <c r="I1072" s="53">
        <v>0</v>
      </c>
      <c r="J1072" s="53">
        <v>0</v>
      </c>
      <c r="K1072" s="53">
        <v>0</v>
      </c>
      <c r="L1072" s="53">
        <v>0</v>
      </c>
      <c r="M1072" s="53">
        <v>0</v>
      </c>
      <c r="N1072" s="53">
        <v>0</v>
      </c>
      <c r="O1072" s="53">
        <v>0</v>
      </c>
      <c r="P1072" s="53">
        <v>0</v>
      </c>
      <c r="Q1072" s="53">
        <v>0</v>
      </c>
      <c r="R1072" s="53">
        <v>0</v>
      </c>
      <c r="S1072" s="53">
        <v>0</v>
      </c>
      <c r="T1072" s="53">
        <v>0</v>
      </c>
      <c r="U1072" s="53">
        <v>0</v>
      </c>
      <c r="V1072" s="53">
        <v>0</v>
      </c>
      <c r="W1072" s="53">
        <v>0</v>
      </c>
      <c r="X1072" s="53">
        <v>0</v>
      </c>
      <c r="Y1072" s="53">
        <v>0</v>
      </c>
      <c r="Z1072" s="53">
        <v>0</v>
      </c>
      <c r="AA1072" s="53">
        <v>0</v>
      </c>
      <c r="AB1072" s="53">
        <v>0</v>
      </c>
      <c r="AC1072" s="53">
        <v>0</v>
      </c>
      <c r="AD1072" s="53">
        <v>0</v>
      </c>
      <c r="AE1072" s="53">
        <v>0</v>
      </c>
      <c r="AF1072" s="53">
        <v>0</v>
      </c>
      <c r="AG1072" s="53">
        <v>0</v>
      </c>
      <c r="AH1072" s="53">
        <v>0</v>
      </c>
      <c r="AI1072" s="53">
        <v>0</v>
      </c>
      <c r="AJ1072" s="53">
        <v>0</v>
      </c>
      <c r="AK1072" s="53">
        <v>0</v>
      </c>
      <c r="AL1072" s="53">
        <v>0</v>
      </c>
      <c r="AM1072" s="53">
        <v>0</v>
      </c>
      <c r="AN1072" s="53">
        <v>0</v>
      </c>
      <c r="AO1072" s="53">
        <v>0</v>
      </c>
      <c r="AP1072" s="53">
        <v>0</v>
      </c>
      <c r="AQ1072" s="53">
        <v>0</v>
      </c>
      <c r="AR1072" s="53">
        <v>0</v>
      </c>
      <c r="AS1072" s="53">
        <v>0</v>
      </c>
      <c r="AT1072" s="53">
        <v>0</v>
      </c>
      <c r="AU1072" s="53">
        <v>0</v>
      </c>
      <c r="AV1072" s="53">
        <v>0</v>
      </c>
      <c r="AW1072" s="53">
        <v>0</v>
      </c>
      <c r="AX1072" s="53">
        <v>0</v>
      </c>
      <c r="AY1072" s="53">
        <v>0</v>
      </c>
      <c r="AZ1072" s="53">
        <v>0</v>
      </c>
      <c r="BA1072" s="53">
        <v>0</v>
      </c>
    </row>
    <row r="1073" spans="1:53">
      <c r="A1073" s="52" t="s">
        <v>3574</v>
      </c>
      <c r="B1073" s="53">
        <v>83476.86</v>
      </c>
      <c r="C1073" s="53">
        <v>83476.86</v>
      </c>
      <c r="D1073" s="53">
        <v>83476.86</v>
      </c>
      <c r="E1073" s="53">
        <v>83476.86</v>
      </c>
      <c r="F1073" s="53">
        <v>83476.86</v>
      </c>
      <c r="G1073" s="53">
        <v>83476.86</v>
      </c>
      <c r="H1073" s="53">
        <v>83476.86</v>
      </c>
      <c r="I1073" s="53">
        <v>83476.86</v>
      </c>
      <c r="J1073" s="53">
        <v>83476.86</v>
      </c>
      <c r="K1073" s="53">
        <v>83476.86</v>
      </c>
      <c r="L1073" s="53">
        <v>83476.86</v>
      </c>
      <c r="M1073" s="53">
        <v>83476.86</v>
      </c>
      <c r="N1073" s="53">
        <v>83476.86</v>
      </c>
      <c r="O1073" s="53">
        <v>83476.86</v>
      </c>
      <c r="P1073" s="53">
        <v>83476.86</v>
      </c>
      <c r="Q1073" s="53">
        <v>83476.86</v>
      </c>
      <c r="R1073" s="53">
        <v>83476.86</v>
      </c>
      <c r="S1073" s="53">
        <v>83476.86</v>
      </c>
      <c r="T1073" s="53">
        <v>83476.86</v>
      </c>
      <c r="U1073" s="53">
        <v>83476.86</v>
      </c>
      <c r="V1073" s="53">
        <v>83476.86</v>
      </c>
      <c r="W1073" s="53">
        <v>83476.86</v>
      </c>
      <c r="X1073" s="53">
        <v>83476.86</v>
      </c>
      <c r="Y1073" s="53">
        <v>83476.86</v>
      </c>
      <c r="Z1073" s="53">
        <v>83476.86</v>
      </c>
      <c r="AA1073" s="53">
        <v>83476.86</v>
      </c>
      <c r="AB1073" s="53">
        <v>83476.86</v>
      </c>
      <c r="AC1073" s="53">
        <v>83476.86</v>
      </c>
      <c r="AD1073" s="53">
        <v>83476.86</v>
      </c>
      <c r="AE1073" s="53">
        <v>83476.86</v>
      </c>
      <c r="AF1073" s="53">
        <v>83476.86</v>
      </c>
      <c r="AG1073" s="53">
        <v>83476.86</v>
      </c>
      <c r="AH1073" s="53">
        <v>83476.86</v>
      </c>
      <c r="AI1073" s="53">
        <v>83476.86</v>
      </c>
      <c r="AJ1073" s="53">
        <v>83476.86</v>
      </c>
      <c r="AK1073" s="53">
        <v>83476.86</v>
      </c>
      <c r="AL1073" s="53">
        <v>83476.86</v>
      </c>
      <c r="AM1073" s="53">
        <v>83476.86</v>
      </c>
      <c r="AN1073" s="53">
        <v>83476.86</v>
      </c>
      <c r="AO1073" s="53">
        <v>83476.86</v>
      </c>
      <c r="AP1073" s="53">
        <v>83476.86</v>
      </c>
      <c r="AQ1073" s="53">
        <v>83476.86</v>
      </c>
      <c r="AR1073" s="53">
        <v>83476.86</v>
      </c>
      <c r="AS1073" s="53">
        <v>83476.86</v>
      </c>
      <c r="AT1073" s="53">
        <v>83476.86</v>
      </c>
      <c r="AU1073" s="53">
        <v>83476.86</v>
      </c>
      <c r="AV1073" s="53">
        <v>83476.86</v>
      </c>
      <c r="AW1073" s="53">
        <v>83476.86</v>
      </c>
      <c r="AX1073" s="53">
        <v>83476.86</v>
      </c>
      <c r="AY1073" s="53">
        <v>83476.86</v>
      </c>
      <c r="AZ1073" s="53">
        <v>83476.86</v>
      </c>
      <c r="BA1073" s="53">
        <v>83476.86</v>
      </c>
    </row>
    <row r="1074" spans="1:53">
      <c r="A1074" s="52" t="s">
        <v>3575</v>
      </c>
      <c r="B1074" s="53">
        <v>0</v>
      </c>
      <c r="C1074" s="53">
        <v>0</v>
      </c>
      <c r="D1074" s="53">
        <v>0</v>
      </c>
      <c r="E1074" s="53">
        <v>0</v>
      </c>
      <c r="F1074" s="53">
        <v>0</v>
      </c>
      <c r="G1074" s="53">
        <v>0</v>
      </c>
      <c r="H1074" s="53">
        <v>0</v>
      </c>
      <c r="I1074" s="53">
        <v>0</v>
      </c>
      <c r="J1074" s="53">
        <v>0</v>
      </c>
      <c r="K1074" s="53">
        <v>0</v>
      </c>
      <c r="L1074" s="53">
        <v>0</v>
      </c>
      <c r="M1074" s="53">
        <v>0</v>
      </c>
      <c r="N1074" s="53">
        <v>0</v>
      </c>
      <c r="O1074" s="53">
        <v>0</v>
      </c>
      <c r="P1074" s="53">
        <v>0</v>
      </c>
      <c r="Q1074" s="53">
        <v>0</v>
      </c>
      <c r="R1074" s="53">
        <v>0</v>
      </c>
      <c r="S1074" s="53">
        <v>0</v>
      </c>
      <c r="T1074" s="53">
        <v>0</v>
      </c>
      <c r="U1074" s="53">
        <v>0</v>
      </c>
      <c r="V1074" s="53">
        <v>0</v>
      </c>
      <c r="W1074" s="53">
        <v>0</v>
      </c>
      <c r="X1074" s="53">
        <v>0</v>
      </c>
      <c r="Y1074" s="53">
        <v>0</v>
      </c>
      <c r="Z1074" s="53">
        <v>0</v>
      </c>
      <c r="AA1074" s="53">
        <v>0</v>
      </c>
      <c r="AB1074" s="53">
        <v>0</v>
      </c>
      <c r="AC1074" s="53">
        <v>0</v>
      </c>
      <c r="AD1074" s="53">
        <v>0</v>
      </c>
      <c r="AE1074" s="53">
        <v>0</v>
      </c>
      <c r="AF1074" s="53">
        <v>0</v>
      </c>
      <c r="AG1074" s="53">
        <v>0</v>
      </c>
      <c r="AH1074" s="53">
        <v>0</v>
      </c>
      <c r="AI1074" s="53">
        <v>0</v>
      </c>
      <c r="AJ1074" s="53">
        <v>0</v>
      </c>
      <c r="AK1074" s="53">
        <v>0</v>
      </c>
      <c r="AL1074" s="53">
        <v>0</v>
      </c>
      <c r="AM1074" s="53">
        <v>0</v>
      </c>
      <c r="AN1074" s="53">
        <v>0</v>
      </c>
      <c r="AO1074" s="53">
        <v>0</v>
      </c>
      <c r="AP1074" s="53">
        <v>0</v>
      </c>
      <c r="AQ1074" s="53">
        <v>0</v>
      </c>
      <c r="AR1074" s="53">
        <v>0</v>
      </c>
      <c r="AS1074" s="53">
        <v>0</v>
      </c>
      <c r="AT1074" s="53">
        <v>0</v>
      </c>
      <c r="AU1074" s="53">
        <v>0</v>
      </c>
      <c r="AV1074" s="53">
        <v>0</v>
      </c>
      <c r="AW1074" s="53">
        <v>0</v>
      </c>
      <c r="AX1074" s="53">
        <v>0</v>
      </c>
      <c r="AY1074" s="53">
        <v>0</v>
      </c>
      <c r="AZ1074" s="53">
        <v>0</v>
      </c>
      <c r="BA1074" s="53">
        <v>0</v>
      </c>
    </row>
    <row r="1075" spans="1:53">
      <c r="A1075" s="52" t="s">
        <v>3576</v>
      </c>
      <c r="B1075" s="53">
        <v>0</v>
      </c>
      <c r="C1075" s="53">
        <v>0</v>
      </c>
      <c r="D1075" s="53">
        <v>0</v>
      </c>
      <c r="E1075" s="53">
        <v>0</v>
      </c>
      <c r="F1075" s="53">
        <v>0</v>
      </c>
      <c r="G1075" s="53">
        <v>0</v>
      </c>
      <c r="H1075" s="53">
        <v>0</v>
      </c>
      <c r="I1075" s="53">
        <v>0</v>
      </c>
      <c r="J1075" s="53">
        <v>0</v>
      </c>
      <c r="K1075" s="53">
        <v>0</v>
      </c>
      <c r="L1075" s="53">
        <v>0</v>
      </c>
      <c r="M1075" s="53">
        <v>0</v>
      </c>
      <c r="N1075" s="53">
        <v>0</v>
      </c>
      <c r="O1075" s="53">
        <v>0</v>
      </c>
      <c r="P1075" s="53">
        <v>0</v>
      </c>
      <c r="Q1075" s="53">
        <v>0</v>
      </c>
      <c r="R1075" s="53">
        <v>0</v>
      </c>
      <c r="S1075" s="53">
        <v>0</v>
      </c>
      <c r="T1075" s="53">
        <v>0</v>
      </c>
      <c r="U1075" s="53">
        <v>0</v>
      </c>
      <c r="V1075" s="53">
        <v>0</v>
      </c>
      <c r="W1075" s="53">
        <v>0</v>
      </c>
      <c r="X1075" s="53">
        <v>0</v>
      </c>
      <c r="Y1075" s="53">
        <v>0</v>
      </c>
      <c r="Z1075" s="53">
        <v>0</v>
      </c>
      <c r="AA1075" s="53">
        <v>0</v>
      </c>
      <c r="AB1075" s="53">
        <v>0</v>
      </c>
      <c r="AC1075" s="53">
        <v>0</v>
      </c>
      <c r="AD1075" s="53">
        <v>0</v>
      </c>
      <c r="AE1075" s="53">
        <v>0</v>
      </c>
      <c r="AF1075" s="53">
        <v>0</v>
      </c>
      <c r="AG1075" s="53">
        <v>0</v>
      </c>
      <c r="AH1075" s="53">
        <v>0</v>
      </c>
      <c r="AI1075" s="53">
        <v>0</v>
      </c>
      <c r="AJ1075" s="53">
        <v>0</v>
      </c>
      <c r="AK1075" s="53">
        <v>0</v>
      </c>
      <c r="AL1075" s="53">
        <v>0</v>
      </c>
      <c r="AM1075" s="53">
        <v>0</v>
      </c>
      <c r="AN1075" s="53">
        <v>0</v>
      </c>
      <c r="AO1075" s="53">
        <v>0</v>
      </c>
      <c r="AP1075" s="53">
        <v>0</v>
      </c>
      <c r="AQ1075" s="53">
        <v>0</v>
      </c>
      <c r="AR1075" s="53">
        <v>0</v>
      </c>
      <c r="AS1075" s="53">
        <v>0</v>
      </c>
      <c r="AT1075" s="53">
        <v>0</v>
      </c>
      <c r="AU1075" s="53">
        <v>0</v>
      </c>
      <c r="AV1075" s="53">
        <v>0</v>
      </c>
      <c r="AW1075" s="53">
        <v>0</v>
      </c>
      <c r="AX1075" s="53">
        <v>0</v>
      </c>
      <c r="AY1075" s="53">
        <v>0</v>
      </c>
      <c r="AZ1075" s="53">
        <v>0</v>
      </c>
      <c r="BA1075" s="53">
        <v>0</v>
      </c>
    </row>
    <row r="1076" spans="1:53">
      <c r="A1076" s="52" t="s">
        <v>3577</v>
      </c>
      <c r="B1076" s="53">
        <v>0</v>
      </c>
      <c r="C1076" s="53">
        <v>0</v>
      </c>
      <c r="D1076" s="53">
        <v>0</v>
      </c>
      <c r="E1076" s="53">
        <v>0</v>
      </c>
      <c r="F1076" s="53">
        <v>0</v>
      </c>
      <c r="G1076" s="53">
        <v>0</v>
      </c>
      <c r="H1076" s="53">
        <v>0</v>
      </c>
      <c r="I1076" s="53">
        <v>0</v>
      </c>
      <c r="J1076" s="53">
        <v>0</v>
      </c>
      <c r="K1076" s="53">
        <v>0</v>
      </c>
      <c r="L1076" s="53">
        <v>0</v>
      </c>
      <c r="M1076" s="53">
        <v>0</v>
      </c>
      <c r="N1076" s="53">
        <v>0</v>
      </c>
      <c r="O1076" s="53">
        <v>0</v>
      </c>
      <c r="P1076" s="53">
        <v>0</v>
      </c>
      <c r="Q1076" s="53">
        <v>0</v>
      </c>
      <c r="R1076" s="53">
        <v>0</v>
      </c>
      <c r="S1076" s="53">
        <v>0</v>
      </c>
      <c r="T1076" s="53">
        <v>0</v>
      </c>
      <c r="U1076" s="53">
        <v>0</v>
      </c>
      <c r="V1076" s="53">
        <v>0</v>
      </c>
      <c r="W1076" s="53">
        <v>0</v>
      </c>
      <c r="X1076" s="53">
        <v>0</v>
      </c>
      <c r="Y1076" s="53">
        <v>0</v>
      </c>
      <c r="Z1076" s="53">
        <v>0</v>
      </c>
      <c r="AA1076" s="53">
        <v>0</v>
      </c>
      <c r="AB1076" s="53">
        <v>0</v>
      </c>
      <c r="AC1076" s="53">
        <v>0</v>
      </c>
      <c r="AD1076" s="53">
        <v>0</v>
      </c>
      <c r="AE1076" s="53">
        <v>0</v>
      </c>
      <c r="AF1076" s="53">
        <v>0</v>
      </c>
      <c r="AG1076" s="53">
        <v>0</v>
      </c>
      <c r="AH1076" s="53">
        <v>0</v>
      </c>
      <c r="AI1076" s="53">
        <v>0</v>
      </c>
      <c r="AJ1076" s="53">
        <v>0</v>
      </c>
      <c r="AK1076" s="53">
        <v>0</v>
      </c>
      <c r="AL1076" s="53">
        <v>0</v>
      </c>
      <c r="AM1076" s="53">
        <v>0</v>
      </c>
      <c r="AN1076" s="53">
        <v>0</v>
      </c>
      <c r="AO1076" s="53">
        <v>0</v>
      </c>
      <c r="AP1076" s="53">
        <v>0</v>
      </c>
      <c r="AQ1076" s="53">
        <v>0</v>
      </c>
      <c r="AR1076" s="53">
        <v>0</v>
      </c>
      <c r="AS1076" s="53">
        <v>0</v>
      </c>
      <c r="AT1076" s="53">
        <v>0</v>
      </c>
      <c r="AU1076" s="53">
        <v>0</v>
      </c>
      <c r="AV1076" s="53">
        <v>0</v>
      </c>
      <c r="AW1076" s="53">
        <v>0</v>
      </c>
      <c r="AX1076" s="53">
        <v>0</v>
      </c>
      <c r="AY1076" s="53">
        <v>0</v>
      </c>
      <c r="AZ1076" s="53">
        <v>0</v>
      </c>
      <c r="BA1076" s="53">
        <v>0</v>
      </c>
    </row>
    <row r="1077" spans="1:53">
      <c r="A1077" s="52" t="s">
        <v>3578</v>
      </c>
      <c r="B1077" s="53">
        <v>0</v>
      </c>
      <c r="C1077" s="53">
        <v>0</v>
      </c>
      <c r="D1077" s="53">
        <v>0</v>
      </c>
      <c r="E1077" s="53">
        <v>0</v>
      </c>
      <c r="F1077" s="53">
        <v>0</v>
      </c>
      <c r="G1077" s="53">
        <v>0</v>
      </c>
      <c r="H1077" s="53">
        <v>0</v>
      </c>
      <c r="I1077" s="53">
        <v>0</v>
      </c>
      <c r="J1077" s="53">
        <v>0</v>
      </c>
      <c r="K1077" s="53">
        <v>0</v>
      </c>
      <c r="L1077" s="53">
        <v>0</v>
      </c>
      <c r="M1077" s="53">
        <v>0</v>
      </c>
      <c r="N1077" s="53">
        <v>0</v>
      </c>
      <c r="O1077" s="53">
        <v>0</v>
      </c>
      <c r="P1077" s="53">
        <v>0</v>
      </c>
      <c r="Q1077" s="53">
        <v>0</v>
      </c>
      <c r="R1077" s="53">
        <v>0</v>
      </c>
      <c r="S1077" s="53">
        <v>0</v>
      </c>
      <c r="T1077" s="53">
        <v>0</v>
      </c>
      <c r="U1077" s="53">
        <v>0</v>
      </c>
      <c r="V1077" s="53">
        <v>0</v>
      </c>
      <c r="W1077" s="53">
        <v>0</v>
      </c>
      <c r="X1077" s="53">
        <v>0</v>
      </c>
      <c r="Y1077" s="53">
        <v>0</v>
      </c>
      <c r="Z1077" s="53">
        <v>0</v>
      </c>
      <c r="AA1077" s="53">
        <v>0</v>
      </c>
      <c r="AB1077" s="53">
        <v>0</v>
      </c>
      <c r="AC1077" s="53">
        <v>0</v>
      </c>
      <c r="AD1077" s="53">
        <v>0</v>
      </c>
      <c r="AE1077" s="53">
        <v>0</v>
      </c>
      <c r="AF1077" s="53">
        <v>0</v>
      </c>
      <c r="AG1077" s="53">
        <v>0</v>
      </c>
      <c r="AH1077" s="53">
        <v>0</v>
      </c>
      <c r="AI1077" s="53">
        <v>0</v>
      </c>
      <c r="AJ1077" s="53">
        <v>0</v>
      </c>
      <c r="AK1077" s="53">
        <v>0</v>
      </c>
      <c r="AL1077" s="53">
        <v>0</v>
      </c>
      <c r="AM1077" s="53">
        <v>0</v>
      </c>
      <c r="AN1077" s="53">
        <v>0</v>
      </c>
      <c r="AO1077" s="53">
        <v>0</v>
      </c>
      <c r="AP1077" s="53">
        <v>0</v>
      </c>
      <c r="AQ1077" s="53">
        <v>0</v>
      </c>
      <c r="AR1077" s="53">
        <v>0</v>
      </c>
      <c r="AS1077" s="53">
        <v>0</v>
      </c>
      <c r="AT1077" s="53">
        <v>0</v>
      </c>
      <c r="AU1077" s="53">
        <v>0</v>
      </c>
      <c r="AV1077" s="53">
        <v>0</v>
      </c>
      <c r="AW1077" s="53">
        <v>0</v>
      </c>
      <c r="AX1077" s="53">
        <v>0</v>
      </c>
      <c r="AY1077" s="53">
        <v>0</v>
      </c>
      <c r="AZ1077" s="53">
        <v>0</v>
      </c>
      <c r="BA1077" s="53">
        <v>0</v>
      </c>
    </row>
    <row r="1078" spans="1:53">
      <c r="A1078" s="52" t="s">
        <v>3579</v>
      </c>
      <c r="B1078" s="53">
        <v>0</v>
      </c>
      <c r="C1078" s="53">
        <v>0</v>
      </c>
      <c r="D1078" s="53">
        <v>0</v>
      </c>
      <c r="E1078" s="53">
        <v>0</v>
      </c>
      <c r="F1078" s="53">
        <v>0</v>
      </c>
      <c r="G1078" s="53">
        <v>0</v>
      </c>
      <c r="H1078" s="53">
        <v>0</v>
      </c>
      <c r="I1078" s="53">
        <v>0</v>
      </c>
      <c r="J1078" s="53">
        <v>0</v>
      </c>
      <c r="K1078" s="53">
        <v>0</v>
      </c>
      <c r="L1078" s="53">
        <v>0</v>
      </c>
      <c r="M1078" s="53">
        <v>0</v>
      </c>
      <c r="N1078" s="53">
        <v>0</v>
      </c>
      <c r="O1078" s="53">
        <v>0</v>
      </c>
      <c r="P1078" s="53">
        <v>0</v>
      </c>
      <c r="Q1078" s="53">
        <v>0</v>
      </c>
      <c r="R1078" s="53">
        <v>0</v>
      </c>
      <c r="S1078" s="53">
        <v>0</v>
      </c>
      <c r="T1078" s="53">
        <v>0</v>
      </c>
      <c r="U1078" s="53">
        <v>0</v>
      </c>
      <c r="V1078" s="53">
        <v>0</v>
      </c>
      <c r="W1078" s="53">
        <v>0</v>
      </c>
      <c r="X1078" s="53">
        <v>0</v>
      </c>
      <c r="Y1078" s="53">
        <v>0</v>
      </c>
      <c r="Z1078" s="53">
        <v>0</v>
      </c>
      <c r="AA1078" s="53">
        <v>0</v>
      </c>
      <c r="AB1078" s="53">
        <v>0</v>
      </c>
      <c r="AC1078" s="53">
        <v>0</v>
      </c>
      <c r="AD1078" s="53">
        <v>0</v>
      </c>
      <c r="AE1078" s="53">
        <v>0</v>
      </c>
      <c r="AF1078" s="53">
        <v>0</v>
      </c>
      <c r="AG1078" s="53">
        <v>0</v>
      </c>
      <c r="AH1078" s="53">
        <v>0</v>
      </c>
      <c r="AI1078" s="53">
        <v>0</v>
      </c>
      <c r="AJ1078" s="53">
        <v>0</v>
      </c>
      <c r="AK1078" s="53">
        <v>0</v>
      </c>
      <c r="AL1078" s="53">
        <v>0</v>
      </c>
      <c r="AM1078" s="53">
        <v>0</v>
      </c>
      <c r="AN1078" s="53">
        <v>0</v>
      </c>
      <c r="AO1078" s="53">
        <v>0</v>
      </c>
      <c r="AP1078" s="53">
        <v>0</v>
      </c>
      <c r="AQ1078" s="53">
        <v>0</v>
      </c>
      <c r="AR1078" s="53">
        <v>0</v>
      </c>
      <c r="AS1078" s="53">
        <v>0</v>
      </c>
      <c r="AT1078" s="53">
        <v>0</v>
      </c>
      <c r="AU1078" s="53">
        <v>0</v>
      </c>
      <c r="AV1078" s="53">
        <v>0</v>
      </c>
      <c r="AW1078" s="53">
        <v>0</v>
      </c>
      <c r="AX1078" s="53">
        <v>0</v>
      </c>
      <c r="AY1078" s="53">
        <v>0</v>
      </c>
      <c r="AZ1078" s="53">
        <v>0</v>
      </c>
      <c r="BA1078" s="53">
        <v>0</v>
      </c>
    </row>
    <row r="1079" spans="1:53">
      <c r="A1079" s="52" t="s">
        <v>3580</v>
      </c>
      <c r="B1079" s="53">
        <v>0</v>
      </c>
      <c r="C1079" s="53">
        <v>0</v>
      </c>
      <c r="D1079" s="53">
        <v>0</v>
      </c>
      <c r="E1079" s="53">
        <v>0</v>
      </c>
      <c r="F1079" s="53">
        <v>0</v>
      </c>
      <c r="G1079" s="53">
        <v>0</v>
      </c>
      <c r="H1079" s="53">
        <v>0</v>
      </c>
      <c r="I1079" s="53">
        <v>0</v>
      </c>
      <c r="J1079" s="53">
        <v>0</v>
      </c>
      <c r="K1079" s="53">
        <v>0</v>
      </c>
      <c r="L1079" s="53">
        <v>0</v>
      </c>
      <c r="M1079" s="53">
        <v>0</v>
      </c>
      <c r="N1079" s="53">
        <v>0</v>
      </c>
      <c r="O1079" s="53">
        <v>0</v>
      </c>
      <c r="P1079" s="53">
        <v>0</v>
      </c>
      <c r="Q1079" s="53">
        <v>0</v>
      </c>
      <c r="R1079" s="53">
        <v>0</v>
      </c>
      <c r="S1079" s="53">
        <v>0</v>
      </c>
      <c r="T1079" s="53">
        <v>0</v>
      </c>
      <c r="U1079" s="53">
        <v>0</v>
      </c>
      <c r="V1079" s="53">
        <v>0</v>
      </c>
      <c r="W1079" s="53">
        <v>0</v>
      </c>
      <c r="X1079" s="53">
        <v>0</v>
      </c>
      <c r="Y1079" s="53">
        <v>0</v>
      </c>
      <c r="Z1079" s="53">
        <v>0</v>
      </c>
      <c r="AA1079" s="53">
        <v>0</v>
      </c>
      <c r="AB1079" s="53">
        <v>0</v>
      </c>
      <c r="AC1079" s="53">
        <v>0</v>
      </c>
      <c r="AD1079" s="53">
        <v>0</v>
      </c>
      <c r="AE1079" s="53">
        <v>0</v>
      </c>
      <c r="AF1079" s="53">
        <v>0</v>
      </c>
      <c r="AG1079" s="53">
        <v>0</v>
      </c>
      <c r="AH1079" s="53">
        <v>0</v>
      </c>
      <c r="AI1079" s="53">
        <v>0</v>
      </c>
      <c r="AJ1079" s="53">
        <v>0</v>
      </c>
      <c r="AK1079" s="53">
        <v>0</v>
      </c>
      <c r="AL1079" s="53">
        <v>0</v>
      </c>
      <c r="AM1079" s="53">
        <v>0</v>
      </c>
      <c r="AN1079" s="53">
        <v>0</v>
      </c>
      <c r="AO1079" s="53">
        <v>0</v>
      </c>
      <c r="AP1079" s="53">
        <v>0</v>
      </c>
      <c r="AQ1079" s="53">
        <v>0</v>
      </c>
      <c r="AR1079" s="53">
        <v>0</v>
      </c>
      <c r="AS1079" s="53">
        <v>0</v>
      </c>
      <c r="AT1079" s="53">
        <v>0</v>
      </c>
      <c r="AU1079" s="53">
        <v>0</v>
      </c>
      <c r="AV1079" s="53">
        <v>0</v>
      </c>
      <c r="AW1079" s="53">
        <v>0</v>
      </c>
      <c r="AX1079" s="53">
        <v>0</v>
      </c>
      <c r="AY1079" s="53">
        <v>0</v>
      </c>
      <c r="AZ1079" s="53">
        <v>0</v>
      </c>
      <c r="BA1079" s="53">
        <v>0</v>
      </c>
    </row>
    <row r="1080" spans="1:53">
      <c r="A1080" s="52" t="s">
        <v>3581</v>
      </c>
      <c r="B1080" s="53">
        <v>0</v>
      </c>
      <c r="C1080" s="53">
        <v>0</v>
      </c>
      <c r="D1080" s="53">
        <v>0</v>
      </c>
      <c r="E1080" s="53">
        <v>0</v>
      </c>
      <c r="F1080" s="53">
        <v>0</v>
      </c>
      <c r="G1080" s="53">
        <v>0</v>
      </c>
      <c r="H1080" s="53">
        <v>0</v>
      </c>
      <c r="I1080" s="53">
        <v>0</v>
      </c>
      <c r="J1080" s="53">
        <v>0</v>
      </c>
      <c r="K1080" s="53">
        <v>0</v>
      </c>
      <c r="L1080" s="53">
        <v>0</v>
      </c>
      <c r="M1080" s="53">
        <v>0</v>
      </c>
      <c r="N1080" s="53">
        <v>0</v>
      </c>
      <c r="O1080" s="53">
        <v>0</v>
      </c>
      <c r="P1080" s="53">
        <v>0</v>
      </c>
      <c r="Q1080" s="53">
        <v>0</v>
      </c>
      <c r="R1080" s="53">
        <v>0</v>
      </c>
      <c r="S1080" s="53">
        <v>0</v>
      </c>
      <c r="T1080" s="53">
        <v>0</v>
      </c>
      <c r="U1080" s="53">
        <v>0</v>
      </c>
      <c r="V1080" s="53">
        <v>0</v>
      </c>
      <c r="W1080" s="53">
        <v>0</v>
      </c>
      <c r="X1080" s="53">
        <v>0</v>
      </c>
      <c r="Y1080" s="53">
        <v>0</v>
      </c>
      <c r="Z1080" s="53">
        <v>0</v>
      </c>
      <c r="AA1080" s="53">
        <v>0</v>
      </c>
      <c r="AB1080" s="53">
        <v>0</v>
      </c>
      <c r="AC1080" s="53">
        <v>0</v>
      </c>
      <c r="AD1080" s="53">
        <v>0</v>
      </c>
      <c r="AE1080" s="53">
        <v>0</v>
      </c>
      <c r="AF1080" s="53">
        <v>0</v>
      </c>
      <c r="AG1080" s="53">
        <v>0</v>
      </c>
      <c r="AH1080" s="53">
        <v>0</v>
      </c>
      <c r="AI1080" s="53">
        <v>0</v>
      </c>
      <c r="AJ1080" s="53">
        <v>0</v>
      </c>
      <c r="AK1080" s="53">
        <v>0</v>
      </c>
      <c r="AL1080" s="53">
        <v>0</v>
      </c>
      <c r="AM1080" s="53">
        <v>0</v>
      </c>
      <c r="AN1080" s="53">
        <v>0</v>
      </c>
      <c r="AO1080" s="53">
        <v>0</v>
      </c>
      <c r="AP1080" s="53">
        <v>0</v>
      </c>
      <c r="AQ1080" s="53">
        <v>0</v>
      </c>
      <c r="AR1080" s="53">
        <v>0</v>
      </c>
      <c r="AS1080" s="53">
        <v>0</v>
      </c>
      <c r="AT1080" s="53">
        <v>0</v>
      </c>
      <c r="AU1080" s="53">
        <v>0</v>
      </c>
      <c r="AV1080" s="53">
        <v>0</v>
      </c>
      <c r="AW1080" s="53">
        <v>0</v>
      </c>
      <c r="AX1080" s="53">
        <v>0</v>
      </c>
      <c r="AY1080" s="53">
        <v>0</v>
      </c>
      <c r="AZ1080" s="53">
        <v>0</v>
      </c>
      <c r="BA1080" s="53">
        <v>0</v>
      </c>
    </row>
    <row r="1081" spans="1:53">
      <c r="A1081" s="52" t="s">
        <v>3582</v>
      </c>
      <c r="B1081" s="53">
        <v>-67558303.030000001</v>
      </c>
      <c r="C1081" s="53">
        <v>-67558303.030000001</v>
      </c>
      <c r="D1081" s="53">
        <v>-67558303.030000001</v>
      </c>
      <c r="E1081" s="53">
        <v>-67558303.030000001</v>
      </c>
      <c r="F1081" s="53">
        <v>-67558303.030000001</v>
      </c>
      <c r="G1081" s="53">
        <v>-67558303.030000001</v>
      </c>
      <c r="H1081" s="53">
        <v>-67558303.030000001</v>
      </c>
      <c r="I1081" s="53">
        <v>-67558303.030000001</v>
      </c>
      <c r="J1081" s="53">
        <v>-67558303.030000001</v>
      </c>
      <c r="K1081" s="53">
        <v>-67558303.030000001</v>
      </c>
      <c r="L1081" s="53">
        <v>-67558303.030000001</v>
      </c>
      <c r="M1081" s="53">
        <v>-67558303.030000001</v>
      </c>
      <c r="N1081" s="53">
        <v>-67558303.030000001</v>
      </c>
      <c r="O1081" s="53">
        <v>-67558303.030000001</v>
      </c>
      <c r="P1081" s="53">
        <v>-67558303.030000001</v>
      </c>
      <c r="Q1081" s="53">
        <v>-67558303.030000001</v>
      </c>
      <c r="R1081" s="53">
        <v>-67558303.030000001</v>
      </c>
      <c r="S1081" s="53">
        <v>-67558303.030000001</v>
      </c>
      <c r="T1081" s="53">
        <v>-67558303.030000001</v>
      </c>
      <c r="U1081" s="53">
        <v>-67558303.030000001</v>
      </c>
      <c r="V1081" s="53">
        <v>-67558303.030000001</v>
      </c>
      <c r="W1081" s="53">
        <v>-67558303.030000001</v>
      </c>
      <c r="X1081" s="53">
        <v>-67558303.030000001</v>
      </c>
      <c r="Y1081" s="53">
        <v>-67558303.030000001</v>
      </c>
      <c r="Z1081" s="53">
        <v>-67558303.030000001</v>
      </c>
      <c r="AA1081" s="53">
        <v>-67558303.030000001</v>
      </c>
      <c r="AB1081" s="53">
        <v>-67558303.030000001</v>
      </c>
      <c r="AC1081" s="53">
        <v>-67558303.030000001</v>
      </c>
      <c r="AD1081" s="53">
        <v>-67558303.030000001</v>
      </c>
      <c r="AE1081" s="53">
        <v>-67558303.030000001</v>
      </c>
      <c r="AF1081" s="53">
        <v>-67558303.030000001</v>
      </c>
      <c r="AG1081" s="53">
        <v>-67558303.030000001</v>
      </c>
      <c r="AH1081" s="53">
        <v>-67558303.030000001</v>
      </c>
      <c r="AI1081" s="53">
        <v>-67558303.030000001</v>
      </c>
      <c r="AJ1081" s="53">
        <v>-67558303.030000001</v>
      </c>
      <c r="AK1081" s="53">
        <v>-67558303.030000001</v>
      </c>
      <c r="AL1081" s="53">
        <v>-67558303.030000001</v>
      </c>
      <c r="AM1081" s="53">
        <v>-67558303.030000001</v>
      </c>
      <c r="AN1081" s="53">
        <v>-67558303.030000001</v>
      </c>
      <c r="AO1081" s="53">
        <v>-67558303.030000001</v>
      </c>
      <c r="AP1081" s="53">
        <v>-67558303.030000001</v>
      </c>
      <c r="AQ1081" s="53">
        <v>-67558303.030000001</v>
      </c>
      <c r="AR1081" s="53">
        <v>-67558303.030000001</v>
      </c>
      <c r="AS1081" s="53">
        <v>-67558303.030000001</v>
      </c>
      <c r="AT1081" s="53">
        <v>-67558303.030000001</v>
      </c>
      <c r="AU1081" s="53">
        <v>-67558303.030000001</v>
      </c>
      <c r="AV1081" s="53">
        <v>-67558303.030000001</v>
      </c>
      <c r="AW1081" s="53">
        <v>-67558303.030000001</v>
      </c>
      <c r="AX1081" s="53">
        <v>-67558303.030000001</v>
      </c>
      <c r="AY1081" s="53">
        <v>-67558303.030000001</v>
      </c>
      <c r="AZ1081" s="53">
        <v>-67558303.030000001</v>
      </c>
      <c r="BA1081" s="53">
        <v>-67558303.030000001</v>
      </c>
    </row>
    <row r="1082" spans="1:53">
      <c r="A1082" s="52" t="s">
        <v>3583</v>
      </c>
      <c r="B1082" s="53">
        <v>-17162290.379999999</v>
      </c>
      <c r="C1082" s="53">
        <v>-17162290.379999999</v>
      </c>
      <c r="D1082" s="53">
        <v>-17162290.379999999</v>
      </c>
      <c r="E1082" s="53">
        <v>-17162290.379999999</v>
      </c>
      <c r="F1082" s="53">
        <v>-17162290.379999999</v>
      </c>
      <c r="G1082" s="53">
        <v>-17162290.379999999</v>
      </c>
      <c r="H1082" s="53">
        <v>-17162290.379999999</v>
      </c>
      <c r="I1082" s="53">
        <v>-17162290.379999999</v>
      </c>
      <c r="J1082" s="53">
        <v>-17162290.379999999</v>
      </c>
      <c r="K1082" s="53">
        <v>-17162290.379999999</v>
      </c>
      <c r="L1082" s="53">
        <v>-17162290.379999999</v>
      </c>
      <c r="M1082" s="53">
        <v>-17162290.379999999</v>
      </c>
      <c r="N1082" s="53">
        <v>-17162290.379999999</v>
      </c>
      <c r="O1082" s="53">
        <v>-17162290.379999999</v>
      </c>
      <c r="P1082" s="53">
        <v>-17162290.379999999</v>
      </c>
      <c r="Q1082" s="53">
        <v>-17162290.379999999</v>
      </c>
      <c r="R1082" s="53">
        <v>-17162290.379999999</v>
      </c>
      <c r="S1082" s="53">
        <v>-17162290.379999999</v>
      </c>
      <c r="T1082" s="53">
        <v>-17162290.379999999</v>
      </c>
      <c r="U1082" s="53">
        <v>-17162290.379999999</v>
      </c>
      <c r="V1082" s="53">
        <v>-17162290.379999999</v>
      </c>
      <c r="W1082" s="53">
        <v>-17162290.379999999</v>
      </c>
      <c r="X1082" s="53">
        <v>-17162290.379999999</v>
      </c>
      <c r="Y1082" s="53">
        <v>-17162290.379999999</v>
      </c>
      <c r="Z1082" s="53">
        <v>-17162290.379999999</v>
      </c>
      <c r="AA1082" s="53">
        <v>-17162290.379999999</v>
      </c>
      <c r="AB1082" s="53">
        <v>-17162290.379999999</v>
      </c>
      <c r="AC1082" s="53">
        <v>-17162290.379999999</v>
      </c>
      <c r="AD1082" s="53">
        <v>-17162290.379999999</v>
      </c>
      <c r="AE1082" s="53">
        <v>-17162290.379999999</v>
      </c>
      <c r="AF1082" s="53">
        <v>-17162290.379999999</v>
      </c>
      <c r="AG1082" s="53">
        <v>-17162290.379999999</v>
      </c>
      <c r="AH1082" s="53">
        <v>-17162290.379999999</v>
      </c>
      <c r="AI1082" s="53">
        <v>-17162290.379999999</v>
      </c>
      <c r="AJ1082" s="53">
        <v>-17162290.379999999</v>
      </c>
      <c r="AK1082" s="53">
        <v>-17162290.379999999</v>
      </c>
      <c r="AL1082" s="53">
        <v>-17162290.379999999</v>
      </c>
      <c r="AM1082" s="53">
        <v>-17162290.379999999</v>
      </c>
      <c r="AN1082" s="53">
        <v>-17162290.379999999</v>
      </c>
      <c r="AO1082" s="53">
        <v>-17162290.379999999</v>
      </c>
      <c r="AP1082" s="53">
        <v>-17162290.379999999</v>
      </c>
      <c r="AQ1082" s="53">
        <v>-17162290.379999999</v>
      </c>
      <c r="AR1082" s="53">
        <v>-17162290.379999999</v>
      </c>
      <c r="AS1082" s="53">
        <v>-17162290.379999999</v>
      </c>
      <c r="AT1082" s="53">
        <v>-17162290.379999999</v>
      </c>
      <c r="AU1082" s="53">
        <v>-17162290.379999999</v>
      </c>
      <c r="AV1082" s="53">
        <v>-17162290.379999999</v>
      </c>
      <c r="AW1082" s="53">
        <v>-17162290.379999999</v>
      </c>
      <c r="AX1082" s="53">
        <v>-17162290.379999999</v>
      </c>
      <c r="AY1082" s="53">
        <v>-17162290.379999999</v>
      </c>
      <c r="AZ1082" s="53">
        <v>-17162290.379999999</v>
      </c>
      <c r="BA1082" s="53">
        <v>-17162290.379999999</v>
      </c>
    </row>
    <row r="1083" spans="1:53">
      <c r="A1083" s="52" t="s">
        <v>3584</v>
      </c>
      <c r="B1083" s="53">
        <v>0</v>
      </c>
      <c r="C1083" s="53">
        <v>0</v>
      </c>
      <c r="D1083" s="53">
        <v>0</v>
      </c>
      <c r="E1083" s="53">
        <v>0</v>
      </c>
      <c r="F1083" s="53">
        <v>0</v>
      </c>
      <c r="G1083" s="53">
        <v>0</v>
      </c>
      <c r="H1083" s="53">
        <v>0</v>
      </c>
      <c r="I1083" s="53">
        <v>0</v>
      </c>
      <c r="J1083" s="53">
        <v>0</v>
      </c>
      <c r="K1083" s="53">
        <v>0</v>
      </c>
      <c r="L1083" s="53">
        <v>0</v>
      </c>
      <c r="M1083" s="53">
        <v>0</v>
      </c>
      <c r="N1083" s="53">
        <v>0</v>
      </c>
      <c r="O1083" s="53">
        <v>0</v>
      </c>
      <c r="P1083" s="53">
        <v>0</v>
      </c>
      <c r="Q1083" s="53">
        <v>0</v>
      </c>
      <c r="R1083" s="53">
        <v>0</v>
      </c>
      <c r="S1083" s="53">
        <v>0</v>
      </c>
      <c r="T1083" s="53">
        <v>0</v>
      </c>
      <c r="U1083" s="53">
        <v>0</v>
      </c>
      <c r="V1083" s="53">
        <v>0</v>
      </c>
      <c r="W1083" s="53">
        <v>0</v>
      </c>
      <c r="X1083" s="53">
        <v>0</v>
      </c>
      <c r="Y1083" s="53">
        <v>0</v>
      </c>
      <c r="Z1083" s="53">
        <v>0</v>
      </c>
      <c r="AA1083" s="53">
        <v>0</v>
      </c>
      <c r="AB1083" s="53">
        <v>0</v>
      </c>
      <c r="AC1083" s="53">
        <v>0</v>
      </c>
      <c r="AD1083" s="53">
        <v>0</v>
      </c>
      <c r="AE1083" s="53">
        <v>0</v>
      </c>
      <c r="AF1083" s="53">
        <v>0</v>
      </c>
      <c r="AG1083" s="53">
        <v>0</v>
      </c>
      <c r="AH1083" s="53">
        <v>0</v>
      </c>
      <c r="AI1083" s="53">
        <v>0</v>
      </c>
      <c r="AJ1083" s="53">
        <v>0</v>
      </c>
      <c r="AK1083" s="53">
        <v>0</v>
      </c>
      <c r="AL1083" s="53">
        <v>0</v>
      </c>
      <c r="AM1083" s="53">
        <v>0</v>
      </c>
      <c r="AN1083" s="53">
        <v>0</v>
      </c>
      <c r="AO1083" s="53">
        <v>0</v>
      </c>
      <c r="AP1083" s="53">
        <v>0</v>
      </c>
      <c r="AQ1083" s="53">
        <v>0</v>
      </c>
      <c r="AR1083" s="53">
        <v>0</v>
      </c>
      <c r="AS1083" s="53">
        <v>0</v>
      </c>
      <c r="AT1083" s="53">
        <v>0</v>
      </c>
      <c r="AU1083" s="53">
        <v>0</v>
      </c>
      <c r="AV1083" s="53">
        <v>0</v>
      </c>
      <c r="AW1083" s="53">
        <v>0</v>
      </c>
      <c r="AX1083" s="53">
        <v>0</v>
      </c>
      <c r="AY1083" s="53">
        <v>0</v>
      </c>
      <c r="AZ1083" s="53">
        <v>0</v>
      </c>
      <c r="BA1083" s="53">
        <v>0</v>
      </c>
    </row>
    <row r="1084" spans="1:53">
      <c r="A1084" s="52" t="s">
        <v>3585</v>
      </c>
      <c r="B1084" s="53">
        <v>0</v>
      </c>
      <c r="C1084" s="53">
        <v>0</v>
      </c>
      <c r="D1084" s="53">
        <v>0</v>
      </c>
      <c r="E1084" s="53">
        <v>0</v>
      </c>
      <c r="F1084" s="53">
        <v>0</v>
      </c>
      <c r="G1084" s="53">
        <v>0</v>
      </c>
      <c r="H1084" s="53">
        <v>0</v>
      </c>
      <c r="I1084" s="53">
        <v>0</v>
      </c>
      <c r="J1084" s="53">
        <v>0</v>
      </c>
      <c r="K1084" s="53">
        <v>0</v>
      </c>
      <c r="L1084" s="53">
        <v>0</v>
      </c>
      <c r="M1084" s="53">
        <v>0</v>
      </c>
      <c r="N1084" s="53">
        <v>0</v>
      </c>
      <c r="O1084" s="53">
        <v>0</v>
      </c>
      <c r="P1084" s="53">
        <v>0</v>
      </c>
      <c r="Q1084" s="53">
        <v>0</v>
      </c>
      <c r="R1084" s="53">
        <v>0</v>
      </c>
      <c r="S1084" s="53">
        <v>0</v>
      </c>
      <c r="T1084" s="53">
        <v>0</v>
      </c>
      <c r="U1084" s="53">
        <v>0</v>
      </c>
      <c r="V1084" s="53">
        <v>0</v>
      </c>
      <c r="W1084" s="53">
        <v>0</v>
      </c>
      <c r="X1084" s="53">
        <v>0</v>
      </c>
      <c r="Y1084" s="53">
        <v>0</v>
      </c>
      <c r="Z1084" s="53">
        <v>0</v>
      </c>
      <c r="AA1084" s="53">
        <v>0</v>
      </c>
      <c r="AB1084" s="53">
        <v>0</v>
      </c>
      <c r="AC1084" s="53">
        <v>0</v>
      </c>
      <c r="AD1084" s="53">
        <v>0</v>
      </c>
      <c r="AE1084" s="53">
        <v>0</v>
      </c>
      <c r="AF1084" s="53">
        <v>0</v>
      </c>
      <c r="AG1084" s="53">
        <v>0</v>
      </c>
      <c r="AH1084" s="53">
        <v>0</v>
      </c>
      <c r="AI1084" s="53">
        <v>0</v>
      </c>
      <c r="AJ1084" s="53">
        <v>0</v>
      </c>
      <c r="AK1084" s="53">
        <v>0</v>
      </c>
      <c r="AL1084" s="53">
        <v>0</v>
      </c>
      <c r="AM1084" s="53">
        <v>0</v>
      </c>
      <c r="AN1084" s="53">
        <v>0</v>
      </c>
      <c r="AO1084" s="53">
        <v>0</v>
      </c>
      <c r="AP1084" s="53">
        <v>0</v>
      </c>
      <c r="AQ1084" s="53">
        <v>0</v>
      </c>
      <c r="AR1084" s="53">
        <v>0</v>
      </c>
      <c r="AS1084" s="53">
        <v>0</v>
      </c>
      <c r="AT1084" s="53">
        <v>0</v>
      </c>
      <c r="AU1084" s="53">
        <v>0</v>
      </c>
      <c r="AV1084" s="53">
        <v>0</v>
      </c>
      <c r="AW1084" s="53">
        <v>0</v>
      </c>
      <c r="AX1084" s="53">
        <v>0</v>
      </c>
      <c r="AY1084" s="53">
        <v>0</v>
      </c>
      <c r="AZ1084" s="53">
        <v>0</v>
      </c>
      <c r="BA1084" s="53">
        <v>0</v>
      </c>
    </row>
    <row r="1085" spans="1:53">
      <c r="A1085" s="52" t="s">
        <v>3586</v>
      </c>
      <c r="B1085" s="53">
        <v>-6958689.6500000004</v>
      </c>
      <c r="C1085" s="53">
        <v>-6958689.6500000004</v>
      </c>
      <c r="D1085" s="53">
        <v>-6958689.6500000004</v>
      </c>
      <c r="E1085" s="53">
        <v>-6958689.6500000004</v>
      </c>
      <c r="F1085" s="53">
        <v>-6958689.6500000004</v>
      </c>
      <c r="G1085" s="53">
        <v>-6958689.6500000004</v>
      </c>
      <c r="H1085" s="53">
        <v>-6958689.6500000004</v>
      </c>
      <c r="I1085" s="53">
        <v>-6958689.6500000004</v>
      </c>
      <c r="J1085" s="53">
        <v>-6958689.6500000004</v>
      </c>
      <c r="K1085" s="53">
        <v>-6958689.6500000004</v>
      </c>
      <c r="L1085" s="53">
        <v>-6958689.6500000004</v>
      </c>
      <c r="M1085" s="53">
        <v>-6958689.6500000004</v>
      </c>
      <c r="N1085" s="53">
        <v>-6958689.6500000004</v>
      </c>
      <c r="O1085" s="53">
        <v>-6958689.6500000004</v>
      </c>
      <c r="P1085" s="53">
        <v>-6958689.6500000004</v>
      </c>
      <c r="Q1085" s="53">
        <v>-6958689.6500000004</v>
      </c>
      <c r="R1085" s="53">
        <v>-6958689.6500000004</v>
      </c>
      <c r="S1085" s="53">
        <v>-6958689.6500000004</v>
      </c>
      <c r="T1085" s="53">
        <v>-6958689.6500000004</v>
      </c>
      <c r="U1085" s="53">
        <v>-6958689.6500000004</v>
      </c>
      <c r="V1085" s="53">
        <v>-6958689.6500000004</v>
      </c>
      <c r="W1085" s="53">
        <v>-6958689.6500000004</v>
      </c>
      <c r="X1085" s="53">
        <v>-6958689.6500000004</v>
      </c>
      <c r="Y1085" s="53">
        <v>-6958689.6500000004</v>
      </c>
      <c r="Z1085" s="53">
        <v>-6958689.6500000004</v>
      </c>
      <c r="AA1085" s="53">
        <v>-6958689.6500000004</v>
      </c>
      <c r="AB1085" s="53">
        <v>-6958689.6500000004</v>
      </c>
      <c r="AC1085" s="53">
        <v>-6958689.6500000004</v>
      </c>
      <c r="AD1085" s="53">
        <v>-6958689.6500000004</v>
      </c>
      <c r="AE1085" s="53">
        <v>-6958689.6500000004</v>
      </c>
      <c r="AF1085" s="53">
        <v>-6958689.6500000004</v>
      </c>
      <c r="AG1085" s="53">
        <v>-6958689.6500000004</v>
      </c>
      <c r="AH1085" s="53">
        <v>-6958689.6500000004</v>
      </c>
      <c r="AI1085" s="53">
        <v>-6958689.6500000004</v>
      </c>
      <c r="AJ1085" s="53">
        <v>-6958689.6500000004</v>
      </c>
      <c r="AK1085" s="53">
        <v>-6958689.6500000004</v>
      </c>
      <c r="AL1085" s="53">
        <v>-6958689.6500000004</v>
      </c>
      <c r="AM1085" s="53">
        <v>-6958689.6500000004</v>
      </c>
      <c r="AN1085" s="53">
        <v>-6958689.6500000004</v>
      </c>
      <c r="AO1085" s="53">
        <v>-6958689.6500000004</v>
      </c>
      <c r="AP1085" s="53">
        <v>-6958689.6500000004</v>
      </c>
      <c r="AQ1085" s="53">
        <v>-6958689.6500000004</v>
      </c>
      <c r="AR1085" s="53">
        <v>-6958689.6500000004</v>
      </c>
      <c r="AS1085" s="53">
        <v>-6958689.6500000004</v>
      </c>
      <c r="AT1085" s="53">
        <v>-6958689.6500000004</v>
      </c>
      <c r="AU1085" s="53">
        <v>-6958689.6500000004</v>
      </c>
      <c r="AV1085" s="53">
        <v>-6958689.6500000004</v>
      </c>
      <c r="AW1085" s="53">
        <v>-6958689.6500000004</v>
      </c>
      <c r="AX1085" s="53">
        <v>-6958689.6500000004</v>
      </c>
      <c r="AY1085" s="53">
        <v>-6958689.6500000004</v>
      </c>
      <c r="AZ1085" s="53">
        <v>-6958689.6500000004</v>
      </c>
      <c r="BA1085" s="53">
        <v>-6958689.6500000004</v>
      </c>
    </row>
    <row r="1086" spans="1:53">
      <c r="A1086" s="58" t="s">
        <v>3587</v>
      </c>
      <c r="B1086" s="134">
        <v>-1179695916.5274701</v>
      </c>
      <c r="C1086" s="134">
        <v>-1171048970.82688</v>
      </c>
      <c r="D1086" s="134">
        <v>-1150844943.3928699</v>
      </c>
      <c r="E1086" s="134">
        <v>-1144172646.69485</v>
      </c>
      <c r="F1086" s="134">
        <v>-1140200467.74754</v>
      </c>
      <c r="G1086" s="134">
        <v>-1125921396.5943</v>
      </c>
      <c r="H1086" s="134">
        <v>-1123495259.53812</v>
      </c>
      <c r="I1086" s="134">
        <v>-1128208475.75876</v>
      </c>
      <c r="J1086" s="134">
        <v>-1111813409.9600301</v>
      </c>
      <c r="K1086" s="134">
        <v>-1103136406.3984699</v>
      </c>
      <c r="L1086" s="134">
        <v>-1089886746.44875</v>
      </c>
      <c r="M1086" s="134">
        <v>-1067099530.67502</v>
      </c>
      <c r="N1086" s="134">
        <v>-1067099530.67502</v>
      </c>
      <c r="O1086" s="134">
        <v>-1043822165.31388</v>
      </c>
      <c r="P1086" s="134">
        <v>-1034749792.2058001</v>
      </c>
      <c r="Q1086" s="134">
        <v>-1027475397.34772</v>
      </c>
      <c r="R1086" s="134">
        <v>-1022301765.8667099</v>
      </c>
      <c r="S1086" s="134">
        <v>-1022708569.1333801</v>
      </c>
      <c r="T1086" s="134">
        <v>-1025051984.4601001</v>
      </c>
      <c r="U1086" s="134">
        <v>-1028962488.92286</v>
      </c>
      <c r="V1086" s="134">
        <v>-1041714745.94151</v>
      </c>
      <c r="W1086" s="134">
        <v>-1042104188.07403</v>
      </c>
      <c r="X1086" s="134">
        <v>-1036649458.95085</v>
      </c>
      <c r="Y1086" s="134">
        <v>-1024498823.84715</v>
      </c>
      <c r="Z1086" s="134">
        <v>-1013560019.67502</v>
      </c>
      <c r="AA1086" s="134">
        <v>-1013560019.67502</v>
      </c>
      <c r="AB1086" s="134">
        <v>-1020186699.17501</v>
      </c>
      <c r="AC1086" s="134">
        <v>-1008933077.85387</v>
      </c>
      <c r="AD1086" s="134">
        <v>-999809892.89927995</v>
      </c>
      <c r="AE1086" s="134">
        <v>-993394523.77617598</v>
      </c>
      <c r="AF1086" s="134">
        <v>-993962116.03240395</v>
      </c>
      <c r="AG1086" s="134">
        <v>-997268426.56383097</v>
      </c>
      <c r="AH1086" s="134">
        <v>-1002606206.2386301</v>
      </c>
      <c r="AI1086" s="134">
        <v>-1018859563.37001</v>
      </c>
      <c r="AJ1086" s="134">
        <v>-1020128494.8430001</v>
      </c>
      <c r="AK1086" s="134">
        <v>-1014751029.31092</v>
      </c>
      <c r="AL1086" s="134">
        <v>-1001065209.2955101</v>
      </c>
      <c r="AM1086" s="134">
        <v>-989058291.23012602</v>
      </c>
      <c r="AN1086" s="134">
        <v>-989058291.23012602</v>
      </c>
      <c r="AO1086" s="134">
        <v>-996318476.65309</v>
      </c>
      <c r="AP1086" s="134">
        <v>-983185845.38285697</v>
      </c>
      <c r="AQ1086" s="134">
        <v>-972463293.09085405</v>
      </c>
      <c r="AR1086" s="134">
        <v>-964916546.545017</v>
      </c>
      <c r="AS1086" s="134">
        <v>-965622133.29432905</v>
      </c>
      <c r="AT1086" s="134">
        <v>-969713267.57833803</v>
      </c>
      <c r="AU1086" s="134">
        <v>-976254915.62937105</v>
      </c>
      <c r="AV1086" s="134">
        <v>-995385495.79015398</v>
      </c>
      <c r="AW1086" s="134">
        <v>-997491285.12775898</v>
      </c>
      <c r="AX1086" s="134">
        <v>-992035002.04679298</v>
      </c>
      <c r="AY1086" s="134">
        <v>-977145122.69230604</v>
      </c>
      <c r="AZ1086" s="134">
        <v>-964318522.96708298</v>
      </c>
      <c r="BA1086" s="134">
        <v>-964318522.96708298</v>
      </c>
    </row>
    <row r="1087" spans="1:53">
      <c r="A1087" s="52" t="s">
        <v>3588</v>
      </c>
    </row>
    <row r="1088" spans="1:53">
      <c r="A1088" s="57" t="s">
        <v>3589</v>
      </c>
    </row>
    <row r="1089" spans="1:53">
      <c r="A1089" s="52" t="s">
        <v>3590</v>
      </c>
      <c r="B1089" s="53">
        <v>-234198248.434306</v>
      </c>
      <c r="C1089" s="53">
        <v>-234154660.85628799</v>
      </c>
      <c r="D1089" s="53">
        <v>-234111073.27827099</v>
      </c>
      <c r="E1089" s="53">
        <v>-234067485.70025301</v>
      </c>
      <c r="F1089" s="53">
        <v>-234023898.12223601</v>
      </c>
      <c r="G1089" s="53">
        <v>-233980310.544218</v>
      </c>
      <c r="H1089" s="53">
        <v>-233936722.96620101</v>
      </c>
      <c r="I1089" s="53">
        <v>-233893135.388183</v>
      </c>
      <c r="J1089" s="53">
        <v>-233849547.810166</v>
      </c>
      <c r="K1089" s="53">
        <v>-233805960.23214799</v>
      </c>
      <c r="L1089" s="53">
        <v>-233762372.65413001</v>
      </c>
      <c r="M1089" s="53">
        <v>-245930398.48576</v>
      </c>
      <c r="N1089" s="53">
        <v>-245930398.48576</v>
      </c>
      <c r="O1089" s="53">
        <v>-245846076.765892</v>
      </c>
      <c r="P1089" s="53">
        <v>-245761755.04602501</v>
      </c>
      <c r="Q1089" s="53">
        <v>-245677433.32615799</v>
      </c>
      <c r="R1089" s="53">
        <v>-245593111.606291</v>
      </c>
      <c r="S1089" s="53">
        <v>-245508789.88642299</v>
      </c>
      <c r="T1089" s="53">
        <v>-245424468.166556</v>
      </c>
      <c r="U1089" s="53">
        <v>-245340146.44668901</v>
      </c>
      <c r="V1089" s="53">
        <v>-245255824.72682199</v>
      </c>
      <c r="W1089" s="53">
        <v>-245171503.00695401</v>
      </c>
      <c r="X1089" s="53">
        <v>-245087181.28708699</v>
      </c>
      <c r="Y1089" s="53">
        <v>-245002859.56722</v>
      </c>
      <c r="Z1089" s="53">
        <v>-245950618.805307</v>
      </c>
      <c r="AA1089" s="53">
        <v>-245950618.805307</v>
      </c>
      <c r="AB1089" s="53">
        <v>-245829093.39962</v>
      </c>
      <c r="AC1089" s="53">
        <v>-245707567.99393401</v>
      </c>
      <c r="AD1089" s="53">
        <v>-245586042.58824801</v>
      </c>
      <c r="AE1089" s="53">
        <v>-245464517.18256199</v>
      </c>
      <c r="AF1089" s="53">
        <v>-245342991.776876</v>
      </c>
      <c r="AG1089" s="53">
        <v>-245221466.37119001</v>
      </c>
      <c r="AH1089" s="53">
        <v>-245099940.96550301</v>
      </c>
      <c r="AI1089" s="53">
        <v>-244978415.55981699</v>
      </c>
      <c r="AJ1089" s="53">
        <v>-244856890.154131</v>
      </c>
      <c r="AK1089" s="53">
        <v>-244735364.748445</v>
      </c>
      <c r="AL1089" s="53">
        <v>-244613839.34275901</v>
      </c>
      <c r="AM1089" s="53">
        <v>-244492313.93707299</v>
      </c>
      <c r="AN1089" s="53">
        <v>-244492313.93707299</v>
      </c>
      <c r="AO1089" s="53">
        <v>-244284215.030231</v>
      </c>
      <c r="AP1089" s="53">
        <v>-244076116.12338901</v>
      </c>
      <c r="AQ1089" s="53">
        <v>-243868017.21654701</v>
      </c>
      <c r="AR1089" s="53">
        <v>-243659918.30970499</v>
      </c>
      <c r="AS1089" s="53">
        <v>-243451819.402863</v>
      </c>
      <c r="AT1089" s="53">
        <v>-243243720.496021</v>
      </c>
      <c r="AU1089" s="53">
        <v>-243035621.58917999</v>
      </c>
      <c r="AV1089" s="53">
        <v>-242827522.682338</v>
      </c>
      <c r="AW1089" s="53">
        <v>-242619423.77549601</v>
      </c>
      <c r="AX1089" s="53">
        <v>-242411324.86865401</v>
      </c>
      <c r="AY1089" s="53">
        <v>-242203225.96181199</v>
      </c>
      <c r="AZ1089" s="53">
        <v>-297630499.08516598</v>
      </c>
      <c r="BA1089" s="53">
        <v>-297630499.08516598</v>
      </c>
    </row>
    <row r="1090" spans="1:53">
      <c r="A1090" s="52" t="s">
        <v>3591</v>
      </c>
      <c r="B1090" s="53">
        <v>-1323884.1599999999</v>
      </c>
      <c r="C1090" s="53">
        <v>-1323884.1599999999</v>
      </c>
      <c r="D1090" s="53">
        <v>-1323884.1599999999</v>
      </c>
      <c r="E1090" s="53">
        <v>-1323884.1599999999</v>
      </c>
      <c r="F1090" s="53">
        <v>-1323884.1599999999</v>
      </c>
      <c r="G1090" s="53">
        <v>-1323884.1599999999</v>
      </c>
      <c r="H1090" s="53">
        <v>-1323884.1599999999</v>
      </c>
      <c r="I1090" s="53">
        <v>-1323884.1599999999</v>
      </c>
      <c r="J1090" s="53">
        <v>-1323884.1599999999</v>
      </c>
      <c r="K1090" s="53">
        <v>-1323884.1599999999</v>
      </c>
      <c r="L1090" s="53">
        <v>-1323884.1599999999</v>
      </c>
      <c r="M1090" s="53">
        <v>-1323884.1599999999</v>
      </c>
      <c r="N1090" s="53">
        <v>-1323884.1599999999</v>
      </c>
      <c r="O1090" s="53">
        <v>-1323884.1599999999</v>
      </c>
      <c r="P1090" s="53">
        <v>-1323884.1599999999</v>
      </c>
      <c r="Q1090" s="53">
        <v>-1323884.1599999999</v>
      </c>
      <c r="R1090" s="53">
        <v>-1323884.1599999999</v>
      </c>
      <c r="S1090" s="53">
        <v>-1323884.1599999999</v>
      </c>
      <c r="T1090" s="53">
        <v>-1323884.1599999999</v>
      </c>
      <c r="U1090" s="53">
        <v>-1323884.1599999999</v>
      </c>
      <c r="V1090" s="53">
        <v>-1323884.1599999999</v>
      </c>
      <c r="W1090" s="53">
        <v>-1323884.1599999999</v>
      </c>
      <c r="X1090" s="53">
        <v>-1323884.1599999999</v>
      </c>
      <c r="Y1090" s="53">
        <v>-1323884.1599999999</v>
      </c>
      <c r="Z1090" s="53">
        <v>-1323884.1599999999</v>
      </c>
      <c r="AA1090" s="53">
        <v>-1323884.1599999999</v>
      </c>
      <c r="AB1090" s="53">
        <v>-1323884.1599999999</v>
      </c>
      <c r="AC1090" s="53">
        <v>-1323884.1599999999</v>
      </c>
      <c r="AD1090" s="53">
        <v>-1323884.1599999999</v>
      </c>
      <c r="AE1090" s="53">
        <v>-1323884.1599999999</v>
      </c>
      <c r="AF1090" s="53">
        <v>-1323884.1599999999</v>
      </c>
      <c r="AG1090" s="53">
        <v>-1323884.1599999999</v>
      </c>
      <c r="AH1090" s="53">
        <v>-1323884.1599999999</v>
      </c>
      <c r="AI1090" s="53">
        <v>-1323884.1599999999</v>
      </c>
      <c r="AJ1090" s="53">
        <v>-1323884.1599999999</v>
      </c>
      <c r="AK1090" s="53">
        <v>-1323884.1599999999</v>
      </c>
      <c r="AL1090" s="53">
        <v>-1323884.1599999999</v>
      </c>
      <c r="AM1090" s="53">
        <v>-1323884.1599999999</v>
      </c>
      <c r="AN1090" s="53">
        <v>-1323884.1599999999</v>
      </c>
      <c r="AO1090" s="53">
        <v>-1323884.1599999999</v>
      </c>
      <c r="AP1090" s="53">
        <v>-1323884.1599999999</v>
      </c>
      <c r="AQ1090" s="53">
        <v>-1323884.1599999999</v>
      </c>
      <c r="AR1090" s="53">
        <v>-1323884.1599999999</v>
      </c>
      <c r="AS1090" s="53">
        <v>-1323884.1599999999</v>
      </c>
      <c r="AT1090" s="53">
        <v>-1323884.1599999999</v>
      </c>
      <c r="AU1090" s="53">
        <v>-1323884.1599999999</v>
      </c>
      <c r="AV1090" s="53">
        <v>-1323884.1599999999</v>
      </c>
      <c r="AW1090" s="53">
        <v>-1323884.1599999999</v>
      </c>
      <c r="AX1090" s="53">
        <v>-1323884.1599999999</v>
      </c>
      <c r="AY1090" s="53">
        <v>-1323884.1599999999</v>
      </c>
      <c r="AZ1090" s="53">
        <v>-1323884.1599999999</v>
      </c>
      <c r="BA1090" s="53">
        <v>-1323884.1599999999</v>
      </c>
    </row>
    <row r="1091" spans="1:53">
      <c r="A1091" s="58" t="s">
        <v>3592</v>
      </c>
      <c r="B1091" s="134">
        <v>-235522132.59430599</v>
      </c>
      <c r="C1091" s="134">
        <v>-235478545.01628801</v>
      </c>
      <c r="D1091" s="134">
        <v>-235434957.43827099</v>
      </c>
      <c r="E1091" s="134">
        <v>-235391369.86025301</v>
      </c>
      <c r="F1091" s="134">
        <v>-235347782.28223601</v>
      </c>
      <c r="G1091" s="134">
        <v>-235304194.704218</v>
      </c>
      <c r="H1091" s="134">
        <v>-235260607.126201</v>
      </c>
      <c r="I1091" s="134">
        <v>-235217019.54818299</v>
      </c>
      <c r="J1091" s="134">
        <v>-235173431.970166</v>
      </c>
      <c r="K1091" s="134">
        <v>-235129844.39214799</v>
      </c>
      <c r="L1091" s="134">
        <v>-235086256.81413001</v>
      </c>
      <c r="M1091" s="134">
        <v>-247254282.64576</v>
      </c>
      <c r="N1091" s="134">
        <v>-247254282.64576</v>
      </c>
      <c r="O1091" s="134">
        <v>-247169960.925892</v>
      </c>
      <c r="P1091" s="134">
        <v>-247085639.206025</v>
      </c>
      <c r="Q1091" s="134">
        <v>-247001317.48615801</v>
      </c>
      <c r="R1091" s="134">
        <v>-246916995.76629099</v>
      </c>
      <c r="S1091" s="134">
        <v>-246832674.04642299</v>
      </c>
      <c r="T1091" s="134">
        <v>-246748352.326556</v>
      </c>
      <c r="U1091" s="134">
        <v>-246664030.60668901</v>
      </c>
      <c r="V1091" s="134">
        <v>-246579708.88682199</v>
      </c>
      <c r="W1091" s="134">
        <v>-246495387.16695401</v>
      </c>
      <c r="X1091" s="134">
        <v>-246411065.44708699</v>
      </c>
      <c r="Y1091" s="134">
        <v>-246326743.72722</v>
      </c>
      <c r="Z1091" s="134">
        <v>-247274502.965307</v>
      </c>
      <c r="AA1091" s="134">
        <v>-247274502.965307</v>
      </c>
      <c r="AB1091" s="134">
        <v>-247152977.55961999</v>
      </c>
      <c r="AC1091" s="134">
        <v>-247031452.153934</v>
      </c>
      <c r="AD1091" s="134">
        <v>-246909926.74824801</v>
      </c>
      <c r="AE1091" s="134">
        <v>-246788401.34256199</v>
      </c>
      <c r="AF1091" s="134">
        <v>-246666875.936876</v>
      </c>
      <c r="AG1091" s="134">
        <v>-246545350.53119001</v>
      </c>
      <c r="AH1091" s="134">
        <v>-246423825.125503</v>
      </c>
      <c r="AI1091" s="134">
        <v>-246302299.71981701</v>
      </c>
      <c r="AJ1091" s="134">
        <v>-246180774.31413099</v>
      </c>
      <c r="AK1091" s="134">
        <v>-246059248.908445</v>
      </c>
      <c r="AL1091" s="134">
        <v>-245937723.50275901</v>
      </c>
      <c r="AM1091" s="134">
        <v>-245816198.09707299</v>
      </c>
      <c r="AN1091" s="134">
        <v>-245816198.09707299</v>
      </c>
      <c r="AO1091" s="134">
        <v>-245608099.190231</v>
      </c>
      <c r="AP1091" s="134">
        <v>-245400000.283389</v>
      </c>
      <c r="AQ1091" s="134">
        <v>-245191901.37654701</v>
      </c>
      <c r="AR1091" s="134">
        <v>-244983802.46970499</v>
      </c>
      <c r="AS1091" s="134">
        <v>-244775703.56286299</v>
      </c>
      <c r="AT1091" s="134">
        <v>-244567604.656021</v>
      </c>
      <c r="AU1091" s="134">
        <v>-244359505.74917999</v>
      </c>
      <c r="AV1091" s="134">
        <v>-244151406.842338</v>
      </c>
      <c r="AW1091" s="134">
        <v>-243943307.935496</v>
      </c>
      <c r="AX1091" s="134">
        <v>-243735209.02865401</v>
      </c>
      <c r="AY1091" s="134">
        <v>-243527110.12181199</v>
      </c>
      <c r="AZ1091" s="134">
        <v>-298954383.245166</v>
      </c>
      <c r="BA1091" s="134">
        <v>-298954383.245166</v>
      </c>
    </row>
    <row r="1092" spans="1:53">
      <c r="A1092" s="52" t="s">
        <v>3593</v>
      </c>
    </row>
    <row r="1093" spans="1:53">
      <c r="A1093" s="57" t="s">
        <v>3594</v>
      </c>
    </row>
    <row r="1094" spans="1:53">
      <c r="A1094" s="52" t="s">
        <v>3595</v>
      </c>
      <c r="B1094" s="53">
        <v>-0.55000000000000004</v>
      </c>
      <c r="C1094" s="53">
        <v>-0.55000000000000004</v>
      </c>
      <c r="D1094" s="53">
        <v>-0.55000000000000004</v>
      </c>
      <c r="E1094" s="53">
        <v>-0.55000000000000004</v>
      </c>
      <c r="F1094" s="53">
        <v>-0.55000000000000004</v>
      </c>
      <c r="G1094" s="53">
        <v>-0.55000000000000004</v>
      </c>
      <c r="H1094" s="53">
        <v>-0.55000000000000004</v>
      </c>
      <c r="I1094" s="53">
        <v>-0.55000000000000004</v>
      </c>
      <c r="J1094" s="53">
        <v>-0.55000000000000004</v>
      </c>
      <c r="K1094" s="53">
        <v>-0.55000000000000004</v>
      </c>
      <c r="L1094" s="53">
        <v>-0.55000000000000004</v>
      </c>
      <c r="M1094" s="53">
        <v>-0.55000000000000004</v>
      </c>
      <c r="N1094" s="53">
        <v>-0.55000000000000004</v>
      </c>
      <c r="O1094" s="53">
        <v>-0.55000000000000004</v>
      </c>
      <c r="P1094" s="53">
        <v>-0.55000000000000004</v>
      </c>
      <c r="Q1094" s="53">
        <v>-0.55000000000000004</v>
      </c>
      <c r="R1094" s="53">
        <v>-0.55000000000000004</v>
      </c>
      <c r="S1094" s="53">
        <v>-0.55000000000000004</v>
      </c>
      <c r="T1094" s="53">
        <v>-0.55000000000000004</v>
      </c>
      <c r="U1094" s="53">
        <v>-0.55000000000000004</v>
      </c>
      <c r="V1094" s="53">
        <v>-0.55000000000000004</v>
      </c>
      <c r="W1094" s="53">
        <v>-0.55000000000000004</v>
      </c>
      <c r="X1094" s="53">
        <v>-0.55000000000000004</v>
      </c>
      <c r="Y1094" s="53">
        <v>-0.55000000000000004</v>
      </c>
      <c r="Z1094" s="53">
        <v>-0.55000000000000004</v>
      </c>
      <c r="AA1094" s="53">
        <v>-0.55000000000000004</v>
      </c>
      <c r="AB1094" s="53">
        <v>-0.55000000000000004</v>
      </c>
      <c r="AC1094" s="53">
        <v>-0.55000000000000004</v>
      </c>
      <c r="AD1094" s="53">
        <v>-0.55000000000000004</v>
      </c>
      <c r="AE1094" s="53">
        <v>-0.55000000000000004</v>
      </c>
      <c r="AF1094" s="53">
        <v>-0.55000000000000004</v>
      </c>
      <c r="AG1094" s="53">
        <v>-0.55000000000000004</v>
      </c>
      <c r="AH1094" s="53">
        <v>-0.55000000000000004</v>
      </c>
      <c r="AI1094" s="53">
        <v>-0.55000000000000004</v>
      </c>
      <c r="AJ1094" s="53">
        <v>-0.55000000000000004</v>
      </c>
      <c r="AK1094" s="53">
        <v>-0.55000000000000004</v>
      </c>
      <c r="AL1094" s="53">
        <v>-0.55000000000000004</v>
      </c>
      <c r="AM1094" s="53">
        <v>-0.55000000000000004</v>
      </c>
      <c r="AN1094" s="53">
        <v>-0.55000000000000004</v>
      </c>
      <c r="AO1094" s="53">
        <v>-0.55000000000000004</v>
      </c>
      <c r="AP1094" s="53">
        <v>-0.55000000000000004</v>
      </c>
      <c r="AQ1094" s="53">
        <v>-0.55000000000000004</v>
      </c>
      <c r="AR1094" s="53">
        <v>-0.55000000000000004</v>
      </c>
      <c r="AS1094" s="53">
        <v>-0.55000000000000004</v>
      </c>
      <c r="AT1094" s="53">
        <v>-0.55000000000000004</v>
      </c>
      <c r="AU1094" s="53">
        <v>-0.55000000000000004</v>
      </c>
      <c r="AV1094" s="53">
        <v>-0.55000000000000004</v>
      </c>
      <c r="AW1094" s="53">
        <v>-0.55000000000000004</v>
      </c>
      <c r="AX1094" s="53">
        <v>-0.55000000000000004</v>
      </c>
      <c r="AY1094" s="53">
        <v>-0.55000000000000004</v>
      </c>
      <c r="AZ1094" s="53">
        <v>-0.55000000000000004</v>
      </c>
      <c r="BA1094" s="53">
        <v>-0.55000000000000004</v>
      </c>
    </row>
    <row r="1095" spans="1:53">
      <c r="A1095" s="52" t="s">
        <v>3596</v>
      </c>
      <c r="B1095" s="53">
        <v>-0.17</v>
      </c>
      <c r="C1095" s="53">
        <v>-0.17</v>
      </c>
      <c r="D1095" s="53">
        <v>-0.17</v>
      </c>
      <c r="E1095" s="53">
        <v>-0.17</v>
      </c>
      <c r="F1095" s="53">
        <v>-0.17</v>
      </c>
      <c r="G1095" s="53">
        <v>-0.17</v>
      </c>
      <c r="H1095" s="53">
        <v>-0.17</v>
      </c>
      <c r="I1095" s="53">
        <v>-0.17</v>
      </c>
      <c r="J1095" s="53">
        <v>-0.17</v>
      </c>
      <c r="K1095" s="53">
        <v>-0.17</v>
      </c>
      <c r="L1095" s="53">
        <v>-0.17</v>
      </c>
      <c r="M1095" s="53">
        <v>-0.17</v>
      </c>
      <c r="N1095" s="53">
        <v>-0.17</v>
      </c>
      <c r="O1095" s="53">
        <v>-0.17</v>
      </c>
      <c r="P1095" s="53">
        <v>-0.17</v>
      </c>
      <c r="Q1095" s="53">
        <v>-0.17</v>
      </c>
      <c r="R1095" s="53">
        <v>-0.17</v>
      </c>
      <c r="S1095" s="53">
        <v>-0.17</v>
      </c>
      <c r="T1095" s="53">
        <v>-0.17</v>
      </c>
      <c r="U1095" s="53">
        <v>-0.17</v>
      </c>
      <c r="V1095" s="53">
        <v>-0.17</v>
      </c>
      <c r="W1095" s="53">
        <v>-0.17</v>
      </c>
      <c r="X1095" s="53">
        <v>-0.17</v>
      </c>
      <c r="Y1095" s="53">
        <v>-0.17</v>
      </c>
      <c r="Z1095" s="53">
        <v>-0.17</v>
      </c>
      <c r="AA1095" s="53">
        <v>-0.17</v>
      </c>
      <c r="AB1095" s="53">
        <v>-0.17</v>
      </c>
      <c r="AC1095" s="53">
        <v>-0.17</v>
      </c>
      <c r="AD1095" s="53">
        <v>-0.17</v>
      </c>
      <c r="AE1095" s="53">
        <v>-0.17</v>
      </c>
      <c r="AF1095" s="53">
        <v>-0.17</v>
      </c>
      <c r="AG1095" s="53">
        <v>-0.17</v>
      </c>
      <c r="AH1095" s="53">
        <v>-0.17</v>
      </c>
      <c r="AI1095" s="53">
        <v>-0.17</v>
      </c>
      <c r="AJ1095" s="53">
        <v>-0.17</v>
      </c>
      <c r="AK1095" s="53">
        <v>-0.17</v>
      </c>
      <c r="AL1095" s="53">
        <v>-0.17</v>
      </c>
      <c r="AM1095" s="53">
        <v>-0.17</v>
      </c>
      <c r="AN1095" s="53">
        <v>-0.17</v>
      </c>
      <c r="AO1095" s="53">
        <v>-0.17</v>
      </c>
      <c r="AP1095" s="53">
        <v>-0.17</v>
      </c>
      <c r="AQ1095" s="53">
        <v>-0.17</v>
      </c>
      <c r="AR1095" s="53">
        <v>-0.17</v>
      </c>
      <c r="AS1095" s="53">
        <v>-0.17</v>
      </c>
      <c r="AT1095" s="53">
        <v>-0.17</v>
      </c>
      <c r="AU1095" s="53">
        <v>-0.17</v>
      </c>
      <c r="AV1095" s="53">
        <v>-0.17</v>
      </c>
      <c r="AW1095" s="53">
        <v>-0.17</v>
      </c>
      <c r="AX1095" s="53">
        <v>-0.17</v>
      </c>
      <c r="AY1095" s="53">
        <v>-0.17</v>
      </c>
      <c r="AZ1095" s="53">
        <v>-0.17</v>
      </c>
      <c r="BA1095" s="53">
        <v>-0.17</v>
      </c>
    </row>
    <row r="1096" spans="1:53">
      <c r="A1096" s="52" t="s">
        <v>3597</v>
      </c>
      <c r="B1096" s="53">
        <v>0</v>
      </c>
      <c r="C1096" s="53">
        <v>0</v>
      </c>
      <c r="D1096" s="53">
        <v>0</v>
      </c>
      <c r="E1096" s="53">
        <v>0</v>
      </c>
      <c r="F1096" s="53">
        <v>0</v>
      </c>
      <c r="G1096" s="53">
        <v>0</v>
      </c>
      <c r="H1096" s="53">
        <v>0</v>
      </c>
      <c r="I1096" s="53">
        <v>0</v>
      </c>
      <c r="J1096" s="53">
        <v>0</v>
      </c>
      <c r="K1096" s="53">
        <v>0</v>
      </c>
      <c r="L1096" s="53">
        <v>0</v>
      </c>
      <c r="M1096" s="53">
        <v>0</v>
      </c>
      <c r="N1096" s="53">
        <v>0</v>
      </c>
      <c r="O1096" s="53">
        <v>0</v>
      </c>
      <c r="P1096" s="53">
        <v>0</v>
      </c>
      <c r="Q1096" s="53">
        <v>0</v>
      </c>
      <c r="R1096" s="53">
        <v>0</v>
      </c>
      <c r="S1096" s="53">
        <v>0</v>
      </c>
      <c r="T1096" s="53">
        <v>0</v>
      </c>
      <c r="U1096" s="53">
        <v>0</v>
      </c>
      <c r="V1096" s="53">
        <v>0</v>
      </c>
      <c r="W1096" s="53">
        <v>0</v>
      </c>
      <c r="X1096" s="53">
        <v>0</v>
      </c>
      <c r="Y1096" s="53">
        <v>0</v>
      </c>
      <c r="Z1096" s="53">
        <v>0</v>
      </c>
      <c r="AA1096" s="53">
        <v>0</v>
      </c>
      <c r="AB1096" s="53">
        <v>0</v>
      </c>
      <c r="AC1096" s="53">
        <v>0</v>
      </c>
      <c r="AD1096" s="53">
        <v>0</v>
      </c>
      <c r="AE1096" s="53">
        <v>0</v>
      </c>
      <c r="AF1096" s="53">
        <v>0</v>
      </c>
      <c r="AG1096" s="53">
        <v>0</v>
      </c>
      <c r="AH1096" s="53">
        <v>0</v>
      </c>
      <c r="AI1096" s="53">
        <v>0</v>
      </c>
      <c r="AJ1096" s="53">
        <v>0</v>
      </c>
      <c r="AK1096" s="53">
        <v>0</v>
      </c>
      <c r="AL1096" s="53">
        <v>0</v>
      </c>
      <c r="AM1096" s="53">
        <v>0</v>
      </c>
      <c r="AN1096" s="53">
        <v>0</v>
      </c>
      <c r="AO1096" s="53">
        <v>0</v>
      </c>
      <c r="AP1096" s="53">
        <v>0</v>
      </c>
      <c r="AQ1096" s="53">
        <v>0</v>
      </c>
      <c r="AR1096" s="53">
        <v>0</v>
      </c>
      <c r="AS1096" s="53">
        <v>0</v>
      </c>
      <c r="AT1096" s="53">
        <v>0</v>
      </c>
      <c r="AU1096" s="53">
        <v>0</v>
      </c>
      <c r="AV1096" s="53">
        <v>0</v>
      </c>
      <c r="AW1096" s="53">
        <v>0</v>
      </c>
      <c r="AX1096" s="53">
        <v>0</v>
      </c>
      <c r="AY1096" s="53">
        <v>0</v>
      </c>
      <c r="AZ1096" s="53">
        <v>0</v>
      </c>
      <c r="BA1096" s="53">
        <v>0</v>
      </c>
    </row>
    <row r="1097" spans="1:53">
      <c r="A1097" s="52" t="s">
        <v>3598</v>
      </c>
      <c r="B1097" s="53">
        <v>0</v>
      </c>
      <c r="C1097" s="53">
        <v>0</v>
      </c>
      <c r="D1097" s="53">
        <v>0</v>
      </c>
      <c r="E1097" s="53">
        <v>0</v>
      </c>
      <c r="F1097" s="53">
        <v>0</v>
      </c>
      <c r="G1097" s="53">
        <v>0</v>
      </c>
      <c r="H1097" s="53">
        <v>0</v>
      </c>
      <c r="I1097" s="53">
        <v>0</v>
      </c>
      <c r="J1097" s="53">
        <v>0</v>
      </c>
      <c r="K1097" s="53">
        <v>0</v>
      </c>
      <c r="L1097" s="53">
        <v>0</v>
      </c>
      <c r="M1097" s="53">
        <v>0</v>
      </c>
      <c r="N1097" s="53">
        <v>0</v>
      </c>
      <c r="O1097" s="53">
        <v>0</v>
      </c>
      <c r="P1097" s="53">
        <v>0</v>
      </c>
      <c r="Q1097" s="53">
        <v>0</v>
      </c>
      <c r="R1097" s="53">
        <v>0</v>
      </c>
      <c r="S1097" s="53">
        <v>0</v>
      </c>
      <c r="T1097" s="53">
        <v>0</v>
      </c>
      <c r="U1097" s="53">
        <v>0</v>
      </c>
      <c r="V1097" s="53">
        <v>0</v>
      </c>
      <c r="W1097" s="53">
        <v>0</v>
      </c>
      <c r="X1097" s="53">
        <v>0</v>
      </c>
      <c r="Y1097" s="53">
        <v>0</v>
      </c>
      <c r="Z1097" s="53">
        <v>0</v>
      </c>
      <c r="AA1097" s="53">
        <v>0</v>
      </c>
      <c r="AB1097" s="53">
        <v>0</v>
      </c>
      <c r="AC1097" s="53">
        <v>0</v>
      </c>
      <c r="AD1097" s="53">
        <v>0</v>
      </c>
      <c r="AE1097" s="53">
        <v>0</v>
      </c>
      <c r="AF1097" s="53">
        <v>0</v>
      </c>
      <c r="AG1097" s="53">
        <v>0</v>
      </c>
      <c r="AH1097" s="53">
        <v>0</v>
      </c>
      <c r="AI1097" s="53">
        <v>0</v>
      </c>
      <c r="AJ1097" s="53">
        <v>0</v>
      </c>
      <c r="AK1097" s="53">
        <v>0</v>
      </c>
      <c r="AL1097" s="53">
        <v>0</v>
      </c>
      <c r="AM1097" s="53">
        <v>0</v>
      </c>
      <c r="AN1097" s="53">
        <v>0</v>
      </c>
      <c r="AO1097" s="53">
        <v>0</v>
      </c>
      <c r="AP1097" s="53">
        <v>0</v>
      </c>
      <c r="AQ1097" s="53">
        <v>0</v>
      </c>
      <c r="AR1097" s="53">
        <v>0</v>
      </c>
      <c r="AS1097" s="53">
        <v>0</v>
      </c>
      <c r="AT1097" s="53">
        <v>0</v>
      </c>
      <c r="AU1097" s="53">
        <v>0</v>
      </c>
      <c r="AV1097" s="53">
        <v>0</v>
      </c>
      <c r="AW1097" s="53">
        <v>0</v>
      </c>
      <c r="AX1097" s="53">
        <v>0</v>
      </c>
      <c r="AY1097" s="53">
        <v>0</v>
      </c>
      <c r="AZ1097" s="53">
        <v>0</v>
      </c>
      <c r="BA1097" s="53">
        <v>0</v>
      </c>
    </row>
    <row r="1098" spans="1:53">
      <c r="A1098" s="58" t="s">
        <v>3599</v>
      </c>
      <c r="B1098" s="134">
        <v>-0.72</v>
      </c>
      <c r="C1098" s="134">
        <v>-0.72</v>
      </c>
      <c r="D1098" s="134">
        <v>-0.72</v>
      </c>
      <c r="E1098" s="134">
        <v>-0.72</v>
      </c>
      <c r="F1098" s="134">
        <v>-0.72</v>
      </c>
      <c r="G1098" s="134">
        <v>-0.72</v>
      </c>
      <c r="H1098" s="134">
        <v>-0.72</v>
      </c>
      <c r="I1098" s="134">
        <v>-0.72</v>
      </c>
      <c r="J1098" s="134">
        <v>-0.72</v>
      </c>
      <c r="K1098" s="134">
        <v>-0.72</v>
      </c>
      <c r="L1098" s="134">
        <v>-0.72</v>
      </c>
      <c r="M1098" s="134">
        <v>-0.72</v>
      </c>
      <c r="N1098" s="134">
        <v>-0.72</v>
      </c>
      <c r="O1098" s="134">
        <v>-0.72</v>
      </c>
      <c r="P1098" s="134">
        <v>-0.72</v>
      </c>
      <c r="Q1098" s="134">
        <v>-0.72</v>
      </c>
      <c r="R1098" s="134">
        <v>-0.72</v>
      </c>
      <c r="S1098" s="134">
        <v>-0.72</v>
      </c>
      <c r="T1098" s="134">
        <v>-0.72</v>
      </c>
      <c r="U1098" s="134">
        <v>-0.72</v>
      </c>
      <c r="V1098" s="134">
        <v>-0.72</v>
      </c>
      <c r="W1098" s="134">
        <v>-0.72</v>
      </c>
      <c r="X1098" s="134">
        <v>-0.72</v>
      </c>
      <c r="Y1098" s="134">
        <v>-0.72</v>
      </c>
      <c r="Z1098" s="134">
        <v>-0.72</v>
      </c>
      <c r="AA1098" s="134">
        <v>-0.72</v>
      </c>
      <c r="AB1098" s="134">
        <v>-0.72</v>
      </c>
      <c r="AC1098" s="134">
        <v>-0.72</v>
      </c>
      <c r="AD1098" s="134">
        <v>-0.72</v>
      </c>
      <c r="AE1098" s="134">
        <v>-0.72</v>
      </c>
      <c r="AF1098" s="134">
        <v>-0.72</v>
      </c>
      <c r="AG1098" s="134">
        <v>-0.72</v>
      </c>
      <c r="AH1098" s="134">
        <v>-0.72</v>
      </c>
      <c r="AI1098" s="134">
        <v>-0.72</v>
      </c>
      <c r="AJ1098" s="134">
        <v>-0.72</v>
      </c>
      <c r="AK1098" s="134">
        <v>-0.72</v>
      </c>
      <c r="AL1098" s="134">
        <v>-0.72</v>
      </c>
      <c r="AM1098" s="134">
        <v>-0.72</v>
      </c>
      <c r="AN1098" s="134">
        <v>-0.72</v>
      </c>
      <c r="AO1098" s="134">
        <v>-0.72</v>
      </c>
      <c r="AP1098" s="134">
        <v>-0.72</v>
      </c>
      <c r="AQ1098" s="134">
        <v>-0.72</v>
      </c>
      <c r="AR1098" s="134">
        <v>-0.72</v>
      </c>
      <c r="AS1098" s="134">
        <v>-0.72</v>
      </c>
      <c r="AT1098" s="134">
        <v>-0.72</v>
      </c>
      <c r="AU1098" s="134">
        <v>-0.72</v>
      </c>
      <c r="AV1098" s="134">
        <v>-0.72</v>
      </c>
      <c r="AW1098" s="134">
        <v>-0.72</v>
      </c>
      <c r="AX1098" s="134">
        <v>-0.72</v>
      </c>
      <c r="AY1098" s="134">
        <v>-0.72</v>
      </c>
      <c r="AZ1098" s="134">
        <v>-0.72</v>
      </c>
      <c r="BA1098" s="134">
        <v>-0.72</v>
      </c>
    </row>
    <row r="1099" spans="1:53">
      <c r="A1099" s="52" t="s">
        <v>3600</v>
      </c>
    </row>
    <row r="1100" spans="1:53">
      <c r="A1100" s="57" t="s">
        <v>3601</v>
      </c>
    </row>
    <row r="1101" spans="1:53">
      <c r="A1101" s="52" t="s">
        <v>3602</v>
      </c>
      <c r="B1101" s="53">
        <v>0</v>
      </c>
      <c r="C1101" s="53">
        <v>0</v>
      </c>
      <c r="D1101" s="53">
        <v>0</v>
      </c>
      <c r="E1101" s="53">
        <v>0</v>
      </c>
      <c r="F1101" s="53">
        <v>0</v>
      </c>
      <c r="G1101" s="53">
        <v>0</v>
      </c>
      <c r="H1101" s="53">
        <v>0</v>
      </c>
      <c r="I1101" s="53">
        <v>0</v>
      </c>
      <c r="J1101" s="53">
        <v>0</v>
      </c>
      <c r="K1101" s="53">
        <v>0</v>
      </c>
      <c r="L1101" s="53">
        <v>0</v>
      </c>
      <c r="M1101" s="53">
        <v>0</v>
      </c>
      <c r="N1101" s="53">
        <v>0</v>
      </c>
      <c r="O1101" s="53">
        <v>0</v>
      </c>
      <c r="P1101" s="53">
        <v>0</v>
      </c>
      <c r="Q1101" s="53">
        <v>0</v>
      </c>
      <c r="R1101" s="53">
        <v>0</v>
      </c>
      <c r="S1101" s="53">
        <v>0</v>
      </c>
      <c r="T1101" s="53">
        <v>0</v>
      </c>
      <c r="U1101" s="53">
        <v>0</v>
      </c>
      <c r="V1101" s="53">
        <v>0</v>
      </c>
      <c r="W1101" s="53">
        <v>0</v>
      </c>
      <c r="X1101" s="53">
        <v>0</v>
      </c>
      <c r="Y1101" s="53">
        <v>0</v>
      </c>
      <c r="Z1101" s="53">
        <v>0</v>
      </c>
      <c r="AA1101" s="53">
        <v>0</v>
      </c>
      <c r="AB1101" s="53">
        <v>0</v>
      </c>
      <c r="AC1101" s="53">
        <v>0</v>
      </c>
      <c r="AD1101" s="53">
        <v>0</v>
      </c>
      <c r="AE1101" s="53">
        <v>0</v>
      </c>
      <c r="AF1101" s="53">
        <v>0</v>
      </c>
      <c r="AG1101" s="53">
        <v>0</v>
      </c>
      <c r="AH1101" s="53">
        <v>0</v>
      </c>
      <c r="AI1101" s="53">
        <v>0</v>
      </c>
      <c r="AJ1101" s="53">
        <v>0</v>
      </c>
      <c r="AK1101" s="53">
        <v>0</v>
      </c>
      <c r="AL1101" s="53">
        <v>0</v>
      </c>
      <c r="AM1101" s="53">
        <v>0</v>
      </c>
      <c r="AN1101" s="53">
        <v>0</v>
      </c>
      <c r="AO1101" s="53">
        <v>0</v>
      </c>
      <c r="AP1101" s="53">
        <v>0</v>
      </c>
      <c r="AQ1101" s="53">
        <v>0</v>
      </c>
      <c r="AR1101" s="53">
        <v>0</v>
      </c>
      <c r="AS1101" s="53">
        <v>0</v>
      </c>
      <c r="AT1101" s="53">
        <v>0</v>
      </c>
      <c r="AU1101" s="53">
        <v>0</v>
      </c>
      <c r="AV1101" s="53">
        <v>0</v>
      </c>
      <c r="AW1101" s="53">
        <v>0</v>
      </c>
      <c r="AX1101" s="53">
        <v>0</v>
      </c>
      <c r="AY1101" s="53">
        <v>0</v>
      </c>
      <c r="AZ1101" s="53">
        <v>0</v>
      </c>
      <c r="BA1101" s="53">
        <v>0</v>
      </c>
    </row>
    <row r="1102" spans="1:53">
      <c r="A1102" s="52" t="s">
        <v>3603</v>
      </c>
      <c r="B1102" s="53">
        <v>0</v>
      </c>
      <c r="C1102" s="53">
        <v>0</v>
      </c>
      <c r="D1102" s="53">
        <v>0</v>
      </c>
      <c r="E1102" s="53">
        <v>0</v>
      </c>
      <c r="F1102" s="53">
        <v>0</v>
      </c>
      <c r="G1102" s="53">
        <v>0</v>
      </c>
      <c r="H1102" s="53">
        <v>0</v>
      </c>
      <c r="I1102" s="53">
        <v>0</v>
      </c>
      <c r="J1102" s="53">
        <v>0</v>
      </c>
      <c r="K1102" s="53">
        <v>0</v>
      </c>
      <c r="L1102" s="53">
        <v>0</v>
      </c>
      <c r="M1102" s="53">
        <v>0</v>
      </c>
      <c r="N1102" s="53">
        <v>0</v>
      </c>
      <c r="O1102" s="53">
        <v>0</v>
      </c>
      <c r="P1102" s="53">
        <v>0</v>
      </c>
      <c r="Q1102" s="53">
        <v>0</v>
      </c>
      <c r="R1102" s="53">
        <v>0</v>
      </c>
      <c r="S1102" s="53">
        <v>0</v>
      </c>
      <c r="T1102" s="53">
        <v>0</v>
      </c>
      <c r="U1102" s="53">
        <v>0</v>
      </c>
      <c r="V1102" s="53">
        <v>0</v>
      </c>
      <c r="W1102" s="53">
        <v>0</v>
      </c>
      <c r="X1102" s="53">
        <v>0</v>
      </c>
      <c r="Y1102" s="53">
        <v>0</v>
      </c>
      <c r="Z1102" s="53">
        <v>0</v>
      </c>
      <c r="AA1102" s="53">
        <v>0</v>
      </c>
      <c r="AB1102" s="53">
        <v>0</v>
      </c>
      <c r="AC1102" s="53">
        <v>0</v>
      </c>
      <c r="AD1102" s="53">
        <v>0</v>
      </c>
      <c r="AE1102" s="53">
        <v>0</v>
      </c>
      <c r="AF1102" s="53">
        <v>0</v>
      </c>
      <c r="AG1102" s="53">
        <v>0</v>
      </c>
      <c r="AH1102" s="53">
        <v>0</v>
      </c>
      <c r="AI1102" s="53">
        <v>0</v>
      </c>
      <c r="AJ1102" s="53">
        <v>0</v>
      </c>
      <c r="AK1102" s="53">
        <v>0</v>
      </c>
      <c r="AL1102" s="53">
        <v>0</v>
      </c>
      <c r="AM1102" s="53">
        <v>0</v>
      </c>
      <c r="AN1102" s="53">
        <v>0</v>
      </c>
      <c r="AO1102" s="53">
        <v>0</v>
      </c>
      <c r="AP1102" s="53">
        <v>0</v>
      </c>
      <c r="AQ1102" s="53">
        <v>0</v>
      </c>
      <c r="AR1102" s="53">
        <v>0</v>
      </c>
      <c r="AS1102" s="53">
        <v>0</v>
      </c>
      <c r="AT1102" s="53">
        <v>0</v>
      </c>
      <c r="AU1102" s="53">
        <v>0</v>
      </c>
      <c r="AV1102" s="53">
        <v>0</v>
      </c>
      <c r="AW1102" s="53">
        <v>0</v>
      </c>
      <c r="AX1102" s="53">
        <v>0</v>
      </c>
      <c r="AY1102" s="53">
        <v>0</v>
      </c>
      <c r="AZ1102" s="53">
        <v>0</v>
      </c>
      <c r="BA1102" s="53">
        <v>0</v>
      </c>
    </row>
    <row r="1103" spans="1:53">
      <c r="A1103" s="52" t="s">
        <v>3604</v>
      </c>
      <c r="B1103" s="53">
        <v>-2108474575.8199999</v>
      </c>
      <c r="C1103" s="53">
        <v>-2108474575.8199999</v>
      </c>
      <c r="D1103" s="53">
        <v>-2108474575.8199999</v>
      </c>
      <c r="E1103" s="53">
        <v>-2108474575.8199999</v>
      </c>
      <c r="F1103" s="53">
        <v>-2108474575.8199999</v>
      </c>
      <c r="G1103" s="53">
        <v>-2108474575.8199999</v>
      </c>
      <c r="H1103" s="53">
        <v>-2108474575.8199999</v>
      </c>
      <c r="I1103" s="53">
        <v>-2108474575.8199999</v>
      </c>
      <c r="J1103" s="53">
        <v>-2108474575.8199999</v>
      </c>
      <c r="K1103" s="53">
        <v>-2108474575.8199999</v>
      </c>
      <c r="L1103" s="53">
        <v>-2108474575.8199999</v>
      </c>
      <c r="M1103" s="53">
        <v>-2108474575.8199999</v>
      </c>
      <c r="N1103" s="53">
        <v>-2108474575.8199999</v>
      </c>
      <c r="O1103" s="53">
        <v>-2108474575.8199999</v>
      </c>
      <c r="P1103" s="53">
        <v>-2108474575.8199999</v>
      </c>
      <c r="Q1103" s="53">
        <v>-2108474575.8199999</v>
      </c>
      <c r="R1103" s="53">
        <v>-2108474575.8199999</v>
      </c>
      <c r="S1103" s="53">
        <v>-2108474575.8199999</v>
      </c>
      <c r="T1103" s="53">
        <v>-2108474575.8199999</v>
      </c>
      <c r="U1103" s="53">
        <v>-2108474575.8199999</v>
      </c>
      <c r="V1103" s="53">
        <v>-2108474575.8199999</v>
      </c>
      <c r="W1103" s="53">
        <v>-2108474575.8199999</v>
      </c>
      <c r="X1103" s="53">
        <v>-2108474575.8199999</v>
      </c>
      <c r="Y1103" s="53">
        <v>-2108474575.8199999</v>
      </c>
      <c r="Z1103" s="53">
        <v>-2108474575.8199999</v>
      </c>
      <c r="AA1103" s="53">
        <v>-2108474575.8199999</v>
      </c>
      <c r="AB1103" s="53">
        <v>-2108474575.8199999</v>
      </c>
      <c r="AC1103" s="53">
        <v>-2108474575.8199999</v>
      </c>
      <c r="AD1103" s="53">
        <v>-2108474575.8199999</v>
      </c>
      <c r="AE1103" s="53">
        <v>-2108474575.8199999</v>
      </c>
      <c r="AF1103" s="53">
        <v>-2108474575.8199999</v>
      </c>
      <c r="AG1103" s="53">
        <v>-2108474575.8199999</v>
      </c>
      <c r="AH1103" s="53">
        <v>-2108474575.8199999</v>
      </c>
      <c r="AI1103" s="53">
        <v>-2108474575.8199999</v>
      </c>
      <c r="AJ1103" s="53">
        <v>-2108474575.8199999</v>
      </c>
      <c r="AK1103" s="53">
        <v>-2108474575.8199999</v>
      </c>
      <c r="AL1103" s="53">
        <v>-2108474575.8199999</v>
      </c>
      <c r="AM1103" s="53">
        <v>-2108474575.8199999</v>
      </c>
      <c r="AN1103" s="53">
        <v>-2108474575.8199999</v>
      </c>
      <c r="AO1103" s="53">
        <v>-2108474575.8199999</v>
      </c>
      <c r="AP1103" s="53">
        <v>-2108474575.8199999</v>
      </c>
      <c r="AQ1103" s="53">
        <v>-2108474575.8199999</v>
      </c>
      <c r="AR1103" s="53">
        <v>-2108474575.8199999</v>
      </c>
      <c r="AS1103" s="53">
        <v>-2108474575.8199999</v>
      </c>
      <c r="AT1103" s="53">
        <v>-2108474575.8199999</v>
      </c>
      <c r="AU1103" s="53">
        <v>-2108474575.8199999</v>
      </c>
      <c r="AV1103" s="53">
        <v>-2108474575.8199999</v>
      </c>
      <c r="AW1103" s="53">
        <v>-2108474575.8199999</v>
      </c>
      <c r="AX1103" s="53">
        <v>-2108474575.8199999</v>
      </c>
      <c r="AY1103" s="53">
        <v>-2108474575.8199999</v>
      </c>
      <c r="AZ1103" s="53">
        <v>-2108474575.8199999</v>
      </c>
      <c r="BA1103" s="53">
        <v>-2108474575.8199999</v>
      </c>
    </row>
    <row r="1104" spans="1:53">
      <c r="A1104" s="52" t="s">
        <v>3605</v>
      </c>
      <c r="B1104" s="53">
        <v>-560694332.70000005</v>
      </c>
      <c r="C1104" s="53">
        <v>-560694332.70000005</v>
      </c>
      <c r="D1104" s="53">
        <v>-560694332.70000005</v>
      </c>
      <c r="E1104" s="53">
        <v>-560694332.70000005</v>
      </c>
      <c r="F1104" s="53">
        <v>-560694332.70000005</v>
      </c>
      <c r="G1104" s="53">
        <v>-560694332.70000005</v>
      </c>
      <c r="H1104" s="53">
        <v>-560694332.70000005</v>
      </c>
      <c r="I1104" s="53">
        <v>-560694332.70000005</v>
      </c>
      <c r="J1104" s="53">
        <v>-560694332.70000005</v>
      </c>
      <c r="K1104" s="53">
        <v>-560694332.70000005</v>
      </c>
      <c r="L1104" s="53">
        <v>-560694332.70000005</v>
      </c>
      <c r="M1104" s="53">
        <v>-560694332.70000005</v>
      </c>
      <c r="N1104" s="53">
        <v>-560694332.70000005</v>
      </c>
      <c r="O1104" s="53">
        <v>-560694332.70000005</v>
      </c>
      <c r="P1104" s="53">
        <v>-560694332.70000005</v>
      </c>
      <c r="Q1104" s="53">
        <v>-560694332.70000005</v>
      </c>
      <c r="R1104" s="53">
        <v>-560694332.70000005</v>
      </c>
      <c r="S1104" s="53">
        <v>-560694332.70000005</v>
      </c>
      <c r="T1104" s="53">
        <v>-560694332.70000005</v>
      </c>
      <c r="U1104" s="53">
        <v>-560694332.70000005</v>
      </c>
      <c r="V1104" s="53">
        <v>-560694332.70000005</v>
      </c>
      <c r="W1104" s="53">
        <v>-560694332.70000005</v>
      </c>
      <c r="X1104" s="53">
        <v>-560694332.70000005</v>
      </c>
      <c r="Y1104" s="53">
        <v>-560694332.70000005</v>
      </c>
      <c r="Z1104" s="53">
        <v>-560694332.70000005</v>
      </c>
      <c r="AA1104" s="53">
        <v>-560694332.70000005</v>
      </c>
      <c r="AB1104" s="53">
        <v>-560694332.70000005</v>
      </c>
      <c r="AC1104" s="53">
        <v>-560694332.70000005</v>
      </c>
      <c r="AD1104" s="53">
        <v>-560694332.70000005</v>
      </c>
      <c r="AE1104" s="53">
        <v>-560694332.70000005</v>
      </c>
      <c r="AF1104" s="53">
        <v>-560694332.70000005</v>
      </c>
      <c r="AG1104" s="53">
        <v>-560694332.70000005</v>
      </c>
      <c r="AH1104" s="53">
        <v>-560694332.70000005</v>
      </c>
      <c r="AI1104" s="53">
        <v>-560694332.70000005</v>
      </c>
      <c r="AJ1104" s="53">
        <v>-560694332.70000005</v>
      </c>
      <c r="AK1104" s="53">
        <v>-560694332.70000005</v>
      </c>
      <c r="AL1104" s="53">
        <v>-560694332.70000005</v>
      </c>
      <c r="AM1104" s="53">
        <v>-560694332.70000005</v>
      </c>
      <c r="AN1104" s="53">
        <v>-560694332.70000005</v>
      </c>
      <c r="AO1104" s="53">
        <v>-560694332.70000005</v>
      </c>
      <c r="AP1104" s="53">
        <v>-560694332.70000005</v>
      </c>
      <c r="AQ1104" s="53">
        <v>-560694332.70000005</v>
      </c>
      <c r="AR1104" s="53">
        <v>-560694332.70000005</v>
      </c>
      <c r="AS1104" s="53">
        <v>-560694332.70000005</v>
      </c>
      <c r="AT1104" s="53">
        <v>-560694332.70000005</v>
      </c>
      <c r="AU1104" s="53">
        <v>-560694332.70000005</v>
      </c>
      <c r="AV1104" s="53">
        <v>-560694332.70000005</v>
      </c>
      <c r="AW1104" s="53">
        <v>-560694332.70000005</v>
      </c>
      <c r="AX1104" s="53">
        <v>-560694332.70000005</v>
      </c>
      <c r="AY1104" s="53">
        <v>-560694332.70000005</v>
      </c>
      <c r="AZ1104" s="53">
        <v>-560694332.70000005</v>
      </c>
      <c r="BA1104" s="53">
        <v>-560694332.70000005</v>
      </c>
    </row>
    <row r="1105" spans="1:53">
      <c r="A1105" s="52" t="s">
        <v>3606</v>
      </c>
      <c r="B1105" s="53">
        <v>0</v>
      </c>
      <c r="C1105" s="53">
        <v>0</v>
      </c>
      <c r="D1105" s="53">
        <v>0</v>
      </c>
      <c r="E1105" s="53">
        <v>0</v>
      </c>
      <c r="F1105" s="53">
        <v>0</v>
      </c>
      <c r="G1105" s="53">
        <v>0</v>
      </c>
      <c r="H1105" s="53">
        <v>0</v>
      </c>
      <c r="I1105" s="53">
        <v>0</v>
      </c>
      <c r="J1105" s="53">
        <v>0</v>
      </c>
      <c r="K1105" s="53">
        <v>0</v>
      </c>
      <c r="L1105" s="53">
        <v>0</v>
      </c>
      <c r="M1105" s="53">
        <v>0</v>
      </c>
      <c r="N1105" s="53">
        <v>0</v>
      </c>
      <c r="O1105" s="53">
        <v>0</v>
      </c>
      <c r="P1105" s="53">
        <v>0</v>
      </c>
      <c r="Q1105" s="53">
        <v>0</v>
      </c>
      <c r="R1105" s="53">
        <v>0</v>
      </c>
      <c r="S1105" s="53">
        <v>0</v>
      </c>
      <c r="T1105" s="53">
        <v>0</v>
      </c>
      <c r="U1105" s="53">
        <v>0</v>
      </c>
      <c r="V1105" s="53">
        <v>0</v>
      </c>
      <c r="W1105" s="53">
        <v>0</v>
      </c>
      <c r="X1105" s="53">
        <v>0</v>
      </c>
      <c r="Y1105" s="53">
        <v>0</v>
      </c>
      <c r="Z1105" s="53">
        <v>0</v>
      </c>
      <c r="AA1105" s="53">
        <v>0</v>
      </c>
      <c r="AB1105" s="53">
        <v>0</v>
      </c>
      <c r="AC1105" s="53">
        <v>0</v>
      </c>
      <c r="AD1105" s="53">
        <v>0</v>
      </c>
      <c r="AE1105" s="53">
        <v>0</v>
      </c>
      <c r="AF1105" s="53">
        <v>0</v>
      </c>
      <c r="AG1105" s="53">
        <v>0</v>
      </c>
      <c r="AH1105" s="53">
        <v>0</v>
      </c>
      <c r="AI1105" s="53">
        <v>0</v>
      </c>
      <c r="AJ1105" s="53">
        <v>0</v>
      </c>
      <c r="AK1105" s="53">
        <v>0</v>
      </c>
      <c r="AL1105" s="53">
        <v>0</v>
      </c>
      <c r="AM1105" s="53">
        <v>0</v>
      </c>
      <c r="AN1105" s="53">
        <v>0</v>
      </c>
      <c r="AO1105" s="53">
        <v>0</v>
      </c>
      <c r="AP1105" s="53">
        <v>0</v>
      </c>
      <c r="AQ1105" s="53">
        <v>0</v>
      </c>
      <c r="AR1105" s="53">
        <v>0</v>
      </c>
      <c r="AS1105" s="53">
        <v>0</v>
      </c>
      <c r="AT1105" s="53">
        <v>0</v>
      </c>
      <c r="AU1105" s="53">
        <v>0</v>
      </c>
      <c r="AV1105" s="53">
        <v>0</v>
      </c>
      <c r="AW1105" s="53">
        <v>0</v>
      </c>
      <c r="AX1105" s="53">
        <v>0</v>
      </c>
      <c r="AY1105" s="53">
        <v>0</v>
      </c>
      <c r="AZ1105" s="53">
        <v>0</v>
      </c>
      <c r="BA1105" s="53">
        <v>0</v>
      </c>
    </row>
    <row r="1106" spans="1:53">
      <c r="A1106" s="52" t="s">
        <v>3607</v>
      </c>
      <c r="B1106" s="53">
        <v>0</v>
      </c>
      <c r="C1106" s="53">
        <v>0</v>
      </c>
      <c r="D1106" s="53">
        <v>0</v>
      </c>
      <c r="E1106" s="53">
        <v>0</v>
      </c>
      <c r="F1106" s="53">
        <v>0</v>
      </c>
      <c r="G1106" s="53">
        <v>0</v>
      </c>
      <c r="H1106" s="53">
        <v>0</v>
      </c>
      <c r="I1106" s="53">
        <v>0</v>
      </c>
      <c r="J1106" s="53">
        <v>0</v>
      </c>
      <c r="K1106" s="53">
        <v>0</v>
      </c>
      <c r="L1106" s="53">
        <v>0</v>
      </c>
      <c r="M1106" s="53">
        <v>0</v>
      </c>
      <c r="N1106" s="53">
        <v>0</v>
      </c>
      <c r="O1106" s="53">
        <v>0</v>
      </c>
      <c r="P1106" s="53">
        <v>0</v>
      </c>
      <c r="Q1106" s="53">
        <v>0</v>
      </c>
      <c r="R1106" s="53">
        <v>0</v>
      </c>
      <c r="S1106" s="53">
        <v>0</v>
      </c>
      <c r="T1106" s="53">
        <v>0</v>
      </c>
      <c r="U1106" s="53">
        <v>0</v>
      </c>
      <c r="V1106" s="53">
        <v>0</v>
      </c>
      <c r="W1106" s="53">
        <v>0</v>
      </c>
      <c r="X1106" s="53">
        <v>0</v>
      </c>
      <c r="Y1106" s="53">
        <v>0</v>
      </c>
      <c r="Z1106" s="53">
        <v>0</v>
      </c>
      <c r="AA1106" s="53">
        <v>0</v>
      </c>
      <c r="AB1106" s="53">
        <v>0</v>
      </c>
      <c r="AC1106" s="53">
        <v>0</v>
      </c>
      <c r="AD1106" s="53">
        <v>0</v>
      </c>
      <c r="AE1106" s="53">
        <v>0</v>
      </c>
      <c r="AF1106" s="53">
        <v>0</v>
      </c>
      <c r="AG1106" s="53">
        <v>0</v>
      </c>
      <c r="AH1106" s="53">
        <v>0</v>
      </c>
      <c r="AI1106" s="53">
        <v>0</v>
      </c>
      <c r="AJ1106" s="53">
        <v>0</v>
      </c>
      <c r="AK1106" s="53">
        <v>0</v>
      </c>
      <c r="AL1106" s="53">
        <v>0</v>
      </c>
      <c r="AM1106" s="53">
        <v>0</v>
      </c>
      <c r="AN1106" s="53">
        <v>0</v>
      </c>
      <c r="AO1106" s="53">
        <v>0</v>
      </c>
      <c r="AP1106" s="53">
        <v>0</v>
      </c>
      <c r="AQ1106" s="53">
        <v>0</v>
      </c>
      <c r="AR1106" s="53">
        <v>0</v>
      </c>
      <c r="AS1106" s="53">
        <v>0</v>
      </c>
      <c r="AT1106" s="53">
        <v>0</v>
      </c>
      <c r="AU1106" s="53">
        <v>0</v>
      </c>
      <c r="AV1106" s="53">
        <v>0</v>
      </c>
      <c r="AW1106" s="53">
        <v>0</v>
      </c>
      <c r="AX1106" s="53">
        <v>0</v>
      </c>
      <c r="AY1106" s="53">
        <v>0</v>
      </c>
      <c r="AZ1106" s="53">
        <v>0</v>
      </c>
      <c r="BA1106" s="53">
        <v>0</v>
      </c>
    </row>
    <row r="1107" spans="1:53">
      <c r="A1107" s="58" t="s">
        <v>3608</v>
      </c>
      <c r="B1107" s="134">
        <v>-2669168908.52</v>
      </c>
      <c r="C1107" s="134">
        <v>-2669168908.52</v>
      </c>
      <c r="D1107" s="134">
        <v>-2669168908.52</v>
      </c>
      <c r="E1107" s="134">
        <v>-2669168908.52</v>
      </c>
      <c r="F1107" s="134">
        <v>-2669168908.52</v>
      </c>
      <c r="G1107" s="134">
        <v>-2669168908.52</v>
      </c>
      <c r="H1107" s="134">
        <v>-2669168908.52</v>
      </c>
      <c r="I1107" s="134">
        <v>-2669168908.52</v>
      </c>
      <c r="J1107" s="134">
        <v>-2669168908.52</v>
      </c>
      <c r="K1107" s="134">
        <v>-2669168908.52</v>
      </c>
      <c r="L1107" s="134">
        <v>-2669168908.52</v>
      </c>
      <c r="M1107" s="134">
        <v>-2669168908.52</v>
      </c>
      <c r="N1107" s="134">
        <v>-2669168908.52</v>
      </c>
      <c r="O1107" s="134">
        <v>-2669168908.52</v>
      </c>
      <c r="P1107" s="134">
        <v>-2669168908.52</v>
      </c>
      <c r="Q1107" s="134">
        <v>-2669168908.52</v>
      </c>
      <c r="R1107" s="134">
        <v>-2669168908.52</v>
      </c>
      <c r="S1107" s="134">
        <v>-2669168908.52</v>
      </c>
      <c r="T1107" s="134">
        <v>-2669168908.52</v>
      </c>
      <c r="U1107" s="134">
        <v>-2669168908.52</v>
      </c>
      <c r="V1107" s="134">
        <v>-2669168908.52</v>
      </c>
      <c r="W1107" s="134">
        <v>-2669168908.52</v>
      </c>
      <c r="X1107" s="134">
        <v>-2669168908.52</v>
      </c>
      <c r="Y1107" s="134">
        <v>-2669168908.52</v>
      </c>
      <c r="Z1107" s="134">
        <v>-2669168908.52</v>
      </c>
      <c r="AA1107" s="134">
        <v>-2669168908.52</v>
      </c>
      <c r="AB1107" s="134">
        <v>-2669168908.52</v>
      </c>
      <c r="AC1107" s="134">
        <v>-2669168908.52</v>
      </c>
      <c r="AD1107" s="134">
        <v>-2669168908.52</v>
      </c>
      <c r="AE1107" s="134">
        <v>-2669168908.52</v>
      </c>
      <c r="AF1107" s="134">
        <v>-2669168908.52</v>
      </c>
      <c r="AG1107" s="134">
        <v>-2669168908.52</v>
      </c>
      <c r="AH1107" s="134">
        <v>-2669168908.52</v>
      </c>
      <c r="AI1107" s="134">
        <v>-2669168908.52</v>
      </c>
      <c r="AJ1107" s="134">
        <v>-2669168908.52</v>
      </c>
      <c r="AK1107" s="134">
        <v>-2669168908.52</v>
      </c>
      <c r="AL1107" s="134">
        <v>-2669168908.52</v>
      </c>
      <c r="AM1107" s="134">
        <v>-2669168908.52</v>
      </c>
      <c r="AN1107" s="134">
        <v>-2669168908.52</v>
      </c>
      <c r="AO1107" s="134">
        <v>-2669168908.52</v>
      </c>
      <c r="AP1107" s="134">
        <v>-2669168908.52</v>
      </c>
      <c r="AQ1107" s="134">
        <v>-2669168908.52</v>
      </c>
      <c r="AR1107" s="134">
        <v>-2669168908.52</v>
      </c>
      <c r="AS1107" s="134">
        <v>-2669168908.52</v>
      </c>
      <c r="AT1107" s="134">
        <v>-2669168908.52</v>
      </c>
      <c r="AU1107" s="134">
        <v>-2669168908.52</v>
      </c>
      <c r="AV1107" s="134">
        <v>-2669168908.52</v>
      </c>
      <c r="AW1107" s="134">
        <v>-2669168908.52</v>
      </c>
      <c r="AX1107" s="134">
        <v>-2669168908.52</v>
      </c>
      <c r="AY1107" s="134">
        <v>-2669168908.52</v>
      </c>
      <c r="AZ1107" s="134">
        <v>-2669168908.52</v>
      </c>
      <c r="BA1107" s="134">
        <v>-2669168908.52</v>
      </c>
    </row>
    <row r="1108" spans="1:53">
      <c r="A1108" s="52" t="s">
        <v>3609</v>
      </c>
    </row>
    <row r="1109" spans="1:53">
      <c r="A1109" s="57" t="s">
        <v>3610</v>
      </c>
    </row>
    <row r="1110" spans="1:53">
      <c r="A1110" s="52" t="s">
        <v>3611</v>
      </c>
      <c r="B1110" s="53">
        <v>0</v>
      </c>
      <c r="C1110" s="53">
        <v>0</v>
      </c>
      <c r="D1110" s="53">
        <v>0</v>
      </c>
      <c r="E1110" s="53">
        <v>0</v>
      </c>
      <c r="F1110" s="53">
        <v>0</v>
      </c>
      <c r="G1110" s="53">
        <v>0</v>
      </c>
      <c r="H1110" s="53">
        <v>0</v>
      </c>
      <c r="I1110" s="53">
        <v>0</v>
      </c>
      <c r="J1110" s="53">
        <v>0</v>
      </c>
      <c r="K1110" s="53">
        <v>0</v>
      </c>
      <c r="L1110" s="53">
        <v>0</v>
      </c>
      <c r="M1110" s="53">
        <v>0</v>
      </c>
      <c r="N1110" s="53">
        <v>0</v>
      </c>
      <c r="O1110" s="53">
        <v>0</v>
      </c>
      <c r="P1110" s="53">
        <v>0</v>
      </c>
      <c r="Q1110" s="53">
        <v>0</v>
      </c>
      <c r="R1110" s="53">
        <v>0</v>
      </c>
      <c r="S1110" s="53">
        <v>0</v>
      </c>
      <c r="T1110" s="53">
        <v>0</v>
      </c>
      <c r="U1110" s="53">
        <v>0</v>
      </c>
      <c r="V1110" s="53">
        <v>0</v>
      </c>
      <c r="W1110" s="53">
        <v>0</v>
      </c>
      <c r="X1110" s="53">
        <v>0</v>
      </c>
      <c r="Y1110" s="53">
        <v>0</v>
      </c>
      <c r="Z1110" s="53">
        <v>0</v>
      </c>
      <c r="AA1110" s="53">
        <v>0</v>
      </c>
      <c r="AB1110" s="53">
        <v>0</v>
      </c>
      <c r="AC1110" s="53">
        <v>0</v>
      </c>
      <c r="AD1110" s="53">
        <v>0</v>
      </c>
      <c r="AE1110" s="53">
        <v>0</v>
      </c>
      <c r="AF1110" s="53">
        <v>0</v>
      </c>
      <c r="AG1110" s="53">
        <v>0</v>
      </c>
      <c r="AH1110" s="53">
        <v>0</v>
      </c>
      <c r="AI1110" s="53">
        <v>0</v>
      </c>
      <c r="AJ1110" s="53">
        <v>0</v>
      </c>
      <c r="AK1110" s="53">
        <v>0</v>
      </c>
      <c r="AL1110" s="53">
        <v>0</v>
      </c>
      <c r="AM1110" s="53">
        <v>0</v>
      </c>
      <c r="AN1110" s="53">
        <v>0</v>
      </c>
      <c r="AO1110" s="53">
        <v>0</v>
      </c>
      <c r="AP1110" s="53">
        <v>0</v>
      </c>
      <c r="AQ1110" s="53">
        <v>0</v>
      </c>
      <c r="AR1110" s="53">
        <v>0</v>
      </c>
      <c r="AS1110" s="53">
        <v>0</v>
      </c>
      <c r="AT1110" s="53">
        <v>0</v>
      </c>
      <c r="AU1110" s="53">
        <v>0</v>
      </c>
      <c r="AV1110" s="53">
        <v>0</v>
      </c>
      <c r="AW1110" s="53">
        <v>0</v>
      </c>
      <c r="AX1110" s="53">
        <v>0</v>
      </c>
      <c r="AY1110" s="53">
        <v>0</v>
      </c>
      <c r="AZ1110" s="53">
        <v>0</v>
      </c>
      <c r="BA1110" s="53">
        <v>0</v>
      </c>
    </row>
    <row r="1111" spans="1:53">
      <c r="A1111" s="52" t="s">
        <v>3612</v>
      </c>
      <c r="B1111" s="53">
        <v>0</v>
      </c>
      <c r="C1111" s="53">
        <v>0</v>
      </c>
      <c r="D1111" s="53">
        <v>0</v>
      </c>
      <c r="E1111" s="53">
        <v>0</v>
      </c>
      <c r="F1111" s="53">
        <v>0</v>
      </c>
      <c r="G1111" s="53">
        <v>0</v>
      </c>
      <c r="H1111" s="53">
        <v>0</v>
      </c>
      <c r="I1111" s="53">
        <v>0</v>
      </c>
      <c r="J1111" s="53">
        <v>0</v>
      </c>
      <c r="K1111" s="53">
        <v>0</v>
      </c>
      <c r="L1111" s="53">
        <v>0</v>
      </c>
      <c r="M1111" s="53">
        <v>0</v>
      </c>
      <c r="N1111" s="53">
        <v>0</v>
      </c>
      <c r="O1111" s="53">
        <v>0</v>
      </c>
      <c r="P1111" s="53">
        <v>0</v>
      </c>
      <c r="Q1111" s="53">
        <v>0</v>
      </c>
      <c r="R1111" s="53">
        <v>0</v>
      </c>
      <c r="S1111" s="53">
        <v>0</v>
      </c>
      <c r="T1111" s="53">
        <v>0</v>
      </c>
      <c r="U1111" s="53">
        <v>0</v>
      </c>
      <c r="V1111" s="53">
        <v>0</v>
      </c>
      <c r="W1111" s="53">
        <v>0</v>
      </c>
      <c r="X1111" s="53">
        <v>0</v>
      </c>
      <c r="Y1111" s="53">
        <v>0</v>
      </c>
      <c r="Z1111" s="53">
        <v>0</v>
      </c>
      <c r="AA1111" s="53">
        <v>0</v>
      </c>
      <c r="AB1111" s="53">
        <v>0</v>
      </c>
      <c r="AC1111" s="53">
        <v>0</v>
      </c>
      <c r="AD1111" s="53">
        <v>0</v>
      </c>
      <c r="AE1111" s="53">
        <v>0</v>
      </c>
      <c r="AF1111" s="53">
        <v>0</v>
      </c>
      <c r="AG1111" s="53">
        <v>0</v>
      </c>
      <c r="AH1111" s="53">
        <v>0</v>
      </c>
      <c r="AI1111" s="53">
        <v>0</v>
      </c>
      <c r="AJ1111" s="53">
        <v>0</v>
      </c>
      <c r="AK1111" s="53">
        <v>0</v>
      </c>
      <c r="AL1111" s="53">
        <v>0</v>
      </c>
      <c r="AM1111" s="53">
        <v>0</v>
      </c>
      <c r="AN1111" s="53">
        <v>0</v>
      </c>
      <c r="AO1111" s="53">
        <v>0</v>
      </c>
      <c r="AP1111" s="53">
        <v>0</v>
      </c>
      <c r="AQ1111" s="53">
        <v>0</v>
      </c>
      <c r="AR1111" s="53">
        <v>0</v>
      </c>
      <c r="AS1111" s="53">
        <v>0</v>
      </c>
      <c r="AT1111" s="53">
        <v>0</v>
      </c>
      <c r="AU1111" s="53">
        <v>0</v>
      </c>
      <c r="AV1111" s="53">
        <v>0</v>
      </c>
      <c r="AW1111" s="53">
        <v>0</v>
      </c>
      <c r="AX1111" s="53">
        <v>0</v>
      </c>
      <c r="AY1111" s="53">
        <v>0</v>
      </c>
      <c r="AZ1111" s="53">
        <v>0</v>
      </c>
      <c r="BA1111" s="53">
        <v>0</v>
      </c>
    </row>
    <row r="1112" spans="1:53">
      <c r="A1112" s="52" t="s">
        <v>3613</v>
      </c>
      <c r="B1112" s="53">
        <v>0</v>
      </c>
      <c r="C1112" s="53">
        <v>0</v>
      </c>
      <c r="D1112" s="53">
        <v>0</v>
      </c>
      <c r="E1112" s="53">
        <v>0</v>
      </c>
      <c r="F1112" s="53">
        <v>0</v>
      </c>
      <c r="G1112" s="53">
        <v>0</v>
      </c>
      <c r="H1112" s="53">
        <v>0</v>
      </c>
      <c r="I1112" s="53">
        <v>0</v>
      </c>
      <c r="J1112" s="53">
        <v>0</v>
      </c>
      <c r="K1112" s="53">
        <v>0</v>
      </c>
      <c r="L1112" s="53">
        <v>0</v>
      </c>
      <c r="M1112" s="53">
        <v>0</v>
      </c>
      <c r="N1112" s="53">
        <v>0</v>
      </c>
      <c r="O1112" s="53">
        <v>0</v>
      </c>
      <c r="P1112" s="53">
        <v>0</v>
      </c>
      <c r="Q1112" s="53">
        <v>0</v>
      </c>
      <c r="R1112" s="53">
        <v>0</v>
      </c>
      <c r="S1112" s="53">
        <v>0</v>
      </c>
      <c r="T1112" s="53">
        <v>0</v>
      </c>
      <c r="U1112" s="53">
        <v>0</v>
      </c>
      <c r="V1112" s="53">
        <v>0</v>
      </c>
      <c r="W1112" s="53">
        <v>0</v>
      </c>
      <c r="X1112" s="53">
        <v>0</v>
      </c>
      <c r="Y1112" s="53">
        <v>0</v>
      </c>
      <c r="Z1112" s="53">
        <v>0</v>
      </c>
      <c r="AA1112" s="53">
        <v>0</v>
      </c>
      <c r="AB1112" s="53">
        <v>0</v>
      </c>
      <c r="AC1112" s="53">
        <v>0</v>
      </c>
      <c r="AD1112" s="53">
        <v>0</v>
      </c>
      <c r="AE1112" s="53">
        <v>0</v>
      </c>
      <c r="AF1112" s="53">
        <v>0</v>
      </c>
      <c r="AG1112" s="53">
        <v>0</v>
      </c>
      <c r="AH1112" s="53">
        <v>0</v>
      </c>
      <c r="AI1112" s="53">
        <v>0</v>
      </c>
      <c r="AJ1112" s="53">
        <v>0</v>
      </c>
      <c r="AK1112" s="53">
        <v>0</v>
      </c>
      <c r="AL1112" s="53">
        <v>0</v>
      </c>
      <c r="AM1112" s="53">
        <v>0</v>
      </c>
      <c r="AN1112" s="53">
        <v>0</v>
      </c>
      <c r="AO1112" s="53">
        <v>0</v>
      </c>
      <c r="AP1112" s="53">
        <v>0</v>
      </c>
      <c r="AQ1112" s="53">
        <v>0</v>
      </c>
      <c r="AR1112" s="53">
        <v>0</v>
      </c>
      <c r="AS1112" s="53">
        <v>0</v>
      </c>
      <c r="AT1112" s="53">
        <v>0</v>
      </c>
      <c r="AU1112" s="53">
        <v>0</v>
      </c>
      <c r="AV1112" s="53">
        <v>0</v>
      </c>
      <c r="AW1112" s="53">
        <v>0</v>
      </c>
      <c r="AX1112" s="53">
        <v>0</v>
      </c>
      <c r="AY1112" s="53">
        <v>0</v>
      </c>
      <c r="AZ1112" s="53">
        <v>0</v>
      </c>
      <c r="BA1112" s="53">
        <v>0</v>
      </c>
    </row>
    <row r="1113" spans="1:53">
      <c r="A1113" s="52" t="s">
        <v>3614</v>
      </c>
      <c r="B1113" s="53">
        <v>0</v>
      </c>
      <c r="C1113" s="53">
        <v>0</v>
      </c>
      <c r="D1113" s="53">
        <v>0</v>
      </c>
      <c r="E1113" s="53">
        <v>0</v>
      </c>
      <c r="F1113" s="53">
        <v>0</v>
      </c>
      <c r="G1113" s="53">
        <v>0</v>
      </c>
      <c r="H1113" s="53">
        <v>0</v>
      </c>
      <c r="I1113" s="53">
        <v>0</v>
      </c>
      <c r="J1113" s="53">
        <v>0</v>
      </c>
      <c r="K1113" s="53">
        <v>0</v>
      </c>
      <c r="L1113" s="53">
        <v>0</v>
      </c>
      <c r="M1113" s="53">
        <v>0</v>
      </c>
      <c r="N1113" s="53">
        <v>0</v>
      </c>
      <c r="O1113" s="53">
        <v>0</v>
      </c>
      <c r="P1113" s="53">
        <v>0</v>
      </c>
      <c r="Q1113" s="53">
        <v>0</v>
      </c>
      <c r="R1113" s="53">
        <v>0</v>
      </c>
      <c r="S1113" s="53">
        <v>0</v>
      </c>
      <c r="T1113" s="53">
        <v>0</v>
      </c>
      <c r="U1113" s="53">
        <v>0</v>
      </c>
      <c r="V1113" s="53">
        <v>0</v>
      </c>
      <c r="W1113" s="53">
        <v>0</v>
      </c>
      <c r="X1113" s="53">
        <v>0</v>
      </c>
      <c r="Y1113" s="53">
        <v>0</v>
      </c>
      <c r="Z1113" s="53">
        <v>0</v>
      </c>
      <c r="AA1113" s="53">
        <v>0</v>
      </c>
      <c r="AB1113" s="53">
        <v>0</v>
      </c>
      <c r="AC1113" s="53">
        <v>0</v>
      </c>
      <c r="AD1113" s="53">
        <v>0</v>
      </c>
      <c r="AE1113" s="53">
        <v>0</v>
      </c>
      <c r="AF1113" s="53">
        <v>0</v>
      </c>
      <c r="AG1113" s="53">
        <v>0</v>
      </c>
      <c r="AH1113" s="53">
        <v>0</v>
      </c>
      <c r="AI1113" s="53">
        <v>0</v>
      </c>
      <c r="AJ1113" s="53">
        <v>0</v>
      </c>
      <c r="AK1113" s="53">
        <v>0</v>
      </c>
      <c r="AL1113" s="53">
        <v>0</v>
      </c>
      <c r="AM1113" s="53">
        <v>0</v>
      </c>
      <c r="AN1113" s="53">
        <v>0</v>
      </c>
      <c r="AO1113" s="53">
        <v>0</v>
      </c>
      <c r="AP1113" s="53">
        <v>0</v>
      </c>
      <c r="AQ1113" s="53">
        <v>0</v>
      </c>
      <c r="AR1113" s="53">
        <v>0</v>
      </c>
      <c r="AS1113" s="53">
        <v>0</v>
      </c>
      <c r="AT1113" s="53">
        <v>0</v>
      </c>
      <c r="AU1113" s="53">
        <v>0</v>
      </c>
      <c r="AV1113" s="53">
        <v>0</v>
      </c>
      <c r="AW1113" s="53">
        <v>0</v>
      </c>
      <c r="AX1113" s="53">
        <v>0</v>
      </c>
      <c r="AY1113" s="53">
        <v>0</v>
      </c>
      <c r="AZ1113" s="53">
        <v>0</v>
      </c>
      <c r="BA1113" s="53">
        <v>0</v>
      </c>
    </row>
    <row r="1114" spans="1:53">
      <c r="A1114" s="52" t="s">
        <v>3615</v>
      </c>
      <c r="B1114" s="53">
        <v>-675575075.47127402</v>
      </c>
      <c r="C1114" s="53">
        <v>-677690281.39460802</v>
      </c>
      <c r="D1114" s="53">
        <v>-671949664.55957603</v>
      </c>
      <c r="E1114" s="53">
        <v>-673869055.50224197</v>
      </c>
      <c r="F1114" s="53">
        <v>-669979704.49275899</v>
      </c>
      <c r="G1114" s="53">
        <v>-661938607.28975904</v>
      </c>
      <c r="H1114" s="53">
        <v>-654944293.41692603</v>
      </c>
      <c r="I1114" s="53">
        <v>-630265728.921911</v>
      </c>
      <c r="J1114" s="53">
        <v>-628003528.06317794</v>
      </c>
      <c r="K1114" s="53">
        <v>-628323248.97895896</v>
      </c>
      <c r="L1114" s="53">
        <v>-636422808.12406099</v>
      </c>
      <c r="M1114" s="53">
        <v>-620018169.40454304</v>
      </c>
      <c r="N1114" s="53">
        <v>-620018169.40454304</v>
      </c>
      <c r="O1114" s="53">
        <v>-627918011.25583303</v>
      </c>
      <c r="P1114" s="53">
        <v>-651910345.79716599</v>
      </c>
      <c r="Q1114" s="53">
        <v>-673466540.20556605</v>
      </c>
      <c r="R1114" s="53">
        <v>-693334625.67087698</v>
      </c>
      <c r="S1114" s="53">
        <v>-707084211.64016902</v>
      </c>
      <c r="T1114" s="53">
        <v>-723080438.95899999</v>
      </c>
      <c r="U1114" s="53">
        <v>-736019758.04552102</v>
      </c>
      <c r="V1114" s="53">
        <v>-735524845.94417799</v>
      </c>
      <c r="W1114" s="53">
        <v>-752007204.23532903</v>
      </c>
      <c r="X1114" s="53">
        <v>-768604472.87478495</v>
      </c>
      <c r="Y1114" s="53">
        <v>-790802647.75659299</v>
      </c>
      <c r="Z1114" s="53">
        <v>-795392433.66397595</v>
      </c>
      <c r="AA1114" s="53">
        <v>-795392433.66397595</v>
      </c>
      <c r="AB1114" s="53">
        <v>-800878823.87250495</v>
      </c>
      <c r="AC1114" s="53">
        <v>-823033214.14010298</v>
      </c>
      <c r="AD1114" s="53">
        <v>-842103924.67233706</v>
      </c>
      <c r="AE1114" s="53">
        <v>-916196662.39076805</v>
      </c>
      <c r="AF1114" s="53">
        <v>-927539711.50917995</v>
      </c>
      <c r="AG1114" s="53">
        <v>-997702069.16269302</v>
      </c>
      <c r="AH1114" s="53">
        <v>-1008345920.03713</v>
      </c>
      <c r="AI1114" s="53">
        <v>-1005728888.5779099</v>
      </c>
      <c r="AJ1114" s="53">
        <v>-929061083.84827101</v>
      </c>
      <c r="AK1114" s="53">
        <v>-944387406.90432096</v>
      </c>
      <c r="AL1114" s="53">
        <v>-965713332.24943197</v>
      </c>
      <c r="AM1114" s="53">
        <v>-940319310.61327195</v>
      </c>
      <c r="AN1114" s="53">
        <v>-940319310.61327195</v>
      </c>
      <c r="AO1114" s="53">
        <v>-946864826.81585598</v>
      </c>
      <c r="AP1114" s="53">
        <v>-970197220.23642194</v>
      </c>
      <c r="AQ1114" s="53">
        <v>-985926653.22558498</v>
      </c>
      <c r="AR1114" s="53">
        <v>-1061354943.79447</v>
      </c>
      <c r="AS1114" s="53">
        <v>-1072924548.3742501</v>
      </c>
      <c r="AT1114" s="53">
        <v>-1143091620.2104001</v>
      </c>
      <c r="AU1114" s="53">
        <v>-1153422366.8903501</v>
      </c>
      <c r="AV1114" s="53">
        <v>-1150384387.60921</v>
      </c>
      <c r="AW1114" s="53">
        <v>-1221819436.6210799</v>
      </c>
      <c r="AX1114" s="53">
        <v>-1236986574.17398</v>
      </c>
      <c r="AY1114" s="53">
        <v>-1256859430.47276</v>
      </c>
      <c r="AZ1114" s="53">
        <v>-1125578388.70614</v>
      </c>
      <c r="BA1114" s="53">
        <v>-1125578388.70614</v>
      </c>
    </row>
    <row r="1115" spans="1:53">
      <c r="A1115" s="52" t="s">
        <v>3616</v>
      </c>
      <c r="B1115" s="53">
        <v>-237763750.86000001</v>
      </c>
      <c r="C1115" s="53">
        <v>-237763750.86000001</v>
      </c>
      <c r="D1115" s="53">
        <v>-237763750.86000001</v>
      </c>
      <c r="E1115" s="53">
        <v>-237763750.86000001</v>
      </c>
      <c r="F1115" s="53">
        <v>-237763750.86000001</v>
      </c>
      <c r="G1115" s="53">
        <v>-237763750.86000001</v>
      </c>
      <c r="H1115" s="53">
        <v>-237763750.86000001</v>
      </c>
      <c r="I1115" s="53">
        <v>-237763750.86000001</v>
      </c>
      <c r="J1115" s="53">
        <v>-237763750.86000001</v>
      </c>
      <c r="K1115" s="53">
        <v>-237763750.86000001</v>
      </c>
      <c r="L1115" s="53">
        <v>-237763750.86000001</v>
      </c>
      <c r="M1115" s="53">
        <v>-237763750.86000001</v>
      </c>
      <c r="N1115" s="53">
        <v>-237763750.86000001</v>
      </c>
      <c r="O1115" s="53">
        <v>-237763750.86000001</v>
      </c>
      <c r="P1115" s="53">
        <v>-237763750.86000001</v>
      </c>
      <c r="Q1115" s="53">
        <v>-237763750.86000001</v>
      </c>
      <c r="R1115" s="53">
        <v>-237763750.86000001</v>
      </c>
      <c r="S1115" s="53">
        <v>-237763750.86000001</v>
      </c>
      <c r="T1115" s="53">
        <v>-237763750.86000001</v>
      </c>
      <c r="U1115" s="53">
        <v>-237763750.86000001</v>
      </c>
      <c r="V1115" s="53">
        <v>-237763750.86000001</v>
      </c>
      <c r="W1115" s="53">
        <v>-237763750.86000001</v>
      </c>
      <c r="X1115" s="53">
        <v>-237763750.86000001</v>
      </c>
      <c r="Y1115" s="53">
        <v>-237763750.86000001</v>
      </c>
      <c r="Z1115" s="53">
        <v>-237763750.86000001</v>
      </c>
      <c r="AA1115" s="53">
        <v>-237763750.86000001</v>
      </c>
      <c r="AB1115" s="53">
        <v>-237763750.86000001</v>
      </c>
      <c r="AC1115" s="53">
        <v>-237763750.86000001</v>
      </c>
      <c r="AD1115" s="53">
        <v>-237763750.86000001</v>
      </c>
      <c r="AE1115" s="53">
        <v>-237763750.86000001</v>
      </c>
      <c r="AF1115" s="53">
        <v>-237763750.86000001</v>
      </c>
      <c r="AG1115" s="53">
        <v>-237763750.86000001</v>
      </c>
      <c r="AH1115" s="53">
        <v>-237763750.86000001</v>
      </c>
      <c r="AI1115" s="53">
        <v>-237763750.86000001</v>
      </c>
      <c r="AJ1115" s="53">
        <v>-237763750.86000001</v>
      </c>
      <c r="AK1115" s="53">
        <v>-237763750.86000001</v>
      </c>
      <c r="AL1115" s="53">
        <v>-237763750.86000001</v>
      </c>
      <c r="AM1115" s="53">
        <v>-237763750.86000001</v>
      </c>
      <c r="AN1115" s="53">
        <v>-237763750.86000001</v>
      </c>
      <c r="AO1115" s="53">
        <v>-237763750.86000001</v>
      </c>
      <c r="AP1115" s="53">
        <v>-237763750.86000001</v>
      </c>
      <c r="AQ1115" s="53">
        <v>-237763750.86000001</v>
      </c>
      <c r="AR1115" s="53">
        <v>-237763750.86000001</v>
      </c>
      <c r="AS1115" s="53">
        <v>-237763750.86000001</v>
      </c>
      <c r="AT1115" s="53">
        <v>-237763750.86000001</v>
      </c>
      <c r="AU1115" s="53">
        <v>-237763750.86000001</v>
      </c>
      <c r="AV1115" s="53">
        <v>-237763750.86000001</v>
      </c>
      <c r="AW1115" s="53">
        <v>-237763750.86000001</v>
      </c>
      <c r="AX1115" s="53">
        <v>-237763750.86000001</v>
      </c>
      <c r="AY1115" s="53">
        <v>-237763750.86000001</v>
      </c>
      <c r="AZ1115" s="53">
        <v>-237763750.86000001</v>
      </c>
      <c r="BA1115" s="53">
        <v>-237763750.86000001</v>
      </c>
    </row>
    <row r="1116" spans="1:53">
      <c r="A1116" s="52" t="s">
        <v>3617</v>
      </c>
      <c r="B1116" s="53">
        <v>0</v>
      </c>
      <c r="C1116" s="53">
        <v>0</v>
      </c>
      <c r="D1116" s="53">
        <v>0</v>
      </c>
      <c r="E1116" s="53">
        <v>0</v>
      </c>
      <c r="F1116" s="53">
        <v>0</v>
      </c>
      <c r="G1116" s="53">
        <v>0</v>
      </c>
      <c r="H1116" s="53">
        <v>0</v>
      </c>
      <c r="I1116" s="53">
        <v>0</v>
      </c>
      <c r="J1116" s="53">
        <v>0</v>
      </c>
      <c r="K1116" s="53">
        <v>0</v>
      </c>
      <c r="L1116" s="53">
        <v>0</v>
      </c>
      <c r="M1116" s="53">
        <v>0</v>
      </c>
      <c r="N1116" s="53">
        <v>0</v>
      </c>
      <c r="O1116" s="53">
        <v>0</v>
      </c>
      <c r="P1116" s="53">
        <v>0</v>
      </c>
      <c r="Q1116" s="53">
        <v>0</v>
      </c>
      <c r="R1116" s="53">
        <v>0</v>
      </c>
      <c r="S1116" s="53">
        <v>0</v>
      </c>
      <c r="T1116" s="53">
        <v>0</v>
      </c>
      <c r="U1116" s="53">
        <v>0</v>
      </c>
      <c r="V1116" s="53">
        <v>0</v>
      </c>
      <c r="W1116" s="53">
        <v>0</v>
      </c>
      <c r="X1116" s="53">
        <v>0</v>
      </c>
      <c r="Y1116" s="53">
        <v>0</v>
      </c>
      <c r="Z1116" s="53">
        <v>0</v>
      </c>
      <c r="AA1116" s="53">
        <v>0</v>
      </c>
      <c r="AB1116" s="53">
        <v>0</v>
      </c>
      <c r="AC1116" s="53">
        <v>0</v>
      </c>
      <c r="AD1116" s="53">
        <v>0</v>
      </c>
      <c r="AE1116" s="53">
        <v>0</v>
      </c>
      <c r="AF1116" s="53">
        <v>0</v>
      </c>
      <c r="AG1116" s="53">
        <v>0</v>
      </c>
      <c r="AH1116" s="53">
        <v>0</v>
      </c>
      <c r="AI1116" s="53">
        <v>0</v>
      </c>
      <c r="AJ1116" s="53">
        <v>0</v>
      </c>
      <c r="AK1116" s="53">
        <v>0</v>
      </c>
      <c r="AL1116" s="53">
        <v>0</v>
      </c>
      <c r="AM1116" s="53">
        <v>0</v>
      </c>
      <c r="AN1116" s="53">
        <v>0</v>
      </c>
      <c r="AO1116" s="53">
        <v>0</v>
      </c>
      <c r="AP1116" s="53">
        <v>0</v>
      </c>
      <c r="AQ1116" s="53">
        <v>0</v>
      </c>
      <c r="AR1116" s="53">
        <v>0</v>
      </c>
      <c r="AS1116" s="53">
        <v>0</v>
      </c>
      <c r="AT1116" s="53">
        <v>0</v>
      </c>
      <c r="AU1116" s="53">
        <v>0</v>
      </c>
      <c r="AV1116" s="53">
        <v>0</v>
      </c>
      <c r="AW1116" s="53">
        <v>0</v>
      </c>
      <c r="AX1116" s="53">
        <v>0</v>
      </c>
      <c r="AY1116" s="53">
        <v>0</v>
      </c>
      <c r="AZ1116" s="53">
        <v>0</v>
      </c>
      <c r="BA1116" s="53">
        <v>0</v>
      </c>
    </row>
    <row r="1117" spans="1:53">
      <c r="A1117" s="52" t="s">
        <v>3618</v>
      </c>
      <c r="B1117" s="53">
        <v>0</v>
      </c>
      <c r="C1117" s="53">
        <v>0</v>
      </c>
      <c r="D1117" s="53">
        <v>0</v>
      </c>
      <c r="E1117" s="53">
        <v>0</v>
      </c>
      <c r="F1117" s="53">
        <v>0</v>
      </c>
      <c r="G1117" s="53">
        <v>0</v>
      </c>
      <c r="H1117" s="53">
        <v>0</v>
      </c>
      <c r="I1117" s="53">
        <v>0</v>
      </c>
      <c r="J1117" s="53">
        <v>0</v>
      </c>
      <c r="K1117" s="53">
        <v>0</v>
      </c>
      <c r="L1117" s="53">
        <v>0</v>
      </c>
      <c r="M1117" s="53">
        <v>0</v>
      </c>
      <c r="N1117" s="53">
        <v>0</v>
      </c>
      <c r="O1117" s="53">
        <v>0</v>
      </c>
      <c r="P1117" s="53">
        <v>0</v>
      </c>
      <c r="Q1117" s="53">
        <v>0</v>
      </c>
      <c r="R1117" s="53">
        <v>0</v>
      </c>
      <c r="S1117" s="53">
        <v>0</v>
      </c>
      <c r="T1117" s="53">
        <v>0</v>
      </c>
      <c r="U1117" s="53">
        <v>0</v>
      </c>
      <c r="V1117" s="53">
        <v>0</v>
      </c>
      <c r="W1117" s="53">
        <v>0</v>
      </c>
      <c r="X1117" s="53">
        <v>0</v>
      </c>
      <c r="Y1117" s="53">
        <v>0</v>
      </c>
      <c r="Z1117" s="53">
        <v>0</v>
      </c>
      <c r="AA1117" s="53">
        <v>0</v>
      </c>
      <c r="AB1117" s="53">
        <v>0</v>
      </c>
      <c r="AC1117" s="53">
        <v>0</v>
      </c>
      <c r="AD1117" s="53">
        <v>0</v>
      </c>
      <c r="AE1117" s="53">
        <v>0</v>
      </c>
      <c r="AF1117" s="53">
        <v>0</v>
      </c>
      <c r="AG1117" s="53">
        <v>0</v>
      </c>
      <c r="AH1117" s="53">
        <v>0</v>
      </c>
      <c r="AI1117" s="53">
        <v>0</v>
      </c>
      <c r="AJ1117" s="53">
        <v>0</v>
      </c>
      <c r="AK1117" s="53">
        <v>0</v>
      </c>
      <c r="AL1117" s="53">
        <v>0</v>
      </c>
      <c r="AM1117" s="53">
        <v>0</v>
      </c>
      <c r="AN1117" s="53">
        <v>0</v>
      </c>
      <c r="AO1117" s="53">
        <v>0</v>
      </c>
      <c r="AP1117" s="53">
        <v>0</v>
      </c>
      <c r="AQ1117" s="53">
        <v>0</v>
      </c>
      <c r="AR1117" s="53">
        <v>0</v>
      </c>
      <c r="AS1117" s="53">
        <v>0</v>
      </c>
      <c r="AT1117" s="53">
        <v>0</v>
      </c>
      <c r="AU1117" s="53">
        <v>0</v>
      </c>
      <c r="AV1117" s="53">
        <v>0</v>
      </c>
      <c r="AW1117" s="53">
        <v>0</v>
      </c>
      <c r="AX1117" s="53">
        <v>0</v>
      </c>
      <c r="AY1117" s="53">
        <v>0</v>
      </c>
      <c r="AZ1117" s="53">
        <v>0</v>
      </c>
      <c r="BA1117" s="53">
        <v>0</v>
      </c>
    </row>
    <row r="1118" spans="1:53">
      <c r="A1118" s="58" t="s">
        <v>3619</v>
      </c>
      <c r="B1118" s="134">
        <v>-913338826.33127403</v>
      </c>
      <c r="C1118" s="134">
        <v>-915454032.25460804</v>
      </c>
      <c r="D1118" s="134">
        <v>-909713415.41957605</v>
      </c>
      <c r="E1118" s="134">
        <v>-911632806.36224198</v>
      </c>
      <c r="F1118" s="134">
        <v>-907743455.352759</v>
      </c>
      <c r="G1118" s="134">
        <v>-899702358.14975905</v>
      </c>
      <c r="H1118" s="134">
        <v>-892708044.27692604</v>
      </c>
      <c r="I1118" s="134">
        <v>-868029479.78191102</v>
      </c>
      <c r="J1118" s="134">
        <v>-865767278.92317796</v>
      </c>
      <c r="K1118" s="134">
        <v>-866086999.83895898</v>
      </c>
      <c r="L1118" s="134">
        <v>-874186558.984061</v>
      </c>
      <c r="M1118" s="134">
        <v>-857781920.26454306</v>
      </c>
      <c r="N1118" s="134">
        <v>-857781920.26454306</v>
      </c>
      <c r="O1118" s="134">
        <v>-865681762.11583304</v>
      </c>
      <c r="P1118" s="134">
        <v>-889674096.657166</v>
      </c>
      <c r="Q1118" s="134">
        <v>-911230291.06556594</v>
      </c>
      <c r="R1118" s="134">
        <v>-931098376.53087795</v>
      </c>
      <c r="S1118" s="134">
        <v>-944847962.50016904</v>
      </c>
      <c r="T1118" s="134">
        <v>-960844189.81900001</v>
      </c>
      <c r="U1118" s="134">
        <v>-973783508.90552104</v>
      </c>
      <c r="V1118" s="134">
        <v>-973288596.804178</v>
      </c>
      <c r="W1118" s="134">
        <v>-989770955.09532905</v>
      </c>
      <c r="X1118" s="134">
        <v>-1006368223.73478</v>
      </c>
      <c r="Y1118" s="134">
        <v>-1028566398.61659</v>
      </c>
      <c r="Z1118" s="134">
        <v>-1033156184.52397</v>
      </c>
      <c r="AA1118" s="134">
        <v>-1033156184.52397</v>
      </c>
      <c r="AB1118" s="134">
        <v>-1038642574.7325</v>
      </c>
      <c r="AC1118" s="134">
        <v>-1060796965.0001</v>
      </c>
      <c r="AD1118" s="134">
        <v>-1079867675.53233</v>
      </c>
      <c r="AE1118" s="134">
        <v>-1153960413.2507601</v>
      </c>
      <c r="AF1118" s="134">
        <v>-1165303462.36918</v>
      </c>
      <c r="AG1118" s="134">
        <v>-1235465820.0226901</v>
      </c>
      <c r="AH1118" s="134">
        <v>-1246109670.89714</v>
      </c>
      <c r="AI1118" s="134">
        <v>-1243492639.4379101</v>
      </c>
      <c r="AJ1118" s="134">
        <v>-1166824834.7082701</v>
      </c>
      <c r="AK1118" s="134">
        <v>-1182151157.7643199</v>
      </c>
      <c r="AL1118" s="134">
        <v>-1203477083.1094301</v>
      </c>
      <c r="AM1118" s="134">
        <v>-1178083061.4732699</v>
      </c>
      <c r="AN1118" s="134">
        <v>-1178083061.4732699</v>
      </c>
      <c r="AO1118" s="134">
        <v>-1184628577.6758499</v>
      </c>
      <c r="AP1118" s="134">
        <v>-1207960971.09642</v>
      </c>
      <c r="AQ1118" s="134">
        <v>-1223690404.0855801</v>
      </c>
      <c r="AR1118" s="134">
        <v>-1299118694.65447</v>
      </c>
      <c r="AS1118" s="134">
        <v>-1310688299.2342501</v>
      </c>
      <c r="AT1118" s="134">
        <v>-1380855371.0704</v>
      </c>
      <c r="AU1118" s="134">
        <v>-1391186117.75035</v>
      </c>
      <c r="AV1118" s="134">
        <v>-1388148138.4692199</v>
      </c>
      <c r="AW1118" s="134">
        <v>-1459583187.4810801</v>
      </c>
      <c r="AX1118" s="134">
        <v>-1474750325.0339799</v>
      </c>
      <c r="AY1118" s="134">
        <v>-1494623181.3327601</v>
      </c>
      <c r="AZ1118" s="134">
        <v>-1363342139.5661399</v>
      </c>
      <c r="BA1118" s="134">
        <v>-1363342139.5661399</v>
      </c>
    </row>
    <row r="1119" spans="1:53">
      <c r="A1119" s="52" t="s">
        <v>3620</v>
      </c>
    </row>
    <row r="1120" spans="1:53">
      <c r="A1120" s="52" t="s">
        <v>3621</v>
      </c>
      <c r="B1120" s="53">
        <v>0</v>
      </c>
      <c r="C1120" s="53">
        <v>0</v>
      </c>
      <c r="D1120" s="53">
        <v>0</v>
      </c>
      <c r="E1120" s="53">
        <v>0</v>
      </c>
      <c r="F1120" s="53">
        <v>0</v>
      </c>
      <c r="G1120" s="53">
        <v>0</v>
      </c>
      <c r="H1120" s="53">
        <v>0</v>
      </c>
      <c r="I1120" s="53">
        <v>0</v>
      </c>
      <c r="J1120" s="53">
        <v>0</v>
      </c>
      <c r="K1120" s="53">
        <v>0</v>
      </c>
      <c r="L1120" s="53">
        <v>0</v>
      </c>
      <c r="M1120" s="53">
        <v>0</v>
      </c>
      <c r="N1120" s="53">
        <v>0</v>
      </c>
      <c r="O1120" s="53">
        <v>0</v>
      </c>
      <c r="P1120" s="53">
        <v>0</v>
      </c>
      <c r="Q1120" s="53">
        <v>0</v>
      </c>
      <c r="R1120" s="53">
        <v>0</v>
      </c>
      <c r="S1120" s="53">
        <v>0</v>
      </c>
      <c r="T1120" s="53">
        <v>0</v>
      </c>
      <c r="U1120" s="53">
        <v>0</v>
      </c>
      <c r="V1120" s="53">
        <v>0</v>
      </c>
      <c r="W1120" s="53">
        <v>0</v>
      </c>
      <c r="X1120" s="53">
        <v>0</v>
      </c>
      <c r="Y1120" s="53">
        <v>0</v>
      </c>
      <c r="Z1120" s="53">
        <v>0</v>
      </c>
      <c r="AA1120" s="53">
        <v>0</v>
      </c>
      <c r="AB1120" s="53">
        <v>0</v>
      </c>
      <c r="AC1120" s="53">
        <v>0</v>
      </c>
      <c r="AD1120" s="53">
        <v>0</v>
      </c>
      <c r="AE1120" s="53">
        <v>0</v>
      </c>
      <c r="AF1120" s="53">
        <v>0</v>
      </c>
      <c r="AG1120" s="53">
        <v>0</v>
      </c>
      <c r="AH1120" s="53">
        <v>0</v>
      </c>
      <c r="AI1120" s="53">
        <v>0</v>
      </c>
      <c r="AJ1120" s="53">
        <v>0</v>
      </c>
      <c r="AK1120" s="53">
        <v>0</v>
      </c>
      <c r="AL1120" s="53">
        <v>0</v>
      </c>
      <c r="AM1120" s="53">
        <v>0</v>
      </c>
      <c r="AN1120" s="53">
        <v>0</v>
      </c>
      <c r="AO1120" s="53">
        <v>0</v>
      </c>
      <c r="AP1120" s="53">
        <v>0</v>
      </c>
      <c r="AQ1120" s="53">
        <v>0</v>
      </c>
      <c r="AR1120" s="53">
        <v>0</v>
      </c>
      <c r="AS1120" s="53">
        <v>0</v>
      </c>
      <c r="AT1120" s="53">
        <v>0</v>
      </c>
      <c r="AU1120" s="53">
        <v>0</v>
      </c>
      <c r="AV1120" s="53">
        <v>0</v>
      </c>
      <c r="AW1120" s="53">
        <v>0</v>
      </c>
      <c r="AX1120" s="53">
        <v>0</v>
      </c>
      <c r="AY1120" s="53">
        <v>0</v>
      </c>
      <c r="AZ1120" s="53">
        <v>0</v>
      </c>
      <c r="BA1120" s="53">
        <v>0</v>
      </c>
    </row>
    <row r="1121" spans="1:53">
      <c r="A1121" s="52" t="s">
        <v>3622</v>
      </c>
    </row>
    <row r="1122" spans="1:53">
      <c r="A1122" s="59" t="s">
        <v>3623</v>
      </c>
      <c r="B1122" s="135">
        <v>-27056686514.215801</v>
      </c>
      <c r="C1122" s="135">
        <v>-27081923521.691002</v>
      </c>
      <c r="D1122" s="135">
        <v>-27176974307.826401</v>
      </c>
      <c r="E1122" s="135">
        <v>-27263064396.158501</v>
      </c>
      <c r="F1122" s="135">
        <v>-27409990799.369999</v>
      </c>
      <c r="G1122" s="135">
        <v>-27519789780.384899</v>
      </c>
      <c r="H1122" s="135">
        <v>-27582028779.8265</v>
      </c>
      <c r="I1122" s="135">
        <v>-27811538282.3969</v>
      </c>
      <c r="J1122" s="135">
        <v>-27857030753.754902</v>
      </c>
      <c r="K1122" s="135">
        <v>-27955356310.653198</v>
      </c>
      <c r="L1122" s="135">
        <v>-27817448119.275799</v>
      </c>
      <c r="M1122" s="135">
        <v>-27729556000.647301</v>
      </c>
      <c r="N1122" s="135">
        <v>-27729556000.647301</v>
      </c>
      <c r="O1122" s="135">
        <v>-27902746165.284901</v>
      </c>
      <c r="P1122" s="135">
        <v>-27973074066.4067</v>
      </c>
      <c r="Q1122" s="135">
        <v>-28124965629.532902</v>
      </c>
      <c r="R1122" s="135">
        <v>-28278359548.320099</v>
      </c>
      <c r="S1122" s="135">
        <v>-28494470510.790001</v>
      </c>
      <c r="T1122" s="135">
        <v>-28914396006.262901</v>
      </c>
      <c r="U1122" s="135">
        <v>-29058785221.931499</v>
      </c>
      <c r="V1122" s="135">
        <v>-29302019043.7342</v>
      </c>
      <c r="W1122" s="135">
        <v>-29408392864.940102</v>
      </c>
      <c r="X1122" s="135">
        <v>-29504087214.972198</v>
      </c>
      <c r="Y1122" s="135">
        <v>-29340409530.098598</v>
      </c>
      <c r="Z1122" s="135">
        <v>-29447930957.064602</v>
      </c>
      <c r="AA1122" s="135">
        <v>-29447930957.064602</v>
      </c>
      <c r="AB1122" s="135">
        <v>-29682808841.8913</v>
      </c>
      <c r="AC1122" s="135">
        <v>-29730767403.734901</v>
      </c>
      <c r="AD1122" s="135">
        <v>-29860506339.209</v>
      </c>
      <c r="AE1122" s="135">
        <v>-29989966237.850899</v>
      </c>
      <c r="AF1122" s="135">
        <v>-30181760893.7458</v>
      </c>
      <c r="AG1122" s="135">
        <v>-30576473633.862499</v>
      </c>
      <c r="AH1122" s="135">
        <v>-30723174112.750702</v>
      </c>
      <c r="AI1122" s="135">
        <v>-30970772362.374699</v>
      </c>
      <c r="AJ1122" s="135">
        <v>-30990846223.003899</v>
      </c>
      <c r="AK1122" s="135">
        <v>-31086652733.180698</v>
      </c>
      <c r="AL1122" s="135">
        <v>-30896617034.689999</v>
      </c>
      <c r="AM1122" s="135">
        <v>-31029719838.9883</v>
      </c>
      <c r="AN1122" s="135">
        <v>-31029719838.9883</v>
      </c>
      <c r="AO1122" s="135">
        <v>-31258583710.173801</v>
      </c>
      <c r="AP1122" s="135">
        <v>-31304586710.2505</v>
      </c>
      <c r="AQ1122" s="135">
        <v>-31436669161.715801</v>
      </c>
      <c r="AR1122" s="135">
        <v>-31564198101.568802</v>
      </c>
      <c r="AS1122" s="135">
        <v>-31753803223.155201</v>
      </c>
      <c r="AT1122" s="135">
        <v>-31994875998.376598</v>
      </c>
      <c r="AU1122" s="135">
        <v>-32153287150.440701</v>
      </c>
      <c r="AV1122" s="135">
        <v>-32403996078.429501</v>
      </c>
      <c r="AW1122" s="135">
        <v>-32578464465.9883</v>
      </c>
      <c r="AX1122" s="135">
        <v>-32674956628.751301</v>
      </c>
      <c r="AY1122" s="135">
        <v>-32468108254.391899</v>
      </c>
      <c r="AZ1122" s="135">
        <v>-32546302005.6194</v>
      </c>
      <c r="BA1122" s="135">
        <v>-32546302005.6194</v>
      </c>
    </row>
    <row r="1123" spans="1:53">
      <c r="A1123" s="52" t="s">
        <v>3624</v>
      </c>
    </row>
    <row r="1124" spans="1:53">
      <c r="A1124" s="58" t="s">
        <v>3625</v>
      </c>
      <c r="B1124" s="53">
        <v>-0.78996643424034096</v>
      </c>
      <c r="C1124" s="53">
        <v>-0.78996270895004195</v>
      </c>
      <c r="D1124" s="53">
        <v>-0.78995898365974404</v>
      </c>
      <c r="E1124" s="53">
        <v>-0.789973884820938</v>
      </c>
      <c r="F1124" s="53">
        <v>-0.789973884820938</v>
      </c>
      <c r="G1124" s="53">
        <v>-0.789973884820938</v>
      </c>
      <c r="H1124" s="53">
        <v>-0.789973884820938</v>
      </c>
      <c r="I1124" s="53">
        <v>-0.78998878598213196</v>
      </c>
      <c r="J1124" s="53">
        <v>-0.78996643424034096</v>
      </c>
      <c r="K1124" s="53">
        <v>-0.78997761011123602</v>
      </c>
      <c r="L1124" s="53">
        <v>-0.789973884820938</v>
      </c>
      <c r="M1124" s="53">
        <v>-0.78996643424034096</v>
      </c>
      <c r="N1124" s="53">
        <v>-0.78996643424034096</v>
      </c>
      <c r="O1124" s="53">
        <v>-0.78997761011123602</v>
      </c>
      <c r="P1124" s="53">
        <v>-0.78995898365974404</v>
      </c>
      <c r="Q1124" s="53">
        <v>-0.78997761011123602</v>
      </c>
      <c r="R1124" s="53">
        <v>-0.78996643424034096</v>
      </c>
      <c r="S1124" s="53">
        <v>-0.789973884820938</v>
      </c>
      <c r="T1124" s="53">
        <v>-0.789973884820938</v>
      </c>
      <c r="U1124" s="53">
        <v>-0.78997015953063898</v>
      </c>
      <c r="V1124" s="53">
        <v>-0.78996643424034096</v>
      </c>
      <c r="W1124" s="53">
        <v>-0.789973884820938</v>
      </c>
      <c r="X1124" s="53">
        <v>-0.789973884820938</v>
      </c>
      <c r="Y1124" s="53">
        <v>-0.78996270895004195</v>
      </c>
      <c r="Z1124" s="53">
        <v>-0.78995898365974404</v>
      </c>
      <c r="AA1124" s="53">
        <v>-0.78995898365974404</v>
      </c>
      <c r="AB1124" s="53">
        <v>-0.78998506069183305</v>
      </c>
      <c r="AC1124" s="53">
        <v>-0.78997015953063898</v>
      </c>
      <c r="AD1124" s="53">
        <v>-0.78999251127242998</v>
      </c>
      <c r="AE1124" s="53">
        <v>-0.78997015953063898</v>
      </c>
      <c r="AF1124" s="53">
        <v>-0.78997761011123602</v>
      </c>
      <c r="AG1124" s="53">
        <v>-0.78996270895004195</v>
      </c>
      <c r="AH1124" s="53">
        <v>-0.78997015953063898</v>
      </c>
      <c r="AI1124" s="53">
        <v>-0.78998133540153503</v>
      </c>
      <c r="AJ1124" s="53">
        <v>-0.78996643424034096</v>
      </c>
      <c r="AK1124" s="53">
        <v>-0.78998133540153503</v>
      </c>
      <c r="AL1124" s="53">
        <v>-0.78997015953063898</v>
      </c>
      <c r="AM1124" s="53">
        <v>-0.78995153307914701</v>
      </c>
      <c r="AN1124" s="53">
        <v>-0.78995153307914701</v>
      </c>
      <c r="AO1124" s="53">
        <v>-0.789973884820938</v>
      </c>
      <c r="AP1124" s="53">
        <v>-0.78997761011123602</v>
      </c>
      <c r="AQ1124" s="53">
        <v>-0.78997015953063898</v>
      </c>
      <c r="AR1124" s="53">
        <v>-0.789973884820938</v>
      </c>
      <c r="AS1124" s="53">
        <v>-0.78997015953063898</v>
      </c>
      <c r="AT1124" s="53">
        <v>-0.78997015953063898</v>
      </c>
      <c r="AU1124" s="53">
        <v>-0.78995525836944502</v>
      </c>
      <c r="AV1124" s="53">
        <v>-0.78997015953063898</v>
      </c>
      <c r="AW1124" s="53">
        <v>-0.789973884820938</v>
      </c>
      <c r="AX1124" s="53">
        <v>-0.78995153307914701</v>
      </c>
      <c r="AY1124" s="53">
        <v>-0.78995153307914701</v>
      </c>
      <c r="AZ1124" s="53">
        <v>-0.78994780778884799</v>
      </c>
      <c r="BA1124" s="53">
        <v>-0.78994780778884799</v>
      </c>
    </row>
    <row r="1125" spans="1:53">
      <c r="A1125" s="52" t="s">
        <v>3626</v>
      </c>
    </row>
    <row r="1126" spans="1:53">
      <c r="A1126" s="52" t="s">
        <v>3627</v>
      </c>
    </row>
    <row r="1127" spans="1:53">
      <c r="A1127" s="52" t="s">
        <v>3628</v>
      </c>
    </row>
    <row r="1128" spans="1:53">
      <c r="A1128" s="52" t="s">
        <v>644</v>
      </c>
    </row>
    <row r="1129" spans="1:53">
      <c r="A1129" s="52" t="s">
        <v>3629</v>
      </c>
    </row>
    <row r="1130" spans="1:53">
      <c r="A1130" s="57" t="s">
        <v>3630</v>
      </c>
    </row>
    <row r="1131" spans="1:53">
      <c r="A1131" s="52" t="s">
        <v>3631</v>
      </c>
    </row>
    <row r="1132" spans="1:53">
      <c r="A1132" s="52" t="s">
        <v>3632</v>
      </c>
      <c r="B1132" s="53">
        <v>0</v>
      </c>
      <c r="C1132" s="53">
        <v>0</v>
      </c>
      <c r="D1132" s="53">
        <v>0</v>
      </c>
      <c r="E1132" s="53">
        <v>0</v>
      </c>
      <c r="F1132" s="53">
        <v>0</v>
      </c>
      <c r="G1132" s="53">
        <v>0</v>
      </c>
      <c r="H1132" s="53">
        <v>0</v>
      </c>
      <c r="I1132" s="53">
        <v>0</v>
      </c>
      <c r="J1132" s="53">
        <v>0</v>
      </c>
      <c r="K1132" s="53">
        <v>0</v>
      </c>
      <c r="L1132" s="53">
        <v>0</v>
      </c>
      <c r="M1132" s="53">
        <v>0</v>
      </c>
      <c r="N1132" s="53">
        <v>0</v>
      </c>
      <c r="O1132" s="53">
        <v>0</v>
      </c>
      <c r="P1132" s="53">
        <v>0</v>
      </c>
      <c r="Q1132" s="53">
        <v>0</v>
      </c>
      <c r="R1132" s="53">
        <v>0</v>
      </c>
      <c r="S1132" s="53">
        <v>0</v>
      </c>
      <c r="T1132" s="53">
        <v>0</v>
      </c>
      <c r="U1132" s="53">
        <v>0</v>
      </c>
      <c r="V1132" s="53">
        <v>0</v>
      </c>
      <c r="W1132" s="53">
        <v>0</v>
      </c>
      <c r="X1132" s="53">
        <v>0</v>
      </c>
      <c r="Y1132" s="53">
        <v>0</v>
      </c>
      <c r="Z1132" s="53">
        <v>0</v>
      </c>
      <c r="AA1132" s="53">
        <v>0</v>
      </c>
      <c r="AB1132" s="53">
        <v>0</v>
      </c>
      <c r="AC1132" s="53">
        <v>0</v>
      </c>
      <c r="AD1132" s="53">
        <v>0</v>
      </c>
      <c r="AE1132" s="53">
        <v>0</v>
      </c>
      <c r="AF1132" s="53">
        <v>0</v>
      </c>
      <c r="AG1132" s="53">
        <v>0</v>
      </c>
      <c r="AH1132" s="53">
        <v>0</v>
      </c>
      <c r="AI1132" s="53">
        <v>0</v>
      </c>
      <c r="AJ1132" s="53">
        <v>0</v>
      </c>
      <c r="AK1132" s="53">
        <v>0</v>
      </c>
      <c r="AL1132" s="53">
        <v>0</v>
      </c>
      <c r="AM1132" s="53">
        <v>0</v>
      </c>
      <c r="AN1132" s="53">
        <v>0</v>
      </c>
      <c r="AO1132" s="53">
        <v>0</v>
      </c>
      <c r="AP1132" s="53">
        <v>0</v>
      </c>
      <c r="AQ1132" s="53">
        <v>0</v>
      </c>
      <c r="AR1132" s="53">
        <v>0</v>
      </c>
      <c r="AS1132" s="53">
        <v>0</v>
      </c>
      <c r="AT1132" s="53">
        <v>0</v>
      </c>
      <c r="AU1132" s="53">
        <v>0</v>
      </c>
      <c r="AV1132" s="53">
        <v>0</v>
      </c>
      <c r="AW1132" s="53">
        <v>0</v>
      </c>
      <c r="AX1132" s="53">
        <v>0</v>
      </c>
      <c r="AY1132" s="53">
        <v>0</v>
      </c>
      <c r="AZ1132" s="53">
        <v>0</v>
      </c>
      <c r="BA1132" s="53">
        <v>0</v>
      </c>
    </row>
    <row r="1133" spans="1:53">
      <c r="A1133" s="52" t="s">
        <v>3633</v>
      </c>
      <c r="B1133" s="53">
        <v>0</v>
      </c>
      <c r="C1133" s="53">
        <v>0</v>
      </c>
      <c r="D1133" s="53">
        <v>0</v>
      </c>
      <c r="E1133" s="53">
        <v>0</v>
      </c>
      <c r="F1133" s="53">
        <v>0</v>
      </c>
      <c r="G1133" s="53">
        <v>0</v>
      </c>
      <c r="H1133" s="53">
        <v>0</v>
      </c>
      <c r="I1133" s="53">
        <v>0</v>
      </c>
      <c r="J1133" s="53">
        <v>0</v>
      </c>
      <c r="K1133" s="53">
        <v>0</v>
      </c>
      <c r="L1133" s="53">
        <v>0</v>
      </c>
      <c r="M1133" s="53">
        <v>0</v>
      </c>
      <c r="N1133" s="53">
        <v>0</v>
      </c>
      <c r="O1133" s="53">
        <v>0</v>
      </c>
      <c r="P1133" s="53">
        <v>0</v>
      </c>
      <c r="Q1133" s="53">
        <v>0</v>
      </c>
      <c r="R1133" s="53">
        <v>0</v>
      </c>
      <c r="S1133" s="53">
        <v>0</v>
      </c>
      <c r="T1133" s="53">
        <v>0</v>
      </c>
      <c r="U1133" s="53">
        <v>0</v>
      </c>
      <c r="V1133" s="53">
        <v>0</v>
      </c>
      <c r="W1133" s="53">
        <v>0</v>
      </c>
      <c r="X1133" s="53">
        <v>0</v>
      </c>
      <c r="Y1133" s="53">
        <v>0</v>
      </c>
      <c r="Z1133" s="53">
        <v>0</v>
      </c>
      <c r="AA1133" s="53">
        <v>0</v>
      </c>
      <c r="AB1133" s="53">
        <v>0</v>
      </c>
      <c r="AC1133" s="53">
        <v>0</v>
      </c>
      <c r="AD1133" s="53">
        <v>0</v>
      </c>
      <c r="AE1133" s="53">
        <v>0</v>
      </c>
      <c r="AF1133" s="53">
        <v>0</v>
      </c>
      <c r="AG1133" s="53">
        <v>0</v>
      </c>
      <c r="AH1133" s="53">
        <v>0</v>
      </c>
      <c r="AI1133" s="53">
        <v>0</v>
      </c>
      <c r="AJ1133" s="53">
        <v>0</v>
      </c>
      <c r="AK1133" s="53">
        <v>0</v>
      </c>
      <c r="AL1133" s="53">
        <v>0</v>
      </c>
      <c r="AM1133" s="53">
        <v>0</v>
      </c>
      <c r="AN1133" s="53">
        <v>0</v>
      </c>
      <c r="AO1133" s="53">
        <v>0</v>
      </c>
      <c r="AP1133" s="53">
        <v>0</v>
      </c>
      <c r="AQ1133" s="53">
        <v>0</v>
      </c>
      <c r="AR1133" s="53">
        <v>0</v>
      </c>
      <c r="AS1133" s="53">
        <v>0</v>
      </c>
      <c r="AT1133" s="53">
        <v>0</v>
      </c>
      <c r="AU1133" s="53">
        <v>0</v>
      </c>
      <c r="AV1133" s="53">
        <v>0</v>
      </c>
      <c r="AW1133" s="53">
        <v>0</v>
      </c>
      <c r="AX1133" s="53">
        <v>0</v>
      </c>
      <c r="AY1133" s="53">
        <v>0</v>
      </c>
      <c r="AZ1133" s="53">
        <v>0</v>
      </c>
      <c r="BA1133" s="53">
        <v>0</v>
      </c>
    </row>
    <row r="1134" spans="1:53">
      <c r="A1134" s="52" t="s">
        <v>3634</v>
      </c>
    </row>
    <row r="1135" spans="1:53">
      <c r="A1135" s="52" t="s">
        <v>3635</v>
      </c>
    </row>
    <row r="1136" spans="1:53">
      <c r="A1136" s="52" t="s">
        <v>3636</v>
      </c>
      <c r="B1136" s="53">
        <v>0</v>
      </c>
      <c r="C1136" s="53">
        <v>0</v>
      </c>
      <c r="D1136" s="53">
        <v>0</v>
      </c>
      <c r="E1136" s="53">
        <v>0</v>
      </c>
      <c r="F1136" s="53">
        <v>0</v>
      </c>
      <c r="G1136" s="53">
        <v>0</v>
      </c>
      <c r="H1136" s="53">
        <v>0</v>
      </c>
      <c r="I1136" s="53">
        <v>0</v>
      </c>
      <c r="J1136" s="53">
        <v>0</v>
      </c>
      <c r="K1136" s="53">
        <v>0</v>
      </c>
      <c r="L1136" s="53">
        <v>0</v>
      </c>
      <c r="M1136" s="53">
        <v>0</v>
      </c>
      <c r="N1136" s="53">
        <v>0</v>
      </c>
      <c r="O1136" s="53">
        <v>0</v>
      </c>
      <c r="P1136" s="53">
        <v>0</v>
      </c>
      <c r="Q1136" s="53">
        <v>0</v>
      </c>
      <c r="R1136" s="53">
        <v>0</v>
      </c>
      <c r="S1136" s="53">
        <v>0</v>
      </c>
      <c r="T1136" s="53">
        <v>0</v>
      </c>
      <c r="U1136" s="53">
        <v>0</v>
      </c>
      <c r="V1136" s="53">
        <v>0</v>
      </c>
      <c r="W1136" s="53">
        <v>0</v>
      </c>
      <c r="X1136" s="53">
        <v>0</v>
      </c>
      <c r="Y1136" s="53">
        <v>0</v>
      </c>
      <c r="Z1136" s="53">
        <v>0</v>
      </c>
      <c r="AA1136" s="53">
        <v>0</v>
      </c>
      <c r="AB1136" s="53">
        <v>0</v>
      </c>
      <c r="AC1136" s="53">
        <v>0</v>
      </c>
      <c r="AD1136" s="53">
        <v>0</v>
      </c>
      <c r="AE1136" s="53">
        <v>0</v>
      </c>
      <c r="AF1136" s="53">
        <v>0</v>
      </c>
      <c r="AG1136" s="53">
        <v>0</v>
      </c>
      <c r="AH1136" s="53">
        <v>0</v>
      </c>
      <c r="AI1136" s="53">
        <v>0</v>
      </c>
      <c r="AJ1136" s="53">
        <v>0</v>
      </c>
      <c r="AK1136" s="53">
        <v>0</v>
      </c>
      <c r="AL1136" s="53">
        <v>0</v>
      </c>
      <c r="AM1136" s="53">
        <v>0</v>
      </c>
      <c r="AN1136" s="53">
        <v>0</v>
      </c>
      <c r="AO1136" s="53">
        <v>0</v>
      </c>
      <c r="AP1136" s="53">
        <v>0</v>
      </c>
      <c r="AQ1136" s="53">
        <v>0</v>
      </c>
      <c r="AR1136" s="53">
        <v>0</v>
      </c>
      <c r="AS1136" s="53">
        <v>0</v>
      </c>
      <c r="AT1136" s="53">
        <v>0</v>
      </c>
      <c r="AU1136" s="53">
        <v>0</v>
      </c>
      <c r="AV1136" s="53">
        <v>0</v>
      </c>
      <c r="AW1136" s="53">
        <v>0</v>
      </c>
      <c r="AX1136" s="53">
        <v>0</v>
      </c>
      <c r="AY1136" s="53">
        <v>0</v>
      </c>
      <c r="AZ1136" s="53">
        <v>0</v>
      </c>
      <c r="BA1136" s="53">
        <v>0</v>
      </c>
    </row>
    <row r="1137" spans="1:53">
      <c r="A1137" s="52" t="s">
        <v>3637</v>
      </c>
      <c r="B1137" s="53">
        <v>0</v>
      </c>
      <c r="C1137" s="53">
        <v>0</v>
      </c>
      <c r="D1137" s="53">
        <v>0</v>
      </c>
      <c r="E1137" s="53">
        <v>0</v>
      </c>
      <c r="F1137" s="53">
        <v>0</v>
      </c>
      <c r="G1137" s="53">
        <v>0</v>
      </c>
      <c r="H1137" s="53">
        <v>0</v>
      </c>
      <c r="I1137" s="53">
        <v>0</v>
      </c>
      <c r="J1137" s="53">
        <v>0</v>
      </c>
      <c r="K1137" s="53">
        <v>0</v>
      </c>
      <c r="L1137" s="53">
        <v>0</v>
      </c>
      <c r="M1137" s="53">
        <v>0</v>
      </c>
      <c r="N1137" s="53">
        <v>0</v>
      </c>
      <c r="O1137" s="53">
        <v>0</v>
      </c>
      <c r="P1137" s="53">
        <v>0</v>
      </c>
      <c r="Q1137" s="53">
        <v>0</v>
      </c>
      <c r="R1137" s="53">
        <v>0</v>
      </c>
      <c r="S1137" s="53">
        <v>0</v>
      </c>
      <c r="T1137" s="53">
        <v>0</v>
      </c>
      <c r="U1137" s="53">
        <v>0</v>
      </c>
      <c r="V1137" s="53">
        <v>0</v>
      </c>
      <c r="W1137" s="53">
        <v>0</v>
      </c>
      <c r="X1137" s="53">
        <v>0</v>
      </c>
      <c r="Y1137" s="53">
        <v>0</v>
      </c>
      <c r="Z1137" s="53">
        <v>0</v>
      </c>
      <c r="AA1137" s="53">
        <v>0</v>
      </c>
      <c r="AB1137" s="53">
        <v>0</v>
      </c>
      <c r="AC1137" s="53">
        <v>0</v>
      </c>
      <c r="AD1137" s="53">
        <v>0</v>
      </c>
      <c r="AE1137" s="53">
        <v>0</v>
      </c>
      <c r="AF1137" s="53">
        <v>0</v>
      </c>
      <c r="AG1137" s="53">
        <v>0</v>
      </c>
      <c r="AH1137" s="53">
        <v>0</v>
      </c>
      <c r="AI1137" s="53">
        <v>0</v>
      </c>
      <c r="AJ1137" s="53">
        <v>0</v>
      </c>
      <c r="AK1137" s="53">
        <v>0</v>
      </c>
      <c r="AL1137" s="53">
        <v>0</v>
      </c>
      <c r="AM1137" s="53">
        <v>0</v>
      </c>
      <c r="AN1137" s="53">
        <v>0</v>
      </c>
      <c r="AO1137" s="53">
        <v>0</v>
      </c>
      <c r="AP1137" s="53">
        <v>0</v>
      </c>
      <c r="AQ1137" s="53">
        <v>0</v>
      </c>
      <c r="AR1137" s="53">
        <v>0</v>
      </c>
      <c r="AS1137" s="53">
        <v>0</v>
      </c>
      <c r="AT1137" s="53">
        <v>0</v>
      </c>
      <c r="AU1137" s="53">
        <v>0</v>
      </c>
      <c r="AV1137" s="53">
        <v>0</v>
      </c>
      <c r="AW1137" s="53">
        <v>0</v>
      </c>
      <c r="AX1137" s="53">
        <v>0</v>
      </c>
      <c r="AY1137" s="53">
        <v>0</v>
      </c>
      <c r="AZ1137" s="53">
        <v>0</v>
      </c>
      <c r="BA1137" s="53">
        <v>0</v>
      </c>
    </row>
    <row r="1138" spans="1:53">
      <c r="A1138" s="52" t="s">
        <v>3638</v>
      </c>
      <c r="B1138" s="53">
        <v>0</v>
      </c>
      <c r="C1138" s="53">
        <v>0</v>
      </c>
      <c r="D1138" s="53">
        <v>0</v>
      </c>
      <c r="E1138" s="53">
        <v>0</v>
      </c>
      <c r="F1138" s="53">
        <v>0</v>
      </c>
      <c r="G1138" s="53">
        <v>0</v>
      </c>
      <c r="H1138" s="53">
        <v>0</v>
      </c>
      <c r="I1138" s="53">
        <v>0</v>
      </c>
      <c r="J1138" s="53">
        <v>0</v>
      </c>
      <c r="K1138" s="53">
        <v>0</v>
      </c>
      <c r="L1138" s="53">
        <v>0</v>
      </c>
      <c r="M1138" s="53">
        <v>0</v>
      </c>
      <c r="N1138" s="53">
        <v>0</v>
      </c>
      <c r="O1138" s="53">
        <v>0</v>
      </c>
      <c r="P1138" s="53">
        <v>0</v>
      </c>
      <c r="Q1138" s="53">
        <v>0</v>
      </c>
      <c r="R1138" s="53">
        <v>0</v>
      </c>
      <c r="S1138" s="53">
        <v>0</v>
      </c>
      <c r="T1138" s="53">
        <v>0</v>
      </c>
      <c r="U1138" s="53">
        <v>0</v>
      </c>
      <c r="V1138" s="53">
        <v>0</v>
      </c>
      <c r="W1138" s="53">
        <v>0</v>
      </c>
      <c r="X1138" s="53">
        <v>0</v>
      </c>
      <c r="Y1138" s="53">
        <v>0</v>
      </c>
      <c r="Z1138" s="53">
        <v>0</v>
      </c>
      <c r="AA1138" s="53">
        <v>0</v>
      </c>
      <c r="AB1138" s="53">
        <v>0</v>
      </c>
      <c r="AC1138" s="53">
        <v>0</v>
      </c>
      <c r="AD1138" s="53">
        <v>0</v>
      </c>
      <c r="AE1138" s="53">
        <v>0</v>
      </c>
      <c r="AF1138" s="53">
        <v>0</v>
      </c>
      <c r="AG1138" s="53">
        <v>0</v>
      </c>
      <c r="AH1138" s="53">
        <v>0</v>
      </c>
      <c r="AI1138" s="53">
        <v>0</v>
      </c>
      <c r="AJ1138" s="53">
        <v>0</v>
      </c>
      <c r="AK1138" s="53">
        <v>0</v>
      </c>
      <c r="AL1138" s="53">
        <v>0</v>
      </c>
      <c r="AM1138" s="53">
        <v>0</v>
      </c>
      <c r="AN1138" s="53">
        <v>0</v>
      </c>
      <c r="AO1138" s="53">
        <v>0</v>
      </c>
      <c r="AP1138" s="53">
        <v>0</v>
      </c>
      <c r="AQ1138" s="53">
        <v>0</v>
      </c>
      <c r="AR1138" s="53">
        <v>0</v>
      </c>
      <c r="AS1138" s="53">
        <v>0</v>
      </c>
      <c r="AT1138" s="53">
        <v>0</v>
      </c>
      <c r="AU1138" s="53">
        <v>0</v>
      </c>
      <c r="AV1138" s="53">
        <v>0</v>
      </c>
      <c r="AW1138" s="53">
        <v>0</v>
      </c>
      <c r="AX1138" s="53">
        <v>0</v>
      </c>
      <c r="AY1138" s="53">
        <v>0</v>
      </c>
      <c r="AZ1138" s="53">
        <v>0</v>
      </c>
      <c r="BA1138" s="53">
        <v>0</v>
      </c>
    </row>
    <row r="1139" spans="1:53">
      <c r="A1139" s="58" t="s">
        <v>3639</v>
      </c>
      <c r="B1139" s="53">
        <v>0</v>
      </c>
      <c r="C1139" s="53">
        <v>0</v>
      </c>
      <c r="D1139" s="53">
        <v>0</v>
      </c>
      <c r="E1139" s="53">
        <v>0</v>
      </c>
      <c r="F1139" s="53">
        <v>0</v>
      </c>
      <c r="G1139" s="53">
        <v>0</v>
      </c>
      <c r="H1139" s="53">
        <v>0</v>
      </c>
      <c r="I1139" s="53">
        <v>0</v>
      </c>
      <c r="J1139" s="53">
        <v>0</v>
      </c>
      <c r="K1139" s="53">
        <v>0</v>
      </c>
      <c r="L1139" s="53">
        <v>0</v>
      </c>
      <c r="M1139" s="53">
        <v>0</v>
      </c>
      <c r="N1139" s="53">
        <v>0</v>
      </c>
      <c r="O1139" s="53">
        <v>0</v>
      </c>
      <c r="P1139" s="53">
        <v>0</v>
      </c>
      <c r="Q1139" s="53">
        <v>0</v>
      </c>
      <c r="R1139" s="53">
        <v>0</v>
      </c>
      <c r="S1139" s="53">
        <v>0</v>
      </c>
      <c r="T1139" s="53">
        <v>0</v>
      </c>
      <c r="U1139" s="53">
        <v>0</v>
      </c>
      <c r="V1139" s="53">
        <v>0</v>
      </c>
      <c r="W1139" s="53">
        <v>0</v>
      </c>
      <c r="X1139" s="53">
        <v>0</v>
      </c>
      <c r="Y1139" s="53">
        <v>0</v>
      </c>
      <c r="Z1139" s="53">
        <v>0</v>
      </c>
      <c r="AA1139" s="53">
        <v>0</v>
      </c>
      <c r="AB1139" s="53">
        <v>0</v>
      </c>
      <c r="AC1139" s="53">
        <v>0</v>
      </c>
      <c r="AD1139" s="53">
        <v>0</v>
      </c>
      <c r="AE1139" s="53">
        <v>0</v>
      </c>
      <c r="AF1139" s="53">
        <v>0</v>
      </c>
      <c r="AG1139" s="53">
        <v>0</v>
      </c>
      <c r="AH1139" s="53">
        <v>0</v>
      </c>
      <c r="AI1139" s="53">
        <v>0</v>
      </c>
      <c r="AJ1139" s="53">
        <v>0</v>
      </c>
      <c r="AK1139" s="53">
        <v>0</v>
      </c>
      <c r="AL1139" s="53">
        <v>0</v>
      </c>
      <c r="AM1139" s="53">
        <v>0</v>
      </c>
      <c r="AN1139" s="53">
        <v>0</v>
      </c>
      <c r="AO1139" s="53">
        <v>0</v>
      </c>
      <c r="AP1139" s="53">
        <v>0</v>
      </c>
      <c r="AQ1139" s="53">
        <v>0</v>
      </c>
      <c r="AR1139" s="53">
        <v>0</v>
      </c>
      <c r="AS1139" s="53">
        <v>0</v>
      </c>
      <c r="AT1139" s="53">
        <v>0</v>
      </c>
      <c r="AU1139" s="53">
        <v>0</v>
      </c>
      <c r="AV1139" s="53">
        <v>0</v>
      </c>
      <c r="AW1139" s="53">
        <v>0</v>
      </c>
      <c r="AX1139" s="53">
        <v>0</v>
      </c>
      <c r="AY1139" s="53">
        <v>0</v>
      </c>
      <c r="AZ1139" s="53">
        <v>0</v>
      </c>
      <c r="BA1139" s="53">
        <v>0</v>
      </c>
    </row>
    <row r="1140" spans="1:53">
      <c r="A1140" s="52" t="s">
        <v>3640</v>
      </c>
    </row>
    <row r="1141" spans="1:53">
      <c r="A1141" s="52" t="s">
        <v>3641</v>
      </c>
      <c r="B1141" s="53">
        <v>0</v>
      </c>
      <c r="C1141" s="53">
        <v>0</v>
      </c>
      <c r="D1141" s="53">
        <v>0</v>
      </c>
      <c r="E1141" s="53">
        <v>0</v>
      </c>
      <c r="F1141" s="53">
        <v>0</v>
      </c>
      <c r="G1141" s="53">
        <v>0</v>
      </c>
      <c r="H1141" s="53">
        <v>0</v>
      </c>
      <c r="I1141" s="53">
        <v>0</v>
      </c>
      <c r="J1141" s="53">
        <v>0</v>
      </c>
      <c r="K1141" s="53">
        <v>0</v>
      </c>
      <c r="L1141" s="53">
        <v>0</v>
      </c>
      <c r="M1141" s="53">
        <v>0</v>
      </c>
      <c r="N1141" s="53">
        <v>0</v>
      </c>
      <c r="O1141" s="53">
        <v>0</v>
      </c>
      <c r="P1141" s="53">
        <v>0</v>
      </c>
      <c r="Q1141" s="53">
        <v>0</v>
      </c>
      <c r="R1141" s="53">
        <v>0</v>
      </c>
      <c r="S1141" s="53">
        <v>0</v>
      </c>
      <c r="T1141" s="53">
        <v>0</v>
      </c>
      <c r="U1141" s="53">
        <v>0</v>
      </c>
      <c r="V1141" s="53">
        <v>0</v>
      </c>
      <c r="W1141" s="53">
        <v>0</v>
      </c>
      <c r="X1141" s="53">
        <v>0</v>
      </c>
      <c r="Y1141" s="53">
        <v>0</v>
      </c>
      <c r="Z1141" s="53">
        <v>0</v>
      </c>
      <c r="AA1141" s="53">
        <v>0</v>
      </c>
      <c r="AB1141" s="53">
        <v>0</v>
      </c>
      <c r="AC1141" s="53">
        <v>0</v>
      </c>
      <c r="AD1141" s="53">
        <v>0</v>
      </c>
      <c r="AE1141" s="53">
        <v>0</v>
      </c>
      <c r="AF1141" s="53">
        <v>0</v>
      </c>
      <c r="AG1141" s="53">
        <v>0</v>
      </c>
      <c r="AH1141" s="53">
        <v>0</v>
      </c>
      <c r="AI1141" s="53">
        <v>0</v>
      </c>
      <c r="AJ1141" s="53">
        <v>0</v>
      </c>
      <c r="AK1141" s="53">
        <v>0</v>
      </c>
      <c r="AL1141" s="53">
        <v>0</v>
      </c>
      <c r="AM1141" s="53">
        <v>0</v>
      </c>
      <c r="AN1141" s="53">
        <v>0</v>
      </c>
      <c r="AO1141" s="53">
        <v>0</v>
      </c>
      <c r="AP1141" s="53">
        <v>0</v>
      </c>
      <c r="AQ1141" s="53">
        <v>0</v>
      </c>
      <c r="AR1141" s="53">
        <v>0</v>
      </c>
      <c r="AS1141" s="53">
        <v>0</v>
      </c>
      <c r="AT1141" s="53">
        <v>0</v>
      </c>
      <c r="AU1141" s="53">
        <v>0</v>
      </c>
      <c r="AV1141" s="53">
        <v>0</v>
      </c>
      <c r="AW1141" s="53">
        <v>0</v>
      </c>
      <c r="AX1141" s="53">
        <v>0</v>
      </c>
      <c r="AY1141" s="53">
        <v>0</v>
      </c>
      <c r="AZ1141" s="53">
        <v>0</v>
      </c>
      <c r="BA1141" s="53">
        <v>0</v>
      </c>
    </row>
    <row r="1142" spans="1:53">
      <c r="A1142" s="52" t="s">
        <v>3642</v>
      </c>
      <c r="B1142" s="53">
        <v>0</v>
      </c>
      <c r="C1142" s="53">
        <v>0</v>
      </c>
      <c r="D1142" s="53">
        <v>0</v>
      </c>
      <c r="E1142" s="53">
        <v>0</v>
      </c>
      <c r="F1142" s="53">
        <v>0</v>
      </c>
      <c r="G1142" s="53">
        <v>0</v>
      </c>
      <c r="H1142" s="53">
        <v>0</v>
      </c>
      <c r="I1142" s="53">
        <v>0</v>
      </c>
      <c r="J1142" s="53">
        <v>0</v>
      </c>
      <c r="K1142" s="53">
        <v>0</v>
      </c>
      <c r="L1142" s="53">
        <v>0</v>
      </c>
      <c r="M1142" s="53">
        <v>0</v>
      </c>
      <c r="N1142" s="53">
        <v>0</v>
      </c>
      <c r="O1142" s="53">
        <v>0</v>
      </c>
      <c r="P1142" s="53">
        <v>0</v>
      </c>
      <c r="Q1142" s="53">
        <v>0</v>
      </c>
      <c r="R1142" s="53">
        <v>0</v>
      </c>
      <c r="S1142" s="53">
        <v>0</v>
      </c>
      <c r="T1142" s="53">
        <v>0</v>
      </c>
      <c r="U1142" s="53">
        <v>0</v>
      </c>
      <c r="V1142" s="53">
        <v>0</v>
      </c>
      <c r="W1142" s="53">
        <v>0</v>
      </c>
      <c r="X1142" s="53">
        <v>0</v>
      </c>
      <c r="Y1142" s="53">
        <v>0</v>
      </c>
      <c r="Z1142" s="53">
        <v>0</v>
      </c>
      <c r="AA1142" s="53">
        <v>0</v>
      </c>
      <c r="AB1142" s="53">
        <v>0</v>
      </c>
      <c r="AC1142" s="53">
        <v>0</v>
      </c>
      <c r="AD1142" s="53">
        <v>0</v>
      </c>
      <c r="AE1142" s="53">
        <v>0</v>
      </c>
      <c r="AF1142" s="53">
        <v>0</v>
      </c>
      <c r="AG1142" s="53">
        <v>0</v>
      </c>
      <c r="AH1142" s="53">
        <v>0</v>
      </c>
      <c r="AI1142" s="53">
        <v>0</v>
      </c>
      <c r="AJ1142" s="53">
        <v>0</v>
      </c>
      <c r="AK1142" s="53">
        <v>0</v>
      </c>
      <c r="AL1142" s="53">
        <v>0</v>
      </c>
      <c r="AM1142" s="53">
        <v>0</v>
      </c>
      <c r="AN1142" s="53">
        <v>0</v>
      </c>
      <c r="AO1142" s="53">
        <v>0</v>
      </c>
      <c r="AP1142" s="53">
        <v>0</v>
      </c>
      <c r="AQ1142" s="53">
        <v>0</v>
      </c>
      <c r="AR1142" s="53">
        <v>0</v>
      </c>
      <c r="AS1142" s="53">
        <v>0</v>
      </c>
      <c r="AT1142" s="53">
        <v>0</v>
      </c>
      <c r="AU1142" s="53">
        <v>0</v>
      </c>
      <c r="AV1142" s="53">
        <v>0</v>
      </c>
      <c r="AW1142" s="53">
        <v>0</v>
      </c>
      <c r="AX1142" s="53">
        <v>0</v>
      </c>
      <c r="AY1142" s="53">
        <v>0</v>
      </c>
      <c r="AZ1142" s="53">
        <v>0</v>
      </c>
      <c r="BA1142" s="53">
        <v>0</v>
      </c>
    </row>
    <row r="1143" spans="1:53">
      <c r="A1143" s="58" t="s">
        <v>3643</v>
      </c>
      <c r="B1143" s="53">
        <v>0</v>
      </c>
      <c r="C1143" s="53">
        <v>0</v>
      </c>
      <c r="D1143" s="53">
        <v>0</v>
      </c>
      <c r="E1143" s="53">
        <v>0</v>
      </c>
      <c r="F1143" s="53">
        <v>0</v>
      </c>
      <c r="G1143" s="53">
        <v>0</v>
      </c>
      <c r="H1143" s="53">
        <v>0</v>
      </c>
      <c r="I1143" s="53">
        <v>0</v>
      </c>
      <c r="J1143" s="53">
        <v>0</v>
      </c>
      <c r="K1143" s="53">
        <v>0</v>
      </c>
      <c r="L1143" s="53">
        <v>0</v>
      </c>
      <c r="M1143" s="53">
        <v>0</v>
      </c>
      <c r="N1143" s="53">
        <v>0</v>
      </c>
      <c r="O1143" s="53">
        <v>0</v>
      </c>
      <c r="P1143" s="53">
        <v>0</v>
      </c>
      <c r="Q1143" s="53">
        <v>0</v>
      </c>
      <c r="R1143" s="53">
        <v>0</v>
      </c>
      <c r="S1143" s="53">
        <v>0</v>
      </c>
      <c r="T1143" s="53">
        <v>0</v>
      </c>
      <c r="U1143" s="53">
        <v>0</v>
      </c>
      <c r="V1143" s="53">
        <v>0</v>
      </c>
      <c r="W1143" s="53">
        <v>0</v>
      </c>
      <c r="X1143" s="53">
        <v>0</v>
      </c>
      <c r="Y1143" s="53">
        <v>0</v>
      </c>
      <c r="Z1143" s="53">
        <v>0</v>
      </c>
      <c r="AA1143" s="53">
        <v>0</v>
      </c>
      <c r="AB1143" s="53">
        <v>0</v>
      </c>
      <c r="AC1143" s="53">
        <v>0</v>
      </c>
      <c r="AD1143" s="53">
        <v>0</v>
      </c>
      <c r="AE1143" s="53">
        <v>0</v>
      </c>
      <c r="AF1143" s="53">
        <v>0</v>
      </c>
      <c r="AG1143" s="53">
        <v>0</v>
      </c>
      <c r="AH1143" s="53">
        <v>0</v>
      </c>
      <c r="AI1143" s="53">
        <v>0</v>
      </c>
      <c r="AJ1143" s="53">
        <v>0</v>
      </c>
      <c r="AK1143" s="53">
        <v>0</v>
      </c>
      <c r="AL1143" s="53">
        <v>0</v>
      </c>
      <c r="AM1143" s="53">
        <v>0</v>
      </c>
      <c r="AN1143" s="53">
        <v>0</v>
      </c>
      <c r="AO1143" s="53">
        <v>0</v>
      </c>
      <c r="AP1143" s="53">
        <v>0</v>
      </c>
      <c r="AQ1143" s="53">
        <v>0</v>
      </c>
      <c r="AR1143" s="53">
        <v>0</v>
      </c>
      <c r="AS1143" s="53">
        <v>0</v>
      </c>
      <c r="AT1143" s="53">
        <v>0</v>
      </c>
      <c r="AU1143" s="53">
        <v>0</v>
      </c>
      <c r="AV1143" s="53">
        <v>0</v>
      </c>
      <c r="AW1143" s="53">
        <v>0</v>
      </c>
      <c r="AX1143" s="53">
        <v>0</v>
      </c>
      <c r="AY1143" s="53">
        <v>0</v>
      </c>
      <c r="AZ1143" s="53">
        <v>0</v>
      </c>
      <c r="BA1143" s="53">
        <v>0</v>
      </c>
    </row>
    <row r="1144" spans="1:53">
      <c r="A1144" s="52" t="s">
        <v>3644</v>
      </c>
    </row>
    <row r="1145" spans="1:53">
      <c r="A1145" s="52" t="s">
        <v>3645</v>
      </c>
      <c r="B1145" s="53">
        <v>1000</v>
      </c>
      <c r="C1145" s="53">
        <v>1000</v>
      </c>
      <c r="D1145" s="53">
        <v>1000</v>
      </c>
      <c r="E1145" s="53">
        <v>1000</v>
      </c>
      <c r="F1145" s="53">
        <v>1000</v>
      </c>
      <c r="G1145" s="53">
        <v>1000</v>
      </c>
      <c r="H1145" s="53">
        <v>1000</v>
      </c>
      <c r="I1145" s="53">
        <v>1000</v>
      </c>
      <c r="J1145" s="53">
        <v>1000</v>
      </c>
      <c r="K1145" s="53">
        <v>1000</v>
      </c>
      <c r="L1145" s="53">
        <v>1000</v>
      </c>
      <c r="M1145" s="53">
        <v>1000</v>
      </c>
      <c r="N1145" s="53">
        <v>1000</v>
      </c>
      <c r="O1145" s="53">
        <v>1000</v>
      </c>
      <c r="P1145" s="53">
        <v>1000</v>
      </c>
      <c r="Q1145" s="53">
        <v>1000</v>
      </c>
      <c r="R1145" s="53">
        <v>1000</v>
      </c>
      <c r="S1145" s="53">
        <v>1000</v>
      </c>
      <c r="T1145" s="53">
        <v>1000</v>
      </c>
      <c r="U1145" s="53">
        <v>1000</v>
      </c>
      <c r="V1145" s="53">
        <v>1000</v>
      </c>
      <c r="W1145" s="53">
        <v>1000</v>
      </c>
      <c r="X1145" s="53">
        <v>1000</v>
      </c>
      <c r="Y1145" s="53">
        <v>1000</v>
      </c>
      <c r="Z1145" s="53">
        <v>1000</v>
      </c>
      <c r="AA1145" s="53">
        <v>1000</v>
      </c>
      <c r="AB1145" s="53">
        <v>1000</v>
      </c>
      <c r="AC1145" s="53">
        <v>1000</v>
      </c>
      <c r="AD1145" s="53">
        <v>1000</v>
      </c>
      <c r="AE1145" s="53">
        <v>1000</v>
      </c>
      <c r="AF1145" s="53">
        <v>1000</v>
      </c>
      <c r="AG1145" s="53">
        <v>1000</v>
      </c>
      <c r="AH1145" s="53">
        <v>1000</v>
      </c>
      <c r="AI1145" s="53">
        <v>1000</v>
      </c>
      <c r="AJ1145" s="53">
        <v>1000</v>
      </c>
      <c r="AK1145" s="53">
        <v>1000</v>
      </c>
      <c r="AL1145" s="53">
        <v>1000</v>
      </c>
      <c r="AM1145" s="53">
        <v>1000</v>
      </c>
      <c r="AN1145" s="53">
        <v>1000</v>
      </c>
      <c r="AO1145" s="53">
        <v>1000</v>
      </c>
      <c r="AP1145" s="53">
        <v>1000</v>
      </c>
      <c r="AQ1145" s="53">
        <v>1000</v>
      </c>
      <c r="AR1145" s="53">
        <v>1000</v>
      </c>
      <c r="AS1145" s="53">
        <v>1000</v>
      </c>
      <c r="AT1145" s="53">
        <v>1000</v>
      </c>
      <c r="AU1145" s="53">
        <v>1000</v>
      </c>
      <c r="AV1145" s="53">
        <v>1000</v>
      </c>
      <c r="AW1145" s="53">
        <v>1000</v>
      </c>
      <c r="AX1145" s="53">
        <v>1000</v>
      </c>
      <c r="AY1145" s="53">
        <v>1000</v>
      </c>
      <c r="AZ1145" s="53">
        <v>1000</v>
      </c>
      <c r="BA1145" s="53">
        <v>1000</v>
      </c>
    </row>
    <row r="1146" spans="1:53">
      <c r="A1146" s="52" t="s">
        <v>3646</v>
      </c>
      <c r="B1146" s="53">
        <v>26868168584.414299</v>
      </c>
      <c r="C1146" s="53">
        <v>27056686513.4258</v>
      </c>
      <c r="D1146" s="53">
        <v>27081923520.9011</v>
      </c>
      <c r="E1146" s="53">
        <v>27176974307.0364</v>
      </c>
      <c r="F1146" s="53">
        <v>27263064395.3685</v>
      </c>
      <c r="G1146" s="53">
        <v>27409990798.580101</v>
      </c>
      <c r="H1146" s="53">
        <v>27519789779.594898</v>
      </c>
      <c r="I1146" s="53">
        <v>27582028779.036598</v>
      </c>
      <c r="J1146" s="53">
        <v>27811538281.606899</v>
      </c>
      <c r="K1146" s="53">
        <v>27857030752.964901</v>
      </c>
      <c r="L1146" s="53">
        <v>27955356309.863201</v>
      </c>
      <c r="M1146" s="53">
        <v>27817448118.485802</v>
      </c>
      <c r="N1146" s="53">
        <v>27817448118.485802</v>
      </c>
      <c r="O1146" s="53">
        <v>27729555999.8573</v>
      </c>
      <c r="P1146" s="53">
        <v>27902746164.4949</v>
      </c>
      <c r="Q1146" s="53">
        <v>27973074065.616798</v>
      </c>
      <c r="R1146" s="53">
        <v>28124965628.742901</v>
      </c>
      <c r="S1146" s="53">
        <v>28278359547.530201</v>
      </c>
      <c r="T1146" s="53">
        <v>28494470510.000099</v>
      </c>
      <c r="U1146" s="53">
        <v>28914396005.4729</v>
      </c>
      <c r="V1146" s="53">
        <v>29058785221.141499</v>
      </c>
      <c r="W1146" s="53">
        <v>29302019042.944302</v>
      </c>
      <c r="X1146" s="53">
        <v>29408392864.150101</v>
      </c>
      <c r="Y1146" s="53">
        <v>29504087214.182201</v>
      </c>
      <c r="Z1146" s="53">
        <v>29340409529.308701</v>
      </c>
      <c r="AA1146" s="53">
        <v>29340409529.308701</v>
      </c>
      <c r="AB1146" s="53">
        <v>29447930956.2747</v>
      </c>
      <c r="AC1146" s="53">
        <v>29682808841.101398</v>
      </c>
      <c r="AD1146" s="53">
        <v>29730767402.944901</v>
      </c>
      <c r="AE1146" s="53">
        <v>29860506338.418999</v>
      </c>
      <c r="AF1146" s="53">
        <v>29989966237.060902</v>
      </c>
      <c r="AG1146" s="53">
        <v>30181760892.955799</v>
      </c>
      <c r="AH1146" s="53">
        <v>30576473633.072601</v>
      </c>
      <c r="AI1146" s="53">
        <v>30723174111.960701</v>
      </c>
      <c r="AJ1146" s="53">
        <v>30970772361.584702</v>
      </c>
      <c r="AK1146" s="53">
        <v>30990846222.213902</v>
      </c>
      <c r="AL1146" s="53">
        <v>31086652732.390701</v>
      </c>
      <c r="AM1146" s="53">
        <v>30896617033.900101</v>
      </c>
      <c r="AN1146" s="53">
        <v>30896617033.900101</v>
      </c>
      <c r="AO1146" s="53">
        <v>31029719838.198399</v>
      </c>
      <c r="AP1146" s="53">
        <v>31258583709.383801</v>
      </c>
      <c r="AQ1146" s="53">
        <v>31304586709.460499</v>
      </c>
      <c r="AR1146" s="53">
        <v>31436669160.9259</v>
      </c>
      <c r="AS1146" s="53">
        <v>31564198100.778801</v>
      </c>
      <c r="AT1146" s="53">
        <v>31753803222.3652</v>
      </c>
      <c r="AU1146" s="53">
        <v>31994875997.586601</v>
      </c>
      <c r="AV1146" s="53">
        <v>32153287149.6507</v>
      </c>
      <c r="AW1146" s="53">
        <v>32403996077.6395</v>
      </c>
      <c r="AX1146" s="53">
        <v>32578464465.198399</v>
      </c>
      <c r="AY1146" s="53">
        <v>32674956627.9613</v>
      </c>
      <c r="AZ1146" s="53">
        <v>32468108253.601898</v>
      </c>
      <c r="BA1146" s="53">
        <v>32468108253.601898</v>
      </c>
    </row>
    <row r="1147" spans="1:53">
      <c r="A1147" s="52" t="s">
        <v>3647</v>
      </c>
      <c r="B1147" s="53">
        <v>188517929.01152</v>
      </c>
      <c r="C1147" s="53">
        <v>25237007.4752382</v>
      </c>
      <c r="D1147" s="53">
        <v>95050786.135338202</v>
      </c>
      <c r="E1147" s="53">
        <v>86090088.332068101</v>
      </c>
      <c r="F1147" s="53">
        <v>146926403.211575</v>
      </c>
      <c r="G1147" s="53">
        <v>109798981.01485801</v>
      </c>
      <c r="H1147" s="53">
        <v>62238999.441638499</v>
      </c>
      <c r="I1147" s="53">
        <v>229509502.57036</v>
      </c>
      <c r="J1147" s="53">
        <v>45492471.358008601</v>
      </c>
      <c r="K1147" s="53">
        <v>98325556.898273498</v>
      </c>
      <c r="L1147" s="53">
        <v>-137908191.37742701</v>
      </c>
      <c r="M1147" s="53">
        <v>-87892118.628490701</v>
      </c>
      <c r="N1147" s="53">
        <v>-87892118.628490701</v>
      </c>
      <c r="O1147" s="53">
        <v>173190164.63760599</v>
      </c>
      <c r="P1147" s="53">
        <v>70327901.121854693</v>
      </c>
      <c r="Q1147" s="53">
        <v>151891563.12613499</v>
      </c>
      <c r="R1147" s="53">
        <v>153393918.787278</v>
      </c>
      <c r="S1147" s="53">
        <v>216110962.469901</v>
      </c>
      <c r="T1147" s="53">
        <v>419925495.47285497</v>
      </c>
      <c r="U1147" s="53">
        <v>144389215.66859201</v>
      </c>
      <c r="V1147" s="53">
        <v>243233821.802746</v>
      </c>
      <c r="W1147" s="53">
        <v>106373821.205854</v>
      </c>
      <c r="X1147" s="53">
        <v>95694350.0321358</v>
      </c>
      <c r="Y1147" s="53">
        <v>-163677684.87358001</v>
      </c>
      <c r="Z1147" s="53">
        <v>107521426.96601801</v>
      </c>
      <c r="AA1147" s="53">
        <v>107521426.96601801</v>
      </c>
      <c r="AB1147" s="53">
        <v>234877884.82666701</v>
      </c>
      <c r="AC1147" s="53">
        <v>47958561.843566597</v>
      </c>
      <c r="AD1147" s="53">
        <v>129738935.47406</v>
      </c>
      <c r="AE1147" s="53">
        <v>129459898.641932</v>
      </c>
      <c r="AF1147" s="53">
        <v>191794655.89486399</v>
      </c>
      <c r="AG1147" s="53">
        <v>394712740.11677498</v>
      </c>
      <c r="AH1147" s="53">
        <v>146700478.88815001</v>
      </c>
      <c r="AI1147" s="53">
        <v>247598249.62397999</v>
      </c>
      <c r="AJ1147" s="53">
        <v>20073860.629253</v>
      </c>
      <c r="AK1147" s="53">
        <v>95806510.176777795</v>
      </c>
      <c r="AL1147" s="53">
        <v>-190035698.49064901</v>
      </c>
      <c r="AM1147" s="53">
        <v>133102804.298281</v>
      </c>
      <c r="AN1147" s="53">
        <v>133102804.298281</v>
      </c>
      <c r="AO1147" s="53">
        <v>228863871.18547699</v>
      </c>
      <c r="AP1147" s="53">
        <v>46003000.076722302</v>
      </c>
      <c r="AQ1147" s="53">
        <v>132082451.46530101</v>
      </c>
      <c r="AR1147" s="53">
        <v>127528939.85296699</v>
      </c>
      <c r="AS1147" s="53">
        <v>189605121.58640799</v>
      </c>
      <c r="AT1147" s="53">
        <v>241072775.22139201</v>
      </c>
      <c r="AU1147" s="53">
        <v>158411152.06409201</v>
      </c>
      <c r="AV1147" s="53">
        <v>250708927.98877099</v>
      </c>
      <c r="AW1147" s="53">
        <v>174468387.55889201</v>
      </c>
      <c r="AX1147" s="53">
        <v>96492162.762973398</v>
      </c>
      <c r="AY1147" s="53">
        <v>-206848374.359413</v>
      </c>
      <c r="AZ1147" s="53">
        <v>78193751.227535307</v>
      </c>
      <c r="BA1147" s="53">
        <v>78193751.227535307</v>
      </c>
    </row>
    <row r="1148" spans="1:53">
      <c r="A1148" s="52" t="s">
        <v>3648</v>
      </c>
      <c r="B1148" s="53">
        <v>0</v>
      </c>
      <c r="C1148" s="53">
        <v>0</v>
      </c>
      <c r="D1148" s="53">
        <v>0</v>
      </c>
      <c r="E1148" s="53">
        <v>0</v>
      </c>
      <c r="F1148" s="53">
        <v>0</v>
      </c>
      <c r="G1148" s="53">
        <v>0</v>
      </c>
      <c r="H1148" s="53">
        <v>0</v>
      </c>
      <c r="I1148" s="53">
        <v>0</v>
      </c>
      <c r="J1148" s="53">
        <v>0</v>
      </c>
      <c r="K1148" s="53">
        <v>0</v>
      </c>
      <c r="L1148" s="53">
        <v>0</v>
      </c>
      <c r="M1148" s="53">
        <v>0</v>
      </c>
      <c r="N1148" s="53">
        <v>0</v>
      </c>
      <c r="O1148" s="53">
        <v>0</v>
      </c>
      <c r="P1148" s="53">
        <v>0</v>
      </c>
      <c r="Q1148" s="53">
        <v>0</v>
      </c>
      <c r="R1148" s="53">
        <v>0</v>
      </c>
      <c r="S1148" s="53">
        <v>0</v>
      </c>
      <c r="T1148" s="53">
        <v>0</v>
      </c>
      <c r="U1148" s="53">
        <v>0</v>
      </c>
      <c r="V1148" s="53">
        <v>0</v>
      </c>
      <c r="W1148" s="53">
        <v>0</v>
      </c>
      <c r="X1148" s="53">
        <v>0</v>
      </c>
      <c r="Y1148" s="53">
        <v>0</v>
      </c>
      <c r="Z1148" s="53">
        <v>0</v>
      </c>
      <c r="AA1148" s="53">
        <v>0</v>
      </c>
      <c r="AB1148" s="53">
        <v>0</v>
      </c>
      <c r="AC1148" s="53">
        <v>0</v>
      </c>
      <c r="AD1148" s="53">
        <v>0</v>
      </c>
      <c r="AE1148" s="53">
        <v>0</v>
      </c>
      <c r="AF1148" s="53">
        <v>0</v>
      </c>
      <c r="AG1148" s="53">
        <v>0</v>
      </c>
      <c r="AH1148" s="53">
        <v>0</v>
      </c>
      <c r="AI1148" s="53">
        <v>0</v>
      </c>
      <c r="AJ1148" s="53">
        <v>0</v>
      </c>
      <c r="AK1148" s="53">
        <v>0</v>
      </c>
      <c r="AL1148" s="53">
        <v>0</v>
      </c>
      <c r="AM1148" s="53">
        <v>0</v>
      </c>
      <c r="AN1148" s="53">
        <v>0</v>
      </c>
      <c r="AO1148" s="53">
        <v>0</v>
      </c>
      <c r="AP1148" s="53">
        <v>0</v>
      </c>
      <c r="AQ1148" s="53">
        <v>0</v>
      </c>
      <c r="AR1148" s="53">
        <v>0</v>
      </c>
      <c r="AS1148" s="53">
        <v>0</v>
      </c>
      <c r="AT1148" s="53">
        <v>0</v>
      </c>
      <c r="AU1148" s="53">
        <v>0</v>
      </c>
      <c r="AV1148" s="53">
        <v>0</v>
      </c>
      <c r="AW1148" s="53">
        <v>0</v>
      </c>
      <c r="AX1148" s="53">
        <v>0</v>
      </c>
      <c r="AY1148" s="53">
        <v>0</v>
      </c>
      <c r="AZ1148" s="53">
        <v>0</v>
      </c>
      <c r="BA1148" s="53">
        <v>0</v>
      </c>
    </row>
    <row r="1149" spans="1:53">
      <c r="A1149" s="58" t="s">
        <v>3649</v>
      </c>
      <c r="B1149" s="53">
        <v>188517929.01152</v>
      </c>
      <c r="C1149" s="53">
        <v>25237007.4752382</v>
      </c>
      <c r="D1149" s="53">
        <v>95050786.135338202</v>
      </c>
      <c r="E1149" s="53">
        <v>86090088.332068101</v>
      </c>
      <c r="F1149" s="53">
        <v>146926403.211575</v>
      </c>
      <c r="G1149" s="53">
        <v>109798981.01485801</v>
      </c>
      <c r="H1149" s="53">
        <v>62238999.441638499</v>
      </c>
      <c r="I1149" s="53">
        <v>229509502.57036</v>
      </c>
      <c r="J1149" s="53">
        <v>45492471.358008601</v>
      </c>
      <c r="K1149" s="53">
        <v>98325556.898273498</v>
      </c>
      <c r="L1149" s="53">
        <v>-137908191.37742701</v>
      </c>
      <c r="M1149" s="53">
        <v>-87892118.628490701</v>
      </c>
      <c r="N1149" s="53">
        <v>-87892118.628490701</v>
      </c>
      <c r="O1149" s="53">
        <v>173190164.63760599</v>
      </c>
      <c r="P1149" s="53">
        <v>70327901.121854693</v>
      </c>
      <c r="Q1149" s="53">
        <v>151891563.12613499</v>
      </c>
      <c r="R1149" s="53">
        <v>153393918.787278</v>
      </c>
      <c r="S1149" s="53">
        <v>216110962.469901</v>
      </c>
      <c r="T1149" s="53">
        <v>419925495.47285497</v>
      </c>
      <c r="U1149" s="53">
        <v>144389215.66859201</v>
      </c>
      <c r="V1149" s="53">
        <v>243233821.802746</v>
      </c>
      <c r="W1149" s="53">
        <v>106373821.205854</v>
      </c>
      <c r="X1149" s="53">
        <v>95694350.0321358</v>
      </c>
      <c r="Y1149" s="53">
        <v>-163677684.87358001</v>
      </c>
      <c r="Z1149" s="53">
        <v>107521426.96601801</v>
      </c>
      <c r="AA1149" s="53">
        <v>107521426.96601801</v>
      </c>
      <c r="AB1149" s="53">
        <v>234877884.82666701</v>
      </c>
      <c r="AC1149" s="53">
        <v>47958561.843566597</v>
      </c>
      <c r="AD1149" s="53">
        <v>129738935.47406</v>
      </c>
      <c r="AE1149" s="53">
        <v>129459898.641932</v>
      </c>
      <c r="AF1149" s="53">
        <v>191794655.89486399</v>
      </c>
      <c r="AG1149" s="53">
        <v>394712740.11677498</v>
      </c>
      <c r="AH1149" s="53">
        <v>146700478.88815001</v>
      </c>
      <c r="AI1149" s="53">
        <v>247598249.62397999</v>
      </c>
      <c r="AJ1149" s="53">
        <v>20073860.629253</v>
      </c>
      <c r="AK1149" s="53">
        <v>95806510.176777795</v>
      </c>
      <c r="AL1149" s="53">
        <v>-190035698.49064901</v>
      </c>
      <c r="AM1149" s="53">
        <v>133102804.298281</v>
      </c>
      <c r="AN1149" s="53">
        <v>133102804.298281</v>
      </c>
      <c r="AO1149" s="53">
        <v>228863871.18547699</v>
      </c>
      <c r="AP1149" s="53">
        <v>46003000.076722302</v>
      </c>
      <c r="AQ1149" s="53">
        <v>132082451.46530101</v>
      </c>
      <c r="AR1149" s="53">
        <v>127528939.85296699</v>
      </c>
      <c r="AS1149" s="53">
        <v>189605121.58640799</v>
      </c>
      <c r="AT1149" s="53">
        <v>241072775.22139201</v>
      </c>
      <c r="AU1149" s="53">
        <v>158411152.06409201</v>
      </c>
      <c r="AV1149" s="53">
        <v>250708927.98877099</v>
      </c>
      <c r="AW1149" s="53">
        <v>174468387.55889201</v>
      </c>
      <c r="AX1149" s="53">
        <v>96492162.762973398</v>
      </c>
      <c r="AY1149" s="53">
        <v>-206848374.359413</v>
      </c>
      <c r="AZ1149" s="53">
        <v>78193751.227535307</v>
      </c>
      <c r="BA1149" s="53">
        <v>78193751.227535307</v>
      </c>
    </row>
    <row r="1150" spans="1:53">
      <c r="A1150" s="52" t="s">
        <v>3650</v>
      </c>
    </row>
    <row r="1151" spans="1:53">
      <c r="A1151" s="52" t="s">
        <v>3651</v>
      </c>
      <c r="B1151" s="53">
        <v>-26868168585.2043</v>
      </c>
      <c r="C1151" s="53">
        <v>-27056686514.215801</v>
      </c>
      <c r="D1151" s="53">
        <v>-27081923521.691002</v>
      </c>
      <c r="E1151" s="53">
        <v>-27176974307.826401</v>
      </c>
      <c r="F1151" s="53">
        <v>-27263064396.158501</v>
      </c>
      <c r="G1151" s="53">
        <v>-27409990799.369999</v>
      </c>
      <c r="H1151" s="53">
        <v>-27519789780.384899</v>
      </c>
      <c r="I1151" s="53">
        <v>-27582028779.8265</v>
      </c>
      <c r="J1151" s="53">
        <v>-27811538282.3969</v>
      </c>
      <c r="K1151" s="53">
        <v>-27857030753.754902</v>
      </c>
      <c r="L1151" s="53">
        <v>-27955356310.653198</v>
      </c>
      <c r="M1151" s="53">
        <v>-27817448119.275799</v>
      </c>
      <c r="N1151" s="53">
        <v>-27817448119.275799</v>
      </c>
      <c r="O1151" s="53">
        <v>-27729556000.647301</v>
      </c>
      <c r="P1151" s="53">
        <v>-27902746165.284901</v>
      </c>
      <c r="Q1151" s="53">
        <v>-27973074066.4067</v>
      </c>
      <c r="R1151" s="53">
        <v>-28124965629.532902</v>
      </c>
      <c r="S1151" s="53">
        <v>-28278359548.320099</v>
      </c>
      <c r="T1151" s="53">
        <v>-28494470510.790001</v>
      </c>
      <c r="U1151" s="53">
        <v>-28914396006.262901</v>
      </c>
      <c r="V1151" s="53">
        <v>-29058785221.931499</v>
      </c>
      <c r="W1151" s="53">
        <v>-29302019043.7342</v>
      </c>
      <c r="X1151" s="53">
        <v>-29408392864.940102</v>
      </c>
      <c r="Y1151" s="53">
        <v>-29504087214.972198</v>
      </c>
      <c r="Z1151" s="53">
        <v>-29340409530.098598</v>
      </c>
      <c r="AA1151" s="53">
        <v>-29340409530.098598</v>
      </c>
      <c r="AB1151" s="53">
        <v>-29447930957.064602</v>
      </c>
      <c r="AC1151" s="53">
        <v>-29682808841.8913</v>
      </c>
      <c r="AD1151" s="53">
        <v>-29730767403.734901</v>
      </c>
      <c r="AE1151" s="53">
        <v>-29860506339.209</v>
      </c>
      <c r="AF1151" s="53">
        <v>-29989966237.850899</v>
      </c>
      <c r="AG1151" s="53">
        <v>-30181760893.7458</v>
      </c>
      <c r="AH1151" s="53">
        <v>-30576473633.862499</v>
      </c>
      <c r="AI1151" s="53">
        <v>-30723174112.750702</v>
      </c>
      <c r="AJ1151" s="53">
        <v>-30970772362.374699</v>
      </c>
      <c r="AK1151" s="53">
        <v>-30990846223.003899</v>
      </c>
      <c r="AL1151" s="53">
        <v>-31086652733.180698</v>
      </c>
      <c r="AM1151" s="53">
        <v>-30896617034.689999</v>
      </c>
      <c r="AN1151" s="53">
        <v>-30896617034.689999</v>
      </c>
      <c r="AO1151" s="53">
        <v>-31029719838.9883</v>
      </c>
      <c r="AP1151" s="53">
        <v>-31258583710.173801</v>
      </c>
      <c r="AQ1151" s="53">
        <v>-31304586710.2505</v>
      </c>
      <c r="AR1151" s="53">
        <v>-31436669161.715801</v>
      </c>
      <c r="AS1151" s="53">
        <v>-31564198101.568802</v>
      </c>
      <c r="AT1151" s="53">
        <v>-31753803223.155201</v>
      </c>
      <c r="AU1151" s="53">
        <v>-31994875998.376598</v>
      </c>
      <c r="AV1151" s="53">
        <v>-32153287150.440701</v>
      </c>
      <c r="AW1151" s="53">
        <v>-32403996078.429501</v>
      </c>
      <c r="AX1151" s="53">
        <v>-32578464465.9883</v>
      </c>
      <c r="AY1151" s="53">
        <v>-32674956628.751301</v>
      </c>
      <c r="AZ1151" s="53">
        <v>-32468108254.391899</v>
      </c>
      <c r="BA1151" s="53">
        <v>-32468108254.391899</v>
      </c>
    </row>
    <row r="1152" spans="1:53">
      <c r="A1152" s="52" t="s">
        <v>3652</v>
      </c>
      <c r="B1152" s="53">
        <v>-188517929.011531</v>
      </c>
      <c r="C1152" s="53">
        <v>-25237007.475234501</v>
      </c>
      <c r="D1152" s="53">
        <v>-95050786.135334507</v>
      </c>
      <c r="E1152" s="53">
        <v>-86090088.332083002</v>
      </c>
      <c r="F1152" s="53">
        <v>-146926403.211575</v>
      </c>
      <c r="G1152" s="53">
        <v>-109798981.01485801</v>
      </c>
      <c r="H1152" s="53">
        <v>-62238999.441638499</v>
      </c>
      <c r="I1152" s="53">
        <v>-229509502.570375</v>
      </c>
      <c r="J1152" s="53">
        <v>-45492471.357986301</v>
      </c>
      <c r="K1152" s="53">
        <v>-98325556.898284703</v>
      </c>
      <c r="L1152" s="53">
        <v>137908191.37743101</v>
      </c>
      <c r="M1152" s="53">
        <v>87892118.628498107</v>
      </c>
      <c r="N1152" s="53">
        <v>87892118.628498107</v>
      </c>
      <c r="O1152" s="53">
        <v>-173190164.63761699</v>
      </c>
      <c r="P1152" s="53">
        <v>-70327901.121836096</v>
      </c>
      <c r="Q1152" s="53">
        <v>-151891563.12615401</v>
      </c>
      <c r="R1152" s="53">
        <v>-153393918.787267</v>
      </c>
      <c r="S1152" s="53">
        <v>-216110962.46990901</v>
      </c>
      <c r="T1152" s="53">
        <v>-419925495.47285497</v>
      </c>
      <c r="U1152" s="53">
        <v>-144389215.66858801</v>
      </c>
      <c r="V1152" s="53">
        <v>-243233821.802742</v>
      </c>
      <c r="W1152" s="53">
        <v>-106373821.205861</v>
      </c>
      <c r="X1152" s="53">
        <v>-95694350.0321358</v>
      </c>
      <c r="Y1152" s="53">
        <v>163677684.87359199</v>
      </c>
      <c r="Z1152" s="53">
        <v>-107521426.966015</v>
      </c>
      <c r="AA1152" s="53">
        <v>-107521426.966015</v>
      </c>
      <c r="AB1152" s="53">
        <v>-234877884.826693</v>
      </c>
      <c r="AC1152" s="53">
        <v>-47958561.843551598</v>
      </c>
      <c r="AD1152" s="53">
        <v>-129738935.47408199</v>
      </c>
      <c r="AE1152" s="53">
        <v>-129459898.64191</v>
      </c>
      <c r="AF1152" s="53">
        <v>-191794655.894871</v>
      </c>
      <c r="AG1152" s="53">
        <v>-394712740.11676002</v>
      </c>
      <c r="AH1152" s="53">
        <v>-146700478.88815701</v>
      </c>
      <c r="AI1152" s="53">
        <v>-247598249.62399101</v>
      </c>
      <c r="AJ1152" s="53">
        <v>-20073860.629238099</v>
      </c>
      <c r="AK1152" s="53">
        <v>-95806510.176792696</v>
      </c>
      <c r="AL1152" s="53">
        <v>190035698.49066001</v>
      </c>
      <c r="AM1152" s="53">
        <v>-133102804.298263</v>
      </c>
      <c r="AN1152" s="53">
        <v>-133102804.298263</v>
      </c>
      <c r="AO1152" s="53">
        <v>-228863871.1855</v>
      </c>
      <c r="AP1152" s="53">
        <v>-46003000.076725997</v>
      </c>
      <c r="AQ1152" s="53">
        <v>-132082451.46529301</v>
      </c>
      <c r="AR1152" s="53">
        <v>-127528939.852971</v>
      </c>
      <c r="AS1152" s="53">
        <v>-189605121.586404</v>
      </c>
      <c r="AT1152" s="53">
        <v>-241072775.22139201</v>
      </c>
      <c r="AU1152" s="53">
        <v>-158411152.06407699</v>
      </c>
      <c r="AV1152" s="53">
        <v>-250708927.98878601</v>
      </c>
      <c r="AW1152" s="53">
        <v>-174468387.55889601</v>
      </c>
      <c r="AX1152" s="53">
        <v>-96492162.762951106</v>
      </c>
      <c r="AY1152" s="53">
        <v>206848374.359413</v>
      </c>
      <c r="AZ1152" s="53">
        <v>-78193751.227531493</v>
      </c>
      <c r="BA1152" s="53">
        <v>-78193751.227531493</v>
      </c>
    </row>
    <row r="1153" spans="1:53">
      <c r="A1153" s="52" t="s">
        <v>3653</v>
      </c>
      <c r="B1153" s="53">
        <v>0</v>
      </c>
      <c r="C1153" s="53">
        <v>0</v>
      </c>
      <c r="D1153" s="53">
        <v>0</v>
      </c>
      <c r="E1153" s="53">
        <v>0</v>
      </c>
      <c r="F1153" s="53">
        <v>0</v>
      </c>
      <c r="G1153" s="53">
        <v>0</v>
      </c>
      <c r="H1153" s="53">
        <v>0</v>
      </c>
      <c r="I1153" s="53">
        <v>0</v>
      </c>
      <c r="J1153" s="53">
        <v>0</v>
      </c>
      <c r="K1153" s="53">
        <v>0</v>
      </c>
      <c r="L1153" s="53">
        <v>0</v>
      </c>
      <c r="M1153" s="53">
        <v>0</v>
      </c>
      <c r="N1153" s="53">
        <v>0</v>
      </c>
      <c r="O1153" s="53">
        <v>0</v>
      </c>
      <c r="P1153" s="53">
        <v>0</v>
      </c>
      <c r="Q1153" s="53">
        <v>0</v>
      </c>
      <c r="R1153" s="53">
        <v>0</v>
      </c>
      <c r="S1153" s="53">
        <v>0</v>
      </c>
      <c r="T1153" s="53">
        <v>0</v>
      </c>
      <c r="U1153" s="53">
        <v>0</v>
      </c>
      <c r="V1153" s="53">
        <v>0</v>
      </c>
      <c r="W1153" s="53">
        <v>0</v>
      </c>
      <c r="X1153" s="53">
        <v>0</v>
      </c>
      <c r="Y1153" s="53">
        <v>0</v>
      </c>
      <c r="Z1153" s="53">
        <v>0</v>
      </c>
      <c r="AA1153" s="53">
        <v>0</v>
      </c>
      <c r="AB1153" s="53">
        <v>0</v>
      </c>
      <c r="AC1153" s="53">
        <v>0</v>
      </c>
      <c r="AD1153" s="53">
        <v>0</v>
      </c>
      <c r="AE1153" s="53">
        <v>0</v>
      </c>
      <c r="AF1153" s="53">
        <v>0</v>
      </c>
      <c r="AG1153" s="53">
        <v>0</v>
      </c>
      <c r="AH1153" s="53">
        <v>0</v>
      </c>
      <c r="AI1153" s="53">
        <v>0</v>
      </c>
      <c r="AJ1153" s="53">
        <v>0</v>
      </c>
      <c r="AK1153" s="53">
        <v>0</v>
      </c>
      <c r="AL1153" s="53">
        <v>0</v>
      </c>
      <c r="AM1153" s="53">
        <v>0</v>
      </c>
      <c r="AN1153" s="53">
        <v>0</v>
      </c>
      <c r="AO1153" s="53">
        <v>0</v>
      </c>
      <c r="AP1153" s="53">
        <v>0</v>
      </c>
      <c r="AQ1153" s="53">
        <v>0</v>
      </c>
      <c r="AR1153" s="53">
        <v>0</v>
      </c>
      <c r="AS1153" s="53">
        <v>0</v>
      </c>
      <c r="AT1153" s="53">
        <v>0</v>
      </c>
      <c r="AU1153" s="53">
        <v>0</v>
      </c>
      <c r="AV1153" s="53">
        <v>0</v>
      </c>
      <c r="AW1153" s="53">
        <v>0</v>
      </c>
      <c r="AX1153" s="53">
        <v>0</v>
      </c>
      <c r="AY1153" s="53">
        <v>0</v>
      </c>
      <c r="AZ1153" s="53">
        <v>0</v>
      </c>
      <c r="BA1153" s="53">
        <v>0</v>
      </c>
    </row>
    <row r="1154" spans="1:53">
      <c r="A1154" s="58" t="s">
        <v>3654</v>
      </c>
      <c r="B1154" s="53">
        <v>-188517929.011531</v>
      </c>
      <c r="C1154" s="53">
        <v>-25237007.475234501</v>
      </c>
      <c r="D1154" s="53">
        <v>-95050786.135334507</v>
      </c>
      <c r="E1154" s="53">
        <v>-86090088.332083002</v>
      </c>
      <c r="F1154" s="53">
        <v>-146926403.211575</v>
      </c>
      <c r="G1154" s="53">
        <v>-109798981.01485801</v>
      </c>
      <c r="H1154" s="53">
        <v>-62238999.441638499</v>
      </c>
      <c r="I1154" s="53">
        <v>-229509502.570375</v>
      </c>
      <c r="J1154" s="53">
        <v>-45492471.357986301</v>
      </c>
      <c r="K1154" s="53">
        <v>-98325556.898284703</v>
      </c>
      <c r="L1154" s="53">
        <v>137908191.37743101</v>
      </c>
      <c r="M1154" s="53">
        <v>87892118.628498107</v>
      </c>
      <c r="N1154" s="53">
        <v>87892118.628498107</v>
      </c>
      <c r="O1154" s="53">
        <v>-173190164.63761699</v>
      </c>
      <c r="P1154" s="53">
        <v>-70327901.121836096</v>
      </c>
      <c r="Q1154" s="53">
        <v>-151891563.12615401</v>
      </c>
      <c r="R1154" s="53">
        <v>-153393918.787267</v>
      </c>
      <c r="S1154" s="53">
        <v>-216110962.46990901</v>
      </c>
      <c r="T1154" s="53">
        <v>-419925495.47285497</v>
      </c>
      <c r="U1154" s="53">
        <v>-144389215.66858801</v>
      </c>
      <c r="V1154" s="53">
        <v>-243233821.802742</v>
      </c>
      <c r="W1154" s="53">
        <v>-106373821.205861</v>
      </c>
      <c r="X1154" s="53">
        <v>-95694350.0321358</v>
      </c>
      <c r="Y1154" s="53">
        <v>163677684.87359199</v>
      </c>
      <c r="Z1154" s="53">
        <v>-107521426.966015</v>
      </c>
      <c r="AA1154" s="53">
        <v>-107521426.966015</v>
      </c>
      <c r="AB1154" s="53">
        <v>-234877884.826693</v>
      </c>
      <c r="AC1154" s="53">
        <v>-47958561.843551598</v>
      </c>
      <c r="AD1154" s="53">
        <v>-129738935.47408199</v>
      </c>
      <c r="AE1154" s="53">
        <v>-129459898.64191</v>
      </c>
      <c r="AF1154" s="53">
        <v>-191794655.894871</v>
      </c>
      <c r="AG1154" s="53">
        <v>-394712740.11676002</v>
      </c>
      <c r="AH1154" s="53">
        <v>-146700478.88815701</v>
      </c>
      <c r="AI1154" s="53">
        <v>-247598249.62399101</v>
      </c>
      <c r="AJ1154" s="53">
        <v>-20073860.629238099</v>
      </c>
      <c r="AK1154" s="53">
        <v>-95806510.176792696</v>
      </c>
      <c r="AL1154" s="53">
        <v>190035698.49066001</v>
      </c>
      <c r="AM1154" s="53">
        <v>-133102804.298263</v>
      </c>
      <c r="AN1154" s="53">
        <v>-133102804.298263</v>
      </c>
      <c r="AO1154" s="53">
        <v>-228863871.1855</v>
      </c>
      <c r="AP1154" s="53">
        <v>-46003000.076725997</v>
      </c>
      <c r="AQ1154" s="53">
        <v>-132082451.46529301</v>
      </c>
      <c r="AR1154" s="53">
        <v>-127528939.852971</v>
      </c>
      <c r="AS1154" s="53">
        <v>-189605121.586404</v>
      </c>
      <c r="AT1154" s="53">
        <v>-241072775.22139201</v>
      </c>
      <c r="AU1154" s="53">
        <v>-158411152.06407699</v>
      </c>
      <c r="AV1154" s="53">
        <v>-250708927.98878601</v>
      </c>
      <c r="AW1154" s="53">
        <v>-174468387.55889601</v>
      </c>
      <c r="AX1154" s="53">
        <v>-96492162.762951106</v>
      </c>
      <c r="AY1154" s="53">
        <v>206848374.359413</v>
      </c>
      <c r="AZ1154" s="53">
        <v>-78193751.227531493</v>
      </c>
      <c r="BA1154" s="53">
        <v>-78193751.227531493</v>
      </c>
    </row>
    <row r="1155" spans="1:53">
      <c r="A1155" s="52" t="s">
        <v>3655</v>
      </c>
      <c r="B1155" s="53">
        <v>0</v>
      </c>
      <c r="C1155" s="53">
        <v>0</v>
      </c>
      <c r="D1155" s="53">
        <v>0</v>
      </c>
      <c r="E1155" s="53">
        <v>0</v>
      </c>
      <c r="F1155" s="53">
        <v>0</v>
      </c>
      <c r="G1155" s="53">
        <v>0</v>
      </c>
      <c r="H1155" s="53">
        <v>0</v>
      </c>
      <c r="I1155" s="53">
        <v>0</v>
      </c>
      <c r="J1155" s="53">
        <v>0</v>
      </c>
      <c r="K1155" s="53">
        <v>0</v>
      </c>
      <c r="L1155" s="53">
        <v>0</v>
      </c>
      <c r="M1155" s="53">
        <v>0</v>
      </c>
      <c r="N1155" s="53">
        <v>0</v>
      </c>
      <c r="O1155" s="53">
        <v>0</v>
      </c>
      <c r="P1155" s="53">
        <v>0</v>
      </c>
      <c r="Q1155" s="53">
        <v>0</v>
      </c>
      <c r="R1155" s="53">
        <v>0</v>
      </c>
      <c r="S1155" s="53">
        <v>0</v>
      </c>
      <c r="T1155" s="53">
        <v>0</v>
      </c>
      <c r="U1155" s="53">
        <v>0</v>
      </c>
      <c r="V1155" s="53">
        <v>0</v>
      </c>
      <c r="W1155" s="53">
        <v>0</v>
      </c>
      <c r="X1155" s="53">
        <v>0</v>
      </c>
      <c r="Y1155" s="53">
        <v>0</v>
      </c>
      <c r="Z1155" s="53">
        <v>0</v>
      </c>
      <c r="AA1155" s="53">
        <v>0</v>
      </c>
      <c r="AB1155" s="53">
        <v>0</v>
      </c>
      <c r="AC1155" s="53">
        <v>0</v>
      </c>
      <c r="AD1155" s="53">
        <v>0</v>
      </c>
      <c r="AE1155" s="53">
        <v>0</v>
      </c>
      <c r="AF1155" s="53">
        <v>0</v>
      </c>
      <c r="AG1155" s="53">
        <v>0</v>
      </c>
      <c r="AH1155" s="53">
        <v>0</v>
      </c>
      <c r="AI1155" s="53">
        <v>0</v>
      </c>
      <c r="AJ1155" s="53">
        <v>0</v>
      </c>
      <c r="AK1155" s="53">
        <v>0</v>
      </c>
      <c r="AL1155" s="53">
        <v>0</v>
      </c>
      <c r="AM1155" s="53">
        <v>0</v>
      </c>
      <c r="AN1155" s="53">
        <v>0</v>
      </c>
      <c r="AO1155" s="53">
        <v>0</v>
      </c>
      <c r="AP1155" s="53">
        <v>0</v>
      </c>
      <c r="AQ1155" s="53">
        <v>0</v>
      </c>
      <c r="AR1155" s="53">
        <v>0</v>
      </c>
      <c r="AS1155" s="53">
        <v>0</v>
      </c>
      <c r="AT1155" s="53">
        <v>0</v>
      </c>
      <c r="AU1155" s="53">
        <v>0</v>
      </c>
      <c r="AV1155" s="53">
        <v>0</v>
      </c>
      <c r="AW1155" s="53">
        <v>0</v>
      </c>
      <c r="AX1155" s="53">
        <v>0</v>
      </c>
      <c r="AY1155" s="53">
        <v>0</v>
      </c>
      <c r="AZ1155" s="53">
        <v>0</v>
      </c>
      <c r="BA1155" s="53">
        <v>0</v>
      </c>
    </row>
    <row r="1156" spans="1:53">
      <c r="A1156" s="52" t="s">
        <v>3656</v>
      </c>
      <c r="B1156" s="53">
        <v>27056686513.4258</v>
      </c>
      <c r="C1156" s="53">
        <v>27081923520.9011</v>
      </c>
      <c r="D1156" s="53">
        <v>27176974307.0364</v>
      </c>
      <c r="E1156" s="53">
        <v>27263064395.3685</v>
      </c>
      <c r="F1156" s="53">
        <v>27409990798.580101</v>
      </c>
      <c r="G1156" s="53">
        <v>27519789779.594898</v>
      </c>
      <c r="H1156" s="53">
        <v>27582028779.036598</v>
      </c>
      <c r="I1156" s="53">
        <v>27811538281.606899</v>
      </c>
      <c r="J1156" s="53">
        <v>27857030752.964901</v>
      </c>
      <c r="K1156" s="53">
        <v>27955356309.863201</v>
      </c>
      <c r="L1156" s="53">
        <v>27817448118.485802</v>
      </c>
      <c r="M1156" s="53">
        <v>27729555999.8573</v>
      </c>
      <c r="N1156" s="53">
        <v>27729555999.8573</v>
      </c>
      <c r="O1156" s="53">
        <v>27902746164.4949</v>
      </c>
      <c r="P1156" s="53">
        <v>27973074065.616798</v>
      </c>
      <c r="Q1156" s="53">
        <v>28124965628.742901</v>
      </c>
      <c r="R1156" s="53">
        <v>28278359547.530201</v>
      </c>
      <c r="S1156" s="53">
        <v>28494470510.000099</v>
      </c>
      <c r="T1156" s="53">
        <v>28914396005.4729</v>
      </c>
      <c r="U1156" s="53">
        <v>29058785221.141499</v>
      </c>
      <c r="V1156" s="53">
        <v>29302019042.944302</v>
      </c>
      <c r="W1156" s="53">
        <v>29408392864.150101</v>
      </c>
      <c r="X1156" s="53">
        <v>29504087214.182201</v>
      </c>
      <c r="Y1156" s="53">
        <v>29340409529.308701</v>
      </c>
      <c r="Z1156" s="53">
        <v>29447930956.2747</v>
      </c>
      <c r="AA1156" s="53">
        <v>29447930956.2747</v>
      </c>
      <c r="AB1156" s="53">
        <v>29682808841.101398</v>
      </c>
      <c r="AC1156" s="53">
        <v>29730767402.944901</v>
      </c>
      <c r="AD1156" s="53">
        <v>29860506338.418999</v>
      </c>
      <c r="AE1156" s="53">
        <v>29989966237.060902</v>
      </c>
      <c r="AF1156" s="53">
        <v>30181760892.955799</v>
      </c>
      <c r="AG1156" s="53">
        <v>30576473633.072601</v>
      </c>
      <c r="AH1156" s="53">
        <v>30723174111.960701</v>
      </c>
      <c r="AI1156" s="53">
        <v>30970772361.584702</v>
      </c>
      <c r="AJ1156" s="53">
        <v>30990846222.213902</v>
      </c>
      <c r="AK1156" s="53">
        <v>31086652732.390701</v>
      </c>
      <c r="AL1156" s="53">
        <v>30896617033.900101</v>
      </c>
      <c r="AM1156" s="53">
        <v>31029719838.198399</v>
      </c>
      <c r="AN1156" s="53">
        <v>31029719838.198399</v>
      </c>
      <c r="AO1156" s="53">
        <v>31258583709.383801</v>
      </c>
      <c r="AP1156" s="53">
        <v>31304586709.460499</v>
      </c>
      <c r="AQ1156" s="53">
        <v>31436669160.9259</v>
      </c>
      <c r="AR1156" s="53">
        <v>31564198100.778801</v>
      </c>
      <c r="AS1156" s="53">
        <v>31753803222.3652</v>
      </c>
      <c r="AT1156" s="53">
        <v>31994875997.586601</v>
      </c>
      <c r="AU1156" s="53">
        <v>32153287149.6507</v>
      </c>
      <c r="AV1156" s="53">
        <v>32403996077.6395</v>
      </c>
      <c r="AW1156" s="53">
        <v>32578464465.198399</v>
      </c>
      <c r="AX1156" s="53">
        <v>32674956627.9613</v>
      </c>
      <c r="AY1156" s="53">
        <v>32468108253.601898</v>
      </c>
      <c r="AZ1156" s="53">
        <v>32546302004.829498</v>
      </c>
      <c r="BA1156" s="53">
        <v>32546302004.829498</v>
      </c>
    </row>
    <row r="1157" spans="1:53">
      <c r="A1157" s="52" t="s">
        <v>3657</v>
      </c>
      <c r="B1157" s="53">
        <v>26868168584.414299</v>
      </c>
      <c r="C1157" s="53">
        <v>27056686513.4258</v>
      </c>
      <c r="D1157" s="53">
        <v>27081923520.9011</v>
      </c>
      <c r="E1157" s="53">
        <v>27176974307.0364</v>
      </c>
      <c r="F1157" s="53">
        <v>27263064395.3685</v>
      </c>
      <c r="G1157" s="53">
        <v>27409990798.580101</v>
      </c>
      <c r="H1157" s="53">
        <v>27519789779.594898</v>
      </c>
      <c r="I1157" s="53">
        <v>27582028779.036598</v>
      </c>
      <c r="J1157" s="53">
        <v>27811538281.606899</v>
      </c>
      <c r="K1157" s="53">
        <v>27857030752.964901</v>
      </c>
      <c r="L1157" s="53">
        <v>27955356309.863201</v>
      </c>
      <c r="M1157" s="53">
        <v>27817448118.485802</v>
      </c>
      <c r="N1157" s="53">
        <v>27817448118.485802</v>
      </c>
      <c r="O1157" s="53">
        <v>27729555999.8573</v>
      </c>
      <c r="P1157" s="53">
        <v>27902746164.4949</v>
      </c>
      <c r="Q1157" s="53">
        <v>27973074065.616798</v>
      </c>
      <c r="R1157" s="53">
        <v>28124965628.742901</v>
      </c>
      <c r="S1157" s="53">
        <v>28278359547.530201</v>
      </c>
      <c r="T1157" s="53">
        <v>28494470510.000099</v>
      </c>
      <c r="U1157" s="53">
        <v>28914396005.4729</v>
      </c>
      <c r="V1157" s="53">
        <v>29058785221.141499</v>
      </c>
      <c r="W1157" s="53">
        <v>29302019042.944302</v>
      </c>
      <c r="X1157" s="53">
        <v>29408392864.150101</v>
      </c>
      <c r="Y1157" s="53">
        <v>29504087214.182201</v>
      </c>
      <c r="Z1157" s="53">
        <v>29340409529.308701</v>
      </c>
      <c r="AA1157" s="53">
        <v>29340409529.308701</v>
      </c>
      <c r="AB1157" s="53">
        <v>29447930956.2747</v>
      </c>
      <c r="AC1157" s="53">
        <v>29682808841.101398</v>
      </c>
      <c r="AD1157" s="53">
        <v>29730767402.944901</v>
      </c>
      <c r="AE1157" s="53">
        <v>29860506338.418999</v>
      </c>
      <c r="AF1157" s="53">
        <v>29989966237.060902</v>
      </c>
      <c r="AG1157" s="53">
        <v>30181760892.955799</v>
      </c>
      <c r="AH1157" s="53">
        <v>30576473633.072601</v>
      </c>
      <c r="AI1157" s="53">
        <v>30723174111.960701</v>
      </c>
      <c r="AJ1157" s="53">
        <v>30970772361.584702</v>
      </c>
      <c r="AK1157" s="53">
        <v>30990846222.213902</v>
      </c>
      <c r="AL1157" s="53">
        <v>31086652732.390701</v>
      </c>
      <c r="AM1157" s="53">
        <v>30896617033.900101</v>
      </c>
      <c r="AN1157" s="53">
        <v>30896617033.900101</v>
      </c>
      <c r="AO1157" s="53">
        <v>31029719838.198399</v>
      </c>
      <c r="AP1157" s="53">
        <v>31258583709.383801</v>
      </c>
      <c r="AQ1157" s="53">
        <v>31304586709.460499</v>
      </c>
      <c r="AR1157" s="53">
        <v>31436669160.9259</v>
      </c>
      <c r="AS1157" s="53">
        <v>31564198100.778801</v>
      </c>
      <c r="AT1157" s="53">
        <v>31753803222.3652</v>
      </c>
      <c r="AU1157" s="53">
        <v>31994875997.586601</v>
      </c>
      <c r="AV1157" s="53">
        <v>32153287149.6507</v>
      </c>
      <c r="AW1157" s="53">
        <v>32403996077.6395</v>
      </c>
      <c r="AX1157" s="53">
        <v>32578464465.198399</v>
      </c>
      <c r="AY1157" s="53">
        <v>32674956627.9613</v>
      </c>
      <c r="AZ1157" s="53">
        <v>32468108253.601898</v>
      </c>
      <c r="BA1157" s="53">
        <v>32468108253.601898</v>
      </c>
    </row>
    <row r="1158" spans="1:53">
      <c r="A1158" s="58" t="s">
        <v>3658</v>
      </c>
      <c r="B1158" s="134">
        <v>188517929.01152</v>
      </c>
      <c r="C1158" s="134">
        <v>25237007.4752382</v>
      </c>
      <c r="D1158" s="134">
        <v>95050786.135338202</v>
      </c>
      <c r="E1158" s="134">
        <v>86090088.332068101</v>
      </c>
      <c r="F1158" s="134">
        <v>146926403.211575</v>
      </c>
      <c r="G1158" s="134">
        <v>109798981.01485801</v>
      </c>
      <c r="H1158" s="134">
        <v>62238999.441638499</v>
      </c>
      <c r="I1158" s="134">
        <v>229509502.57036</v>
      </c>
      <c r="J1158" s="134">
        <v>45492471.358008601</v>
      </c>
      <c r="K1158" s="134">
        <v>98325556.898273498</v>
      </c>
      <c r="L1158" s="134">
        <v>-137908191.37742701</v>
      </c>
      <c r="M1158" s="134">
        <v>-87892118.628490701</v>
      </c>
      <c r="N1158" s="134">
        <v>-87892118.628490701</v>
      </c>
      <c r="O1158" s="134">
        <v>173190164.63760599</v>
      </c>
      <c r="P1158" s="134">
        <v>70327901.121854693</v>
      </c>
      <c r="Q1158" s="134">
        <v>151891563.12613499</v>
      </c>
      <c r="R1158" s="134">
        <v>153393918.787278</v>
      </c>
      <c r="S1158" s="134">
        <v>216110962.469901</v>
      </c>
      <c r="T1158" s="134">
        <v>419925495.47285497</v>
      </c>
      <c r="U1158" s="134">
        <v>144389215.66859201</v>
      </c>
      <c r="V1158" s="134">
        <v>243233821.802746</v>
      </c>
      <c r="W1158" s="134">
        <v>106373821.205854</v>
      </c>
      <c r="X1158" s="134">
        <v>95694350.0321358</v>
      </c>
      <c r="Y1158" s="134">
        <v>-163677684.87358001</v>
      </c>
      <c r="Z1158" s="134">
        <v>107521426.96601801</v>
      </c>
      <c r="AA1158" s="134">
        <v>107521426.96601801</v>
      </c>
      <c r="AB1158" s="134">
        <v>234877884.82666701</v>
      </c>
      <c r="AC1158" s="134">
        <v>47958561.843566597</v>
      </c>
      <c r="AD1158" s="134">
        <v>129738935.47406</v>
      </c>
      <c r="AE1158" s="134">
        <v>129459898.641932</v>
      </c>
      <c r="AF1158" s="134">
        <v>191794655.89486399</v>
      </c>
      <c r="AG1158" s="134">
        <v>394712740.11677498</v>
      </c>
      <c r="AH1158" s="134">
        <v>146700478.88815001</v>
      </c>
      <c r="AI1158" s="134">
        <v>247598249.62397999</v>
      </c>
      <c r="AJ1158" s="134">
        <v>20073860.629253</v>
      </c>
      <c r="AK1158" s="134">
        <v>95806510.176777795</v>
      </c>
      <c r="AL1158" s="134">
        <v>-190035698.49064901</v>
      </c>
      <c r="AM1158" s="134">
        <v>133102804.298281</v>
      </c>
      <c r="AN1158" s="134">
        <v>133102804.298281</v>
      </c>
      <c r="AO1158" s="134">
        <v>228863871.18547699</v>
      </c>
      <c r="AP1158" s="134">
        <v>46003000.076722302</v>
      </c>
      <c r="AQ1158" s="134">
        <v>132082451.46530101</v>
      </c>
      <c r="AR1158" s="134">
        <v>127528939.85296699</v>
      </c>
      <c r="AS1158" s="134">
        <v>189605121.58640799</v>
      </c>
      <c r="AT1158" s="134">
        <v>241072775.22139201</v>
      </c>
      <c r="AU1158" s="134">
        <v>158411152.06409201</v>
      </c>
      <c r="AV1158" s="134">
        <v>250708927.98877099</v>
      </c>
      <c r="AW1158" s="134">
        <v>174468387.55889201</v>
      </c>
      <c r="AX1158" s="134">
        <v>96492162.762973398</v>
      </c>
      <c r="AY1158" s="134">
        <v>-206848374.359413</v>
      </c>
      <c r="AZ1158" s="134">
        <v>78193751.227535307</v>
      </c>
      <c r="BA1158" s="134">
        <v>78193751.227535307</v>
      </c>
    </row>
    <row r="1159" spans="1:53">
      <c r="A1159" s="52" t="s">
        <v>3659</v>
      </c>
    </row>
    <row r="1160" spans="1:53">
      <c r="A1160" s="52" t="s">
        <v>3660</v>
      </c>
      <c r="B1160" s="53">
        <v>0</v>
      </c>
      <c r="C1160" s="53">
        <v>0</v>
      </c>
      <c r="D1160" s="53">
        <v>0</v>
      </c>
      <c r="E1160" s="53">
        <v>0</v>
      </c>
      <c r="F1160" s="53">
        <v>0</v>
      </c>
      <c r="G1160" s="53">
        <v>0</v>
      </c>
      <c r="H1160" s="53">
        <v>0</v>
      </c>
      <c r="I1160" s="53">
        <v>0</v>
      </c>
      <c r="J1160" s="53">
        <v>0</v>
      </c>
      <c r="K1160" s="53">
        <v>0</v>
      </c>
      <c r="L1160" s="53">
        <v>0</v>
      </c>
      <c r="M1160" s="53">
        <v>0</v>
      </c>
      <c r="N1160" s="53">
        <v>0</v>
      </c>
      <c r="O1160" s="53">
        <v>0</v>
      </c>
      <c r="P1160" s="53">
        <v>0</v>
      </c>
      <c r="Q1160" s="53">
        <v>0</v>
      </c>
      <c r="R1160" s="53">
        <v>0</v>
      </c>
      <c r="S1160" s="53">
        <v>0</v>
      </c>
      <c r="T1160" s="53">
        <v>0</v>
      </c>
      <c r="U1160" s="53">
        <v>0</v>
      </c>
      <c r="V1160" s="53">
        <v>0</v>
      </c>
      <c r="W1160" s="53">
        <v>0</v>
      </c>
      <c r="X1160" s="53">
        <v>0</v>
      </c>
      <c r="Y1160" s="53">
        <v>0</v>
      </c>
      <c r="Z1160" s="53">
        <v>0</v>
      </c>
      <c r="AA1160" s="53">
        <v>0</v>
      </c>
      <c r="AB1160" s="53">
        <v>0</v>
      </c>
      <c r="AC1160" s="53">
        <v>0</v>
      </c>
      <c r="AD1160" s="53">
        <v>0</v>
      </c>
      <c r="AE1160" s="53">
        <v>0</v>
      </c>
      <c r="AF1160" s="53">
        <v>0</v>
      </c>
      <c r="AG1160" s="53">
        <v>0</v>
      </c>
      <c r="AH1160" s="53">
        <v>0</v>
      </c>
      <c r="AI1160" s="53">
        <v>0</v>
      </c>
      <c r="AJ1160" s="53">
        <v>0</v>
      </c>
      <c r="AK1160" s="53">
        <v>0</v>
      </c>
      <c r="AL1160" s="53">
        <v>0</v>
      </c>
      <c r="AM1160" s="53">
        <v>0</v>
      </c>
      <c r="AN1160" s="53">
        <v>0</v>
      </c>
      <c r="AO1160" s="53">
        <v>0</v>
      </c>
      <c r="AP1160" s="53">
        <v>0</v>
      </c>
      <c r="AQ1160" s="53">
        <v>0</v>
      </c>
      <c r="AR1160" s="53">
        <v>0</v>
      </c>
      <c r="AS1160" s="53">
        <v>0</v>
      </c>
      <c r="AT1160" s="53">
        <v>0</v>
      </c>
      <c r="AU1160" s="53">
        <v>0</v>
      </c>
      <c r="AV1160" s="53">
        <v>0</v>
      </c>
      <c r="AW1160" s="53">
        <v>0</v>
      </c>
      <c r="AX1160" s="53">
        <v>0</v>
      </c>
      <c r="AY1160" s="53">
        <v>0</v>
      </c>
      <c r="AZ1160" s="53">
        <v>0</v>
      </c>
      <c r="BA1160" s="53">
        <v>0</v>
      </c>
    </row>
    <row r="1161" spans="1:53">
      <c r="A1161" s="58" t="s">
        <v>3661</v>
      </c>
      <c r="B1161" s="53">
        <v>0</v>
      </c>
      <c r="C1161" s="53">
        <v>0</v>
      </c>
      <c r="D1161" s="53">
        <v>0</v>
      </c>
      <c r="E1161" s="53">
        <v>0</v>
      </c>
      <c r="F1161" s="53">
        <v>0</v>
      </c>
      <c r="G1161" s="53">
        <v>0</v>
      </c>
      <c r="H1161" s="53">
        <v>0</v>
      </c>
      <c r="I1161" s="53">
        <v>0</v>
      </c>
      <c r="J1161" s="53">
        <v>0</v>
      </c>
      <c r="K1161" s="53">
        <v>0</v>
      </c>
      <c r="L1161" s="53">
        <v>0</v>
      </c>
      <c r="M1161" s="53">
        <v>0</v>
      </c>
      <c r="N1161" s="53">
        <v>0</v>
      </c>
      <c r="O1161" s="53">
        <v>0</v>
      </c>
      <c r="P1161" s="53">
        <v>0</v>
      </c>
      <c r="Q1161" s="53">
        <v>0</v>
      </c>
      <c r="R1161" s="53">
        <v>0</v>
      </c>
      <c r="S1161" s="53">
        <v>0</v>
      </c>
      <c r="T1161" s="53">
        <v>0</v>
      </c>
      <c r="U1161" s="53">
        <v>0</v>
      </c>
      <c r="V1161" s="53">
        <v>0</v>
      </c>
      <c r="W1161" s="53">
        <v>0</v>
      </c>
      <c r="X1161" s="53">
        <v>0</v>
      </c>
      <c r="Y1161" s="53">
        <v>0</v>
      </c>
      <c r="Z1161" s="53">
        <v>0</v>
      </c>
      <c r="AA1161" s="53">
        <v>0</v>
      </c>
      <c r="AB1161" s="53">
        <v>0</v>
      </c>
      <c r="AC1161" s="53">
        <v>0</v>
      </c>
      <c r="AD1161" s="53">
        <v>0</v>
      </c>
      <c r="AE1161" s="53">
        <v>0</v>
      </c>
      <c r="AF1161" s="53">
        <v>0</v>
      </c>
      <c r="AG1161" s="53">
        <v>0</v>
      </c>
      <c r="AH1161" s="53">
        <v>0</v>
      </c>
      <c r="AI1161" s="53">
        <v>0</v>
      </c>
      <c r="AJ1161" s="53">
        <v>0</v>
      </c>
      <c r="AK1161" s="53">
        <v>0</v>
      </c>
      <c r="AL1161" s="53">
        <v>0</v>
      </c>
      <c r="AM1161" s="53">
        <v>0</v>
      </c>
      <c r="AN1161" s="53">
        <v>0</v>
      </c>
      <c r="AO1161" s="53">
        <v>0</v>
      </c>
      <c r="AP1161" s="53">
        <v>0</v>
      </c>
      <c r="AQ1161" s="53">
        <v>0</v>
      </c>
      <c r="AR1161" s="53">
        <v>0</v>
      </c>
      <c r="AS1161" s="53">
        <v>0</v>
      </c>
      <c r="AT1161" s="53">
        <v>0</v>
      </c>
      <c r="AU1161" s="53">
        <v>0</v>
      </c>
      <c r="AV1161" s="53">
        <v>0</v>
      </c>
      <c r="AW1161" s="53">
        <v>0</v>
      </c>
      <c r="AX1161" s="53">
        <v>0</v>
      </c>
      <c r="AY1161" s="53">
        <v>0</v>
      </c>
      <c r="AZ1161" s="53">
        <v>0</v>
      </c>
      <c r="BA1161" s="53">
        <v>0</v>
      </c>
    </row>
    <row r="1162" spans="1:53">
      <c r="A1162" s="58" t="s">
        <v>3662</v>
      </c>
      <c r="B1162" s="53">
        <v>0</v>
      </c>
      <c r="C1162" s="53">
        <v>0</v>
      </c>
      <c r="D1162" s="53">
        <v>0</v>
      </c>
      <c r="E1162" s="53">
        <v>0</v>
      </c>
      <c r="F1162" s="53">
        <v>0</v>
      </c>
      <c r="G1162" s="53">
        <v>0</v>
      </c>
      <c r="H1162" s="53">
        <v>0</v>
      </c>
      <c r="I1162" s="53">
        <v>0</v>
      </c>
      <c r="J1162" s="53">
        <v>0</v>
      </c>
      <c r="K1162" s="53">
        <v>0</v>
      </c>
      <c r="L1162" s="53">
        <v>0</v>
      </c>
      <c r="M1162" s="53">
        <v>0</v>
      </c>
      <c r="N1162" s="53">
        <v>0</v>
      </c>
      <c r="O1162" s="53">
        <v>0</v>
      </c>
      <c r="P1162" s="53">
        <v>0</v>
      </c>
      <c r="Q1162" s="53">
        <v>0</v>
      </c>
      <c r="R1162" s="53">
        <v>0</v>
      </c>
      <c r="S1162" s="53">
        <v>0</v>
      </c>
      <c r="T1162" s="53">
        <v>0</v>
      </c>
      <c r="U1162" s="53">
        <v>0</v>
      </c>
      <c r="V1162" s="53">
        <v>0</v>
      </c>
      <c r="W1162" s="53">
        <v>0</v>
      </c>
      <c r="X1162" s="53">
        <v>0</v>
      </c>
      <c r="Y1162" s="53">
        <v>0</v>
      </c>
      <c r="Z1162" s="53">
        <v>0</v>
      </c>
      <c r="AA1162" s="53">
        <v>0</v>
      </c>
      <c r="AB1162" s="53">
        <v>0</v>
      </c>
      <c r="AC1162" s="53">
        <v>0</v>
      </c>
      <c r="AD1162" s="53">
        <v>0</v>
      </c>
      <c r="AE1162" s="53">
        <v>0</v>
      </c>
      <c r="AF1162" s="53">
        <v>0</v>
      </c>
      <c r="AG1162" s="53">
        <v>0</v>
      </c>
      <c r="AH1162" s="53">
        <v>0</v>
      </c>
      <c r="AI1162" s="53">
        <v>0</v>
      </c>
      <c r="AJ1162" s="53">
        <v>0</v>
      </c>
      <c r="AK1162" s="53">
        <v>0</v>
      </c>
      <c r="AL1162" s="53">
        <v>0</v>
      </c>
      <c r="AM1162" s="53">
        <v>0</v>
      </c>
      <c r="AN1162" s="53">
        <v>0</v>
      </c>
      <c r="AO1162" s="53">
        <v>0</v>
      </c>
      <c r="AP1162" s="53">
        <v>0</v>
      </c>
      <c r="AQ1162" s="53">
        <v>0</v>
      </c>
      <c r="AR1162" s="53">
        <v>0</v>
      </c>
      <c r="AS1162" s="53">
        <v>0</v>
      </c>
      <c r="AT1162" s="53">
        <v>0</v>
      </c>
      <c r="AU1162" s="53">
        <v>0</v>
      </c>
      <c r="AV1162" s="53">
        <v>0</v>
      </c>
      <c r="AW1162" s="53">
        <v>0</v>
      </c>
      <c r="AX1162" s="53">
        <v>0</v>
      </c>
      <c r="AY1162" s="53">
        <v>0</v>
      </c>
      <c r="AZ1162" s="53">
        <v>0</v>
      </c>
      <c r="BA1162" s="53">
        <v>0</v>
      </c>
    </row>
    <row r="1163" spans="1:53">
      <c r="A1163" s="58" t="s">
        <v>3663</v>
      </c>
      <c r="B1163" s="53">
        <v>0</v>
      </c>
      <c r="C1163" s="53">
        <v>0</v>
      </c>
      <c r="D1163" s="53">
        <v>0</v>
      </c>
      <c r="E1163" s="53">
        <v>0</v>
      </c>
      <c r="F1163" s="53">
        <v>0</v>
      </c>
      <c r="G1163" s="53">
        <v>0</v>
      </c>
      <c r="H1163" s="53">
        <v>0</v>
      </c>
      <c r="I1163" s="53">
        <v>0</v>
      </c>
      <c r="J1163" s="53">
        <v>0</v>
      </c>
      <c r="K1163" s="53">
        <v>0</v>
      </c>
      <c r="L1163" s="53">
        <v>0</v>
      </c>
      <c r="M1163" s="53">
        <v>0</v>
      </c>
      <c r="N1163" s="53">
        <v>0</v>
      </c>
      <c r="O1163" s="53">
        <v>0</v>
      </c>
      <c r="P1163" s="53">
        <v>0</v>
      </c>
      <c r="Q1163" s="53">
        <v>0</v>
      </c>
      <c r="R1163" s="53">
        <v>0</v>
      </c>
      <c r="S1163" s="53">
        <v>0</v>
      </c>
      <c r="T1163" s="53">
        <v>0</v>
      </c>
      <c r="U1163" s="53">
        <v>0</v>
      </c>
      <c r="V1163" s="53">
        <v>0</v>
      </c>
      <c r="W1163" s="53">
        <v>0</v>
      </c>
      <c r="X1163" s="53">
        <v>0</v>
      </c>
      <c r="Y1163" s="53">
        <v>0</v>
      </c>
      <c r="Z1163" s="53">
        <v>0</v>
      </c>
      <c r="AA1163" s="53">
        <v>0</v>
      </c>
      <c r="AB1163" s="53">
        <v>0</v>
      </c>
      <c r="AC1163" s="53">
        <v>0</v>
      </c>
      <c r="AD1163" s="53">
        <v>0</v>
      </c>
      <c r="AE1163" s="53">
        <v>0</v>
      </c>
      <c r="AF1163" s="53">
        <v>0</v>
      </c>
      <c r="AG1163" s="53">
        <v>0</v>
      </c>
      <c r="AH1163" s="53">
        <v>0</v>
      </c>
      <c r="AI1163" s="53">
        <v>0</v>
      </c>
      <c r="AJ1163" s="53">
        <v>0</v>
      </c>
      <c r="AK1163" s="53">
        <v>0</v>
      </c>
      <c r="AL1163" s="53">
        <v>0</v>
      </c>
      <c r="AM1163" s="53">
        <v>0</v>
      </c>
      <c r="AN1163" s="53">
        <v>0</v>
      </c>
      <c r="AO1163" s="53">
        <v>0</v>
      </c>
      <c r="AP1163" s="53">
        <v>0</v>
      </c>
      <c r="AQ1163" s="53">
        <v>0</v>
      </c>
      <c r="AR1163" s="53">
        <v>0</v>
      </c>
      <c r="AS1163" s="53">
        <v>0</v>
      </c>
      <c r="AT1163" s="53">
        <v>0</v>
      </c>
      <c r="AU1163" s="53">
        <v>0</v>
      </c>
      <c r="AV1163" s="53">
        <v>0</v>
      </c>
      <c r="AW1163" s="53">
        <v>0</v>
      </c>
      <c r="AX1163" s="53">
        <v>0</v>
      </c>
      <c r="AY1163" s="53">
        <v>0</v>
      </c>
      <c r="AZ1163" s="53">
        <v>0</v>
      </c>
      <c r="BA1163" s="53">
        <v>0</v>
      </c>
    </row>
    <row r="1164" spans="1:53">
      <c r="A1164" s="58" t="s">
        <v>3664</v>
      </c>
      <c r="B1164" s="53">
        <v>0</v>
      </c>
      <c r="C1164" s="53">
        <v>0</v>
      </c>
      <c r="D1164" s="53">
        <v>0</v>
      </c>
      <c r="E1164" s="53">
        <v>0</v>
      </c>
      <c r="F1164" s="53">
        <v>0</v>
      </c>
      <c r="G1164" s="53">
        <v>0</v>
      </c>
      <c r="H1164" s="53">
        <v>0</v>
      </c>
      <c r="I1164" s="53">
        <v>0</v>
      </c>
      <c r="J1164" s="53">
        <v>0</v>
      </c>
      <c r="K1164" s="53">
        <v>0</v>
      </c>
      <c r="L1164" s="53">
        <v>0</v>
      </c>
      <c r="M1164" s="53">
        <v>0</v>
      </c>
      <c r="N1164" s="53">
        <v>0</v>
      </c>
      <c r="O1164" s="53">
        <v>0</v>
      </c>
      <c r="P1164" s="53">
        <v>0</v>
      </c>
      <c r="Q1164" s="53">
        <v>0</v>
      </c>
      <c r="R1164" s="53">
        <v>0</v>
      </c>
      <c r="S1164" s="53">
        <v>0</v>
      </c>
      <c r="T1164" s="53">
        <v>0</v>
      </c>
      <c r="U1164" s="53">
        <v>0</v>
      </c>
      <c r="V1164" s="53">
        <v>0</v>
      </c>
      <c r="W1164" s="53">
        <v>0</v>
      </c>
      <c r="X1164" s="53">
        <v>0</v>
      </c>
      <c r="Y1164" s="53">
        <v>0</v>
      </c>
      <c r="Z1164" s="53">
        <v>0</v>
      </c>
      <c r="AA1164" s="53">
        <v>0</v>
      </c>
      <c r="AB1164" s="53">
        <v>0</v>
      </c>
      <c r="AC1164" s="53">
        <v>0</v>
      </c>
      <c r="AD1164" s="53">
        <v>0</v>
      </c>
      <c r="AE1164" s="53">
        <v>0</v>
      </c>
      <c r="AF1164" s="53">
        <v>0</v>
      </c>
      <c r="AG1164" s="53">
        <v>0</v>
      </c>
      <c r="AH1164" s="53">
        <v>0</v>
      </c>
      <c r="AI1164" s="53">
        <v>0</v>
      </c>
      <c r="AJ1164" s="53">
        <v>0</v>
      </c>
      <c r="AK1164" s="53">
        <v>0</v>
      </c>
      <c r="AL1164" s="53">
        <v>0</v>
      </c>
      <c r="AM1164" s="53">
        <v>0</v>
      </c>
      <c r="AN1164" s="53">
        <v>0</v>
      </c>
      <c r="AO1164" s="53">
        <v>0</v>
      </c>
      <c r="AP1164" s="53">
        <v>0</v>
      </c>
      <c r="AQ1164" s="53">
        <v>0</v>
      </c>
      <c r="AR1164" s="53">
        <v>0</v>
      </c>
      <c r="AS1164" s="53">
        <v>0</v>
      </c>
      <c r="AT1164" s="53">
        <v>0</v>
      </c>
      <c r="AU1164" s="53">
        <v>0</v>
      </c>
      <c r="AV1164" s="53">
        <v>0</v>
      </c>
      <c r="AW1164" s="53">
        <v>0</v>
      </c>
      <c r="AX1164" s="53">
        <v>0</v>
      </c>
      <c r="AY1164" s="53">
        <v>0</v>
      </c>
      <c r="AZ1164" s="53">
        <v>0</v>
      </c>
      <c r="BA1164" s="53">
        <v>0</v>
      </c>
    </row>
    <row r="1165" spans="1:53">
      <c r="A1165" s="58" t="s">
        <v>3665</v>
      </c>
      <c r="B1165" s="53">
        <v>0</v>
      </c>
      <c r="C1165" s="53">
        <v>0</v>
      </c>
      <c r="D1165" s="53">
        <v>0</v>
      </c>
      <c r="E1165" s="53">
        <v>0</v>
      </c>
      <c r="F1165" s="53">
        <v>0</v>
      </c>
      <c r="G1165" s="53">
        <v>0</v>
      </c>
      <c r="H1165" s="53">
        <v>0</v>
      </c>
      <c r="I1165" s="53">
        <v>0</v>
      </c>
      <c r="J1165" s="53">
        <v>0</v>
      </c>
      <c r="K1165" s="53">
        <v>0</v>
      </c>
      <c r="L1165" s="53">
        <v>0</v>
      </c>
      <c r="M1165" s="53">
        <v>0</v>
      </c>
      <c r="N1165" s="53">
        <v>0</v>
      </c>
      <c r="O1165" s="53">
        <v>0</v>
      </c>
      <c r="P1165" s="53">
        <v>0</v>
      </c>
      <c r="Q1165" s="53">
        <v>0</v>
      </c>
      <c r="R1165" s="53">
        <v>0</v>
      </c>
      <c r="S1165" s="53">
        <v>0</v>
      </c>
      <c r="T1165" s="53">
        <v>0</v>
      </c>
      <c r="U1165" s="53">
        <v>0</v>
      </c>
      <c r="V1165" s="53">
        <v>0</v>
      </c>
      <c r="W1165" s="53">
        <v>0</v>
      </c>
      <c r="X1165" s="53">
        <v>0</v>
      </c>
      <c r="Y1165" s="53">
        <v>0</v>
      </c>
      <c r="Z1165" s="53">
        <v>0</v>
      </c>
      <c r="AA1165" s="53">
        <v>0</v>
      </c>
      <c r="AB1165" s="53">
        <v>0</v>
      </c>
      <c r="AC1165" s="53">
        <v>0</v>
      </c>
      <c r="AD1165" s="53">
        <v>0</v>
      </c>
      <c r="AE1165" s="53">
        <v>0</v>
      </c>
      <c r="AF1165" s="53">
        <v>0</v>
      </c>
      <c r="AG1165" s="53">
        <v>0</v>
      </c>
      <c r="AH1165" s="53">
        <v>0</v>
      </c>
      <c r="AI1165" s="53">
        <v>0</v>
      </c>
      <c r="AJ1165" s="53">
        <v>0</v>
      </c>
      <c r="AK1165" s="53">
        <v>0</v>
      </c>
      <c r="AL1165" s="53">
        <v>0</v>
      </c>
      <c r="AM1165" s="53">
        <v>0</v>
      </c>
      <c r="AN1165" s="53">
        <v>0</v>
      </c>
      <c r="AO1165" s="53">
        <v>0</v>
      </c>
      <c r="AP1165" s="53">
        <v>0</v>
      </c>
      <c r="AQ1165" s="53">
        <v>0</v>
      </c>
      <c r="AR1165" s="53">
        <v>0</v>
      </c>
      <c r="AS1165" s="53">
        <v>0</v>
      </c>
      <c r="AT1165" s="53">
        <v>0</v>
      </c>
      <c r="AU1165" s="53">
        <v>0</v>
      </c>
      <c r="AV1165" s="53">
        <v>0</v>
      </c>
      <c r="AW1165" s="53">
        <v>0</v>
      </c>
      <c r="AX1165" s="53">
        <v>0</v>
      </c>
      <c r="AY1165" s="53">
        <v>0</v>
      </c>
      <c r="AZ1165" s="53">
        <v>0</v>
      </c>
      <c r="BA1165" s="53">
        <v>0</v>
      </c>
    </row>
    <row r="1166" spans="1:53">
      <c r="A1166" s="52" t="s">
        <v>3666</v>
      </c>
    </row>
    <row r="1167" spans="1:53">
      <c r="A1167" s="52" t="s">
        <v>3667</v>
      </c>
    </row>
    <row r="1168" spans="1:53">
      <c r="A1168" s="52" t="s">
        <v>3668</v>
      </c>
      <c r="B1168" s="53">
        <v>0</v>
      </c>
      <c r="C1168" s="53">
        <v>0</v>
      </c>
      <c r="D1168" s="53">
        <v>0</v>
      </c>
      <c r="E1168" s="53">
        <v>0</v>
      </c>
      <c r="F1168" s="53">
        <v>0</v>
      </c>
      <c r="G1168" s="53">
        <v>0</v>
      </c>
      <c r="H1168" s="53">
        <v>0</v>
      </c>
      <c r="I1168" s="53">
        <v>0</v>
      </c>
      <c r="J1168" s="53">
        <v>0</v>
      </c>
      <c r="K1168" s="53">
        <v>0</v>
      </c>
      <c r="L1168" s="53">
        <v>0</v>
      </c>
      <c r="M1168" s="53">
        <v>0</v>
      </c>
      <c r="N1168" s="53">
        <v>0</v>
      </c>
      <c r="O1168" s="53">
        <v>0</v>
      </c>
      <c r="P1168" s="53">
        <v>0</v>
      </c>
      <c r="Q1168" s="53">
        <v>0</v>
      </c>
      <c r="R1168" s="53">
        <v>0</v>
      </c>
      <c r="S1168" s="53">
        <v>0</v>
      </c>
      <c r="T1168" s="53">
        <v>0</v>
      </c>
      <c r="U1168" s="53">
        <v>0</v>
      </c>
      <c r="V1168" s="53">
        <v>0</v>
      </c>
      <c r="W1168" s="53">
        <v>0</v>
      </c>
      <c r="X1168" s="53">
        <v>0</v>
      </c>
      <c r="Y1168" s="53">
        <v>0</v>
      </c>
      <c r="Z1168" s="53">
        <v>0</v>
      </c>
      <c r="AA1168" s="53">
        <v>0</v>
      </c>
      <c r="AB1168" s="53">
        <v>0</v>
      </c>
      <c r="AC1168" s="53">
        <v>0</v>
      </c>
      <c r="AD1168" s="53">
        <v>0</v>
      </c>
      <c r="AE1168" s="53">
        <v>0</v>
      </c>
      <c r="AF1168" s="53">
        <v>0</v>
      </c>
      <c r="AG1168" s="53">
        <v>0</v>
      </c>
      <c r="AH1168" s="53">
        <v>0</v>
      </c>
      <c r="AI1168" s="53">
        <v>0</v>
      </c>
      <c r="AJ1168" s="53">
        <v>0</v>
      </c>
      <c r="AK1168" s="53">
        <v>0</v>
      </c>
      <c r="AL1168" s="53">
        <v>0</v>
      </c>
      <c r="AM1168" s="53">
        <v>0</v>
      </c>
      <c r="AN1168" s="53">
        <v>0</v>
      </c>
      <c r="AO1168" s="53">
        <v>0</v>
      </c>
      <c r="AP1168" s="53">
        <v>0</v>
      </c>
      <c r="AQ1168" s="53">
        <v>0</v>
      </c>
      <c r="AR1168" s="53">
        <v>0</v>
      </c>
      <c r="AS1168" s="53">
        <v>0</v>
      </c>
      <c r="AT1168" s="53">
        <v>0</v>
      </c>
      <c r="AU1168" s="53">
        <v>0</v>
      </c>
      <c r="AV1168" s="53">
        <v>0</v>
      </c>
      <c r="AW1168" s="53">
        <v>0</v>
      </c>
      <c r="AX1168" s="53">
        <v>0</v>
      </c>
      <c r="AY1168" s="53">
        <v>0</v>
      </c>
      <c r="AZ1168" s="53">
        <v>0</v>
      </c>
      <c r="BA1168" s="53">
        <v>0</v>
      </c>
    </row>
    <row r="1169" spans="1:53">
      <c r="A1169" s="58" t="s">
        <v>3669</v>
      </c>
      <c r="B1169" s="136">
        <v>0</v>
      </c>
      <c r="C1169" s="136">
        <v>0</v>
      </c>
      <c r="D1169" s="136">
        <v>0</v>
      </c>
      <c r="E1169" s="136">
        <v>0</v>
      </c>
      <c r="F1169" s="136">
        <v>0</v>
      </c>
      <c r="G1169" s="136">
        <v>0</v>
      </c>
      <c r="H1169" s="136">
        <v>0</v>
      </c>
      <c r="I1169" s="136">
        <v>0</v>
      </c>
      <c r="J1169" s="136">
        <v>0</v>
      </c>
      <c r="K1169" s="136">
        <v>0</v>
      </c>
      <c r="L1169" s="136">
        <v>0</v>
      </c>
      <c r="M1169" s="136">
        <v>0</v>
      </c>
      <c r="N1169" s="136">
        <v>0</v>
      </c>
      <c r="O1169" s="136">
        <v>0</v>
      </c>
      <c r="P1169" s="136">
        <v>0</v>
      </c>
      <c r="Q1169" s="136">
        <v>0</v>
      </c>
      <c r="R1169" s="136">
        <v>0</v>
      </c>
      <c r="S1169" s="136">
        <v>0</v>
      </c>
      <c r="T1169" s="136">
        <v>0</v>
      </c>
      <c r="U1169" s="136">
        <v>0</v>
      </c>
      <c r="V1169" s="136">
        <v>0</v>
      </c>
      <c r="W1169" s="136">
        <v>0</v>
      </c>
      <c r="X1169" s="136">
        <v>0</v>
      </c>
      <c r="Y1169" s="136">
        <v>0</v>
      </c>
      <c r="Z1169" s="136">
        <v>0</v>
      </c>
      <c r="AA1169" s="136">
        <v>0</v>
      </c>
      <c r="AB1169" s="136">
        <v>0</v>
      </c>
      <c r="AC1169" s="136">
        <v>0</v>
      </c>
      <c r="AD1169" s="136">
        <v>0</v>
      </c>
      <c r="AE1169" s="136">
        <v>0</v>
      </c>
      <c r="AF1169" s="136">
        <v>0</v>
      </c>
      <c r="AG1169" s="136">
        <v>0</v>
      </c>
      <c r="AH1169" s="136">
        <v>0</v>
      </c>
      <c r="AI1169" s="136">
        <v>0</v>
      </c>
      <c r="AJ1169" s="136">
        <v>0</v>
      </c>
      <c r="AK1169" s="136">
        <v>0</v>
      </c>
      <c r="AL1169" s="136">
        <v>0</v>
      </c>
      <c r="AM1169" s="136">
        <v>0</v>
      </c>
      <c r="AN1169" s="136">
        <v>0</v>
      </c>
      <c r="AO1169" s="136">
        <v>0</v>
      </c>
      <c r="AP1169" s="136">
        <v>0</v>
      </c>
      <c r="AQ1169" s="136">
        <v>0</v>
      </c>
      <c r="AR1169" s="136">
        <v>0</v>
      </c>
      <c r="AS1169" s="136">
        <v>0</v>
      </c>
      <c r="AT1169" s="136">
        <v>0</v>
      </c>
      <c r="AU1169" s="136">
        <v>0</v>
      </c>
      <c r="AV1169" s="136">
        <v>0</v>
      </c>
      <c r="AW1169" s="136">
        <v>0</v>
      </c>
      <c r="AX1169" s="136">
        <v>0</v>
      </c>
      <c r="AY1169" s="136">
        <v>0</v>
      </c>
      <c r="AZ1169" s="136">
        <v>0</v>
      </c>
      <c r="BA1169" s="136">
        <v>0</v>
      </c>
    </row>
    <row r="1170" spans="1:53">
      <c r="A1170" s="52" t="s">
        <v>645</v>
      </c>
    </row>
    <row r="1171" spans="1:53">
      <c r="A1171" s="52" t="s">
        <v>3670</v>
      </c>
    </row>
    <row r="1172" spans="1:53">
      <c r="A1172" s="52" t="s">
        <v>3671</v>
      </c>
      <c r="B1172" s="53">
        <v>-27056686514.215801</v>
      </c>
      <c r="C1172" s="53">
        <v>-27081923521.691002</v>
      </c>
      <c r="D1172" s="53">
        <v>-27176974307.826401</v>
      </c>
      <c r="E1172" s="53">
        <v>-27263064396.158501</v>
      </c>
      <c r="F1172" s="53">
        <v>-27409990799.369999</v>
      </c>
      <c r="G1172" s="53">
        <v>-27519789780.384899</v>
      </c>
      <c r="H1172" s="53">
        <v>-27582028779.8265</v>
      </c>
      <c r="I1172" s="53">
        <v>-27811538282.3969</v>
      </c>
      <c r="J1172" s="53">
        <v>-27857030753.754902</v>
      </c>
      <c r="K1172" s="53">
        <v>-27955356310.653198</v>
      </c>
      <c r="L1172" s="53">
        <v>-27817448119.275799</v>
      </c>
      <c r="M1172" s="53">
        <v>-27729556000.647301</v>
      </c>
      <c r="N1172" s="53">
        <v>-27729556000.647301</v>
      </c>
      <c r="O1172" s="53">
        <v>-27902746165.284901</v>
      </c>
      <c r="P1172" s="53">
        <v>-27973074066.4067</v>
      </c>
      <c r="Q1172" s="53">
        <v>-28124965629.532902</v>
      </c>
      <c r="R1172" s="53">
        <v>-28278359548.320099</v>
      </c>
      <c r="S1172" s="53">
        <v>-28494470510.790001</v>
      </c>
      <c r="T1172" s="53">
        <v>-28914396006.262901</v>
      </c>
      <c r="U1172" s="53">
        <v>-29058785221.931499</v>
      </c>
      <c r="V1172" s="53">
        <v>-29302019043.7342</v>
      </c>
      <c r="W1172" s="53">
        <v>-29408392864.940102</v>
      </c>
      <c r="X1172" s="53">
        <v>-29504087214.972198</v>
      </c>
      <c r="Y1172" s="53">
        <v>-29340409530.098598</v>
      </c>
      <c r="Z1172" s="53">
        <v>-29447930957.064602</v>
      </c>
      <c r="AA1172" s="53">
        <v>-29447930957.064602</v>
      </c>
      <c r="AB1172" s="53">
        <v>-29682808841.8913</v>
      </c>
      <c r="AC1172" s="53">
        <v>-29730767403.734901</v>
      </c>
      <c r="AD1172" s="53">
        <v>-29860506339.209</v>
      </c>
      <c r="AE1172" s="53">
        <v>-29989966237.850899</v>
      </c>
      <c r="AF1172" s="53">
        <v>-30181760893.7458</v>
      </c>
      <c r="AG1172" s="53">
        <v>-30576473633.862499</v>
      </c>
      <c r="AH1172" s="53">
        <v>-30723174112.750702</v>
      </c>
      <c r="AI1172" s="53">
        <v>-30970772362.374699</v>
      </c>
      <c r="AJ1172" s="53">
        <v>-30990846223.003899</v>
      </c>
      <c r="AK1172" s="53">
        <v>-31086652733.180698</v>
      </c>
      <c r="AL1172" s="53">
        <v>-30896617034.689999</v>
      </c>
      <c r="AM1172" s="53">
        <v>-31029719838.9883</v>
      </c>
      <c r="AN1172" s="53">
        <v>-31029719838.9883</v>
      </c>
      <c r="AO1172" s="53">
        <v>-31258583710.173801</v>
      </c>
      <c r="AP1172" s="53">
        <v>-31304586710.2505</v>
      </c>
      <c r="AQ1172" s="53">
        <v>-31436669161.715801</v>
      </c>
      <c r="AR1172" s="53">
        <v>-31564198101.568802</v>
      </c>
      <c r="AS1172" s="53">
        <v>-31753803223.155201</v>
      </c>
      <c r="AT1172" s="53">
        <v>-31994875998.376598</v>
      </c>
      <c r="AU1172" s="53">
        <v>-32153287150.440701</v>
      </c>
      <c r="AV1172" s="53">
        <v>-32403996078.429501</v>
      </c>
      <c r="AW1172" s="53">
        <v>-32578464465.9883</v>
      </c>
      <c r="AX1172" s="53">
        <v>-32674956628.751301</v>
      </c>
      <c r="AY1172" s="53">
        <v>-32468108254.391899</v>
      </c>
      <c r="AZ1172" s="53">
        <v>-32546302005.6194</v>
      </c>
      <c r="BA1172" s="53">
        <v>-32546302005.6194</v>
      </c>
    </row>
    <row r="1173" spans="1:53">
      <c r="A1173" s="52" t="s">
        <v>3672</v>
      </c>
      <c r="B1173" s="53">
        <v>-26868168585.2043</v>
      </c>
      <c r="C1173" s="53">
        <v>-27056686514.215801</v>
      </c>
      <c r="D1173" s="53">
        <v>-27081923521.691002</v>
      </c>
      <c r="E1173" s="53">
        <v>-27176974307.826401</v>
      </c>
      <c r="F1173" s="53">
        <v>-27263064396.158501</v>
      </c>
      <c r="G1173" s="53">
        <v>-27409990799.369999</v>
      </c>
      <c r="H1173" s="53">
        <v>-27519789780.384899</v>
      </c>
      <c r="I1173" s="53">
        <v>-27582028779.8265</v>
      </c>
      <c r="J1173" s="53">
        <v>-27811538282.3969</v>
      </c>
      <c r="K1173" s="53">
        <v>-27857030753.754902</v>
      </c>
      <c r="L1173" s="53">
        <v>-27955356310.653198</v>
      </c>
      <c r="M1173" s="53">
        <v>-27817448119.275799</v>
      </c>
      <c r="N1173" s="53">
        <v>-27817448119.275799</v>
      </c>
      <c r="O1173" s="53">
        <v>-27729556000.647301</v>
      </c>
      <c r="P1173" s="53">
        <v>-27902746165.284901</v>
      </c>
      <c r="Q1173" s="53">
        <v>-27973074066.4067</v>
      </c>
      <c r="R1173" s="53">
        <v>-28124965629.532902</v>
      </c>
      <c r="S1173" s="53">
        <v>-28278359548.320099</v>
      </c>
      <c r="T1173" s="53">
        <v>-28494470510.790001</v>
      </c>
      <c r="U1173" s="53">
        <v>-28914396006.262901</v>
      </c>
      <c r="V1173" s="53">
        <v>-29058785221.931499</v>
      </c>
      <c r="W1173" s="53">
        <v>-29302019043.7342</v>
      </c>
      <c r="X1173" s="53">
        <v>-29408392864.940102</v>
      </c>
      <c r="Y1173" s="53">
        <v>-29504087214.972198</v>
      </c>
      <c r="Z1173" s="53">
        <v>-29340409530.098598</v>
      </c>
      <c r="AA1173" s="53">
        <v>-29340409530.098598</v>
      </c>
      <c r="AB1173" s="53">
        <v>-29447930957.064602</v>
      </c>
      <c r="AC1173" s="53">
        <v>-29682808841.8913</v>
      </c>
      <c r="AD1173" s="53">
        <v>-29730767403.734901</v>
      </c>
      <c r="AE1173" s="53">
        <v>-29860506339.209</v>
      </c>
      <c r="AF1173" s="53">
        <v>-29989966237.850899</v>
      </c>
      <c r="AG1173" s="53">
        <v>-30181760893.7458</v>
      </c>
      <c r="AH1173" s="53">
        <v>-30576473633.862499</v>
      </c>
      <c r="AI1173" s="53">
        <v>-30723174112.750702</v>
      </c>
      <c r="AJ1173" s="53">
        <v>-30970772362.374699</v>
      </c>
      <c r="AK1173" s="53">
        <v>-30990846223.003899</v>
      </c>
      <c r="AL1173" s="53">
        <v>-31086652733.180698</v>
      </c>
      <c r="AM1173" s="53">
        <v>-30896617034.689999</v>
      </c>
      <c r="AN1173" s="53">
        <v>-30896617034.689999</v>
      </c>
      <c r="AO1173" s="53">
        <v>-31029719838.9883</v>
      </c>
      <c r="AP1173" s="53">
        <v>-31258583710.173801</v>
      </c>
      <c r="AQ1173" s="53">
        <v>-31304586710.2505</v>
      </c>
      <c r="AR1173" s="53">
        <v>-31436669161.715801</v>
      </c>
      <c r="AS1173" s="53">
        <v>-31564198101.568802</v>
      </c>
      <c r="AT1173" s="53">
        <v>-31753803223.155201</v>
      </c>
      <c r="AU1173" s="53">
        <v>-31994875998.376598</v>
      </c>
      <c r="AV1173" s="53">
        <v>-32153287150.440701</v>
      </c>
      <c r="AW1173" s="53">
        <v>-32403996078.429501</v>
      </c>
      <c r="AX1173" s="53">
        <v>-32578464465.9883</v>
      </c>
      <c r="AY1173" s="53">
        <v>-32674956628.751301</v>
      </c>
      <c r="AZ1173" s="53">
        <v>-32468108254.391899</v>
      </c>
      <c r="BA1173" s="53">
        <v>-32468108254.391899</v>
      </c>
    </row>
    <row r="1174" spans="1:53">
      <c r="A1174" s="58" t="s">
        <v>3673</v>
      </c>
      <c r="B1174" s="134">
        <v>-188517929.011531</v>
      </c>
      <c r="C1174" s="134">
        <v>-25237007.475234501</v>
      </c>
      <c r="D1174" s="134">
        <v>-95050786.135334507</v>
      </c>
      <c r="E1174" s="134">
        <v>-86090088.332083002</v>
      </c>
      <c r="F1174" s="134">
        <v>-146926403.211575</v>
      </c>
      <c r="G1174" s="134">
        <v>-109798981.01485801</v>
      </c>
      <c r="H1174" s="134">
        <v>-62238999.441638499</v>
      </c>
      <c r="I1174" s="134">
        <v>-229509502.570375</v>
      </c>
      <c r="J1174" s="134">
        <v>-45492471.357986301</v>
      </c>
      <c r="K1174" s="134">
        <v>-98325556.898284703</v>
      </c>
      <c r="L1174" s="134">
        <v>137908191.37743101</v>
      </c>
      <c r="M1174" s="134">
        <v>87892118.628498107</v>
      </c>
      <c r="N1174" s="134">
        <v>87892118.628498107</v>
      </c>
      <c r="O1174" s="134">
        <v>-173190164.63761699</v>
      </c>
      <c r="P1174" s="134">
        <v>-70327901.121836096</v>
      </c>
      <c r="Q1174" s="134">
        <v>-151891563.12615401</v>
      </c>
      <c r="R1174" s="134">
        <v>-153393918.787267</v>
      </c>
      <c r="S1174" s="134">
        <v>-216110962.46990901</v>
      </c>
      <c r="T1174" s="134">
        <v>-419925495.47285497</v>
      </c>
      <c r="U1174" s="134">
        <v>-144389215.66858801</v>
      </c>
      <c r="V1174" s="134">
        <v>-243233821.802742</v>
      </c>
      <c r="W1174" s="134">
        <v>-106373821.205861</v>
      </c>
      <c r="X1174" s="134">
        <v>-95694350.0321358</v>
      </c>
      <c r="Y1174" s="134">
        <v>163677684.87359199</v>
      </c>
      <c r="Z1174" s="134">
        <v>-107521426.966015</v>
      </c>
      <c r="AA1174" s="134">
        <v>-107521426.966015</v>
      </c>
      <c r="AB1174" s="134">
        <v>-234877884.826693</v>
      </c>
      <c r="AC1174" s="134">
        <v>-47958561.843551598</v>
      </c>
      <c r="AD1174" s="134">
        <v>-129738935.47408199</v>
      </c>
      <c r="AE1174" s="134">
        <v>-129459898.64191</v>
      </c>
      <c r="AF1174" s="134">
        <v>-191794655.894871</v>
      </c>
      <c r="AG1174" s="134">
        <v>-394712740.11676002</v>
      </c>
      <c r="AH1174" s="134">
        <v>-146700478.88815701</v>
      </c>
      <c r="AI1174" s="134">
        <v>-247598249.62399101</v>
      </c>
      <c r="AJ1174" s="134">
        <v>-20073860.629238099</v>
      </c>
      <c r="AK1174" s="134">
        <v>-95806510.176792696</v>
      </c>
      <c r="AL1174" s="134">
        <v>190035698.49066001</v>
      </c>
      <c r="AM1174" s="134">
        <v>-133102804.298263</v>
      </c>
      <c r="AN1174" s="134">
        <v>-133102804.298263</v>
      </c>
      <c r="AO1174" s="134">
        <v>-228863871.1855</v>
      </c>
      <c r="AP1174" s="134">
        <v>-46003000.076725997</v>
      </c>
      <c r="AQ1174" s="134">
        <v>-132082451.46529301</v>
      </c>
      <c r="AR1174" s="134">
        <v>-127528939.852971</v>
      </c>
      <c r="AS1174" s="134">
        <v>-189605121.586404</v>
      </c>
      <c r="AT1174" s="134">
        <v>-241072775.22139201</v>
      </c>
      <c r="AU1174" s="134">
        <v>-158411152.06407699</v>
      </c>
      <c r="AV1174" s="134">
        <v>-250708927.98878601</v>
      </c>
      <c r="AW1174" s="134">
        <v>-174468387.55889601</v>
      </c>
      <c r="AX1174" s="134">
        <v>-96492162.762951106</v>
      </c>
      <c r="AY1174" s="134">
        <v>206848374.359413</v>
      </c>
      <c r="AZ1174" s="134">
        <v>-78193751.227531493</v>
      </c>
      <c r="BA1174" s="134">
        <v>-78193751.227531493</v>
      </c>
    </row>
    <row r="1175" spans="1:53">
      <c r="A1175" s="52" t="s">
        <v>3674</v>
      </c>
      <c r="B1175" s="53">
        <v>0</v>
      </c>
      <c r="C1175" s="53">
        <v>0</v>
      </c>
      <c r="D1175" s="53">
        <v>0</v>
      </c>
      <c r="E1175" s="53">
        <v>0</v>
      </c>
      <c r="F1175" s="53">
        <v>0</v>
      </c>
      <c r="G1175" s="53">
        <v>0</v>
      </c>
      <c r="H1175" s="53">
        <v>0</v>
      </c>
      <c r="I1175" s="53">
        <v>0</v>
      </c>
      <c r="J1175" s="53">
        <v>0</v>
      </c>
      <c r="K1175" s="53">
        <v>0</v>
      </c>
      <c r="L1175" s="53">
        <v>0</v>
      </c>
      <c r="M1175" s="53">
        <v>0</v>
      </c>
      <c r="N1175" s="53">
        <v>0</v>
      </c>
      <c r="O1175" s="53">
        <v>0</v>
      </c>
      <c r="P1175" s="53">
        <v>0</v>
      </c>
      <c r="Q1175" s="53">
        <v>0</v>
      </c>
      <c r="R1175" s="53">
        <v>0</v>
      </c>
      <c r="S1175" s="53">
        <v>0</v>
      </c>
      <c r="T1175" s="53">
        <v>0</v>
      </c>
      <c r="U1175" s="53">
        <v>0</v>
      </c>
      <c r="V1175" s="53">
        <v>0</v>
      </c>
      <c r="W1175" s="53">
        <v>0</v>
      </c>
      <c r="X1175" s="53">
        <v>0</v>
      </c>
      <c r="Y1175" s="53">
        <v>0</v>
      </c>
      <c r="Z1175" s="53">
        <v>0</v>
      </c>
      <c r="AA1175" s="53">
        <v>0</v>
      </c>
      <c r="AB1175" s="53">
        <v>0</v>
      </c>
      <c r="AC1175" s="53">
        <v>0</v>
      </c>
      <c r="AD1175" s="53">
        <v>0</v>
      </c>
      <c r="AE1175" s="53">
        <v>0</v>
      </c>
      <c r="AF1175" s="53">
        <v>0</v>
      </c>
      <c r="AG1175" s="53">
        <v>0</v>
      </c>
      <c r="AH1175" s="53">
        <v>0</v>
      </c>
      <c r="AI1175" s="53">
        <v>0</v>
      </c>
      <c r="AJ1175" s="53">
        <v>0</v>
      </c>
      <c r="AK1175" s="53">
        <v>0</v>
      </c>
      <c r="AL1175" s="53">
        <v>0</v>
      </c>
      <c r="AM1175" s="53">
        <v>0</v>
      </c>
      <c r="AN1175" s="53">
        <v>0</v>
      </c>
      <c r="AO1175" s="53">
        <v>0</v>
      </c>
      <c r="AP1175" s="53">
        <v>0</v>
      </c>
      <c r="AQ1175" s="53">
        <v>0</v>
      </c>
      <c r="AR1175" s="53">
        <v>0</v>
      </c>
      <c r="AS1175" s="53">
        <v>0</v>
      </c>
      <c r="AT1175" s="53">
        <v>0</v>
      </c>
      <c r="AU1175" s="53">
        <v>0</v>
      </c>
      <c r="AV1175" s="53">
        <v>0</v>
      </c>
      <c r="AW1175" s="53">
        <v>0</v>
      </c>
      <c r="AX1175" s="53">
        <v>0</v>
      </c>
      <c r="AY1175" s="53">
        <v>0</v>
      </c>
      <c r="AZ1175" s="53">
        <v>0</v>
      </c>
      <c r="BA1175" s="53">
        <v>0</v>
      </c>
    </row>
    <row r="1176" spans="1:53">
      <c r="A1176" s="58" t="s">
        <v>3675</v>
      </c>
      <c r="B1176" s="53">
        <v>0</v>
      </c>
      <c r="C1176" s="53">
        <v>0</v>
      </c>
      <c r="D1176" s="53">
        <v>0</v>
      </c>
      <c r="E1176" s="53">
        <v>0</v>
      </c>
      <c r="F1176" s="53">
        <v>0</v>
      </c>
      <c r="G1176" s="53">
        <v>0</v>
      </c>
      <c r="H1176" s="53">
        <v>0</v>
      </c>
      <c r="I1176" s="53">
        <v>0</v>
      </c>
      <c r="J1176" s="53">
        <v>0</v>
      </c>
      <c r="K1176" s="53">
        <v>0</v>
      </c>
      <c r="L1176" s="53">
        <v>0</v>
      </c>
      <c r="M1176" s="53">
        <v>0</v>
      </c>
      <c r="N1176" s="53">
        <v>0</v>
      </c>
      <c r="O1176" s="53">
        <v>0</v>
      </c>
      <c r="P1176" s="53">
        <v>0</v>
      </c>
      <c r="Q1176" s="53">
        <v>0</v>
      </c>
      <c r="R1176" s="53">
        <v>0</v>
      </c>
      <c r="S1176" s="53">
        <v>0</v>
      </c>
      <c r="T1176" s="53">
        <v>0</v>
      </c>
      <c r="U1176" s="53">
        <v>0</v>
      </c>
      <c r="V1176" s="53">
        <v>0</v>
      </c>
      <c r="W1176" s="53">
        <v>0</v>
      </c>
      <c r="X1176" s="53">
        <v>0</v>
      </c>
      <c r="Y1176" s="53">
        <v>0</v>
      </c>
      <c r="Z1176" s="53">
        <v>0</v>
      </c>
      <c r="AA1176" s="53">
        <v>0</v>
      </c>
      <c r="AB1176" s="53">
        <v>0</v>
      </c>
      <c r="AC1176" s="53">
        <v>0</v>
      </c>
      <c r="AD1176" s="53">
        <v>0</v>
      </c>
      <c r="AE1176" s="53">
        <v>0</v>
      </c>
      <c r="AF1176" s="53">
        <v>0</v>
      </c>
      <c r="AG1176" s="53">
        <v>0</v>
      </c>
      <c r="AH1176" s="53">
        <v>0</v>
      </c>
      <c r="AI1176" s="53">
        <v>0</v>
      </c>
      <c r="AJ1176" s="53">
        <v>0</v>
      </c>
      <c r="AK1176" s="53">
        <v>0</v>
      </c>
      <c r="AL1176" s="53">
        <v>0</v>
      </c>
      <c r="AM1176" s="53">
        <v>0</v>
      </c>
      <c r="AN1176" s="53">
        <v>0</v>
      </c>
      <c r="AO1176" s="53">
        <v>0</v>
      </c>
      <c r="AP1176" s="53">
        <v>0</v>
      </c>
      <c r="AQ1176" s="53">
        <v>0</v>
      </c>
      <c r="AR1176" s="53">
        <v>0</v>
      </c>
      <c r="AS1176" s="53">
        <v>0</v>
      </c>
      <c r="AT1176" s="53">
        <v>0</v>
      </c>
      <c r="AU1176" s="53">
        <v>0</v>
      </c>
      <c r="AV1176" s="53">
        <v>0</v>
      </c>
      <c r="AW1176" s="53">
        <v>0</v>
      </c>
      <c r="AX1176" s="53">
        <v>0</v>
      </c>
      <c r="AY1176" s="53">
        <v>0</v>
      </c>
      <c r="AZ1176" s="53">
        <v>0</v>
      </c>
      <c r="BA1176" s="53">
        <v>0</v>
      </c>
    </row>
    <row r="1177" spans="1:53">
      <c r="A1177" s="58" t="s">
        <v>3676</v>
      </c>
      <c r="B1177" s="53">
        <v>0</v>
      </c>
      <c r="C1177" s="53">
        <v>0</v>
      </c>
      <c r="D1177" s="53">
        <v>0</v>
      </c>
      <c r="E1177" s="53">
        <v>0</v>
      </c>
      <c r="F1177" s="53">
        <v>0</v>
      </c>
      <c r="G1177" s="53">
        <v>0</v>
      </c>
      <c r="H1177" s="53">
        <v>0</v>
      </c>
      <c r="I1177" s="53">
        <v>0</v>
      </c>
      <c r="J1177" s="53">
        <v>0</v>
      </c>
      <c r="K1177" s="53">
        <v>0</v>
      </c>
      <c r="L1177" s="53">
        <v>0</v>
      </c>
      <c r="M1177" s="53">
        <v>0</v>
      </c>
      <c r="N1177" s="53">
        <v>0</v>
      </c>
      <c r="O1177" s="53">
        <v>0</v>
      </c>
      <c r="P1177" s="53">
        <v>0</v>
      </c>
      <c r="Q1177" s="53">
        <v>0</v>
      </c>
      <c r="R1177" s="53">
        <v>0</v>
      </c>
      <c r="S1177" s="53">
        <v>0</v>
      </c>
      <c r="T1177" s="53">
        <v>0</v>
      </c>
      <c r="U1177" s="53">
        <v>0</v>
      </c>
      <c r="V1177" s="53">
        <v>0</v>
      </c>
      <c r="W1177" s="53">
        <v>0</v>
      </c>
      <c r="X1177" s="53">
        <v>0</v>
      </c>
      <c r="Y1177" s="53">
        <v>0</v>
      </c>
      <c r="Z1177" s="53">
        <v>0</v>
      </c>
      <c r="AA1177" s="53">
        <v>0</v>
      </c>
      <c r="AB1177" s="53">
        <v>0</v>
      </c>
      <c r="AC1177" s="53">
        <v>0</v>
      </c>
      <c r="AD1177" s="53">
        <v>0</v>
      </c>
      <c r="AE1177" s="53">
        <v>0</v>
      </c>
      <c r="AF1177" s="53">
        <v>0</v>
      </c>
      <c r="AG1177" s="53">
        <v>0</v>
      </c>
      <c r="AH1177" s="53">
        <v>0</v>
      </c>
      <c r="AI1177" s="53">
        <v>0</v>
      </c>
      <c r="AJ1177" s="53">
        <v>0</v>
      </c>
      <c r="AK1177" s="53">
        <v>0</v>
      </c>
      <c r="AL1177" s="53">
        <v>0</v>
      </c>
      <c r="AM1177" s="53">
        <v>0</v>
      </c>
      <c r="AN1177" s="53">
        <v>0</v>
      </c>
      <c r="AO1177" s="53">
        <v>0</v>
      </c>
      <c r="AP1177" s="53">
        <v>0</v>
      </c>
      <c r="AQ1177" s="53">
        <v>0</v>
      </c>
      <c r="AR1177" s="53">
        <v>0</v>
      </c>
      <c r="AS1177" s="53">
        <v>0</v>
      </c>
      <c r="AT1177" s="53">
        <v>0</v>
      </c>
      <c r="AU1177" s="53">
        <v>0</v>
      </c>
      <c r="AV1177" s="53">
        <v>0</v>
      </c>
      <c r="AW1177" s="53">
        <v>0</v>
      </c>
      <c r="AX1177" s="53">
        <v>0</v>
      </c>
      <c r="AY1177" s="53">
        <v>0</v>
      </c>
      <c r="AZ1177" s="53">
        <v>0</v>
      </c>
      <c r="BA1177" s="53">
        <v>0</v>
      </c>
    </row>
    <row r="1178" spans="1:53">
      <c r="A1178" s="58" t="s">
        <v>3677</v>
      </c>
      <c r="B1178" s="53">
        <v>0</v>
      </c>
      <c r="C1178" s="53">
        <v>0</v>
      </c>
      <c r="D1178" s="53">
        <v>0</v>
      </c>
      <c r="E1178" s="53">
        <v>0</v>
      </c>
      <c r="F1178" s="53">
        <v>0</v>
      </c>
      <c r="G1178" s="53">
        <v>0</v>
      </c>
      <c r="H1178" s="53">
        <v>0</v>
      </c>
      <c r="I1178" s="53">
        <v>0</v>
      </c>
      <c r="J1178" s="53">
        <v>0</v>
      </c>
      <c r="K1178" s="53">
        <v>0</v>
      </c>
      <c r="L1178" s="53">
        <v>0</v>
      </c>
      <c r="M1178" s="53">
        <v>0</v>
      </c>
      <c r="N1178" s="53">
        <v>0</v>
      </c>
      <c r="O1178" s="53">
        <v>0</v>
      </c>
      <c r="P1178" s="53">
        <v>0</v>
      </c>
      <c r="Q1178" s="53">
        <v>0</v>
      </c>
      <c r="R1178" s="53">
        <v>0</v>
      </c>
      <c r="S1178" s="53">
        <v>0</v>
      </c>
      <c r="T1178" s="53">
        <v>0</v>
      </c>
      <c r="U1178" s="53">
        <v>0</v>
      </c>
      <c r="V1178" s="53">
        <v>0</v>
      </c>
      <c r="W1178" s="53">
        <v>0</v>
      </c>
      <c r="X1178" s="53">
        <v>0</v>
      </c>
      <c r="Y1178" s="53">
        <v>0</v>
      </c>
      <c r="Z1178" s="53">
        <v>0</v>
      </c>
      <c r="AA1178" s="53">
        <v>0</v>
      </c>
      <c r="AB1178" s="53">
        <v>0</v>
      </c>
      <c r="AC1178" s="53">
        <v>0</v>
      </c>
      <c r="AD1178" s="53">
        <v>0</v>
      </c>
      <c r="AE1178" s="53">
        <v>0</v>
      </c>
      <c r="AF1178" s="53">
        <v>0</v>
      </c>
      <c r="AG1178" s="53">
        <v>0</v>
      </c>
      <c r="AH1178" s="53">
        <v>0</v>
      </c>
      <c r="AI1178" s="53">
        <v>0</v>
      </c>
      <c r="AJ1178" s="53">
        <v>0</v>
      </c>
      <c r="AK1178" s="53">
        <v>0</v>
      </c>
      <c r="AL1178" s="53">
        <v>0</v>
      </c>
      <c r="AM1178" s="53">
        <v>0</v>
      </c>
      <c r="AN1178" s="53">
        <v>0</v>
      </c>
      <c r="AO1178" s="53">
        <v>0</v>
      </c>
      <c r="AP1178" s="53">
        <v>0</v>
      </c>
      <c r="AQ1178" s="53">
        <v>0</v>
      </c>
      <c r="AR1178" s="53">
        <v>0</v>
      </c>
      <c r="AS1178" s="53">
        <v>0</v>
      </c>
      <c r="AT1178" s="53">
        <v>0</v>
      </c>
      <c r="AU1178" s="53">
        <v>0</v>
      </c>
      <c r="AV1178" s="53">
        <v>0</v>
      </c>
      <c r="AW1178" s="53">
        <v>0</v>
      </c>
      <c r="AX1178" s="53">
        <v>0</v>
      </c>
      <c r="AY1178" s="53">
        <v>0</v>
      </c>
      <c r="AZ1178" s="53">
        <v>0</v>
      </c>
      <c r="BA1178" s="53">
        <v>0</v>
      </c>
    </row>
    <row r="1179" spans="1:53">
      <c r="A1179" s="58" t="s">
        <v>3678</v>
      </c>
      <c r="B1179" s="53">
        <v>0</v>
      </c>
      <c r="C1179" s="53">
        <v>0</v>
      </c>
      <c r="D1179" s="53">
        <v>0</v>
      </c>
      <c r="E1179" s="53">
        <v>0</v>
      </c>
      <c r="F1179" s="53">
        <v>0</v>
      </c>
      <c r="G1179" s="53">
        <v>0</v>
      </c>
      <c r="H1179" s="53">
        <v>0</v>
      </c>
      <c r="I1179" s="53">
        <v>0</v>
      </c>
      <c r="J1179" s="53">
        <v>0</v>
      </c>
      <c r="K1179" s="53">
        <v>0</v>
      </c>
      <c r="L1179" s="53">
        <v>0</v>
      </c>
      <c r="M1179" s="53">
        <v>0</v>
      </c>
      <c r="N1179" s="53">
        <v>0</v>
      </c>
      <c r="O1179" s="53">
        <v>0</v>
      </c>
      <c r="P1179" s="53">
        <v>0</v>
      </c>
      <c r="Q1179" s="53">
        <v>0</v>
      </c>
      <c r="R1179" s="53">
        <v>0</v>
      </c>
      <c r="S1179" s="53">
        <v>0</v>
      </c>
      <c r="T1179" s="53">
        <v>0</v>
      </c>
      <c r="U1179" s="53">
        <v>0</v>
      </c>
      <c r="V1179" s="53">
        <v>0</v>
      </c>
      <c r="W1179" s="53">
        <v>0</v>
      </c>
      <c r="X1179" s="53">
        <v>0</v>
      </c>
      <c r="Y1179" s="53">
        <v>0</v>
      </c>
      <c r="Z1179" s="53">
        <v>0</v>
      </c>
      <c r="AA1179" s="53">
        <v>0</v>
      </c>
      <c r="AB1179" s="53">
        <v>0</v>
      </c>
      <c r="AC1179" s="53">
        <v>0</v>
      </c>
      <c r="AD1179" s="53">
        <v>0</v>
      </c>
      <c r="AE1179" s="53">
        <v>0</v>
      </c>
      <c r="AF1179" s="53">
        <v>0</v>
      </c>
      <c r="AG1179" s="53">
        <v>0</v>
      </c>
      <c r="AH1179" s="53">
        <v>0</v>
      </c>
      <c r="AI1179" s="53">
        <v>0</v>
      </c>
      <c r="AJ1179" s="53">
        <v>0</v>
      </c>
      <c r="AK1179" s="53">
        <v>0</v>
      </c>
      <c r="AL1179" s="53">
        <v>0</v>
      </c>
      <c r="AM1179" s="53">
        <v>0</v>
      </c>
      <c r="AN1179" s="53">
        <v>0</v>
      </c>
      <c r="AO1179" s="53">
        <v>0</v>
      </c>
      <c r="AP1179" s="53">
        <v>0</v>
      </c>
      <c r="AQ1179" s="53">
        <v>0</v>
      </c>
      <c r="AR1179" s="53">
        <v>0</v>
      </c>
      <c r="AS1179" s="53">
        <v>0</v>
      </c>
      <c r="AT1179" s="53">
        <v>0</v>
      </c>
      <c r="AU1179" s="53">
        <v>0</v>
      </c>
      <c r="AV1179" s="53">
        <v>0</v>
      </c>
      <c r="AW1179" s="53">
        <v>0</v>
      </c>
      <c r="AX1179" s="53">
        <v>0</v>
      </c>
      <c r="AY1179" s="53">
        <v>0</v>
      </c>
      <c r="AZ1179" s="53">
        <v>0</v>
      </c>
      <c r="BA1179" s="53">
        <v>0</v>
      </c>
    </row>
    <row r="1180" spans="1:53">
      <c r="A1180" s="58" t="s">
        <v>3679</v>
      </c>
      <c r="B1180" s="53">
        <v>0</v>
      </c>
      <c r="C1180" s="53">
        <v>0</v>
      </c>
      <c r="D1180" s="53">
        <v>0</v>
      </c>
      <c r="E1180" s="53">
        <v>0</v>
      </c>
      <c r="F1180" s="53">
        <v>0</v>
      </c>
      <c r="G1180" s="53">
        <v>0</v>
      </c>
      <c r="H1180" s="53">
        <v>0</v>
      </c>
      <c r="I1180" s="53">
        <v>0</v>
      </c>
      <c r="J1180" s="53">
        <v>0</v>
      </c>
      <c r="K1180" s="53">
        <v>0</v>
      </c>
      <c r="L1180" s="53">
        <v>0</v>
      </c>
      <c r="M1180" s="53">
        <v>0</v>
      </c>
      <c r="N1180" s="53">
        <v>0</v>
      </c>
      <c r="O1180" s="53">
        <v>0</v>
      </c>
      <c r="P1180" s="53">
        <v>0</v>
      </c>
      <c r="Q1180" s="53">
        <v>0</v>
      </c>
      <c r="R1180" s="53">
        <v>0</v>
      </c>
      <c r="S1180" s="53">
        <v>0</v>
      </c>
      <c r="T1180" s="53">
        <v>0</v>
      </c>
      <c r="U1180" s="53">
        <v>0</v>
      </c>
      <c r="V1180" s="53">
        <v>0</v>
      </c>
      <c r="W1180" s="53">
        <v>0</v>
      </c>
      <c r="X1180" s="53">
        <v>0</v>
      </c>
      <c r="Y1180" s="53">
        <v>0</v>
      </c>
      <c r="Z1180" s="53">
        <v>0</v>
      </c>
      <c r="AA1180" s="53">
        <v>0</v>
      </c>
      <c r="AB1180" s="53">
        <v>0</v>
      </c>
      <c r="AC1180" s="53">
        <v>0</v>
      </c>
      <c r="AD1180" s="53">
        <v>0</v>
      </c>
      <c r="AE1180" s="53">
        <v>0</v>
      </c>
      <c r="AF1180" s="53">
        <v>0</v>
      </c>
      <c r="AG1180" s="53">
        <v>0</v>
      </c>
      <c r="AH1180" s="53">
        <v>0</v>
      </c>
      <c r="AI1180" s="53">
        <v>0</v>
      </c>
      <c r="AJ1180" s="53">
        <v>0</v>
      </c>
      <c r="AK1180" s="53">
        <v>0</v>
      </c>
      <c r="AL1180" s="53">
        <v>0</v>
      </c>
      <c r="AM1180" s="53">
        <v>0</v>
      </c>
      <c r="AN1180" s="53">
        <v>0</v>
      </c>
      <c r="AO1180" s="53">
        <v>0</v>
      </c>
      <c r="AP1180" s="53">
        <v>0</v>
      </c>
      <c r="AQ1180" s="53">
        <v>0</v>
      </c>
      <c r="AR1180" s="53">
        <v>0</v>
      </c>
      <c r="AS1180" s="53">
        <v>0</v>
      </c>
      <c r="AT1180" s="53">
        <v>0</v>
      </c>
      <c r="AU1180" s="53">
        <v>0</v>
      </c>
      <c r="AV1180" s="53">
        <v>0</v>
      </c>
      <c r="AW1180" s="53">
        <v>0</v>
      </c>
      <c r="AX1180" s="53">
        <v>0</v>
      </c>
      <c r="AY1180" s="53">
        <v>0</v>
      </c>
      <c r="AZ1180" s="53">
        <v>0</v>
      </c>
      <c r="BA1180" s="53">
        <v>0</v>
      </c>
    </row>
    <row r="1181" spans="1:53">
      <c r="A1181" s="58" t="s">
        <v>3680</v>
      </c>
      <c r="B1181" s="53">
        <v>0</v>
      </c>
      <c r="C1181" s="53">
        <v>0</v>
      </c>
      <c r="D1181" s="53">
        <v>0</v>
      </c>
      <c r="E1181" s="53">
        <v>0</v>
      </c>
      <c r="F1181" s="53">
        <v>0</v>
      </c>
      <c r="G1181" s="53">
        <v>0</v>
      </c>
      <c r="H1181" s="53">
        <v>0</v>
      </c>
      <c r="I1181" s="53">
        <v>0</v>
      </c>
      <c r="J1181" s="53">
        <v>0</v>
      </c>
      <c r="K1181" s="53">
        <v>0</v>
      </c>
      <c r="L1181" s="53">
        <v>0</v>
      </c>
      <c r="M1181" s="53">
        <v>0</v>
      </c>
      <c r="N1181" s="53">
        <v>0</v>
      </c>
      <c r="O1181" s="53">
        <v>0</v>
      </c>
      <c r="P1181" s="53">
        <v>0</v>
      </c>
      <c r="Q1181" s="53">
        <v>0</v>
      </c>
      <c r="R1181" s="53">
        <v>0</v>
      </c>
      <c r="S1181" s="53">
        <v>0</v>
      </c>
      <c r="T1181" s="53">
        <v>0</v>
      </c>
      <c r="U1181" s="53">
        <v>0</v>
      </c>
      <c r="V1181" s="53">
        <v>0</v>
      </c>
      <c r="W1181" s="53">
        <v>0</v>
      </c>
      <c r="X1181" s="53">
        <v>0</v>
      </c>
      <c r="Y1181" s="53">
        <v>0</v>
      </c>
      <c r="Z1181" s="53">
        <v>0</v>
      </c>
      <c r="AA1181" s="53">
        <v>0</v>
      </c>
      <c r="AB1181" s="53">
        <v>0</v>
      </c>
      <c r="AC1181" s="53">
        <v>0</v>
      </c>
      <c r="AD1181" s="53">
        <v>0</v>
      </c>
      <c r="AE1181" s="53">
        <v>0</v>
      </c>
      <c r="AF1181" s="53">
        <v>0</v>
      </c>
      <c r="AG1181" s="53">
        <v>0</v>
      </c>
      <c r="AH1181" s="53">
        <v>0</v>
      </c>
      <c r="AI1181" s="53">
        <v>0</v>
      </c>
      <c r="AJ1181" s="53">
        <v>0</v>
      </c>
      <c r="AK1181" s="53">
        <v>0</v>
      </c>
      <c r="AL1181" s="53">
        <v>0</v>
      </c>
      <c r="AM1181" s="53">
        <v>0</v>
      </c>
      <c r="AN1181" s="53">
        <v>0</v>
      </c>
      <c r="AO1181" s="53">
        <v>0</v>
      </c>
      <c r="AP1181" s="53">
        <v>0</v>
      </c>
      <c r="AQ1181" s="53">
        <v>0</v>
      </c>
      <c r="AR1181" s="53">
        <v>0</v>
      </c>
      <c r="AS1181" s="53">
        <v>0</v>
      </c>
      <c r="AT1181" s="53">
        <v>0</v>
      </c>
      <c r="AU1181" s="53">
        <v>0</v>
      </c>
      <c r="AV1181" s="53">
        <v>0</v>
      </c>
      <c r="AW1181" s="53">
        <v>0</v>
      </c>
      <c r="AX1181" s="53">
        <v>0</v>
      </c>
      <c r="AY1181" s="53">
        <v>0</v>
      </c>
      <c r="AZ1181" s="53">
        <v>0</v>
      </c>
      <c r="BA1181" s="53">
        <v>0</v>
      </c>
    </row>
    <row r="1182" spans="1:53">
      <c r="A1182" s="58" t="s">
        <v>3681</v>
      </c>
      <c r="B1182" s="136">
        <v>0</v>
      </c>
      <c r="C1182" s="136">
        <v>0</v>
      </c>
      <c r="D1182" s="136">
        <v>0</v>
      </c>
      <c r="E1182" s="136">
        <v>0</v>
      </c>
      <c r="F1182" s="136">
        <v>0</v>
      </c>
      <c r="G1182" s="136">
        <v>0</v>
      </c>
      <c r="H1182" s="136">
        <v>0</v>
      </c>
      <c r="I1182" s="136">
        <v>0</v>
      </c>
      <c r="J1182" s="136">
        <v>0</v>
      </c>
      <c r="K1182" s="136">
        <v>0</v>
      </c>
      <c r="L1182" s="136">
        <v>0</v>
      </c>
      <c r="M1182" s="136">
        <v>0</v>
      </c>
      <c r="N1182" s="136">
        <v>0</v>
      </c>
      <c r="O1182" s="136">
        <v>0</v>
      </c>
      <c r="P1182" s="136">
        <v>0</v>
      </c>
      <c r="Q1182" s="136">
        <v>0</v>
      </c>
      <c r="R1182" s="136">
        <v>0</v>
      </c>
      <c r="S1182" s="136">
        <v>0</v>
      </c>
      <c r="T1182" s="136">
        <v>0</v>
      </c>
      <c r="U1182" s="136">
        <v>0</v>
      </c>
      <c r="V1182" s="136">
        <v>0</v>
      </c>
      <c r="W1182" s="136">
        <v>0</v>
      </c>
      <c r="X1182" s="136">
        <v>0</v>
      </c>
      <c r="Y1182" s="136">
        <v>0</v>
      </c>
      <c r="Z1182" s="136">
        <v>0</v>
      </c>
      <c r="AA1182" s="136">
        <v>0</v>
      </c>
      <c r="AB1182" s="136">
        <v>0</v>
      </c>
      <c r="AC1182" s="136">
        <v>0</v>
      </c>
      <c r="AD1182" s="136">
        <v>0</v>
      </c>
      <c r="AE1182" s="136">
        <v>0</v>
      </c>
      <c r="AF1182" s="136">
        <v>0</v>
      </c>
      <c r="AG1182" s="136">
        <v>0</v>
      </c>
      <c r="AH1182" s="136">
        <v>0</v>
      </c>
      <c r="AI1182" s="136">
        <v>0</v>
      </c>
      <c r="AJ1182" s="136">
        <v>0</v>
      </c>
      <c r="AK1182" s="136">
        <v>0</v>
      </c>
      <c r="AL1182" s="136">
        <v>0</v>
      </c>
      <c r="AM1182" s="136">
        <v>0</v>
      </c>
      <c r="AN1182" s="136">
        <v>0</v>
      </c>
      <c r="AO1182" s="136">
        <v>0</v>
      </c>
      <c r="AP1182" s="136">
        <v>0</v>
      </c>
      <c r="AQ1182" s="136">
        <v>0</v>
      </c>
      <c r="AR1182" s="136">
        <v>0</v>
      </c>
      <c r="AS1182" s="136">
        <v>0</v>
      </c>
      <c r="AT1182" s="136">
        <v>0</v>
      </c>
      <c r="AU1182" s="136">
        <v>0</v>
      </c>
      <c r="AV1182" s="136">
        <v>0</v>
      </c>
      <c r="AW1182" s="136">
        <v>0</v>
      </c>
      <c r="AX1182" s="136">
        <v>0</v>
      </c>
      <c r="AY1182" s="136">
        <v>0</v>
      </c>
      <c r="AZ1182" s="136">
        <v>0</v>
      </c>
      <c r="BA1182" s="136">
        <v>0</v>
      </c>
    </row>
    <row r="1183" spans="1:53">
      <c r="A1183" s="52" t="s">
        <v>3682</v>
      </c>
      <c r="B1183" s="53">
        <v>0</v>
      </c>
      <c r="C1183" s="53">
        <v>0</v>
      </c>
      <c r="D1183" s="53">
        <v>0</v>
      </c>
      <c r="E1183" s="53">
        <v>0</v>
      </c>
      <c r="F1183" s="53">
        <v>0</v>
      </c>
      <c r="G1183" s="53">
        <v>0</v>
      </c>
      <c r="H1183" s="53">
        <v>0</v>
      </c>
      <c r="I1183" s="53">
        <v>0</v>
      </c>
      <c r="J1183" s="53">
        <v>0</v>
      </c>
      <c r="K1183" s="53">
        <v>0</v>
      </c>
      <c r="L1183" s="53">
        <v>0</v>
      </c>
      <c r="M1183" s="53">
        <v>0</v>
      </c>
      <c r="N1183" s="53">
        <v>0</v>
      </c>
      <c r="O1183" s="53">
        <v>0</v>
      </c>
      <c r="P1183" s="53">
        <v>0</v>
      </c>
      <c r="Q1183" s="53">
        <v>0</v>
      </c>
      <c r="R1183" s="53">
        <v>0</v>
      </c>
      <c r="S1183" s="53">
        <v>0</v>
      </c>
      <c r="T1183" s="53">
        <v>0</v>
      </c>
      <c r="U1183" s="53">
        <v>0</v>
      </c>
      <c r="V1183" s="53">
        <v>0</v>
      </c>
      <c r="W1183" s="53">
        <v>0</v>
      </c>
      <c r="X1183" s="53">
        <v>0</v>
      </c>
      <c r="Y1183" s="53">
        <v>0</v>
      </c>
      <c r="Z1183" s="53">
        <v>0</v>
      </c>
      <c r="AA1183" s="53">
        <v>0</v>
      </c>
      <c r="AB1183" s="53">
        <v>0</v>
      </c>
      <c r="AC1183" s="53">
        <v>0</v>
      </c>
      <c r="AD1183" s="53">
        <v>0</v>
      </c>
      <c r="AE1183" s="53">
        <v>0</v>
      </c>
      <c r="AF1183" s="53">
        <v>0</v>
      </c>
      <c r="AG1183" s="53">
        <v>0</v>
      </c>
      <c r="AH1183" s="53">
        <v>0</v>
      </c>
      <c r="AI1183" s="53">
        <v>0</v>
      </c>
      <c r="AJ1183" s="53">
        <v>0</v>
      </c>
      <c r="AK1183" s="53">
        <v>0</v>
      </c>
      <c r="AL1183" s="53">
        <v>0</v>
      </c>
      <c r="AM1183" s="53">
        <v>0</v>
      </c>
      <c r="AN1183" s="53">
        <v>0</v>
      </c>
      <c r="AO1183" s="53">
        <v>0</v>
      </c>
      <c r="AP1183" s="53">
        <v>0</v>
      </c>
      <c r="AQ1183" s="53">
        <v>0</v>
      </c>
      <c r="AR1183" s="53">
        <v>0</v>
      </c>
      <c r="AS1183" s="53">
        <v>0</v>
      </c>
      <c r="AT1183" s="53">
        <v>0</v>
      </c>
      <c r="AU1183" s="53">
        <v>0</v>
      </c>
      <c r="AV1183" s="53">
        <v>0</v>
      </c>
      <c r="AW1183" s="53">
        <v>0</v>
      </c>
      <c r="AX1183" s="53">
        <v>0</v>
      </c>
      <c r="AY1183" s="53">
        <v>0</v>
      </c>
      <c r="AZ1183" s="53">
        <v>0</v>
      </c>
      <c r="BA1183" s="53">
        <v>0</v>
      </c>
    </row>
    <row r="1184" spans="1:53">
      <c r="A1184" s="52" t="s">
        <v>646</v>
      </c>
    </row>
    <row r="1185" spans="1:53">
      <c r="A1185" s="52" t="s">
        <v>3683</v>
      </c>
    </row>
    <row r="1186" spans="1:53">
      <c r="A1186" s="52" t="s">
        <v>3684</v>
      </c>
      <c r="B1186" s="53">
        <v>0</v>
      </c>
      <c r="C1186" s="53">
        <v>0</v>
      </c>
      <c r="D1186" s="53">
        <v>0</v>
      </c>
      <c r="E1186" s="53">
        <v>0</v>
      </c>
      <c r="F1186" s="53">
        <v>0</v>
      </c>
      <c r="G1186" s="53">
        <v>0</v>
      </c>
      <c r="H1186" s="53">
        <v>0</v>
      </c>
      <c r="I1186" s="53">
        <v>0</v>
      </c>
      <c r="J1186" s="53">
        <v>0</v>
      </c>
      <c r="K1186" s="53">
        <v>0</v>
      </c>
      <c r="L1186" s="53">
        <v>0</v>
      </c>
      <c r="M1186" s="53">
        <v>0</v>
      </c>
      <c r="N1186" s="53">
        <v>0</v>
      </c>
      <c r="O1186" s="53">
        <v>0</v>
      </c>
      <c r="P1186" s="53">
        <v>0</v>
      </c>
      <c r="Q1186" s="53">
        <v>0</v>
      </c>
      <c r="R1186" s="53">
        <v>0</v>
      </c>
      <c r="S1186" s="53">
        <v>0</v>
      </c>
      <c r="T1186" s="53">
        <v>0</v>
      </c>
      <c r="U1186" s="53">
        <v>0</v>
      </c>
      <c r="V1186" s="53">
        <v>0</v>
      </c>
      <c r="W1186" s="53">
        <v>0</v>
      </c>
      <c r="X1186" s="53">
        <v>0</v>
      </c>
      <c r="Y1186" s="53">
        <v>0</v>
      </c>
      <c r="Z1186" s="53">
        <v>0</v>
      </c>
      <c r="AA1186" s="53">
        <v>0</v>
      </c>
      <c r="AB1186" s="53">
        <v>0</v>
      </c>
      <c r="AC1186" s="53">
        <v>0</v>
      </c>
      <c r="AD1186" s="53">
        <v>0</v>
      </c>
      <c r="AE1186" s="53">
        <v>0</v>
      </c>
      <c r="AF1186" s="53">
        <v>0</v>
      </c>
      <c r="AG1186" s="53">
        <v>0</v>
      </c>
      <c r="AH1186" s="53">
        <v>0</v>
      </c>
      <c r="AI1186" s="53">
        <v>0</v>
      </c>
      <c r="AJ1186" s="53">
        <v>0</v>
      </c>
      <c r="AK1186" s="53">
        <v>0</v>
      </c>
      <c r="AL1186" s="53">
        <v>0</v>
      </c>
      <c r="AM1186" s="53">
        <v>0</v>
      </c>
      <c r="AN1186" s="53">
        <v>0</v>
      </c>
      <c r="AO1186" s="53">
        <v>0</v>
      </c>
      <c r="AP1186" s="53">
        <v>0</v>
      </c>
      <c r="AQ1186" s="53">
        <v>0</v>
      </c>
      <c r="AR1186" s="53">
        <v>0</v>
      </c>
      <c r="AS1186" s="53">
        <v>0</v>
      </c>
      <c r="AT1186" s="53">
        <v>0</v>
      </c>
      <c r="AU1186" s="53">
        <v>0</v>
      </c>
      <c r="AV1186" s="53">
        <v>0</v>
      </c>
      <c r="AW1186" s="53">
        <v>0</v>
      </c>
      <c r="AX1186" s="53">
        <v>0</v>
      </c>
      <c r="AY1186" s="53">
        <v>0</v>
      </c>
      <c r="AZ1186" s="53">
        <v>0</v>
      </c>
      <c r="BA1186" s="53">
        <v>0</v>
      </c>
    </row>
    <row r="1187" spans="1:53">
      <c r="A1187" s="52" t="s">
        <v>3685</v>
      </c>
      <c r="B1187" s="53">
        <v>0</v>
      </c>
      <c r="C1187" s="53">
        <v>0</v>
      </c>
      <c r="D1187" s="53">
        <v>0</v>
      </c>
      <c r="E1187" s="53">
        <v>0</v>
      </c>
      <c r="F1187" s="53">
        <v>0</v>
      </c>
      <c r="G1187" s="53">
        <v>0</v>
      </c>
      <c r="H1187" s="53">
        <v>0</v>
      </c>
      <c r="I1187" s="53">
        <v>0</v>
      </c>
      <c r="J1187" s="53">
        <v>0</v>
      </c>
      <c r="K1187" s="53">
        <v>0</v>
      </c>
      <c r="L1187" s="53">
        <v>0</v>
      </c>
      <c r="M1187" s="53">
        <v>0</v>
      </c>
      <c r="N1187" s="53">
        <v>0</v>
      </c>
      <c r="O1187" s="53">
        <v>0</v>
      </c>
      <c r="P1187" s="53">
        <v>0</v>
      </c>
      <c r="Q1187" s="53">
        <v>0</v>
      </c>
      <c r="R1187" s="53">
        <v>0</v>
      </c>
      <c r="S1187" s="53">
        <v>0</v>
      </c>
      <c r="T1187" s="53">
        <v>0</v>
      </c>
      <c r="U1187" s="53">
        <v>0</v>
      </c>
      <c r="V1187" s="53">
        <v>0</v>
      </c>
      <c r="W1187" s="53">
        <v>0</v>
      </c>
      <c r="X1187" s="53">
        <v>0</v>
      </c>
      <c r="Y1187" s="53">
        <v>0</v>
      </c>
      <c r="Z1187" s="53">
        <v>0</v>
      </c>
      <c r="AA1187" s="53">
        <v>0</v>
      </c>
      <c r="AB1187" s="53">
        <v>0</v>
      </c>
      <c r="AC1187" s="53">
        <v>0</v>
      </c>
      <c r="AD1187" s="53">
        <v>0</v>
      </c>
      <c r="AE1187" s="53">
        <v>0</v>
      </c>
      <c r="AF1187" s="53">
        <v>0</v>
      </c>
      <c r="AG1187" s="53">
        <v>0</v>
      </c>
      <c r="AH1187" s="53">
        <v>0</v>
      </c>
      <c r="AI1187" s="53">
        <v>0</v>
      </c>
      <c r="AJ1187" s="53">
        <v>0</v>
      </c>
      <c r="AK1187" s="53">
        <v>0</v>
      </c>
      <c r="AL1187" s="53">
        <v>0</v>
      </c>
      <c r="AM1187" s="53">
        <v>0</v>
      </c>
      <c r="AN1187" s="53">
        <v>0</v>
      </c>
      <c r="AO1187" s="53">
        <v>0</v>
      </c>
      <c r="AP1187" s="53">
        <v>0</v>
      </c>
      <c r="AQ1187" s="53">
        <v>0</v>
      </c>
      <c r="AR1187" s="53">
        <v>0</v>
      </c>
      <c r="AS1187" s="53">
        <v>0</v>
      </c>
      <c r="AT1187" s="53">
        <v>0</v>
      </c>
      <c r="AU1187" s="53">
        <v>0</v>
      </c>
      <c r="AV1187" s="53">
        <v>0</v>
      </c>
      <c r="AW1187" s="53">
        <v>0</v>
      </c>
      <c r="AX1187" s="53">
        <v>0</v>
      </c>
      <c r="AY1187" s="53">
        <v>0</v>
      </c>
      <c r="AZ1187" s="53">
        <v>0</v>
      </c>
      <c r="BA1187" s="53">
        <v>0</v>
      </c>
    </row>
    <row r="1188" spans="1:53">
      <c r="A1188" s="52" t="s">
        <v>3686</v>
      </c>
      <c r="B1188" s="53">
        <v>0</v>
      </c>
      <c r="C1188" s="53">
        <v>0</v>
      </c>
      <c r="D1188" s="53">
        <v>0</v>
      </c>
      <c r="E1188" s="53">
        <v>0</v>
      </c>
      <c r="F1188" s="53">
        <v>0</v>
      </c>
      <c r="G1188" s="53">
        <v>0</v>
      </c>
      <c r="H1188" s="53">
        <v>0</v>
      </c>
      <c r="I1188" s="53">
        <v>0</v>
      </c>
      <c r="J1188" s="53">
        <v>0</v>
      </c>
      <c r="K1188" s="53">
        <v>0</v>
      </c>
      <c r="L1188" s="53">
        <v>0</v>
      </c>
      <c r="M1188" s="53">
        <v>0</v>
      </c>
      <c r="N1188" s="53">
        <v>0</v>
      </c>
      <c r="O1188" s="53">
        <v>0</v>
      </c>
      <c r="P1188" s="53">
        <v>0</v>
      </c>
      <c r="Q1188" s="53">
        <v>0</v>
      </c>
      <c r="R1188" s="53">
        <v>0</v>
      </c>
      <c r="S1188" s="53">
        <v>0</v>
      </c>
      <c r="T1188" s="53">
        <v>0</v>
      </c>
      <c r="U1188" s="53">
        <v>0</v>
      </c>
      <c r="V1188" s="53">
        <v>0</v>
      </c>
      <c r="W1188" s="53">
        <v>0</v>
      </c>
      <c r="X1188" s="53">
        <v>0</v>
      </c>
      <c r="Y1188" s="53">
        <v>0</v>
      </c>
      <c r="Z1188" s="53">
        <v>0</v>
      </c>
      <c r="AA1188" s="53">
        <v>0</v>
      </c>
      <c r="AB1188" s="53">
        <v>0</v>
      </c>
      <c r="AC1188" s="53">
        <v>0</v>
      </c>
      <c r="AD1188" s="53">
        <v>0</v>
      </c>
      <c r="AE1188" s="53">
        <v>0</v>
      </c>
      <c r="AF1188" s="53">
        <v>0</v>
      </c>
      <c r="AG1188" s="53">
        <v>0</v>
      </c>
      <c r="AH1188" s="53">
        <v>0</v>
      </c>
      <c r="AI1188" s="53">
        <v>0</v>
      </c>
      <c r="AJ1188" s="53">
        <v>0</v>
      </c>
      <c r="AK1188" s="53">
        <v>0</v>
      </c>
      <c r="AL1188" s="53">
        <v>0</v>
      </c>
      <c r="AM1188" s="53">
        <v>0</v>
      </c>
      <c r="AN1188" s="53">
        <v>0</v>
      </c>
      <c r="AO1188" s="53">
        <v>0</v>
      </c>
      <c r="AP1188" s="53">
        <v>0</v>
      </c>
      <c r="AQ1188" s="53">
        <v>0</v>
      </c>
      <c r="AR1188" s="53">
        <v>0</v>
      </c>
      <c r="AS1188" s="53">
        <v>0</v>
      </c>
      <c r="AT1188" s="53">
        <v>0</v>
      </c>
      <c r="AU1188" s="53">
        <v>0</v>
      </c>
      <c r="AV1188" s="53">
        <v>0</v>
      </c>
      <c r="AW1188" s="53">
        <v>0</v>
      </c>
      <c r="AX1188" s="53">
        <v>0</v>
      </c>
      <c r="AY1188" s="53">
        <v>0</v>
      </c>
      <c r="AZ1188" s="53">
        <v>0</v>
      </c>
      <c r="BA1188" s="53">
        <v>0</v>
      </c>
    </row>
    <row r="1189" spans="1:53">
      <c r="A1189" s="52" t="s">
        <v>3687</v>
      </c>
    </row>
    <row r="1190" spans="1:53">
      <c r="A1190" s="52" t="s">
        <v>3688</v>
      </c>
    </row>
    <row r="1191" spans="1:53">
      <c r="A1191" s="52" t="s">
        <v>3689</v>
      </c>
      <c r="B1191" s="53">
        <v>0</v>
      </c>
      <c r="C1191" s="53">
        <v>0</v>
      </c>
      <c r="D1191" s="53">
        <v>0</v>
      </c>
      <c r="E1191" s="53">
        <v>0</v>
      </c>
      <c r="F1191" s="53">
        <v>0</v>
      </c>
      <c r="G1191" s="53">
        <v>0</v>
      </c>
      <c r="H1191" s="53">
        <v>0</v>
      </c>
      <c r="I1191" s="53">
        <v>0</v>
      </c>
      <c r="J1191" s="53">
        <v>0</v>
      </c>
      <c r="K1191" s="53">
        <v>0</v>
      </c>
      <c r="L1191" s="53">
        <v>0</v>
      </c>
      <c r="M1191" s="53">
        <v>0</v>
      </c>
      <c r="N1191" s="53">
        <v>0</v>
      </c>
      <c r="O1191" s="53">
        <v>0</v>
      </c>
      <c r="P1191" s="53">
        <v>0</v>
      </c>
      <c r="Q1191" s="53">
        <v>0</v>
      </c>
      <c r="R1191" s="53">
        <v>0</v>
      </c>
      <c r="S1191" s="53">
        <v>0</v>
      </c>
      <c r="T1191" s="53">
        <v>0</v>
      </c>
      <c r="U1191" s="53">
        <v>0</v>
      </c>
      <c r="V1191" s="53">
        <v>0</v>
      </c>
      <c r="W1191" s="53">
        <v>0</v>
      </c>
      <c r="X1191" s="53">
        <v>0</v>
      </c>
      <c r="Y1191" s="53">
        <v>0</v>
      </c>
      <c r="Z1191" s="53">
        <v>0</v>
      </c>
      <c r="AA1191" s="53">
        <v>0</v>
      </c>
      <c r="AB1191" s="53">
        <v>0</v>
      </c>
      <c r="AC1191" s="53">
        <v>0</v>
      </c>
      <c r="AD1191" s="53">
        <v>0</v>
      </c>
      <c r="AE1191" s="53">
        <v>0</v>
      </c>
      <c r="AF1191" s="53">
        <v>0</v>
      </c>
      <c r="AG1191" s="53">
        <v>0</v>
      </c>
      <c r="AH1191" s="53">
        <v>0</v>
      </c>
      <c r="AI1191" s="53">
        <v>0</v>
      </c>
      <c r="AJ1191" s="53">
        <v>0</v>
      </c>
      <c r="AK1191" s="53">
        <v>0</v>
      </c>
      <c r="AL1191" s="53">
        <v>0</v>
      </c>
      <c r="AM1191" s="53">
        <v>0</v>
      </c>
      <c r="AN1191" s="53">
        <v>0</v>
      </c>
      <c r="AO1191" s="53">
        <v>0</v>
      </c>
      <c r="AP1191" s="53">
        <v>0</v>
      </c>
      <c r="AQ1191" s="53">
        <v>0</v>
      </c>
      <c r="AR1191" s="53">
        <v>0</v>
      </c>
      <c r="AS1191" s="53">
        <v>0</v>
      </c>
      <c r="AT1191" s="53">
        <v>0</v>
      </c>
      <c r="AU1191" s="53">
        <v>0</v>
      </c>
      <c r="AV1191" s="53">
        <v>0</v>
      </c>
      <c r="AW1191" s="53">
        <v>0</v>
      </c>
      <c r="AX1191" s="53">
        <v>0</v>
      </c>
      <c r="AY1191" s="53">
        <v>0</v>
      </c>
      <c r="AZ1191" s="53">
        <v>0</v>
      </c>
      <c r="BA1191" s="53">
        <v>0</v>
      </c>
    </row>
    <row r="1192" spans="1:53">
      <c r="A1192" s="52" t="s">
        <v>3690</v>
      </c>
    </row>
    <row r="1193" spans="1:53">
      <c r="A1193" s="52" t="s">
        <v>3691</v>
      </c>
      <c r="B1193" s="53">
        <v>0</v>
      </c>
      <c r="C1193" s="53">
        <v>0</v>
      </c>
      <c r="D1193" s="53">
        <v>0</v>
      </c>
      <c r="E1193" s="53">
        <v>0</v>
      </c>
      <c r="F1193" s="53">
        <v>0</v>
      </c>
      <c r="G1193" s="53">
        <v>0</v>
      </c>
      <c r="H1193" s="53">
        <v>0</v>
      </c>
      <c r="I1193" s="53">
        <v>0</v>
      </c>
      <c r="J1193" s="53">
        <v>0</v>
      </c>
      <c r="K1193" s="53">
        <v>0</v>
      </c>
      <c r="L1193" s="53">
        <v>0</v>
      </c>
      <c r="M1193" s="53">
        <v>0</v>
      </c>
      <c r="N1193" s="53">
        <v>0</v>
      </c>
      <c r="O1193" s="53">
        <v>0</v>
      </c>
      <c r="P1193" s="53">
        <v>0</v>
      </c>
      <c r="Q1193" s="53">
        <v>0</v>
      </c>
      <c r="R1193" s="53">
        <v>0</v>
      </c>
      <c r="S1193" s="53">
        <v>0</v>
      </c>
      <c r="T1193" s="53">
        <v>0</v>
      </c>
      <c r="U1193" s="53">
        <v>0</v>
      </c>
      <c r="V1193" s="53">
        <v>0</v>
      </c>
      <c r="W1193" s="53">
        <v>0</v>
      </c>
      <c r="X1193" s="53">
        <v>0</v>
      </c>
      <c r="Y1193" s="53">
        <v>0</v>
      </c>
      <c r="Z1193" s="53">
        <v>0</v>
      </c>
      <c r="AA1193" s="53">
        <v>0</v>
      </c>
      <c r="AB1193" s="53">
        <v>0</v>
      </c>
      <c r="AC1193" s="53">
        <v>0</v>
      </c>
      <c r="AD1193" s="53">
        <v>0</v>
      </c>
      <c r="AE1193" s="53">
        <v>0</v>
      </c>
      <c r="AF1193" s="53">
        <v>0</v>
      </c>
      <c r="AG1193" s="53">
        <v>0</v>
      </c>
      <c r="AH1193" s="53">
        <v>0</v>
      </c>
      <c r="AI1193" s="53">
        <v>0</v>
      </c>
      <c r="AJ1193" s="53">
        <v>0</v>
      </c>
      <c r="AK1193" s="53">
        <v>0</v>
      </c>
      <c r="AL1193" s="53">
        <v>0</v>
      </c>
      <c r="AM1193" s="53">
        <v>0</v>
      </c>
      <c r="AN1193" s="53">
        <v>0</v>
      </c>
      <c r="AO1193" s="53">
        <v>0</v>
      </c>
      <c r="AP1193" s="53">
        <v>0</v>
      </c>
      <c r="AQ1193" s="53">
        <v>0</v>
      </c>
      <c r="AR1193" s="53">
        <v>0</v>
      </c>
      <c r="AS1193" s="53">
        <v>0</v>
      </c>
      <c r="AT1193" s="53">
        <v>0</v>
      </c>
      <c r="AU1193" s="53">
        <v>0</v>
      </c>
      <c r="AV1193" s="53">
        <v>0</v>
      </c>
      <c r="AW1193" s="53">
        <v>0</v>
      </c>
      <c r="AX1193" s="53">
        <v>0</v>
      </c>
      <c r="AY1193" s="53">
        <v>0</v>
      </c>
      <c r="AZ1193" s="53">
        <v>0</v>
      </c>
      <c r="BA1193" s="53">
        <v>0</v>
      </c>
    </row>
    <row r="1194" spans="1:53">
      <c r="A1194" s="52" t="s">
        <v>3692</v>
      </c>
      <c r="B1194" s="53">
        <v>0</v>
      </c>
      <c r="C1194" s="53">
        <v>0</v>
      </c>
      <c r="D1194" s="53">
        <v>0</v>
      </c>
      <c r="E1194" s="53">
        <v>0</v>
      </c>
      <c r="F1194" s="53">
        <v>0</v>
      </c>
      <c r="G1194" s="53">
        <v>0</v>
      </c>
      <c r="H1194" s="53">
        <v>0</v>
      </c>
      <c r="I1194" s="53">
        <v>0</v>
      </c>
      <c r="J1194" s="53">
        <v>0</v>
      </c>
      <c r="K1194" s="53">
        <v>0</v>
      </c>
      <c r="L1194" s="53">
        <v>0</v>
      </c>
      <c r="M1194" s="53">
        <v>0</v>
      </c>
      <c r="N1194" s="53">
        <v>0</v>
      </c>
      <c r="O1194" s="53">
        <v>0</v>
      </c>
      <c r="P1194" s="53">
        <v>0</v>
      </c>
      <c r="Q1194" s="53">
        <v>0</v>
      </c>
      <c r="R1194" s="53">
        <v>0</v>
      </c>
      <c r="S1194" s="53">
        <v>0</v>
      </c>
      <c r="T1194" s="53">
        <v>0</v>
      </c>
      <c r="U1194" s="53">
        <v>0</v>
      </c>
      <c r="V1194" s="53">
        <v>0</v>
      </c>
      <c r="W1194" s="53">
        <v>0</v>
      </c>
      <c r="X1194" s="53">
        <v>0</v>
      </c>
      <c r="Y1194" s="53">
        <v>0</v>
      </c>
      <c r="Z1194" s="53">
        <v>0</v>
      </c>
      <c r="AA1194" s="53">
        <v>0</v>
      </c>
      <c r="AB1194" s="53">
        <v>0</v>
      </c>
      <c r="AC1194" s="53">
        <v>0</v>
      </c>
      <c r="AD1194" s="53">
        <v>0</v>
      </c>
      <c r="AE1194" s="53">
        <v>0</v>
      </c>
      <c r="AF1194" s="53">
        <v>0</v>
      </c>
      <c r="AG1194" s="53">
        <v>0</v>
      </c>
      <c r="AH1194" s="53">
        <v>0</v>
      </c>
      <c r="AI1194" s="53">
        <v>0</v>
      </c>
      <c r="AJ1194" s="53">
        <v>0</v>
      </c>
      <c r="AK1194" s="53">
        <v>0</v>
      </c>
      <c r="AL1194" s="53">
        <v>0</v>
      </c>
      <c r="AM1194" s="53">
        <v>0</v>
      </c>
      <c r="AN1194" s="53">
        <v>0</v>
      </c>
      <c r="AO1194" s="53">
        <v>0</v>
      </c>
      <c r="AP1194" s="53">
        <v>0</v>
      </c>
      <c r="AQ1194" s="53">
        <v>0</v>
      </c>
      <c r="AR1194" s="53">
        <v>0</v>
      </c>
      <c r="AS1194" s="53">
        <v>0</v>
      </c>
      <c r="AT1194" s="53">
        <v>0</v>
      </c>
      <c r="AU1194" s="53">
        <v>0</v>
      </c>
      <c r="AV1194" s="53">
        <v>0</v>
      </c>
      <c r="AW1194" s="53">
        <v>0</v>
      </c>
      <c r="AX1194" s="53">
        <v>0</v>
      </c>
      <c r="AY1194" s="53">
        <v>0</v>
      </c>
      <c r="AZ1194" s="53">
        <v>0</v>
      </c>
      <c r="BA1194" s="53">
        <v>0</v>
      </c>
    </row>
    <row r="1195" spans="1:53">
      <c r="A1195" s="52" t="s">
        <v>3693</v>
      </c>
    </row>
    <row r="1196" spans="1:53">
      <c r="A1196" s="52" t="s">
        <v>3694</v>
      </c>
    </row>
    <row r="1197" spans="1:53">
      <c r="A1197" s="52" t="s">
        <v>3695</v>
      </c>
      <c r="B1197" s="53">
        <v>0</v>
      </c>
      <c r="C1197" s="53">
        <v>0</v>
      </c>
      <c r="D1197" s="53">
        <v>0</v>
      </c>
      <c r="E1197" s="53">
        <v>0</v>
      </c>
      <c r="F1197" s="53">
        <v>0</v>
      </c>
      <c r="G1197" s="53">
        <v>0</v>
      </c>
      <c r="H1197" s="53">
        <v>0</v>
      </c>
      <c r="I1197" s="53">
        <v>0</v>
      </c>
      <c r="J1197" s="53">
        <v>0</v>
      </c>
      <c r="K1197" s="53">
        <v>0</v>
      </c>
      <c r="L1197" s="53">
        <v>0</v>
      </c>
      <c r="M1197" s="53">
        <v>0</v>
      </c>
      <c r="N1197" s="53">
        <v>0</v>
      </c>
      <c r="O1197" s="53">
        <v>0</v>
      </c>
      <c r="P1197" s="53">
        <v>0</v>
      </c>
      <c r="Q1197" s="53">
        <v>0</v>
      </c>
      <c r="R1197" s="53">
        <v>0</v>
      </c>
      <c r="S1197" s="53">
        <v>0</v>
      </c>
      <c r="T1197" s="53">
        <v>0</v>
      </c>
      <c r="U1197" s="53">
        <v>0</v>
      </c>
      <c r="V1197" s="53">
        <v>0</v>
      </c>
      <c r="W1197" s="53">
        <v>0</v>
      </c>
      <c r="X1197" s="53">
        <v>0</v>
      </c>
      <c r="Y1197" s="53">
        <v>0</v>
      </c>
      <c r="Z1197" s="53">
        <v>0</v>
      </c>
      <c r="AA1197" s="53">
        <v>0</v>
      </c>
      <c r="AB1197" s="53">
        <v>0</v>
      </c>
      <c r="AC1197" s="53">
        <v>0</v>
      </c>
      <c r="AD1197" s="53">
        <v>0</v>
      </c>
      <c r="AE1197" s="53">
        <v>0</v>
      </c>
      <c r="AF1197" s="53">
        <v>0</v>
      </c>
      <c r="AG1197" s="53">
        <v>0</v>
      </c>
      <c r="AH1197" s="53">
        <v>0</v>
      </c>
      <c r="AI1197" s="53">
        <v>0</v>
      </c>
      <c r="AJ1197" s="53">
        <v>0</v>
      </c>
      <c r="AK1197" s="53">
        <v>0</v>
      </c>
      <c r="AL1197" s="53">
        <v>0</v>
      </c>
      <c r="AM1197" s="53">
        <v>0</v>
      </c>
      <c r="AN1197" s="53">
        <v>0</v>
      </c>
      <c r="AO1197" s="53">
        <v>0</v>
      </c>
      <c r="AP1197" s="53">
        <v>0</v>
      </c>
      <c r="AQ1197" s="53">
        <v>0</v>
      </c>
      <c r="AR1197" s="53">
        <v>0</v>
      </c>
      <c r="AS1197" s="53">
        <v>0</v>
      </c>
      <c r="AT1197" s="53">
        <v>0</v>
      </c>
      <c r="AU1197" s="53">
        <v>0</v>
      </c>
      <c r="AV1197" s="53">
        <v>0</v>
      </c>
      <c r="AW1197" s="53">
        <v>0</v>
      </c>
      <c r="AX1197" s="53">
        <v>0</v>
      </c>
      <c r="AY1197" s="53">
        <v>0</v>
      </c>
      <c r="AZ1197" s="53">
        <v>0</v>
      </c>
      <c r="BA1197" s="53">
        <v>0</v>
      </c>
    </row>
    <row r="1198" spans="1:53">
      <c r="A1198" s="52" t="s">
        <v>3696</v>
      </c>
    </row>
    <row r="1199" spans="1:53">
      <c r="A1199" s="52" t="s">
        <v>3697</v>
      </c>
      <c r="B1199" s="53">
        <v>0</v>
      </c>
      <c r="C1199" s="53">
        <v>0</v>
      </c>
      <c r="D1199" s="53">
        <v>0</v>
      </c>
      <c r="E1199" s="53">
        <v>0</v>
      </c>
      <c r="F1199" s="53">
        <v>0</v>
      </c>
      <c r="G1199" s="53">
        <v>0</v>
      </c>
      <c r="H1199" s="53">
        <v>0</v>
      </c>
      <c r="I1199" s="53">
        <v>0</v>
      </c>
      <c r="J1199" s="53">
        <v>0</v>
      </c>
      <c r="K1199" s="53">
        <v>0</v>
      </c>
      <c r="L1199" s="53">
        <v>0</v>
      </c>
      <c r="M1199" s="53">
        <v>0</v>
      </c>
      <c r="N1199" s="53">
        <v>0</v>
      </c>
      <c r="O1199" s="53">
        <v>0</v>
      </c>
      <c r="P1199" s="53">
        <v>0</v>
      </c>
      <c r="Q1199" s="53">
        <v>0</v>
      </c>
      <c r="R1199" s="53">
        <v>0</v>
      </c>
      <c r="S1199" s="53">
        <v>0</v>
      </c>
      <c r="T1199" s="53">
        <v>0</v>
      </c>
      <c r="U1199" s="53">
        <v>0</v>
      </c>
      <c r="V1199" s="53">
        <v>0</v>
      </c>
      <c r="W1199" s="53">
        <v>0</v>
      </c>
      <c r="X1199" s="53">
        <v>0</v>
      </c>
      <c r="Y1199" s="53">
        <v>0</v>
      </c>
      <c r="Z1199" s="53">
        <v>0</v>
      </c>
      <c r="AA1199" s="53">
        <v>0</v>
      </c>
      <c r="AB1199" s="53">
        <v>0</v>
      </c>
      <c r="AC1199" s="53">
        <v>0</v>
      </c>
      <c r="AD1199" s="53">
        <v>0</v>
      </c>
      <c r="AE1199" s="53">
        <v>0</v>
      </c>
      <c r="AF1199" s="53">
        <v>0</v>
      </c>
      <c r="AG1199" s="53">
        <v>0</v>
      </c>
      <c r="AH1199" s="53">
        <v>0</v>
      </c>
      <c r="AI1199" s="53">
        <v>0</v>
      </c>
      <c r="AJ1199" s="53">
        <v>0</v>
      </c>
      <c r="AK1199" s="53">
        <v>0</v>
      </c>
      <c r="AL1199" s="53">
        <v>0</v>
      </c>
      <c r="AM1199" s="53">
        <v>0</v>
      </c>
      <c r="AN1199" s="53">
        <v>0</v>
      </c>
      <c r="AO1199" s="53">
        <v>0</v>
      </c>
      <c r="AP1199" s="53">
        <v>0</v>
      </c>
      <c r="AQ1199" s="53">
        <v>0</v>
      </c>
      <c r="AR1199" s="53">
        <v>0</v>
      </c>
      <c r="AS1199" s="53">
        <v>0</v>
      </c>
      <c r="AT1199" s="53">
        <v>0</v>
      </c>
      <c r="AU1199" s="53">
        <v>0</v>
      </c>
      <c r="AV1199" s="53">
        <v>0</v>
      </c>
      <c r="AW1199" s="53">
        <v>0</v>
      </c>
      <c r="AX1199" s="53">
        <v>0</v>
      </c>
      <c r="AY1199" s="53">
        <v>0</v>
      </c>
      <c r="AZ1199" s="53">
        <v>0</v>
      </c>
      <c r="BA1199" s="53">
        <v>0</v>
      </c>
    </row>
    <row r="1200" spans="1:53">
      <c r="A1200" s="52" t="s">
        <v>3698</v>
      </c>
    </row>
    <row r="1201" spans="1:53">
      <c r="A1201" s="52" t="s">
        <v>3699</v>
      </c>
    </row>
    <row r="1202" spans="1:53">
      <c r="A1202" s="174" t="s">
        <v>3700</v>
      </c>
    </row>
    <row r="1203" spans="1:53">
      <c r="A1203" s="52" t="s">
        <v>3701</v>
      </c>
      <c r="B1203" s="53">
        <v>4174074472.95715</v>
      </c>
      <c r="C1203" s="53">
        <v>4057026798.4085698</v>
      </c>
      <c r="D1203" s="53">
        <v>4008428076.4157801</v>
      </c>
      <c r="E1203" s="53">
        <v>3936289115.3455</v>
      </c>
      <c r="F1203" s="53">
        <v>3945816214.3853698</v>
      </c>
      <c r="G1203" s="53">
        <v>3910403848.5580401</v>
      </c>
      <c r="H1203" s="53">
        <v>3831267663.4214101</v>
      </c>
      <c r="I1203" s="53">
        <v>3906374859.3819098</v>
      </c>
      <c r="J1203" s="53">
        <v>3809583761.2160602</v>
      </c>
      <c r="K1203" s="53">
        <v>3780850513.3951302</v>
      </c>
      <c r="L1203" s="53">
        <v>3515510929.51758</v>
      </c>
      <c r="M1203" s="53">
        <v>3291733322.7069201</v>
      </c>
      <c r="N1203" s="53">
        <v>3291733322.7069201</v>
      </c>
      <c r="O1203" s="53">
        <v>3329009417.27071</v>
      </c>
      <c r="P1203" s="53">
        <v>3246428293.2262201</v>
      </c>
      <c r="Q1203" s="53">
        <v>3239252881.5178199</v>
      </c>
      <c r="R1203" s="53">
        <v>3240598556.1200299</v>
      </c>
      <c r="S1203" s="53">
        <v>3301037461.3332901</v>
      </c>
      <c r="T1203" s="53">
        <v>3561066679.9867802</v>
      </c>
      <c r="U1203" s="53">
        <v>3548205869.6465602</v>
      </c>
      <c r="V1203" s="53">
        <v>3620633101.5380602</v>
      </c>
      <c r="W1203" s="53">
        <v>3576128446.4660702</v>
      </c>
      <c r="X1203" s="53">
        <v>3513293555.9714899</v>
      </c>
      <c r="Y1203" s="53">
        <v>3190125230.4281101</v>
      </c>
      <c r="Z1203" s="53">
        <v>3142761734.5341101</v>
      </c>
      <c r="AA1203" s="53">
        <v>3142761734.5341101</v>
      </c>
      <c r="AB1203" s="53">
        <v>3256334400.8660798</v>
      </c>
      <c r="AC1203" s="53">
        <v>3181244133.3463602</v>
      </c>
      <c r="AD1203" s="53">
        <v>3173394595.1555099</v>
      </c>
      <c r="AE1203" s="53">
        <v>3173635530.7917299</v>
      </c>
      <c r="AF1203" s="53">
        <v>3234955202.8035402</v>
      </c>
      <c r="AG1203" s="53">
        <v>3497960066.7772799</v>
      </c>
      <c r="AH1203" s="53">
        <v>3517179344.0105801</v>
      </c>
      <c r="AI1203" s="53">
        <v>3603065712.45087</v>
      </c>
      <c r="AJ1203" s="53">
        <v>3476985712.8121901</v>
      </c>
      <c r="AK1203" s="53">
        <v>3431547778.5930901</v>
      </c>
      <c r="AL1203" s="53">
        <v>3102462534.0308599</v>
      </c>
      <c r="AM1203" s="53">
        <v>3100302369.6146798</v>
      </c>
      <c r="AN1203" s="53">
        <v>3100302369.6146798</v>
      </c>
      <c r="AO1203" s="53">
        <v>3221449659.9661398</v>
      </c>
      <c r="AP1203" s="53">
        <v>3152999703.7275701</v>
      </c>
      <c r="AQ1203" s="53">
        <v>3151448586.3169498</v>
      </c>
      <c r="AR1203" s="53">
        <v>3159055797.4685798</v>
      </c>
      <c r="AS1203" s="53">
        <v>3225721355.7098198</v>
      </c>
      <c r="AT1203" s="53">
        <v>3344848331.4021902</v>
      </c>
      <c r="AU1203" s="53">
        <v>3382277967.2646499</v>
      </c>
      <c r="AV1203" s="53">
        <v>3487479564.4953098</v>
      </c>
      <c r="AW1203" s="53">
        <v>3534774776.4427099</v>
      </c>
      <c r="AX1203" s="53">
        <v>3487184660.4115701</v>
      </c>
      <c r="AY1203" s="53">
        <v>3141764955.6145501</v>
      </c>
      <c r="AZ1203" s="53">
        <v>3089993499.9502001</v>
      </c>
      <c r="BA1203" s="53">
        <v>3089993499.9502001</v>
      </c>
    </row>
    <row r="1204" spans="1:53">
      <c r="A1204" s="52" t="s">
        <v>3702</v>
      </c>
      <c r="B1204" s="53">
        <v>-2632034278.4176202</v>
      </c>
      <c r="C1204" s="53">
        <v>-2706991063.9717302</v>
      </c>
      <c r="D1204" s="53">
        <v>-2685048928.4597101</v>
      </c>
      <c r="E1204" s="53">
        <v>-2689733627.8467398</v>
      </c>
      <c r="F1204" s="53">
        <v>-2725232855.9657602</v>
      </c>
      <c r="G1204" s="53">
        <v>-2646809316.18501</v>
      </c>
      <c r="H1204" s="53">
        <v>-2693333071.85955</v>
      </c>
      <c r="I1204" s="53">
        <v>-2806476429.5380998</v>
      </c>
      <c r="J1204" s="53">
        <v>-2761700989.4844198</v>
      </c>
      <c r="K1204" s="53">
        <v>-2792910241.2765298</v>
      </c>
      <c r="L1204" s="53">
        <v>-2611713123.0022101</v>
      </c>
      <c r="M1204" s="53">
        <v>-2456395931.8263898</v>
      </c>
      <c r="N1204" s="53">
        <v>-2456395931.8263898</v>
      </c>
      <c r="O1204" s="53">
        <v>-2475760391.9457898</v>
      </c>
      <c r="P1204" s="53">
        <v>-2492793882.1284399</v>
      </c>
      <c r="Q1204" s="53">
        <v>-2432934512.7241902</v>
      </c>
      <c r="R1204" s="53">
        <v>-2441930515.9974699</v>
      </c>
      <c r="S1204" s="53">
        <v>-2471645113.4945102</v>
      </c>
      <c r="T1204" s="53">
        <v>-2463802265.5099602</v>
      </c>
      <c r="U1204" s="53">
        <v>-2499096879.7837501</v>
      </c>
      <c r="V1204" s="53">
        <v>-2598239755.0002899</v>
      </c>
      <c r="W1204" s="53">
        <v>-2610503196.3850999</v>
      </c>
      <c r="X1204" s="53">
        <v>-2630339606.24999</v>
      </c>
      <c r="Y1204" s="53">
        <v>-2419257960.0197802</v>
      </c>
      <c r="Z1204" s="53">
        <v>-2337886014.8645101</v>
      </c>
      <c r="AA1204" s="53">
        <v>-2337886014.8645101</v>
      </c>
      <c r="AB1204" s="53">
        <v>-2388919543.0524802</v>
      </c>
      <c r="AC1204" s="53">
        <v>-2404868233.9274001</v>
      </c>
      <c r="AD1204" s="53">
        <v>-2377157543.3201499</v>
      </c>
      <c r="AE1204" s="53">
        <v>-2387393407.8607702</v>
      </c>
      <c r="AF1204" s="53">
        <v>-2419046754.4647498</v>
      </c>
      <c r="AG1204" s="53">
        <v>-2419668019.4414701</v>
      </c>
      <c r="AH1204" s="53">
        <v>-2458574152.43577</v>
      </c>
      <c r="AI1204" s="53">
        <v>-2563219000.7493601</v>
      </c>
      <c r="AJ1204" s="53">
        <v>-2581743018.5143499</v>
      </c>
      <c r="AK1204" s="53">
        <v>-2602586881.4785399</v>
      </c>
      <c r="AL1204" s="53">
        <v>-2366498283.77351</v>
      </c>
      <c r="AM1204" s="53">
        <v>-2291129407.2561302</v>
      </c>
      <c r="AN1204" s="53">
        <v>-2291129407.2561302</v>
      </c>
      <c r="AO1204" s="53">
        <v>-2344474130.1764002</v>
      </c>
      <c r="AP1204" s="53">
        <v>-2360135733.3200998</v>
      </c>
      <c r="AQ1204" s="53">
        <v>-2335483750.3076401</v>
      </c>
      <c r="AR1204" s="53">
        <v>-2347870423.83915</v>
      </c>
      <c r="AS1204" s="53">
        <v>-2382527974.2704201</v>
      </c>
      <c r="AT1204" s="53">
        <v>-2392159675.0426502</v>
      </c>
      <c r="AU1204" s="53">
        <v>-2445552263.5578098</v>
      </c>
      <c r="AV1204" s="53">
        <v>-2556102838.5476098</v>
      </c>
      <c r="AW1204" s="53">
        <v>-2582350741.9874301</v>
      </c>
      <c r="AX1204" s="53">
        <v>-2606029251.09834</v>
      </c>
      <c r="AY1204" s="53">
        <v>-2356965497.1174698</v>
      </c>
      <c r="AZ1204" s="53">
        <v>-2272468989.7323399</v>
      </c>
      <c r="BA1204" s="53">
        <v>-2272468989.7323399</v>
      </c>
    </row>
    <row r="1205" spans="1:53">
      <c r="A1205" s="52" t="s">
        <v>3703</v>
      </c>
      <c r="B1205" s="53">
        <v>1542040194.53953</v>
      </c>
      <c r="C1205" s="53">
        <v>1350035734.4368401</v>
      </c>
      <c r="D1205" s="53">
        <v>1323379147.9560699</v>
      </c>
      <c r="E1205" s="53">
        <v>1246555487.49875</v>
      </c>
      <c r="F1205" s="53">
        <v>1220583358.41961</v>
      </c>
      <c r="G1205" s="53">
        <v>1263594532.3730299</v>
      </c>
      <c r="H1205" s="53">
        <v>1137934591.5618501</v>
      </c>
      <c r="I1205" s="53">
        <v>1099898429.8438101</v>
      </c>
      <c r="J1205" s="53">
        <v>1047882771.73164</v>
      </c>
      <c r="K1205" s="53">
        <v>987940272.11860096</v>
      </c>
      <c r="L1205" s="53">
        <v>903797806.51537097</v>
      </c>
      <c r="M1205" s="53">
        <v>835337390.88052797</v>
      </c>
      <c r="N1205" s="53">
        <v>835337390.88052797</v>
      </c>
      <c r="O1205" s="53">
        <v>853249025.32492399</v>
      </c>
      <c r="P1205" s="53">
        <v>753634411.09777796</v>
      </c>
      <c r="Q1205" s="53">
        <v>806318368.79362702</v>
      </c>
      <c r="R1205" s="53">
        <v>798668040.12256205</v>
      </c>
      <c r="S1205" s="53">
        <v>829392347.83877802</v>
      </c>
      <c r="T1205" s="53">
        <v>1097264414.47682</v>
      </c>
      <c r="U1205" s="53">
        <v>1049108989.86281</v>
      </c>
      <c r="V1205" s="53">
        <v>1022393346.53776</v>
      </c>
      <c r="W1205" s="53">
        <v>965625250.08097506</v>
      </c>
      <c r="X1205" s="53">
        <v>882953949.72149301</v>
      </c>
      <c r="Y1205" s="53">
        <v>770867270.408337</v>
      </c>
      <c r="Z1205" s="53">
        <v>804875719.66959405</v>
      </c>
      <c r="AA1205" s="53">
        <v>804875719.66959405</v>
      </c>
      <c r="AB1205" s="53">
        <v>867414857.81360102</v>
      </c>
      <c r="AC1205" s="53">
        <v>776375899.41896701</v>
      </c>
      <c r="AD1205" s="53">
        <v>796237051.83536196</v>
      </c>
      <c r="AE1205" s="53">
        <v>786242122.93096304</v>
      </c>
      <c r="AF1205" s="53">
        <v>815908448.33878195</v>
      </c>
      <c r="AG1205" s="53">
        <v>1078292047.3358099</v>
      </c>
      <c r="AH1205" s="53">
        <v>1058605191.57481</v>
      </c>
      <c r="AI1205" s="53">
        <v>1039846711.70151</v>
      </c>
      <c r="AJ1205" s="53">
        <v>895242694.29784405</v>
      </c>
      <c r="AK1205" s="53">
        <v>828960897.11455095</v>
      </c>
      <c r="AL1205" s="53">
        <v>735964250.25735295</v>
      </c>
      <c r="AM1205" s="53">
        <v>809172962.35855901</v>
      </c>
      <c r="AN1205" s="53">
        <v>809172962.35855901</v>
      </c>
      <c r="AO1205" s="53">
        <v>876975529.78973699</v>
      </c>
      <c r="AP1205" s="53">
        <v>792863970.40746999</v>
      </c>
      <c r="AQ1205" s="53">
        <v>815964836.00931001</v>
      </c>
      <c r="AR1205" s="53">
        <v>811185373.62943006</v>
      </c>
      <c r="AS1205" s="53">
        <v>843193381.439399</v>
      </c>
      <c r="AT1205" s="53">
        <v>952688656.35954595</v>
      </c>
      <c r="AU1205" s="53">
        <v>936725703.70683706</v>
      </c>
      <c r="AV1205" s="53">
        <v>931376725.947703</v>
      </c>
      <c r="AW1205" s="53">
        <v>952424034.45527995</v>
      </c>
      <c r="AX1205" s="53">
        <v>881155409.31323695</v>
      </c>
      <c r="AY1205" s="53">
        <v>784799458.49707997</v>
      </c>
      <c r="AZ1205" s="53">
        <v>817524510.21785796</v>
      </c>
      <c r="BA1205" s="53">
        <v>817524510.21785796</v>
      </c>
    </row>
    <row r="1206" spans="1:53">
      <c r="A1206" s="174" t="s">
        <v>3704</v>
      </c>
    </row>
    <row r="1207" spans="1:53">
      <c r="A1207" s="52" t="s">
        <v>3705</v>
      </c>
      <c r="B1207" s="53">
        <v>27201257758.049198</v>
      </c>
      <c r="C1207" s="53">
        <v>27409570379.519901</v>
      </c>
      <c r="D1207" s="53">
        <v>27564148963.263599</v>
      </c>
      <c r="E1207" s="53">
        <v>27609848137.093201</v>
      </c>
      <c r="F1207" s="53">
        <v>27671673841.241001</v>
      </c>
      <c r="G1207" s="53">
        <v>28017462572.968201</v>
      </c>
      <c r="H1207" s="53">
        <v>28066406769.1147</v>
      </c>
      <c r="I1207" s="53">
        <v>28116140315.276501</v>
      </c>
      <c r="J1207" s="53">
        <v>28242812401.3694</v>
      </c>
      <c r="K1207" s="53">
        <v>28415460800.3004</v>
      </c>
      <c r="L1207" s="53">
        <v>28524585514.8078</v>
      </c>
      <c r="M1207" s="53">
        <v>29403892711.594101</v>
      </c>
      <c r="N1207" s="53">
        <v>29403892711.594101</v>
      </c>
      <c r="O1207" s="53">
        <v>29486677472.450401</v>
      </c>
      <c r="P1207" s="53">
        <v>29528422317.0439</v>
      </c>
      <c r="Q1207" s="53">
        <v>29856412210.364799</v>
      </c>
      <c r="R1207" s="53">
        <v>29941611797.888302</v>
      </c>
      <c r="S1207" s="53">
        <v>30006070453.814098</v>
      </c>
      <c r="T1207" s="53">
        <v>30206669071.5061</v>
      </c>
      <c r="U1207" s="53">
        <v>30259414234.289902</v>
      </c>
      <c r="V1207" s="53">
        <v>30332230217.942902</v>
      </c>
      <c r="W1207" s="53">
        <v>30560929155.7682</v>
      </c>
      <c r="X1207" s="53">
        <v>30613320025.311501</v>
      </c>
      <c r="Y1207" s="53">
        <v>30670848532.860901</v>
      </c>
      <c r="Z1207" s="53">
        <v>32193946585.893398</v>
      </c>
      <c r="AA1207" s="53">
        <v>32193946585.893398</v>
      </c>
      <c r="AB1207" s="53">
        <v>32257372527.1576</v>
      </c>
      <c r="AC1207" s="53">
        <v>32303933560.8372</v>
      </c>
      <c r="AD1207" s="53">
        <v>32423548289.4226</v>
      </c>
      <c r="AE1207" s="53">
        <v>32473077032.7836</v>
      </c>
      <c r="AF1207" s="53">
        <v>32570512408.0154</v>
      </c>
      <c r="AG1207" s="53">
        <v>33084035245.986198</v>
      </c>
      <c r="AH1207" s="53">
        <v>33265363547.1521</v>
      </c>
      <c r="AI1207" s="53">
        <v>33360584432.2677</v>
      </c>
      <c r="AJ1207" s="53">
        <v>33502985384.169701</v>
      </c>
      <c r="AK1207" s="53">
        <v>33576715868.367901</v>
      </c>
      <c r="AL1207" s="53">
        <v>33656248072.341702</v>
      </c>
      <c r="AM1207" s="53">
        <v>34125989293.315498</v>
      </c>
      <c r="AN1207" s="53">
        <v>34125989293.315498</v>
      </c>
      <c r="AO1207" s="53">
        <v>34164798356.251499</v>
      </c>
      <c r="AP1207" s="53">
        <v>34207716482.298599</v>
      </c>
      <c r="AQ1207" s="53">
        <v>34428283247.758698</v>
      </c>
      <c r="AR1207" s="53">
        <v>34483216947.408302</v>
      </c>
      <c r="AS1207" s="53">
        <v>34557343982.943398</v>
      </c>
      <c r="AT1207" s="53">
        <v>35065180263.435402</v>
      </c>
      <c r="AU1207" s="53">
        <v>35273546683.218498</v>
      </c>
      <c r="AV1207" s="53">
        <v>35351772538.4011</v>
      </c>
      <c r="AW1207" s="53">
        <v>35500512907.574799</v>
      </c>
      <c r="AX1207" s="53">
        <v>35631448870.843903</v>
      </c>
      <c r="AY1207" s="53">
        <v>35712245366.094902</v>
      </c>
      <c r="AZ1207" s="53">
        <v>36143255850.506302</v>
      </c>
      <c r="BA1207" s="53">
        <v>36143255850.506302</v>
      </c>
    </row>
    <row r="1208" spans="1:53">
      <c r="A1208" s="52" t="s">
        <v>3706</v>
      </c>
      <c r="B1208" s="53">
        <v>-7250755370.9555101</v>
      </c>
      <c r="C1208" s="53">
        <v>-7293424275.1028404</v>
      </c>
      <c r="D1208" s="53">
        <v>-7344477692.5624399</v>
      </c>
      <c r="E1208" s="53">
        <v>-7405051796.0636101</v>
      </c>
      <c r="F1208" s="53">
        <v>-7465734845.6157598</v>
      </c>
      <c r="G1208" s="53">
        <v>-7510656099.02845</v>
      </c>
      <c r="H1208" s="53">
        <v>-7572554530.6409101</v>
      </c>
      <c r="I1208" s="53">
        <v>-7603665303.3943501</v>
      </c>
      <c r="J1208" s="53">
        <v>-7657232468.5315599</v>
      </c>
      <c r="K1208" s="53">
        <v>-7707575707.7552099</v>
      </c>
      <c r="L1208" s="53">
        <v>-7755974940.4076004</v>
      </c>
      <c r="M1208" s="53">
        <v>-7724620222.1831303</v>
      </c>
      <c r="N1208" s="53">
        <v>-7724620222.1831303</v>
      </c>
      <c r="O1208" s="53">
        <v>-7786319329.9763498</v>
      </c>
      <c r="P1208" s="53">
        <v>-7851878232.7738304</v>
      </c>
      <c r="Q1208" s="53">
        <v>-7908739168.9071398</v>
      </c>
      <c r="R1208" s="53">
        <v>-7971412093.5319796</v>
      </c>
      <c r="S1208" s="53">
        <v>-8038115648.5031204</v>
      </c>
      <c r="T1208" s="53">
        <v>-8088814617.7857904</v>
      </c>
      <c r="U1208" s="53">
        <v>-8153764331.8403397</v>
      </c>
      <c r="V1208" s="53">
        <v>-8220269004.0798702</v>
      </c>
      <c r="W1208" s="53">
        <v>-8224520399.5263796</v>
      </c>
      <c r="X1208" s="53">
        <v>-8293461862.5802002</v>
      </c>
      <c r="Y1208" s="53">
        <v>-8362751173.30373</v>
      </c>
      <c r="Z1208" s="53">
        <v>-8300263928.1798401</v>
      </c>
      <c r="AA1208" s="53">
        <v>-8300263928.1798401</v>
      </c>
      <c r="AB1208" s="53">
        <v>-8371880468.9856901</v>
      </c>
      <c r="AC1208" s="53">
        <v>-8444939774.8773403</v>
      </c>
      <c r="AD1208" s="53">
        <v>-8509715698.9636402</v>
      </c>
      <c r="AE1208" s="53">
        <v>-8582337794.4987402</v>
      </c>
      <c r="AF1208" s="53">
        <v>-8651100203.7069492</v>
      </c>
      <c r="AG1208" s="53">
        <v>-8711279701.1243706</v>
      </c>
      <c r="AH1208" s="53">
        <v>-8770564653.6956291</v>
      </c>
      <c r="AI1208" s="53">
        <v>-8843987534.6560497</v>
      </c>
      <c r="AJ1208" s="53">
        <v>-8911795399.3010006</v>
      </c>
      <c r="AK1208" s="53">
        <v>-8987664172.8097496</v>
      </c>
      <c r="AL1208" s="53">
        <v>-9063870557.1056004</v>
      </c>
      <c r="AM1208" s="53">
        <v>-9047979766.2467098</v>
      </c>
      <c r="AN1208" s="53">
        <v>-9047979766.2467098</v>
      </c>
      <c r="AO1208" s="53">
        <v>-9125833777.1807709</v>
      </c>
      <c r="AP1208" s="53">
        <v>-9202184586.7100601</v>
      </c>
      <c r="AQ1208" s="53">
        <v>-9272157243.0328293</v>
      </c>
      <c r="AR1208" s="53">
        <v>-9348364176.3641605</v>
      </c>
      <c r="AS1208" s="53">
        <v>-9423669009.4586601</v>
      </c>
      <c r="AT1208" s="53">
        <v>-9487233887.2728691</v>
      </c>
      <c r="AU1208" s="53">
        <v>-9551327604.4149494</v>
      </c>
      <c r="AV1208" s="53">
        <v>-9628626810.7796497</v>
      </c>
      <c r="AW1208" s="53">
        <v>-9699644401.3452702</v>
      </c>
      <c r="AX1208" s="53">
        <v>-9773682119.8175297</v>
      </c>
      <c r="AY1208" s="53">
        <v>-9853284747.8819294</v>
      </c>
      <c r="AZ1208" s="53">
        <v>-9920359484.0854492</v>
      </c>
      <c r="BA1208" s="53">
        <v>-9920359484.0854492</v>
      </c>
    </row>
    <row r="1209" spans="1:53">
      <c r="A1209" s="52" t="s">
        <v>3707</v>
      </c>
      <c r="B1209" s="53">
        <v>129702863.06999999</v>
      </c>
      <c r="C1209" s="53">
        <v>129702863.06999999</v>
      </c>
      <c r="D1209" s="53">
        <v>129702863.06999999</v>
      </c>
      <c r="E1209" s="53">
        <v>129702863.06999999</v>
      </c>
      <c r="F1209" s="53">
        <v>129702863.06999999</v>
      </c>
      <c r="G1209" s="53">
        <v>129702863.06999999</v>
      </c>
      <c r="H1209" s="53">
        <v>129702863.06999999</v>
      </c>
      <c r="I1209" s="53">
        <v>129702863.06999999</v>
      </c>
      <c r="J1209" s="53">
        <v>129702863.06999999</v>
      </c>
      <c r="K1209" s="53">
        <v>129702863.06999999</v>
      </c>
      <c r="L1209" s="53">
        <v>129702863.06999999</v>
      </c>
      <c r="M1209" s="53">
        <v>129702863.06999999</v>
      </c>
      <c r="N1209" s="53">
        <v>129702863.06999999</v>
      </c>
      <c r="O1209" s="53">
        <v>129702863.06999999</v>
      </c>
      <c r="P1209" s="53">
        <v>129702863.06999999</v>
      </c>
      <c r="Q1209" s="53">
        <v>129702863.06999999</v>
      </c>
      <c r="R1209" s="53">
        <v>129702863.06999999</v>
      </c>
      <c r="S1209" s="53">
        <v>129702863.06999999</v>
      </c>
      <c r="T1209" s="53">
        <v>129702863.06999999</v>
      </c>
      <c r="U1209" s="53">
        <v>129702863.06999999</v>
      </c>
      <c r="V1209" s="53">
        <v>129702863.06999999</v>
      </c>
      <c r="W1209" s="53">
        <v>129702863.06999999</v>
      </c>
      <c r="X1209" s="53">
        <v>129702863.06999999</v>
      </c>
      <c r="Y1209" s="53">
        <v>129702863.06999999</v>
      </c>
      <c r="Z1209" s="53">
        <v>129702863.06999999</v>
      </c>
      <c r="AA1209" s="53">
        <v>129702863.06999999</v>
      </c>
      <c r="AB1209" s="53">
        <v>129702863.06999999</v>
      </c>
      <c r="AC1209" s="53">
        <v>129702863.06999999</v>
      </c>
      <c r="AD1209" s="53">
        <v>129702863.06999999</v>
      </c>
      <c r="AE1209" s="53">
        <v>129702863.06999999</v>
      </c>
      <c r="AF1209" s="53">
        <v>129702863.06999999</v>
      </c>
      <c r="AG1209" s="53">
        <v>129702863.06999999</v>
      </c>
      <c r="AH1209" s="53">
        <v>129702863.06999999</v>
      </c>
      <c r="AI1209" s="53">
        <v>129702863.06999999</v>
      </c>
      <c r="AJ1209" s="53">
        <v>129702863.06999999</v>
      </c>
      <c r="AK1209" s="53">
        <v>129702863.06999999</v>
      </c>
      <c r="AL1209" s="53">
        <v>129702863.06999999</v>
      </c>
      <c r="AM1209" s="53">
        <v>129702863.06999999</v>
      </c>
      <c r="AN1209" s="53">
        <v>129702863.06999999</v>
      </c>
      <c r="AO1209" s="53">
        <v>129702863.06999999</v>
      </c>
      <c r="AP1209" s="53">
        <v>129702863.06999999</v>
      </c>
      <c r="AQ1209" s="53">
        <v>129702863.06999999</v>
      </c>
      <c r="AR1209" s="53">
        <v>129702863.06999999</v>
      </c>
      <c r="AS1209" s="53">
        <v>129702863.06999999</v>
      </c>
      <c r="AT1209" s="53">
        <v>129702863.06999999</v>
      </c>
      <c r="AU1209" s="53">
        <v>129702863.06999999</v>
      </c>
      <c r="AV1209" s="53">
        <v>129702863.06999999</v>
      </c>
      <c r="AW1209" s="53">
        <v>129702863.06999999</v>
      </c>
      <c r="AX1209" s="53">
        <v>129702863.06999999</v>
      </c>
      <c r="AY1209" s="53">
        <v>129702863.06999999</v>
      </c>
      <c r="AZ1209" s="53">
        <v>129702863.06999999</v>
      </c>
      <c r="BA1209" s="53">
        <v>129702863.06999999</v>
      </c>
    </row>
    <row r="1210" spans="1:53">
      <c r="A1210" s="52" t="s">
        <v>3708</v>
      </c>
      <c r="B1210" s="53">
        <v>1581965427.9642799</v>
      </c>
      <c r="C1210" s="53">
        <v>1559109479.08956</v>
      </c>
      <c r="D1210" s="53">
        <v>1599098018.46948</v>
      </c>
      <c r="E1210" s="53">
        <v>1772715732.11638</v>
      </c>
      <c r="F1210" s="53">
        <v>1909486116.2653699</v>
      </c>
      <c r="G1210" s="53">
        <v>1754343719.36605</v>
      </c>
      <c r="H1210" s="53">
        <v>1909186873.9832201</v>
      </c>
      <c r="I1210" s="53">
        <v>2045480141.7576399</v>
      </c>
      <c r="J1210" s="53">
        <v>2115172524.8988199</v>
      </c>
      <c r="K1210" s="53">
        <v>2120439904.4836299</v>
      </c>
      <c r="L1210" s="53">
        <v>2187659549.7017498</v>
      </c>
      <c r="M1210" s="53">
        <v>1413396857.4460399</v>
      </c>
      <c r="N1210" s="53">
        <v>1413396857.4460399</v>
      </c>
      <c r="O1210" s="53">
        <v>1528739009.0297699</v>
      </c>
      <c r="P1210" s="53">
        <v>1705975826.9730501</v>
      </c>
      <c r="Q1210" s="53">
        <v>1593788690.3041</v>
      </c>
      <c r="R1210" s="53">
        <v>1723834654.3115699</v>
      </c>
      <c r="S1210" s="53">
        <v>1882275993.3347001</v>
      </c>
      <c r="T1210" s="53">
        <v>1892797004.4658799</v>
      </c>
      <c r="U1210" s="53">
        <v>2062775964.46646</v>
      </c>
      <c r="V1210" s="53">
        <v>2227795625.68542</v>
      </c>
      <c r="W1210" s="53">
        <v>2154750942.30551</v>
      </c>
      <c r="X1210" s="53">
        <v>2330355159.06393</v>
      </c>
      <c r="Y1210" s="53">
        <v>2502130985.6289802</v>
      </c>
      <c r="Z1210" s="53">
        <v>1071954993.05371</v>
      </c>
      <c r="AA1210" s="53">
        <v>1071954993.05371</v>
      </c>
      <c r="AB1210" s="53">
        <v>1201972729.62233</v>
      </c>
      <c r="AC1210" s="53">
        <v>1352041749.73</v>
      </c>
      <c r="AD1210" s="53">
        <v>1434674448.53934</v>
      </c>
      <c r="AE1210" s="53">
        <v>1587181830.39958</v>
      </c>
      <c r="AF1210" s="53">
        <v>1689516414.9395599</v>
      </c>
      <c r="AG1210" s="53">
        <v>1368413517.2096801</v>
      </c>
      <c r="AH1210" s="53">
        <v>1374383936.9503901</v>
      </c>
      <c r="AI1210" s="53">
        <v>1514830380.6593299</v>
      </c>
      <c r="AJ1210" s="53">
        <v>1586923720.35074</v>
      </c>
      <c r="AK1210" s="53">
        <v>1730839020.7376699</v>
      </c>
      <c r="AL1210" s="53">
        <v>1867095313.81179</v>
      </c>
      <c r="AM1210" s="53">
        <v>1517258837.3740201</v>
      </c>
      <c r="AN1210" s="53">
        <v>1517258837.3740201</v>
      </c>
      <c r="AO1210" s="53">
        <v>1664544030.5949299</v>
      </c>
      <c r="AP1210" s="53">
        <v>1812953334.7811899</v>
      </c>
      <c r="AQ1210" s="53">
        <v>1795877570.0197599</v>
      </c>
      <c r="AR1210" s="53">
        <v>1937606844.9398</v>
      </c>
      <c r="AS1210" s="53">
        <v>2062258518.3812599</v>
      </c>
      <c r="AT1210" s="53">
        <v>1740467227.76948</v>
      </c>
      <c r="AU1210" s="53">
        <v>1717663353.86711</v>
      </c>
      <c r="AV1210" s="53">
        <v>1862731348.34426</v>
      </c>
      <c r="AW1210" s="53">
        <v>1912669057.88463</v>
      </c>
      <c r="AX1210" s="53">
        <v>2000340404.41888</v>
      </c>
      <c r="AY1210" s="53">
        <v>2138205180.20682</v>
      </c>
      <c r="AZ1210" s="53">
        <v>1904721951.4277699</v>
      </c>
      <c r="BA1210" s="53">
        <v>1904721951.4277699</v>
      </c>
    </row>
    <row r="1211" spans="1:53">
      <c r="A1211" s="52" t="s">
        <v>3709</v>
      </c>
      <c r="B1211" s="53">
        <v>1542040194.53953</v>
      </c>
      <c r="C1211" s="53">
        <v>1350035734.4368401</v>
      </c>
      <c r="D1211" s="53">
        <v>1323379147.9560699</v>
      </c>
      <c r="E1211" s="53">
        <v>1246555487.49875</v>
      </c>
      <c r="F1211" s="53">
        <v>1220583358.41961</v>
      </c>
      <c r="G1211" s="53">
        <v>1263594532.3730299</v>
      </c>
      <c r="H1211" s="53">
        <v>1137934591.5618501</v>
      </c>
      <c r="I1211" s="53">
        <v>1099898429.8438101</v>
      </c>
      <c r="J1211" s="53">
        <v>1047882771.73164</v>
      </c>
      <c r="K1211" s="53">
        <v>987940272.11860096</v>
      </c>
      <c r="L1211" s="53">
        <v>903797806.51537097</v>
      </c>
      <c r="M1211" s="53">
        <v>835337390.88052797</v>
      </c>
      <c r="N1211" s="53">
        <v>835337390.88052797</v>
      </c>
      <c r="O1211" s="53">
        <v>853249025.32492399</v>
      </c>
      <c r="P1211" s="53">
        <v>753634411.09777796</v>
      </c>
      <c r="Q1211" s="53">
        <v>806318368.79362702</v>
      </c>
      <c r="R1211" s="53">
        <v>798668040.12256205</v>
      </c>
      <c r="S1211" s="53">
        <v>829392347.83877802</v>
      </c>
      <c r="T1211" s="53">
        <v>1097264414.47682</v>
      </c>
      <c r="U1211" s="53">
        <v>1049108989.86281</v>
      </c>
      <c r="V1211" s="53">
        <v>1022393346.53776</v>
      </c>
      <c r="W1211" s="53">
        <v>965625250.08097506</v>
      </c>
      <c r="X1211" s="53">
        <v>882953949.72149301</v>
      </c>
      <c r="Y1211" s="53">
        <v>770867270.408337</v>
      </c>
      <c r="Z1211" s="53">
        <v>804875719.66959405</v>
      </c>
      <c r="AA1211" s="53">
        <v>804875719.66959405</v>
      </c>
      <c r="AB1211" s="53">
        <v>867414857.81360102</v>
      </c>
      <c r="AC1211" s="53">
        <v>776375899.41896701</v>
      </c>
      <c r="AD1211" s="53">
        <v>796237051.83536196</v>
      </c>
      <c r="AE1211" s="53">
        <v>786242122.93096304</v>
      </c>
      <c r="AF1211" s="53">
        <v>815908448.33878195</v>
      </c>
      <c r="AG1211" s="53">
        <v>1078292047.3358099</v>
      </c>
      <c r="AH1211" s="53">
        <v>1058605191.57481</v>
      </c>
      <c r="AI1211" s="53">
        <v>1039846711.70151</v>
      </c>
      <c r="AJ1211" s="53">
        <v>895242694.29784405</v>
      </c>
      <c r="AK1211" s="53">
        <v>828960897.11455095</v>
      </c>
      <c r="AL1211" s="53">
        <v>735964250.25735295</v>
      </c>
      <c r="AM1211" s="53">
        <v>809172962.35855901</v>
      </c>
      <c r="AN1211" s="53">
        <v>809172962.35855901</v>
      </c>
      <c r="AO1211" s="53">
        <v>876975529.78973699</v>
      </c>
      <c r="AP1211" s="53">
        <v>792863970.40746999</v>
      </c>
      <c r="AQ1211" s="53">
        <v>815964836.00931001</v>
      </c>
      <c r="AR1211" s="53">
        <v>811185373.62943006</v>
      </c>
      <c r="AS1211" s="53">
        <v>843193381.439399</v>
      </c>
      <c r="AT1211" s="53">
        <v>952688656.35954595</v>
      </c>
      <c r="AU1211" s="53">
        <v>936725703.70683706</v>
      </c>
      <c r="AV1211" s="53">
        <v>931376725.947703</v>
      </c>
      <c r="AW1211" s="53">
        <v>952424034.45527995</v>
      </c>
      <c r="AX1211" s="53">
        <v>881155409.31323695</v>
      </c>
      <c r="AY1211" s="53">
        <v>784799458.49707997</v>
      </c>
      <c r="AZ1211" s="53">
        <v>817524510.21785796</v>
      </c>
      <c r="BA1211" s="53">
        <v>817524510.21785796</v>
      </c>
    </row>
    <row r="1212" spans="1:53">
      <c r="A1212" s="52" t="s">
        <v>3710</v>
      </c>
      <c r="B1212" s="53">
        <v>23204210872.6675</v>
      </c>
      <c r="C1212" s="53">
        <v>23154994181.013401</v>
      </c>
      <c r="D1212" s="53">
        <v>23271851300.196701</v>
      </c>
      <c r="E1212" s="53">
        <v>23353770423.714699</v>
      </c>
      <c r="F1212" s="53">
        <v>23465711333.380199</v>
      </c>
      <c r="G1212" s="53">
        <v>23654447588.748798</v>
      </c>
      <c r="H1212" s="53">
        <v>23670676567.088902</v>
      </c>
      <c r="I1212" s="53">
        <v>23787556446.5536</v>
      </c>
      <c r="J1212" s="53">
        <v>23878338092.5383</v>
      </c>
      <c r="K1212" s="53">
        <v>23945968132.2174</v>
      </c>
      <c r="L1212" s="53">
        <v>23989770793.687302</v>
      </c>
      <c r="M1212" s="53">
        <v>24057709600.807598</v>
      </c>
      <c r="N1212" s="53">
        <v>24057709600.807598</v>
      </c>
      <c r="O1212" s="53">
        <v>24212049039.898701</v>
      </c>
      <c r="P1212" s="53">
        <v>24265857185.4109</v>
      </c>
      <c r="Q1212" s="53">
        <v>24477482963.625401</v>
      </c>
      <c r="R1212" s="53">
        <v>24622405261.8605</v>
      </c>
      <c r="S1212" s="53">
        <v>24809326009.554401</v>
      </c>
      <c r="T1212" s="53">
        <v>25237618735.733002</v>
      </c>
      <c r="U1212" s="53">
        <v>25347237719.8489</v>
      </c>
      <c r="V1212" s="53">
        <v>25491853049.1562</v>
      </c>
      <c r="W1212" s="53">
        <v>25586487811.698299</v>
      </c>
      <c r="X1212" s="53">
        <v>25662870134.5867</v>
      </c>
      <c r="Y1212" s="53">
        <v>25710798478.664398</v>
      </c>
      <c r="Z1212" s="53">
        <v>25900216233.506802</v>
      </c>
      <c r="AA1212" s="53">
        <v>25900216233.506802</v>
      </c>
      <c r="AB1212" s="53">
        <v>26084582508.677898</v>
      </c>
      <c r="AC1212" s="53">
        <v>26117114298.178902</v>
      </c>
      <c r="AD1212" s="53">
        <v>26274446953.903599</v>
      </c>
      <c r="AE1212" s="53">
        <v>26393866054.685398</v>
      </c>
      <c r="AF1212" s="53">
        <v>26554539930.656799</v>
      </c>
      <c r="AG1212" s="53">
        <v>26949163972.477299</v>
      </c>
      <c r="AH1212" s="53">
        <v>27057490885.051701</v>
      </c>
      <c r="AI1212" s="53">
        <v>27200976853.0425</v>
      </c>
      <c r="AJ1212" s="53">
        <v>27203059262.587299</v>
      </c>
      <c r="AK1212" s="53">
        <v>27278554476.480301</v>
      </c>
      <c r="AL1212" s="53">
        <v>27325139942.375198</v>
      </c>
      <c r="AM1212" s="53">
        <v>27534144189.871399</v>
      </c>
      <c r="AN1212" s="53">
        <v>27534144189.871399</v>
      </c>
      <c r="AO1212" s="53">
        <v>27710187002.525398</v>
      </c>
      <c r="AP1212" s="53">
        <v>27741052063.847198</v>
      </c>
      <c r="AQ1212" s="53">
        <v>27897671273.824902</v>
      </c>
      <c r="AR1212" s="53">
        <v>28013347852.6833</v>
      </c>
      <c r="AS1212" s="53">
        <v>28168829736.375401</v>
      </c>
      <c r="AT1212" s="53">
        <v>28400805123.361599</v>
      </c>
      <c r="AU1212" s="53">
        <v>28506310999.447498</v>
      </c>
      <c r="AV1212" s="53">
        <v>28646956664.983398</v>
      </c>
      <c r="AW1212" s="53">
        <v>28795664461.6394</v>
      </c>
      <c r="AX1212" s="53">
        <v>28868965427.828499</v>
      </c>
      <c r="AY1212" s="53">
        <v>28911668119.9869</v>
      </c>
      <c r="AZ1212" s="53">
        <v>29074845691.136501</v>
      </c>
      <c r="BA1212" s="53">
        <v>29074845691.136501</v>
      </c>
    </row>
    <row r="1213" spans="1:53">
      <c r="A1213" s="174" t="s">
        <v>3711</v>
      </c>
    </row>
    <row r="1214" spans="1:53">
      <c r="A1214" s="52" t="s">
        <v>3712</v>
      </c>
      <c r="B1214" s="53">
        <v>-10098470073.365299</v>
      </c>
      <c r="C1214" s="53">
        <v>-10149357314.6504</v>
      </c>
      <c r="D1214" s="53">
        <v>-10191565431.8055</v>
      </c>
      <c r="E1214" s="53">
        <v>-10240586376.8386</v>
      </c>
      <c r="F1214" s="53">
        <v>-10318472951.3967</v>
      </c>
      <c r="G1214" s="53">
        <v>-10423600877.9212</v>
      </c>
      <c r="H1214" s="53">
        <v>-10527418637.8349</v>
      </c>
      <c r="I1214" s="53">
        <v>-10680269049.8013</v>
      </c>
      <c r="J1214" s="53">
        <v>-10774361049.6534</v>
      </c>
      <c r="K1214" s="53">
        <v>-10842719521.4254</v>
      </c>
      <c r="L1214" s="53">
        <v>-10879470776.7589</v>
      </c>
      <c r="M1214" s="53">
        <v>-10946711989.4261</v>
      </c>
      <c r="N1214" s="53">
        <v>-10946711989.4261</v>
      </c>
      <c r="O1214" s="53">
        <v>-11062904505.1061</v>
      </c>
      <c r="P1214" s="53">
        <v>-11103460578.361601</v>
      </c>
      <c r="Q1214" s="53">
        <v>-11133605593.953501</v>
      </c>
      <c r="R1214" s="53">
        <v>-11176882507.2255</v>
      </c>
      <c r="S1214" s="53">
        <v>-11248344672.485701</v>
      </c>
      <c r="T1214" s="53">
        <v>-11336242460.4163</v>
      </c>
      <c r="U1214" s="53">
        <v>-11433934458.698099</v>
      </c>
      <c r="V1214" s="53">
        <v>-11580057033.3591</v>
      </c>
      <c r="W1214" s="53">
        <v>-11659221770.862499</v>
      </c>
      <c r="X1214" s="53">
        <v>-11720019158.3638</v>
      </c>
      <c r="Y1214" s="53">
        <v>-11746761660.812099</v>
      </c>
      <c r="Z1214" s="53">
        <v>-11799717667.089899</v>
      </c>
      <c r="AA1214" s="53">
        <v>-11799717667.089899</v>
      </c>
      <c r="AB1214" s="53">
        <v>-11915001994.756599</v>
      </c>
      <c r="AC1214" s="53">
        <v>-11954655131.3972</v>
      </c>
      <c r="AD1214" s="53">
        <v>-11983224144.872999</v>
      </c>
      <c r="AE1214" s="53">
        <v>-12025486997.3647</v>
      </c>
      <c r="AF1214" s="53">
        <v>-12096432271.8876</v>
      </c>
      <c r="AG1214" s="53">
        <v>-12135538845.2197</v>
      </c>
      <c r="AH1214" s="53">
        <v>-12234275661.3151</v>
      </c>
      <c r="AI1214" s="53">
        <v>-12381432415.1607</v>
      </c>
      <c r="AJ1214" s="53">
        <v>-12461236383.830601</v>
      </c>
      <c r="AK1214" s="53">
        <v>-12522459029.063101</v>
      </c>
      <c r="AL1214" s="53">
        <v>-12548772324.008301</v>
      </c>
      <c r="AM1214" s="53">
        <v>-12603309088.778601</v>
      </c>
      <c r="AN1214" s="53">
        <v>-12603309088.778601</v>
      </c>
      <c r="AO1214" s="53">
        <v>-12715937502.4827</v>
      </c>
      <c r="AP1214" s="53">
        <v>-12755649626.4417</v>
      </c>
      <c r="AQ1214" s="53">
        <v>-12783131795.5592</v>
      </c>
      <c r="AR1214" s="53">
        <v>-12823890400.323299</v>
      </c>
      <c r="AS1214" s="53">
        <v>-12894132718.315901</v>
      </c>
      <c r="AT1214" s="53">
        <v>-12856101344.256201</v>
      </c>
      <c r="AU1214" s="53">
        <v>-12952547450.2255</v>
      </c>
      <c r="AV1214" s="53">
        <v>-13097502071.6059</v>
      </c>
      <c r="AW1214" s="53">
        <v>-13176045795.813499</v>
      </c>
      <c r="AX1214" s="53">
        <v>-13235450601.013</v>
      </c>
      <c r="AY1214" s="53">
        <v>-13259551413.436001</v>
      </c>
      <c r="AZ1214" s="53">
        <v>-13312911327.8981</v>
      </c>
      <c r="BA1214" s="53">
        <v>-13312911327.8981</v>
      </c>
    </row>
    <row r="1215" spans="1:53">
      <c r="A1215" s="52" t="s">
        <v>3713</v>
      </c>
      <c r="B1215" s="53">
        <v>-9350574805.5153904</v>
      </c>
      <c r="C1215" s="53">
        <v>-9351204791.2698994</v>
      </c>
      <c r="D1215" s="53">
        <v>-9351195888.1355305</v>
      </c>
      <c r="E1215" s="53">
        <v>-8551836522.0382004</v>
      </c>
      <c r="F1215" s="53">
        <v>-8552477155.9408703</v>
      </c>
      <c r="G1215" s="53">
        <v>-8553117789.8435297</v>
      </c>
      <c r="H1215" s="53">
        <v>-8553758423.7461996</v>
      </c>
      <c r="I1215" s="53">
        <v>-9554399057.6488609</v>
      </c>
      <c r="J1215" s="53">
        <v>-9555039691.5515194</v>
      </c>
      <c r="K1215" s="53">
        <v>-9555680325.4541893</v>
      </c>
      <c r="L1215" s="53">
        <v>-9556320959.3568592</v>
      </c>
      <c r="M1215" s="53">
        <v>-9556961593.2595291</v>
      </c>
      <c r="N1215" s="53">
        <v>-9556961593.2595291</v>
      </c>
      <c r="O1215" s="53">
        <v>-9557602227.1621895</v>
      </c>
      <c r="P1215" s="53">
        <v>-9558242861.0648594</v>
      </c>
      <c r="Q1215" s="53">
        <v>-9558244606.0786304</v>
      </c>
      <c r="R1215" s="53">
        <v>-9558895888.1294403</v>
      </c>
      <c r="S1215" s="53">
        <v>-9559547170.1802597</v>
      </c>
      <c r="T1215" s="53">
        <v>-10260198452.231001</v>
      </c>
      <c r="U1215" s="53">
        <v>-10260849734.281799</v>
      </c>
      <c r="V1215" s="53">
        <v>-10261501016.332701</v>
      </c>
      <c r="W1215" s="53">
        <v>-10262152298.383499</v>
      </c>
      <c r="X1215" s="53">
        <v>-10262803580.434299</v>
      </c>
      <c r="Y1215" s="53">
        <v>-10263454862.4851</v>
      </c>
      <c r="Z1215" s="53">
        <v>-10264106144.5359</v>
      </c>
      <c r="AA1215" s="53">
        <v>-10264106144.5359</v>
      </c>
      <c r="AB1215" s="53">
        <v>-10264754962.3979</v>
      </c>
      <c r="AC1215" s="53">
        <v>-10265403780.26</v>
      </c>
      <c r="AD1215" s="53">
        <v>-10265413709.233101</v>
      </c>
      <c r="AE1215" s="53">
        <v>-10265735675.243299</v>
      </c>
      <c r="AF1215" s="53">
        <v>-10266395141.2535</v>
      </c>
      <c r="AG1215" s="53">
        <v>-10917054607.2637</v>
      </c>
      <c r="AH1215" s="53">
        <v>-10917714073.273899</v>
      </c>
      <c r="AI1215" s="53">
        <v>-10918373539.2841</v>
      </c>
      <c r="AJ1215" s="53">
        <v>-10919033005.2943</v>
      </c>
      <c r="AK1215" s="53">
        <v>-10919692471.304399</v>
      </c>
      <c r="AL1215" s="53">
        <v>-10920351937.3146</v>
      </c>
      <c r="AM1215" s="53">
        <v>-10921011403.3248</v>
      </c>
      <c r="AN1215" s="53">
        <v>-10921011403.3248</v>
      </c>
      <c r="AO1215" s="53">
        <v>-10271635647.1567</v>
      </c>
      <c r="AP1215" s="53">
        <v>-10272233571.1021</v>
      </c>
      <c r="AQ1215" s="53">
        <v>-10272192606.158501</v>
      </c>
      <c r="AR1215" s="53">
        <v>-10272801178.252001</v>
      </c>
      <c r="AS1215" s="53">
        <v>-10273409750.3454</v>
      </c>
      <c r="AT1215" s="53">
        <v>-11524018322.4389</v>
      </c>
      <c r="AU1215" s="53">
        <v>-11524579894.5324</v>
      </c>
      <c r="AV1215" s="53">
        <v>-11525141466.625799</v>
      </c>
      <c r="AW1215" s="53">
        <v>-11525703038.719299</v>
      </c>
      <c r="AX1215" s="53">
        <v>-11526264610.812799</v>
      </c>
      <c r="AY1215" s="53">
        <v>-11526826182.9063</v>
      </c>
      <c r="AZ1215" s="53">
        <v>-11527387754.999701</v>
      </c>
      <c r="BA1215" s="53">
        <v>-11527387754.999701</v>
      </c>
    </row>
    <row r="1216" spans="1:53">
      <c r="A1216" s="52" t="s">
        <v>3714</v>
      </c>
      <c r="B1216" s="53">
        <v>-145146799.75453001</v>
      </c>
      <c r="C1216" s="53">
        <v>-43986462.048842996</v>
      </c>
      <c r="D1216" s="53">
        <v>-126073770.957846</v>
      </c>
      <c r="E1216" s="53">
        <v>-958100711.50871003</v>
      </c>
      <c r="F1216" s="53">
        <v>-997092550.63431501</v>
      </c>
      <c r="G1216" s="53">
        <v>-1089790129.6900799</v>
      </c>
      <c r="H1216" s="53">
        <v>-1010243814.99792</v>
      </c>
      <c r="I1216" s="53">
        <v>137442028.716232</v>
      </c>
      <c r="J1216" s="53">
        <v>239377237.91134599</v>
      </c>
      <c r="K1216" s="53">
        <v>393280992.26323497</v>
      </c>
      <c r="L1216" s="53">
        <v>193048441.87334099</v>
      </c>
      <c r="M1216" s="53">
        <v>-5938772.7716698796</v>
      </c>
      <c r="N1216" s="53">
        <v>-5938772.7716698796</v>
      </c>
      <c r="O1216" s="53">
        <v>-37208835.7320804</v>
      </c>
      <c r="P1216" s="53">
        <v>-27491554.847943299</v>
      </c>
      <c r="Q1216" s="53">
        <v>-189077993.35148901</v>
      </c>
      <c r="R1216" s="53">
        <v>-271867626.10165399</v>
      </c>
      <c r="S1216" s="53">
        <v>-374588955.818542</v>
      </c>
      <c r="T1216" s="53">
        <v>233794140.86158001</v>
      </c>
      <c r="U1216" s="53">
        <v>227643124.22132599</v>
      </c>
      <c r="V1216" s="53">
        <v>280939309.93058503</v>
      </c>
      <c r="W1216" s="53">
        <v>341934612.80359203</v>
      </c>
      <c r="X1216" s="53">
        <v>384555249.98042399</v>
      </c>
      <c r="Y1216" s="53">
        <v>71955812.614500105</v>
      </c>
      <c r="Z1216" s="53">
        <v>-131852214.951662</v>
      </c>
      <c r="AA1216" s="53">
        <v>-131852214.951662</v>
      </c>
      <c r="AB1216" s="53">
        <v>-196512174.79109901</v>
      </c>
      <c r="AC1216" s="53">
        <v>-168300839.92753699</v>
      </c>
      <c r="AD1216" s="53">
        <v>-279697063.07687598</v>
      </c>
      <c r="AE1216" s="53">
        <v>-284151828.04402</v>
      </c>
      <c r="AF1216" s="53">
        <v>-363591134.76955199</v>
      </c>
      <c r="AG1216" s="53">
        <v>233559606.438665</v>
      </c>
      <c r="AH1216" s="53">
        <v>256509907.93695101</v>
      </c>
      <c r="AI1216" s="53">
        <v>316266376.39893699</v>
      </c>
      <c r="AJ1216" s="53">
        <v>290456805.72593403</v>
      </c>
      <c r="AK1216" s="53">
        <v>345374414.50259</v>
      </c>
      <c r="AL1216" s="53">
        <v>25961727.997004099</v>
      </c>
      <c r="AM1216" s="53">
        <v>-180915258.75754201</v>
      </c>
      <c r="AN1216" s="53">
        <v>-180915258.75754201</v>
      </c>
      <c r="AO1216" s="53">
        <v>-888992446.32978797</v>
      </c>
      <c r="AP1216" s="53">
        <v>-858047614.98357701</v>
      </c>
      <c r="AQ1216" s="53">
        <v>-973328736.45499504</v>
      </c>
      <c r="AR1216" s="53">
        <v>-974042396.54382598</v>
      </c>
      <c r="AS1216" s="53">
        <v>-1048936334.2269599</v>
      </c>
      <c r="AT1216" s="53">
        <v>89413364.099600807</v>
      </c>
      <c r="AU1216" s="53">
        <v>131321263.992834</v>
      </c>
      <c r="AV1216" s="53">
        <v>209891225.351459</v>
      </c>
      <c r="AW1216" s="53">
        <v>354915954.59222502</v>
      </c>
      <c r="AX1216" s="53">
        <v>406748952.61554003</v>
      </c>
      <c r="AY1216" s="53">
        <v>76328665.770742998</v>
      </c>
      <c r="AZ1216" s="53">
        <v>-186734302.987297</v>
      </c>
      <c r="BA1216" s="53">
        <v>-186734302.987297</v>
      </c>
    </row>
    <row r="1217" spans="1:53">
      <c r="A1217" s="52" t="s">
        <v>3715</v>
      </c>
      <c r="B1217" s="53">
        <v>0</v>
      </c>
      <c r="C1217" s="53">
        <v>0</v>
      </c>
      <c r="D1217" s="53">
        <v>0</v>
      </c>
      <c r="E1217" s="53">
        <v>0</v>
      </c>
      <c r="F1217" s="53">
        <v>0</v>
      </c>
      <c r="G1217" s="53">
        <v>0</v>
      </c>
      <c r="H1217" s="53">
        <v>0</v>
      </c>
      <c r="I1217" s="53">
        <v>0</v>
      </c>
      <c r="J1217" s="53">
        <v>0</v>
      </c>
      <c r="K1217" s="53">
        <v>0</v>
      </c>
      <c r="L1217" s="53">
        <v>0</v>
      </c>
      <c r="M1217" s="53">
        <v>0</v>
      </c>
      <c r="N1217" s="53">
        <v>0</v>
      </c>
      <c r="O1217" s="53">
        <v>0</v>
      </c>
      <c r="P1217" s="53">
        <v>0</v>
      </c>
      <c r="Q1217" s="53">
        <v>0</v>
      </c>
      <c r="R1217" s="53">
        <v>0</v>
      </c>
      <c r="S1217" s="53">
        <v>0</v>
      </c>
      <c r="T1217" s="53">
        <v>0</v>
      </c>
      <c r="U1217" s="53">
        <v>0</v>
      </c>
      <c r="V1217" s="53">
        <v>0</v>
      </c>
      <c r="W1217" s="53">
        <v>0</v>
      </c>
      <c r="X1217" s="53">
        <v>0</v>
      </c>
      <c r="Y1217" s="53">
        <v>0</v>
      </c>
      <c r="Z1217" s="53">
        <v>0</v>
      </c>
      <c r="AA1217" s="53">
        <v>0</v>
      </c>
      <c r="AB1217" s="53">
        <v>0</v>
      </c>
      <c r="AC1217" s="53">
        <v>0</v>
      </c>
      <c r="AD1217" s="53">
        <v>0</v>
      </c>
      <c r="AE1217" s="53">
        <v>0</v>
      </c>
      <c r="AF1217" s="53">
        <v>0</v>
      </c>
      <c r="AG1217" s="53">
        <v>0</v>
      </c>
      <c r="AH1217" s="53">
        <v>0</v>
      </c>
      <c r="AI1217" s="53">
        <v>0</v>
      </c>
      <c r="AJ1217" s="53">
        <v>0</v>
      </c>
      <c r="AK1217" s="53">
        <v>0</v>
      </c>
      <c r="AL1217" s="53">
        <v>0</v>
      </c>
      <c r="AM1217" s="53">
        <v>0</v>
      </c>
      <c r="AN1217" s="53">
        <v>0</v>
      </c>
      <c r="AO1217" s="53">
        <v>0</v>
      </c>
      <c r="AP1217" s="53">
        <v>0</v>
      </c>
      <c r="AQ1217" s="53">
        <v>0</v>
      </c>
      <c r="AR1217" s="53">
        <v>0</v>
      </c>
      <c r="AS1217" s="53">
        <v>0</v>
      </c>
      <c r="AT1217" s="53">
        <v>0</v>
      </c>
      <c r="AU1217" s="53">
        <v>0</v>
      </c>
      <c r="AV1217" s="53">
        <v>0</v>
      </c>
      <c r="AW1217" s="53">
        <v>0</v>
      </c>
      <c r="AX1217" s="53">
        <v>0</v>
      </c>
      <c r="AY1217" s="53">
        <v>0</v>
      </c>
      <c r="AZ1217" s="53">
        <v>0</v>
      </c>
      <c r="BA1217" s="53">
        <v>0</v>
      </c>
    </row>
    <row r="1218" spans="1:53">
      <c r="A1218" s="52" t="s">
        <v>3716</v>
      </c>
      <c r="B1218" s="53">
        <v>-175076994.81999999</v>
      </c>
      <c r="C1218" s="53">
        <v>-175076994.81999999</v>
      </c>
      <c r="D1218" s="53">
        <v>-175076994.81999999</v>
      </c>
      <c r="E1218" s="53">
        <v>-175076994.81999999</v>
      </c>
      <c r="F1218" s="53">
        <v>-175076994.81999999</v>
      </c>
      <c r="G1218" s="53">
        <v>-175076994.81999999</v>
      </c>
      <c r="H1218" s="53">
        <v>-175076994.81999999</v>
      </c>
      <c r="I1218" s="53">
        <v>-175076994.81999999</v>
      </c>
      <c r="J1218" s="53">
        <v>-175076994.81999999</v>
      </c>
      <c r="K1218" s="53">
        <v>-175076994.81999999</v>
      </c>
      <c r="L1218" s="53">
        <v>-175076994.81999999</v>
      </c>
      <c r="M1218" s="53">
        <v>-175076994.81999999</v>
      </c>
      <c r="N1218" s="53">
        <v>-175076994.81999999</v>
      </c>
      <c r="O1218" s="53">
        <v>-175076994.81999999</v>
      </c>
      <c r="P1218" s="53">
        <v>-175076994.81999999</v>
      </c>
      <c r="Q1218" s="53">
        <v>-175076994.81999999</v>
      </c>
      <c r="R1218" s="53">
        <v>-175076994.81999999</v>
      </c>
      <c r="S1218" s="53">
        <v>-175076994.81999999</v>
      </c>
      <c r="T1218" s="53">
        <v>-175076994.81999999</v>
      </c>
      <c r="U1218" s="53">
        <v>-175076994.81999999</v>
      </c>
      <c r="V1218" s="53">
        <v>-175076994.81999999</v>
      </c>
      <c r="W1218" s="53">
        <v>-175076994.81999999</v>
      </c>
      <c r="X1218" s="53">
        <v>-175076994.81999999</v>
      </c>
      <c r="Y1218" s="53">
        <v>-175076994.81999999</v>
      </c>
      <c r="Z1218" s="53">
        <v>-175076994.81999999</v>
      </c>
      <c r="AA1218" s="53">
        <v>-175076994.81999999</v>
      </c>
      <c r="AB1218" s="53">
        <v>-175076994.81999999</v>
      </c>
      <c r="AC1218" s="53">
        <v>-175076994.81999999</v>
      </c>
      <c r="AD1218" s="53">
        <v>-175076994.81999999</v>
      </c>
      <c r="AE1218" s="53">
        <v>-175076994.81999999</v>
      </c>
      <c r="AF1218" s="53">
        <v>-175076994.81999999</v>
      </c>
      <c r="AG1218" s="53">
        <v>-175076994.81999999</v>
      </c>
      <c r="AH1218" s="53">
        <v>-175076994.81999999</v>
      </c>
      <c r="AI1218" s="53">
        <v>-175076994.81999999</v>
      </c>
      <c r="AJ1218" s="53">
        <v>-175076994.81999999</v>
      </c>
      <c r="AK1218" s="53">
        <v>-175076994.81999999</v>
      </c>
      <c r="AL1218" s="53">
        <v>-175076994.81999999</v>
      </c>
      <c r="AM1218" s="53">
        <v>-175076994.81999999</v>
      </c>
      <c r="AN1218" s="53">
        <v>-175076994.81999999</v>
      </c>
      <c r="AO1218" s="53">
        <v>-175076994.81999999</v>
      </c>
      <c r="AP1218" s="53">
        <v>-175076994.81999999</v>
      </c>
      <c r="AQ1218" s="53">
        <v>-175076994.81999999</v>
      </c>
      <c r="AR1218" s="53">
        <v>-175076994.81999999</v>
      </c>
      <c r="AS1218" s="53">
        <v>-175076994.81999999</v>
      </c>
      <c r="AT1218" s="53">
        <v>-175076994.81999999</v>
      </c>
      <c r="AU1218" s="53">
        <v>-175076994.81999999</v>
      </c>
      <c r="AV1218" s="53">
        <v>-175076994.81999999</v>
      </c>
      <c r="AW1218" s="53">
        <v>-175076994.81999999</v>
      </c>
      <c r="AX1218" s="53">
        <v>-175076994.81999999</v>
      </c>
      <c r="AY1218" s="53">
        <v>-175076994.81999999</v>
      </c>
      <c r="AZ1218" s="53">
        <v>-175076994.81999999</v>
      </c>
      <c r="BA1218" s="53">
        <v>-175076994.81999999</v>
      </c>
    </row>
    <row r="1219" spans="1:53">
      <c r="A1219" s="52" t="s">
        <v>3717</v>
      </c>
      <c r="B1219" s="53">
        <v>-235522132.59430599</v>
      </c>
      <c r="C1219" s="53">
        <v>-235478545.01628801</v>
      </c>
      <c r="D1219" s="53">
        <v>-235434957.43827099</v>
      </c>
      <c r="E1219" s="53">
        <v>-235391369.86025301</v>
      </c>
      <c r="F1219" s="53">
        <v>-235347782.28223601</v>
      </c>
      <c r="G1219" s="53">
        <v>-235304194.704218</v>
      </c>
      <c r="H1219" s="53">
        <v>-235260607.126201</v>
      </c>
      <c r="I1219" s="53">
        <v>-235217019.54818299</v>
      </c>
      <c r="J1219" s="53">
        <v>-235173431.970166</v>
      </c>
      <c r="K1219" s="53">
        <v>-235129844.39214799</v>
      </c>
      <c r="L1219" s="53">
        <v>-235086256.81413001</v>
      </c>
      <c r="M1219" s="53">
        <v>-247254282.64576</v>
      </c>
      <c r="N1219" s="53">
        <v>-247254282.64576</v>
      </c>
      <c r="O1219" s="53">
        <v>-247169960.925892</v>
      </c>
      <c r="P1219" s="53">
        <v>-247085639.206025</v>
      </c>
      <c r="Q1219" s="53">
        <v>-247001317.48615801</v>
      </c>
      <c r="R1219" s="53">
        <v>-246916995.76629099</v>
      </c>
      <c r="S1219" s="53">
        <v>-246832674.04642299</v>
      </c>
      <c r="T1219" s="53">
        <v>-246748352.326556</v>
      </c>
      <c r="U1219" s="53">
        <v>-246664030.60668901</v>
      </c>
      <c r="V1219" s="53">
        <v>-246579708.88682199</v>
      </c>
      <c r="W1219" s="53">
        <v>-246495387.16695401</v>
      </c>
      <c r="X1219" s="53">
        <v>-246411065.44708699</v>
      </c>
      <c r="Y1219" s="53">
        <v>-246326743.72722</v>
      </c>
      <c r="Z1219" s="53">
        <v>-247274502.965307</v>
      </c>
      <c r="AA1219" s="53">
        <v>-247274502.965307</v>
      </c>
      <c r="AB1219" s="53">
        <v>-247152977.55961999</v>
      </c>
      <c r="AC1219" s="53">
        <v>-247031452.153934</v>
      </c>
      <c r="AD1219" s="53">
        <v>-246909926.74824801</v>
      </c>
      <c r="AE1219" s="53">
        <v>-246788401.34256199</v>
      </c>
      <c r="AF1219" s="53">
        <v>-246666875.936876</v>
      </c>
      <c r="AG1219" s="53">
        <v>-246545350.53119001</v>
      </c>
      <c r="AH1219" s="53">
        <v>-246423825.125503</v>
      </c>
      <c r="AI1219" s="53">
        <v>-246302299.71981701</v>
      </c>
      <c r="AJ1219" s="53">
        <v>-246180774.31413099</v>
      </c>
      <c r="AK1219" s="53">
        <v>-246059248.908445</v>
      </c>
      <c r="AL1219" s="53">
        <v>-245937723.50275901</v>
      </c>
      <c r="AM1219" s="53">
        <v>-245816198.09707299</v>
      </c>
      <c r="AN1219" s="53">
        <v>-245816198.09707299</v>
      </c>
      <c r="AO1219" s="53">
        <v>-245608099.190231</v>
      </c>
      <c r="AP1219" s="53">
        <v>-245400000.283389</v>
      </c>
      <c r="AQ1219" s="53">
        <v>-245191901.37654701</v>
      </c>
      <c r="AR1219" s="53">
        <v>-244983802.46970499</v>
      </c>
      <c r="AS1219" s="53">
        <v>-244775703.56286299</v>
      </c>
      <c r="AT1219" s="53">
        <v>-244567604.656021</v>
      </c>
      <c r="AU1219" s="53">
        <v>-244359505.74917999</v>
      </c>
      <c r="AV1219" s="53">
        <v>-244151406.842338</v>
      </c>
      <c r="AW1219" s="53">
        <v>-243943307.935496</v>
      </c>
      <c r="AX1219" s="53">
        <v>-243735209.02865401</v>
      </c>
      <c r="AY1219" s="53">
        <v>-243527110.12181199</v>
      </c>
      <c r="AZ1219" s="53">
        <v>-298954383.245166</v>
      </c>
      <c r="BA1219" s="53">
        <v>-298954383.245166</v>
      </c>
    </row>
    <row r="1220" spans="1:53">
      <c r="A1220" s="52" t="s">
        <v>3718</v>
      </c>
      <c r="B1220" s="53">
        <v>-2605560918.9412699</v>
      </c>
      <c r="C1220" s="53">
        <v>-2607676124.8646002</v>
      </c>
      <c r="D1220" s="53">
        <v>-2601935508.0295701</v>
      </c>
      <c r="E1220" s="53">
        <v>-2603854898.97224</v>
      </c>
      <c r="F1220" s="53">
        <v>-2599965547.96275</v>
      </c>
      <c r="G1220" s="53">
        <v>-2591924450.7597499</v>
      </c>
      <c r="H1220" s="53">
        <v>-2584930136.88692</v>
      </c>
      <c r="I1220" s="53">
        <v>-2560251572.3919101</v>
      </c>
      <c r="J1220" s="53">
        <v>-2557989371.5331702</v>
      </c>
      <c r="K1220" s="53">
        <v>-2558309092.4489598</v>
      </c>
      <c r="L1220" s="53">
        <v>-2566408651.5940599</v>
      </c>
      <c r="M1220" s="53">
        <v>-2550004012.8745399</v>
      </c>
      <c r="N1220" s="53">
        <v>-2550004012.8745399</v>
      </c>
      <c r="O1220" s="53">
        <v>-2557903854.7258301</v>
      </c>
      <c r="P1220" s="53">
        <v>-2581896189.2671599</v>
      </c>
      <c r="Q1220" s="53">
        <v>-2603452383.67556</v>
      </c>
      <c r="R1220" s="53">
        <v>-2623320469.1408701</v>
      </c>
      <c r="S1220" s="53">
        <v>-2637070055.1101699</v>
      </c>
      <c r="T1220" s="53">
        <v>-2653066282.4289999</v>
      </c>
      <c r="U1220" s="53">
        <v>-2666005601.5155201</v>
      </c>
      <c r="V1220" s="53">
        <v>-2665510689.4141698</v>
      </c>
      <c r="W1220" s="53">
        <v>-2681993047.7053199</v>
      </c>
      <c r="X1220" s="53">
        <v>-2698590316.34478</v>
      </c>
      <c r="Y1220" s="53">
        <v>-2720788491.2265902</v>
      </c>
      <c r="Z1220" s="53">
        <v>-2725378277.1339698</v>
      </c>
      <c r="AA1220" s="53">
        <v>-2725378277.1339698</v>
      </c>
      <c r="AB1220" s="53">
        <v>-2730864667.3425002</v>
      </c>
      <c r="AC1220" s="53">
        <v>-2753019057.6100998</v>
      </c>
      <c r="AD1220" s="53">
        <v>-2772089768.1423302</v>
      </c>
      <c r="AE1220" s="53">
        <v>-2846182505.8607602</v>
      </c>
      <c r="AF1220" s="53">
        <v>-2857525554.9791799</v>
      </c>
      <c r="AG1220" s="53">
        <v>-2927687912.63269</v>
      </c>
      <c r="AH1220" s="53">
        <v>-2938331763.5071402</v>
      </c>
      <c r="AI1220" s="53">
        <v>-2935714732.0479102</v>
      </c>
      <c r="AJ1220" s="53">
        <v>-2859046927.3182702</v>
      </c>
      <c r="AK1220" s="53">
        <v>-2874373250.37432</v>
      </c>
      <c r="AL1220" s="53">
        <v>-2895699175.71943</v>
      </c>
      <c r="AM1220" s="53">
        <v>-2870305154.0832701</v>
      </c>
      <c r="AN1220" s="53">
        <v>-2870305154.0832701</v>
      </c>
      <c r="AO1220" s="53">
        <v>-2876850670.28585</v>
      </c>
      <c r="AP1220" s="53">
        <v>-2900183063.7064199</v>
      </c>
      <c r="AQ1220" s="53">
        <v>-2915912496.69558</v>
      </c>
      <c r="AR1220" s="53">
        <v>-2991340787.2644801</v>
      </c>
      <c r="AS1220" s="53">
        <v>-3002910391.8442502</v>
      </c>
      <c r="AT1220" s="53">
        <v>-3073077463.6804099</v>
      </c>
      <c r="AU1220" s="53">
        <v>-3083408210.3603501</v>
      </c>
      <c r="AV1220" s="53">
        <v>-3080370231.0792198</v>
      </c>
      <c r="AW1220" s="53">
        <v>-3151805280.0910802</v>
      </c>
      <c r="AX1220" s="53">
        <v>-3166972417.64398</v>
      </c>
      <c r="AY1220" s="53">
        <v>-3186845273.94276</v>
      </c>
      <c r="AZ1220" s="53">
        <v>-3055564232.1761398</v>
      </c>
      <c r="BA1220" s="53">
        <v>-3055564232.1761398</v>
      </c>
    </row>
    <row r="1221" spans="1:53">
      <c r="A1221" s="52" t="s">
        <v>3719</v>
      </c>
      <c r="B1221" s="53">
        <v>-685734846.826666</v>
      </c>
      <c r="C1221" s="53">
        <v>-683734262.49333298</v>
      </c>
      <c r="D1221" s="53">
        <v>-681733678.15999997</v>
      </c>
      <c r="E1221" s="53">
        <v>-679733093.826666</v>
      </c>
      <c r="F1221" s="53">
        <v>-677732509.49333298</v>
      </c>
      <c r="G1221" s="53">
        <v>-675731925.15999997</v>
      </c>
      <c r="H1221" s="53">
        <v>-673731340.826666</v>
      </c>
      <c r="I1221" s="53">
        <v>-671730756.49333298</v>
      </c>
      <c r="J1221" s="53">
        <v>-669730172.15999997</v>
      </c>
      <c r="K1221" s="53">
        <v>-667729587.826666</v>
      </c>
      <c r="L1221" s="53">
        <v>-665729003.49333298</v>
      </c>
      <c r="M1221" s="53">
        <v>-663728419.15999997</v>
      </c>
      <c r="N1221" s="53">
        <v>-663728419.15999997</v>
      </c>
      <c r="O1221" s="53">
        <v>-661793740.57666695</v>
      </c>
      <c r="P1221" s="53">
        <v>-659859061.99333298</v>
      </c>
      <c r="Q1221" s="53">
        <v>-657924383.40999997</v>
      </c>
      <c r="R1221" s="53">
        <v>-655989704.82666695</v>
      </c>
      <c r="S1221" s="53">
        <v>-654055026.24333298</v>
      </c>
      <c r="T1221" s="53">
        <v>-652120347.65999997</v>
      </c>
      <c r="U1221" s="53">
        <v>-650185669.07666695</v>
      </c>
      <c r="V1221" s="53">
        <v>-648250990.49333298</v>
      </c>
      <c r="W1221" s="53">
        <v>-646316311.90999997</v>
      </c>
      <c r="X1221" s="53">
        <v>-644381633.32666695</v>
      </c>
      <c r="Y1221" s="53">
        <v>-642446954.74333298</v>
      </c>
      <c r="Z1221" s="53">
        <v>-640512276.15999997</v>
      </c>
      <c r="AA1221" s="53">
        <v>-640512276.15999997</v>
      </c>
      <c r="AB1221" s="53">
        <v>-638565196.15999997</v>
      </c>
      <c r="AC1221" s="53">
        <v>-636618116.15999997</v>
      </c>
      <c r="AD1221" s="53">
        <v>-634671036.15999997</v>
      </c>
      <c r="AE1221" s="53">
        <v>-632723956.15999997</v>
      </c>
      <c r="AF1221" s="53">
        <v>-630776876.15999997</v>
      </c>
      <c r="AG1221" s="53">
        <v>-628829796.15999997</v>
      </c>
      <c r="AH1221" s="53">
        <v>-626882716.15999997</v>
      </c>
      <c r="AI1221" s="53">
        <v>-624935636.15999997</v>
      </c>
      <c r="AJ1221" s="53">
        <v>-622988556.15999997</v>
      </c>
      <c r="AK1221" s="53">
        <v>-621041476.15999997</v>
      </c>
      <c r="AL1221" s="53">
        <v>-619094396.15999997</v>
      </c>
      <c r="AM1221" s="53">
        <v>-617147316.15999997</v>
      </c>
      <c r="AN1221" s="53">
        <v>-617147316.15999997</v>
      </c>
      <c r="AO1221" s="53">
        <v>-615167481.40999997</v>
      </c>
      <c r="AP1221" s="53">
        <v>-613187646.65999997</v>
      </c>
      <c r="AQ1221" s="53">
        <v>-611207811.90999997</v>
      </c>
      <c r="AR1221" s="53">
        <v>-609227977.15999997</v>
      </c>
      <c r="AS1221" s="53">
        <v>-607248142.40999997</v>
      </c>
      <c r="AT1221" s="53">
        <v>-605268307.65999997</v>
      </c>
      <c r="AU1221" s="53">
        <v>-603288472.90999997</v>
      </c>
      <c r="AV1221" s="53">
        <v>-601308638.15999997</v>
      </c>
      <c r="AW1221" s="53">
        <v>-599328803.40999997</v>
      </c>
      <c r="AX1221" s="53">
        <v>-597348968.65999997</v>
      </c>
      <c r="AY1221" s="53">
        <v>-595369133.90999997</v>
      </c>
      <c r="AZ1221" s="53">
        <v>-593389299.15999997</v>
      </c>
      <c r="BA1221" s="53">
        <v>-593389299.15999997</v>
      </c>
    </row>
    <row r="1222" spans="1:53">
      <c r="A1222" s="52" t="s">
        <v>3720</v>
      </c>
      <c r="B1222" s="53">
        <v>85322581.069999799</v>
      </c>
      <c r="C1222" s="53">
        <v>84967196.069999799</v>
      </c>
      <c r="D1222" s="53">
        <v>84611811.069999799</v>
      </c>
      <c r="E1222" s="53">
        <v>84256426.069999799</v>
      </c>
      <c r="F1222" s="53">
        <v>83901041.069999799</v>
      </c>
      <c r="G1222" s="53">
        <v>83545656.069999799</v>
      </c>
      <c r="H1222" s="53">
        <v>83190271.069999799</v>
      </c>
      <c r="I1222" s="53">
        <v>82834886.069999799</v>
      </c>
      <c r="J1222" s="53">
        <v>82479501.069999799</v>
      </c>
      <c r="K1222" s="53">
        <v>82124116.069999799</v>
      </c>
      <c r="L1222" s="53">
        <v>81768731.069999695</v>
      </c>
      <c r="M1222" s="53">
        <v>81413346.069999695</v>
      </c>
      <c r="N1222" s="53">
        <v>81413346.069999695</v>
      </c>
      <c r="O1222" s="53">
        <v>81057961.069999695</v>
      </c>
      <c r="P1222" s="53">
        <v>80702576.069999695</v>
      </c>
      <c r="Q1222" s="53">
        <v>80347191.069999695</v>
      </c>
      <c r="R1222" s="53">
        <v>79991806.069999695</v>
      </c>
      <c r="S1222" s="53">
        <v>79636421.069999695</v>
      </c>
      <c r="T1222" s="53">
        <v>79281036.069999695</v>
      </c>
      <c r="U1222" s="53">
        <v>78925651.069999695</v>
      </c>
      <c r="V1222" s="53">
        <v>78570266.069999695</v>
      </c>
      <c r="W1222" s="53">
        <v>78214881.069999695</v>
      </c>
      <c r="X1222" s="53">
        <v>77859496.069999695</v>
      </c>
      <c r="Y1222" s="53">
        <v>77504111.069999605</v>
      </c>
      <c r="Z1222" s="53">
        <v>77148726.069999605</v>
      </c>
      <c r="AA1222" s="53">
        <v>77148726.069999605</v>
      </c>
      <c r="AB1222" s="53">
        <v>76793341.069999605</v>
      </c>
      <c r="AC1222" s="53">
        <v>76437956.069999605</v>
      </c>
      <c r="AD1222" s="53">
        <v>76082571.069999605</v>
      </c>
      <c r="AE1222" s="53">
        <v>75727186.069999605</v>
      </c>
      <c r="AF1222" s="53">
        <v>75371801.069999605</v>
      </c>
      <c r="AG1222" s="53">
        <v>75016416.069999605</v>
      </c>
      <c r="AH1222" s="53">
        <v>74661031.069999605</v>
      </c>
      <c r="AI1222" s="53">
        <v>74305646.069999501</v>
      </c>
      <c r="AJ1222" s="53">
        <v>73950261.069999501</v>
      </c>
      <c r="AK1222" s="53">
        <v>73594876.069999501</v>
      </c>
      <c r="AL1222" s="53">
        <v>73239491.069999501</v>
      </c>
      <c r="AM1222" s="53">
        <v>72884106.069999501</v>
      </c>
      <c r="AN1222" s="53">
        <v>72884106.069999501</v>
      </c>
      <c r="AO1222" s="53">
        <v>72528721.069999501</v>
      </c>
      <c r="AP1222" s="53">
        <v>72173336.069999501</v>
      </c>
      <c r="AQ1222" s="53">
        <v>71817951.069999501</v>
      </c>
      <c r="AR1222" s="53">
        <v>71462566.069999501</v>
      </c>
      <c r="AS1222" s="53">
        <v>71107181.069999501</v>
      </c>
      <c r="AT1222" s="53">
        <v>70751796.069999501</v>
      </c>
      <c r="AU1222" s="53">
        <v>70396411.069999397</v>
      </c>
      <c r="AV1222" s="53">
        <v>70041026.069999397</v>
      </c>
      <c r="AW1222" s="53">
        <v>69685641.069999397</v>
      </c>
      <c r="AX1222" s="53">
        <v>69330256.069999397</v>
      </c>
      <c r="AY1222" s="53">
        <v>68974871.069999397</v>
      </c>
      <c r="AZ1222" s="53">
        <v>68619486.069999397</v>
      </c>
      <c r="BA1222" s="53">
        <v>68619486.069999397</v>
      </c>
    </row>
    <row r="1223" spans="1:53">
      <c r="A1223" s="52" t="s">
        <v>3721</v>
      </c>
      <c r="B1223" s="53">
        <v>-23210763990.747501</v>
      </c>
      <c r="C1223" s="53">
        <v>-23161547299.093399</v>
      </c>
      <c r="D1223" s="53">
        <v>-23278404418.276699</v>
      </c>
      <c r="E1223" s="53">
        <v>-23360323541.794701</v>
      </c>
      <c r="F1223" s="53">
        <v>-23472264451.460201</v>
      </c>
      <c r="G1223" s="53">
        <v>-23661000706.8288</v>
      </c>
      <c r="H1223" s="53">
        <v>-23677229685.1689</v>
      </c>
      <c r="I1223" s="53">
        <v>-23656667535.9174</v>
      </c>
      <c r="J1223" s="53">
        <v>-23645513972.706902</v>
      </c>
      <c r="K1223" s="53">
        <v>-23559240258.034199</v>
      </c>
      <c r="L1223" s="53">
        <v>-23803275469.893902</v>
      </c>
      <c r="M1223" s="53">
        <v>-24064262718.8876</v>
      </c>
      <c r="N1223" s="53">
        <v>-24064262718.8876</v>
      </c>
      <c r="O1223" s="53">
        <v>-24218602157.978699</v>
      </c>
      <c r="P1223" s="53">
        <v>-24272410303.490898</v>
      </c>
      <c r="Q1223" s="53">
        <v>-24484036081.705399</v>
      </c>
      <c r="R1223" s="53">
        <v>-24628958379.940498</v>
      </c>
      <c r="S1223" s="53">
        <v>-24815879127.634399</v>
      </c>
      <c r="T1223" s="53">
        <v>-25010377712.951401</v>
      </c>
      <c r="U1223" s="53">
        <v>-25126147713.7075</v>
      </c>
      <c r="V1223" s="53">
        <v>-25217466857.305599</v>
      </c>
      <c r="W1223" s="53">
        <v>-25251106316.974701</v>
      </c>
      <c r="X1223" s="53">
        <v>-25284868002.686298</v>
      </c>
      <c r="Y1223" s="53">
        <v>-25645395784.129902</v>
      </c>
      <c r="Z1223" s="53">
        <v>-25906769351.5868</v>
      </c>
      <c r="AA1223" s="53">
        <v>-25906769351.5868</v>
      </c>
      <c r="AB1223" s="53">
        <v>-26091135626.7579</v>
      </c>
      <c r="AC1223" s="53">
        <v>-26123667416.2589</v>
      </c>
      <c r="AD1223" s="53">
        <v>-26281000071.983601</v>
      </c>
      <c r="AE1223" s="53">
        <v>-26400419172.7654</v>
      </c>
      <c r="AF1223" s="53">
        <v>-26561093048.736801</v>
      </c>
      <c r="AG1223" s="53">
        <v>-26722157484.118599</v>
      </c>
      <c r="AH1223" s="53">
        <v>-26807534095.194698</v>
      </c>
      <c r="AI1223" s="53">
        <v>-26891263594.723598</v>
      </c>
      <c r="AJ1223" s="53">
        <v>-26919155574.941299</v>
      </c>
      <c r="AK1223" s="53">
        <v>-26939733180.057701</v>
      </c>
      <c r="AL1223" s="53">
        <v>-27305731332.458199</v>
      </c>
      <c r="AM1223" s="53">
        <v>-27540697307.951302</v>
      </c>
      <c r="AN1223" s="53">
        <v>-27540697307.951302</v>
      </c>
      <c r="AO1223" s="53">
        <v>-27716740120.6054</v>
      </c>
      <c r="AP1223" s="53">
        <v>-27747605181.9272</v>
      </c>
      <c r="AQ1223" s="53">
        <v>-27904224391.9049</v>
      </c>
      <c r="AR1223" s="53">
        <v>-28019900970.763302</v>
      </c>
      <c r="AS1223" s="53">
        <v>-28175382854.455399</v>
      </c>
      <c r="AT1223" s="53">
        <v>-28317944877.341999</v>
      </c>
      <c r="AU1223" s="53">
        <v>-28381542853.534599</v>
      </c>
      <c r="AV1223" s="53">
        <v>-28443618557.711899</v>
      </c>
      <c r="AW1223" s="53">
        <v>-28447301625.127201</v>
      </c>
      <c r="AX1223" s="53">
        <v>-28468769593.2929</v>
      </c>
      <c r="AY1223" s="53">
        <v>-28841892572.296101</v>
      </c>
      <c r="AZ1223" s="53">
        <v>-29081398809.216499</v>
      </c>
      <c r="BA1223" s="53">
        <v>-29081398809.216499</v>
      </c>
    </row>
    <row r="1224" spans="1:53">
      <c r="A1224" s="52" t="s">
        <v>647</v>
      </c>
      <c r="B1224" s="53">
        <v>0</v>
      </c>
      <c r="C1224" s="53">
        <v>0</v>
      </c>
      <c r="D1224" s="53">
        <v>0</v>
      </c>
      <c r="E1224" s="53">
        <v>0</v>
      </c>
      <c r="F1224" s="53">
        <v>0</v>
      </c>
      <c r="G1224" s="53">
        <v>0</v>
      </c>
      <c r="H1224" s="53">
        <v>0</v>
      </c>
      <c r="I1224" s="53">
        <v>0</v>
      </c>
      <c r="J1224" s="53">
        <v>0</v>
      </c>
      <c r="K1224" s="53">
        <v>0</v>
      </c>
      <c r="L1224" s="53">
        <v>0</v>
      </c>
      <c r="M1224" s="53">
        <v>0</v>
      </c>
      <c r="N1224" s="53">
        <v>0</v>
      </c>
      <c r="O1224" s="53">
        <v>0</v>
      </c>
      <c r="P1224" s="53">
        <v>0</v>
      </c>
      <c r="Q1224" s="53">
        <v>0</v>
      </c>
      <c r="R1224" s="53">
        <v>0</v>
      </c>
      <c r="S1224" s="53">
        <v>0</v>
      </c>
      <c r="T1224" s="53">
        <v>0</v>
      </c>
      <c r="U1224" s="53">
        <v>0</v>
      </c>
      <c r="V1224" s="53">
        <v>0</v>
      </c>
      <c r="W1224" s="53">
        <v>0</v>
      </c>
      <c r="X1224" s="53">
        <v>0</v>
      </c>
      <c r="Y1224" s="53">
        <v>0</v>
      </c>
      <c r="Z1224" s="53">
        <v>0</v>
      </c>
      <c r="AA1224" s="53">
        <v>0</v>
      </c>
      <c r="AB1224" s="53">
        <v>0</v>
      </c>
      <c r="AC1224" s="53">
        <v>0</v>
      </c>
      <c r="AD1224" s="53">
        <v>0</v>
      </c>
      <c r="AE1224" s="53">
        <v>0</v>
      </c>
      <c r="AF1224" s="53">
        <v>0</v>
      </c>
      <c r="AG1224" s="53">
        <v>0</v>
      </c>
      <c r="AH1224" s="53">
        <v>0</v>
      </c>
      <c r="AI1224" s="53">
        <v>0</v>
      </c>
      <c r="AJ1224" s="53">
        <v>0</v>
      </c>
      <c r="AK1224" s="53">
        <v>0</v>
      </c>
      <c r="AL1224" s="53">
        <v>0</v>
      </c>
      <c r="AM1224" s="53">
        <v>0</v>
      </c>
      <c r="AN1224" s="53">
        <v>0</v>
      </c>
      <c r="AO1224" s="53">
        <v>0</v>
      </c>
      <c r="AP1224" s="53">
        <v>0</v>
      </c>
      <c r="AQ1224" s="53">
        <v>0</v>
      </c>
      <c r="AR1224" s="53">
        <v>0</v>
      </c>
      <c r="AS1224" s="53">
        <v>0</v>
      </c>
      <c r="AT1224" s="53">
        <v>0</v>
      </c>
      <c r="AU1224" s="53">
        <v>0</v>
      </c>
      <c r="AV1224" s="53">
        <v>0</v>
      </c>
      <c r="AW1224" s="53">
        <v>0</v>
      </c>
      <c r="AX1224" s="53">
        <v>0</v>
      </c>
      <c r="AY1224" s="53">
        <v>0</v>
      </c>
      <c r="AZ1224" s="53">
        <v>0</v>
      </c>
      <c r="BA1224" s="53">
        <v>0</v>
      </c>
    </row>
    <row r="1225" spans="1:53">
      <c r="A1225" s="52" t="s">
        <v>3722</v>
      </c>
      <c r="B1225" s="53">
        <v>-6553118.0799975898</v>
      </c>
      <c r="C1225" s="53">
        <v>-6553118.0799901402</v>
      </c>
      <c r="D1225" s="53">
        <v>-6553118.0799938701</v>
      </c>
      <c r="E1225" s="53">
        <v>-6553118.0799938701</v>
      </c>
      <c r="F1225" s="53">
        <v>-6553118.0799901402</v>
      </c>
      <c r="G1225" s="53">
        <v>-6553118.0799938701</v>
      </c>
      <c r="H1225" s="53">
        <v>-6553118.0799938701</v>
      </c>
      <c r="I1225" s="53">
        <v>130888910.63623101</v>
      </c>
      <c r="J1225" s="53">
        <v>232824119.83136001</v>
      </c>
      <c r="K1225" s="53">
        <v>386727874.183245</v>
      </c>
      <c r="L1225" s="53">
        <v>186495323.79335099</v>
      </c>
      <c r="M1225" s="53">
        <v>-6553118.0800013198</v>
      </c>
      <c r="N1225" s="53">
        <v>-6553118.0800013198</v>
      </c>
      <c r="O1225" s="53">
        <v>-6553118.0799826896</v>
      </c>
      <c r="P1225" s="53">
        <v>-6553118.0799938701</v>
      </c>
      <c r="Q1225" s="53">
        <v>-6553118.0799901402</v>
      </c>
      <c r="R1225" s="53">
        <v>-6553118.0799901402</v>
      </c>
      <c r="S1225" s="53">
        <v>-6553118.0799901402</v>
      </c>
      <c r="T1225" s="53">
        <v>227241022.78158399</v>
      </c>
      <c r="U1225" s="53">
        <v>221090006.141334</v>
      </c>
      <c r="V1225" s="53">
        <v>274386191.85060197</v>
      </c>
      <c r="W1225" s="53">
        <v>335381494.72360599</v>
      </c>
      <c r="X1225" s="53">
        <v>378002131.90042901</v>
      </c>
      <c r="Y1225" s="53">
        <v>65402694.534506597</v>
      </c>
      <c r="Z1225" s="53">
        <v>-6553118.0799901402</v>
      </c>
      <c r="AA1225" s="53">
        <v>-6553118.0799901402</v>
      </c>
      <c r="AB1225" s="53">
        <v>-6553118.0799901402</v>
      </c>
      <c r="AC1225" s="53">
        <v>-6553118.0799938701</v>
      </c>
      <c r="AD1225" s="53">
        <v>-6553118.0799901402</v>
      </c>
      <c r="AE1225" s="53">
        <v>-6553118.0799826896</v>
      </c>
      <c r="AF1225" s="53">
        <v>-6553118.0799901402</v>
      </c>
      <c r="AG1225" s="53">
        <v>227006488.35868001</v>
      </c>
      <c r="AH1225" s="53">
        <v>249956789.85697001</v>
      </c>
      <c r="AI1225" s="53">
        <v>309713258.31894898</v>
      </c>
      <c r="AJ1225" s="53">
        <v>283903687.645953</v>
      </c>
      <c r="AK1225" s="53">
        <v>338821296.42259997</v>
      </c>
      <c r="AL1225" s="53">
        <v>19408609.917022198</v>
      </c>
      <c r="AM1225" s="53">
        <v>-6553118.0799826896</v>
      </c>
      <c r="AN1225" s="53">
        <v>-6553118.0799826896</v>
      </c>
      <c r="AO1225" s="53">
        <v>-6553118.0799864205</v>
      </c>
      <c r="AP1225" s="53">
        <v>-6553118.0799826896</v>
      </c>
      <c r="AQ1225" s="53">
        <v>-6553118.0799789699</v>
      </c>
      <c r="AR1225" s="53">
        <v>-6553118.0799826896</v>
      </c>
      <c r="AS1225" s="53">
        <v>-6553118.0799826896</v>
      </c>
      <c r="AT1225" s="53">
        <v>82860246.019616693</v>
      </c>
      <c r="AU1225" s="53">
        <v>124768145.91285899</v>
      </c>
      <c r="AV1225" s="53">
        <v>203338107.27147701</v>
      </c>
      <c r="AW1225" s="53">
        <v>348362836.51224899</v>
      </c>
      <c r="AX1225" s="53">
        <v>400195834.535568</v>
      </c>
      <c r="AY1225" s="53">
        <v>69775547.690767795</v>
      </c>
      <c r="AZ1225" s="53">
        <v>-6553118.0799715202</v>
      </c>
      <c r="BA1225" s="53">
        <v>-6553118.0799715202</v>
      </c>
    </row>
    <row r="1226" spans="1:53">
      <c r="A1226" s="52" t="s">
        <v>649</v>
      </c>
      <c r="B1226" s="53">
        <v>74627.351893683197</v>
      </c>
      <c r="C1226" s="53">
        <v>74195.824508213598</v>
      </c>
      <c r="D1226" s="53">
        <v>80108.485076108103</v>
      </c>
      <c r="E1226" s="53">
        <v>86089.193001987005</v>
      </c>
      <c r="F1226" s="53">
        <v>84551.212457080997</v>
      </c>
      <c r="G1226" s="53">
        <v>83300.856712418594</v>
      </c>
      <c r="H1226" s="53">
        <v>83120.576373520598</v>
      </c>
      <c r="I1226" s="53">
        <v>82621.129425253297</v>
      </c>
      <c r="J1226" s="53">
        <v>81173.837444186895</v>
      </c>
      <c r="K1226" s="53">
        <v>79737.379453006797</v>
      </c>
      <c r="L1226" s="53">
        <v>78233.443852248995</v>
      </c>
      <c r="M1226" s="53">
        <v>79589.185371449305</v>
      </c>
      <c r="N1226" s="53">
        <v>967348.47556915798</v>
      </c>
      <c r="O1226" s="53">
        <v>120128.29367714201</v>
      </c>
      <c r="P1226" s="53">
        <v>118636.517559559</v>
      </c>
      <c r="Q1226" s="53">
        <v>126960.87955125701</v>
      </c>
      <c r="R1226" s="53">
        <v>135426.39189309999</v>
      </c>
      <c r="S1226" s="53">
        <v>132637.72485653701</v>
      </c>
      <c r="T1226" s="53">
        <v>130319.649178155</v>
      </c>
      <c r="U1226" s="53">
        <v>129440.900994968</v>
      </c>
      <c r="V1226" s="53">
        <v>128087.638095038</v>
      </c>
      <c r="W1226" s="53">
        <v>125538.227465944</v>
      </c>
      <c r="X1226" s="53">
        <v>123023.075274506</v>
      </c>
      <c r="Y1226" s="53">
        <v>120432.22802512201</v>
      </c>
      <c r="Z1226" s="53">
        <v>122122.29577462201</v>
      </c>
      <c r="AA1226" s="53">
        <v>1512753.8223459499</v>
      </c>
      <c r="AB1226" s="53">
        <v>154845.258940464</v>
      </c>
      <c r="AC1226" s="53">
        <v>152700.98520226701</v>
      </c>
      <c r="AD1226" s="53">
        <v>162727.612537026</v>
      </c>
      <c r="AE1226" s="53">
        <v>172799.53740010801</v>
      </c>
      <c r="AF1226" s="53">
        <v>169067.174678543</v>
      </c>
      <c r="AG1226" s="53">
        <v>165743.99463054401</v>
      </c>
      <c r="AH1226" s="53">
        <v>163928.72558355899</v>
      </c>
      <c r="AI1226" s="53">
        <v>161668.53242681699</v>
      </c>
      <c r="AJ1226" s="53">
        <v>157963.00743345101</v>
      </c>
      <c r="AK1226" s="53">
        <v>154312.07928244601</v>
      </c>
      <c r="AL1226" s="53">
        <v>150699.410705735</v>
      </c>
      <c r="AM1226" s="53">
        <v>152797.95371239001</v>
      </c>
      <c r="AN1226" s="53">
        <v>1919254.2725333499</v>
      </c>
      <c r="AO1226" s="53">
        <v>176313.21507254301</v>
      </c>
      <c r="AP1226" s="53">
        <v>173460.60675375699</v>
      </c>
      <c r="AQ1226" s="53">
        <v>184630.242286047</v>
      </c>
      <c r="AR1226" s="53">
        <v>195908.57476813099</v>
      </c>
      <c r="AS1226" s="53">
        <v>191503.00554549301</v>
      </c>
      <c r="AT1226" s="53">
        <v>187544.359099352</v>
      </c>
      <c r="AU1226" s="53">
        <v>185131.58941761899</v>
      </c>
      <c r="AV1226" s="53">
        <v>182190.81025339899</v>
      </c>
      <c r="AW1226" s="53">
        <v>177853.546890136</v>
      </c>
      <c r="AX1226" s="53">
        <v>173545.362000822</v>
      </c>
      <c r="AY1226" s="53">
        <v>169200.39944358001</v>
      </c>
      <c r="AZ1226" s="53">
        <v>171789.65762971999</v>
      </c>
      <c r="BA1226" s="53">
        <v>2169071.3691606</v>
      </c>
    </row>
    <row r="1227" spans="1:53">
      <c r="A1227" s="52" t="s">
        <v>650</v>
      </c>
    </row>
    <row r="1228" spans="1:53">
      <c r="A1228" s="52" t="s">
        <v>651</v>
      </c>
    </row>
    <row r="1229" spans="1:53">
      <c r="A1229" s="52" t="s">
        <v>649</v>
      </c>
      <c r="B1229" s="53">
        <v>781.81940277777699</v>
      </c>
      <c r="C1229" s="53">
        <v>781.81940277777699</v>
      </c>
      <c r="D1229" s="53">
        <v>781.81940277777699</v>
      </c>
      <c r="E1229" s="53">
        <v>781.81940277777699</v>
      </c>
      <c r="F1229" s="53">
        <v>781.81940277777699</v>
      </c>
      <c r="G1229" s="53">
        <v>781.81940277777699</v>
      </c>
      <c r="H1229" s="53">
        <v>781.81940277777699</v>
      </c>
      <c r="I1229" s="53">
        <v>781.81940277777699</v>
      </c>
      <c r="J1229" s="53">
        <v>781.81940277777699</v>
      </c>
      <c r="K1229" s="53">
        <v>781.81940277777699</v>
      </c>
      <c r="L1229" s="53">
        <v>781.81940277777699</v>
      </c>
      <c r="M1229" s="53">
        <v>781.81940277777699</v>
      </c>
      <c r="N1229" s="53">
        <v>9381.8328333333302</v>
      </c>
    </row>
    <row r="1230" spans="1:53">
      <c r="A1230" s="52" t="s">
        <v>652</v>
      </c>
    </row>
    <row r="1231" spans="1:53">
      <c r="A1231" s="52" t="s">
        <v>649</v>
      </c>
      <c r="B1231" s="53">
        <v>452777.5</v>
      </c>
      <c r="C1231" s="53">
        <v>452777.5</v>
      </c>
      <c r="D1231" s="53">
        <v>452777.5</v>
      </c>
      <c r="E1231" s="53">
        <v>452777.5</v>
      </c>
      <c r="F1231" s="53">
        <v>452777.5</v>
      </c>
      <c r="G1231" s="53">
        <v>452777.5</v>
      </c>
      <c r="H1231" s="53">
        <v>452777.5</v>
      </c>
      <c r="I1231" s="53">
        <v>452777.5</v>
      </c>
      <c r="J1231" s="53">
        <v>452777.5</v>
      </c>
      <c r="K1231" s="53">
        <v>452777.5</v>
      </c>
      <c r="L1231" s="53">
        <v>452777.5</v>
      </c>
      <c r="M1231" s="53">
        <v>452777.5</v>
      </c>
      <c r="N1231" s="53">
        <v>5433330</v>
      </c>
      <c r="O1231" s="53">
        <v>452777.5</v>
      </c>
      <c r="P1231" s="53">
        <v>452777.5</v>
      </c>
      <c r="Q1231" s="53">
        <v>452777.5</v>
      </c>
      <c r="R1231" s="53">
        <v>452777.5</v>
      </c>
      <c r="S1231" s="53">
        <v>452777.5</v>
      </c>
      <c r="T1231" s="53">
        <v>452777.5</v>
      </c>
      <c r="U1231" s="53">
        <v>452777.5</v>
      </c>
      <c r="V1231" s="53">
        <v>452777.5</v>
      </c>
      <c r="W1231" s="53">
        <v>452777.5</v>
      </c>
      <c r="X1231" s="53">
        <v>452777.5</v>
      </c>
      <c r="Y1231" s="53">
        <v>452777.5</v>
      </c>
      <c r="Z1231" s="53">
        <v>452777.5</v>
      </c>
      <c r="AA1231" s="53">
        <v>5433330</v>
      </c>
      <c r="AB1231" s="53">
        <v>452777.5</v>
      </c>
      <c r="AC1231" s="53">
        <v>452777.5</v>
      </c>
      <c r="AD1231" s="53">
        <v>452777.5</v>
      </c>
      <c r="AE1231" s="53">
        <v>452777.5</v>
      </c>
      <c r="AF1231" s="53">
        <v>452777.5</v>
      </c>
      <c r="AG1231" s="53">
        <v>452777.5</v>
      </c>
      <c r="AH1231" s="53">
        <v>452777.5</v>
      </c>
      <c r="AI1231" s="53">
        <v>452777.5</v>
      </c>
      <c r="AJ1231" s="53">
        <v>452777.5</v>
      </c>
      <c r="AK1231" s="53">
        <v>452777.5</v>
      </c>
      <c r="AL1231" s="53">
        <v>452777.5</v>
      </c>
      <c r="AM1231" s="53">
        <v>452777.5</v>
      </c>
      <c r="AN1231" s="53">
        <v>5433330</v>
      </c>
      <c r="AO1231" s="53">
        <v>452777.5</v>
      </c>
      <c r="AP1231" s="53">
        <v>452777.5</v>
      </c>
      <c r="AQ1231" s="53">
        <v>452777.5</v>
      </c>
      <c r="AR1231" s="53">
        <v>452777.5</v>
      </c>
      <c r="AS1231" s="53">
        <v>452777.5</v>
      </c>
      <c r="AT1231" s="53">
        <v>452777.5</v>
      </c>
      <c r="AU1231" s="53">
        <v>452777.5</v>
      </c>
      <c r="AV1231" s="53">
        <v>452777.5</v>
      </c>
      <c r="AW1231" s="53">
        <v>452777.5</v>
      </c>
      <c r="AX1231" s="53">
        <v>452777.5</v>
      </c>
      <c r="AY1231" s="53">
        <v>452777.5</v>
      </c>
      <c r="AZ1231" s="53">
        <v>452777.5</v>
      </c>
      <c r="BA1231" s="53">
        <v>5433330</v>
      </c>
    </row>
    <row r="1232" spans="1:53">
      <c r="A1232" s="52" t="s">
        <v>653</v>
      </c>
    </row>
    <row r="1233" spans="1:53">
      <c r="A1233" s="52" t="s">
        <v>649</v>
      </c>
      <c r="B1233" s="53">
        <v>69954.984999999899</v>
      </c>
      <c r="C1233" s="53">
        <v>69954.984999999899</v>
      </c>
      <c r="D1233" s="53">
        <v>69954.984999999899</v>
      </c>
      <c r="E1233" s="53">
        <v>69954.984999999899</v>
      </c>
      <c r="F1233" s="53">
        <v>69954.984999999899</v>
      </c>
      <c r="G1233" s="53">
        <v>69954.984999999899</v>
      </c>
      <c r="H1233" s="53">
        <v>69954.984999999899</v>
      </c>
      <c r="I1233" s="53">
        <v>69954.984999999899</v>
      </c>
      <c r="J1233" s="53">
        <v>69954.984999999899</v>
      </c>
      <c r="K1233" s="53">
        <v>69954.984999999899</v>
      </c>
      <c r="L1233" s="53">
        <v>69954.984999999899</v>
      </c>
      <c r="M1233" s="53">
        <v>69954.984999999899</v>
      </c>
      <c r="N1233" s="53">
        <v>839459.81999999797</v>
      </c>
      <c r="O1233" s="53">
        <v>69954.984999999899</v>
      </c>
      <c r="P1233" s="53">
        <v>69954.984999999899</v>
      </c>
      <c r="Q1233" s="53">
        <v>69954.984999999899</v>
      </c>
      <c r="R1233" s="53">
        <v>69954.984999999899</v>
      </c>
      <c r="S1233" s="53">
        <v>69954.984999999899</v>
      </c>
      <c r="T1233" s="53">
        <v>69954.984999999899</v>
      </c>
      <c r="U1233" s="53">
        <v>69954.984999999899</v>
      </c>
      <c r="V1233" s="53">
        <v>69954.984999999899</v>
      </c>
      <c r="W1233" s="53">
        <v>69954.984999999899</v>
      </c>
      <c r="X1233" s="53">
        <v>69954.984999999899</v>
      </c>
      <c r="Y1233" s="53">
        <v>69954.984999999899</v>
      </c>
      <c r="Z1233" s="53">
        <v>69954.984999999899</v>
      </c>
      <c r="AA1233" s="53">
        <v>839459.81999999797</v>
      </c>
      <c r="AB1233" s="53">
        <v>69954.984999999899</v>
      </c>
      <c r="AC1233" s="53">
        <v>69954.984999999899</v>
      </c>
      <c r="AD1233" s="53">
        <v>69954.984999999899</v>
      </c>
      <c r="AE1233" s="53">
        <v>69954.984999999899</v>
      </c>
      <c r="AF1233" s="53">
        <v>69954.984999999899</v>
      </c>
      <c r="AG1233" s="53">
        <v>69954.984999999899</v>
      </c>
      <c r="AH1233" s="53">
        <v>69954.984999999899</v>
      </c>
      <c r="AI1233" s="53">
        <v>69954.984999999899</v>
      </c>
      <c r="AJ1233" s="53">
        <v>69954.984999999899</v>
      </c>
      <c r="AK1233" s="53">
        <v>69954.984999999899</v>
      </c>
      <c r="AL1233" s="53">
        <v>69954.984999999899</v>
      </c>
      <c r="AM1233" s="53">
        <v>69954.984999999899</v>
      </c>
      <c r="AN1233" s="53">
        <v>839459.81999999797</v>
      </c>
      <c r="AO1233" s="53">
        <v>67490.796224314996</v>
      </c>
      <c r="AP1233" s="53">
        <v>67490.796224314996</v>
      </c>
      <c r="AQ1233" s="53">
        <v>67490.796224314996</v>
      </c>
      <c r="AR1233" s="53">
        <v>67490.796224314996</v>
      </c>
      <c r="AS1233" s="53">
        <v>67490.796224314996</v>
      </c>
      <c r="AT1233" s="53">
        <v>67490.796224314996</v>
      </c>
      <c r="AU1233" s="53">
        <v>67490.796224314996</v>
      </c>
      <c r="AV1233" s="53">
        <v>67490.796224314996</v>
      </c>
      <c r="AW1233" s="53">
        <v>67490.796224314996</v>
      </c>
      <c r="AX1233" s="53">
        <v>67490.796224314996</v>
      </c>
      <c r="AY1233" s="53">
        <v>67490.796224314996</v>
      </c>
      <c r="AZ1233" s="53">
        <v>67490.796224314996</v>
      </c>
      <c r="BA1233" s="53">
        <v>809889.55469177896</v>
      </c>
    </row>
    <row r="1234" spans="1:53">
      <c r="A1234" s="52" t="s">
        <v>654</v>
      </c>
    </row>
    <row r="1235" spans="1:53">
      <c r="A1235" s="52" t="s">
        <v>649</v>
      </c>
      <c r="D1235" s="53">
        <v>1570338.8199999901</v>
      </c>
      <c r="G1235" s="53">
        <v>1570338.8199999901</v>
      </c>
      <c r="J1235" s="53">
        <v>1570338.8199999901</v>
      </c>
      <c r="M1235" s="53">
        <v>1570338.8199999901</v>
      </c>
      <c r="N1235" s="53">
        <v>6281355.27999999</v>
      </c>
      <c r="Q1235" s="53">
        <v>1570338.8199999901</v>
      </c>
      <c r="T1235" s="53">
        <v>1570338.8199999901</v>
      </c>
      <c r="W1235" s="53">
        <v>1570338.8199999901</v>
      </c>
      <c r="Z1235" s="53">
        <v>1570338.8199999901</v>
      </c>
      <c r="AA1235" s="53">
        <v>6281355.27999999</v>
      </c>
      <c r="AD1235" s="53">
        <v>1570338.8199999901</v>
      </c>
      <c r="AG1235" s="53">
        <v>1570338.8199999901</v>
      </c>
      <c r="AJ1235" s="53">
        <v>1570338.8199999901</v>
      </c>
      <c r="AM1235" s="53">
        <v>1570338.8199999901</v>
      </c>
      <c r="AN1235" s="53">
        <v>6281355.27999999</v>
      </c>
      <c r="AQ1235" s="53">
        <v>1570338.8199999901</v>
      </c>
      <c r="AT1235" s="53">
        <v>1570338.8199999901</v>
      </c>
      <c r="AW1235" s="53">
        <v>1570338.8199999901</v>
      </c>
      <c r="AZ1235" s="53">
        <v>1570338.8199999901</v>
      </c>
      <c r="BA1235" s="53">
        <v>6281355.27999999</v>
      </c>
    </row>
    <row r="1236" spans="1:53">
      <c r="A1236" s="52" t="s">
        <v>655</v>
      </c>
    </row>
    <row r="1237" spans="1:53">
      <c r="A1237" s="52" t="s">
        <v>649</v>
      </c>
      <c r="B1237" s="53">
        <v>48418.384375000001</v>
      </c>
      <c r="C1237" s="53">
        <v>48418.384375000001</v>
      </c>
      <c r="D1237" s="53">
        <v>48418.384375000001</v>
      </c>
      <c r="E1237" s="53">
        <v>48418.384375000001</v>
      </c>
      <c r="F1237" s="53">
        <v>48418.384375000001</v>
      </c>
      <c r="G1237" s="53">
        <v>48418.384375000001</v>
      </c>
      <c r="H1237" s="53">
        <v>48418.384375000001</v>
      </c>
      <c r="I1237" s="53">
        <v>48418.384375000001</v>
      </c>
      <c r="J1237" s="53">
        <v>48418.384375000001</v>
      </c>
      <c r="K1237" s="53">
        <v>48418.384375000001</v>
      </c>
      <c r="L1237" s="53">
        <v>48418.384375000001</v>
      </c>
      <c r="M1237" s="53">
        <v>48418.384375000001</v>
      </c>
      <c r="N1237" s="53">
        <v>581020.61250000005</v>
      </c>
      <c r="O1237" s="53">
        <v>48418.384375000001</v>
      </c>
      <c r="P1237" s="53">
        <v>48418.384375000001</v>
      </c>
      <c r="Q1237" s="53">
        <v>48418.384375000001</v>
      </c>
      <c r="R1237" s="53">
        <v>48418.384375000001</v>
      </c>
      <c r="S1237" s="53">
        <v>48418.384375000001</v>
      </c>
      <c r="T1237" s="53">
        <v>48418.384375000001</v>
      </c>
      <c r="U1237" s="53">
        <v>48418.384375000001</v>
      </c>
      <c r="V1237" s="53">
        <v>48418.384375000001</v>
      </c>
      <c r="W1237" s="53">
        <v>48418.384375000001</v>
      </c>
      <c r="X1237" s="53">
        <v>48418.384375000001</v>
      </c>
      <c r="Y1237" s="53">
        <v>48418.384375000001</v>
      </c>
      <c r="Z1237" s="53">
        <v>48418.384375000001</v>
      </c>
      <c r="AA1237" s="53">
        <v>581020.61250000005</v>
      </c>
      <c r="AB1237" s="53">
        <v>48418.384375000001</v>
      </c>
      <c r="AC1237" s="53">
        <v>48418.384375000001</v>
      </c>
      <c r="AD1237" s="53">
        <v>48418.384375000001</v>
      </c>
      <c r="AE1237" s="53">
        <v>48418.384375000001</v>
      </c>
      <c r="AF1237" s="53">
        <v>48418.384375000001</v>
      </c>
      <c r="AG1237" s="53">
        <v>48418.384375000001</v>
      </c>
      <c r="AH1237" s="53">
        <v>48418.384375000001</v>
      </c>
      <c r="AI1237" s="53">
        <v>48418.384375000001</v>
      </c>
      <c r="AJ1237" s="53">
        <v>48418.384375000001</v>
      </c>
      <c r="AK1237" s="53">
        <v>48418.384375000001</v>
      </c>
      <c r="AL1237" s="53">
        <v>48418.384375000001</v>
      </c>
      <c r="AM1237" s="53">
        <v>48418.384375000001</v>
      </c>
      <c r="AN1237" s="53">
        <v>581020.61250000005</v>
      </c>
    </row>
    <row r="1238" spans="1:53">
      <c r="A1238" s="52" t="s">
        <v>656</v>
      </c>
    </row>
    <row r="1239" spans="1:53">
      <c r="A1239" s="52" t="s">
        <v>649</v>
      </c>
      <c r="B1239" s="53">
        <v>19475.434583333299</v>
      </c>
      <c r="C1239" s="53">
        <v>19475.434583333299</v>
      </c>
      <c r="D1239" s="53">
        <v>19475.434583333299</v>
      </c>
      <c r="E1239" s="53">
        <v>19475.434583333299</v>
      </c>
      <c r="F1239" s="53">
        <v>19475.434583333299</v>
      </c>
      <c r="G1239" s="53">
        <v>19475.434583333299</v>
      </c>
      <c r="H1239" s="53">
        <v>19475.434583333299</v>
      </c>
      <c r="I1239" s="53">
        <v>19475.434583333299</v>
      </c>
      <c r="J1239" s="53">
        <v>19475.434583333299</v>
      </c>
      <c r="K1239" s="53">
        <v>19475.434583333299</v>
      </c>
      <c r="L1239" s="53">
        <v>19475.434583333299</v>
      </c>
      <c r="M1239" s="53">
        <v>19475.434583333299</v>
      </c>
      <c r="N1239" s="53">
        <v>233705.21499999901</v>
      </c>
      <c r="O1239" s="53">
        <v>19475.434583333299</v>
      </c>
      <c r="P1239" s="53">
        <v>19475.434583333299</v>
      </c>
      <c r="Q1239" s="53">
        <v>19475.434583333299</v>
      </c>
      <c r="R1239" s="53">
        <v>19475.434583333299</v>
      </c>
      <c r="S1239" s="53">
        <v>19475.434583333299</v>
      </c>
      <c r="T1239" s="53">
        <v>19475.434583333299</v>
      </c>
      <c r="U1239" s="53">
        <v>19475.434583333299</v>
      </c>
      <c r="V1239" s="53">
        <v>19475.434583333299</v>
      </c>
      <c r="W1239" s="53">
        <v>19475.434583333299</v>
      </c>
      <c r="X1239" s="53">
        <v>19475.434583333299</v>
      </c>
      <c r="Y1239" s="53">
        <v>19475.434583333299</v>
      </c>
      <c r="Z1239" s="53">
        <v>19475.434583333299</v>
      </c>
      <c r="AA1239" s="53">
        <v>233705.21499999901</v>
      </c>
      <c r="AB1239" s="53">
        <v>19475.434583333299</v>
      </c>
      <c r="AC1239" s="53">
        <v>19475.434583333299</v>
      </c>
      <c r="AD1239" s="53">
        <v>19475.434583333299</v>
      </c>
      <c r="AE1239" s="53">
        <v>19475.434583333299</v>
      </c>
      <c r="AF1239" s="53">
        <v>19475.434583333299</v>
      </c>
      <c r="AG1239" s="53">
        <v>19475.434583333299</v>
      </c>
      <c r="AH1239" s="53">
        <v>19475.434583333299</v>
      </c>
      <c r="AI1239" s="53">
        <v>19475.434583333299</v>
      </c>
      <c r="AJ1239" s="53">
        <v>19475.434583333299</v>
      </c>
      <c r="AK1239" s="53">
        <v>19475.434583333299</v>
      </c>
      <c r="AL1239" s="53">
        <v>19475.434583333299</v>
      </c>
      <c r="AM1239" s="53">
        <v>19475.434583333299</v>
      </c>
      <c r="AN1239" s="53">
        <v>233705.21499999901</v>
      </c>
    </row>
    <row r="1240" spans="1:53">
      <c r="A1240" s="52" t="s">
        <v>657</v>
      </c>
    </row>
    <row r="1241" spans="1:53">
      <c r="A1241" s="52" t="s">
        <v>649</v>
      </c>
      <c r="AB1241" s="53">
        <v>444281.59766666603</v>
      </c>
      <c r="AC1241" s="53">
        <v>444281.59766666603</v>
      </c>
      <c r="AD1241" s="53">
        <v>444281.59766666603</v>
      </c>
      <c r="AE1241" s="53">
        <v>444281.59766666603</v>
      </c>
      <c r="AF1241" s="53">
        <v>444281.59766666603</v>
      </c>
      <c r="AG1241" s="53">
        <v>444281.59766666603</v>
      </c>
      <c r="AH1241" s="53">
        <v>444281.59766666603</v>
      </c>
      <c r="AI1241" s="53">
        <v>444281.59766666603</v>
      </c>
      <c r="AJ1241" s="53">
        <v>444281.59766666603</v>
      </c>
      <c r="AK1241" s="53">
        <v>444281.59766666603</v>
      </c>
      <c r="AL1241" s="53">
        <v>444281.59766666603</v>
      </c>
      <c r="AM1241" s="53">
        <v>444281.59766666603</v>
      </c>
      <c r="AN1241" s="53">
        <v>5331379.1720000003</v>
      </c>
      <c r="AO1241" s="53">
        <v>770768.18246666703</v>
      </c>
      <c r="AP1241" s="53">
        <v>770768.18246666703</v>
      </c>
      <c r="AQ1241" s="53">
        <v>770768.18246666703</v>
      </c>
      <c r="AR1241" s="53">
        <v>770768.18246666703</v>
      </c>
      <c r="AS1241" s="53">
        <v>770768.18246666703</v>
      </c>
      <c r="AT1241" s="53">
        <v>770768.18246666703</v>
      </c>
      <c r="AU1241" s="53">
        <v>770768.18246666703</v>
      </c>
      <c r="AV1241" s="53">
        <v>770768.18246666703</v>
      </c>
      <c r="AW1241" s="53">
        <v>770768.18246666703</v>
      </c>
      <c r="AX1241" s="53">
        <v>770768.18246666703</v>
      </c>
      <c r="AY1241" s="53">
        <v>770768.18246666703</v>
      </c>
      <c r="AZ1241" s="53">
        <v>770768.18246666703</v>
      </c>
      <c r="BA1241" s="53">
        <v>9249218.1896000002</v>
      </c>
    </row>
    <row r="1242" spans="1:53">
      <c r="A1242" s="52" t="s">
        <v>658</v>
      </c>
    </row>
    <row r="1243" spans="1:53">
      <c r="A1243" s="52" t="s">
        <v>649</v>
      </c>
      <c r="AB1243" s="53">
        <v>317982.89999999898</v>
      </c>
      <c r="AC1243" s="53">
        <v>317982.89999999898</v>
      </c>
      <c r="AD1243" s="53">
        <v>317982.89999999898</v>
      </c>
      <c r="AE1243" s="53">
        <v>317982.89999999898</v>
      </c>
      <c r="AF1243" s="53">
        <v>317982.89999999898</v>
      </c>
      <c r="AG1243" s="53">
        <v>317982.89999999898</v>
      </c>
      <c r="AH1243" s="53">
        <v>317982.89999999898</v>
      </c>
      <c r="AI1243" s="53">
        <v>317982.89999999898</v>
      </c>
      <c r="AJ1243" s="53">
        <v>317982.89999999898</v>
      </c>
      <c r="AK1243" s="53">
        <v>317982.89999999898</v>
      </c>
      <c r="AL1243" s="53">
        <v>317982.89999999898</v>
      </c>
      <c r="AM1243" s="53">
        <v>317982.89999999898</v>
      </c>
      <c r="AN1243" s="53">
        <v>3815794.8</v>
      </c>
      <c r="AO1243" s="53">
        <v>317982.89999999898</v>
      </c>
      <c r="AP1243" s="53">
        <v>317982.89999999898</v>
      </c>
      <c r="AQ1243" s="53">
        <v>317982.89999999898</v>
      </c>
      <c r="AR1243" s="53">
        <v>317982.89999999898</v>
      </c>
      <c r="AS1243" s="53">
        <v>317982.89999999898</v>
      </c>
      <c r="AT1243" s="53">
        <v>317982.89999999898</v>
      </c>
      <c r="AU1243" s="53">
        <v>317982.89999999898</v>
      </c>
      <c r="AV1243" s="53">
        <v>317982.89999999898</v>
      </c>
      <c r="AW1243" s="53">
        <v>317982.89999999898</v>
      </c>
      <c r="AX1243" s="53">
        <v>317982.89999999898</v>
      </c>
      <c r="AY1243" s="53">
        <v>317982.89999999898</v>
      </c>
      <c r="AZ1243" s="53">
        <v>317982.89999999898</v>
      </c>
      <c r="BA1243" s="53">
        <v>3815794.8</v>
      </c>
    </row>
    <row r="1244" spans="1:53">
      <c r="A1244" s="52" t="s">
        <v>659</v>
      </c>
    </row>
    <row r="1245" spans="1:53">
      <c r="A1245" s="52" t="s">
        <v>649</v>
      </c>
      <c r="B1245" s="53">
        <v>89506</v>
      </c>
      <c r="C1245" s="53">
        <v>89506</v>
      </c>
      <c r="D1245" s="53">
        <v>89506</v>
      </c>
      <c r="E1245" s="53">
        <v>89506</v>
      </c>
      <c r="F1245" s="53">
        <v>89506</v>
      </c>
      <c r="G1245" s="53">
        <v>89506</v>
      </c>
      <c r="H1245" s="53">
        <v>89506</v>
      </c>
      <c r="I1245" s="53">
        <v>89506</v>
      </c>
      <c r="J1245" s="53">
        <v>89506</v>
      </c>
      <c r="K1245" s="53">
        <v>89506</v>
      </c>
      <c r="L1245" s="53">
        <v>89506</v>
      </c>
      <c r="M1245" s="53">
        <v>89506</v>
      </c>
      <c r="N1245" s="53">
        <v>1074072</v>
      </c>
      <c r="O1245" s="53">
        <v>89506</v>
      </c>
      <c r="P1245" s="53">
        <v>89506</v>
      </c>
      <c r="Q1245" s="53">
        <v>89506</v>
      </c>
      <c r="R1245" s="53">
        <v>89506</v>
      </c>
      <c r="S1245" s="53">
        <v>89506</v>
      </c>
      <c r="T1245" s="53">
        <v>89506</v>
      </c>
      <c r="U1245" s="53">
        <v>89506</v>
      </c>
      <c r="V1245" s="53">
        <v>89506</v>
      </c>
      <c r="W1245" s="53">
        <v>89506</v>
      </c>
      <c r="X1245" s="53">
        <v>89506</v>
      </c>
      <c r="Y1245" s="53">
        <v>89506</v>
      </c>
      <c r="Z1245" s="53">
        <v>89506</v>
      </c>
      <c r="AA1245" s="53">
        <v>1074072</v>
      </c>
      <c r="AB1245" s="53">
        <v>89506</v>
      </c>
      <c r="AC1245" s="53">
        <v>89506</v>
      </c>
      <c r="AD1245" s="53">
        <v>89506</v>
      </c>
      <c r="AE1245" s="53">
        <v>89506</v>
      </c>
      <c r="AF1245" s="53">
        <v>89506</v>
      </c>
      <c r="AG1245" s="53">
        <v>89506</v>
      </c>
      <c r="AH1245" s="53">
        <v>89506</v>
      </c>
      <c r="AI1245" s="53">
        <v>89506</v>
      </c>
      <c r="AJ1245" s="53">
        <v>89506</v>
      </c>
      <c r="AK1245" s="53">
        <v>89506</v>
      </c>
      <c r="AL1245" s="53">
        <v>89506</v>
      </c>
      <c r="AM1245" s="53">
        <v>89506</v>
      </c>
      <c r="AN1245" s="53">
        <v>1074072</v>
      </c>
      <c r="AO1245" s="53">
        <v>89506</v>
      </c>
      <c r="AP1245" s="53">
        <v>89506</v>
      </c>
      <c r="AQ1245" s="53">
        <v>89506</v>
      </c>
      <c r="AR1245" s="53">
        <v>89506</v>
      </c>
      <c r="AS1245" s="53">
        <v>89506</v>
      </c>
      <c r="AT1245" s="53">
        <v>89506</v>
      </c>
      <c r="AU1245" s="53">
        <v>89506</v>
      </c>
      <c r="AV1245" s="53">
        <v>89506</v>
      </c>
      <c r="AW1245" s="53">
        <v>89506</v>
      </c>
      <c r="AX1245" s="53">
        <v>89506</v>
      </c>
      <c r="AY1245" s="53">
        <v>89506</v>
      </c>
      <c r="AZ1245" s="53">
        <v>89506</v>
      </c>
      <c r="BA1245" s="53">
        <v>1074072</v>
      </c>
    </row>
    <row r="1246" spans="1:53">
      <c r="A1246" s="52" t="s">
        <v>660</v>
      </c>
    </row>
    <row r="1247" spans="1:53">
      <c r="A1247" s="52" t="s">
        <v>649</v>
      </c>
      <c r="B1247" s="53">
        <v>377339.69208649802</v>
      </c>
      <c r="C1247" s="53">
        <v>377339.69208649802</v>
      </c>
      <c r="D1247" s="53">
        <v>377339.69208649802</v>
      </c>
      <c r="E1247" s="53">
        <v>377339.69208649802</v>
      </c>
      <c r="F1247" s="53">
        <v>377339.69208649802</v>
      </c>
      <c r="G1247" s="53">
        <v>377339.69208649802</v>
      </c>
      <c r="H1247" s="53">
        <v>377339.69208649802</v>
      </c>
      <c r="I1247" s="53">
        <v>377339.69208649802</v>
      </c>
      <c r="J1247" s="53">
        <v>377339.69208649802</v>
      </c>
      <c r="K1247" s="53">
        <v>377339.69208649802</v>
      </c>
      <c r="L1247" s="53">
        <v>377339.69208649802</v>
      </c>
      <c r="M1247" s="53">
        <v>377339.69208649802</v>
      </c>
      <c r="N1247" s="53">
        <v>4528076.30503798</v>
      </c>
      <c r="O1247" s="53">
        <v>377339.69208649802</v>
      </c>
      <c r="P1247" s="53">
        <v>377339.69208649802</v>
      </c>
      <c r="Q1247" s="53">
        <v>377339.69208649802</v>
      </c>
      <c r="R1247" s="53">
        <v>377339.69208649802</v>
      </c>
      <c r="S1247" s="53">
        <v>377339.69208649802</v>
      </c>
      <c r="T1247" s="53">
        <v>377339.69208649802</v>
      </c>
      <c r="U1247" s="53">
        <v>377339.69208649802</v>
      </c>
      <c r="V1247" s="53">
        <v>377339.69208649802</v>
      </c>
      <c r="W1247" s="53">
        <v>377339.69208649802</v>
      </c>
      <c r="X1247" s="53">
        <v>377339.69208649802</v>
      </c>
      <c r="Y1247" s="53">
        <v>377339.69208649802</v>
      </c>
      <c r="Z1247" s="53">
        <v>377339.69208649802</v>
      </c>
      <c r="AA1247" s="53">
        <v>4528076.30503798</v>
      </c>
      <c r="AB1247" s="53">
        <v>377339.69208649802</v>
      </c>
      <c r="AC1247" s="53">
        <v>377339.69208649802</v>
      </c>
      <c r="AD1247" s="53">
        <v>377339.69208649802</v>
      </c>
      <c r="AE1247" s="53">
        <v>377339.69208649802</v>
      </c>
      <c r="AF1247" s="53">
        <v>377339.69208649802</v>
      </c>
      <c r="AG1247" s="53">
        <v>377339.69208649802</v>
      </c>
      <c r="AH1247" s="53">
        <v>377339.69208649802</v>
      </c>
      <c r="AI1247" s="53">
        <v>377339.69208649802</v>
      </c>
      <c r="AJ1247" s="53">
        <v>377339.69208649802</v>
      </c>
      <c r="AK1247" s="53">
        <v>377339.69208649802</v>
      </c>
      <c r="AL1247" s="53">
        <v>377339.69208649802</v>
      </c>
      <c r="AM1247" s="53">
        <v>377339.69208649802</v>
      </c>
      <c r="AN1247" s="53">
        <v>4528076.30503798</v>
      </c>
      <c r="AO1247" s="53">
        <v>377339.69208649802</v>
      </c>
      <c r="AP1247" s="53">
        <v>377339.69208649802</v>
      </c>
      <c r="AQ1247" s="53">
        <v>377339.69208649802</v>
      </c>
      <c r="AR1247" s="53">
        <v>377339.69208649802</v>
      </c>
      <c r="AS1247" s="53">
        <v>377339.69208649802</v>
      </c>
      <c r="AT1247" s="53">
        <v>377339.69208649802</v>
      </c>
      <c r="AU1247" s="53">
        <v>377339.69208649802</v>
      </c>
      <c r="AV1247" s="53">
        <v>377339.69208649802</v>
      </c>
      <c r="AW1247" s="53">
        <v>377339.69208649802</v>
      </c>
      <c r="AX1247" s="53">
        <v>377339.69208649802</v>
      </c>
      <c r="AY1247" s="53">
        <v>377339.69208649802</v>
      </c>
      <c r="AZ1247" s="53">
        <v>377339.69208649802</v>
      </c>
      <c r="BA1247" s="53">
        <v>4528076.30503798</v>
      </c>
    </row>
    <row r="1248" spans="1:53">
      <c r="A1248" s="52" t="s">
        <v>661</v>
      </c>
    </row>
    <row r="1249" spans="1:53">
      <c r="A1249" s="52" t="s">
        <v>649</v>
      </c>
      <c r="B1249" s="53">
        <v>189562.24873547599</v>
      </c>
      <c r="C1249" s="53">
        <v>189562.24873547599</v>
      </c>
      <c r="D1249" s="53">
        <v>189562.24873547599</v>
      </c>
      <c r="E1249" s="53">
        <v>189562.24873547599</v>
      </c>
      <c r="F1249" s="53">
        <v>189562.24873547599</v>
      </c>
      <c r="G1249" s="53">
        <v>189562.24873547599</v>
      </c>
      <c r="H1249" s="53">
        <v>189562.24873547599</v>
      </c>
      <c r="I1249" s="53">
        <v>189562.24873547599</v>
      </c>
      <c r="J1249" s="53">
        <v>189562.24873547599</v>
      </c>
      <c r="K1249" s="53">
        <v>189562.24873547599</v>
      </c>
      <c r="L1249" s="53">
        <v>189562.24873547599</v>
      </c>
      <c r="M1249" s="53">
        <v>189562.24873547599</v>
      </c>
      <c r="N1249" s="53">
        <v>2274746.9848257098</v>
      </c>
      <c r="O1249" s="53">
        <v>189562.24873547599</v>
      </c>
      <c r="P1249" s="53">
        <v>189562.24873547599</v>
      </c>
      <c r="Q1249" s="53">
        <v>189562.24873547599</v>
      </c>
      <c r="R1249" s="53">
        <v>189562.24873547599</v>
      </c>
      <c r="S1249" s="53">
        <v>189562.24873547599</v>
      </c>
      <c r="T1249" s="53">
        <v>189562.24873547599</v>
      </c>
      <c r="U1249" s="53">
        <v>189562.24873547599</v>
      </c>
      <c r="V1249" s="53">
        <v>189562.24873547599</v>
      </c>
      <c r="W1249" s="53">
        <v>189562.24873547599</v>
      </c>
      <c r="X1249" s="53">
        <v>189562.24873547599</v>
      </c>
      <c r="Y1249" s="53">
        <v>189562.24873547599</v>
      </c>
      <c r="Z1249" s="53">
        <v>189562.24873547599</v>
      </c>
      <c r="AA1249" s="53">
        <v>2274746.9848257098</v>
      </c>
      <c r="AB1249" s="53">
        <v>189562.24873547599</v>
      </c>
      <c r="AC1249" s="53">
        <v>189562.24873547599</v>
      </c>
      <c r="AD1249" s="53">
        <v>189562.24873547599</v>
      </c>
      <c r="AE1249" s="53">
        <v>189562.24873547599</v>
      </c>
      <c r="AF1249" s="53">
        <v>189562.24873547599</v>
      </c>
      <c r="AG1249" s="53">
        <v>189562.24873547599</v>
      </c>
      <c r="AH1249" s="53">
        <v>189562.24873547599</v>
      </c>
      <c r="AI1249" s="53">
        <v>189562.24873547599</v>
      </c>
      <c r="AJ1249" s="53">
        <v>189562.24873547599</v>
      </c>
      <c r="AK1249" s="53">
        <v>189562.24873547599</v>
      </c>
      <c r="AL1249" s="53">
        <v>189562.24873547599</v>
      </c>
      <c r="AM1249" s="53">
        <v>189562.24873547599</v>
      </c>
      <c r="AN1249" s="53">
        <v>2274746.9848257098</v>
      </c>
    </row>
    <row r="1250" spans="1:53">
      <c r="A1250" s="52" t="s">
        <v>662</v>
      </c>
    </row>
    <row r="1251" spans="1:53">
      <c r="A1251" s="52" t="s">
        <v>649</v>
      </c>
    </row>
    <row r="1252" spans="1:53">
      <c r="A1252" s="52" t="s">
        <v>663</v>
      </c>
    </row>
    <row r="1253" spans="1:53">
      <c r="A1253" s="52" t="s">
        <v>649</v>
      </c>
    </row>
    <row r="1254" spans="1:53">
      <c r="A1254" s="52" t="s">
        <v>664</v>
      </c>
    </row>
    <row r="1255" spans="1:53">
      <c r="A1255" s="52" t="s">
        <v>649</v>
      </c>
      <c r="AB1255" s="53">
        <v>401760</v>
      </c>
      <c r="AC1255" s="53">
        <v>401760</v>
      </c>
      <c r="AD1255" s="53">
        <v>401760</v>
      </c>
      <c r="AE1255" s="53">
        <v>401760</v>
      </c>
      <c r="AF1255" s="53">
        <v>401760</v>
      </c>
      <c r="AG1255" s="53">
        <v>401760</v>
      </c>
      <c r="AH1255" s="53">
        <v>401760</v>
      </c>
      <c r="AI1255" s="53">
        <v>401760</v>
      </c>
      <c r="AJ1255" s="53">
        <v>401760</v>
      </c>
      <c r="AK1255" s="53">
        <v>401760</v>
      </c>
      <c r="AL1255" s="53">
        <v>401760</v>
      </c>
      <c r="AM1255" s="53">
        <v>401760</v>
      </c>
      <c r="AN1255" s="53">
        <v>4821120</v>
      </c>
      <c r="AO1255" s="53">
        <v>401760</v>
      </c>
      <c r="AP1255" s="53">
        <v>401760</v>
      </c>
      <c r="AQ1255" s="53">
        <v>401760</v>
      </c>
      <c r="AR1255" s="53">
        <v>401760</v>
      </c>
      <c r="AS1255" s="53">
        <v>401760</v>
      </c>
      <c r="AT1255" s="53">
        <v>401760</v>
      </c>
      <c r="AU1255" s="53">
        <v>401760</v>
      </c>
      <c r="AV1255" s="53">
        <v>401760</v>
      </c>
      <c r="AW1255" s="53">
        <v>401760</v>
      </c>
      <c r="AX1255" s="53">
        <v>401760</v>
      </c>
      <c r="AY1255" s="53">
        <v>401760</v>
      </c>
      <c r="AZ1255" s="53">
        <v>401760</v>
      </c>
      <c r="BA1255" s="53">
        <v>4821120</v>
      </c>
    </row>
    <row r="1256" spans="1:53">
      <c r="A1256" s="52" t="s">
        <v>665</v>
      </c>
    </row>
    <row r="1257" spans="1:53">
      <c r="A1257" s="52" t="s">
        <v>666</v>
      </c>
    </row>
    <row r="1258" spans="1:53">
      <c r="A1258" s="52" t="s">
        <v>649</v>
      </c>
      <c r="B1258" s="53">
        <v>87223891.746199906</v>
      </c>
      <c r="C1258" s="53">
        <v>51214573.389700003</v>
      </c>
      <c r="D1258" s="53">
        <v>59002217.521399997</v>
      </c>
      <c r="E1258" s="53">
        <v>54905480.198700003</v>
      </c>
      <c r="F1258" s="53">
        <v>54602362.657899998</v>
      </c>
      <c r="G1258" s="53">
        <v>54302479.490699999</v>
      </c>
      <c r="H1258" s="53">
        <v>53089307.905000001</v>
      </c>
      <c r="I1258" s="53">
        <v>53152801.737099998</v>
      </c>
      <c r="J1258" s="53">
        <v>56017644.341399997</v>
      </c>
      <c r="K1258" s="53">
        <v>62184941.793200001</v>
      </c>
      <c r="L1258" s="53">
        <v>62258976.5999</v>
      </c>
      <c r="M1258" s="53">
        <v>54931520.412</v>
      </c>
      <c r="N1258" s="53">
        <v>702886197.79320002</v>
      </c>
      <c r="O1258" s="53">
        <v>78323592.746199995</v>
      </c>
      <c r="P1258" s="53">
        <v>52916003.389700003</v>
      </c>
      <c r="Q1258" s="53">
        <v>59820850.5213999</v>
      </c>
      <c r="R1258" s="53">
        <v>57012059.198700003</v>
      </c>
      <c r="S1258" s="53">
        <v>55905983.657899998</v>
      </c>
      <c r="T1258" s="53">
        <v>56630680.490699999</v>
      </c>
      <c r="U1258" s="53">
        <v>55852397.905000001</v>
      </c>
      <c r="V1258" s="53">
        <v>54803467.737099998</v>
      </c>
      <c r="W1258" s="53">
        <v>58711116.341399997</v>
      </c>
      <c r="X1258" s="53">
        <v>64791296.793200001</v>
      </c>
      <c r="Y1258" s="53">
        <v>63117919.5999</v>
      </c>
      <c r="Z1258" s="53">
        <v>58246862.412</v>
      </c>
      <c r="AA1258" s="53">
        <v>716132230.79320002</v>
      </c>
      <c r="AB1258" s="53">
        <v>79729265.746199995</v>
      </c>
      <c r="AC1258" s="53">
        <v>54431999.389700003</v>
      </c>
      <c r="AD1258" s="53">
        <v>61384338.521399997</v>
      </c>
      <c r="AE1258" s="53">
        <v>58455086.198700003</v>
      </c>
      <c r="AF1258" s="53">
        <v>57318808.657899998</v>
      </c>
      <c r="AG1258" s="53">
        <v>57924481.490699999</v>
      </c>
      <c r="AH1258" s="53">
        <v>57200668.905000001</v>
      </c>
      <c r="AI1258" s="53">
        <v>56173037.737099998</v>
      </c>
      <c r="AJ1258" s="53">
        <v>60105189.341399997</v>
      </c>
      <c r="AK1258" s="53">
        <v>66185223.793200001</v>
      </c>
      <c r="AL1258" s="53">
        <v>64524402.5999</v>
      </c>
      <c r="AM1258" s="53">
        <v>59837914.412</v>
      </c>
      <c r="AN1258" s="53">
        <v>733270416.79320002</v>
      </c>
      <c r="AO1258" s="53">
        <v>79968829.746199995</v>
      </c>
      <c r="AP1258" s="53">
        <v>54412910.389700003</v>
      </c>
      <c r="AQ1258" s="53">
        <v>61376162.5213999</v>
      </c>
      <c r="AR1258" s="53">
        <v>58450448.198699899</v>
      </c>
      <c r="AS1258" s="53">
        <v>57321467.657899998</v>
      </c>
      <c r="AT1258" s="53">
        <v>57968884.490699999</v>
      </c>
      <c r="AU1258" s="53">
        <v>57275139.905000001</v>
      </c>
      <c r="AV1258" s="53">
        <v>56249873.737099998</v>
      </c>
      <c r="AW1258" s="53">
        <v>60133388.341399997</v>
      </c>
      <c r="AX1258" s="53">
        <v>66182153.793199897</v>
      </c>
      <c r="AY1258" s="53">
        <v>64522409.5999</v>
      </c>
      <c r="AZ1258" s="53">
        <v>70249503.412</v>
      </c>
      <c r="BA1258" s="53">
        <v>744111171.79320002</v>
      </c>
    </row>
    <row r="1259" spans="1:53">
      <c r="A1259" s="52" t="s">
        <v>667</v>
      </c>
    </row>
    <row r="1260" spans="1:53">
      <c r="A1260" s="52" t="s">
        <v>649</v>
      </c>
      <c r="B1260" s="53">
        <v>-758998.64</v>
      </c>
      <c r="N1260" s="53">
        <v>-758998.64</v>
      </c>
      <c r="O1260" s="53">
        <v>-758998.64</v>
      </c>
      <c r="AA1260" s="53">
        <v>-758998.64</v>
      </c>
      <c r="AB1260" s="53">
        <v>-758998.64</v>
      </c>
      <c r="AN1260" s="53">
        <v>-758998.64</v>
      </c>
      <c r="AO1260" s="53">
        <v>-758998.64</v>
      </c>
      <c r="BA1260" s="53">
        <v>-758998.64</v>
      </c>
    </row>
    <row r="1261" spans="1:53">
      <c r="A1261" s="52" t="s">
        <v>668</v>
      </c>
    </row>
    <row r="1262" spans="1:53">
      <c r="A1262" s="52" t="s">
        <v>649</v>
      </c>
      <c r="B1262" s="53">
        <v>18734540.223899901</v>
      </c>
      <c r="C1262" s="53">
        <v>11051429.0473</v>
      </c>
      <c r="D1262" s="53">
        <v>15201366.9840999</v>
      </c>
      <c r="E1262" s="53">
        <v>12296340.0382999</v>
      </c>
      <c r="F1262" s="53">
        <v>12328037.7175999</v>
      </c>
      <c r="G1262" s="53">
        <v>14657471.687599899</v>
      </c>
      <c r="H1262" s="53">
        <v>11328505.535499999</v>
      </c>
      <c r="I1262" s="53">
        <v>11293212.8814</v>
      </c>
      <c r="J1262" s="53">
        <v>10265895.814799899</v>
      </c>
      <c r="K1262" s="53">
        <v>13268458.1959999</v>
      </c>
      <c r="L1262" s="53">
        <v>10961642.150599999</v>
      </c>
      <c r="M1262" s="53">
        <v>11197447.760399999</v>
      </c>
      <c r="N1262" s="53">
        <v>152584348.03749999</v>
      </c>
      <c r="O1262" s="53">
        <v>18102520.223899901</v>
      </c>
      <c r="P1262" s="53">
        <v>10436450.0473</v>
      </c>
      <c r="Q1262" s="53">
        <v>14637749.984099999</v>
      </c>
      <c r="R1262" s="53">
        <v>11683340.0382999</v>
      </c>
      <c r="S1262" s="53">
        <v>11815408.7175999</v>
      </c>
      <c r="T1262" s="53">
        <v>14195123.687599899</v>
      </c>
      <c r="U1262" s="53">
        <v>11519058.535499901</v>
      </c>
      <c r="V1262" s="53">
        <v>11484331.8814</v>
      </c>
      <c r="W1262" s="53">
        <v>10504633.8148</v>
      </c>
      <c r="X1262" s="53">
        <v>13548225.1959999</v>
      </c>
      <c r="Y1262" s="53">
        <v>11147466.150599999</v>
      </c>
      <c r="Z1262" s="53">
        <v>11435603.760399999</v>
      </c>
      <c r="AA1262" s="53">
        <v>150509912.03749901</v>
      </c>
      <c r="AB1262" s="53">
        <v>17731288.883900002</v>
      </c>
      <c r="AC1262" s="53">
        <v>10059918.7073</v>
      </c>
      <c r="AD1262" s="53">
        <v>14314383.644099999</v>
      </c>
      <c r="AE1262" s="53">
        <v>11308864.6982999</v>
      </c>
      <c r="AF1262" s="53">
        <v>11443165.377599901</v>
      </c>
      <c r="AG1262" s="53">
        <v>13874949.347599899</v>
      </c>
      <c r="AH1262" s="53">
        <v>11150157.195499901</v>
      </c>
      <c r="AI1262" s="53">
        <v>11116021.5413999</v>
      </c>
      <c r="AJ1262" s="53">
        <v>10185596.4748</v>
      </c>
      <c r="AK1262" s="53">
        <v>13272995.8559999</v>
      </c>
      <c r="AL1262" s="53">
        <v>10773598.8106</v>
      </c>
      <c r="AM1262" s="53">
        <v>11115895.420399999</v>
      </c>
      <c r="AN1262" s="53">
        <v>146346835.957499</v>
      </c>
      <c r="AO1262" s="53">
        <v>17791237.883899901</v>
      </c>
      <c r="AP1262" s="53">
        <v>10114355.7073</v>
      </c>
      <c r="AQ1262" s="53">
        <v>14423851.6440999</v>
      </c>
      <c r="AR1262" s="53">
        <v>11365439.6982999</v>
      </c>
      <c r="AS1262" s="53">
        <v>11502083.377599901</v>
      </c>
      <c r="AT1262" s="53">
        <v>13987787.347599899</v>
      </c>
      <c r="AU1262" s="53">
        <v>11212583.195499999</v>
      </c>
      <c r="AV1262" s="53">
        <v>11179070.5414</v>
      </c>
      <c r="AW1262" s="53">
        <v>10299630.4748</v>
      </c>
      <c r="AX1262" s="53">
        <v>13433777.8559999</v>
      </c>
      <c r="AY1262" s="53">
        <v>10830811.8106</v>
      </c>
      <c r="AZ1262" s="53">
        <v>11229158.420399999</v>
      </c>
      <c r="BA1262" s="53">
        <v>147369787.957499</v>
      </c>
    </row>
    <row r="1263" spans="1:53">
      <c r="A1263" s="52" t="s">
        <v>669</v>
      </c>
    </row>
    <row r="1264" spans="1:53">
      <c r="A1264" s="52" t="s">
        <v>649</v>
      </c>
      <c r="B1264" s="53">
        <v>2276692.2067</v>
      </c>
      <c r="C1264" s="53">
        <v>2276692.2067</v>
      </c>
      <c r="D1264" s="53">
        <v>2276692.2067</v>
      </c>
      <c r="E1264" s="53">
        <v>2276692.2067</v>
      </c>
      <c r="F1264" s="53">
        <v>2276692.2067</v>
      </c>
      <c r="G1264" s="53">
        <v>2276692.2067</v>
      </c>
      <c r="H1264" s="53">
        <v>2276692.2067</v>
      </c>
      <c r="I1264" s="53">
        <v>2276692.2067</v>
      </c>
      <c r="J1264" s="53">
        <v>2276692.2067</v>
      </c>
      <c r="K1264" s="53">
        <v>2276692.2067</v>
      </c>
      <c r="L1264" s="53">
        <v>2276692.2067</v>
      </c>
      <c r="M1264" s="53">
        <v>2276692.2067</v>
      </c>
      <c r="N1264" s="53">
        <v>27320306.4804</v>
      </c>
      <c r="O1264" s="53">
        <v>2276692.2067</v>
      </c>
      <c r="P1264" s="53">
        <v>2276692.2067</v>
      </c>
      <c r="Q1264" s="53">
        <v>2276692.2067</v>
      </c>
      <c r="R1264" s="53">
        <v>2276692.2067</v>
      </c>
      <c r="S1264" s="53">
        <v>2276692.2067</v>
      </c>
      <c r="T1264" s="53">
        <v>2276692.2067</v>
      </c>
      <c r="U1264" s="53">
        <v>2276692.2067</v>
      </c>
      <c r="V1264" s="53">
        <v>2276692.2067</v>
      </c>
      <c r="W1264" s="53">
        <v>2276692.2067</v>
      </c>
      <c r="X1264" s="53">
        <v>2276692.2067</v>
      </c>
      <c r="Y1264" s="53">
        <v>2276692.2067</v>
      </c>
      <c r="Z1264" s="53">
        <v>2276692.2067</v>
      </c>
      <c r="AA1264" s="53">
        <v>27320306.4804</v>
      </c>
      <c r="AB1264" s="53">
        <v>2276692.2067</v>
      </c>
      <c r="AC1264" s="53">
        <v>2276692.2067</v>
      </c>
      <c r="AD1264" s="53">
        <v>2276692.2067</v>
      </c>
      <c r="AE1264" s="53">
        <v>2276692.2067</v>
      </c>
      <c r="AF1264" s="53">
        <v>2276692.2067</v>
      </c>
      <c r="AG1264" s="53">
        <v>2276692.2067</v>
      </c>
      <c r="AH1264" s="53">
        <v>2276692.2067</v>
      </c>
      <c r="AI1264" s="53">
        <v>2276692.2067</v>
      </c>
      <c r="AJ1264" s="53">
        <v>2276692.2067</v>
      </c>
      <c r="AK1264" s="53">
        <v>2276692.2067</v>
      </c>
      <c r="AL1264" s="53">
        <v>2276692.2067</v>
      </c>
      <c r="AM1264" s="53">
        <v>2276692.2067</v>
      </c>
      <c r="AN1264" s="53">
        <v>27320306.4804</v>
      </c>
      <c r="AO1264" s="53">
        <v>2276692.2067</v>
      </c>
      <c r="AP1264" s="53">
        <v>2276692.2067</v>
      </c>
      <c r="AQ1264" s="53">
        <v>2276692.2067</v>
      </c>
      <c r="AR1264" s="53">
        <v>2276692.2067</v>
      </c>
      <c r="AS1264" s="53">
        <v>2276692.2067</v>
      </c>
      <c r="AT1264" s="53">
        <v>2276692.2067</v>
      </c>
      <c r="AU1264" s="53">
        <v>2276692.2067</v>
      </c>
      <c r="AV1264" s="53">
        <v>2276692.2067</v>
      </c>
      <c r="AW1264" s="53">
        <v>2276692.2067</v>
      </c>
      <c r="AX1264" s="53">
        <v>2276692.2067</v>
      </c>
      <c r="AY1264" s="53">
        <v>2276692.2067</v>
      </c>
      <c r="AZ1264" s="53">
        <v>2276692.2067</v>
      </c>
      <c r="BA1264" s="53">
        <v>27320306.4804</v>
      </c>
    </row>
    <row r="1265" spans="1:53">
      <c r="A1265" s="52" t="s">
        <v>670</v>
      </c>
    </row>
    <row r="1266" spans="1:53">
      <c r="A1266" s="52" t="s">
        <v>671</v>
      </c>
    </row>
    <row r="1267" spans="1:53">
      <c r="A1267" s="52" t="s">
        <v>649</v>
      </c>
      <c r="B1267" s="53">
        <v>1427936.25</v>
      </c>
      <c r="C1267" s="53">
        <v>1427936.25</v>
      </c>
      <c r="D1267" s="53">
        <v>1427936.25</v>
      </c>
      <c r="E1267" s="53">
        <v>1427936.25</v>
      </c>
      <c r="F1267" s="53">
        <v>1427936.25</v>
      </c>
      <c r="G1267" s="53">
        <v>1427936.25</v>
      </c>
      <c r="H1267" s="53">
        <v>1427936.25</v>
      </c>
      <c r="I1267" s="53">
        <v>1427936.25</v>
      </c>
      <c r="J1267" s="53">
        <v>1427936.25</v>
      </c>
      <c r="K1267" s="53">
        <v>1427936.25</v>
      </c>
      <c r="L1267" s="53">
        <v>1427936.25</v>
      </c>
      <c r="M1267" s="53">
        <v>1427936.25</v>
      </c>
      <c r="N1267" s="53">
        <v>17135235</v>
      </c>
      <c r="O1267" s="53">
        <v>1427936.33333333</v>
      </c>
      <c r="P1267" s="53">
        <v>1427936.33333333</v>
      </c>
      <c r="Q1267" s="53">
        <v>1427936.33333333</v>
      </c>
      <c r="R1267" s="53">
        <v>1427936.33333333</v>
      </c>
      <c r="S1267" s="53">
        <v>1427936.33333333</v>
      </c>
      <c r="T1267" s="53">
        <v>1427936.33333333</v>
      </c>
      <c r="U1267" s="53">
        <v>1427936.33333333</v>
      </c>
      <c r="V1267" s="53">
        <v>1427936.33333333</v>
      </c>
      <c r="W1267" s="53">
        <v>1427936.33333333</v>
      </c>
      <c r="X1267" s="53">
        <v>1427936.33333333</v>
      </c>
      <c r="Y1267" s="53">
        <v>1427936.33333333</v>
      </c>
      <c r="Z1267" s="53">
        <v>1427936.33333333</v>
      </c>
      <c r="AA1267" s="53">
        <v>17135236</v>
      </c>
      <c r="AB1267" s="53">
        <v>1427936.33333333</v>
      </c>
      <c r="AC1267" s="53">
        <v>1427936.33333333</v>
      </c>
      <c r="AD1267" s="53">
        <v>1427936.33333333</v>
      </c>
      <c r="AE1267" s="53">
        <v>1427936.33333333</v>
      </c>
      <c r="AF1267" s="53">
        <v>1427936.33333333</v>
      </c>
      <c r="AG1267" s="53">
        <v>1427936.33333333</v>
      </c>
      <c r="AH1267" s="53">
        <v>1427936.33333333</v>
      </c>
      <c r="AI1267" s="53">
        <v>1427936.33333333</v>
      </c>
      <c r="AJ1267" s="53">
        <v>1427936.33333333</v>
      </c>
      <c r="AK1267" s="53">
        <v>1427936.33333333</v>
      </c>
      <c r="AL1267" s="53">
        <v>1427936.33333333</v>
      </c>
      <c r="AM1267" s="53">
        <v>1427936.33333333</v>
      </c>
      <c r="AN1267" s="53">
        <v>17135236</v>
      </c>
      <c r="AO1267" s="53">
        <v>1427936.33333333</v>
      </c>
      <c r="AP1267" s="53">
        <v>1427936.33333333</v>
      </c>
      <c r="AQ1267" s="53">
        <v>1427936.33333333</v>
      </c>
      <c r="AR1267" s="53">
        <v>1427936.33333333</v>
      </c>
      <c r="AS1267" s="53">
        <v>1427936.33333333</v>
      </c>
      <c r="AT1267" s="53">
        <v>1427936.33333333</v>
      </c>
      <c r="AU1267" s="53">
        <v>1427936.33333333</v>
      </c>
      <c r="AV1267" s="53">
        <v>1427936.33333333</v>
      </c>
      <c r="AW1267" s="53">
        <v>1427936.33333333</v>
      </c>
      <c r="AX1267" s="53">
        <v>1427936.33333333</v>
      </c>
      <c r="AY1267" s="53">
        <v>1427936.33333333</v>
      </c>
      <c r="AZ1267" s="53">
        <v>1427936.33333333</v>
      </c>
      <c r="BA1267" s="53">
        <v>17135236</v>
      </c>
    </row>
    <row r="1268" spans="1:53">
      <c r="A1268" s="52" t="s">
        <v>672</v>
      </c>
    </row>
    <row r="1269" spans="1:53">
      <c r="A1269" s="52" t="s">
        <v>673</v>
      </c>
    </row>
    <row r="1270" spans="1:53">
      <c r="A1270" s="52" t="s">
        <v>674</v>
      </c>
    </row>
    <row r="1271" spans="1:53">
      <c r="A1271" s="52" t="s">
        <v>649</v>
      </c>
      <c r="B1271" s="53">
        <v>-726122.49002325197</v>
      </c>
      <c r="C1271" s="53">
        <v>-786195.47764589195</v>
      </c>
      <c r="D1271" s="53">
        <v>-685369.65591758001</v>
      </c>
      <c r="E1271" s="53">
        <v>-760120.685091377</v>
      </c>
      <c r="F1271" s="53">
        <v>-834240.81253460306</v>
      </c>
      <c r="G1271" s="53">
        <v>-760243.22931252804</v>
      </c>
      <c r="H1271" s="53">
        <v>-823786.10066739598</v>
      </c>
      <c r="I1271" s="53">
        <v>-888346.728875809</v>
      </c>
      <c r="J1271" s="53">
        <v>-961632.72254871204</v>
      </c>
      <c r="K1271" s="53">
        <v>-1039618.90468136</v>
      </c>
      <c r="L1271" s="53">
        <v>-1115129.2496515899</v>
      </c>
      <c r="M1271" s="53">
        <v>-873207.12656370294</v>
      </c>
      <c r="N1271" s="53">
        <v>-10254013.1835138</v>
      </c>
      <c r="O1271" s="53">
        <v>-956754.14607566304</v>
      </c>
      <c r="P1271" s="53">
        <v>-1019577.81607557</v>
      </c>
      <c r="Q1271" s="53">
        <v>-1060716.79757003</v>
      </c>
      <c r="R1271" s="53">
        <v>-1102065.6077238999</v>
      </c>
      <c r="S1271" s="53">
        <v>-1044326.076652</v>
      </c>
      <c r="T1271" s="53">
        <v>-202038.15685478901</v>
      </c>
      <c r="U1271" s="53">
        <v>-221947.156764605</v>
      </c>
      <c r="V1271" s="53">
        <v>-241959.835064402</v>
      </c>
      <c r="W1271" s="53">
        <v>-262074.98243024299</v>
      </c>
      <c r="X1271" s="53">
        <v>-282293.12354263401</v>
      </c>
      <c r="Y1271" s="53">
        <v>-302614.78576864197</v>
      </c>
      <c r="Z1271" s="53">
        <v>-402449.16907567799</v>
      </c>
      <c r="AA1271" s="53">
        <v>-7098817.6535981698</v>
      </c>
      <c r="AB1271" s="53">
        <v>-431840.776993662</v>
      </c>
      <c r="AC1271" s="53">
        <v>-465918.643638996</v>
      </c>
      <c r="AD1271" s="53">
        <v>-389214.98288119602</v>
      </c>
      <c r="AE1271" s="53">
        <v>-425858.27325839701</v>
      </c>
      <c r="AF1271" s="53">
        <v>-462689.18790859397</v>
      </c>
      <c r="AG1271" s="53">
        <v>-499708.68753957702</v>
      </c>
      <c r="AH1271" s="53">
        <v>-536917.73777832696</v>
      </c>
      <c r="AI1271" s="53">
        <v>-574317.30919620499</v>
      </c>
      <c r="AJ1271" s="53">
        <v>-611908.37733426597</v>
      </c>
      <c r="AK1271" s="53">
        <v>-649691.92272871395</v>
      </c>
      <c r="AL1271" s="53">
        <v>-687668.93093647005</v>
      </c>
      <c r="AM1271" s="53">
        <v>-485657.75535998901</v>
      </c>
      <c r="AN1271" s="53">
        <v>-6221392.5855544005</v>
      </c>
      <c r="AO1271" s="53">
        <v>-518624.23906051501</v>
      </c>
      <c r="AP1271" s="53">
        <v>-561994.08672168094</v>
      </c>
      <c r="AQ1271" s="53">
        <v>-615188.61315262399</v>
      </c>
      <c r="AR1271" s="53">
        <v>-668655.51235847396</v>
      </c>
      <c r="AS1271" s="53">
        <v>-722397.76091332897</v>
      </c>
      <c r="AT1271" s="53">
        <v>-313037.03752726701</v>
      </c>
      <c r="AU1271" s="53">
        <v>-341867.39899945201</v>
      </c>
      <c r="AV1271" s="53">
        <v>-370845.37955105002</v>
      </c>
      <c r="AW1271" s="53">
        <v>-399971.73504793498</v>
      </c>
      <c r="AX1271" s="53">
        <v>-429247.22522630601</v>
      </c>
      <c r="AY1271" s="53">
        <v>-458672.61371250101</v>
      </c>
      <c r="AZ1271" s="53">
        <v>-557386.42451886297</v>
      </c>
      <c r="BA1271" s="53">
        <v>-5957888.0267899996</v>
      </c>
    </row>
    <row r="1272" spans="1:53">
      <c r="A1272" s="52" t="s">
        <v>675</v>
      </c>
    </row>
    <row r="1273" spans="1:53">
      <c r="A1273" s="52" t="s">
        <v>676</v>
      </c>
    </row>
    <row r="1274" spans="1:53">
      <c r="A1274" s="52" t="s">
        <v>649</v>
      </c>
      <c r="B1274" s="53">
        <v>-18529474.157951999</v>
      </c>
      <c r="C1274" s="53">
        <v>-15971156.8737536</v>
      </c>
      <c r="D1274" s="53">
        <v>-11021336.313234899</v>
      </c>
      <c r="E1274" s="53">
        <v>2254801.1422243398</v>
      </c>
      <c r="F1274" s="53">
        <v>8640456.2188929897</v>
      </c>
      <c r="G1274" s="53">
        <v>12447503.667705201</v>
      </c>
      <c r="H1274" s="53">
        <v>12470838.230329599</v>
      </c>
      <c r="I1274" s="53">
        <v>10679834.6888573</v>
      </c>
      <c r="J1274" s="53">
        <v>8656412.9557677303</v>
      </c>
      <c r="K1274" s="53">
        <v>3799560.3463280699</v>
      </c>
      <c r="L1274" s="53">
        <v>-7125741.2095972598</v>
      </c>
      <c r="M1274" s="53">
        <v>-6981538.2753179297</v>
      </c>
      <c r="N1274" s="53">
        <v>-679839.579750492</v>
      </c>
      <c r="O1274" s="53">
        <v>-10774445.880903199</v>
      </c>
      <c r="P1274" s="53">
        <v>-8193951.9317744495</v>
      </c>
      <c r="Q1274" s="53">
        <v>-5323454.14354097</v>
      </c>
      <c r="R1274" s="53">
        <v>5404141.66233957</v>
      </c>
      <c r="S1274" s="53">
        <v>3105153.4170666402</v>
      </c>
      <c r="T1274" s="53">
        <v>7138881.1264997302</v>
      </c>
      <c r="U1274" s="53">
        <v>6294179.8078226196</v>
      </c>
      <c r="V1274" s="53">
        <v>5107637.7128688898</v>
      </c>
      <c r="W1274" s="53">
        <v>3556500.8992884601</v>
      </c>
      <c r="X1274" s="53">
        <v>-142881.666376924</v>
      </c>
      <c r="Y1274" s="53">
        <v>-1427141.6027099399</v>
      </c>
      <c r="Z1274" s="53">
        <v>-5430026.4487731596</v>
      </c>
      <c r="AA1274" s="53">
        <v>-685407.04819277697</v>
      </c>
      <c r="AB1274" s="53">
        <v>-10648104.3218017</v>
      </c>
      <c r="AC1274" s="53">
        <v>-7266508.92085109</v>
      </c>
      <c r="AD1274" s="53">
        <v>-6809758.8784044301</v>
      </c>
      <c r="AE1274" s="53">
        <v>3182085.2321695401</v>
      </c>
      <c r="AF1274" s="53">
        <v>4367940.6211621603</v>
      </c>
      <c r="AG1274" s="53">
        <v>6941453.4337358596</v>
      </c>
      <c r="AH1274" s="53">
        <v>5824175.7317623096</v>
      </c>
      <c r="AI1274" s="53">
        <v>4549997.9950692998</v>
      </c>
      <c r="AJ1274" s="53">
        <v>3504032.5084884502</v>
      </c>
      <c r="AK1274" s="53">
        <v>1391388.5223379401</v>
      </c>
      <c r="AL1274" s="53">
        <v>-953201.33302622696</v>
      </c>
      <c r="AM1274" s="53">
        <v>-4775430.7171986997</v>
      </c>
      <c r="AN1274" s="53">
        <v>-691930.12655660196</v>
      </c>
      <c r="AO1274" s="53">
        <v>-8035507.1787361503</v>
      </c>
      <c r="AP1274" s="53">
        <v>-7687498.1006373698</v>
      </c>
      <c r="AQ1274" s="53">
        <v>-5375585.0116486195</v>
      </c>
      <c r="AR1274" s="53">
        <v>2680035.0756096998</v>
      </c>
      <c r="AS1274" s="53">
        <v>4913791.4080533599</v>
      </c>
      <c r="AT1274" s="53">
        <v>6310706.5243134703</v>
      </c>
      <c r="AU1274" s="53">
        <v>5650954.0009020399</v>
      </c>
      <c r="AV1274" s="53">
        <v>4611177.23853298</v>
      </c>
      <c r="AW1274" s="53">
        <v>2950561.2432193798</v>
      </c>
      <c r="AX1274" s="53">
        <v>2091039.2663350999</v>
      </c>
      <c r="AY1274" s="53">
        <v>-3766689.0904278499</v>
      </c>
      <c r="AZ1274" s="53">
        <v>-5041281.7608413901</v>
      </c>
      <c r="BA1274" s="53">
        <v>-698296.38532533101</v>
      </c>
    </row>
    <row r="1275" spans="1:53">
      <c r="A1275" s="52" t="s">
        <v>677</v>
      </c>
    </row>
    <row r="1276" spans="1:53">
      <c r="A1276" s="52" t="s">
        <v>649</v>
      </c>
      <c r="B1276" s="53">
        <v>13761024.1836429</v>
      </c>
      <c r="C1276" s="53">
        <v>13761024.1836429</v>
      </c>
      <c r="D1276" s="53">
        <v>13761024.1836429</v>
      </c>
      <c r="E1276" s="53">
        <v>13761024.1836429</v>
      </c>
      <c r="F1276" s="53">
        <v>13761024.1836429</v>
      </c>
      <c r="G1276" s="53">
        <v>13761024.1836429</v>
      </c>
      <c r="H1276" s="53">
        <v>13761024.1836429</v>
      </c>
      <c r="I1276" s="53">
        <v>13761024.1836429</v>
      </c>
      <c r="J1276" s="53">
        <v>13761024.1836429</v>
      </c>
      <c r="K1276" s="53">
        <v>13761024.1836429</v>
      </c>
      <c r="L1276" s="53">
        <v>13761024.1836429</v>
      </c>
      <c r="M1276" s="53">
        <v>13761024.1836429</v>
      </c>
      <c r="N1276" s="53">
        <v>165132290.203715</v>
      </c>
      <c r="O1276" s="53">
        <v>56653.2983125389</v>
      </c>
      <c r="P1276" s="53">
        <v>56653.2983125389</v>
      </c>
      <c r="Q1276" s="53">
        <v>56653.2983125389</v>
      </c>
      <c r="R1276" s="53">
        <v>56653.2983125389</v>
      </c>
      <c r="S1276" s="53">
        <v>56653.2983125389</v>
      </c>
      <c r="T1276" s="53">
        <v>56653.2983125389</v>
      </c>
      <c r="U1276" s="53">
        <v>56653.2983125389</v>
      </c>
      <c r="V1276" s="53">
        <v>56653.2983125389</v>
      </c>
      <c r="W1276" s="53">
        <v>56653.2983125389</v>
      </c>
      <c r="X1276" s="53">
        <v>56653.2983125389</v>
      </c>
      <c r="Y1276" s="53">
        <v>56653.2983125389</v>
      </c>
      <c r="Z1276" s="53">
        <v>56653.2983125389</v>
      </c>
      <c r="AA1276" s="53">
        <v>679839.57975046698</v>
      </c>
      <c r="AB1276" s="53">
        <v>57117.254016064297</v>
      </c>
      <c r="AC1276" s="53">
        <v>57117.254016064297</v>
      </c>
      <c r="AD1276" s="53">
        <v>57117.254016064297</v>
      </c>
      <c r="AE1276" s="53">
        <v>57117.254016064297</v>
      </c>
      <c r="AF1276" s="53">
        <v>57117.254016064297</v>
      </c>
      <c r="AG1276" s="53">
        <v>57117.254016064297</v>
      </c>
      <c r="AH1276" s="53">
        <v>57117.254016064297</v>
      </c>
      <c r="AI1276" s="53">
        <v>57117.254016064297</v>
      </c>
      <c r="AJ1276" s="53">
        <v>57117.254016064297</v>
      </c>
      <c r="AK1276" s="53">
        <v>57117.254016064297</v>
      </c>
      <c r="AL1276" s="53">
        <v>57117.254016064297</v>
      </c>
      <c r="AM1276" s="53">
        <v>57117.254016064297</v>
      </c>
      <c r="AN1276" s="53">
        <v>685407.04819277104</v>
      </c>
      <c r="AO1276" s="53">
        <v>57660.843879716398</v>
      </c>
      <c r="AP1276" s="53">
        <v>57660.843879716398</v>
      </c>
      <c r="AQ1276" s="53">
        <v>57660.843879716398</v>
      </c>
      <c r="AR1276" s="53">
        <v>57660.843879716398</v>
      </c>
      <c r="AS1276" s="53">
        <v>57660.843879716398</v>
      </c>
      <c r="AT1276" s="53">
        <v>57660.843879716398</v>
      </c>
      <c r="AU1276" s="53">
        <v>57660.843879716398</v>
      </c>
      <c r="AV1276" s="53">
        <v>57660.843879716398</v>
      </c>
      <c r="AW1276" s="53">
        <v>57660.843879716398</v>
      </c>
      <c r="AX1276" s="53">
        <v>57660.843879716398</v>
      </c>
      <c r="AY1276" s="53">
        <v>57660.843879716398</v>
      </c>
      <c r="AZ1276" s="53">
        <v>57660.843879716398</v>
      </c>
      <c r="BA1276" s="53">
        <v>691930.12655659695</v>
      </c>
    </row>
    <row r="1277" spans="1:53">
      <c r="A1277" s="52" t="s">
        <v>678</v>
      </c>
    </row>
    <row r="1278" spans="1:53">
      <c r="A1278" s="52" t="s">
        <v>679</v>
      </c>
    </row>
    <row r="1279" spans="1:53">
      <c r="A1279" s="52" t="s">
        <v>680</v>
      </c>
      <c r="AR1279" s="53">
        <v>-2139049.0324459602</v>
      </c>
      <c r="AT1279" s="53">
        <v>-2139049.0324459602</v>
      </c>
      <c r="AW1279" s="53">
        <v>389417.81489192997</v>
      </c>
      <c r="AZ1279" s="53">
        <v>-6207896.75</v>
      </c>
      <c r="BA1279" s="53">
        <v>-10096577</v>
      </c>
    </row>
    <row r="1280" spans="1:53">
      <c r="A1280" s="52" t="s">
        <v>681</v>
      </c>
    </row>
    <row r="1281" spans="1:53">
      <c r="A1281" s="52" t="s">
        <v>682</v>
      </c>
      <c r="R1281" s="53">
        <v>-653618.28589936602</v>
      </c>
      <c r="T1281" s="53">
        <v>-653618.28589936602</v>
      </c>
      <c r="W1281" s="53">
        <v>-44054.928201267503</v>
      </c>
      <c r="Z1281" s="53">
        <v>-3530499.1369385002</v>
      </c>
      <c r="AA1281" s="53">
        <v>-4881790.6369385002</v>
      </c>
      <c r="AD1281" s="53">
        <v>-569975.36306149303</v>
      </c>
      <c r="AE1281" s="53">
        <v>-268227.196505973</v>
      </c>
      <c r="AG1281" s="53">
        <v>-268227.196505973</v>
      </c>
      <c r="AJ1281" s="53">
        <v>-552541.10698805295</v>
      </c>
      <c r="AM1281" s="53">
        <v>-942761.86000176403</v>
      </c>
      <c r="AN1281" s="53">
        <v>-2601732.7230632501</v>
      </c>
      <c r="AQ1281" s="53">
        <v>-585831.63999823504</v>
      </c>
      <c r="AW1281" s="53">
        <v>-659574.44485419604</v>
      </c>
      <c r="AZ1281" s="53">
        <v>-1678522.3330246501</v>
      </c>
      <c r="BA1281" s="53">
        <v>-2923928.4178770799</v>
      </c>
    </row>
    <row r="1282" spans="1:53">
      <c r="A1282" s="52" t="s">
        <v>683</v>
      </c>
    </row>
    <row r="1283" spans="1:53">
      <c r="A1283" s="52" t="s">
        <v>684</v>
      </c>
    </row>
    <row r="1284" spans="1:53">
      <c r="A1284" s="52" t="s">
        <v>649</v>
      </c>
      <c r="B1284" s="53">
        <v>-2403480.6766351801</v>
      </c>
      <c r="C1284" s="53">
        <v>-2403480.6766351801</v>
      </c>
      <c r="D1284" s="53">
        <v>-2403480.6766351801</v>
      </c>
      <c r="E1284" s="53">
        <v>-2403480.6766351801</v>
      </c>
      <c r="F1284" s="53">
        <v>-2403480.6766351801</v>
      </c>
      <c r="G1284" s="53">
        <v>-2403480.6766351801</v>
      </c>
      <c r="H1284" s="53">
        <v>-2403480.6766351801</v>
      </c>
      <c r="I1284" s="53">
        <v>-2403480.6766351801</v>
      </c>
      <c r="J1284" s="53">
        <v>-2403480.6766351801</v>
      </c>
      <c r="K1284" s="53">
        <v>-2403480.6766351801</v>
      </c>
      <c r="L1284" s="53">
        <v>-2403480.6766351801</v>
      </c>
      <c r="M1284" s="53">
        <v>-2403480.6766351801</v>
      </c>
      <c r="N1284" s="53">
        <v>-28841768.1196221</v>
      </c>
      <c r="O1284" s="53">
        <v>-2503052.2729601399</v>
      </c>
      <c r="P1284" s="53">
        <v>-2503052.2729601399</v>
      </c>
      <c r="Q1284" s="53">
        <v>-2503052.2729601399</v>
      </c>
      <c r="R1284" s="53">
        <v>-2503052.2729601399</v>
      </c>
      <c r="S1284" s="53">
        <v>-2503052.2729601399</v>
      </c>
      <c r="T1284" s="53">
        <v>-2503052.2729601399</v>
      </c>
      <c r="U1284" s="53">
        <v>-2503052.2729601399</v>
      </c>
      <c r="V1284" s="53">
        <v>-2503052.2729601399</v>
      </c>
      <c r="W1284" s="53">
        <v>-2503052.2729601399</v>
      </c>
      <c r="X1284" s="53">
        <v>-2503052.2729601399</v>
      </c>
      <c r="Y1284" s="53">
        <v>-2503052.2729601399</v>
      </c>
      <c r="Z1284" s="53">
        <v>-2503052.2729601399</v>
      </c>
      <c r="AA1284" s="53">
        <v>-30036627.2755218</v>
      </c>
      <c r="AB1284" s="53">
        <v>-2608285.4393304898</v>
      </c>
      <c r="AC1284" s="53">
        <v>-2608285.4393304898</v>
      </c>
      <c r="AD1284" s="53">
        <v>-2608285.4393304898</v>
      </c>
      <c r="AE1284" s="53">
        <v>-2608285.4393304898</v>
      </c>
      <c r="AF1284" s="53">
        <v>-2608285.4393304898</v>
      </c>
      <c r="AG1284" s="53">
        <v>-2608285.4393304898</v>
      </c>
      <c r="AH1284" s="53">
        <v>-2608285.4393304898</v>
      </c>
      <c r="AI1284" s="53">
        <v>-2608285.4393304898</v>
      </c>
      <c r="AJ1284" s="53">
        <v>-2608285.4393304898</v>
      </c>
      <c r="AK1284" s="53">
        <v>-2608285.4393304898</v>
      </c>
      <c r="AL1284" s="53">
        <v>-2608285.4393304898</v>
      </c>
      <c r="AM1284" s="53">
        <v>-2608285.4393304898</v>
      </c>
      <c r="AN1284" s="53">
        <v>-31299425.271965899</v>
      </c>
      <c r="AO1284" s="53">
        <v>-2696891.11743967</v>
      </c>
      <c r="AP1284" s="53">
        <v>-2696891.11743967</v>
      </c>
      <c r="AQ1284" s="53">
        <v>-2696891.11743967</v>
      </c>
      <c r="AR1284" s="53">
        <v>-2696891.11743967</v>
      </c>
      <c r="AS1284" s="53">
        <v>-2696891.11743967</v>
      </c>
      <c r="AT1284" s="53">
        <v>-2696891.11743967</v>
      </c>
      <c r="AU1284" s="53">
        <v>-2696891.11743967</v>
      </c>
      <c r="AV1284" s="53">
        <v>-2696891.11743967</v>
      </c>
      <c r="AW1284" s="53">
        <v>-2696891.11743967</v>
      </c>
      <c r="AX1284" s="53">
        <v>-2696891.11743967</v>
      </c>
      <c r="AY1284" s="53">
        <v>-2696891.11743967</v>
      </c>
      <c r="AZ1284" s="53">
        <v>-2696891.11743967</v>
      </c>
      <c r="BA1284" s="53">
        <v>-32362693.409276001</v>
      </c>
    </row>
    <row r="1285" spans="1:53">
      <c r="A1285" s="52" t="s">
        <v>650</v>
      </c>
    </row>
    <row r="1286" spans="1:53">
      <c r="A1286" s="52" t="s">
        <v>685</v>
      </c>
    </row>
    <row r="1287" spans="1:53">
      <c r="A1287" s="52" t="s">
        <v>649</v>
      </c>
      <c r="B1287" s="53">
        <v>-6144401.3682519495</v>
      </c>
      <c r="C1287" s="53">
        <v>-6144401.3682519495</v>
      </c>
      <c r="D1287" s="53">
        <v>-6144401.3682519495</v>
      </c>
      <c r="E1287" s="53">
        <v>-6144401.3682519495</v>
      </c>
      <c r="F1287" s="53">
        <v>-6144401.3682519495</v>
      </c>
      <c r="G1287" s="53">
        <v>-6144401.3682519495</v>
      </c>
      <c r="H1287" s="53">
        <v>-6144401.3682519495</v>
      </c>
      <c r="I1287" s="53">
        <v>-6144401.3682519495</v>
      </c>
      <c r="J1287" s="53">
        <v>-6144401.3682519495</v>
      </c>
      <c r="K1287" s="53">
        <v>-6144401.3682519495</v>
      </c>
      <c r="L1287" s="53">
        <v>-6144401.3682519495</v>
      </c>
      <c r="M1287" s="53">
        <v>-6144401.3682519495</v>
      </c>
      <c r="N1287" s="53">
        <v>-73732816.419023395</v>
      </c>
      <c r="O1287" s="53">
        <v>-2355598.63174805</v>
      </c>
      <c r="P1287" s="53">
        <v>-2355598.63174805</v>
      </c>
      <c r="Q1287" s="53">
        <v>-2355598.63174805</v>
      </c>
      <c r="R1287" s="53">
        <v>-2355598.63174805</v>
      </c>
      <c r="S1287" s="53">
        <v>-2355598.63174805</v>
      </c>
      <c r="T1287" s="53">
        <v>-2355598.63174805</v>
      </c>
      <c r="U1287" s="53">
        <v>-2355598.63174805</v>
      </c>
      <c r="V1287" s="53">
        <v>-2355598.63174805</v>
      </c>
      <c r="W1287" s="53">
        <v>-2355598.63174805</v>
      </c>
      <c r="X1287" s="53">
        <v>-2355598.63174805</v>
      </c>
      <c r="Y1287" s="53">
        <v>-2355598.63174805</v>
      </c>
      <c r="Z1287" s="53">
        <v>-2355598.63174805</v>
      </c>
      <c r="AA1287" s="53">
        <v>-28267183.580976501</v>
      </c>
    </row>
    <row r="1288" spans="1:53">
      <c r="A1288" s="52" t="s">
        <v>686</v>
      </c>
    </row>
    <row r="1289" spans="1:53">
      <c r="A1289" s="52" t="s">
        <v>649</v>
      </c>
      <c r="B1289" s="53">
        <v>-4276984.9313265998</v>
      </c>
      <c r="C1289" s="53">
        <v>-4276984.9313265998</v>
      </c>
      <c r="D1289" s="53">
        <v>-4276984.9313265998</v>
      </c>
      <c r="E1289" s="53">
        <v>-4276984.9313265998</v>
      </c>
      <c r="F1289" s="53">
        <v>-4276984.9313265998</v>
      </c>
      <c r="G1289" s="53">
        <v>-4276984.9313265998</v>
      </c>
      <c r="H1289" s="53">
        <v>-4276984.9313265998</v>
      </c>
      <c r="I1289" s="53">
        <v>-4276984.9313265998</v>
      </c>
      <c r="J1289" s="53">
        <v>-4276984.9313265998</v>
      </c>
      <c r="K1289" s="53">
        <v>-4276984.9313265998</v>
      </c>
      <c r="L1289" s="53">
        <v>-4276984.9313265998</v>
      </c>
      <c r="M1289" s="53">
        <v>-4276984.9313265998</v>
      </c>
      <c r="N1289" s="53">
        <v>-51323819.175919197</v>
      </c>
      <c r="O1289" s="53">
        <v>-1639681.36867339</v>
      </c>
      <c r="P1289" s="53">
        <v>-1639681.36867339</v>
      </c>
      <c r="Q1289" s="53">
        <v>-1639681.36867339</v>
      </c>
      <c r="R1289" s="53">
        <v>-1639681.36867339</v>
      </c>
      <c r="S1289" s="53">
        <v>-1639681.36867339</v>
      </c>
      <c r="T1289" s="53">
        <v>-1639681.36867339</v>
      </c>
      <c r="U1289" s="53">
        <v>-1639681.36867339</v>
      </c>
      <c r="V1289" s="53">
        <v>-1639681.36867339</v>
      </c>
      <c r="W1289" s="53">
        <v>-1639681.36867339</v>
      </c>
      <c r="X1289" s="53">
        <v>-1639681.36867339</v>
      </c>
      <c r="Y1289" s="53">
        <v>-1639681.36867339</v>
      </c>
      <c r="Z1289" s="53">
        <v>-1639681.36867339</v>
      </c>
      <c r="AA1289" s="53">
        <v>-19676176.4240807</v>
      </c>
    </row>
    <row r="1290" spans="1:53">
      <c r="A1290" s="52" t="s">
        <v>687</v>
      </c>
    </row>
    <row r="1291" spans="1:53">
      <c r="A1291" s="52" t="s">
        <v>649</v>
      </c>
    </row>
    <row r="1292" spans="1:53">
      <c r="A1292" s="52" t="s">
        <v>688</v>
      </c>
    </row>
    <row r="1293" spans="1:53">
      <c r="A1293" s="52" t="s">
        <v>649</v>
      </c>
    </row>
    <row r="1294" spans="1:53">
      <c r="A1294" s="52" t="s">
        <v>689</v>
      </c>
    </row>
    <row r="1295" spans="1:53">
      <c r="A1295" s="52" t="s">
        <v>649</v>
      </c>
      <c r="B1295" s="53">
        <v>-351833.33333333198</v>
      </c>
      <c r="C1295" s="53">
        <v>-351833.33333333198</v>
      </c>
      <c r="D1295" s="53">
        <v>-351833.33333333198</v>
      </c>
      <c r="E1295" s="53">
        <v>-351833.33333333198</v>
      </c>
      <c r="F1295" s="53">
        <v>-351833.33333333198</v>
      </c>
      <c r="G1295" s="53">
        <v>-351833.33333333198</v>
      </c>
      <c r="H1295" s="53">
        <v>-351833.33333333198</v>
      </c>
      <c r="I1295" s="53">
        <v>-351833.33333333198</v>
      </c>
      <c r="J1295" s="53">
        <v>-351833.33333333198</v>
      </c>
      <c r="K1295" s="53">
        <v>-351833.33333333198</v>
      </c>
      <c r="L1295" s="53">
        <v>-351833.33333333198</v>
      </c>
      <c r="M1295" s="53">
        <v>-351833.33333333198</v>
      </c>
      <c r="N1295" s="53">
        <v>-4221999.9999999898</v>
      </c>
      <c r="O1295" s="53">
        <v>-250000</v>
      </c>
      <c r="P1295" s="53">
        <v>-250000</v>
      </c>
      <c r="Q1295" s="53">
        <v>-250000</v>
      </c>
      <c r="R1295" s="53">
        <v>-250000</v>
      </c>
      <c r="S1295" s="53">
        <v>-250000</v>
      </c>
      <c r="T1295" s="53">
        <v>-250000</v>
      </c>
      <c r="U1295" s="53">
        <v>-250000</v>
      </c>
      <c r="V1295" s="53">
        <v>-250000</v>
      </c>
      <c r="W1295" s="53">
        <v>-250000</v>
      </c>
      <c r="X1295" s="53">
        <v>-250000</v>
      </c>
      <c r="Y1295" s="53">
        <v>-250000</v>
      </c>
      <c r="Z1295" s="53">
        <v>-250000</v>
      </c>
      <c r="AA1295" s="53">
        <v>-3000000</v>
      </c>
      <c r="AB1295" s="53">
        <v>-75000</v>
      </c>
      <c r="AC1295" s="53">
        <v>-75000</v>
      </c>
      <c r="AD1295" s="53">
        <v>-75000</v>
      </c>
      <c r="AE1295" s="53">
        <v>-75000</v>
      </c>
      <c r="AF1295" s="53">
        <v>-75000</v>
      </c>
      <c r="AG1295" s="53">
        <v>-75000</v>
      </c>
      <c r="AH1295" s="53">
        <v>-75000</v>
      </c>
      <c r="AI1295" s="53">
        <v>-75000</v>
      </c>
      <c r="AJ1295" s="53">
        <v>-75000</v>
      </c>
      <c r="AK1295" s="53">
        <v>-75000</v>
      </c>
      <c r="AL1295" s="53">
        <v>-75000</v>
      </c>
      <c r="AM1295" s="53">
        <v>-75000</v>
      </c>
      <c r="AN1295" s="53">
        <v>-900000</v>
      </c>
    </row>
    <row r="1296" spans="1:53">
      <c r="A1296" s="52" t="s">
        <v>690</v>
      </c>
    </row>
    <row r="1297" spans="1:53">
      <c r="A1297" s="52" t="s">
        <v>649</v>
      </c>
      <c r="B1297" s="53">
        <v>-196878</v>
      </c>
      <c r="C1297" s="53">
        <v>-196878</v>
      </c>
      <c r="D1297" s="53">
        <v>-196878</v>
      </c>
      <c r="E1297" s="53">
        <v>-196878</v>
      </c>
      <c r="F1297" s="53">
        <v>-196878</v>
      </c>
      <c r="G1297" s="53">
        <v>-196878</v>
      </c>
      <c r="H1297" s="53">
        <v>-196878</v>
      </c>
      <c r="I1297" s="53">
        <v>-196878</v>
      </c>
      <c r="J1297" s="53">
        <v>-196878</v>
      </c>
      <c r="K1297" s="53">
        <v>-196878</v>
      </c>
      <c r="L1297" s="53">
        <v>-196878</v>
      </c>
      <c r="M1297" s="53">
        <v>-196878</v>
      </c>
      <c r="N1297" s="53">
        <v>-2362535.9999999902</v>
      </c>
      <c r="O1297" s="53">
        <v>-437988</v>
      </c>
      <c r="P1297" s="53">
        <v>-437988</v>
      </c>
      <c r="Q1297" s="53">
        <v>-437988</v>
      </c>
      <c r="R1297" s="53">
        <v>-437988</v>
      </c>
      <c r="S1297" s="53">
        <v>-437988</v>
      </c>
      <c r="T1297" s="53">
        <v>-437988</v>
      </c>
      <c r="U1297" s="53">
        <v>-437988</v>
      </c>
      <c r="V1297" s="53">
        <v>-437988</v>
      </c>
      <c r="W1297" s="53">
        <v>-437988</v>
      </c>
      <c r="X1297" s="53">
        <v>-437988</v>
      </c>
      <c r="Y1297" s="53">
        <v>-437988</v>
      </c>
      <c r="Z1297" s="53">
        <v>-437988</v>
      </c>
      <c r="AA1297" s="53">
        <v>-5255856</v>
      </c>
      <c r="AB1297" s="53">
        <v>-570228</v>
      </c>
      <c r="AC1297" s="53">
        <v>-570228</v>
      </c>
      <c r="AD1297" s="53">
        <v>-570228</v>
      </c>
      <c r="AE1297" s="53">
        <v>-570228</v>
      </c>
      <c r="AF1297" s="53">
        <v>-570228</v>
      </c>
      <c r="AG1297" s="53">
        <v>-570228</v>
      </c>
      <c r="AH1297" s="53">
        <v>-570228</v>
      </c>
      <c r="AI1297" s="53">
        <v>-570228</v>
      </c>
      <c r="AJ1297" s="53">
        <v>-570228</v>
      </c>
      <c r="AK1297" s="53">
        <v>-570228</v>
      </c>
      <c r="AL1297" s="53">
        <v>-570228</v>
      </c>
      <c r="AM1297" s="53">
        <v>-570228</v>
      </c>
      <c r="AN1297" s="53">
        <v>-6842736</v>
      </c>
    </row>
    <row r="1298" spans="1:53">
      <c r="A1298" s="52" t="s">
        <v>691</v>
      </c>
    </row>
    <row r="1299" spans="1:53">
      <c r="A1299" s="52" t="s">
        <v>649</v>
      </c>
      <c r="O1299" s="53">
        <v>-31070.333333333299</v>
      </c>
      <c r="P1299" s="53">
        <v>-31070.333333333299</v>
      </c>
      <c r="Q1299" s="53">
        <v>-31070.333333333299</v>
      </c>
      <c r="R1299" s="53">
        <v>-31070.333333333299</v>
      </c>
      <c r="S1299" s="53">
        <v>-31070.333333333299</v>
      </c>
      <c r="T1299" s="53">
        <v>-31070.333333333299</v>
      </c>
      <c r="U1299" s="53">
        <v>-31070.333333333299</v>
      </c>
      <c r="V1299" s="53">
        <v>-31070.333333333299</v>
      </c>
      <c r="W1299" s="53">
        <v>-31070.333333333299</v>
      </c>
      <c r="X1299" s="53">
        <v>-31070.333333333299</v>
      </c>
      <c r="Y1299" s="53">
        <v>-31070.333333333299</v>
      </c>
      <c r="Z1299" s="53">
        <v>-31070.333333333299</v>
      </c>
      <c r="AA1299" s="53">
        <v>-372843.99999999901</v>
      </c>
      <c r="AB1299" s="53">
        <v>-68515.666666666701</v>
      </c>
      <c r="AC1299" s="53">
        <v>-68515.666666666701</v>
      </c>
      <c r="AD1299" s="53">
        <v>-68515.666666666701</v>
      </c>
      <c r="AE1299" s="53">
        <v>-68515.666666666701</v>
      </c>
      <c r="AF1299" s="53">
        <v>-68515.666666666701</v>
      </c>
      <c r="AG1299" s="53">
        <v>-68515.666666666701</v>
      </c>
      <c r="AH1299" s="53">
        <v>-68515.666666666701</v>
      </c>
      <c r="AI1299" s="53">
        <v>-68515.666666666701</v>
      </c>
      <c r="AJ1299" s="53">
        <v>-68515.666666666701</v>
      </c>
      <c r="AK1299" s="53">
        <v>-68515.666666666701</v>
      </c>
      <c r="AL1299" s="53">
        <v>-68515.666666666701</v>
      </c>
      <c r="AM1299" s="53">
        <v>-68515.666666666701</v>
      </c>
      <c r="AN1299" s="53">
        <v>-822188</v>
      </c>
    </row>
    <row r="1300" spans="1:53">
      <c r="A1300" s="52" t="s">
        <v>692</v>
      </c>
    </row>
    <row r="1301" spans="1:53">
      <c r="A1301" s="52" t="s">
        <v>649</v>
      </c>
      <c r="B1301" s="53">
        <v>-192546.510266667</v>
      </c>
      <c r="C1301" s="53">
        <v>-192546.510266667</v>
      </c>
      <c r="D1301" s="53">
        <v>-192546.510266667</v>
      </c>
      <c r="E1301" s="53">
        <v>-192546.510266667</v>
      </c>
      <c r="F1301" s="53">
        <v>-192546.510266667</v>
      </c>
      <c r="G1301" s="53">
        <v>-192546.510266667</v>
      </c>
      <c r="H1301" s="53">
        <v>-192546.510266667</v>
      </c>
      <c r="I1301" s="53">
        <v>-192546.510266667</v>
      </c>
      <c r="J1301" s="53">
        <v>-192546.510266667</v>
      </c>
      <c r="K1301" s="53">
        <v>-192546.510266667</v>
      </c>
      <c r="L1301" s="53">
        <v>-192546.510266667</v>
      </c>
      <c r="M1301" s="53">
        <v>-192546.510266667</v>
      </c>
      <c r="N1301" s="53">
        <v>-2310558.1231999998</v>
      </c>
      <c r="O1301" s="53">
        <v>-434277.14473333198</v>
      </c>
      <c r="P1301" s="53">
        <v>-434277.14473333198</v>
      </c>
      <c r="Q1301" s="53">
        <v>-434277.14473333198</v>
      </c>
      <c r="R1301" s="53">
        <v>-434277.14473333198</v>
      </c>
      <c r="S1301" s="53">
        <v>-434277.14473333198</v>
      </c>
      <c r="T1301" s="53">
        <v>-434277.14473333198</v>
      </c>
      <c r="U1301" s="53">
        <v>-434277.14473333198</v>
      </c>
      <c r="V1301" s="53">
        <v>-434277.14473333198</v>
      </c>
      <c r="W1301" s="53">
        <v>-434277.14473333198</v>
      </c>
      <c r="X1301" s="53">
        <v>-434277.14473333198</v>
      </c>
      <c r="Y1301" s="53">
        <v>-434277.14473333198</v>
      </c>
      <c r="Z1301" s="53">
        <v>-434277.14473333198</v>
      </c>
      <c r="AA1301" s="53">
        <v>-5211325.7367999898</v>
      </c>
      <c r="AB1301" s="53">
        <v>-592202.67253333295</v>
      </c>
      <c r="AC1301" s="53">
        <v>-592202.67253333295</v>
      </c>
      <c r="AD1301" s="53">
        <v>-592202.67253333295</v>
      </c>
      <c r="AE1301" s="53">
        <v>-592202.67253333295</v>
      </c>
      <c r="AF1301" s="53">
        <v>-592202.67253333295</v>
      </c>
      <c r="AG1301" s="53">
        <v>-592202.67253333295</v>
      </c>
      <c r="AH1301" s="53">
        <v>-592202.67253333295</v>
      </c>
      <c r="AI1301" s="53">
        <v>-592202.67253333295</v>
      </c>
      <c r="AJ1301" s="53">
        <v>-592202.67253333295</v>
      </c>
      <c r="AK1301" s="53">
        <v>-592202.67253333295</v>
      </c>
      <c r="AL1301" s="53">
        <v>-592202.67253333295</v>
      </c>
      <c r="AM1301" s="53">
        <v>-592202.67253333295</v>
      </c>
      <c r="AN1301" s="53">
        <v>-7106432.0703999903</v>
      </c>
    </row>
    <row r="1302" spans="1:53">
      <c r="A1302" s="52" t="s">
        <v>693</v>
      </c>
    </row>
    <row r="1303" spans="1:53">
      <c r="A1303" s="52" t="s">
        <v>649</v>
      </c>
      <c r="B1303" s="53">
        <v>-1356596.1</v>
      </c>
      <c r="C1303" s="53">
        <v>-1356596.1</v>
      </c>
      <c r="D1303" s="53">
        <v>-1356596.1</v>
      </c>
      <c r="E1303" s="53">
        <v>-1356596.1</v>
      </c>
      <c r="F1303" s="53">
        <v>-1356596.1</v>
      </c>
      <c r="G1303" s="53">
        <v>-1356596.1</v>
      </c>
      <c r="H1303" s="53">
        <v>-1356596.1</v>
      </c>
      <c r="I1303" s="53">
        <v>-1356596.1</v>
      </c>
      <c r="J1303" s="53">
        <v>-1356596.1</v>
      </c>
      <c r="K1303" s="53">
        <v>-1356596.1</v>
      </c>
      <c r="L1303" s="53">
        <v>-1356596.1</v>
      </c>
      <c r="M1303" s="53">
        <v>-1356596.1</v>
      </c>
      <c r="N1303" s="53">
        <v>-16279153.199999999</v>
      </c>
      <c r="O1303" s="53">
        <v>-1356596.1</v>
      </c>
      <c r="P1303" s="53">
        <v>-1356596.1</v>
      </c>
      <c r="Q1303" s="53">
        <v>-1356596.1</v>
      </c>
      <c r="R1303" s="53">
        <v>-1356596.1</v>
      </c>
      <c r="S1303" s="53">
        <v>-1356596.1</v>
      </c>
      <c r="T1303" s="53">
        <v>-1356596.1</v>
      </c>
      <c r="U1303" s="53">
        <v>-1356596.1</v>
      </c>
      <c r="V1303" s="53">
        <v>-1356596.1</v>
      </c>
      <c r="W1303" s="53">
        <v>-1356596.1</v>
      </c>
      <c r="X1303" s="53">
        <v>-1356596.1</v>
      </c>
      <c r="Y1303" s="53">
        <v>-1356596.1</v>
      </c>
      <c r="Z1303" s="53">
        <v>-1356596.1</v>
      </c>
      <c r="AA1303" s="53">
        <v>-16279153.199999999</v>
      </c>
    </row>
    <row r="1304" spans="1:53">
      <c r="A1304" s="52" t="s">
        <v>694</v>
      </c>
    </row>
    <row r="1305" spans="1:53">
      <c r="A1305" s="52" t="s">
        <v>649</v>
      </c>
    </row>
    <row r="1306" spans="1:53">
      <c r="A1306" s="52" t="s">
        <v>695</v>
      </c>
    </row>
    <row r="1307" spans="1:53">
      <c r="A1307" s="52" t="s">
        <v>649</v>
      </c>
    </row>
    <row r="1308" spans="1:53">
      <c r="A1308" s="52" t="s">
        <v>696</v>
      </c>
      <c r="B1308" s="53">
        <v>404243196.12162799</v>
      </c>
      <c r="C1308" s="53">
        <v>343878254.64421999</v>
      </c>
      <c r="D1308" s="53">
        <v>367810134.10932899</v>
      </c>
      <c r="E1308" s="53">
        <v>368951026.815813</v>
      </c>
      <c r="F1308" s="53">
        <v>419338633.09880698</v>
      </c>
      <c r="G1308" s="53">
        <v>449616837.98165202</v>
      </c>
      <c r="H1308" s="53">
        <v>465414545.390679</v>
      </c>
      <c r="I1308" s="53">
        <v>465143162.18564802</v>
      </c>
      <c r="J1308" s="53">
        <v>446149250.49873698</v>
      </c>
      <c r="K1308" s="53">
        <v>411902260.5607</v>
      </c>
      <c r="L1308" s="53">
        <v>362878617.46635002</v>
      </c>
      <c r="M1308" s="53">
        <v>373795808.47022903</v>
      </c>
      <c r="N1308" s="53">
        <v>4879121727.3437901</v>
      </c>
      <c r="O1308" s="53">
        <v>384679888.636792</v>
      </c>
      <c r="P1308" s="53">
        <v>335681931.63039601</v>
      </c>
      <c r="Q1308" s="53">
        <v>352432754.56400001</v>
      </c>
      <c r="R1308" s="53">
        <v>353537414.761711</v>
      </c>
      <c r="S1308" s="53">
        <v>397845495.416502</v>
      </c>
      <c r="T1308" s="53">
        <v>427611189.486624</v>
      </c>
      <c r="U1308" s="53">
        <v>444076470.33326799</v>
      </c>
      <c r="V1308" s="53">
        <v>442352298.31791002</v>
      </c>
      <c r="W1308" s="53">
        <v>426430722.03457898</v>
      </c>
      <c r="X1308" s="53">
        <v>396458751.77453399</v>
      </c>
      <c r="Y1308" s="53">
        <v>351797116.57135803</v>
      </c>
      <c r="Z1308" s="53">
        <v>362895274.94685799</v>
      </c>
      <c r="AA1308" s="53">
        <v>4675799308.4745302</v>
      </c>
      <c r="AB1308" s="53">
        <v>386729247.56383401</v>
      </c>
      <c r="AC1308" s="53">
        <v>333321723.41828197</v>
      </c>
      <c r="AD1308" s="53">
        <v>352576915.66175997</v>
      </c>
      <c r="AE1308" s="53">
        <v>354134785.76481402</v>
      </c>
      <c r="AF1308" s="53">
        <v>395060304.85903198</v>
      </c>
      <c r="AG1308" s="53">
        <v>422038791.48323101</v>
      </c>
      <c r="AH1308" s="53">
        <v>436745487.95768303</v>
      </c>
      <c r="AI1308" s="53">
        <v>435513872.38014799</v>
      </c>
      <c r="AJ1308" s="53">
        <v>421679794.47019702</v>
      </c>
      <c r="AK1308" s="53">
        <v>395398816.51644999</v>
      </c>
      <c r="AL1308" s="53">
        <v>354057866.48568201</v>
      </c>
      <c r="AM1308" s="53">
        <v>364312921.82407898</v>
      </c>
      <c r="AN1308" s="53">
        <v>4651570528.38519</v>
      </c>
      <c r="AO1308" s="53">
        <v>395189784.12529099</v>
      </c>
      <c r="AP1308" s="53">
        <v>340300941.79797798</v>
      </c>
      <c r="AQ1308" s="53">
        <v>359090567.26939899</v>
      </c>
      <c r="AR1308" s="53">
        <v>360224617.12874299</v>
      </c>
      <c r="AS1308" s="53">
        <v>400201368.42806202</v>
      </c>
      <c r="AT1308" s="53">
        <v>427026004.97663301</v>
      </c>
      <c r="AU1308" s="53">
        <v>440973839.83923</v>
      </c>
      <c r="AV1308" s="53">
        <v>439668454.63698202</v>
      </c>
      <c r="AW1308" s="53">
        <v>426233353.672548</v>
      </c>
      <c r="AX1308" s="53">
        <v>400027550.66123098</v>
      </c>
      <c r="AY1308" s="53">
        <v>359468582.978567</v>
      </c>
      <c r="AZ1308" s="53">
        <v>377021401.369295</v>
      </c>
      <c r="BA1308" s="53">
        <v>4725426466.8839598</v>
      </c>
    </row>
    <row r="1309" spans="1:53">
      <c r="A1309" s="52" t="s">
        <v>697</v>
      </c>
      <c r="B1309" s="53">
        <v>0</v>
      </c>
      <c r="C1309" s="53">
        <v>0</v>
      </c>
      <c r="D1309" s="53">
        <v>0</v>
      </c>
      <c r="E1309" s="53">
        <v>0</v>
      </c>
      <c r="F1309" s="53">
        <v>0</v>
      </c>
      <c r="G1309" s="53">
        <v>0</v>
      </c>
      <c r="H1309" s="53">
        <v>0</v>
      </c>
      <c r="I1309" s="53">
        <v>0</v>
      </c>
      <c r="J1309" s="53">
        <v>0</v>
      </c>
      <c r="K1309" s="53">
        <v>0</v>
      </c>
      <c r="L1309" s="53">
        <v>0</v>
      </c>
      <c r="M1309" s="53">
        <v>0</v>
      </c>
      <c r="N1309" s="53">
        <v>0</v>
      </c>
      <c r="O1309" s="53">
        <v>0</v>
      </c>
      <c r="P1309" s="53">
        <v>0</v>
      </c>
      <c r="Q1309" s="53">
        <v>0</v>
      </c>
      <c r="R1309" s="53">
        <v>0</v>
      </c>
      <c r="S1309" s="53">
        <v>0</v>
      </c>
      <c r="T1309" s="53">
        <v>0</v>
      </c>
      <c r="U1309" s="53">
        <v>0</v>
      </c>
      <c r="V1309" s="53">
        <v>0</v>
      </c>
      <c r="W1309" s="53">
        <v>0</v>
      </c>
      <c r="X1309" s="53">
        <v>0</v>
      </c>
      <c r="Y1309" s="53">
        <v>0</v>
      </c>
      <c r="Z1309" s="53">
        <v>0</v>
      </c>
      <c r="AA1309" s="53">
        <v>0</v>
      </c>
      <c r="AB1309" s="53">
        <v>0</v>
      </c>
      <c r="AC1309" s="53">
        <v>0</v>
      </c>
      <c r="AD1309" s="53">
        <v>0</v>
      </c>
      <c r="AE1309" s="53">
        <v>0</v>
      </c>
      <c r="AF1309" s="53">
        <v>0</v>
      </c>
      <c r="AG1309" s="53">
        <v>0</v>
      </c>
      <c r="AH1309" s="53">
        <v>0</v>
      </c>
      <c r="AI1309" s="53">
        <v>0</v>
      </c>
      <c r="AJ1309" s="53">
        <v>0</v>
      </c>
      <c r="AK1309" s="53">
        <v>0</v>
      </c>
      <c r="AL1309" s="53">
        <v>0</v>
      </c>
      <c r="AM1309" s="53">
        <v>0</v>
      </c>
      <c r="AN1309" s="53">
        <v>0</v>
      </c>
      <c r="AO1309" s="53">
        <v>0</v>
      </c>
      <c r="AP1309" s="53">
        <v>0</v>
      </c>
      <c r="AQ1309" s="53">
        <v>0</v>
      </c>
      <c r="AR1309" s="53">
        <v>0</v>
      </c>
      <c r="AS1309" s="53">
        <v>0</v>
      </c>
      <c r="AT1309" s="53">
        <v>0</v>
      </c>
      <c r="AU1309" s="53">
        <v>0</v>
      </c>
      <c r="AV1309" s="53">
        <v>0</v>
      </c>
      <c r="AW1309" s="53">
        <v>0</v>
      </c>
      <c r="AX1309" s="53">
        <v>0</v>
      </c>
      <c r="AY1309" s="53">
        <v>0</v>
      </c>
      <c r="AZ1309" s="53">
        <v>0</v>
      </c>
      <c r="BA1309" s="53">
        <v>0</v>
      </c>
    </row>
    <row r="1310" spans="1:53">
      <c r="A1310" s="52" t="s">
        <v>698</v>
      </c>
      <c r="B1310" s="53">
        <v>0</v>
      </c>
      <c r="C1310" s="53">
        <v>0</v>
      </c>
      <c r="D1310" s="53">
        <v>0</v>
      </c>
      <c r="E1310" s="53">
        <v>0</v>
      </c>
      <c r="F1310" s="53">
        <v>0</v>
      </c>
      <c r="G1310" s="53">
        <v>0</v>
      </c>
      <c r="H1310" s="53">
        <v>0</v>
      </c>
      <c r="I1310" s="53">
        <v>0</v>
      </c>
      <c r="J1310" s="53">
        <v>0</v>
      </c>
      <c r="K1310" s="53">
        <v>0</v>
      </c>
      <c r="L1310" s="53">
        <v>0</v>
      </c>
      <c r="M1310" s="53">
        <v>0</v>
      </c>
      <c r="N1310" s="53">
        <v>0</v>
      </c>
      <c r="O1310" s="53">
        <v>0</v>
      </c>
      <c r="P1310" s="53">
        <v>0</v>
      </c>
      <c r="Q1310" s="53">
        <v>0</v>
      </c>
      <c r="R1310" s="53">
        <v>0</v>
      </c>
      <c r="S1310" s="53">
        <v>0</v>
      </c>
      <c r="T1310" s="53">
        <v>0</v>
      </c>
      <c r="U1310" s="53">
        <v>0</v>
      </c>
      <c r="V1310" s="53">
        <v>0</v>
      </c>
      <c r="W1310" s="53">
        <v>0</v>
      </c>
      <c r="X1310" s="53">
        <v>0</v>
      </c>
      <c r="Y1310" s="53">
        <v>0</v>
      </c>
      <c r="Z1310" s="53">
        <v>0</v>
      </c>
      <c r="AA1310" s="53">
        <v>0</v>
      </c>
      <c r="AB1310" s="53">
        <v>0</v>
      </c>
      <c r="AC1310" s="53">
        <v>0</v>
      </c>
      <c r="AD1310" s="53">
        <v>0</v>
      </c>
      <c r="AE1310" s="53">
        <v>0</v>
      </c>
      <c r="AF1310" s="53">
        <v>0</v>
      </c>
      <c r="AG1310" s="53">
        <v>0</v>
      </c>
      <c r="AH1310" s="53">
        <v>0</v>
      </c>
      <c r="AI1310" s="53">
        <v>0</v>
      </c>
      <c r="AJ1310" s="53">
        <v>0</v>
      </c>
      <c r="AK1310" s="53">
        <v>0</v>
      </c>
      <c r="AL1310" s="53">
        <v>0</v>
      </c>
      <c r="AM1310" s="53">
        <v>0</v>
      </c>
      <c r="AN1310" s="53">
        <v>0</v>
      </c>
      <c r="AO1310" s="53">
        <v>0</v>
      </c>
      <c r="AP1310" s="53">
        <v>0</v>
      </c>
      <c r="AQ1310" s="53">
        <v>0</v>
      </c>
      <c r="AR1310" s="53">
        <v>0</v>
      </c>
      <c r="AS1310" s="53">
        <v>0</v>
      </c>
      <c r="AT1310" s="53">
        <v>0</v>
      </c>
      <c r="AU1310" s="53">
        <v>0</v>
      </c>
      <c r="AV1310" s="53">
        <v>0</v>
      </c>
      <c r="AW1310" s="53">
        <v>0</v>
      </c>
      <c r="AX1310" s="53">
        <v>0</v>
      </c>
      <c r="AY1310" s="53">
        <v>0</v>
      </c>
      <c r="AZ1310" s="53">
        <v>0</v>
      </c>
      <c r="BA1310" s="53">
        <v>0</v>
      </c>
    </row>
    <row r="1311" spans="1:53">
      <c r="A1311" s="52" t="s">
        <v>699</v>
      </c>
    </row>
    <row r="1312" spans="1:53">
      <c r="A1312" s="52" t="s">
        <v>700</v>
      </c>
    </row>
    <row r="1313" spans="1:53">
      <c r="A1313" s="52" t="s">
        <v>701</v>
      </c>
    </row>
    <row r="1314" spans="1:53">
      <c r="A1314" s="52" t="s">
        <v>649</v>
      </c>
      <c r="B1314" s="53">
        <v>5617483.3331069397</v>
      </c>
      <c r="C1314" s="53">
        <v>6929593.2060441403</v>
      </c>
      <c r="D1314" s="53">
        <v>6621176.1435884601</v>
      </c>
      <c r="E1314" s="53">
        <v>11933542.0860532</v>
      </c>
      <c r="F1314" s="53">
        <v>22452830.800489001</v>
      </c>
      <c r="G1314" s="53">
        <v>27565228.429983001</v>
      </c>
      <c r="H1314" s="53">
        <v>31996513.8491433</v>
      </c>
      <c r="I1314" s="53">
        <v>31464971.251944501</v>
      </c>
      <c r="J1314" s="53">
        <v>26931441.092352901</v>
      </c>
      <c r="K1314" s="53">
        <v>17196538.026169501</v>
      </c>
      <c r="L1314" s="53">
        <v>7329737.2140864497</v>
      </c>
      <c r="M1314" s="53">
        <v>11025882.613074999</v>
      </c>
      <c r="N1314" s="53">
        <v>207064938.04603601</v>
      </c>
      <c r="O1314" s="53">
        <v>4482867.1569738695</v>
      </c>
      <c r="P1314" s="53">
        <v>3496793.5879782201</v>
      </c>
      <c r="Q1314" s="53">
        <v>2276760.6833858499</v>
      </c>
      <c r="R1314" s="53">
        <v>6926893.2755888496</v>
      </c>
      <c r="S1314" s="53">
        <v>16462364.8380032</v>
      </c>
      <c r="T1314" s="53">
        <v>21007717.003624599</v>
      </c>
      <c r="U1314" s="53">
        <v>25812675.011709001</v>
      </c>
      <c r="V1314" s="53">
        <v>25988842.323737498</v>
      </c>
      <c r="W1314" s="53">
        <v>21398143.294612098</v>
      </c>
      <c r="X1314" s="53">
        <v>11262234.5020543</v>
      </c>
      <c r="Y1314" s="53">
        <v>3013460.56383768</v>
      </c>
      <c r="Z1314" s="53">
        <v>5799977.38265255</v>
      </c>
      <c r="AA1314" s="53">
        <v>147928729.62415701</v>
      </c>
      <c r="AB1314" s="53">
        <v>5676808.3477889299</v>
      </c>
      <c r="AC1314" s="53">
        <v>2597844.8906770898</v>
      </c>
      <c r="AD1314" s="53">
        <v>1684797.2244130899</v>
      </c>
      <c r="AE1314" s="53">
        <v>6293326.2251962498</v>
      </c>
      <c r="AF1314" s="53">
        <v>16886881.620280098</v>
      </c>
      <c r="AG1314" s="53">
        <v>21575406.8954341</v>
      </c>
      <c r="AH1314" s="53">
        <v>26736736.2420744</v>
      </c>
      <c r="AI1314" s="53">
        <v>26921600.487460401</v>
      </c>
      <c r="AJ1314" s="53">
        <v>22261898.515235301</v>
      </c>
      <c r="AK1314" s="53">
        <v>12198384.916909499</v>
      </c>
      <c r="AL1314" s="53">
        <v>3476692.4252675399</v>
      </c>
      <c r="AM1314" s="53">
        <v>6188546.7700672299</v>
      </c>
      <c r="AN1314" s="53">
        <v>152498924.56080401</v>
      </c>
      <c r="AO1314" s="53">
        <v>9966657.5352246799</v>
      </c>
      <c r="AP1314" s="53">
        <v>4649169.1058668504</v>
      </c>
      <c r="AQ1314" s="53">
        <v>4180311.4957047999</v>
      </c>
      <c r="AR1314" s="53">
        <v>8515473.5558954906</v>
      </c>
      <c r="AS1314" s="53">
        <v>19756860.9266943</v>
      </c>
      <c r="AT1314" s="53">
        <v>24261694.077486001</v>
      </c>
      <c r="AU1314" s="53">
        <v>29436058.5516885</v>
      </c>
      <c r="AV1314" s="53">
        <v>29677056.700727601</v>
      </c>
      <c r="AW1314" s="53">
        <v>24727090.512954202</v>
      </c>
      <c r="AX1314" s="53">
        <v>14592147.8233594</v>
      </c>
      <c r="AY1314" s="53">
        <v>4828308.1482623396</v>
      </c>
      <c r="AZ1314" s="53">
        <v>6254011.0540844398</v>
      </c>
      <c r="BA1314" s="53">
        <v>180844839.487948</v>
      </c>
    </row>
    <row r="1315" spans="1:53">
      <c r="A1315" s="52" t="s">
        <v>702</v>
      </c>
    </row>
    <row r="1316" spans="1:53">
      <c r="A1316" s="52" t="s">
        <v>649</v>
      </c>
      <c r="B1316" s="53">
        <v>7218731.6560317604</v>
      </c>
      <c r="C1316" s="53">
        <v>6076205.9289189503</v>
      </c>
      <c r="D1316" s="53">
        <v>5033233.3454117002</v>
      </c>
      <c r="E1316" s="53">
        <v>2453549.81654354</v>
      </c>
      <c r="F1316" s="53">
        <v>648137.41459963098</v>
      </c>
      <c r="G1316" s="53">
        <v>-506523.21126952802</v>
      </c>
      <c r="H1316" s="53">
        <v>-317917.25104538898</v>
      </c>
      <c r="I1316" s="53">
        <v>-104014.913652683</v>
      </c>
      <c r="J1316" s="53">
        <v>192213.69829495999</v>
      </c>
      <c r="K1316" s="53">
        <v>1558686.7673575799</v>
      </c>
      <c r="L1316" s="53">
        <v>3989624.2935184301</v>
      </c>
      <c r="M1316" s="53">
        <v>3560179.7927134698</v>
      </c>
      <c r="N1316" s="53">
        <v>29802107.337422401</v>
      </c>
      <c r="O1316" s="53">
        <v>10879547.414821601</v>
      </c>
      <c r="P1316" s="53">
        <v>10533718.462548099</v>
      </c>
      <c r="Q1316" s="53">
        <v>9875136.4593703598</v>
      </c>
      <c r="R1316" s="53">
        <v>7836380.1952155698</v>
      </c>
      <c r="S1316" s="53">
        <v>7737432.0266792597</v>
      </c>
      <c r="T1316" s="53">
        <v>6828265.5695787901</v>
      </c>
      <c r="U1316" s="53">
        <v>6716255.4473133199</v>
      </c>
      <c r="V1316" s="53">
        <v>6738196.6947743203</v>
      </c>
      <c r="W1316" s="53">
        <v>6636307.6597905001</v>
      </c>
      <c r="X1316" s="53">
        <v>7971113.5292767901</v>
      </c>
      <c r="Y1316" s="53">
        <v>8541650.2152754292</v>
      </c>
      <c r="Z1316" s="53">
        <v>8719441.4346413407</v>
      </c>
      <c r="AA1316" s="53">
        <v>99013445.109285504</v>
      </c>
      <c r="AB1316" s="53">
        <v>12080785.344217001</v>
      </c>
      <c r="AC1316" s="53">
        <v>11651799.7143913</v>
      </c>
      <c r="AD1316" s="53">
        <v>11491187.4793467</v>
      </c>
      <c r="AE1316" s="53">
        <v>9548359.72060013</v>
      </c>
      <c r="AF1316" s="53">
        <v>8747783.3340059109</v>
      </c>
      <c r="AG1316" s="53">
        <v>8218058.8797219498</v>
      </c>
      <c r="AH1316" s="53">
        <v>8278619.6004258096</v>
      </c>
      <c r="AI1316" s="53">
        <v>8308020.1416396499</v>
      </c>
      <c r="AJ1316" s="53">
        <v>8116964.5513831098</v>
      </c>
      <c r="AK1316" s="53">
        <v>8840986.2021257896</v>
      </c>
      <c r="AL1316" s="53">
        <v>9664607.1328946594</v>
      </c>
      <c r="AM1316" s="53">
        <v>9885787.6704442799</v>
      </c>
      <c r="AN1316" s="53">
        <v>114832959.77119599</v>
      </c>
      <c r="AO1316" s="53">
        <v>10635897.274225701</v>
      </c>
      <c r="AP1316" s="53">
        <v>10846350.2420482</v>
      </c>
      <c r="AQ1316" s="53">
        <v>10275474.654750301</v>
      </c>
      <c r="AR1316" s="53">
        <v>8764534.2034978997</v>
      </c>
      <c r="AS1316" s="53">
        <v>7751278.7869478604</v>
      </c>
      <c r="AT1316" s="53">
        <v>7236684.0452761399</v>
      </c>
      <c r="AU1316" s="53">
        <v>7225027.4822321301</v>
      </c>
      <c r="AV1316" s="53">
        <v>7223498.5982780801</v>
      </c>
      <c r="AW1316" s="53">
        <v>7150318.9687357303</v>
      </c>
      <c r="AX1316" s="53">
        <v>7862363.9665323095</v>
      </c>
      <c r="AY1316" s="53">
        <v>9385504.8733291402</v>
      </c>
      <c r="AZ1316" s="53">
        <v>8988787.2571279295</v>
      </c>
      <c r="BA1316" s="53">
        <v>103345720.352981</v>
      </c>
    </row>
    <row r="1317" spans="1:53">
      <c r="A1317" s="52" t="s">
        <v>703</v>
      </c>
    </row>
    <row r="1318" spans="1:53">
      <c r="A1318" s="52" t="s">
        <v>704</v>
      </c>
    </row>
    <row r="1319" spans="1:53">
      <c r="A1319" s="52" t="s">
        <v>705</v>
      </c>
      <c r="B1319" s="53">
        <v>550482.52366279601</v>
      </c>
      <c r="C1319" s="53">
        <v>914131.01452470501</v>
      </c>
      <c r="D1319" s="53">
        <v>828653.87451431295</v>
      </c>
      <c r="E1319" s="53">
        <v>2300964.9192891298</v>
      </c>
      <c r="F1319" s="53">
        <v>5216363.6559682302</v>
      </c>
      <c r="G1319" s="53">
        <v>6633253.9034974501</v>
      </c>
      <c r="H1319" s="53">
        <v>7861375.33485959</v>
      </c>
      <c r="I1319" s="53">
        <v>7714059.4223076198</v>
      </c>
      <c r="J1319" s="53">
        <v>6457601.0762378899</v>
      </c>
      <c r="K1319" s="53">
        <v>3759593.1717779101</v>
      </c>
      <c r="L1319" s="53">
        <v>1025030.0845288699</v>
      </c>
      <c r="M1319" s="53">
        <v>2049409.00589129</v>
      </c>
      <c r="N1319" s="53">
        <v>45310917.987059802</v>
      </c>
      <c r="O1319" s="53">
        <v>576099.15165564802</v>
      </c>
      <c r="P1319" s="53">
        <v>302810.93651449902</v>
      </c>
      <c r="Q1319" s="53">
        <v>-35318.6162825793</v>
      </c>
      <c r="R1319" s="53">
        <v>1253455.8486766701</v>
      </c>
      <c r="S1319" s="53">
        <v>3896191.7314319899</v>
      </c>
      <c r="T1319" s="53">
        <v>5155926.5216016797</v>
      </c>
      <c r="U1319" s="53">
        <v>6487610.5248500695</v>
      </c>
      <c r="V1319" s="53">
        <v>6536434.92475719</v>
      </c>
      <c r="W1319" s="53">
        <v>5264132.3467682898</v>
      </c>
      <c r="X1319" s="53">
        <v>2454986.5488812602</v>
      </c>
      <c r="Y1319" s="53">
        <v>168856.20571213</v>
      </c>
      <c r="Z1319" s="53">
        <v>941133.47976009303</v>
      </c>
      <c r="AA1319" s="53">
        <v>33002319.6043269</v>
      </c>
      <c r="AB1319" s="53">
        <v>1466930.16926627</v>
      </c>
      <c r="AC1319" s="53">
        <v>613601.92466485105</v>
      </c>
      <c r="AD1319" s="53">
        <v>360552.68483356101</v>
      </c>
      <c r="AE1319" s="53">
        <v>1637796.8019566301</v>
      </c>
      <c r="AF1319" s="53">
        <v>4573778.3929347899</v>
      </c>
      <c r="AG1319" s="53">
        <v>5873193.3092032196</v>
      </c>
      <c r="AH1319" s="53">
        <v>7303644.8791967602</v>
      </c>
      <c r="AI1319" s="53">
        <v>7354879.6158872303</v>
      </c>
      <c r="AJ1319" s="53">
        <v>6063453.0173869496</v>
      </c>
      <c r="AK1319" s="53">
        <v>3274371.3952759998</v>
      </c>
      <c r="AL1319" s="53">
        <v>857172.669953214</v>
      </c>
      <c r="AM1319" s="53">
        <v>1608757.3964031099</v>
      </c>
      <c r="AN1319" s="53">
        <v>40988132.256962597</v>
      </c>
      <c r="AO1319" s="53">
        <v>2722409.65123385</v>
      </c>
      <c r="AP1319" s="53">
        <v>1248678.91999333</v>
      </c>
      <c r="AQ1319" s="53">
        <v>1118736.0197216601</v>
      </c>
      <c r="AR1319" s="53">
        <v>2320217.0643701302</v>
      </c>
      <c r="AS1319" s="53">
        <v>5435743.9245058596</v>
      </c>
      <c r="AT1319" s="53">
        <v>6684248.9549595797</v>
      </c>
      <c r="AU1319" s="53">
        <v>8118313.1831336301</v>
      </c>
      <c r="AV1319" s="53">
        <v>8185105.3131268397</v>
      </c>
      <c r="AW1319" s="53">
        <v>6813232.5979465004</v>
      </c>
      <c r="AX1319" s="53">
        <v>4004354.5534631899</v>
      </c>
      <c r="AY1319" s="53">
        <v>1298326.9287197101</v>
      </c>
      <c r="AZ1319" s="53">
        <v>1693457.48966815</v>
      </c>
      <c r="BA1319" s="53">
        <v>49642824.600842401</v>
      </c>
    </row>
    <row r="1320" spans="1:53">
      <c r="A1320" s="52" t="s">
        <v>706</v>
      </c>
    </row>
    <row r="1321" spans="1:53">
      <c r="A1321" s="52" t="s">
        <v>705</v>
      </c>
      <c r="B1321" s="53">
        <v>3599189.0404723901</v>
      </c>
      <c r="C1321" s="53">
        <v>3282540.4388538199</v>
      </c>
      <c r="D1321" s="53">
        <v>2993482.7815451901</v>
      </c>
      <c r="E1321" s="53">
        <v>2278528.9186691502</v>
      </c>
      <c r="F1321" s="53">
        <v>1778162.6697051099</v>
      </c>
      <c r="G1321" s="53">
        <v>1458150.90642567</v>
      </c>
      <c r="H1321" s="53">
        <v>1510422.6515117299</v>
      </c>
      <c r="I1321" s="53">
        <v>1569705.23431142</v>
      </c>
      <c r="J1321" s="53">
        <v>1651804.3709056301</v>
      </c>
      <c r="K1321" s="53">
        <v>2030519.5072041601</v>
      </c>
      <c r="L1321" s="53">
        <v>2704248.7283623698</v>
      </c>
      <c r="M1321" s="53">
        <v>2585229.0884315502</v>
      </c>
      <c r="N1321" s="53">
        <v>27441984.336398199</v>
      </c>
      <c r="O1321" s="53">
        <v>4273703.3121828698</v>
      </c>
      <c r="P1321" s="53">
        <v>4177857.5456167702</v>
      </c>
      <c r="Q1321" s="53">
        <v>3995332.9289638102</v>
      </c>
      <c r="R1321" s="53">
        <v>3430295.9194978899</v>
      </c>
      <c r="S1321" s="53">
        <v>3402872.64275565</v>
      </c>
      <c r="T1321" s="53">
        <v>3150899.0718787299</v>
      </c>
      <c r="U1321" s="53">
        <v>3119855.7021402498</v>
      </c>
      <c r="V1321" s="53">
        <v>3125936.6727139698</v>
      </c>
      <c r="W1321" s="53">
        <v>3097698.34102281</v>
      </c>
      <c r="X1321" s="53">
        <v>3467636.97958036</v>
      </c>
      <c r="Y1321" s="53">
        <v>3625760.0218072399</v>
      </c>
      <c r="Z1321" s="53">
        <v>3675034.4842165401</v>
      </c>
      <c r="AA1321" s="53">
        <v>42542883.622376896</v>
      </c>
      <c r="AB1321" s="53">
        <v>4029427.6755829598</v>
      </c>
      <c r="AC1321" s="53">
        <v>3910535.2107786601</v>
      </c>
      <c r="AD1321" s="53">
        <v>3866021.8677327801</v>
      </c>
      <c r="AE1321" s="53">
        <v>3327571.24172591</v>
      </c>
      <c r="AF1321" s="53">
        <v>3105693.1804375099</v>
      </c>
      <c r="AG1321" s="53">
        <v>2958881.1623693998</v>
      </c>
      <c r="AH1321" s="53">
        <v>2975665.43870456</v>
      </c>
      <c r="AI1321" s="53">
        <v>2983813.7368489802</v>
      </c>
      <c r="AJ1321" s="53">
        <v>2930863.08195299</v>
      </c>
      <c r="AK1321" s="53">
        <v>3131524.1592563302</v>
      </c>
      <c r="AL1321" s="53">
        <v>3359788.9674815098</v>
      </c>
      <c r="AM1321" s="53">
        <v>3421088.6881427802</v>
      </c>
      <c r="AN1321" s="53">
        <v>40000874.4110144</v>
      </c>
      <c r="AO1321" s="53">
        <v>3562423.1820731498</v>
      </c>
      <c r="AP1321" s="53">
        <v>3620749.77935324</v>
      </c>
      <c r="AQ1321" s="53">
        <v>3462532.8113442701</v>
      </c>
      <c r="AR1321" s="53">
        <v>3043778.8440029402</v>
      </c>
      <c r="AS1321" s="53">
        <v>2762957.2369973902</v>
      </c>
      <c r="AT1321" s="53">
        <v>2620338.3869498</v>
      </c>
      <c r="AU1321" s="53">
        <v>2617107.7950252802</v>
      </c>
      <c r="AV1321" s="53">
        <v>2616684.06805389</v>
      </c>
      <c r="AW1321" s="53">
        <v>2596402.4876818601</v>
      </c>
      <c r="AX1321" s="53">
        <v>2793744.2608177201</v>
      </c>
      <c r="AY1321" s="53">
        <v>3215879.5587457898</v>
      </c>
      <c r="AZ1321" s="53">
        <v>3105930.1060319301</v>
      </c>
      <c r="BA1321" s="53">
        <v>36018528.517077297</v>
      </c>
    </row>
    <row r="1322" spans="1:53">
      <c r="A1322" s="52" t="s">
        <v>678</v>
      </c>
    </row>
    <row r="1323" spans="1:53">
      <c r="A1323" s="52" t="s">
        <v>707</v>
      </c>
    </row>
    <row r="1324" spans="1:53">
      <c r="A1324" s="52" t="s">
        <v>680</v>
      </c>
      <c r="AR1324" s="53">
        <v>2139049.0324459602</v>
      </c>
      <c r="AT1324" s="53">
        <v>2139049.0324459602</v>
      </c>
      <c r="AW1324" s="53">
        <v>-389417.81489192997</v>
      </c>
      <c r="AZ1324" s="53">
        <v>6207896.75</v>
      </c>
      <c r="BA1324" s="53">
        <v>10096577</v>
      </c>
    </row>
    <row r="1325" spans="1:53">
      <c r="A1325" s="52" t="s">
        <v>682</v>
      </c>
      <c r="R1325" s="53">
        <v>653618.28589936602</v>
      </c>
      <c r="T1325" s="53">
        <v>653618.28589936602</v>
      </c>
      <c r="W1325" s="53">
        <v>44054.928201267503</v>
      </c>
      <c r="Z1325" s="53">
        <v>3530499.1369385002</v>
      </c>
      <c r="AA1325" s="53">
        <v>4881790.6369385002</v>
      </c>
      <c r="AD1325" s="53">
        <v>569975.36306149303</v>
      </c>
      <c r="AE1325" s="53">
        <v>268227.196505973</v>
      </c>
      <c r="AG1325" s="53">
        <v>268227.196505973</v>
      </c>
      <c r="AJ1325" s="53">
        <v>552541.10698805295</v>
      </c>
      <c r="AM1325" s="53">
        <v>942761.86000176403</v>
      </c>
      <c r="AN1325" s="53">
        <v>2601732.7230632501</v>
      </c>
      <c r="AQ1325" s="53">
        <v>585831.63999823504</v>
      </c>
      <c r="AW1325" s="53">
        <v>659574.44485419604</v>
      </c>
      <c r="AZ1325" s="53">
        <v>1678522.3330246501</v>
      </c>
      <c r="BA1325" s="53">
        <v>2923928.4178770799</v>
      </c>
    </row>
    <row r="1326" spans="1:53">
      <c r="A1326" s="52" t="s">
        <v>672</v>
      </c>
    </row>
    <row r="1327" spans="1:53">
      <c r="A1327" s="52" t="s">
        <v>678</v>
      </c>
    </row>
    <row r="1328" spans="1:53">
      <c r="A1328" s="52" t="s">
        <v>679</v>
      </c>
    </row>
    <row r="1329" spans="1:53">
      <c r="A1329" s="52" t="s">
        <v>680</v>
      </c>
      <c r="AR1329" s="53">
        <v>-2139049.0324459602</v>
      </c>
      <c r="AT1329" s="53">
        <v>-2139049.0324459602</v>
      </c>
      <c r="AW1329" s="53">
        <v>389417.81489192997</v>
      </c>
      <c r="AZ1329" s="53">
        <v>-6207896.75</v>
      </c>
      <c r="BA1329" s="53">
        <v>-10096577</v>
      </c>
    </row>
    <row r="1330" spans="1:53">
      <c r="A1330" s="52" t="s">
        <v>681</v>
      </c>
    </row>
    <row r="1331" spans="1:53">
      <c r="A1331" s="52" t="s">
        <v>682</v>
      </c>
      <c r="R1331" s="53">
        <v>-653618.28589936602</v>
      </c>
      <c r="T1331" s="53">
        <v>-653618.28589936602</v>
      </c>
      <c r="W1331" s="53">
        <v>-44054.928201267503</v>
      </c>
      <c r="Z1331" s="53">
        <v>-3530499.1369385002</v>
      </c>
      <c r="AA1331" s="53">
        <v>-4881790.6369385002</v>
      </c>
      <c r="AD1331" s="53">
        <v>-569975.36306149303</v>
      </c>
      <c r="AE1331" s="53">
        <v>-268227.196505973</v>
      </c>
      <c r="AG1331" s="53">
        <v>-268227.196505973</v>
      </c>
      <c r="AJ1331" s="53">
        <v>-552541.10698805295</v>
      </c>
      <c r="AM1331" s="53">
        <v>-942761.86000176403</v>
      </c>
      <c r="AN1331" s="53">
        <v>-2601732.7230632501</v>
      </c>
      <c r="AQ1331" s="53">
        <v>-585831.63999823504</v>
      </c>
      <c r="AW1331" s="53">
        <v>-659574.44485419604</v>
      </c>
      <c r="AZ1331" s="53">
        <v>-1678522.3330246501</v>
      </c>
      <c r="BA1331" s="53">
        <v>-2923928.4178770799</v>
      </c>
    </row>
    <row r="1332" spans="1:53">
      <c r="A1332" s="52" t="s">
        <v>708</v>
      </c>
      <c r="B1332" s="53">
        <v>16985886.553273801</v>
      </c>
      <c r="C1332" s="53">
        <v>17202470.588341601</v>
      </c>
      <c r="D1332" s="53">
        <v>15476546.1450596</v>
      </c>
      <c r="E1332" s="53">
        <v>18966585.740555</v>
      </c>
      <c r="F1332" s="53">
        <v>30095494.540762</v>
      </c>
      <c r="G1332" s="53">
        <v>35150110.028636597</v>
      </c>
      <c r="H1332" s="53">
        <v>41050394.584469303</v>
      </c>
      <c r="I1332" s="53">
        <v>40644720.994910799</v>
      </c>
      <c r="J1332" s="53">
        <v>35233060.237791397</v>
      </c>
      <c r="K1332" s="53">
        <v>24545337.472509202</v>
      </c>
      <c r="L1332" s="53">
        <v>15048640.320496099</v>
      </c>
      <c r="M1332" s="53">
        <v>19220700.5001113</v>
      </c>
      <c r="N1332" s="53">
        <v>309619947.70691699</v>
      </c>
      <c r="O1332" s="53">
        <v>20212217.035634</v>
      </c>
      <c r="P1332" s="53">
        <v>18511180.532657601</v>
      </c>
      <c r="Q1332" s="53">
        <v>16111911.455437399</v>
      </c>
      <c r="R1332" s="53">
        <v>19447025.238979001</v>
      </c>
      <c r="S1332" s="53">
        <v>31498861.238870099</v>
      </c>
      <c r="T1332" s="53">
        <v>36142808.166683801</v>
      </c>
      <c r="U1332" s="53">
        <v>42136396.6860127</v>
      </c>
      <c r="V1332" s="53">
        <v>42389410.615983002</v>
      </c>
      <c r="W1332" s="53">
        <v>36396281.642193697</v>
      </c>
      <c r="X1332" s="53">
        <v>25155971.559792701</v>
      </c>
      <c r="Y1332" s="53">
        <v>15349727.006632401</v>
      </c>
      <c r="Z1332" s="53">
        <v>19135586.7812705</v>
      </c>
      <c r="AA1332" s="53">
        <v>322487377.96014702</v>
      </c>
      <c r="AB1332" s="53">
        <v>23253951.536855198</v>
      </c>
      <c r="AC1332" s="53">
        <v>18773781.740511902</v>
      </c>
      <c r="AD1332" s="53">
        <v>17402559.256326199</v>
      </c>
      <c r="AE1332" s="53">
        <v>20807053.989478901</v>
      </c>
      <c r="AF1332" s="53">
        <v>33314136.527658299</v>
      </c>
      <c r="AG1332" s="53">
        <v>38625540.246728703</v>
      </c>
      <c r="AH1332" s="53">
        <v>45294666.160401598</v>
      </c>
      <c r="AI1332" s="53">
        <v>45568313.9818362</v>
      </c>
      <c r="AJ1332" s="53">
        <v>39373179.1659583</v>
      </c>
      <c r="AK1332" s="53">
        <v>27445266.673567601</v>
      </c>
      <c r="AL1332" s="53">
        <v>17358261.1955969</v>
      </c>
      <c r="AM1332" s="53">
        <v>21104180.525057402</v>
      </c>
      <c r="AN1332" s="53">
        <v>348320890.99997699</v>
      </c>
      <c r="AO1332" s="53">
        <v>26887387.642757401</v>
      </c>
      <c r="AP1332" s="53">
        <v>20364948.047261599</v>
      </c>
      <c r="AQ1332" s="53">
        <v>19037054.9815211</v>
      </c>
      <c r="AR1332" s="53">
        <v>22644003.6677664</v>
      </c>
      <c r="AS1332" s="53">
        <v>35706840.875145398</v>
      </c>
      <c r="AT1332" s="53">
        <v>40802965.4646715</v>
      </c>
      <c r="AU1332" s="53">
        <v>47396507.0120795</v>
      </c>
      <c r="AV1332" s="53">
        <v>47702344.680186503</v>
      </c>
      <c r="AW1332" s="53">
        <v>41287044.567318298</v>
      </c>
      <c r="AX1332" s="53">
        <v>29252610.604172599</v>
      </c>
      <c r="AY1332" s="53">
        <v>18728019.5090569</v>
      </c>
      <c r="AZ1332" s="53">
        <v>20042185.906912401</v>
      </c>
      <c r="BA1332" s="53">
        <v>369851912.95885003</v>
      </c>
    </row>
    <row r="1333" spans="1:53">
      <c r="A1333" s="52" t="s">
        <v>699</v>
      </c>
    </row>
    <row r="1334" spans="1:53">
      <c r="A1334" s="52" t="s">
        <v>709</v>
      </c>
    </row>
    <row r="1335" spans="1:53">
      <c r="A1335" s="52" t="s">
        <v>710</v>
      </c>
    </row>
    <row r="1336" spans="1:53">
      <c r="A1336" s="52" t="s">
        <v>711</v>
      </c>
      <c r="B1336" s="53">
        <v>843750</v>
      </c>
      <c r="C1336" s="53">
        <v>843750</v>
      </c>
      <c r="D1336" s="53">
        <v>843750</v>
      </c>
      <c r="E1336" s="53">
        <v>843750</v>
      </c>
      <c r="F1336" s="53">
        <v>843750</v>
      </c>
      <c r="G1336" s="53">
        <v>843750</v>
      </c>
      <c r="H1336" s="53">
        <v>843750</v>
      </c>
      <c r="I1336" s="53">
        <v>843750</v>
      </c>
      <c r="J1336" s="53">
        <v>843750</v>
      </c>
      <c r="K1336" s="53">
        <v>843750</v>
      </c>
      <c r="L1336" s="53">
        <v>843750</v>
      </c>
      <c r="M1336" s="53">
        <v>843750</v>
      </c>
      <c r="N1336" s="53">
        <v>10125000</v>
      </c>
      <c r="O1336" s="53">
        <v>843750</v>
      </c>
      <c r="P1336" s="53">
        <v>843750</v>
      </c>
      <c r="Q1336" s="53">
        <v>843750</v>
      </c>
      <c r="R1336" s="53">
        <v>843750</v>
      </c>
      <c r="S1336" s="53">
        <v>843750</v>
      </c>
      <c r="T1336" s="53">
        <v>843750</v>
      </c>
      <c r="U1336" s="53">
        <v>843750</v>
      </c>
      <c r="V1336" s="53">
        <v>843750</v>
      </c>
      <c r="W1336" s="53">
        <v>843750</v>
      </c>
      <c r="X1336" s="53">
        <v>843750</v>
      </c>
      <c r="Y1336" s="53">
        <v>843750</v>
      </c>
      <c r="Z1336" s="53">
        <v>843750</v>
      </c>
      <c r="AA1336" s="53">
        <v>10125000</v>
      </c>
      <c r="AB1336" s="53">
        <v>843750</v>
      </c>
      <c r="AC1336" s="53">
        <v>843750</v>
      </c>
      <c r="AD1336" s="53">
        <v>843750</v>
      </c>
      <c r="AE1336" s="53">
        <v>843750</v>
      </c>
      <c r="AF1336" s="53">
        <v>843750</v>
      </c>
      <c r="AG1336" s="53">
        <v>843750</v>
      </c>
      <c r="AH1336" s="53">
        <v>843750</v>
      </c>
      <c r="AI1336" s="53">
        <v>843750</v>
      </c>
      <c r="AJ1336" s="53">
        <v>843750</v>
      </c>
      <c r="AK1336" s="53">
        <v>843750</v>
      </c>
      <c r="AL1336" s="53">
        <v>843750</v>
      </c>
      <c r="AM1336" s="53">
        <v>843750</v>
      </c>
      <c r="AN1336" s="53">
        <v>10125000</v>
      </c>
      <c r="AO1336" s="53">
        <v>843750</v>
      </c>
      <c r="AP1336" s="53">
        <v>843750</v>
      </c>
      <c r="AQ1336" s="53">
        <v>843750</v>
      </c>
      <c r="AR1336" s="53">
        <v>843750</v>
      </c>
      <c r="AS1336" s="53">
        <v>843750</v>
      </c>
      <c r="AT1336" s="53">
        <v>843750</v>
      </c>
      <c r="AU1336" s="53">
        <v>843750</v>
      </c>
      <c r="AV1336" s="53">
        <v>843750</v>
      </c>
      <c r="AW1336" s="53">
        <v>843750</v>
      </c>
      <c r="AX1336" s="53">
        <v>843750</v>
      </c>
      <c r="AY1336" s="53">
        <v>843750</v>
      </c>
      <c r="AZ1336" s="53">
        <v>843750</v>
      </c>
      <c r="BA1336" s="53">
        <v>10125000</v>
      </c>
    </row>
    <row r="1337" spans="1:53">
      <c r="A1337" s="52" t="s">
        <v>712</v>
      </c>
      <c r="B1337" s="53">
        <v>1106250</v>
      </c>
      <c r="C1337" s="53">
        <v>1106250</v>
      </c>
      <c r="D1337" s="53">
        <v>1106250</v>
      </c>
      <c r="E1337" s="53">
        <v>1106250</v>
      </c>
      <c r="F1337" s="53">
        <v>1106250</v>
      </c>
      <c r="G1337" s="53">
        <v>1106250</v>
      </c>
      <c r="H1337" s="53">
        <v>1106250</v>
      </c>
      <c r="I1337" s="53">
        <v>1106250</v>
      </c>
      <c r="J1337" s="53">
        <v>1106250</v>
      </c>
      <c r="K1337" s="53">
        <v>1106250</v>
      </c>
      <c r="L1337" s="53">
        <v>1106250</v>
      </c>
      <c r="M1337" s="53">
        <v>1106250</v>
      </c>
      <c r="N1337" s="53">
        <v>13275000</v>
      </c>
      <c r="O1337" s="53">
        <v>1106250</v>
      </c>
      <c r="P1337" s="53">
        <v>1106250</v>
      </c>
      <c r="Q1337" s="53">
        <v>1106250</v>
      </c>
      <c r="R1337" s="53">
        <v>1106250</v>
      </c>
      <c r="S1337" s="53">
        <v>1106250</v>
      </c>
      <c r="T1337" s="53">
        <v>1106250</v>
      </c>
      <c r="U1337" s="53">
        <v>1106250</v>
      </c>
      <c r="V1337" s="53">
        <v>1106250</v>
      </c>
      <c r="W1337" s="53">
        <v>1106250</v>
      </c>
      <c r="X1337" s="53">
        <v>1106250</v>
      </c>
      <c r="Y1337" s="53">
        <v>1106250</v>
      </c>
      <c r="Z1337" s="53">
        <v>1106250</v>
      </c>
      <c r="AA1337" s="53">
        <v>13275000</v>
      </c>
      <c r="AB1337" s="53">
        <v>1106250</v>
      </c>
      <c r="AC1337" s="53">
        <v>1106250</v>
      </c>
      <c r="AD1337" s="53">
        <v>1106250</v>
      </c>
      <c r="AE1337" s="53">
        <v>1106250</v>
      </c>
      <c r="AF1337" s="53">
        <v>1106250</v>
      </c>
      <c r="AG1337" s="53">
        <v>1106250</v>
      </c>
      <c r="AH1337" s="53">
        <v>1106250</v>
      </c>
      <c r="AI1337" s="53">
        <v>1106250</v>
      </c>
      <c r="AJ1337" s="53">
        <v>1106250</v>
      </c>
      <c r="AK1337" s="53">
        <v>1106250</v>
      </c>
      <c r="AL1337" s="53">
        <v>1106250</v>
      </c>
      <c r="AM1337" s="53">
        <v>1106250</v>
      </c>
      <c r="AN1337" s="53">
        <v>13275000</v>
      </c>
      <c r="AO1337" s="53">
        <v>1106250</v>
      </c>
      <c r="AP1337" s="53">
        <v>1106250</v>
      </c>
      <c r="AQ1337" s="53">
        <v>1106250</v>
      </c>
      <c r="AR1337" s="53">
        <v>1106250</v>
      </c>
      <c r="AS1337" s="53">
        <v>1106250</v>
      </c>
      <c r="AT1337" s="53">
        <v>1106250</v>
      </c>
      <c r="AU1337" s="53">
        <v>1106250</v>
      </c>
      <c r="AV1337" s="53">
        <v>1106250</v>
      </c>
      <c r="AW1337" s="53">
        <v>1106250</v>
      </c>
      <c r="AX1337" s="53">
        <v>1106250</v>
      </c>
      <c r="AY1337" s="53">
        <v>1106250</v>
      </c>
      <c r="AZ1337" s="53">
        <v>1106250</v>
      </c>
      <c r="BA1337" s="53">
        <v>13275000</v>
      </c>
    </row>
    <row r="1338" spans="1:53">
      <c r="A1338" s="52" t="s">
        <v>713</v>
      </c>
      <c r="B1338" s="53">
        <v>2645833.3333333302</v>
      </c>
      <c r="C1338" s="53">
        <v>2645833.3333333302</v>
      </c>
      <c r="D1338" s="53">
        <v>2645833.3333333302</v>
      </c>
      <c r="E1338" s="53">
        <v>2645833.3333333302</v>
      </c>
      <c r="F1338" s="53">
        <v>2645833.3333333302</v>
      </c>
      <c r="G1338" s="53">
        <v>2645833.3333333302</v>
      </c>
      <c r="H1338" s="53">
        <v>2645833.3333333302</v>
      </c>
      <c r="I1338" s="53">
        <v>2645833.3333333302</v>
      </c>
      <c r="J1338" s="53">
        <v>2645833.3333333302</v>
      </c>
      <c r="K1338" s="53">
        <v>2645833.3333333302</v>
      </c>
      <c r="L1338" s="53">
        <v>2645833.3333333302</v>
      </c>
      <c r="M1338" s="53">
        <v>2645833.3333333302</v>
      </c>
      <c r="N1338" s="53">
        <v>31749999.999999899</v>
      </c>
      <c r="O1338" s="53">
        <v>2645833.3333333302</v>
      </c>
      <c r="P1338" s="53">
        <v>2645833.3333333302</v>
      </c>
      <c r="Q1338" s="53">
        <v>2645833.3333333302</v>
      </c>
      <c r="R1338" s="53">
        <v>2645833.3333333302</v>
      </c>
      <c r="S1338" s="53">
        <v>2645833.3333333302</v>
      </c>
      <c r="T1338" s="53">
        <v>2645833.3333333302</v>
      </c>
      <c r="U1338" s="53">
        <v>2645833.3333333302</v>
      </c>
      <c r="V1338" s="53">
        <v>2645833.3333333302</v>
      </c>
      <c r="W1338" s="53">
        <v>2645833.3333333302</v>
      </c>
      <c r="X1338" s="53">
        <v>2645833.3333333302</v>
      </c>
      <c r="Y1338" s="53">
        <v>2645833.3333333302</v>
      </c>
      <c r="Z1338" s="53">
        <v>2645833.3333333302</v>
      </c>
      <c r="AA1338" s="53">
        <v>31749999.999999899</v>
      </c>
      <c r="AB1338" s="53">
        <v>2645833.3333333302</v>
      </c>
      <c r="AC1338" s="53">
        <v>2645833.3333333302</v>
      </c>
      <c r="AD1338" s="53">
        <v>2645833.3333333302</v>
      </c>
      <c r="AE1338" s="53">
        <v>2645833.3333333302</v>
      </c>
      <c r="AF1338" s="53">
        <v>2645833.3333333302</v>
      </c>
      <c r="AG1338" s="53">
        <v>2645833.3333333302</v>
      </c>
      <c r="AH1338" s="53">
        <v>2645833.3333333302</v>
      </c>
      <c r="AI1338" s="53">
        <v>2645833.3333333302</v>
      </c>
      <c r="AJ1338" s="53">
        <v>2645833.3333333302</v>
      </c>
      <c r="AK1338" s="53">
        <v>2645833.3333333302</v>
      </c>
      <c r="AL1338" s="53">
        <v>2645833.3333333302</v>
      </c>
      <c r="AM1338" s="53">
        <v>2645833.3333333302</v>
      </c>
      <c r="AN1338" s="53">
        <v>31749999.999999899</v>
      </c>
      <c r="AO1338" s="53">
        <v>2645833.3333333302</v>
      </c>
      <c r="AP1338" s="53">
        <v>2645833.3333333302</v>
      </c>
      <c r="AQ1338" s="53">
        <v>2645833.3333333302</v>
      </c>
      <c r="AR1338" s="53">
        <v>2645833.3333333302</v>
      </c>
      <c r="AS1338" s="53">
        <v>2645833.3333333302</v>
      </c>
      <c r="AT1338" s="53">
        <v>2645833.3333333302</v>
      </c>
      <c r="AU1338" s="53">
        <v>2645833.3333333302</v>
      </c>
      <c r="AV1338" s="53">
        <v>2645833.3333333302</v>
      </c>
      <c r="AW1338" s="53">
        <v>2645833.3333333302</v>
      </c>
      <c r="AX1338" s="53">
        <v>2645833.3333333302</v>
      </c>
      <c r="AY1338" s="53">
        <v>2645833.3333333302</v>
      </c>
      <c r="AZ1338" s="53">
        <v>2645833.3333333302</v>
      </c>
      <c r="BA1338" s="53">
        <v>31749999.999999899</v>
      </c>
    </row>
    <row r="1339" spans="1:53">
      <c r="A1339" s="52" t="s">
        <v>714</v>
      </c>
    </row>
    <row r="1340" spans="1:53">
      <c r="A1340" s="52" t="s">
        <v>715</v>
      </c>
    </row>
    <row r="1341" spans="1:53">
      <c r="A1341" s="52" t="s">
        <v>716</v>
      </c>
      <c r="B1341" s="53">
        <v>5333333.3333333302</v>
      </c>
      <c r="C1341" s="53">
        <v>5333333.3333333302</v>
      </c>
      <c r="D1341" s="53">
        <v>5333333.3333333302</v>
      </c>
      <c r="E1341" s="53">
        <v>5333333.3333333302</v>
      </c>
      <c r="F1341" s="53">
        <v>5333333.3333333302</v>
      </c>
      <c r="G1341" s="53">
        <v>5333333.3333333302</v>
      </c>
      <c r="H1341" s="53">
        <v>5333333.3333333302</v>
      </c>
      <c r="I1341" s="53">
        <v>5333333.3333333302</v>
      </c>
      <c r="J1341" s="53">
        <v>5333333.3333333302</v>
      </c>
      <c r="K1341" s="53">
        <v>5333333.3333333302</v>
      </c>
      <c r="L1341" s="53">
        <v>5333333.3333333302</v>
      </c>
      <c r="M1341" s="53">
        <v>5333333.3333333302</v>
      </c>
      <c r="N1341" s="53">
        <v>64000000</v>
      </c>
      <c r="O1341" s="53">
        <v>5333333.3333333302</v>
      </c>
      <c r="P1341" s="53">
        <v>5333333.3333333302</v>
      </c>
      <c r="Q1341" s="53">
        <v>5333333.3333333302</v>
      </c>
      <c r="R1341" s="53">
        <v>5333333.3333333302</v>
      </c>
      <c r="S1341" s="53">
        <v>5333333.3333333302</v>
      </c>
      <c r="T1341" s="53">
        <v>5333333.3333333302</v>
      </c>
      <c r="U1341" s="53">
        <v>5333333.3333333302</v>
      </c>
      <c r="V1341" s="53">
        <v>5333333.3333333302</v>
      </c>
      <c r="W1341" s="53">
        <v>5333333.3333333302</v>
      </c>
      <c r="X1341" s="53">
        <v>5333333.3333333302</v>
      </c>
      <c r="Y1341" s="53">
        <v>5333333.3333333302</v>
      </c>
      <c r="Z1341" s="53">
        <v>5333333.3333333302</v>
      </c>
      <c r="AA1341" s="53">
        <v>64000000</v>
      </c>
      <c r="AB1341" s="53">
        <v>5333333.3333333302</v>
      </c>
      <c r="AC1341" s="53">
        <v>5333333.3333333302</v>
      </c>
      <c r="AD1341" s="53">
        <v>5333333.3333333302</v>
      </c>
      <c r="AE1341" s="53">
        <v>5333333.3333333302</v>
      </c>
      <c r="AF1341" s="53">
        <v>5333333.3333333302</v>
      </c>
      <c r="AG1341" s="53">
        <v>5333333.3333333302</v>
      </c>
      <c r="AH1341" s="53">
        <v>5333333.3333333302</v>
      </c>
      <c r="AI1341" s="53">
        <v>5333333.3333333302</v>
      </c>
      <c r="AJ1341" s="53">
        <v>5333333.3333333302</v>
      </c>
      <c r="AK1341" s="53">
        <v>5333333.3333333302</v>
      </c>
      <c r="AL1341" s="53">
        <v>5333333.3333333302</v>
      </c>
      <c r="AM1341" s="53">
        <v>5333333.3333333302</v>
      </c>
      <c r="AN1341" s="53">
        <v>64000000</v>
      </c>
      <c r="AO1341" s="53">
        <v>5333333.3333333302</v>
      </c>
      <c r="AP1341" s="53">
        <v>5333333.3333333302</v>
      </c>
      <c r="AQ1341" s="53">
        <v>5333333.3333333302</v>
      </c>
      <c r="AR1341" s="53">
        <v>5333333.3333333302</v>
      </c>
      <c r="AS1341" s="53">
        <v>5333333.3333333302</v>
      </c>
      <c r="AT1341" s="53">
        <v>5333333.3333333302</v>
      </c>
      <c r="AU1341" s="53">
        <v>5333333.3333333302</v>
      </c>
      <c r="AV1341" s="53">
        <v>5333333.3333333302</v>
      </c>
      <c r="AW1341" s="53">
        <v>5333333.3333333302</v>
      </c>
      <c r="AX1341" s="53">
        <v>5333333.3333333302</v>
      </c>
      <c r="AY1341" s="53">
        <v>5333333.3333333302</v>
      </c>
      <c r="AZ1341" s="53">
        <v>5333333.3333333302</v>
      </c>
      <c r="BA1341" s="53">
        <v>64000000</v>
      </c>
    </row>
    <row r="1342" spans="1:53">
      <c r="A1342" s="52" t="s">
        <v>717</v>
      </c>
      <c r="B1342" s="53">
        <v>1647916.66666666</v>
      </c>
      <c r="C1342" s="53">
        <v>1647916.66666666</v>
      </c>
      <c r="D1342" s="53">
        <v>1647916.66666666</v>
      </c>
      <c r="E1342" s="53">
        <v>1647916.66666666</v>
      </c>
      <c r="F1342" s="53">
        <v>1647916.66666666</v>
      </c>
      <c r="G1342" s="53">
        <v>1647916.66666666</v>
      </c>
      <c r="H1342" s="53">
        <v>1647916.66666666</v>
      </c>
      <c r="I1342" s="53">
        <v>1647916.66666666</v>
      </c>
      <c r="J1342" s="53">
        <v>1647916.66666666</v>
      </c>
      <c r="K1342" s="53">
        <v>1647916.66666666</v>
      </c>
      <c r="L1342" s="53">
        <v>1647916.66666666</v>
      </c>
      <c r="M1342" s="53">
        <v>1647916.66666666</v>
      </c>
      <c r="N1342" s="53">
        <v>19775000</v>
      </c>
      <c r="O1342" s="53">
        <v>1647916.66666666</v>
      </c>
      <c r="P1342" s="53">
        <v>1647916.66666666</v>
      </c>
      <c r="Q1342" s="53">
        <v>1647916.66666666</v>
      </c>
      <c r="R1342" s="53">
        <v>1647916.66666666</v>
      </c>
      <c r="S1342" s="53">
        <v>1647916.66666666</v>
      </c>
      <c r="T1342" s="53">
        <v>1647916.66666666</v>
      </c>
      <c r="U1342" s="53">
        <v>1647916.66666666</v>
      </c>
      <c r="V1342" s="53">
        <v>1647916.66666666</v>
      </c>
      <c r="W1342" s="53">
        <v>1647916.66666666</v>
      </c>
      <c r="X1342" s="53">
        <v>1647916.66666666</v>
      </c>
      <c r="Y1342" s="53">
        <v>1647916.66666666</v>
      </c>
      <c r="Z1342" s="53">
        <v>1647916.66666666</v>
      </c>
      <c r="AA1342" s="53">
        <v>19775000</v>
      </c>
      <c r="AB1342" s="53">
        <v>1647916.66666666</v>
      </c>
      <c r="AC1342" s="53">
        <v>1647916.66666666</v>
      </c>
      <c r="AD1342" s="53">
        <v>1647916.66666666</v>
      </c>
      <c r="AE1342" s="53">
        <v>1647916.66666666</v>
      </c>
      <c r="AF1342" s="53">
        <v>1647916.66666666</v>
      </c>
      <c r="AG1342" s="53">
        <v>1647916.66666666</v>
      </c>
      <c r="AH1342" s="53">
        <v>1647916.66666666</v>
      </c>
      <c r="AI1342" s="53">
        <v>1647916.66666666</v>
      </c>
      <c r="AJ1342" s="53">
        <v>1647916.66666666</v>
      </c>
      <c r="AK1342" s="53">
        <v>1647916.66666666</v>
      </c>
      <c r="AL1342" s="53">
        <v>1647916.66666666</v>
      </c>
      <c r="AM1342" s="53">
        <v>1647916.66666666</v>
      </c>
      <c r="AN1342" s="53">
        <v>19775000</v>
      </c>
      <c r="AO1342" s="53">
        <v>1647916.66666666</v>
      </c>
      <c r="AP1342" s="53">
        <v>1647916.66666666</v>
      </c>
      <c r="AQ1342" s="53">
        <v>1647916.66666666</v>
      </c>
      <c r="AR1342" s="53">
        <v>1647916.66666666</v>
      </c>
      <c r="AS1342" s="53">
        <v>1647916.66666666</v>
      </c>
      <c r="AT1342" s="53">
        <v>1647916.66666666</v>
      </c>
      <c r="AU1342" s="53">
        <v>1647916.66666666</v>
      </c>
      <c r="AV1342" s="53">
        <v>1647916.66666666</v>
      </c>
      <c r="AW1342" s="53">
        <v>1647916.66666666</v>
      </c>
      <c r="AX1342" s="53">
        <v>1647916.66666666</v>
      </c>
      <c r="AY1342" s="53">
        <v>1647916.66666666</v>
      </c>
      <c r="AZ1342" s="53">
        <v>1647916.66666666</v>
      </c>
      <c r="BA1342" s="53">
        <v>19775000</v>
      </c>
    </row>
    <row r="1343" spans="1:53">
      <c r="A1343" s="52" t="s">
        <v>718</v>
      </c>
      <c r="B1343" s="53">
        <v>1283333.33333333</v>
      </c>
      <c r="C1343" s="53">
        <v>1283333.33333333</v>
      </c>
      <c r="D1343" s="53">
        <v>1283333.33333333</v>
      </c>
      <c r="E1343" s="53">
        <v>1283333.33333333</v>
      </c>
      <c r="F1343" s="53">
        <v>1283333.33333333</v>
      </c>
      <c r="G1343" s="53">
        <v>1283333.33333333</v>
      </c>
      <c r="H1343" s="53">
        <v>1283333.33333333</v>
      </c>
      <c r="I1343" s="53">
        <v>1283333.33333333</v>
      </c>
      <c r="J1343" s="53">
        <v>1283333.33333333</v>
      </c>
      <c r="K1343" s="53">
        <v>1283333.33333333</v>
      </c>
      <c r="L1343" s="53">
        <v>1283333.33333333</v>
      </c>
      <c r="M1343" s="53">
        <v>1283333.33333333</v>
      </c>
      <c r="N1343" s="53">
        <v>15400000</v>
      </c>
      <c r="O1343" s="53">
        <v>1283333.33333333</v>
      </c>
      <c r="P1343" s="53">
        <v>1283333.33333333</v>
      </c>
      <c r="Q1343" s="53">
        <v>1283333.33333333</v>
      </c>
      <c r="R1343" s="53">
        <v>1283333.33333333</v>
      </c>
      <c r="S1343" s="53">
        <v>1283333.33333333</v>
      </c>
      <c r="T1343" s="53">
        <v>1283333.33333333</v>
      </c>
      <c r="U1343" s="53">
        <v>1283333.33333333</v>
      </c>
      <c r="V1343" s="53">
        <v>1283333.33333333</v>
      </c>
      <c r="W1343" s="53">
        <v>1283333.33333333</v>
      </c>
      <c r="X1343" s="53">
        <v>1283333.33333333</v>
      </c>
      <c r="Y1343" s="53">
        <v>1283333.33333333</v>
      </c>
      <c r="Z1343" s="53">
        <v>1283333.33333333</v>
      </c>
      <c r="AA1343" s="53">
        <v>15400000</v>
      </c>
      <c r="AB1343" s="53">
        <v>1283333.33333333</v>
      </c>
      <c r="AC1343" s="53">
        <v>1283333.33333333</v>
      </c>
      <c r="AD1343" s="53">
        <v>1283333.33333333</v>
      </c>
      <c r="AE1343" s="53">
        <v>1283333.33333333</v>
      </c>
      <c r="AF1343" s="53">
        <v>1283333.33333333</v>
      </c>
      <c r="AG1343" s="53">
        <v>1283333.33333333</v>
      </c>
      <c r="AH1343" s="53">
        <v>1283333.33333333</v>
      </c>
      <c r="AI1343" s="53">
        <v>1283333.33333333</v>
      </c>
      <c r="AJ1343" s="53">
        <v>1283333.33333333</v>
      </c>
      <c r="AK1343" s="53">
        <v>1283333.33333333</v>
      </c>
      <c r="AL1343" s="53">
        <v>1283333.33333333</v>
      </c>
      <c r="AM1343" s="53">
        <v>1283333.33333333</v>
      </c>
      <c r="AN1343" s="53">
        <v>15400000</v>
      </c>
      <c r="AO1343" s="53">
        <v>1283333.33333333</v>
      </c>
      <c r="AP1343" s="53">
        <v>1283333.33333333</v>
      </c>
      <c r="AQ1343" s="53">
        <v>1283333.33333333</v>
      </c>
      <c r="AR1343" s="53">
        <v>1283333.33333333</v>
      </c>
      <c r="AS1343" s="53">
        <v>1283333.33333333</v>
      </c>
      <c r="AT1343" s="53">
        <v>1283333.33333333</v>
      </c>
      <c r="AU1343" s="53">
        <v>1283333.33333333</v>
      </c>
      <c r="AV1343" s="53">
        <v>1283333.33333333</v>
      </c>
      <c r="AW1343" s="53">
        <v>1283333.33333333</v>
      </c>
      <c r="AX1343" s="53">
        <v>1283333.33333333</v>
      </c>
      <c r="AY1343" s="53">
        <v>1283333.33333333</v>
      </c>
      <c r="AZ1343" s="53">
        <v>1283333.33333333</v>
      </c>
      <c r="BA1343" s="53">
        <v>15400000</v>
      </c>
    </row>
    <row r="1344" spans="1:53">
      <c r="A1344" s="52" t="s">
        <v>719</v>
      </c>
      <c r="B1344" s="53">
        <v>291666.66666666599</v>
      </c>
      <c r="C1344" s="53">
        <v>291666.66666666599</v>
      </c>
      <c r="D1344" s="53">
        <v>291666.66666666599</v>
      </c>
      <c r="E1344" s="53">
        <v>291666.66666666599</v>
      </c>
      <c r="F1344" s="53">
        <v>291666.66666666599</v>
      </c>
      <c r="G1344" s="53">
        <v>291666.66666666599</v>
      </c>
      <c r="H1344" s="53">
        <v>291666.66666666599</v>
      </c>
      <c r="I1344" s="53">
        <v>291666.66666666599</v>
      </c>
      <c r="J1344" s="53">
        <v>291666.66666666599</v>
      </c>
      <c r="K1344" s="53">
        <v>291666.66666666599</v>
      </c>
      <c r="L1344" s="53">
        <v>291666.66666666599</v>
      </c>
      <c r="M1344" s="53">
        <v>291666.66666666599</v>
      </c>
      <c r="N1344" s="53">
        <v>3499999.9999999902</v>
      </c>
      <c r="O1344" s="53">
        <v>395833.33333333302</v>
      </c>
      <c r="P1344" s="53">
        <v>395833.33333333302</v>
      </c>
      <c r="Q1344" s="53">
        <v>395833.33333333302</v>
      </c>
      <c r="R1344" s="53">
        <v>395833.33333333302</v>
      </c>
      <c r="S1344" s="53">
        <v>395833.33333333302</v>
      </c>
      <c r="T1344" s="53">
        <v>395833.33333333302</v>
      </c>
      <c r="U1344" s="53">
        <v>395833.33333333302</v>
      </c>
      <c r="V1344" s="53">
        <v>395833.33333333302</v>
      </c>
      <c r="W1344" s="53">
        <v>395833.33333333302</v>
      </c>
      <c r="X1344" s="53">
        <v>395833.33333333302</v>
      </c>
      <c r="Y1344" s="53">
        <v>395833.33333333302</v>
      </c>
      <c r="Z1344" s="53">
        <v>395833.33333333302</v>
      </c>
      <c r="AA1344" s="53">
        <v>4750000</v>
      </c>
      <c r="AB1344" s="53">
        <v>447916.66666666599</v>
      </c>
      <c r="AC1344" s="53">
        <v>447916.66666666599</v>
      </c>
      <c r="AD1344" s="53">
        <v>447916.66666666599</v>
      </c>
      <c r="AE1344" s="53">
        <v>447916.66666666599</v>
      </c>
      <c r="AF1344" s="53">
        <v>447916.66666666599</v>
      </c>
      <c r="AG1344" s="53">
        <v>447916.66666666599</v>
      </c>
      <c r="AH1344" s="53">
        <v>447916.66666666599</v>
      </c>
      <c r="AI1344" s="53">
        <v>447916.66666666599</v>
      </c>
      <c r="AJ1344" s="53">
        <v>447916.66666666599</v>
      </c>
      <c r="AK1344" s="53">
        <v>447916.66666666599</v>
      </c>
      <c r="AL1344" s="53">
        <v>447916.66666666599</v>
      </c>
      <c r="AM1344" s="53">
        <v>447916.66666666599</v>
      </c>
      <c r="AN1344" s="53">
        <v>5375000</v>
      </c>
      <c r="AO1344" s="53">
        <v>489583.33333333302</v>
      </c>
      <c r="AP1344" s="53">
        <v>489583.33333333302</v>
      </c>
      <c r="AQ1344" s="53">
        <v>489583.33333333302</v>
      </c>
      <c r="AR1344" s="53">
        <v>489583.33333333302</v>
      </c>
      <c r="AS1344" s="53">
        <v>489583.33333333302</v>
      </c>
      <c r="AT1344" s="53">
        <v>489583.33333333302</v>
      </c>
      <c r="AU1344" s="53">
        <v>489583.33333333302</v>
      </c>
      <c r="AV1344" s="53">
        <v>489583.33333333302</v>
      </c>
      <c r="AW1344" s="53">
        <v>489583.33333333302</v>
      </c>
      <c r="AX1344" s="53">
        <v>489583.33333333302</v>
      </c>
      <c r="AY1344" s="53">
        <v>489583.33333333302</v>
      </c>
      <c r="AZ1344" s="53">
        <v>489583.33333333302</v>
      </c>
      <c r="BA1344" s="53">
        <v>5874999.9999999898</v>
      </c>
    </row>
    <row r="1345" spans="1:53">
      <c r="A1345" s="52" t="s">
        <v>720</v>
      </c>
    </row>
    <row r="1346" spans="1:53">
      <c r="A1346" s="52" t="s">
        <v>721</v>
      </c>
      <c r="B1346" s="53">
        <v>1700000</v>
      </c>
      <c r="C1346" s="53">
        <v>1700000</v>
      </c>
      <c r="D1346" s="53">
        <v>1700000</v>
      </c>
      <c r="E1346" s="53">
        <v>1700000</v>
      </c>
      <c r="F1346" s="53">
        <v>1700000</v>
      </c>
      <c r="G1346" s="53">
        <v>1700000</v>
      </c>
      <c r="H1346" s="53">
        <v>1700000</v>
      </c>
      <c r="I1346" s="53">
        <v>1700000</v>
      </c>
      <c r="J1346" s="53">
        <v>1700000</v>
      </c>
      <c r="K1346" s="53">
        <v>1700000</v>
      </c>
      <c r="L1346" s="53">
        <v>1700000</v>
      </c>
      <c r="M1346" s="53">
        <v>1700000</v>
      </c>
      <c r="N1346" s="53">
        <v>20400000</v>
      </c>
      <c r="O1346" s="53">
        <v>1700000</v>
      </c>
      <c r="P1346" s="53">
        <v>1700000</v>
      </c>
      <c r="Q1346" s="53">
        <v>1700000</v>
      </c>
      <c r="R1346" s="53">
        <v>1700000</v>
      </c>
      <c r="S1346" s="53">
        <v>1700000</v>
      </c>
      <c r="T1346" s="53">
        <v>1700000</v>
      </c>
      <c r="U1346" s="53">
        <v>1700000</v>
      </c>
      <c r="V1346" s="53">
        <v>1700000</v>
      </c>
      <c r="W1346" s="53">
        <v>1700000</v>
      </c>
      <c r="X1346" s="53">
        <v>1700000</v>
      </c>
      <c r="Y1346" s="53">
        <v>1700000</v>
      </c>
      <c r="Z1346" s="53">
        <v>1700000</v>
      </c>
      <c r="AA1346" s="53">
        <v>20400000</v>
      </c>
      <c r="AB1346" s="53">
        <v>1700000</v>
      </c>
      <c r="AC1346" s="53">
        <v>1700000</v>
      </c>
      <c r="AD1346" s="53">
        <v>1700000</v>
      </c>
      <c r="AE1346" s="53">
        <v>1700000</v>
      </c>
      <c r="AF1346" s="53">
        <v>1700000</v>
      </c>
      <c r="AG1346" s="53">
        <v>1700000</v>
      </c>
      <c r="AH1346" s="53">
        <v>1700000</v>
      </c>
      <c r="AI1346" s="53">
        <v>1700000</v>
      </c>
      <c r="AJ1346" s="53">
        <v>1700000</v>
      </c>
      <c r="AK1346" s="53">
        <v>1700000</v>
      </c>
      <c r="AL1346" s="53">
        <v>1700000</v>
      </c>
      <c r="AM1346" s="53">
        <v>1700000</v>
      </c>
      <c r="AN1346" s="53">
        <v>20400000</v>
      </c>
      <c r="AO1346" s="53">
        <v>1700000</v>
      </c>
      <c r="AP1346" s="53">
        <v>1700000</v>
      </c>
      <c r="AQ1346" s="53">
        <v>1700000</v>
      </c>
      <c r="AR1346" s="53">
        <v>1700000</v>
      </c>
      <c r="AS1346" s="53">
        <v>1700000</v>
      </c>
      <c r="AT1346" s="53">
        <v>1700000</v>
      </c>
      <c r="AU1346" s="53">
        <v>1700000</v>
      </c>
      <c r="AV1346" s="53">
        <v>1700000</v>
      </c>
      <c r="AW1346" s="53">
        <v>1700000</v>
      </c>
      <c r="AX1346" s="53">
        <v>1700000</v>
      </c>
      <c r="AY1346" s="53">
        <v>1700000</v>
      </c>
      <c r="AZ1346" s="53">
        <v>1700000</v>
      </c>
      <c r="BA1346" s="53">
        <v>20400000</v>
      </c>
    </row>
    <row r="1347" spans="1:53">
      <c r="A1347" s="52" t="s">
        <v>722</v>
      </c>
    </row>
    <row r="1348" spans="1:53">
      <c r="A1348" s="52" t="s">
        <v>723</v>
      </c>
      <c r="B1348" s="53">
        <v>1733333.33333333</v>
      </c>
      <c r="C1348" s="53">
        <v>1733333.33333333</v>
      </c>
      <c r="D1348" s="53">
        <v>1733333.33333333</v>
      </c>
      <c r="E1348" s="53">
        <v>1733333.33333333</v>
      </c>
      <c r="F1348" s="53">
        <v>1733333.33333333</v>
      </c>
      <c r="G1348" s="53">
        <v>1733333.33333333</v>
      </c>
      <c r="H1348" s="53">
        <v>1733333.33333333</v>
      </c>
      <c r="I1348" s="53">
        <v>1733333.33333333</v>
      </c>
      <c r="J1348" s="53">
        <v>1733333.33333333</v>
      </c>
      <c r="K1348" s="53">
        <v>1733333.33333333</v>
      </c>
      <c r="L1348" s="53">
        <v>1733333.33333333</v>
      </c>
      <c r="M1348" s="53">
        <v>1733333.33333333</v>
      </c>
      <c r="N1348" s="53">
        <v>20800000</v>
      </c>
      <c r="O1348" s="53">
        <v>1733333.33333333</v>
      </c>
      <c r="P1348" s="53">
        <v>1733333.33333333</v>
      </c>
      <c r="Q1348" s="53">
        <v>1733333.33333333</v>
      </c>
      <c r="R1348" s="53">
        <v>1733333.33333333</v>
      </c>
      <c r="S1348" s="53">
        <v>1733333.33333333</v>
      </c>
      <c r="T1348" s="53">
        <v>1733333.33333333</v>
      </c>
      <c r="U1348" s="53">
        <v>1733333.33333333</v>
      </c>
      <c r="V1348" s="53">
        <v>1733333.33333333</v>
      </c>
      <c r="W1348" s="53">
        <v>1733333.33333333</v>
      </c>
      <c r="X1348" s="53">
        <v>1733333.33333333</v>
      </c>
      <c r="Y1348" s="53">
        <v>1733333.33333333</v>
      </c>
      <c r="Z1348" s="53">
        <v>1733333.33333333</v>
      </c>
      <c r="AA1348" s="53">
        <v>20800000</v>
      </c>
      <c r="AB1348" s="53">
        <v>1733333.33333333</v>
      </c>
      <c r="AC1348" s="53">
        <v>1733333.33333333</v>
      </c>
      <c r="AD1348" s="53">
        <v>1733333.33333333</v>
      </c>
      <c r="AE1348" s="53">
        <v>1733333.33333333</v>
      </c>
      <c r="AF1348" s="53">
        <v>1733333.33333333</v>
      </c>
      <c r="AG1348" s="53">
        <v>1733333.33333333</v>
      </c>
      <c r="AH1348" s="53">
        <v>1733333.33333333</v>
      </c>
      <c r="AI1348" s="53">
        <v>1733333.33333333</v>
      </c>
      <c r="AJ1348" s="53">
        <v>1733333.33333333</v>
      </c>
      <c r="AK1348" s="53">
        <v>1733333.33333333</v>
      </c>
      <c r="AL1348" s="53">
        <v>1733333.33333333</v>
      </c>
      <c r="AM1348" s="53">
        <v>1733333.33333333</v>
      </c>
      <c r="AN1348" s="53">
        <v>20800000</v>
      </c>
      <c r="AO1348" s="53">
        <v>1733333.33333333</v>
      </c>
      <c r="AP1348" s="53">
        <v>1733333.33333333</v>
      </c>
      <c r="AQ1348" s="53">
        <v>1733333.33333333</v>
      </c>
      <c r="AR1348" s="53">
        <v>1733333.33333333</v>
      </c>
      <c r="AS1348" s="53">
        <v>1733333.33333333</v>
      </c>
      <c r="AT1348" s="53">
        <v>1733333.33333333</v>
      </c>
      <c r="AU1348" s="53">
        <v>1733333.33333333</v>
      </c>
      <c r="AV1348" s="53">
        <v>1733333.33333333</v>
      </c>
      <c r="AW1348" s="53">
        <v>1733333.33333333</v>
      </c>
      <c r="AX1348" s="53">
        <v>1733333.33333333</v>
      </c>
      <c r="AY1348" s="53">
        <v>1733333.33333333</v>
      </c>
      <c r="AZ1348" s="53">
        <v>1733333.33333333</v>
      </c>
      <c r="BA1348" s="53">
        <v>20800000</v>
      </c>
    </row>
    <row r="1349" spans="1:53">
      <c r="A1349" s="52" t="s">
        <v>724</v>
      </c>
      <c r="B1349" s="53">
        <v>1400000</v>
      </c>
      <c r="C1349" s="53">
        <v>1400000</v>
      </c>
      <c r="D1349" s="53">
        <v>1400000</v>
      </c>
      <c r="E1349" s="53">
        <v>1400000</v>
      </c>
      <c r="F1349" s="53">
        <v>1400000</v>
      </c>
      <c r="G1349" s="53">
        <v>1400000</v>
      </c>
      <c r="H1349" s="53">
        <v>1400000</v>
      </c>
      <c r="I1349" s="53">
        <v>1400000</v>
      </c>
      <c r="J1349" s="53">
        <v>1400000</v>
      </c>
      <c r="K1349" s="53">
        <v>1400000</v>
      </c>
      <c r="L1349" s="53">
        <v>1400000</v>
      </c>
      <c r="M1349" s="53">
        <v>1400000</v>
      </c>
      <c r="N1349" s="53">
        <v>16800000</v>
      </c>
      <c r="O1349" s="53">
        <v>1400000</v>
      </c>
      <c r="P1349" s="53">
        <v>1400000</v>
      </c>
      <c r="Q1349" s="53">
        <v>1400000</v>
      </c>
      <c r="R1349" s="53">
        <v>1400000</v>
      </c>
      <c r="S1349" s="53">
        <v>1400000</v>
      </c>
      <c r="T1349" s="53">
        <v>1400000</v>
      </c>
      <c r="U1349" s="53">
        <v>1400000</v>
      </c>
      <c r="V1349" s="53">
        <v>1400000</v>
      </c>
      <c r="W1349" s="53">
        <v>1400000</v>
      </c>
      <c r="X1349" s="53">
        <v>1400000</v>
      </c>
      <c r="Y1349" s="53">
        <v>1400000</v>
      </c>
      <c r="Z1349" s="53">
        <v>1400000</v>
      </c>
      <c r="AA1349" s="53">
        <v>16800000</v>
      </c>
      <c r="AB1349" s="53">
        <v>1400000</v>
      </c>
      <c r="AC1349" s="53">
        <v>1400000</v>
      </c>
      <c r="AD1349" s="53">
        <v>1400000</v>
      </c>
      <c r="AE1349" s="53">
        <v>1400000</v>
      </c>
      <c r="AF1349" s="53">
        <v>1400000</v>
      </c>
      <c r="AG1349" s="53">
        <v>1400000</v>
      </c>
      <c r="AH1349" s="53">
        <v>1400000</v>
      </c>
      <c r="AI1349" s="53">
        <v>1400000</v>
      </c>
      <c r="AJ1349" s="53">
        <v>1400000</v>
      </c>
      <c r="AK1349" s="53">
        <v>1400000</v>
      </c>
      <c r="AL1349" s="53">
        <v>1400000</v>
      </c>
      <c r="AM1349" s="53">
        <v>1400000</v>
      </c>
      <c r="AN1349" s="53">
        <v>16800000</v>
      </c>
      <c r="AO1349" s="53">
        <v>1400000</v>
      </c>
      <c r="AP1349" s="53">
        <v>1400000</v>
      </c>
      <c r="AQ1349" s="53">
        <v>1400000</v>
      </c>
      <c r="AR1349" s="53">
        <v>1400000</v>
      </c>
      <c r="AS1349" s="53">
        <v>1400000</v>
      </c>
      <c r="AT1349" s="53">
        <v>1400000</v>
      </c>
      <c r="AU1349" s="53">
        <v>1400000</v>
      </c>
      <c r="AV1349" s="53">
        <v>1400000</v>
      </c>
      <c r="AW1349" s="53">
        <v>1400000</v>
      </c>
      <c r="AX1349" s="53">
        <v>1400000</v>
      </c>
      <c r="AY1349" s="53">
        <v>1400000</v>
      </c>
      <c r="AZ1349" s="53">
        <v>1400000</v>
      </c>
      <c r="BA1349" s="53">
        <v>16800000</v>
      </c>
    </row>
    <row r="1350" spans="1:53">
      <c r="A1350" s="52" t="s">
        <v>725</v>
      </c>
      <c r="B1350" s="53">
        <v>1900000</v>
      </c>
      <c r="C1350" s="53">
        <v>1900000</v>
      </c>
      <c r="D1350" s="53">
        <v>1900000</v>
      </c>
      <c r="E1350" s="53">
        <v>1900000</v>
      </c>
      <c r="F1350" s="53">
        <v>1900000</v>
      </c>
      <c r="G1350" s="53">
        <v>1900000</v>
      </c>
      <c r="H1350" s="53">
        <v>1900000</v>
      </c>
      <c r="I1350" s="53">
        <v>1900000</v>
      </c>
      <c r="J1350" s="53">
        <v>1900000</v>
      </c>
      <c r="K1350" s="53">
        <v>1900000</v>
      </c>
      <c r="L1350" s="53">
        <v>1900000</v>
      </c>
      <c r="M1350" s="53">
        <v>1900000</v>
      </c>
      <c r="N1350" s="53">
        <v>22800000</v>
      </c>
      <c r="O1350" s="53">
        <v>1900000</v>
      </c>
      <c r="P1350" s="53">
        <v>1900000</v>
      </c>
      <c r="Q1350" s="53">
        <v>1900000</v>
      </c>
      <c r="R1350" s="53">
        <v>1900000</v>
      </c>
      <c r="S1350" s="53">
        <v>1900000</v>
      </c>
      <c r="T1350" s="53">
        <v>1900000</v>
      </c>
      <c r="U1350" s="53">
        <v>1900000</v>
      </c>
      <c r="V1350" s="53">
        <v>1900000</v>
      </c>
      <c r="W1350" s="53">
        <v>1900000</v>
      </c>
      <c r="X1350" s="53">
        <v>1900000</v>
      </c>
      <c r="Y1350" s="53">
        <v>1900000</v>
      </c>
      <c r="Z1350" s="53">
        <v>1900000</v>
      </c>
      <c r="AA1350" s="53">
        <v>22800000</v>
      </c>
      <c r="AB1350" s="53">
        <v>1900000</v>
      </c>
      <c r="AC1350" s="53">
        <v>1900000</v>
      </c>
      <c r="AD1350" s="53">
        <v>1900000</v>
      </c>
      <c r="AE1350" s="53">
        <v>1900000</v>
      </c>
      <c r="AF1350" s="53">
        <v>1900000</v>
      </c>
      <c r="AG1350" s="53">
        <v>1900000</v>
      </c>
      <c r="AH1350" s="53">
        <v>1900000</v>
      </c>
      <c r="AI1350" s="53">
        <v>1900000</v>
      </c>
      <c r="AJ1350" s="53">
        <v>1900000</v>
      </c>
      <c r="AK1350" s="53">
        <v>1900000</v>
      </c>
      <c r="AL1350" s="53">
        <v>1900000</v>
      </c>
      <c r="AM1350" s="53">
        <v>1900000</v>
      </c>
      <c r="AN1350" s="53">
        <v>22800000</v>
      </c>
      <c r="AO1350" s="53">
        <v>1900000</v>
      </c>
      <c r="AP1350" s="53">
        <v>1900000</v>
      </c>
      <c r="AQ1350" s="53">
        <v>1900000</v>
      </c>
      <c r="AR1350" s="53">
        <v>1900000</v>
      </c>
      <c r="AS1350" s="53">
        <v>1900000</v>
      </c>
      <c r="AT1350" s="53">
        <v>1900000</v>
      </c>
      <c r="AU1350" s="53">
        <v>1900000</v>
      </c>
      <c r="AV1350" s="53">
        <v>1900000</v>
      </c>
      <c r="AW1350" s="53">
        <v>1900000</v>
      </c>
      <c r="AX1350" s="53">
        <v>1900000</v>
      </c>
      <c r="AY1350" s="53">
        <v>1900000</v>
      </c>
      <c r="AZ1350" s="53">
        <v>1900000</v>
      </c>
      <c r="BA1350" s="53">
        <v>22800000</v>
      </c>
    </row>
    <row r="1351" spans="1:53">
      <c r="A1351" s="52" t="s">
        <v>726</v>
      </c>
      <c r="B1351" s="53">
        <v>1458333.33333333</v>
      </c>
      <c r="C1351" s="53">
        <v>1458333.33333333</v>
      </c>
      <c r="D1351" s="53">
        <v>1458333.33333333</v>
      </c>
      <c r="E1351" s="53">
        <v>1458333.33333333</v>
      </c>
      <c r="F1351" s="53">
        <v>1458333.33333333</v>
      </c>
      <c r="G1351" s="53">
        <v>1458333.33333333</v>
      </c>
      <c r="H1351" s="53">
        <v>1458333.33333333</v>
      </c>
      <c r="I1351" s="53">
        <v>1458333.33333333</v>
      </c>
      <c r="J1351" s="53">
        <v>1458333.33333333</v>
      </c>
      <c r="K1351" s="53">
        <v>1458333.33333333</v>
      </c>
      <c r="L1351" s="53">
        <v>1458333.33333333</v>
      </c>
      <c r="M1351" s="53">
        <v>1458333.33333333</v>
      </c>
      <c r="N1351" s="53">
        <v>17500000</v>
      </c>
      <c r="O1351" s="53">
        <v>1458333.33333333</v>
      </c>
      <c r="P1351" s="53">
        <v>1458333.33333333</v>
      </c>
      <c r="Q1351" s="53">
        <v>1458333.33333333</v>
      </c>
      <c r="R1351" s="53">
        <v>1458333.33333333</v>
      </c>
      <c r="S1351" s="53">
        <v>1458333.33333333</v>
      </c>
      <c r="T1351" s="53">
        <v>1458333.33333333</v>
      </c>
      <c r="U1351" s="53">
        <v>1458333.33333333</v>
      </c>
      <c r="V1351" s="53">
        <v>1458333.33333333</v>
      </c>
      <c r="W1351" s="53">
        <v>1458333.33333333</v>
      </c>
      <c r="X1351" s="53">
        <v>1458333.33333333</v>
      </c>
      <c r="Y1351" s="53">
        <v>1458333.33333333</v>
      </c>
      <c r="Z1351" s="53">
        <v>1458333.33333333</v>
      </c>
      <c r="AA1351" s="53">
        <v>17500000</v>
      </c>
      <c r="AB1351" s="53">
        <v>1458333.33333333</v>
      </c>
      <c r="AC1351" s="53">
        <v>1458333.33333333</v>
      </c>
      <c r="AD1351" s="53">
        <v>1458333.33333333</v>
      </c>
      <c r="AE1351" s="53">
        <v>1458333.33333333</v>
      </c>
      <c r="AF1351" s="53">
        <v>1458333.33333333</v>
      </c>
      <c r="AG1351" s="53">
        <v>1458333.33333333</v>
      </c>
      <c r="AH1351" s="53">
        <v>1458333.33333333</v>
      </c>
      <c r="AI1351" s="53">
        <v>1458333.33333333</v>
      </c>
      <c r="AJ1351" s="53">
        <v>1458333.33333333</v>
      </c>
      <c r="AK1351" s="53">
        <v>1458333.33333333</v>
      </c>
      <c r="AL1351" s="53">
        <v>1458333.33333333</v>
      </c>
      <c r="AM1351" s="53">
        <v>1458333.33333333</v>
      </c>
      <c r="AN1351" s="53">
        <v>17500000</v>
      </c>
      <c r="AO1351" s="53">
        <v>1458333.33333333</v>
      </c>
      <c r="AP1351" s="53">
        <v>1458333.33333333</v>
      </c>
      <c r="AQ1351" s="53">
        <v>1458333.33333333</v>
      </c>
      <c r="AR1351" s="53">
        <v>1458333.33333333</v>
      </c>
      <c r="AS1351" s="53">
        <v>1458333.33333333</v>
      </c>
      <c r="AT1351" s="53">
        <v>1458333.33333333</v>
      </c>
      <c r="AU1351" s="53">
        <v>1458333.33333333</v>
      </c>
      <c r="AV1351" s="53">
        <v>1458333.33333333</v>
      </c>
      <c r="AW1351" s="53">
        <v>1458333.33333333</v>
      </c>
      <c r="AX1351" s="53">
        <v>1458333.33333333</v>
      </c>
      <c r="AY1351" s="53">
        <v>1458333.33333333</v>
      </c>
      <c r="AZ1351" s="53">
        <v>1458333.33333333</v>
      </c>
      <c r="BA1351" s="53">
        <v>17500000</v>
      </c>
    </row>
    <row r="1352" spans="1:53">
      <c r="A1352" s="52" t="s">
        <v>727</v>
      </c>
    </row>
    <row r="1353" spans="1:53">
      <c r="A1353" s="52" t="s">
        <v>728</v>
      </c>
      <c r="B1353" s="53">
        <v>729166.66666666605</v>
      </c>
      <c r="C1353" s="53">
        <v>729166.66666666605</v>
      </c>
      <c r="D1353" s="53">
        <v>729166.66666666605</v>
      </c>
      <c r="E1353" s="53">
        <v>729166.66666666605</v>
      </c>
      <c r="F1353" s="53">
        <v>729166.66666666605</v>
      </c>
      <c r="G1353" s="53">
        <v>729166.66666666605</v>
      </c>
      <c r="H1353" s="53">
        <v>729166.66666666605</v>
      </c>
      <c r="I1353" s="53">
        <v>729166.66666666605</v>
      </c>
      <c r="J1353" s="53">
        <v>729166.66666666605</v>
      </c>
      <c r="K1353" s="53">
        <v>729166.66666666605</v>
      </c>
      <c r="L1353" s="53">
        <v>729166.66666666605</v>
      </c>
      <c r="M1353" s="53">
        <v>729166.66666666605</v>
      </c>
      <c r="N1353" s="53">
        <v>8750000</v>
      </c>
      <c r="O1353" s="53">
        <v>729166.66666666605</v>
      </c>
      <c r="P1353" s="53">
        <v>729166.66666666605</v>
      </c>
      <c r="Q1353" s="53">
        <v>729166.66666666605</v>
      </c>
      <c r="R1353" s="53">
        <v>729166.66666666605</v>
      </c>
      <c r="S1353" s="53">
        <v>729166.66666666605</v>
      </c>
      <c r="T1353" s="53">
        <v>729166.66666666605</v>
      </c>
      <c r="U1353" s="53">
        <v>729166.66666666605</v>
      </c>
      <c r="V1353" s="53">
        <v>729166.66666666605</v>
      </c>
      <c r="W1353" s="53">
        <v>729166.66666666605</v>
      </c>
      <c r="X1353" s="53">
        <v>729166.66666666605</v>
      </c>
      <c r="Y1353" s="53">
        <v>729166.66666666605</v>
      </c>
      <c r="Z1353" s="53">
        <v>729166.66666666605</v>
      </c>
      <c r="AA1353" s="53">
        <v>8750000</v>
      </c>
      <c r="AB1353" s="53">
        <v>729166.66666666605</v>
      </c>
      <c r="AC1353" s="53">
        <v>729166.66666666605</v>
      </c>
      <c r="AD1353" s="53">
        <v>729166.66666666605</v>
      </c>
      <c r="AE1353" s="53">
        <v>729166.66666666605</v>
      </c>
      <c r="AF1353" s="53">
        <v>729166.66666666605</v>
      </c>
      <c r="AG1353" s="53">
        <v>729166.66666666605</v>
      </c>
      <c r="AH1353" s="53">
        <v>729166.66666666605</v>
      </c>
      <c r="AI1353" s="53">
        <v>729166.66666666605</v>
      </c>
      <c r="AJ1353" s="53">
        <v>729166.66666666605</v>
      </c>
      <c r="AK1353" s="53">
        <v>729166.66666666605</v>
      </c>
      <c r="AL1353" s="53">
        <v>729166.66666666605</v>
      </c>
      <c r="AM1353" s="53">
        <v>729166.66666666605</v>
      </c>
      <c r="AN1353" s="53">
        <v>8750000</v>
      </c>
      <c r="AO1353" s="53">
        <v>729166.66666666605</v>
      </c>
      <c r="AP1353" s="53">
        <v>729166.66666666605</v>
      </c>
      <c r="AQ1353" s="53">
        <v>729166.66666666605</v>
      </c>
      <c r="AR1353" s="53">
        <v>729166.66666666605</v>
      </c>
      <c r="AS1353" s="53">
        <v>729166.66666666605</v>
      </c>
      <c r="AT1353" s="53">
        <v>729166.66666666605</v>
      </c>
      <c r="AU1353" s="53">
        <v>729166.66666666605</v>
      </c>
      <c r="AV1353" s="53">
        <v>729166.66666666605</v>
      </c>
      <c r="AW1353" s="53">
        <v>729166.66666666605</v>
      </c>
      <c r="AX1353" s="53">
        <v>729166.66666666605</v>
      </c>
      <c r="AY1353" s="53">
        <v>729166.66666666605</v>
      </c>
      <c r="AZ1353" s="53">
        <v>729166.66666666605</v>
      </c>
      <c r="BA1353" s="53">
        <v>8750000</v>
      </c>
    </row>
    <row r="1354" spans="1:53">
      <c r="A1354" s="52" t="s">
        <v>729</v>
      </c>
      <c r="B1354" s="53">
        <v>1300000</v>
      </c>
      <c r="C1354" s="53">
        <v>1300000</v>
      </c>
      <c r="D1354" s="53">
        <v>1300000</v>
      </c>
      <c r="E1354" s="53">
        <v>1300000</v>
      </c>
      <c r="F1354" s="53">
        <v>1300000</v>
      </c>
      <c r="G1354" s="53">
        <v>1300000</v>
      </c>
      <c r="H1354" s="53">
        <v>1300000</v>
      </c>
      <c r="I1354" s="53">
        <v>1300000</v>
      </c>
      <c r="J1354" s="53">
        <v>1300000</v>
      </c>
      <c r="K1354" s="53">
        <v>1300000</v>
      </c>
      <c r="L1354" s="53">
        <v>1300000</v>
      </c>
      <c r="M1354" s="53">
        <v>1300000</v>
      </c>
      <c r="N1354" s="53">
        <v>15600000</v>
      </c>
      <c r="O1354" s="53">
        <v>1300000</v>
      </c>
      <c r="P1354" s="53">
        <v>1300000</v>
      </c>
      <c r="Q1354" s="53">
        <v>1300000</v>
      </c>
      <c r="R1354" s="53">
        <v>1300000</v>
      </c>
      <c r="S1354" s="53">
        <v>1300000</v>
      </c>
      <c r="T1354" s="53">
        <v>1300000</v>
      </c>
      <c r="U1354" s="53">
        <v>1300000</v>
      </c>
      <c r="V1354" s="53">
        <v>1300000</v>
      </c>
      <c r="W1354" s="53">
        <v>1300000</v>
      </c>
      <c r="X1354" s="53">
        <v>1300000</v>
      </c>
      <c r="Y1354" s="53">
        <v>1300000</v>
      </c>
      <c r="Z1354" s="53">
        <v>1300000</v>
      </c>
      <c r="AA1354" s="53">
        <v>15600000</v>
      </c>
      <c r="AB1354" s="53">
        <v>1300000</v>
      </c>
      <c r="AC1354" s="53">
        <v>1300000</v>
      </c>
      <c r="AD1354" s="53">
        <v>1300000</v>
      </c>
      <c r="AE1354" s="53">
        <v>1300000</v>
      </c>
      <c r="AF1354" s="53">
        <v>1300000</v>
      </c>
      <c r="AG1354" s="53">
        <v>1300000</v>
      </c>
      <c r="AH1354" s="53">
        <v>1300000</v>
      </c>
      <c r="AI1354" s="53">
        <v>1300000</v>
      </c>
      <c r="AJ1354" s="53">
        <v>1300000</v>
      </c>
      <c r="AK1354" s="53">
        <v>1300000</v>
      </c>
      <c r="AL1354" s="53">
        <v>1300000</v>
      </c>
      <c r="AM1354" s="53">
        <v>1300000</v>
      </c>
      <c r="AN1354" s="53">
        <v>15600000</v>
      </c>
      <c r="AO1354" s="53">
        <v>1300000</v>
      </c>
      <c r="AP1354" s="53">
        <v>1300000</v>
      </c>
      <c r="AQ1354" s="53">
        <v>1300000</v>
      </c>
      <c r="AR1354" s="53">
        <v>1300000</v>
      </c>
      <c r="AS1354" s="53">
        <v>1300000</v>
      </c>
      <c r="AT1354" s="53">
        <v>1300000</v>
      </c>
      <c r="AU1354" s="53">
        <v>1300000</v>
      </c>
      <c r="AV1354" s="53">
        <v>1300000</v>
      </c>
      <c r="AW1354" s="53">
        <v>1300000</v>
      </c>
      <c r="AX1354" s="53">
        <v>1300000</v>
      </c>
      <c r="AY1354" s="53">
        <v>1300000</v>
      </c>
      <c r="AZ1354" s="53">
        <v>1300000</v>
      </c>
      <c r="BA1354" s="53">
        <v>15600000</v>
      </c>
    </row>
    <row r="1355" spans="1:53">
      <c r="A1355" s="52" t="s">
        <v>730</v>
      </c>
      <c r="B1355" s="53">
        <v>1249999.99999999</v>
      </c>
      <c r="C1355" s="53">
        <v>1249999.99999999</v>
      </c>
      <c r="D1355" s="53">
        <v>1249999.99999999</v>
      </c>
      <c r="E1355" s="53">
        <v>1249999.99999999</v>
      </c>
      <c r="F1355" s="53">
        <v>1249999.99999999</v>
      </c>
      <c r="G1355" s="53">
        <v>1249999.99999999</v>
      </c>
      <c r="H1355" s="53">
        <v>1249999.99999999</v>
      </c>
      <c r="I1355" s="53">
        <v>1249999.99999999</v>
      </c>
      <c r="J1355" s="53">
        <v>1249999.99999999</v>
      </c>
      <c r="K1355" s="53">
        <v>1249999.99999999</v>
      </c>
      <c r="L1355" s="53">
        <v>1249999.99999999</v>
      </c>
      <c r="M1355" s="53">
        <v>1249999.99999999</v>
      </c>
      <c r="N1355" s="53">
        <v>14999999.999999899</v>
      </c>
      <c r="O1355" s="53">
        <v>1249999.99999999</v>
      </c>
      <c r="P1355" s="53">
        <v>1249999.99999999</v>
      </c>
      <c r="Q1355" s="53">
        <v>1249999.99999999</v>
      </c>
      <c r="R1355" s="53">
        <v>1249999.99999999</v>
      </c>
      <c r="S1355" s="53">
        <v>1249999.99999999</v>
      </c>
      <c r="T1355" s="53">
        <v>1249999.99999999</v>
      </c>
      <c r="U1355" s="53">
        <v>1249999.99999999</v>
      </c>
      <c r="V1355" s="53">
        <v>1249999.99999999</v>
      </c>
      <c r="W1355" s="53">
        <v>1249999.99999999</v>
      </c>
      <c r="X1355" s="53">
        <v>1249999.99999999</v>
      </c>
      <c r="Y1355" s="53">
        <v>1249999.99999999</v>
      </c>
      <c r="Z1355" s="53">
        <v>1249999.99999999</v>
      </c>
      <c r="AA1355" s="53">
        <v>14999999.999999899</v>
      </c>
      <c r="AB1355" s="53">
        <v>1249999.99999999</v>
      </c>
      <c r="AC1355" s="53">
        <v>1249999.99999999</v>
      </c>
      <c r="AD1355" s="53">
        <v>1249999.99999999</v>
      </c>
      <c r="AE1355" s="53">
        <v>1249999.99999999</v>
      </c>
      <c r="AF1355" s="53">
        <v>1249999.99999999</v>
      </c>
      <c r="AG1355" s="53">
        <v>1249999.99999999</v>
      </c>
      <c r="AH1355" s="53">
        <v>1249999.99999999</v>
      </c>
      <c r="AI1355" s="53">
        <v>1249999.99999999</v>
      </c>
      <c r="AJ1355" s="53">
        <v>1249999.99999999</v>
      </c>
      <c r="AK1355" s="53">
        <v>1249999.99999999</v>
      </c>
      <c r="AL1355" s="53">
        <v>1249999.99999999</v>
      </c>
      <c r="AM1355" s="53">
        <v>1249999.99999999</v>
      </c>
      <c r="AN1355" s="53">
        <v>14999999.999999899</v>
      </c>
      <c r="AO1355" s="53">
        <v>1249999.99999999</v>
      </c>
      <c r="AP1355" s="53">
        <v>1249999.99999999</v>
      </c>
      <c r="AQ1355" s="53">
        <v>1249999.99999999</v>
      </c>
      <c r="AR1355" s="53">
        <v>1249999.99999999</v>
      </c>
      <c r="AS1355" s="53">
        <v>1249999.99999999</v>
      </c>
      <c r="AT1355" s="53">
        <v>1249999.99999999</v>
      </c>
      <c r="AU1355" s="53">
        <v>1249999.99999999</v>
      </c>
      <c r="AV1355" s="53">
        <v>1249999.99999999</v>
      </c>
      <c r="AW1355" s="53">
        <v>1249999.99999999</v>
      </c>
      <c r="AX1355" s="53">
        <v>1249999.99999999</v>
      </c>
      <c r="AY1355" s="53">
        <v>1249999.99999999</v>
      </c>
      <c r="AZ1355" s="53">
        <v>1249999.99999999</v>
      </c>
      <c r="BA1355" s="53">
        <v>14999999.999999899</v>
      </c>
    </row>
    <row r="1356" spans="1:53">
      <c r="A1356" s="52" t="s">
        <v>731</v>
      </c>
    </row>
    <row r="1357" spans="1:53">
      <c r="A1357" s="52" t="s">
        <v>711</v>
      </c>
      <c r="B1357" s="53">
        <v>15351.5205479452</v>
      </c>
      <c r="C1357" s="53">
        <v>15351.5205479452</v>
      </c>
      <c r="D1357" s="53">
        <v>15351.5205479451</v>
      </c>
      <c r="E1357" s="53">
        <v>15351.5205479452</v>
      </c>
      <c r="F1357" s="53">
        <v>15351.5205479452</v>
      </c>
      <c r="G1357" s="53">
        <v>15351.5205479452</v>
      </c>
      <c r="H1357" s="53">
        <v>15351.5205479451</v>
      </c>
      <c r="I1357" s="53">
        <v>15351.5205479452</v>
      </c>
      <c r="J1357" s="53">
        <v>15351.5205479452</v>
      </c>
      <c r="K1357" s="53">
        <v>15351.5205479452</v>
      </c>
      <c r="L1357" s="53">
        <v>15351.5205479451</v>
      </c>
      <c r="M1357" s="53">
        <v>15351.5205479452</v>
      </c>
      <c r="N1357" s="53">
        <v>184218.246575342</v>
      </c>
      <c r="O1357" s="53">
        <v>15351.5205479452</v>
      </c>
      <c r="P1357" s="53">
        <v>15351.5205479452</v>
      </c>
      <c r="Q1357" s="53">
        <v>15351.5205479451</v>
      </c>
      <c r="R1357" s="53">
        <v>15351.5205479452</v>
      </c>
      <c r="S1357" s="53">
        <v>15351.5205479452</v>
      </c>
      <c r="T1357" s="53">
        <v>15351.5205479452</v>
      </c>
      <c r="U1357" s="53">
        <v>15351.5205479451</v>
      </c>
      <c r="V1357" s="53">
        <v>15351.5205479452</v>
      </c>
      <c r="W1357" s="53">
        <v>15351.5205479452</v>
      </c>
      <c r="X1357" s="53">
        <v>15351.5205479452</v>
      </c>
      <c r="Y1357" s="53">
        <v>15351.5205479451</v>
      </c>
      <c r="Z1357" s="53">
        <v>15351.5205479452</v>
      </c>
      <c r="AA1357" s="53">
        <v>184218.246575342</v>
      </c>
      <c r="AB1357" s="53">
        <v>15351.5205479452</v>
      </c>
      <c r="AC1357" s="53">
        <v>15351.5205479452</v>
      </c>
      <c r="AD1357" s="53">
        <v>15351.5205479451</v>
      </c>
      <c r="AE1357" s="53">
        <v>15351.5205479452</v>
      </c>
      <c r="AF1357" s="53">
        <v>15351.5205479452</v>
      </c>
      <c r="AG1357" s="53">
        <v>15351.5205479452</v>
      </c>
      <c r="AH1357" s="53">
        <v>15351.5205479452</v>
      </c>
      <c r="AI1357" s="53">
        <v>15351.5205479452</v>
      </c>
      <c r="AJ1357" s="53">
        <v>15351.5205479452</v>
      </c>
      <c r="AK1357" s="53">
        <v>15351.5205479452</v>
      </c>
      <c r="AL1357" s="53">
        <v>15351.5205479452</v>
      </c>
      <c r="AM1357" s="53">
        <v>15351.5205479452</v>
      </c>
      <c r="AN1357" s="53">
        <v>184218.246575342</v>
      </c>
      <c r="AO1357" s="53">
        <v>15351.5205479452</v>
      </c>
      <c r="AP1357" s="53">
        <v>15351.5205479452</v>
      </c>
      <c r="AQ1357" s="53">
        <v>15351.5205479452</v>
      </c>
      <c r="AR1357" s="53">
        <v>15351.5205479452</v>
      </c>
      <c r="AS1357" s="53">
        <v>15351.5205479452</v>
      </c>
      <c r="AT1357" s="53">
        <v>15351.5205479452</v>
      </c>
      <c r="AU1357" s="53">
        <v>15351.5205479452</v>
      </c>
      <c r="AV1357" s="53">
        <v>15351.5205479452</v>
      </c>
      <c r="AW1357" s="53">
        <v>15351.5205479452</v>
      </c>
      <c r="AX1357" s="53">
        <v>15351.5205479452</v>
      </c>
      <c r="AY1357" s="53">
        <v>15351.5205479452</v>
      </c>
      <c r="AZ1357" s="53">
        <v>15351.5205479452</v>
      </c>
      <c r="BA1357" s="53">
        <v>184218.246575342</v>
      </c>
    </row>
    <row r="1358" spans="1:53">
      <c r="A1358" s="52" t="s">
        <v>712</v>
      </c>
      <c r="B1358" s="53">
        <v>8310.1044776119397</v>
      </c>
      <c r="C1358" s="53">
        <v>8310.1044776119397</v>
      </c>
      <c r="D1358" s="53">
        <v>8310.1044776119306</v>
      </c>
      <c r="E1358" s="53">
        <v>8310.1044776119306</v>
      </c>
      <c r="F1358" s="53">
        <v>8310.1044776119306</v>
      </c>
      <c r="G1358" s="53">
        <v>8310.1044776119397</v>
      </c>
      <c r="H1358" s="53">
        <v>8310.1044776119306</v>
      </c>
      <c r="I1358" s="53">
        <v>8310.1044776119306</v>
      </c>
      <c r="J1358" s="53">
        <v>8310.1044776119306</v>
      </c>
      <c r="K1358" s="53">
        <v>8310.1044776119306</v>
      </c>
      <c r="L1358" s="53">
        <v>8310.1044776119306</v>
      </c>
      <c r="M1358" s="53">
        <v>8310.1044776119306</v>
      </c>
      <c r="N1358" s="53">
        <v>99721.253731343197</v>
      </c>
      <c r="O1358" s="53">
        <v>8310.1044776119306</v>
      </c>
      <c r="P1358" s="53">
        <v>8310.1044776119306</v>
      </c>
      <c r="Q1358" s="53">
        <v>8310.1044776119306</v>
      </c>
      <c r="R1358" s="53">
        <v>8310.1044776119306</v>
      </c>
      <c r="S1358" s="53">
        <v>8310.1044776119306</v>
      </c>
      <c r="T1358" s="53">
        <v>8310.1044776119306</v>
      </c>
      <c r="U1358" s="53">
        <v>8310.1044776119306</v>
      </c>
      <c r="V1358" s="53">
        <v>8310.1044776119306</v>
      </c>
      <c r="W1358" s="53">
        <v>8310.1044776119306</v>
      </c>
      <c r="X1358" s="53">
        <v>8310.1044776119306</v>
      </c>
      <c r="Y1358" s="53">
        <v>8310.1044776119306</v>
      </c>
      <c r="Z1358" s="53">
        <v>8310.1044776119306</v>
      </c>
      <c r="AA1358" s="53">
        <v>99721.253731343197</v>
      </c>
      <c r="AB1358" s="53">
        <v>8310.1044776119306</v>
      </c>
      <c r="AC1358" s="53">
        <v>8310.1044776119306</v>
      </c>
      <c r="AD1358" s="53">
        <v>8310.1044776119306</v>
      </c>
      <c r="AE1358" s="53">
        <v>8310.1044776119306</v>
      </c>
      <c r="AF1358" s="53">
        <v>8310.1044776119306</v>
      </c>
      <c r="AG1358" s="53">
        <v>8310.1044776119306</v>
      </c>
      <c r="AH1358" s="53">
        <v>8310.1044776119306</v>
      </c>
      <c r="AI1358" s="53">
        <v>8310.1044776119306</v>
      </c>
      <c r="AJ1358" s="53">
        <v>8310.1044776119306</v>
      </c>
      <c r="AK1358" s="53">
        <v>8310.1044776119306</v>
      </c>
      <c r="AL1358" s="53">
        <v>8310.1044776119306</v>
      </c>
      <c r="AM1358" s="53">
        <v>8310.1044776119306</v>
      </c>
      <c r="AN1358" s="53">
        <v>99721.253731343095</v>
      </c>
      <c r="AO1358" s="53">
        <v>8310.1044776119306</v>
      </c>
      <c r="AP1358" s="53">
        <v>8310.1044776119306</v>
      </c>
      <c r="AQ1358" s="53">
        <v>8310.1044776119306</v>
      </c>
      <c r="AR1358" s="53">
        <v>8310.1044776119306</v>
      </c>
      <c r="AS1358" s="53">
        <v>8310.1044776119306</v>
      </c>
      <c r="AT1358" s="53">
        <v>8310.1044776119197</v>
      </c>
      <c r="AU1358" s="53">
        <v>8310.1044776119197</v>
      </c>
      <c r="AV1358" s="53">
        <v>8310.1044776119197</v>
      </c>
      <c r="AW1358" s="53">
        <v>8310.1044776119197</v>
      </c>
      <c r="AX1358" s="53">
        <v>8310.1044776119197</v>
      </c>
      <c r="AY1358" s="53">
        <v>8310.1044776119197</v>
      </c>
      <c r="AZ1358" s="53">
        <v>8310.1044776119197</v>
      </c>
      <c r="BA1358" s="53">
        <v>99721.253731343095</v>
      </c>
    </row>
    <row r="1359" spans="1:53">
      <c r="A1359" s="52" t="s">
        <v>713</v>
      </c>
      <c r="B1359" s="53">
        <v>18632.710875331501</v>
      </c>
      <c r="C1359" s="53">
        <v>18632.710875331501</v>
      </c>
      <c r="D1359" s="53">
        <v>18632.710875331501</v>
      </c>
      <c r="E1359" s="53">
        <v>18632.710875331501</v>
      </c>
      <c r="F1359" s="53">
        <v>18632.710875331501</v>
      </c>
      <c r="G1359" s="53">
        <v>18632.710875331501</v>
      </c>
      <c r="H1359" s="53">
        <v>18632.710875331501</v>
      </c>
      <c r="I1359" s="53">
        <v>18632.710875331501</v>
      </c>
      <c r="J1359" s="53">
        <v>18632.710875331501</v>
      </c>
      <c r="K1359" s="53">
        <v>18632.710875331501</v>
      </c>
      <c r="L1359" s="53">
        <v>18632.710875331501</v>
      </c>
      <c r="M1359" s="53">
        <v>18632.710875331501</v>
      </c>
      <c r="N1359" s="53">
        <v>223592.53050397799</v>
      </c>
      <c r="O1359" s="53">
        <v>18632.710875331501</v>
      </c>
      <c r="P1359" s="53">
        <v>18632.710875331501</v>
      </c>
      <c r="Q1359" s="53">
        <v>18632.710875331501</v>
      </c>
      <c r="R1359" s="53">
        <v>18632.710875331501</v>
      </c>
      <c r="S1359" s="53">
        <v>18632.710875331501</v>
      </c>
      <c r="T1359" s="53">
        <v>18632.710875331501</v>
      </c>
      <c r="U1359" s="53">
        <v>18632.710875331501</v>
      </c>
      <c r="V1359" s="53">
        <v>18632.710875331501</v>
      </c>
      <c r="W1359" s="53">
        <v>18632.710875331501</v>
      </c>
      <c r="X1359" s="53">
        <v>18632.710875331501</v>
      </c>
      <c r="Y1359" s="53">
        <v>18632.710875331501</v>
      </c>
      <c r="Z1359" s="53">
        <v>18632.710875331501</v>
      </c>
      <c r="AA1359" s="53">
        <v>223592.53050397799</v>
      </c>
      <c r="AB1359" s="53">
        <v>18632.710875331501</v>
      </c>
      <c r="AC1359" s="53">
        <v>18632.710875331501</v>
      </c>
      <c r="AD1359" s="53">
        <v>18632.710875331501</v>
      </c>
      <c r="AE1359" s="53">
        <v>18632.710875331501</v>
      </c>
      <c r="AF1359" s="53">
        <v>18632.710875331501</v>
      </c>
      <c r="AG1359" s="53">
        <v>18632.710875331501</v>
      </c>
      <c r="AH1359" s="53">
        <v>18632.710875331501</v>
      </c>
      <c r="AI1359" s="53">
        <v>18632.710875331501</v>
      </c>
      <c r="AJ1359" s="53">
        <v>18632.710875331501</v>
      </c>
      <c r="AK1359" s="53">
        <v>18632.710875331501</v>
      </c>
      <c r="AL1359" s="53">
        <v>18632.710875331501</v>
      </c>
      <c r="AM1359" s="53">
        <v>18632.710875331501</v>
      </c>
      <c r="AN1359" s="53">
        <v>223592.53050397799</v>
      </c>
      <c r="AO1359" s="53">
        <v>18632.710875331501</v>
      </c>
      <c r="AP1359" s="53">
        <v>18632.710875331501</v>
      </c>
      <c r="AQ1359" s="53">
        <v>18632.710875331501</v>
      </c>
      <c r="AR1359" s="53">
        <v>18632.710875331501</v>
      </c>
      <c r="AS1359" s="53">
        <v>18632.710875331501</v>
      </c>
      <c r="AT1359" s="53">
        <v>18632.710875331501</v>
      </c>
      <c r="AU1359" s="53">
        <v>18632.710875331501</v>
      </c>
      <c r="AV1359" s="53">
        <v>18632.710875331501</v>
      </c>
      <c r="AW1359" s="53">
        <v>18632.710875331501</v>
      </c>
      <c r="AX1359" s="53">
        <v>18632.710875331501</v>
      </c>
      <c r="AY1359" s="53">
        <v>18632.710875331501</v>
      </c>
      <c r="AZ1359" s="53">
        <v>18632.710875331501</v>
      </c>
      <c r="BA1359" s="53">
        <v>223592.53050397799</v>
      </c>
    </row>
    <row r="1360" spans="1:53">
      <c r="A1360" s="52" t="s">
        <v>714</v>
      </c>
    </row>
    <row r="1361" spans="1:53">
      <c r="A1361" s="52" t="s">
        <v>715</v>
      </c>
    </row>
    <row r="1362" spans="1:53">
      <c r="A1362" s="52" t="s">
        <v>716</v>
      </c>
      <c r="B1362" s="53">
        <v>36488.334177215103</v>
      </c>
      <c r="C1362" s="53">
        <v>36488.334177215103</v>
      </c>
      <c r="D1362" s="53">
        <v>36488.334177215103</v>
      </c>
      <c r="E1362" s="53">
        <v>36488.334177215103</v>
      </c>
      <c r="F1362" s="53">
        <v>36488.334177215103</v>
      </c>
      <c r="G1362" s="53">
        <v>36488.334177215103</v>
      </c>
      <c r="H1362" s="53">
        <v>36488.334177215103</v>
      </c>
      <c r="I1362" s="53">
        <v>36488.334177215103</v>
      </c>
      <c r="J1362" s="53">
        <v>36488.334177215103</v>
      </c>
      <c r="K1362" s="53">
        <v>36488.334177215103</v>
      </c>
      <c r="L1362" s="53">
        <v>36488.334177215103</v>
      </c>
      <c r="M1362" s="53">
        <v>36488.334177215103</v>
      </c>
      <c r="N1362" s="53">
        <v>437860.010126582</v>
      </c>
      <c r="O1362" s="53">
        <v>36488.334177215103</v>
      </c>
      <c r="P1362" s="53">
        <v>36488.334177215103</v>
      </c>
      <c r="Q1362" s="53">
        <v>36488.334177215103</v>
      </c>
      <c r="R1362" s="53">
        <v>36488.334177215103</v>
      </c>
      <c r="S1362" s="53">
        <v>36488.334177215103</v>
      </c>
      <c r="T1362" s="53">
        <v>36488.334177215103</v>
      </c>
      <c r="U1362" s="53">
        <v>36488.334177215103</v>
      </c>
      <c r="V1362" s="53">
        <v>36488.334177215103</v>
      </c>
      <c r="W1362" s="53">
        <v>36488.334177215103</v>
      </c>
      <c r="X1362" s="53">
        <v>36488.334177215103</v>
      </c>
      <c r="Y1362" s="53">
        <v>36488.334177215103</v>
      </c>
      <c r="Z1362" s="53">
        <v>36488.334177215103</v>
      </c>
      <c r="AA1362" s="53">
        <v>437860.010126582</v>
      </c>
      <c r="AB1362" s="53">
        <v>36488.334177215103</v>
      </c>
      <c r="AC1362" s="53">
        <v>36488.334177215103</v>
      </c>
      <c r="AD1362" s="53">
        <v>36488.334177215103</v>
      </c>
      <c r="AE1362" s="53">
        <v>36488.334177215103</v>
      </c>
      <c r="AF1362" s="53">
        <v>36488.334177215103</v>
      </c>
      <c r="AG1362" s="53">
        <v>36488.334177215103</v>
      </c>
      <c r="AH1362" s="53">
        <v>36488.334177215103</v>
      </c>
      <c r="AI1362" s="53">
        <v>36488.334177215103</v>
      </c>
      <c r="AJ1362" s="53">
        <v>36488.334177215103</v>
      </c>
      <c r="AK1362" s="53">
        <v>36488.334177215103</v>
      </c>
      <c r="AL1362" s="53">
        <v>36488.334177215103</v>
      </c>
      <c r="AM1362" s="53">
        <v>36488.334177215103</v>
      </c>
      <c r="AN1362" s="53">
        <v>437860.010126582</v>
      </c>
      <c r="AO1362" s="53">
        <v>36488.334177215103</v>
      </c>
      <c r="AP1362" s="53">
        <v>36488.334177215103</v>
      </c>
      <c r="AQ1362" s="53">
        <v>36488.334177215103</v>
      </c>
      <c r="AR1362" s="53">
        <v>36488.334177215103</v>
      </c>
      <c r="AS1362" s="53">
        <v>36488.334177215103</v>
      </c>
      <c r="AT1362" s="53">
        <v>36488.334177215103</v>
      </c>
      <c r="AU1362" s="53">
        <v>36488.334177215103</v>
      </c>
      <c r="AV1362" s="53">
        <v>36488.334177215103</v>
      </c>
      <c r="AW1362" s="53">
        <v>36488.334177215103</v>
      </c>
      <c r="AX1362" s="53">
        <v>36488.334177215103</v>
      </c>
      <c r="AY1362" s="53">
        <v>36488.334177215103</v>
      </c>
      <c r="AZ1362" s="53">
        <v>36488.334177215103</v>
      </c>
      <c r="BA1362" s="53">
        <v>437860.010126582</v>
      </c>
    </row>
    <row r="1363" spans="1:53">
      <c r="A1363" s="52" t="s">
        <v>717</v>
      </c>
      <c r="B1363" s="53">
        <v>13019.146118721401</v>
      </c>
      <c r="C1363" s="53">
        <v>13019.146118721401</v>
      </c>
      <c r="D1363" s="53">
        <v>13019.146118721401</v>
      </c>
      <c r="E1363" s="53">
        <v>13019.146118721401</v>
      </c>
      <c r="F1363" s="53">
        <v>13019.146118721401</v>
      </c>
      <c r="G1363" s="53">
        <v>13019.146118721401</v>
      </c>
      <c r="H1363" s="53">
        <v>13019.146118721401</v>
      </c>
      <c r="I1363" s="53">
        <v>13019.146118721401</v>
      </c>
      <c r="J1363" s="53">
        <v>13019.146118721401</v>
      </c>
      <c r="K1363" s="53">
        <v>13019.146118721401</v>
      </c>
      <c r="L1363" s="53">
        <v>13019.146118721401</v>
      </c>
      <c r="M1363" s="53">
        <v>13019.146118721401</v>
      </c>
      <c r="N1363" s="53">
        <v>156229.75342465701</v>
      </c>
      <c r="O1363" s="53">
        <v>13019.146118721401</v>
      </c>
      <c r="P1363" s="53">
        <v>13019.146118721401</v>
      </c>
      <c r="Q1363" s="53">
        <v>13019.146118721401</v>
      </c>
      <c r="R1363" s="53">
        <v>13019.146118721401</v>
      </c>
      <c r="S1363" s="53">
        <v>13019.146118721401</v>
      </c>
      <c r="T1363" s="53">
        <v>13019.146118721401</v>
      </c>
      <c r="U1363" s="53">
        <v>13019.146118721401</v>
      </c>
      <c r="V1363" s="53">
        <v>13019.146118721401</v>
      </c>
      <c r="W1363" s="53">
        <v>13019.146118721401</v>
      </c>
      <c r="X1363" s="53">
        <v>13019.146118721401</v>
      </c>
      <c r="Y1363" s="53">
        <v>13019.146118721401</v>
      </c>
      <c r="Z1363" s="53">
        <v>13019.146118721401</v>
      </c>
      <c r="AA1363" s="53">
        <v>156229.75342465701</v>
      </c>
      <c r="AB1363" s="53">
        <v>13019.146118721401</v>
      </c>
      <c r="AC1363" s="53">
        <v>13019.146118721401</v>
      </c>
      <c r="AD1363" s="53">
        <v>13019.146118721401</v>
      </c>
      <c r="AE1363" s="53">
        <v>13019.146118721401</v>
      </c>
      <c r="AF1363" s="53">
        <v>13019.146118721401</v>
      </c>
      <c r="AG1363" s="53">
        <v>13019.146118721401</v>
      </c>
      <c r="AH1363" s="53">
        <v>13019.146118721401</v>
      </c>
      <c r="AI1363" s="53">
        <v>13019.146118721401</v>
      </c>
      <c r="AJ1363" s="53">
        <v>13019.146118721401</v>
      </c>
      <c r="AK1363" s="53">
        <v>13019.146118721401</v>
      </c>
      <c r="AL1363" s="53">
        <v>13019.146118721401</v>
      </c>
      <c r="AM1363" s="53">
        <v>13019.146118721401</v>
      </c>
      <c r="AN1363" s="53">
        <v>156229.75342465701</v>
      </c>
      <c r="AO1363" s="53">
        <v>13019.146118721401</v>
      </c>
      <c r="AP1363" s="53">
        <v>13019.146118721401</v>
      </c>
      <c r="AQ1363" s="53">
        <v>13019.146118721401</v>
      </c>
      <c r="AR1363" s="53">
        <v>13019.146118721401</v>
      </c>
      <c r="AS1363" s="53">
        <v>13019.146118721401</v>
      </c>
      <c r="AT1363" s="53">
        <v>13019.146118721401</v>
      </c>
      <c r="AU1363" s="53">
        <v>13019.146118721401</v>
      </c>
      <c r="AV1363" s="53">
        <v>13019.146118721401</v>
      </c>
      <c r="AW1363" s="53">
        <v>13019.146118721401</v>
      </c>
      <c r="AX1363" s="53">
        <v>13019.146118721401</v>
      </c>
      <c r="AY1363" s="53">
        <v>13019.146118721401</v>
      </c>
      <c r="AZ1363" s="53">
        <v>13019.146118721401</v>
      </c>
      <c r="BA1363" s="53">
        <v>156229.75342465701</v>
      </c>
    </row>
    <row r="1364" spans="1:53">
      <c r="A1364" s="52" t="s">
        <v>718</v>
      </c>
      <c r="B1364" s="53">
        <v>13527.6846307385</v>
      </c>
      <c r="C1364" s="53">
        <v>13527.6846307385</v>
      </c>
      <c r="D1364" s="53">
        <v>13527.6846307385</v>
      </c>
      <c r="E1364" s="53">
        <v>13527.6846307385</v>
      </c>
      <c r="F1364" s="53">
        <v>13527.6846307385</v>
      </c>
      <c r="G1364" s="53">
        <v>13527.6846307385</v>
      </c>
      <c r="H1364" s="53">
        <v>13527.6846307385</v>
      </c>
      <c r="I1364" s="53">
        <v>13527.6846307385</v>
      </c>
      <c r="J1364" s="53">
        <v>13527.6846307385</v>
      </c>
      <c r="K1364" s="53">
        <v>13527.6846307385</v>
      </c>
      <c r="L1364" s="53">
        <v>13527.6846307385</v>
      </c>
      <c r="M1364" s="53">
        <v>13527.6846307385</v>
      </c>
      <c r="N1364" s="53">
        <v>162332.21556886201</v>
      </c>
      <c r="O1364" s="53">
        <v>13527.6846307385</v>
      </c>
      <c r="P1364" s="53">
        <v>13527.6846307385</v>
      </c>
      <c r="Q1364" s="53">
        <v>13527.6846307385</v>
      </c>
      <c r="R1364" s="53">
        <v>13527.6846307385</v>
      </c>
      <c r="S1364" s="53">
        <v>13527.6846307385</v>
      </c>
      <c r="T1364" s="53">
        <v>13527.6846307385</v>
      </c>
      <c r="U1364" s="53">
        <v>13527.6846307385</v>
      </c>
      <c r="V1364" s="53">
        <v>13527.6846307385</v>
      </c>
      <c r="W1364" s="53">
        <v>13527.6846307385</v>
      </c>
      <c r="X1364" s="53">
        <v>13527.6846307385</v>
      </c>
      <c r="Y1364" s="53">
        <v>13527.6846307385</v>
      </c>
      <c r="Z1364" s="53">
        <v>13527.6846307385</v>
      </c>
      <c r="AA1364" s="53">
        <v>162332.21556886201</v>
      </c>
      <c r="AB1364" s="53">
        <v>13527.6846307385</v>
      </c>
      <c r="AC1364" s="53">
        <v>13527.6846307385</v>
      </c>
      <c r="AD1364" s="53">
        <v>13527.6846307385</v>
      </c>
      <c r="AE1364" s="53">
        <v>13527.6846307385</v>
      </c>
      <c r="AF1364" s="53">
        <v>13527.6846307385</v>
      </c>
      <c r="AG1364" s="53">
        <v>13527.6846307385</v>
      </c>
      <c r="AH1364" s="53">
        <v>13527.6846307385</v>
      </c>
      <c r="AI1364" s="53">
        <v>13527.6846307385</v>
      </c>
      <c r="AJ1364" s="53">
        <v>13527.6846307385</v>
      </c>
      <c r="AK1364" s="53">
        <v>13527.6846307385</v>
      </c>
      <c r="AL1364" s="53">
        <v>13527.6846307385</v>
      </c>
      <c r="AM1364" s="53">
        <v>13527.6846307385</v>
      </c>
      <c r="AN1364" s="53">
        <v>162332.21556886201</v>
      </c>
      <c r="AO1364" s="53">
        <v>13527.6846307385</v>
      </c>
      <c r="AP1364" s="53">
        <v>13527.6846307385</v>
      </c>
      <c r="AQ1364" s="53">
        <v>13527.6846307385</v>
      </c>
      <c r="AR1364" s="53">
        <v>13527.6846307385</v>
      </c>
      <c r="AS1364" s="53">
        <v>13527.6846307385</v>
      </c>
      <c r="AT1364" s="53">
        <v>13527.6846307385</v>
      </c>
      <c r="AU1364" s="53">
        <v>13527.6846307385</v>
      </c>
      <c r="AV1364" s="53">
        <v>13527.6846307385</v>
      </c>
      <c r="AW1364" s="53">
        <v>13527.6846307385</v>
      </c>
      <c r="AX1364" s="53">
        <v>13527.6846307385</v>
      </c>
      <c r="AY1364" s="53">
        <v>13527.6846307385</v>
      </c>
      <c r="AZ1364" s="53">
        <v>13527.6846307385</v>
      </c>
      <c r="BA1364" s="53">
        <v>162332.21556886201</v>
      </c>
    </row>
    <row r="1365" spans="1:53">
      <c r="A1365" s="52" t="s">
        <v>721</v>
      </c>
      <c r="B1365" s="53">
        <v>20148.9797979797</v>
      </c>
      <c r="C1365" s="53">
        <v>20148.9797979797</v>
      </c>
      <c r="D1365" s="53">
        <v>20148.9797979797</v>
      </c>
      <c r="E1365" s="53">
        <v>20148.9797979797</v>
      </c>
      <c r="F1365" s="53">
        <v>20148.9797979797</v>
      </c>
      <c r="G1365" s="53">
        <v>20148.9797979797</v>
      </c>
      <c r="H1365" s="53">
        <v>20148.9797979797</v>
      </c>
      <c r="I1365" s="53">
        <v>20148.9797979797</v>
      </c>
      <c r="J1365" s="53">
        <v>20148.9797979797</v>
      </c>
      <c r="K1365" s="53">
        <v>20148.9797979797</v>
      </c>
      <c r="L1365" s="53">
        <v>20148.9797979797</v>
      </c>
      <c r="M1365" s="53">
        <v>20148.9797979797</v>
      </c>
      <c r="N1365" s="53">
        <v>241787.75757575699</v>
      </c>
      <c r="O1365" s="53">
        <v>20148.9797979797</v>
      </c>
      <c r="P1365" s="53">
        <v>20148.9797979797</v>
      </c>
      <c r="Q1365" s="53">
        <v>20148.9797979797</v>
      </c>
      <c r="R1365" s="53">
        <v>20148.9797979797</v>
      </c>
      <c r="S1365" s="53">
        <v>20148.9797979797</v>
      </c>
      <c r="T1365" s="53">
        <v>20148.9797979797</v>
      </c>
      <c r="U1365" s="53">
        <v>20148.9797979797</v>
      </c>
      <c r="V1365" s="53">
        <v>20148.9797979797</v>
      </c>
      <c r="W1365" s="53">
        <v>20148.9797979797</v>
      </c>
      <c r="X1365" s="53">
        <v>20148.9797979797</v>
      </c>
      <c r="Y1365" s="53">
        <v>20148.9797979797</v>
      </c>
      <c r="Z1365" s="53">
        <v>20148.9797979797</v>
      </c>
      <c r="AA1365" s="53">
        <v>241787.75757575699</v>
      </c>
      <c r="AB1365" s="53">
        <v>20148.9797979797</v>
      </c>
      <c r="AC1365" s="53">
        <v>20148.9797979797</v>
      </c>
      <c r="AD1365" s="53">
        <v>20148.9797979797</v>
      </c>
      <c r="AE1365" s="53">
        <v>20148.9797979797</v>
      </c>
      <c r="AF1365" s="53">
        <v>20148.9797979797</v>
      </c>
      <c r="AG1365" s="53">
        <v>20148.9797979797</v>
      </c>
      <c r="AH1365" s="53">
        <v>20148.9797979797</v>
      </c>
      <c r="AI1365" s="53">
        <v>20148.9797979797</v>
      </c>
      <c r="AJ1365" s="53">
        <v>20148.9797979797</v>
      </c>
      <c r="AK1365" s="53">
        <v>20148.9797979797</v>
      </c>
      <c r="AL1365" s="53">
        <v>20148.9797979797</v>
      </c>
      <c r="AM1365" s="53">
        <v>20148.9797979797</v>
      </c>
      <c r="AN1365" s="53">
        <v>241787.75757575699</v>
      </c>
      <c r="AO1365" s="53">
        <v>20148.9797979797</v>
      </c>
      <c r="AP1365" s="53">
        <v>20148.9797979797</v>
      </c>
      <c r="AQ1365" s="53">
        <v>20148.9797979797</v>
      </c>
      <c r="AR1365" s="53">
        <v>20148.9797979797</v>
      </c>
      <c r="AS1365" s="53">
        <v>20148.9797979797</v>
      </c>
      <c r="AT1365" s="53">
        <v>20148.9797979797</v>
      </c>
      <c r="AU1365" s="53">
        <v>20148.9797979797</v>
      </c>
      <c r="AV1365" s="53">
        <v>20148.9797979797</v>
      </c>
      <c r="AW1365" s="53">
        <v>20148.9797979797</v>
      </c>
      <c r="AX1365" s="53">
        <v>20148.9797979797</v>
      </c>
      <c r="AY1365" s="53">
        <v>20148.9797979797</v>
      </c>
      <c r="AZ1365" s="53">
        <v>20148.9797979797</v>
      </c>
      <c r="BA1365" s="53">
        <v>241787.75757575699</v>
      </c>
    </row>
    <row r="1366" spans="1:53">
      <c r="A1366" s="52" t="s">
        <v>722</v>
      </c>
    </row>
    <row r="1367" spans="1:53">
      <c r="A1367" s="52" t="s">
        <v>723</v>
      </c>
      <c r="B1367" s="53">
        <v>49399.371900826402</v>
      </c>
      <c r="C1367" s="53">
        <v>49399.371900826402</v>
      </c>
      <c r="D1367" s="53">
        <v>49399.371900826402</v>
      </c>
      <c r="E1367" s="53">
        <v>49399.371900826503</v>
      </c>
      <c r="F1367" s="53">
        <v>49399.371900826503</v>
      </c>
      <c r="G1367" s="53">
        <v>49399.371900826503</v>
      </c>
      <c r="H1367" s="53">
        <v>49399.371900826503</v>
      </c>
      <c r="I1367" s="53">
        <v>49399.371900826503</v>
      </c>
      <c r="J1367" s="53">
        <v>49399.371900826503</v>
      </c>
      <c r="K1367" s="53">
        <v>49399.371900826503</v>
      </c>
      <c r="L1367" s="53">
        <v>49399.371900826503</v>
      </c>
      <c r="M1367" s="53">
        <v>49399.371900826503</v>
      </c>
      <c r="N1367" s="53">
        <v>592792.46280991798</v>
      </c>
      <c r="O1367" s="53">
        <v>49399.371900826503</v>
      </c>
      <c r="P1367" s="53">
        <v>49399.371900826503</v>
      </c>
      <c r="Q1367" s="53">
        <v>49399.371900826503</v>
      </c>
      <c r="R1367" s="53">
        <v>49399.371900826503</v>
      </c>
      <c r="S1367" s="53">
        <v>49399.371900826503</v>
      </c>
      <c r="T1367" s="53">
        <v>49399.371900826503</v>
      </c>
      <c r="U1367" s="53">
        <v>49399.371900826503</v>
      </c>
      <c r="V1367" s="53">
        <v>49399.371900826503</v>
      </c>
      <c r="W1367" s="53">
        <v>49399.371900826503</v>
      </c>
      <c r="X1367" s="53">
        <v>49399.371900826503</v>
      </c>
      <c r="Y1367" s="53">
        <v>49399.371900826503</v>
      </c>
      <c r="Z1367" s="53">
        <v>49399.371900826503</v>
      </c>
      <c r="AA1367" s="53">
        <v>592792.46280991798</v>
      </c>
      <c r="AB1367" s="53">
        <v>49399.371900826503</v>
      </c>
      <c r="AC1367" s="53">
        <v>49399.371900826503</v>
      </c>
      <c r="AD1367" s="53">
        <v>49399.371900826503</v>
      </c>
      <c r="AE1367" s="53">
        <v>49399.371900826503</v>
      </c>
      <c r="AF1367" s="53">
        <v>49399.371900826503</v>
      </c>
      <c r="AG1367" s="53">
        <v>49399.371900826503</v>
      </c>
      <c r="AH1367" s="53">
        <v>49399.371900826503</v>
      </c>
      <c r="AI1367" s="53">
        <v>49399.371900826503</v>
      </c>
      <c r="AJ1367" s="53">
        <v>49399.371900826503</v>
      </c>
      <c r="AK1367" s="53">
        <v>49399.371900826503</v>
      </c>
      <c r="AL1367" s="53">
        <v>49399.371900826503</v>
      </c>
      <c r="AM1367" s="53">
        <v>49399.371900826402</v>
      </c>
      <c r="AN1367" s="53">
        <v>592792.46280991798</v>
      </c>
      <c r="AO1367" s="53">
        <v>49399.371900826503</v>
      </c>
      <c r="AP1367" s="53">
        <v>49399.371900826402</v>
      </c>
      <c r="AQ1367" s="53">
        <v>49399.371900826402</v>
      </c>
      <c r="AR1367" s="53">
        <v>49399.371900826402</v>
      </c>
      <c r="AS1367" s="53">
        <v>49399.371900826402</v>
      </c>
      <c r="AT1367" s="53">
        <v>49399.371900826402</v>
      </c>
      <c r="AU1367" s="53">
        <v>49399.371900826402</v>
      </c>
      <c r="AV1367" s="53">
        <v>49399.371900826402</v>
      </c>
      <c r="AW1367" s="53">
        <v>49399.371900826402</v>
      </c>
      <c r="AX1367" s="53">
        <v>49399.371900826402</v>
      </c>
      <c r="AY1367" s="53">
        <v>49399.371900826503</v>
      </c>
      <c r="AZ1367" s="53">
        <v>49399.371900826402</v>
      </c>
      <c r="BA1367" s="53">
        <v>592792.46280991798</v>
      </c>
    </row>
    <row r="1368" spans="1:53">
      <c r="A1368" s="52" t="s">
        <v>724</v>
      </c>
      <c r="B1368" s="53">
        <v>13370.822605965401</v>
      </c>
      <c r="C1368" s="53">
        <v>13370.822605965401</v>
      </c>
      <c r="D1368" s="53">
        <v>13370.822605965401</v>
      </c>
      <c r="E1368" s="53">
        <v>13370.822605965401</v>
      </c>
      <c r="F1368" s="53">
        <v>13370.822605965401</v>
      </c>
      <c r="G1368" s="53">
        <v>13370.822605965401</v>
      </c>
      <c r="H1368" s="53">
        <v>13370.822605965401</v>
      </c>
      <c r="I1368" s="53">
        <v>13370.822605965401</v>
      </c>
      <c r="J1368" s="53">
        <v>13370.822605965401</v>
      </c>
      <c r="K1368" s="53">
        <v>13370.822605965401</v>
      </c>
      <c r="L1368" s="53">
        <v>13370.822605965401</v>
      </c>
      <c r="M1368" s="53">
        <v>13370.822605965401</v>
      </c>
      <c r="N1368" s="53">
        <v>160449.871271585</v>
      </c>
      <c r="O1368" s="53">
        <v>13370.822605965401</v>
      </c>
      <c r="P1368" s="53">
        <v>13370.822605965401</v>
      </c>
      <c r="Q1368" s="53">
        <v>13370.822605965401</v>
      </c>
      <c r="R1368" s="53">
        <v>13370.822605965401</v>
      </c>
      <c r="S1368" s="53">
        <v>13370.822605965401</v>
      </c>
      <c r="T1368" s="53">
        <v>13370.822605965401</v>
      </c>
      <c r="U1368" s="53">
        <v>13370.822605965401</v>
      </c>
      <c r="V1368" s="53">
        <v>13370.822605965401</v>
      </c>
      <c r="W1368" s="53">
        <v>13370.822605965401</v>
      </c>
      <c r="X1368" s="53">
        <v>13370.822605965401</v>
      </c>
      <c r="Y1368" s="53">
        <v>13370.822605965401</v>
      </c>
      <c r="Z1368" s="53">
        <v>13370.822605965401</v>
      </c>
      <c r="AA1368" s="53">
        <v>160449.871271585</v>
      </c>
      <c r="AB1368" s="53">
        <v>13370.822605965401</v>
      </c>
      <c r="AC1368" s="53">
        <v>13370.822605965401</v>
      </c>
      <c r="AD1368" s="53">
        <v>13370.822605965401</v>
      </c>
      <c r="AE1368" s="53">
        <v>13370.822605965401</v>
      </c>
      <c r="AF1368" s="53">
        <v>13370.822605965401</v>
      </c>
      <c r="AG1368" s="53">
        <v>13370.822605965401</v>
      </c>
      <c r="AH1368" s="53">
        <v>13370.822605965401</v>
      </c>
      <c r="AI1368" s="53">
        <v>13370.822605965401</v>
      </c>
      <c r="AJ1368" s="53">
        <v>13370.822605965401</v>
      </c>
      <c r="AK1368" s="53">
        <v>13370.822605965401</v>
      </c>
      <c r="AL1368" s="53">
        <v>13370.822605965401</v>
      </c>
      <c r="AM1368" s="53">
        <v>13370.822605965401</v>
      </c>
      <c r="AN1368" s="53">
        <v>160449.871271585</v>
      </c>
      <c r="AO1368" s="53">
        <v>13370.822605965401</v>
      </c>
      <c r="AP1368" s="53">
        <v>13370.822605965401</v>
      </c>
      <c r="AQ1368" s="53">
        <v>13370.822605965401</v>
      </c>
      <c r="AR1368" s="53">
        <v>13370.822605965401</v>
      </c>
      <c r="AS1368" s="53">
        <v>13370.822605965401</v>
      </c>
      <c r="AT1368" s="53">
        <v>13370.822605965401</v>
      </c>
      <c r="AU1368" s="53">
        <v>13370.822605965401</v>
      </c>
      <c r="AV1368" s="53">
        <v>13370.822605965401</v>
      </c>
      <c r="AW1368" s="53">
        <v>13370.822605965401</v>
      </c>
      <c r="AX1368" s="53">
        <v>13370.822605965401</v>
      </c>
      <c r="AY1368" s="53">
        <v>13370.822605965401</v>
      </c>
      <c r="AZ1368" s="53">
        <v>13370.822605965401</v>
      </c>
      <c r="BA1368" s="53">
        <v>160449.871271585</v>
      </c>
    </row>
    <row r="1369" spans="1:53">
      <c r="A1369" s="52" t="s">
        <v>725</v>
      </c>
      <c r="B1369" s="53">
        <v>44991.872611464903</v>
      </c>
      <c r="C1369" s="53">
        <v>44991.872611464903</v>
      </c>
      <c r="D1369" s="53">
        <v>44991.872611464903</v>
      </c>
      <c r="E1369" s="53">
        <v>44991.872611464903</v>
      </c>
      <c r="F1369" s="53">
        <v>44991.872611464903</v>
      </c>
      <c r="G1369" s="53">
        <v>44991.872611464903</v>
      </c>
      <c r="H1369" s="53">
        <v>44991.872611464903</v>
      </c>
      <c r="I1369" s="53">
        <v>44991.872611464903</v>
      </c>
      <c r="J1369" s="53">
        <v>44991.872611464903</v>
      </c>
      <c r="K1369" s="53">
        <v>44991.872611464903</v>
      </c>
      <c r="L1369" s="53">
        <v>44991.872611464903</v>
      </c>
      <c r="M1369" s="53">
        <v>44991.872611464903</v>
      </c>
      <c r="N1369" s="53">
        <v>539902.47133757896</v>
      </c>
      <c r="O1369" s="53">
        <v>44991.872611464903</v>
      </c>
      <c r="P1369" s="53">
        <v>44991.872611464903</v>
      </c>
      <c r="Q1369" s="53">
        <v>44991.872611464903</v>
      </c>
      <c r="R1369" s="53">
        <v>44991.872611464903</v>
      </c>
      <c r="S1369" s="53">
        <v>44991.872611464903</v>
      </c>
      <c r="T1369" s="53">
        <v>44991.872611464903</v>
      </c>
      <c r="U1369" s="53">
        <v>44991.872611464903</v>
      </c>
      <c r="V1369" s="53">
        <v>44991.872611464903</v>
      </c>
      <c r="W1369" s="53">
        <v>44991.872611464903</v>
      </c>
      <c r="X1369" s="53">
        <v>44991.872611464903</v>
      </c>
      <c r="Y1369" s="53">
        <v>44991.872611464903</v>
      </c>
      <c r="Z1369" s="53">
        <v>44991.872611464903</v>
      </c>
      <c r="AA1369" s="53">
        <v>539902.47133757896</v>
      </c>
      <c r="AB1369" s="53">
        <v>44991.872611464903</v>
      </c>
      <c r="AC1369" s="53">
        <v>44991.872611464903</v>
      </c>
      <c r="AD1369" s="53">
        <v>44991.872611464903</v>
      </c>
      <c r="AE1369" s="53">
        <v>44991.872611464903</v>
      </c>
      <c r="AF1369" s="53">
        <v>44991.872611464903</v>
      </c>
      <c r="AG1369" s="53">
        <v>44991.872611464903</v>
      </c>
      <c r="AH1369" s="53">
        <v>44991.872611464903</v>
      </c>
      <c r="AI1369" s="53">
        <v>44991.872611464903</v>
      </c>
      <c r="AJ1369" s="53">
        <v>44991.872611464903</v>
      </c>
      <c r="AK1369" s="53">
        <v>44991.872611464903</v>
      </c>
      <c r="AL1369" s="53">
        <v>44991.872611464903</v>
      </c>
      <c r="AM1369" s="53">
        <v>44991.872611464903</v>
      </c>
      <c r="AN1369" s="53">
        <v>539902.47133757896</v>
      </c>
      <c r="AO1369" s="53">
        <v>44991.872611464903</v>
      </c>
      <c r="AP1369" s="53">
        <v>44991.872611464903</v>
      </c>
      <c r="AQ1369" s="53">
        <v>44991.872611464903</v>
      </c>
      <c r="AR1369" s="53">
        <v>44991.872611464903</v>
      </c>
      <c r="AS1369" s="53">
        <v>44991.872611464903</v>
      </c>
      <c r="AT1369" s="53">
        <v>44991.872611464903</v>
      </c>
      <c r="AU1369" s="53">
        <v>44991.872611464903</v>
      </c>
      <c r="AV1369" s="53">
        <v>44991.872611464903</v>
      </c>
      <c r="AW1369" s="53">
        <v>44991.872611464903</v>
      </c>
      <c r="AX1369" s="53">
        <v>44991.872611464903</v>
      </c>
      <c r="AY1369" s="53">
        <v>44991.872611464903</v>
      </c>
      <c r="AZ1369" s="53">
        <v>44991.872611464903</v>
      </c>
      <c r="BA1369" s="53">
        <v>539902.47133757896</v>
      </c>
    </row>
    <row r="1370" spans="1:53">
      <c r="A1370" s="52" t="s">
        <v>726</v>
      </c>
      <c r="B1370" s="53">
        <v>52157.242105263103</v>
      </c>
      <c r="C1370" s="53">
        <v>52157.242105263103</v>
      </c>
      <c r="D1370" s="53">
        <v>52157.242105263103</v>
      </c>
      <c r="E1370" s="53">
        <v>52157.242105263103</v>
      </c>
      <c r="F1370" s="53">
        <v>52157.242105263103</v>
      </c>
      <c r="G1370" s="53">
        <v>52157.242105263103</v>
      </c>
      <c r="H1370" s="53">
        <v>52157.242105263103</v>
      </c>
      <c r="I1370" s="53">
        <v>52157.242105263103</v>
      </c>
      <c r="J1370" s="53">
        <v>52157.242105263103</v>
      </c>
      <c r="K1370" s="53">
        <v>52157.242105263103</v>
      </c>
      <c r="L1370" s="53">
        <v>52157.242105263103</v>
      </c>
      <c r="M1370" s="53">
        <v>52157.242105263103</v>
      </c>
      <c r="N1370" s="53">
        <v>625886.90526315698</v>
      </c>
      <c r="O1370" s="53">
        <v>52157.242105263103</v>
      </c>
      <c r="P1370" s="53">
        <v>52157.242105263103</v>
      </c>
      <c r="Q1370" s="53">
        <v>52157.242105263103</v>
      </c>
      <c r="R1370" s="53">
        <v>52157.242105263002</v>
      </c>
      <c r="S1370" s="53">
        <v>52157.242105263002</v>
      </c>
      <c r="T1370" s="53">
        <v>52157.242105263002</v>
      </c>
      <c r="U1370" s="53">
        <v>52157.242105263103</v>
      </c>
      <c r="V1370" s="53">
        <v>52157.242105263002</v>
      </c>
      <c r="W1370" s="53">
        <v>52157.242105263002</v>
      </c>
      <c r="X1370" s="53">
        <v>52157.242105263002</v>
      </c>
      <c r="Y1370" s="53">
        <v>52157.242105263103</v>
      </c>
      <c r="Z1370" s="53">
        <v>52157.242105263002</v>
      </c>
      <c r="AA1370" s="53">
        <v>625886.90526315698</v>
      </c>
      <c r="AB1370" s="53">
        <v>52157.242105263002</v>
      </c>
      <c r="AC1370" s="53">
        <v>52157.242105263002</v>
      </c>
      <c r="AD1370" s="53">
        <v>52157.242105263002</v>
      </c>
      <c r="AE1370" s="53">
        <v>52157.242105263002</v>
      </c>
      <c r="AF1370" s="53">
        <v>52157.242105263002</v>
      </c>
      <c r="AG1370" s="53">
        <v>52157.242105263002</v>
      </c>
      <c r="AH1370" s="53">
        <v>52157.242105263002</v>
      </c>
      <c r="AI1370" s="53">
        <v>52157.242105263002</v>
      </c>
      <c r="AJ1370" s="53">
        <v>52157.242105263002</v>
      </c>
      <c r="AK1370" s="53">
        <v>52157.242105263002</v>
      </c>
      <c r="AL1370" s="53">
        <v>52157.242105263002</v>
      </c>
      <c r="AM1370" s="53">
        <v>52157.242105263002</v>
      </c>
      <c r="AN1370" s="53">
        <v>625886.90526315698</v>
      </c>
      <c r="AO1370" s="53">
        <v>52157.242105263002</v>
      </c>
      <c r="AP1370" s="53">
        <v>52157.242105263002</v>
      </c>
      <c r="AQ1370" s="53">
        <v>52157.242105263103</v>
      </c>
      <c r="AR1370" s="53">
        <v>52157.242105263002</v>
      </c>
      <c r="AS1370" s="53">
        <v>52157.242105263002</v>
      </c>
      <c r="AT1370" s="53">
        <v>52157.242105263002</v>
      </c>
      <c r="AU1370" s="53">
        <v>52157.242105263103</v>
      </c>
      <c r="AV1370" s="53">
        <v>52157.242105263002</v>
      </c>
      <c r="AW1370" s="53">
        <v>52157.242105263002</v>
      </c>
      <c r="AX1370" s="53">
        <v>52157.242105263002</v>
      </c>
      <c r="AY1370" s="53">
        <v>52157.242105263002</v>
      </c>
      <c r="AZ1370" s="53">
        <v>52157.242105263002</v>
      </c>
      <c r="BA1370" s="53">
        <v>625886.90526315698</v>
      </c>
    </row>
    <row r="1371" spans="1:53">
      <c r="A1371" s="52" t="s">
        <v>727</v>
      </c>
    </row>
    <row r="1372" spans="1:53">
      <c r="A1372" s="52" t="s">
        <v>728</v>
      </c>
      <c r="B1372" s="53">
        <v>38996.049261083703</v>
      </c>
      <c r="C1372" s="53">
        <v>38996.049261083703</v>
      </c>
      <c r="D1372" s="53">
        <v>38996.049261083703</v>
      </c>
      <c r="E1372" s="53">
        <v>38996.049261083703</v>
      </c>
      <c r="F1372" s="53">
        <v>38996.049261083703</v>
      </c>
      <c r="G1372" s="53">
        <v>38996.049261083703</v>
      </c>
      <c r="H1372" s="53">
        <v>38996.049261083703</v>
      </c>
      <c r="I1372" s="53">
        <v>38996.049261083703</v>
      </c>
      <c r="J1372" s="53">
        <v>38996.049261083703</v>
      </c>
      <c r="K1372" s="53">
        <v>38996.049261083703</v>
      </c>
      <c r="L1372" s="53">
        <v>38996.049261083703</v>
      </c>
      <c r="M1372" s="53">
        <v>38996.049261083703</v>
      </c>
      <c r="N1372" s="53">
        <v>467952.591133004</v>
      </c>
      <c r="O1372" s="53">
        <v>38996.049261083703</v>
      </c>
      <c r="P1372" s="53">
        <v>38996.049261083703</v>
      </c>
      <c r="Q1372" s="53">
        <v>38996.049261083703</v>
      </c>
      <c r="R1372" s="53">
        <v>38996.049261083703</v>
      </c>
      <c r="S1372" s="53">
        <v>38996.049261083703</v>
      </c>
      <c r="T1372" s="53">
        <v>38996.049261083703</v>
      </c>
      <c r="U1372" s="53">
        <v>38996.049261083703</v>
      </c>
      <c r="V1372" s="53">
        <v>38996.049261083703</v>
      </c>
      <c r="W1372" s="53">
        <v>38996.049261083703</v>
      </c>
      <c r="X1372" s="53">
        <v>38996.049261083703</v>
      </c>
      <c r="Y1372" s="53">
        <v>38996.049261083703</v>
      </c>
      <c r="Z1372" s="53">
        <v>38996.049261083703</v>
      </c>
      <c r="AA1372" s="53">
        <v>467952.591133004</v>
      </c>
      <c r="AB1372" s="53">
        <v>38996.049261083703</v>
      </c>
      <c r="AC1372" s="53">
        <v>38996.049261083703</v>
      </c>
      <c r="AD1372" s="53">
        <v>38996.049261083703</v>
      </c>
      <c r="AE1372" s="53">
        <v>38996.049261083703</v>
      </c>
      <c r="AF1372" s="53">
        <v>38996.049261083703</v>
      </c>
      <c r="AG1372" s="53">
        <v>38996.049261083703</v>
      </c>
      <c r="AH1372" s="53">
        <v>38996.049261083703</v>
      </c>
      <c r="AI1372" s="53">
        <v>38996.049261083703</v>
      </c>
      <c r="AJ1372" s="53">
        <v>38996.049261083703</v>
      </c>
      <c r="AK1372" s="53">
        <v>38996.049261083703</v>
      </c>
      <c r="AL1372" s="53">
        <v>38996.049261083703</v>
      </c>
      <c r="AM1372" s="53">
        <v>38996.049261083703</v>
      </c>
      <c r="AN1372" s="53">
        <v>467952.591133004</v>
      </c>
      <c r="AO1372" s="53">
        <v>38996.049261083703</v>
      </c>
      <c r="AP1372" s="53">
        <v>38996.049261083703</v>
      </c>
      <c r="AQ1372" s="53">
        <v>38996.049261083703</v>
      </c>
      <c r="AR1372" s="53">
        <v>38996.049261083703</v>
      </c>
      <c r="AS1372" s="53">
        <v>38996.049261083703</v>
      </c>
      <c r="AT1372" s="53">
        <v>38996.049261083703</v>
      </c>
      <c r="AU1372" s="53">
        <v>38996.049261083703</v>
      </c>
      <c r="AV1372" s="53">
        <v>38996.049261083703</v>
      </c>
      <c r="AW1372" s="53">
        <v>38996.049261083703</v>
      </c>
      <c r="AX1372" s="53">
        <v>38996.049261083703</v>
      </c>
      <c r="AY1372" s="53">
        <v>38996.049261083703</v>
      </c>
      <c r="AZ1372" s="53">
        <v>38996.049261083703</v>
      </c>
      <c r="BA1372" s="53">
        <v>467952.591133004</v>
      </c>
    </row>
    <row r="1373" spans="1:53">
      <c r="A1373" s="52" t="s">
        <v>729</v>
      </c>
      <c r="B1373" s="53">
        <v>48595.514644351497</v>
      </c>
      <c r="C1373" s="53">
        <v>48595.514644351497</v>
      </c>
      <c r="D1373" s="53">
        <v>48595.514644351497</v>
      </c>
      <c r="E1373" s="53">
        <v>48595.514644351497</v>
      </c>
      <c r="F1373" s="53">
        <v>48595.514644351497</v>
      </c>
      <c r="G1373" s="53">
        <v>48595.514644351497</v>
      </c>
      <c r="H1373" s="53">
        <v>48595.514644351497</v>
      </c>
      <c r="I1373" s="53">
        <v>48595.514644351497</v>
      </c>
      <c r="J1373" s="53">
        <v>48595.514644351497</v>
      </c>
      <c r="K1373" s="53">
        <v>48595.514644351497</v>
      </c>
      <c r="L1373" s="53">
        <v>48595.514644351497</v>
      </c>
      <c r="M1373" s="53">
        <v>48595.514644351497</v>
      </c>
      <c r="N1373" s="53">
        <v>583146.17573221796</v>
      </c>
      <c r="O1373" s="53">
        <v>48595.514644351497</v>
      </c>
      <c r="P1373" s="53">
        <v>48595.514644351497</v>
      </c>
      <c r="Q1373" s="53">
        <v>48595.514644351497</v>
      </c>
      <c r="R1373" s="53">
        <v>48595.514644351497</v>
      </c>
      <c r="S1373" s="53">
        <v>48595.514644351497</v>
      </c>
      <c r="T1373" s="53">
        <v>48595.514644351497</v>
      </c>
      <c r="U1373" s="53">
        <v>48595.514644351497</v>
      </c>
      <c r="V1373" s="53">
        <v>48595.514644351497</v>
      </c>
      <c r="W1373" s="53">
        <v>48595.514644351497</v>
      </c>
      <c r="X1373" s="53">
        <v>48595.514644351497</v>
      </c>
      <c r="Y1373" s="53">
        <v>48595.514644351497</v>
      </c>
      <c r="Z1373" s="53">
        <v>48595.514644351497</v>
      </c>
      <c r="AA1373" s="53">
        <v>583146.17573221796</v>
      </c>
      <c r="AB1373" s="53">
        <v>48595.514644351497</v>
      </c>
      <c r="AC1373" s="53">
        <v>48595.514644351497</v>
      </c>
      <c r="AD1373" s="53">
        <v>48595.514644351497</v>
      </c>
      <c r="AE1373" s="53">
        <v>48595.514644351497</v>
      </c>
      <c r="AF1373" s="53">
        <v>48595.514644351497</v>
      </c>
      <c r="AG1373" s="53">
        <v>48595.514644351497</v>
      </c>
      <c r="AH1373" s="53">
        <v>48595.514644351497</v>
      </c>
      <c r="AI1373" s="53">
        <v>48595.514644351497</v>
      </c>
      <c r="AJ1373" s="53">
        <v>48595.514644351497</v>
      </c>
      <c r="AK1373" s="53">
        <v>48595.514644351497</v>
      </c>
      <c r="AL1373" s="53">
        <v>48595.514644351497</v>
      </c>
      <c r="AM1373" s="53">
        <v>48595.514644351497</v>
      </c>
      <c r="AN1373" s="53">
        <v>583146.17573221796</v>
      </c>
      <c r="AO1373" s="53">
        <v>48595.514644351497</v>
      </c>
      <c r="AP1373" s="53">
        <v>48595.514644351497</v>
      </c>
      <c r="AQ1373" s="53">
        <v>48595.514644351497</v>
      </c>
      <c r="AR1373" s="53">
        <v>48595.514644351497</v>
      </c>
      <c r="AS1373" s="53">
        <v>48595.514644351497</v>
      </c>
      <c r="AT1373" s="53">
        <v>48595.514644351497</v>
      </c>
      <c r="AU1373" s="53">
        <v>48595.514644351497</v>
      </c>
      <c r="AV1373" s="53">
        <v>48595.514644351497</v>
      </c>
      <c r="AW1373" s="53">
        <v>48595.514644351497</v>
      </c>
      <c r="AX1373" s="53">
        <v>48595.514644351497</v>
      </c>
      <c r="AY1373" s="53">
        <v>48595.514644351497</v>
      </c>
      <c r="AZ1373" s="53">
        <v>48595.514644351497</v>
      </c>
      <c r="BA1373" s="53">
        <v>583146.17573221796</v>
      </c>
    </row>
    <row r="1374" spans="1:53">
      <c r="A1374" s="52" t="s">
        <v>730</v>
      </c>
      <c r="B1374" s="53">
        <v>16652.086230876201</v>
      </c>
      <c r="C1374" s="53">
        <v>16652.086230876201</v>
      </c>
      <c r="D1374" s="53">
        <v>16652.086230876201</v>
      </c>
      <c r="E1374" s="53">
        <v>16652.086230876201</v>
      </c>
      <c r="F1374" s="53">
        <v>16652.086230876201</v>
      </c>
      <c r="G1374" s="53">
        <v>16652.086230876201</v>
      </c>
      <c r="H1374" s="53">
        <v>16652.086230876201</v>
      </c>
      <c r="I1374" s="53">
        <v>16652.086230876201</v>
      </c>
      <c r="J1374" s="53">
        <v>16652.086230876201</v>
      </c>
      <c r="K1374" s="53">
        <v>16652.086230876201</v>
      </c>
      <c r="L1374" s="53">
        <v>16652.086230876201</v>
      </c>
      <c r="M1374" s="53">
        <v>16652.086230876201</v>
      </c>
      <c r="N1374" s="53">
        <v>199825.034770514</v>
      </c>
      <c r="O1374" s="53">
        <v>16652.086230876201</v>
      </c>
      <c r="P1374" s="53">
        <v>16652.086230876201</v>
      </c>
      <c r="Q1374" s="53">
        <v>16652.086230876201</v>
      </c>
      <c r="R1374" s="53">
        <v>16652.086230876201</v>
      </c>
      <c r="S1374" s="53">
        <v>16652.086230876201</v>
      </c>
      <c r="T1374" s="53">
        <v>16652.086230876201</v>
      </c>
      <c r="U1374" s="53">
        <v>16652.086230876201</v>
      </c>
      <c r="V1374" s="53">
        <v>16652.086230876201</v>
      </c>
      <c r="W1374" s="53">
        <v>16652.086230876201</v>
      </c>
      <c r="X1374" s="53">
        <v>16652.086230876201</v>
      </c>
      <c r="Y1374" s="53">
        <v>16652.086230876201</v>
      </c>
      <c r="Z1374" s="53">
        <v>16652.086230876201</v>
      </c>
      <c r="AA1374" s="53">
        <v>199825.034770514</v>
      </c>
      <c r="AB1374" s="53">
        <v>16652.086230876201</v>
      </c>
      <c r="AC1374" s="53">
        <v>16652.086230876201</v>
      </c>
      <c r="AD1374" s="53">
        <v>16652.086230876201</v>
      </c>
      <c r="AE1374" s="53">
        <v>16652.086230876201</v>
      </c>
      <c r="AF1374" s="53">
        <v>16652.086230876201</v>
      </c>
      <c r="AG1374" s="53">
        <v>16652.086230876201</v>
      </c>
      <c r="AH1374" s="53">
        <v>16652.086230876201</v>
      </c>
      <c r="AI1374" s="53">
        <v>16652.086230876201</v>
      </c>
      <c r="AJ1374" s="53">
        <v>16652.086230876201</v>
      </c>
      <c r="AK1374" s="53">
        <v>16652.086230876201</v>
      </c>
      <c r="AL1374" s="53">
        <v>16652.086230876201</v>
      </c>
      <c r="AM1374" s="53">
        <v>16652.086230876201</v>
      </c>
      <c r="AN1374" s="53">
        <v>199825.034770514</v>
      </c>
      <c r="AO1374" s="53">
        <v>16652.086230876201</v>
      </c>
      <c r="AP1374" s="53">
        <v>16652.086230876201</v>
      </c>
      <c r="AQ1374" s="53">
        <v>16652.086230876201</v>
      </c>
      <c r="AR1374" s="53">
        <v>16652.086230876201</v>
      </c>
      <c r="AS1374" s="53">
        <v>16652.086230876201</v>
      </c>
      <c r="AT1374" s="53">
        <v>16652.086230876201</v>
      </c>
      <c r="AU1374" s="53">
        <v>16652.086230876201</v>
      </c>
      <c r="AV1374" s="53">
        <v>16652.086230876201</v>
      </c>
      <c r="AW1374" s="53">
        <v>16652.086230876201</v>
      </c>
      <c r="AX1374" s="53">
        <v>16652.086230876201</v>
      </c>
      <c r="AY1374" s="53">
        <v>16652.086230876201</v>
      </c>
      <c r="AZ1374" s="53">
        <v>16652.086230876201</v>
      </c>
      <c r="BA1374" s="53">
        <v>199825.034770514</v>
      </c>
    </row>
    <row r="1375" spans="1:53">
      <c r="A1375" s="52" t="s">
        <v>732</v>
      </c>
    </row>
    <row r="1376" spans="1:53">
      <c r="A1376" s="52" t="s">
        <v>711</v>
      </c>
      <c r="B1376" s="53">
        <v>1213.9315068493099</v>
      </c>
      <c r="C1376" s="53">
        <v>1213.9315068493099</v>
      </c>
      <c r="D1376" s="53">
        <v>1213.9315068493099</v>
      </c>
      <c r="E1376" s="53">
        <v>1213.9315068493099</v>
      </c>
      <c r="F1376" s="53">
        <v>1213.9315068493099</v>
      </c>
      <c r="G1376" s="53">
        <v>1213.9315068493099</v>
      </c>
      <c r="H1376" s="53">
        <v>1213.9315068493099</v>
      </c>
      <c r="I1376" s="53">
        <v>1213.9315068493099</v>
      </c>
      <c r="J1376" s="53">
        <v>1213.9315068493099</v>
      </c>
      <c r="K1376" s="53">
        <v>1213.9315068493099</v>
      </c>
      <c r="L1376" s="53">
        <v>1213.9315068493099</v>
      </c>
      <c r="M1376" s="53">
        <v>1213.9315068493099</v>
      </c>
      <c r="N1376" s="53">
        <v>14567.1780821917</v>
      </c>
      <c r="O1376" s="53">
        <v>1213.9315068493099</v>
      </c>
      <c r="P1376" s="53">
        <v>1213.9315068493099</v>
      </c>
      <c r="Q1376" s="53">
        <v>1213.9315068493099</v>
      </c>
      <c r="R1376" s="53">
        <v>1213.9315068493099</v>
      </c>
      <c r="S1376" s="53">
        <v>1213.9315068493099</v>
      </c>
      <c r="T1376" s="53">
        <v>1213.9315068493099</v>
      </c>
      <c r="U1376" s="53">
        <v>1213.9315068493099</v>
      </c>
      <c r="V1376" s="53">
        <v>1213.9315068493099</v>
      </c>
      <c r="W1376" s="53">
        <v>1213.9315068493099</v>
      </c>
      <c r="X1376" s="53">
        <v>1213.9315068493099</v>
      </c>
      <c r="Y1376" s="53">
        <v>1213.9315068493099</v>
      </c>
      <c r="Z1376" s="53">
        <v>1213.9315068493099</v>
      </c>
      <c r="AA1376" s="53">
        <v>14567.1780821917</v>
      </c>
      <c r="AB1376" s="53">
        <v>1213.9315068493099</v>
      </c>
      <c r="AC1376" s="53">
        <v>1213.9315068493099</v>
      </c>
      <c r="AD1376" s="53">
        <v>1213.9315068493099</v>
      </c>
      <c r="AE1376" s="53">
        <v>1213.9315068493099</v>
      </c>
      <c r="AF1376" s="53">
        <v>1213.9315068493099</v>
      </c>
      <c r="AG1376" s="53">
        <v>1213.9315068493099</v>
      </c>
      <c r="AH1376" s="53">
        <v>1213.9315068493099</v>
      </c>
      <c r="AI1376" s="53">
        <v>1213.9315068493099</v>
      </c>
      <c r="AJ1376" s="53">
        <v>1213.9315068493099</v>
      </c>
      <c r="AK1376" s="53">
        <v>1213.9315068493099</v>
      </c>
      <c r="AL1376" s="53">
        <v>1213.9315068493099</v>
      </c>
      <c r="AM1376" s="53">
        <v>1213.9315068493099</v>
      </c>
      <c r="AN1376" s="53">
        <v>14567.1780821917</v>
      </c>
      <c r="AO1376" s="53">
        <v>1213.9315068493099</v>
      </c>
      <c r="AP1376" s="53">
        <v>1213.9315068493099</v>
      </c>
      <c r="AQ1376" s="53">
        <v>1213.9315068493099</v>
      </c>
      <c r="AR1376" s="53">
        <v>1213.9315068493099</v>
      </c>
      <c r="AS1376" s="53">
        <v>1213.9315068493099</v>
      </c>
      <c r="AT1376" s="53">
        <v>1213.9315068493099</v>
      </c>
      <c r="AU1376" s="53">
        <v>1213.9315068493099</v>
      </c>
      <c r="AV1376" s="53">
        <v>1213.9315068493099</v>
      </c>
      <c r="AW1376" s="53">
        <v>1213.9315068493099</v>
      </c>
      <c r="AX1376" s="53">
        <v>1213.9315068493099</v>
      </c>
      <c r="AY1376" s="53">
        <v>1213.9315068493099</v>
      </c>
      <c r="AZ1376" s="53">
        <v>1213.9315068493099</v>
      </c>
      <c r="BA1376" s="53">
        <v>14567.1780821917</v>
      </c>
    </row>
    <row r="1377" spans="1:53">
      <c r="A1377" s="52" t="s">
        <v>712</v>
      </c>
      <c r="B1377" s="53">
        <v>1583.15671641791</v>
      </c>
      <c r="C1377" s="53">
        <v>1583.15671641791</v>
      </c>
      <c r="D1377" s="53">
        <v>1583.15671641791</v>
      </c>
      <c r="E1377" s="53">
        <v>1583.15671641791</v>
      </c>
      <c r="F1377" s="53">
        <v>1583.15671641791</v>
      </c>
      <c r="G1377" s="53">
        <v>1583.15671641791</v>
      </c>
      <c r="H1377" s="53">
        <v>1583.15671641791</v>
      </c>
      <c r="I1377" s="53">
        <v>1583.15671641791</v>
      </c>
      <c r="J1377" s="53">
        <v>1583.15671641791</v>
      </c>
      <c r="K1377" s="53">
        <v>1583.15671641791</v>
      </c>
      <c r="L1377" s="53">
        <v>1583.15671641791</v>
      </c>
      <c r="M1377" s="53">
        <v>1583.15671641791</v>
      </c>
      <c r="N1377" s="53">
        <v>18997.880597014901</v>
      </c>
      <c r="O1377" s="53">
        <v>1583.15671641791</v>
      </c>
      <c r="P1377" s="53">
        <v>1583.15671641791</v>
      </c>
      <c r="Q1377" s="53">
        <v>1583.15671641791</v>
      </c>
      <c r="R1377" s="53">
        <v>1583.15671641791</v>
      </c>
      <c r="S1377" s="53">
        <v>1583.15671641791</v>
      </c>
      <c r="T1377" s="53">
        <v>1583.15671641791</v>
      </c>
      <c r="U1377" s="53">
        <v>1583.15671641791</v>
      </c>
      <c r="V1377" s="53">
        <v>1583.15671641791</v>
      </c>
      <c r="W1377" s="53">
        <v>1583.15671641791</v>
      </c>
      <c r="X1377" s="53">
        <v>1583.15671641791</v>
      </c>
      <c r="Y1377" s="53">
        <v>1583.15671641791</v>
      </c>
      <c r="Z1377" s="53">
        <v>1583.15671641791</v>
      </c>
      <c r="AA1377" s="53">
        <v>18997.880597014901</v>
      </c>
      <c r="AB1377" s="53">
        <v>1583.15671641791</v>
      </c>
      <c r="AC1377" s="53">
        <v>1583.15671641791</v>
      </c>
      <c r="AD1377" s="53">
        <v>1583.15671641791</v>
      </c>
      <c r="AE1377" s="53">
        <v>1583.15671641791</v>
      </c>
      <c r="AF1377" s="53">
        <v>1583.15671641791</v>
      </c>
      <c r="AG1377" s="53">
        <v>1583.15671641791</v>
      </c>
      <c r="AH1377" s="53">
        <v>1583.15671641791</v>
      </c>
      <c r="AI1377" s="53">
        <v>1583.15671641791</v>
      </c>
      <c r="AJ1377" s="53">
        <v>1583.15671641791</v>
      </c>
      <c r="AK1377" s="53">
        <v>1583.15671641791</v>
      </c>
      <c r="AL1377" s="53">
        <v>1583.15671641791</v>
      </c>
      <c r="AM1377" s="53">
        <v>1583.15671641791</v>
      </c>
      <c r="AN1377" s="53">
        <v>18997.880597014901</v>
      </c>
      <c r="AO1377" s="53">
        <v>1583.15671641791</v>
      </c>
      <c r="AP1377" s="53">
        <v>1583.15671641791</v>
      </c>
      <c r="AQ1377" s="53">
        <v>1583.15671641791</v>
      </c>
      <c r="AR1377" s="53">
        <v>1583.15671641791</v>
      </c>
      <c r="AS1377" s="53">
        <v>1583.15671641791</v>
      </c>
      <c r="AT1377" s="53">
        <v>1583.15671641791</v>
      </c>
      <c r="AU1377" s="53">
        <v>1583.15671641791</v>
      </c>
      <c r="AV1377" s="53">
        <v>1583.15671641791</v>
      </c>
      <c r="AW1377" s="53">
        <v>1583.15671641791</v>
      </c>
      <c r="AX1377" s="53">
        <v>1583.15671641791</v>
      </c>
      <c r="AY1377" s="53">
        <v>1583.15671641791</v>
      </c>
      <c r="AZ1377" s="53">
        <v>1583.15671641791</v>
      </c>
      <c r="BA1377" s="53">
        <v>18997.880597014901</v>
      </c>
    </row>
    <row r="1378" spans="1:53">
      <c r="A1378" s="52" t="s">
        <v>713</v>
      </c>
      <c r="B1378" s="53">
        <v>1833.3899204244001</v>
      </c>
      <c r="C1378" s="53">
        <v>1833.3899204244001</v>
      </c>
      <c r="D1378" s="53">
        <v>1833.3899204244001</v>
      </c>
      <c r="E1378" s="53">
        <v>1833.3899204244001</v>
      </c>
      <c r="F1378" s="53">
        <v>1833.3899204244001</v>
      </c>
      <c r="G1378" s="53">
        <v>1833.3899204244001</v>
      </c>
      <c r="H1378" s="53">
        <v>1833.3899204244001</v>
      </c>
      <c r="I1378" s="53">
        <v>1833.3899204244001</v>
      </c>
      <c r="J1378" s="53">
        <v>1833.3899204244001</v>
      </c>
      <c r="K1378" s="53">
        <v>1833.3899204244001</v>
      </c>
      <c r="L1378" s="53">
        <v>1833.3899204244001</v>
      </c>
      <c r="M1378" s="53">
        <v>1833.3899204244001</v>
      </c>
      <c r="N1378" s="53">
        <v>22000.679045092798</v>
      </c>
      <c r="O1378" s="53">
        <v>1833.3899204244001</v>
      </c>
      <c r="P1378" s="53">
        <v>1833.3899204244001</v>
      </c>
      <c r="Q1378" s="53">
        <v>1833.3899204244001</v>
      </c>
      <c r="R1378" s="53">
        <v>1833.3899204244001</v>
      </c>
      <c r="S1378" s="53">
        <v>1833.3899204244001</v>
      </c>
      <c r="T1378" s="53">
        <v>1833.3899204244001</v>
      </c>
      <c r="U1378" s="53">
        <v>1833.3899204244001</v>
      </c>
      <c r="V1378" s="53">
        <v>1833.3899204244001</v>
      </c>
      <c r="W1378" s="53">
        <v>1833.3899204244001</v>
      </c>
      <c r="X1378" s="53">
        <v>1833.3899204244001</v>
      </c>
      <c r="Y1378" s="53">
        <v>1833.3899204244001</v>
      </c>
      <c r="Z1378" s="53">
        <v>1833.3899204244001</v>
      </c>
      <c r="AA1378" s="53">
        <v>22000.679045092798</v>
      </c>
      <c r="AB1378" s="53">
        <v>1833.3899204244001</v>
      </c>
      <c r="AC1378" s="53">
        <v>1833.3899204244001</v>
      </c>
      <c r="AD1378" s="53">
        <v>1833.3899204244001</v>
      </c>
      <c r="AE1378" s="53">
        <v>1833.3899204244001</v>
      </c>
      <c r="AF1378" s="53">
        <v>1833.3899204244001</v>
      </c>
      <c r="AG1378" s="53">
        <v>1833.3899204244001</v>
      </c>
      <c r="AH1378" s="53">
        <v>1833.3899204244001</v>
      </c>
      <c r="AI1378" s="53">
        <v>1833.3899204244001</v>
      </c>
      <c r="AJ1378" s="53">
        <v>1833.3899204244001</v>
      </c>
      <c r="AK1378" s="53">
        <v>1833.3899204244001</v>
      </c>
      <c r="AL1378" s="53">
        <v>1833.3899204244001</v>
      </c>
      <c r="AM1378" s="53">
        <v>1833.3899204244001</v>
      </c>
      <c r="AN1378" s="53">
        <v>22000.679045092798</v>
      </c>
      <c r="AO1378" s="53">
        <v>1833.3899204244001</v>
      </c>
      <c r="AP1378" s="53">
        <v>1833.3899204244001</v>
      </c>
      <c r="AQ1378" s="53">
        <v>1833.3899204244001</v>
      </c>
      <c r="AR1378" s="53">
        <v>1833.3899204244001</v>
      </c>
      <c r="AS1378" s="53">
        <v>1833.3899204244001</v>
      </c>
      <c r="AT1378" s="53">
        <v>1833.3899204244001</v>
      </c>
      <c r="AU1378" s="53">
        <v>1833.3899204244001</v>
      </c>
      <c r="AV1378" s="53">
        <v>1833.3899204244001</v>
      </c>
      <c r="AW1378" s="53">
        <v>1833.3899204244001</v>
      </c>
      <c r="AX1378" s="53">
        <v>1833.3899204244001</v>
      </c>
      <c r="AY1378" s="53">
        <v>1833.3899204244001</v>
      </c>
      <c r="AZ1378" s="53">
        <v>1833.3899204244001</v>
      </c>
      <c r="BA1378" s="53">
        <v>22000.679045092798</v>
      </c>
    </row>
    <row r="1379" spans="1:53">
      <c r="A1379" s="52" t="s">
        <v>714</v>
      </c>
    </row>
    <row r="1380" spans="1:53">
      <c r="A1380" s="52" t="s">
        <v>715</v>
      </c>
    </row>
    <row r="1381" spans="1:53">
      <c r="A1381" s="52" t="s">
        <v>716</v>
      </c>
      <c r="B1381" s="53">
        <v>11723.4531645569</v>
      </c>
      <c r="C1381" s="53">
        <v>11723.4531645569</v>
      </c>
      <c r="D1381" s="53">
        <v>11723.4531645569</v>
      </c>
      <c r="E1381" s="53">
        <v>11723.4531645569</v>
      </c>
      <c r="F1381" s="53">
        <v>11723.4531645569</v>
      </c>
      <c r="G1381" s="53">
        <v>11723.4531645569</v>
      </c>
      <c r="H1381" s="53">
        <v>11723.4531645569</v>
      </c>
      <c r="I1381" s="53">
        <v>11723.4531645569</v>
      </c>
      <c r="J1381" s="53">
        <v>11723.4531645569</v>
      </c>
      <c r="K1381" s="53">
        <v>11723.4531645569</v>
      </c>
      <c r="L1381" s="53">
        <v>11723.4531645569</v>
      </c>
      <c r="M1381" s="53">
        <v>11723.4531645569</v>
      </c>
      <c r="N1381" s="53">
        <v>140681.43797468301</v>
      </c>
      <c r="O1381" s="53">
        <v>11723.4531645569</v>
      </c>
      <c r="P1381" s="53">
        <v>11723.4531645569</v>
      </c>
      <c r="Q1381" s="53">
        <v>11723.4531645569</v>
      </c>
      <c r="R1381" s="53">
        <v>11723.4531645569</v>
      </c>
      <c r="S1381" s="53">
        <v>11723.4531645569</v>
      </c>
      <c r="T1381" s="53">
        <v>11723.4531645569</v>
      </c>
      <c r="U1381" s="53">
        <v>11723.4531645569</v>
      </c>
      <c r="V1381" s="53">
        <v>11723.4531645569</v>
      </c>
      <c r="W1381" s="53">
        <v>11723.4531645569</v>
      </c>
      <c r="X1381" s="53">
        <v>11723.4531645569</v>
      </c>
      <c r="Y1381" s="53">
        <v>11723.4531645569</v>
      </c>
      <c r="Z1381" s="53">
        <v>11723.4531645569</v>
      </c>
      <c r="AA1381" s="53">
        <v>140681.43797468301</v>
      </c>
      <c r="AB1381" s="53">
        <v>11723.4531645569</v>
      </c>
      <c r="AC1381" s="53">
        <v>11723.4531645569</v>
      </c>
      <c r="AD1381" s="53">
        <v>11723.4531645569</v>
      </c>
      <c r="AE1381" s="53">
        <v>11723.4531645569</v>
      </c>
      <c r="AF1381" s="53">
        <v>11723.4531645569</v>
      </c>
      <c r="AG1381" s="53">
        <v>11723.4531645569</v>
      </c>
      <c r="AH1381" s="53">
        <v>11723.4531645569</v>
      </c>
      <c r="AI1381" s="53">
        <v>11723.4531645569</v>
      </c>
      <c r="AJ1381" s="53">
        <v>11723.4531645569</v>
      </c>
      <c r="AK1381" s="53">
        <v>11723.4531645569</v>
      </c>
      <c r="AL1381" s="53">
        <v>11723.4531645569</v>
      </c>
      <c r="AM1381" s="53">
        <v>11723.4531645569</v>
      </c>
      <c r="AN1381" s="53">
        <v>140681.43797468301</v>
      </c>
      <c r="AO1381" s="53">
        <v>11723.4531645569</v>
      </c>
      <c r="AP1381" s="53">
        <v>11723.4531645569</v>
      </c>
      <c r="AQ1381" s="53">
        <v>11723.4531645569</v>
      </c>
      <c r="AR1381" s="53">
        <v>11723.4531645569</v>
      </c>
      <c r="AS1381" s="53">
        <v>11723.4531645569</v>
      </c>
      <c r="AT1381" s="53">
        <v>11723.4531645569</v>
      </c>
      <c r="AU1381" s="53">
        <v>11723.4531645569</v>
      </c>
      <c r="AV1381" s="53">
        <v>11723.4531645569</v>
      </c>
      <c r="AW1381" s="53">
        <v>11723.4531645569</v>
      </c>
      <c r="AX1381" s="53">
        <v>11723.4531645569</v>
      </c>
      <c r="AY1381" s="53">
        <v>11723.4531645569</v>
      </c>
      <c r="AZ1381" s="53">
        <v>11723.4531645569</v>
      </c>
      <c r="BA1381" s="53">
        <v>140681.43797468301</v>
      </c>
    </row>
    <row r="1382" spans="1:53">
      <c r="A1382" s="52" t="s">
        <v>717</v>
      </c>
      <c r="B1382" s="53">
        <v>4051.8264840182601</v>
      </c>
      <c r="C1382" s="53">
        <v>4051.8264840182601</v>
      </c>
      <c r="D1382" s="53">
        <v>4051.8264840182601</v>
      </c>
      <c r="E1382" s="53">
        <v>4051.8264840182601</v>
      </c>
      <c r="F1382" s="53">
        <v>4051.8264840182601</v>
      </c>
      <c r="G1382" s="53">
        <v>4051.8264840182601</v>
      </c>
      <c r="H1382" s="53">
        <v>4051.8264840182601</v>
      </c>
      <c r="I1382" s="53">
        <v>4051.8264840182601</v>
      </c>
      <c r="J1382" s="53">
        <v>4051.8264840182601</v>
      </c>
      <c r="K1382" s="53">
        <v>4051.8264840182601</v>
      </c>
      <c r="L1382" s="53">
        <v>4051.8264840182601</v>
      </c>
      <c r="M1382" s="53">
        <v>4051.8264840182501</v>
      </c>
      <c r="N1382" s="53">
        <v>48621.917808219099</v>
      </c>
      <c r="O1382" s="53">
        <v>4051.8264840182501</v>
      </c>
      <c r="P1382" s="53">
        <v>4051.8264840182501</v>
      </c>
      <c r="Q1382" s="53">
        <v>4051.8264840182501</v>
      </c>
      <c r="R1382" s="53">
        <v>4051.8264840182501</v>
      </c>
      <c r="S1382" s="53">
        <v>4051.8264840182501</v>
      </c>
      <c r="T1382" s="53">
        <v>4051.8264840182501</v>
      </c>
      <c r="U1382" s="53">
        <v>4051.8264840182501</v>
      </c>
      <c r="V1382" s="53">
        <v>4051.8264840182501</v>
      </c>
      <c r="W1382" s="53">
        <v>4051.8264840182501</v>
      </c>
      <c r="X1382" s="53">
        <v>4051.8264840182501</v>
      </c>
      <c r="Y1382" s="53">
        <v>4051.8264840182501</v>
      </c>
      <c r="Z1382" s="53">
        <v>4051.8264840182501</v>
      </c>
      <c r="AA1382" s="53">
        <v>48621.917808218997</v>
      </c>
      <c r="AB1382" s="53">
        <v>4051.8264840182501</v>
      </c>
      <c r="AC1382" s="53">
        <v>4051.8264840182501</v>
      </c>
      <c r="AD1382" s="53">
        <v>4051.8264840182501</v>
      </c>
      <c r="AE1382" s="53">
        <v>4051.8264840182501</v>
      </c>
      <c r="AF1382" s="53">
        <v>4051.8264840182501</v>
      </c>
      <c r="AG1382" s="53">
        <v>4051.8264840182501</v>
      </c>
      <c r="AH1382" s="53">
        <v>4051.8264840182501</v>
      </c>
      <c r="AI1382" s="53">
        <v>4051.8264840182501</v>
      </c>
      <c r="AJ1382" s="53">
        <v>4051.8264840182501</v>
      </c>
      <c r="AK1382" s="53">
        <v>4051.8264840182501</v>
      </c>
      <c r="AL1382" s="53">
        <v>4051.8264840182501</v>
      </c>
      <c r="AM1382" s="53">
        <v>4051.8264840182501</v>
      </c>
      <c r="AN1382" s="53">
        <v>48621.917808218997</v>
      </c>
      <c r="AO1382" s="53">
        <v>4051.8264840182501</v>
      </c>
      <c r="AP1382" s="53">
        <v>4051.8264840182501</v>
      </c>
      <c r="AQ1382" s="53">
        <v>4051.8264840182501</v>
      </c>
      <c r="AR1382" s="53">
        <v>4051.8264840182501</v>
      </c>
      <c r="AS1382" s="53">
        <v>4051.8264840182501</v>
      </c>
      <c r="AT1382" s="53">
        <v>4051.8264840182501</v>
      </c>
      <c r="AU1382" s="53">
        <v>4051.8264840182501</v>
      </c>
      <c r="AV1382" s="53">
        <v>4051.8264840182501</v>
      </c>
      <c r="AW1382" s="53">
        <v>4051.8264840182501</v>
      </c>
      <c r="AX1382" s="53">
        <v>4051.8264840182501</v>
      </c>
      <c r="AY1382" s="53">
        <v>4051.8264840182401</v>
      </c>
      <c r="AZ1382" s="53">
        <v>4051.8264840182401</v>
      </c>
      <c r="BA1382" s="53">
        <v>48621.917808218997</v>
      </c>
    </row>
    <row r="1383" spans="1:53">
      <c r="A1383" s="52" t="s">
        <v>718</v>
      </c>
      <c r="B1383" s="53">
        <v>3523.4091816367199</v>
      </c>
      <c r="C1383" s="53">
        <v>3523.4091816367199</v>
      </c>
      <c r="D1383" s="53">
        <v>3523.4091816367199</v>
      </c>
      <c r="E1383" s="53">
        <v>3523.4091816367199</v>
      </c>
      <c r="F1383" s="53">
        <v>3523.4091816367199</v>
      </c>
      <c r="G1383" s="53">
        <v>3523.40918163673</v>
      </c>
      <c r="H1383" s="53">
        <v>3523.40918163673</v>
      </c>
      <c r="I1383" s="53">
        <v>3523.40918163673</v>
      </c>
      <c r="J1383" s="53">
        <v>3523.40918163673</v>
      </c>
      <c r="K1383" s="53">
        <v>3523.40918163673</v>
      </c>
      <c r="L1383" s="53">
        <v>3523.40918163673</v>
      </c>
      <c r="M1383" s="53">
        <v>3523.40918163673</v>
      </c>
      <c r="N1383" s="53">
        <v>42280.910179640698</v>
      </c>
      <c r="O1383" s="53">
        <v>3523.40918163673</v>
      </c>
      <c r="P1383" s="53">
        <v>3523.40918163673</v>
      </c>
      <c r="Q1383" s="53">
        <v>3523.40918163673</v>
      </c>
      <c r="R1383" s="53">
        <v>3523.40918163673</v>
      </c>
      <c r="S1383" s="53">
        <v>3523.40918163673</v>
      </c>
      <c r="T1383" s="53">
        <v>3523.40918163673</v>
      </c>
      <c r="U1383" s="53">
        <v>3523.40918163673</v>
      </c>
      <c r="V1383" s="53">
        <v>3523.40918163673</v>
      </c>
      <c r="W1383" s="53">
        <v>3523.40918163673</v>
      </c>
      <c r="X1383" s="53">
        <v>3523.40918163673</v>
      </c>
      <c r="Y1383" s="53">
        <v>3523.40918163673</v>
      </c>
      <c r="Z1383" s="53">
        <v>3523.40918163673</v>
      </c>
      <c r="AA1383" s="53">
        <v>42280.910179640799</v>
      </c>
      <c r="AB1383" s="53">
        <v>3523.40918163673</v>
      </c>
      <c r="AC1383" s="53">
        <v>3523.40918163673</v>
      </c>
      <c r="AD1383" s="53">
        <v>3523.40918163673</v>
      </c>
      <c r="AE1383" s="53">
        <v>3523.40918163673</v>
      </c>
      <c r="AF1383" s="53">
        <v>3523.40918163673</v>
      </c>
      <c r="AG1383" s="53">
        <v>3523.40918163673</v>
      </c>
      <c r="AH1383" s="53">
        <v>3523.40918163673</v>
      </c>
      <c r="AI1383" s="53">
        <v>3523.40918163673</v>
      </c>
      <c r="AJ1383" s="53">
        <v>3523.40918163673</v>
      </c>
      <c r="AK1383" s="53">
        <v>3523.40918163673</v>
      </c>
      <c r="AL1383" s="53">
        <v>3523.40918163673</v>
      </c>
      <c r="AM1383" s="53">
        <v>3523.40918163673</v>
      </c>
      <c r="AN1383" s="53">
        <v>42280.910179640799</v>
      </c>
      <c r="AO1383" s="53">
        <v>3523.40918163673</v>
      </c>
      <c r="AP1383" s="53">
        <v>3523.40918163673</v>
      </c>
      <c r="AQ1383" s="53">
        <v>3523.40918163673</v>
      </c>
      <c r="AR1383" s="53">
        <v>3523.40918163673</v>
      </c>
      <c r="AS1383" s="53">
        <v>3523.40918163673</v>
      </c>
      <c r="AT1383" s="53">
        <v>3523.40918163673</v>
      </c>
      <c r="AU1383" s="53">
        <v>3523.40918163673</v>
      </c>
      <c r="AV1383" s="53">
        <v>3523.40918163673</v>
      </c>
      <c r="AW1383" s="53">
        <v>3523.40918163673</v>
      </c>
      <c r="AX1383" s="53">
        <v>3523.40918163673</v>
      </c>
      <c r="AY1383" s="53">
        <v>3523.40918163673</v>
      </c>
      <c r="AZ1383" s="53">
        <v>3523.40918163673</v>
      </c>
      <c r="BA1383" s="53">
        <v>42280.910179640799</v>
      </c>
    </row>
    <row r="1384" spans="1:53">
      <c r="A1384" s="52" t="s">
        <v>721</v>
      </c>
      <c r="B1384" s="53">
        <v>9347.6262626262505</v>
      </c>
      <c r="C1384" s="53">
        <v>9347.6262626262505</v>
      </c>
      <c r="D1384" s="53">
        <v>9347.6262626262505</v>
      </c>
      <c r="E1384" s="53">
        <v>9347.6262626262505</v>
      </c>
      <c r="F1384" s="53">
        <v>9347.6262626262505</v>
      </c>
      <c r="G1384" s="53">
        <v>9347.6262626262505</v>
      </c>
      <c r="H1384" s="53">
        <v>9347.6262626262505</v>
      </c>
      <c r="I1384" s="53">
        <v>9347.6262626262505</v>
      </c>
      <c r="J1384" s="53">
        <v>9347.6262626262505</v>
      </c>
      <c r="K1384" s="53">
        <v>9347.6262626262505</v>
      </c>
      <c r="L1384" s="53">
        <v>9347.6262626262505</v>
      </c>
      <c r="M1384" s="53">
        <v>9347.6262626262505</v>
      </c>
      <c r="N1384" s="53">
        <v>112171.51515151501</v>
      </c>
      <c r="O1384" s="53">
        <v>9347.6262626262505</v>
      </c>
      <c r="P1384" s="53">
        <v>9347.6262626262505</v>
      </c>
      <c r="Q1384" s="53">
        <v>9347.6262626262505</v>
      </c>
      <c r="R1384" s="53">
        <v>9347.6262626262505</v>
      </c>
      <c r="S1384" s="53">
        <v>9347.6262626262505</v>
      </c>
      <c r="T1384" s="53">
        <v>9347.6262626262505</v>
      </c>
      <c r="U1384" s="53">
        <v>9347.6262626262505</v>
      </c>
      <c r="V1384" s="53">
        <v>9347.6262626262505</v>
      </c>
      <c r="W1384" s="53">
        <v>9347.6262626262505</v>
      </c>
      <c r="X1384" s="53">
        <v>9347.6262626262505</v>
      </c>
      <c r="Y1384" s="53">
        <v>9347.6262626262505</v>
      </c>
      <c r="Z1384" s="53">
        <v>9347.6262626262396</v>
      </c>
      <c r="AA1384" s="53">
        <v>112171.51515151501</v>
      </c>
      <c r="AB1384" s="53">
        <v>9347.6262626262396</v>
      </c>
      <c r="AC1384" s="53">
        <v>9347.6262626262396</v>
      </c>
      <c r="AD1384" s="53">
        <v>9347.6262626262396</v>
      </c>
      <c r="AE1384" s="53">
        <v>9347.6262626262396</v>
      </c>
      <c r="AF1384" s="53">
        <v>9347.6262626262396</v>
      </c>
      <c r="AG1384" s="53">
        <v>9347.6262626262396</v>
      </c>
      <c r="AH1384" s="53">
        <v>9347.6262626262396</v>
      </c>
      <c r="AI1384" s="53">
        <v>9347.6262626262396</v>
      </c>
      <c r="AJ1384" s="53">
        <v>9347.6262626262396</v>
      </c>
      <c r="AK1384" s="53">
        <v>9347.6262626262396</v>
      </c>
      <c r="AL1384" s="53">
        <v>9347.6262626262396</v>
      </c>
      <c r="AM1384" s="53">
        <v>9347.6262626262396</v>
      </c>
      <c r="AN1384" s="53">
        <v>112171.515151514</v>
      </c>
      <c r="AO1384" s="53">
        <v>9347.6262626262396</v>
      </c>
      <c r="AP1384" s="53">
        <v>9347.6262626262396</v>
      </c>
      <c r="AQ1384" s="53">
        <v>9347.6262626262396</v>
      </c>
      <c r="AR1384" s="53">
        <v>9347.6262626262396</v>
      </c>
      <c r="AS1384" s="53">
        <v>9347.6262626262396</v>
      </c>
      <c r="AT1384" s="53">
        <v>9347.6262626262396</v>
      </c>
      <c r="AU1384" s="53">
        <v>9347.6262626262396</v>
      </c>
      <c r="AV1384" s="53">
        <v>9347.6262626262396</v>
      </c>
      <c r="AW1384" s="53">
        <v>9347.6262626262396</v>
      </c>
      <c r="AX1384" s="53">
        <v>9347.6262626262396</v>
      </c>
      <c r="AY1384" s="53">
        <v>9347.6262626262305</v>
      </c>
      <c r="AZ1384" s="53">
        <v>9347.6262626262305</v>
      </c>
      <c r="BA1384" s="53">
        <v>112171.515151514</v>
      </c>
    </row>
    <row r="1385" spans="1:53">
      <c r="A1385" s="52" t="s">
        <v>722</v>
      </c>
    </row>
    <row r="1386" spans="1:53">
      <c r="A1386" s="52" t="s">
        <v>723</v>
      </c>
      <c r="B1386" s="53">
        <v>3240.39669421487</v>
      </c>
      <c r="C1386" s="53">
        <v>3240.39669421487</v>
      </c>
      <c r="D1386" s="53">
        <v>3240.39669421488</v>
      </c>
      <c r="E1386" s="53">
        <v>3240.39669421488</v>
      </c>
      <c r="F1386" s="53">
        <v>3240.39669421487</v>
      </c>
      <c r="G1386" s="53">
        <v>3240.39669421488</v>
      </c>
      <c r="H1386" s="53">
        <v>3240.39669421488</v>
      </c>
      <c r="I1386" s="53">
        <v>3240.39669421488</v>
      </c>
      <c r="J1386" s="53">
        <v>3240.39669421487</v>
      </c>
      <c r="K1386" s="53">
        <v>3240.39669421487</v>
      </c>
      <c r="L1386" s="53">
        <v>3240.39669421487</v>
      </c>
      <c r="M1386" s="53">
        <v>3240.39669421487</v>
      </c>
      <c r="N1386" s="53">
        <v>38884.760330578501</v>
      </c>
      <c r="O1386" s="53">
        <v>3240.39669421487</v>
      </c>
      <c r="P1386" s="53">
        <v>3240.39669421487</v>
      </c>
      <c r="Q1386" s="53">
        <v>3240.39669421487</v>
      </c>
      <c r="R1386" s="53">
        <v>3240.39669421487</v>
      </c>
      <c r="S1386" s="53">
        <v>3240.39669421487</v>
      </c>
      <c r="T1386" s="53">
        <v>3240.39669421487</v>
      </c>
      <c r="U1386" s="53">
        <v>3240.39669421487</v>
      </c>
      <c r="V1386" s="53">
        <v>3240.39669421487</v>
      </c>
      <c r="W1386" s="53">
        <v>3240.39669421487</v>
      </c>
      <c r="X1386" s="53">
        <v>3240.39669421487</v>
      </c>
      <c r="Y1386" s="53">
        <v>3240.39669421487</v>
      </c>
      <c r="Z1386" s="53">
        <v>3240.39669421487</v>
      </c>
      <c r="AA1386" s="53">
        <v>38884.760330578501</v>
      </c>
      <c r="AB1386" s="53">
        <v>3240.39669421487</v>
      </c>
      <c r="AC1386" s="53">
        <v>3240.39669421487</v>
      </c>
      <c r="AD1386" s="53">
        <v>3240.39669421487</v>
      </c>
      <c r="AE1386" s="53">
        <v>3240.39669421487</v>
      </c>
      <c r="AF1386" s="53">
        <v>3240.39669421487</v>
      </c>
      <c r="AG1386" s="53">
        <v>3240.39669421487</v>
      </c>
      <c r="AH1386" s="53">
        <v>3240.39669421487</v>
      </c>
      <c r="AI1386" s="53">
        <v>3240.39669421487</v>
      </c>
      <c r="AJ1386" s="53">
        <v>3240.39669421487</v>
      </c>
      <c r="AK1386" s="53">
        <v>3240.39669421487</v>
      </c>
      <c r="AL1386" s="53">
        <v>3240.39669421487</v>
      </c>
      <c r="AM1386" s="53">
        <v>3240.39669421487</v>
      </c>
      <c r="AN1386" s="53">
        <v>38884.760330578501</v>
      </c>
      <c r="AO1386" s="53">
        <v>3240.39669421487</v>
      </c>
      <c r="AP1386" s="53">
        <v>3240.39669421487</v>
      </c>
      <c r="AQ1386" s="53">
        <v>3240.39669421487</v>
      </c>
      <c r="AR1386" s="53">
        <v>3240.39669421487</v>
      </c>
      <c r="AS1386" s="53">
        <v>3240.39669421487</v>
      </c>
      <c r="AT1386" s="53">
        <v>3240.39669421487</v>
      </c>
      <c r="AU1386" s="53">
        <v>3240.39669421487</v>
      </c>
      <c r="AV1386" s="53">
        <v>3240.39669421487</v>
      </c>
      <c r="AW1386" s="53">
        <v>3240.39669421487</v>
      </c>
      <c r="AX1386" s="53">
        <v>3240.39669421487</v>
      </c>
      <c r="AY1386" s="53">
        <v>3240.39669421487</v>
      </c>
      <c r="AZ1386" s="53">
        <v>3240.39669421487</v>
      </c>
      <c r="BA1386" s="53">
        <v>38884.760330578501</v>
      </c>
    </row>
    <row r="1387" spans="1:53">
      <c r="A1387" s="52" t="s">
        <v>724</v>
      </c>
      <c r="B1387" s="53">
        <v>1540.86342229199</v>
      </c>
      <c r="C1387" s="53">
        <v>1540.86342229199</v>
      </c>
      <c r="D1387" s="53">
        <v>1540.86342229199</v>
      </c>
      <c r="E1387" s="53">
        <v>1540.86342229199</v>
      </c>
      <c r="F1387" s="53">
        <v>1540.86342229199</v>
      </c>
      <c r="G1387" s="53">
        <v>1540.86342229199</v>
      </c>
      <c r="H1387" s="53">
        <v>1540.86342229199</v>
      </c>
      <c r="I1387" s="53">
        <v>1540.86342229199</v>
      </c>
      <c r="J1387" s="53">
        <v>1540.86342229199</v>
      </c>
      <c r="K1387" s="53">
        <v>1540.86342229199</v>
      </c>
      <c r="L1387" s="53">
        <v>1540.86342229199</v>
      </c>
      <c r="M1387" s="53">
        <v>1540.86342229199</v>
      </c>
      <c r="N1387" s="53">
        <v>18490.361067503902</v>
      </c>
      <c r="O1387" s="53">
        <v>1540.86342229199</v>
      </c>
      <c r="P1387" s="53">
        <v>1540.86342229199</v>
      </c>
      <c r="Q1387" s="53">
        <v>1540.86342229199</v>
      </c>
      <c r="R1387" s="53">
        <v>1540.86342229199</v>
      </c>
      <c r="S1387" s="53">
        <v>1540.86342229199</v>
      </c>
      <c r="T1387" s="53">
        <v>1540.86342229199</v>
      </c>
      <c r="U1387" s="53">
        <v>1540.86342229199</v>
      </c>
      <c r="V1387" s="53">
        <v>1540.86342229199</v>
      </c>
      <c r="W1387" s="53">
        <v>1540.86342229199</v>
      </c>
      <c r="X1387" s="53">
        <v>1540.86342229199</v>
      </c>
      <c r="Y1387" s="53">
        <v>1540.86342229199</v>
      </c>
      <c r="Z1387" s="53">
        <v>1540.86342229199</v>
      </c>
      <c r="AA1387" s="53">
        <v>18490.361067503902</v>
      </c>
      <c r="AB1387" s="53">
        <v>1540.86342229199</v>
      </c>
      <c r="AC1387" s="53">
        <v>1540.86342229199</v>
      </c>
      <c r="AD1387" s="53">
        <v>1540.86342229199</v>
      </c>
      <c r="AE1387" s="53">
        <v>1540.86342229199</v>
      </c>
      <c r="AF1387" s="53">
        <v>1540.86342229199</v>
      </c>
      <c r="AG1387" s="53">
        <v>1540.86342229199</v>
      </c>
      <c r="AH1387" s="53">
        <v>1540.86342229199</v>
      </c>
      <c r="AI1387" s="53">
        <v>1540.86342229199</v>
      </c>
      <c r="AJ1387" s="53">
        <v>1540.86342229199</v>
      </c>
      <c r="AK1387" s="53">
        <v>1540.86342229199</v>
      </c>
      <c r="AL1387" s="53">
        <v>1540.86342229199</v>
      </c>
      <c r="AM1387" s="53">
        <v>1540.86342229199</v>
      </c>
      <c r="AN1387" s="53">
        <v>18490.361067503902</v>
      </c>
      <c r="AO1387" s="53">
        <v>1540.86342229199</v>
      </c>
      <c r="AP1387" s="53">
        <v>1540.86342229199</v>
      </c>
      <c r="AQ1387" s="53">
        <v>1540.86342229199</v>
      </c>
      <c r="AR1387" s="53">
        <v>1540.86342229199</v>
      </c>
      <c r="AS1387" s="53">
        <v>1540.86342229199</v>
      </c>
      <c r="AT1387" s="53">
        <v>1540.86342229199</v>
      </c>
      <c r="AU1387" s="53">
        <v>1540.86342229199</v>
      </c>
      <c r="AV1387" s="53">
        <v>1540.86342229199</v>
      </c>
      <c r="AW1387" s="53">
        <v>1540.86342229199</v>
      </c>
      <c r="AX1387" s="53">
        <v>1540.86342229199</v>
      </c>
      <c r="AY1387" s="53">
        <v>1540.86342229199</v>
      </c>
      <c r="AZ1387" s="53">
        <v>1540.86342229199</v>
      </c>
      <c r="BA1387" s="53">
        <v>18490.361067503902</v>
      </c>
    </row>
    <row r="1388" spans="1:53">
      <c r="A1388" s="52" t="s">
        <v>725</v>
      </c>
      <c r="B1388" s="53">
        <v>9185.2866242038108</v>
      </c>
      <c r="C1388" s="53">
        <v>9185.2866242038108</v>
      </c>
      <c r="D1388" s="53">
        <v>9185.2866242038108</v>
      </c>
      <c r="E1388" s="53">
        <v>9185.2866242038108</v>
      </c>
      <c r="F1388" s="53">
        <v>9185.2866242038108</v>
      </c>
      <c r="G1388" s="53">
        <v>9185.2866242038108</v>
      </c>
      <c r="H1388" s="53">
        <v>9185.2866242038108</v>
      </c>
      <c r="I1388" s="53">
        <v>9185.2866242038108</v>
      </c>
      <c r="J1388" s="53">
        <v>9185.2866242038108</v>
      </c>
      <c r="K1388" s="53">
        <v>9185.2866242037999</v>
      </c>
      <c r="L1388" s="53">
        <v>9185.2866242037999</v>
      </c>
      <c r="M1388" s="53">
        <v>9185.2866242037999</v>
      </c>
      <c r="N1388" s="53">
        <v>110223.439490445</v>
      </c>
      <c r="O1388" s="53">
        <v>9185.2866242037999</v>
      </c>
      <c r="P1388" s="53">
        <v>9185.2866242037999</v>
      </c>
      <c r="Q1388" s="53">
        <v>9185.2866242038108</v>
      </c>
      <c r="R1388" s="53">
        <v>9185.2866242037999</v>
      </c>
      <c r="S1388" s="53">
        <v>9185.2866242038108</v>
      </c>
      <c r="T1388" s="53">
        <v>9185.2866242038108</v>
      </c>
      <c r="U1388" s="53">
        <v>9185.2866242038108</v>
      </c>
      <c r="V1388" s="53">
        <v>9185.2866242038108</v>
      </c>
      <c r="W1388" s="53">
        <v>9185.2866242038108</v>
      </c>
      <c r="X1388" s="53">
        <v>9185.2866242038108</v>
      </c>
      <c r="Y1388" s="53">
        <v>9185.2866242038108</v>
      </c>
      <c r="Z1388" s="53">
        <v>9185.2866242038108</v>
      </c>
      <c r="AA1388" s="53">
        <v>110223.439490445</v>
      </c>
      <c r="AB1388" s="53">
        <v>9185.2866242038108</v>
      </c>
      <c r="AC1388" s="53">
        <v>9185.2866242038108</v>
      </c>
      <c r="AD1388" s="53">
        <v>9185.2866242038108</v>
      </c>
      <c r="AE1388" s="53">
        <v>9185.2866242038108</v>
      </c>
      <c r="AF1388" s="53">
        <v>9185.2866242038108</v>
      </c>
      <c r="AG1388" s="53">
        <v>9185.2866242038108</v>
      </c>
      <c r="AH1388" s="53">
        <v>9185.2866242038108</v>
      </c>
      <c r="AI1388" s="53">
        <v>9185.2866242038108</v>
      </c>
      <c r="AJ1388" s="53">
        <v>9185.2866242038108</v>
      </c>
      <c r="AK1388" s="53">
        <v>9185.2866242038108</v>
      </c>
      <c r="AL1388" s="53">
        <v>9185.2866242038108</v>
      </c>
      <c r="AM1388" s="53">
        <v>9185.2866242038108</v>
      </c>
      <c r="AN1388" s="53">
        <v>110223.439490445</v>
      </c>
      <c r="AO1388" s="53">
        <v>9185.2866242038108</v>
      </c>
      <c r="AP1388" s="53">
        <v>9185.2866242038108</v>
      </c>
      <c r="AQ1388" s="53">
        <v>9185.2866242038108</v>
      </c>
      <c r="AR1388" s="53">
        <v>9185.2866242038108</v>
      </c>
      <c r="AS1388" s="53">
        <v>9185.2866242038108</v>
      </c>
      <c r="AT1388" s="53">
        <v>9185.2866242038108</v>
      </c>
      <c r="AU1388" s="53">
        <v>9185.2866242038108</v>
      </c>
      <c r="AV1388" s="53">
        <v>9185.2866242038108</v>
      </c>
      <c r="AW1388" s="53">
        <v>9185.2866242038108</v>
      </c>
      <c r="AX1388" s="53">
        <v>9185.2866242038108</v>
      </c>
      <c r="AY1388" s="53">
        <v>9185.2866242038108</v>
      </c>
      <c r="AZ1388" s="53">
        <v>9185.2866242038108</v>
      </c>
      <c r="BA1388" s="53">
        <v>110223.439490445</v>
      </c>
    </row>
    <row r="1389" spans="1:53">
      <c r="A1389" s="52" t="s">
        <v>726</v>
      </c>
      <c r="B1389" s="53">
        <v>3087.3789473684201</v>
      </c>
      <c r="C1389" s="53">
        <v>3087.3789473684201</v>
      </c>
      <c r="D1389" s="53">
        <v>3087.3789473684201</v>
      </c>
      <c r="E1389" s="53">
        <v>3087.3789473684201</v>
      </c>
      <c r="F1389" s="53">
        <v>3087.3789473684201</v>
      </c>
      <c r="G1389" s="53">
        <v>3087.3789473684201</v>
      </c>
      <c r="H1389" s="53">
        <v>3087.3789473684201</v>
      </c>
      <c r="I1389" s="53">
        <v>3087.3789473684201</v>
      </c>
      <c r="J1389" s="53">
        <v>3087.3789473684201</v>
      </c>
      <c r="K1389" s="53">
        <v>3087.3789473684201</v>
      </c>
      <c r="L1389" s="53">
        <v>3087.3789473684201</v>
      </c>
      <c r="M1389" s="53">
        <v>3087.3789473684201</v>
      </c>
      <c r="N1389" s="53">
        <v>37048.547368421001</v>
      </c>
      <c r="O1389" s="53">
        <v>3087.3789473684201</v>
      </c>
      <c r="P1389" s="53">
        <v>3087.3789473684201</v>
      </c>
      <c r="Q1389" s="53">
        <v>3087.3789473684201</v>
      </c>
      <c r="R1389" s="53">
        <v>3087.3789473684201</v>
      </c>
      <c r="S1389" s="53">
        <v>3087.3789473684201</v>
      </c>
      <c r="T1389" s="53">
        <v>3087.3789473684201</v>
      </c>
      <c r="U1389" s="53">
        <v>3087.3789473684201</v>
      </c>
      <c r="V1389" s="53">
        <v>3087.3789473684201</v>
      </c>
      <c r="W1389" s="53">
        <v>3087.3789473684201</v>
      </c>
      <c r="X1389" s="53">
        <v>3087.3789473684201</v>
      </c>
      <c r="Y1389" s="53">
        <v>3087.3789473684201</v>
      </c>
      <c r="Z1389" s="53">
        <v>3087.3789473684201</v>
      </c>
      <c r="AA1389" s="53">
        <v>37048.547368421001</v>
      </c>
      <c r="AB1389" s="53">
        <v>3087.3789473684201</v>
      </c>
      <c r="AC1389" s="53">
        <v>3087.3789473684201</v>
      </c>
      <c r="AD1389" s="53">
        <v>3087.3789473684201</v>
      </c>
      <c r="AE1389" s="53">
        <v>3087.3789473684201</v>
      </c>
      <c r="AF1389" s="53">
        <v>3087.3789473684201</v>
      </c>
      <c r="AG1389" s="53">
        <v>3087.3789473684201</v>
      </c>
      <c r="AH1389" s="53">
        <v>3087.3789473684201</v>
      </c>
      <c r="AI1389" s="53">
        <v>3087.3789473684201</v>
      </c>
      <c r="AJ1389" s="53">
        <v>3087.3789473684201</v>
      </c>
      <c r="AK1389" s="53">
        <v>3087.3789473684201</v>
      </c>
      <c r="AL1389" s="53">
        <v>3087.3789473684201</v>
      </c>
      <c r="AM1389" s="53">
        <v>3087.3789473684201</v>
      </c>
      <c r="AN1389" s="53">
        <v>37048.547368421001</v>
      </c>
      <c r="AO1389" s="53">
        <v>3087.3789473684201</v>
      </c>
      <c r="AP1389" s="53">
        <v>3087.3789473684201</v>
      </c>
      <c r="AQ1389" s="53">
        <v>3087.3789473684201</v>
      </c>
      <c r="AR1389" s="53">
        <v>3087.3789473684201</v>
      </c>
      <c r="AS1389" s="53">
        <v>3087.3789473684201</v>
      </c>
      <c r="AT1389" s="53">
        <v>3087.3789473684201</v>
      </c>
      <c r="AU1389" s="53">
        <v>3087.3789473684201</v>
      </c>
      <c r="AV1389" s="53">
        <v>3087.3789473684201</v>
      </c>
      <c r="AW1389" s="53">
        <v>3087.3789473684201</v>
      </c>
      <c r="AX1389" s="53">
        <v>3087.3789473684201</v>
      </c>
      <c r="AY1389" s="53">
        <v>3087.3789473684201</v>
      </c>
      <c r="AZ1389" s="53">
        <v>3087.3789473684201</v>
      </c>
      <c r="BA1389" s="53">
        <v>37048.547368421001</v>
      </c>
    </row>
    <row r="1390" spans="1:53">
      <c r="A1390" s="52" t="s">
        <v>728</v>
      </c>
      <c r="B1390" s="53">
        <v>5700.3251231527001</v>
      </c>
      <c r="C1390" s="53">
        <v>5700.3251231527001</v>
      </c>
      <c r="D1390" s="53">
        <v>5700.3251231527001</v>
      </c>
      <c r="E1390" s="53">
        <v>5700.3251231527001</v>
      </c>
      <c r="F1390" s="53">
        <v>5700.3251231527001</v>
      </c>
      <c r="G1390" s="53">
        <v>5700.3251231527001</v>
      </c>
      <c r="H1390" s="53">
        <v>5700.3251231527101</v>
      </c>
      <c r="I1390" s="53">
        <v>5700.3251231527001</v>
      </c>
      <c r="J1390" s="53">
        <v>5700.3251231527001</v>
      </c>
      <c r="K1390" s="53">
        <v>5700.3251231527001</v>
      </c>
      <c r="L1390" s="53">
        <v>5700.3251231527101</v>
      </c>
      <c r="M1390" s="53">
        <v>5700.3251231527101</v>
      </c>
      <c r="N1390" s="53">
        <v>68403.901477832507</v>
      </c>
      <c r="O1390" s="53">
        <v>5700.3251231527001</v>
      </c>
      <c r="P1390" s="53">
        <v>5700.3251231527001</v>
      </c>
      <c r="Q1390" s="53">
        <v>5700.3251231527001</v>
      </c>
      <c r="R1390" s="53">
        <v>5700.3251231527001</v>
      </c>
      <c r="S1390" s="53">
        <v>5700.3251231527001</v>
      </c>
      <c r="T1390" s="53">
        <v>5700.3251231527001</v>
      </c>
      <c r="U1390" s="53">
        <v>5700.3251231527001</v>
      </c>
      <c r="V1390" s="53">
        <v>5700.3251231527001</v>
      </c>
      <c r="W1390" s="53">
        <v>5700.3251231527101</v>
      </c>
      <c r="X1390" s="53">
        <v>5700.3251231527001</v>
      </c>
      <c r="Y1390" s="53">
        <v>5700.3251231527101</v>
      </c>
      <c r="Z1390" s="53">
        <v>5700.3251231527001</v>
      </c>
      <c r="AA1390" s="53">
        <v>68403.901477832507</v>
      </c>
      <c r="AB1390" s="53">
        <v>5700.3251231527001</v>
      </c>
      <c r="AC1390" s="53">
        <v>5700.3251231527001</v>
      </c>
      <c r="AD1390" s="53">
        <v>5700.3251231527001</v>
      </c>
      <c r="AE1390" s="53">
        <v>5700.3251231527101</v>
      </c>
      <c r="AF1390" s="53">
        <v>5700.3251231527101</v>
      </c>
      <c r="AG1390" s="53">
        <v>5700.3251231527101</v>
      </c>
      <c r="AH1390" s="53">
        <v>5700.3251231527001</v>
      </c>
      <c r="AI1390" s="53">
        <v>5700.3251231527101</v>
      </c>
      <c r="AJ1390" s="53">
        <v>5700.3251231527101</v>
      </c>
      <c r="AK1390" s="53">
        <v>5700.3251231527101</v>
      </c>
      <c r="AL1390" s="53">
        <v>5700.3251231527101</v>
      </c>
      <c r="AM1390" s="53">
        <v>5700.3251231527101</v>
      </c>
      <c r="AN1390" s="53">
        <v>68403.901477832507</v>
      </c>
      <c r="AO1390" s="53">
        <v>5700.3251231527001</v>
      </c>
      <c r="AP1390" s="53">
        <v>5700.3251231527101</v>
      </c>
      <c r="AQ1390" s="53">
        <v>5700.3251231527001</v>
      </c>
      <c r="AR1390" s="53">
        <v>5700.3251231527101</v>
      </c>
      <c r="AS1390" s="53">
        <v>5700.3251231527101</v>
      </c>
      <c r="AT1390" s="53">
        <v>5700.3251231527101</v>
      </c>
      <c r="AU1390" s="53">
        <v>5700.3251231527101</v>
      </c>
      <c r="AV1390" s="53">
        <v>5700.3251231527101</v>
      </c>
      <c r="AW1390" s="53">
        <v>5700.3251231527101</v>
      </c>
      <c r="AX1390" s="53">
        <v>5700.3251231527101</v>
      </c>
      <c r="AY1390" s="53">
        <v>5700.3251231527101</v>
      </c>
      <c r="AZ1390" s="53">
        <v>5700.3251231527101</v>
      </c>
      <c r="BA1390" s="53">
        <v>68403.901477832507</v>
      </c>
    </row>
    <row r="1391" spans="1:53">
      <c r="A1391" s="52" t="s">
        <v>729</v>
      </c>
      <c r="B1391" s="53">
        <v>8149.6234309623396</v>
      </c>
      <c r="C1391" s="53">
        <v>8149.6234309623396</v>
      </c>
      <c r="D1391" s="53">
        <v>8149.6234309623396</v>
      </c>
      <c r="E1391" s="53">
        <v>8149.6234309623296</v>
      </c>
      <c r="F1391" s="53">
        <v>8149.6234309623296</v>
      </c>
      <c r="G1391" s="53">
        <v>8149.6234309623296</v>
      </c>
      <c r="H1391" s="53">
        <v>8149.6234309623296</v>
      </c>
      <c r="I1391" s="53">
        <v>8149.6234309623296</v>
      </c>
      <c r="J1391" s="53">
        <v>8149.6234309623296</v>
      </c>
      <c r="K1391" s="53">
        <v>8149.6234309623296</v>
      </c>
      <c r="L1391" s="53">
        <v>8149.6234309623296</v>
      </c>
      <c r="M1391" s="53">
        <v>8149.6234309623296</v>
      </c>
      <c r="N1391" s="53">
        <v>97795.481171548003</v>
      </c>
      <c r="O1391" s="53">
        <v>8149.6234309623296</v>
      </c>
      <c r="P1391" s="53">
        <v>8149.6234309623296</v>
      </c>
      <c r="Q1391" s="53">
        <v>8149.6234309623296</v>
      </c>
      <c r="R1391" s="53">
        <v>8149.6234309623296</v>
      </c>
      <c r="S1391" s="53">
        <v>8149.6234309623296</v>
      </c>
      <c r="T1391" s="53">
        <v>8149.6234309623296</v>
      </c>
      <c r="U1391" s="53">
        <v>8149.6234309623296</v>
      </c>
      <c r="V1391" s="53">
        <v>8149.6234309623296</v>
      </c>
      <c r="W1391" s="53">
        <v>8149.6234309623296</v>
      </c>
      <c r="X1391" s="53">
        <v>8149.6234309623196</v>
      </c>
      <c r="Y1391" s="53">
        <v>8149.6234309623196</v>
      </c>
      <c r="Z1391" s="53">
        <v>8149.6234309623196</v>
      </c>
      <c r="AA1391" s="53">
        <v>97795.481171547901</v>
      </c>
      <c r="AB1391" s="53">
        <v>8149.6234309623196</v>
      </c>
      <c r="AC1391" s="53">
        <v>8149.6234309623196</v>
      </c>
      <c r="AD1391" s="53">
        <v>8149.6234309623196</v>
      </c>
      <c r="AE1391" s="53">
        <v>8149.6234309623196</v>
      </c>
      <c r="AF1391" s="53">
        <v>8149.6234309623196</v>
      </c>
      <c r="AG1391" s="53">
        <v>8149.6234309623196</v>
      </c>
      <c r="AH1391" s="53">
        <v>8149.6234309623196</v>
      </c>
      <c r="AI1391" s="53">
        <v>8149.6234309623196</v>
      </c>
      <c r="AJ1391" s="53">
        <v>8149.6234309623196</v>
      </c>
      <c r="AK1391" s="53">
        <v>8149.6234309623196</v>
      </c>
      <c r="AL1391" s="53">
        <v>8149.6234309623196</v>
      </c>
      <c r="AM1391" s="53">
        <v>8149.6234309623196</v>
      </c>
      <c r="AN1391" s="53">
        <v>97795.481171547799</v>
      </c>
      <c r="AO1391" s="53">
        <v>8149.6234309623196</v>
      </c>
      <c r="AP1391" s="53">
        <v>8149.6234309623196</v>
      </c>
      <c r="AQ1391" s="53">
        <v>8149.6234309623196</v>
      </c>
      <c r="AR1391" s="53">
        <v>8149.6234309623196</v>
      </c>
      <c r="AS1391" s="53">
        <v>8149.6234309623196</v>
      </c>
      <c r="AT1391" s="53">
        <v>8149.6234309623196</v>
      </c>
      <c r="AU1391" s="53">
        <v>8149.6234309623196</v>
      </c>
      <c r="AV1391" s="53">
        <v>8149.6234309623196</v>
      </c>
      <c r="AW1391" s="53">
        <v>8149.6234309623196</v>
      </c>
      <c r="AX1391" s="53">
        <v>8149.6234309623196</v>
      </c>
      <c r="AY1391" s="53">
        <v>8149.6234309623196</v>
      </c>
      <c r="AZ1391" s="53">
        <v>8149.6234309623196</v>
      </c>
      <c r="BA1391" s="53">
        <v>97795.481171547799</v>
      </c>
    </row>
    <row r="1392" spans="1:53">
      <c r="A1392" s="52" t="s">
        <v>730</v>
      </c>
      <c r="B1392" s="53">
        <v>7907.1043115438097</v>
      </c>
      <c r="C1392" s="53">
        <v>7907.1043115438097</v>
      </c>
      <c r="D1392" s="53">
        <v>7907.1043115438097</v>
      </c>
      <c r="E1392" s="53">
        <v>7907.1043115438097</v>
      </c>
      <c r="F1392" s="53">
        <v>7907.1043115438097</v>
      </c>
      <c r="G1392" s="53">
        <v>7907.1043115438097</v>
      </c>
      <c r="H1392" s="53">
        <v>7907.1043115438097</v>
      </c>
      <c r="I1392" s="53">
        <v>7907.1043115438097</v>
      </c>
      <c r="J1392" s="53">
        <v>7907.1043115438097</v>
      </c>
      <c r="K1392" s="53">
        <v>7907.1043115438197</v>
      </c>
      <c r="L1392" s="53">
        <v>7907.1043115438197</v>
      </c>
      <c r="M1392" s="53">
        <v>7907.1043115438197</v>
      </c>
      <c r="N1392" s="53">
        <v>94885.251738525796</v>
      </c>
      <c r="O1392" s="53">
        <v>7907.1043115438197</v>
      </c>
      <c r="P1392" s="53">
        <v>7907.1043115438197</v>
      </c>
      <c r="Q1392" s="53">
        <v>7907.1043115438197</v>
      </c>
      <c r="R1392" s="53">
        <v>7907.1043115438197</v>
      </c>
      <c r="S1392" s="53">
        <v>7907.1043115438197</v>
      </c>
      <c r="T1392" s="53">
        <v>7907.1043115438197</v>
      </c>
      <c r="U1392" s="53">
        <v>7907.1043115438197</v>
      </c>
      <c r="V1392" s="53">
        <v>7907.1043115438197</v>
      </c>
      <c r="W1392" s="53">
        <v>7907.1043115438197</v>
      </c>
      <c r="X1392" s="53">
        <v>7907.1043115438197</v>
      </c>
      <c r="Y1392" s="53">
        <v>7907.1043115438197</v>
      </c>
      <c r="Z1392" s="53">
        <v>7907.1043115438197</v>
      </c>
      <c r="AA1392" s="53">
        <v>94885.251738525898</v>
      </c>
      <c r="AB1392" s="53">
        <v>7907.1043115438197</v>
      </c>
      <c r="AC1392" s="53">
        <v>7907.1043115438197</v>
      </c>
      <c r="AD1392" s="53">
        <v>7907.1043115438197</v>
      </c>
      <c r="AE1392" s="53">
        <v>7907.1043115438197</v>
      </c>
      <c r="AF1392" s="53">
        <v>7907.1043115438297</v>
      </c>
      <c r="AG1392" s="53">
        <v>7907.1043115438297</v>
      </c>
      <c r="AH1392" s="53">
        <v>7907.1043115438297</v>
      </c>
      <c r="AI1392" s="53">
        <v>7907.1043115438297</v>
      </c>
      <c r="AJ1392" s="53">
        <v>7907.1043115438297</v>
      </c>
      <c r="AK1392" s="53">
        <v>7907.1043115438297</v>
      </c>
      <c r="AL1392" s="53">
        <v>7907.1043115438297</v>
      </c>
      <c r="AM1392" s="53">
        <v>7907.1043115438297</v>
      </c>
      <c r="AN1392" s="53">
        <v>94885.251738525898</v>
      </c>
      <c r="AO1392" s="53">
        <v>7907.1043115438297</v>
      </c>
      <c r="AP1392" s="53">
        <v>7907.1043115438297</v>
      </c>
      <c r="AQ1392" s="53">
        <v>7907.1043115438297</v>
      </c>
      <c r="AR1392" s="53">
        <v>7907.1043115438297</v>
      </c>
      <c r="AS1392" s="53">
        <v>7907.1043115438297</v>
      </c>
      <c r="AT1392" s="53">
        <v>7907.1043115438297</v>
      </c>
      <c r="AU1392" s="53">
        <v>7907.1043115438297</v>
      </c>
      <c r="AV1392" s="53">
        <v>7907.1043115438297</v>
      </c>
      <c r="AW1392" s="53">
        <v>7907.1043115438297</v>
      </c>
      <c r="AX1392" s="53">
        <v>7907.1043115438297</v>
      </c>
      <c r="AY1392" s="53">
        <v>7907.1043115438297</v>
      </c>
      <c r="AZ1392" s="53">
        <v>7907.1043115438397</v>
      </c>
      <c r="BA1392" s="53">
        <v>94885.251738526</v>
      </c>
    </row>
    <row r="1393" spans="1:53">
      <c r="A1393" s="52" t="s">
        <v>733</v>
      </c>
    </row>
    <row r="1394" spans="1:53">
      <c r="A1394" s="52" t="s">
        <v>713</v>
      </c>
      <c r="B1394" s="53">
        <v>26552.4084880636</v>
      </c>
      <c r="C1394" s="53">
        <v>26552.4084880636</v>
      </c>
      <c r="D1394" s="53">
        <v>26552.4084880636</v>
      </c>
      <c r="E1394" s="53">
        <v>26552.4084880636</v>
      </c>
      <c r="F1394" s="53">
        <v>26552.4084880636</v>
      </c>
      <c r="G1394" s="53">
        <v>26552.4084880636</v>
      </c>
      <c r="H1394" s="53">
        <v>26552.4084880636</v>
      </c>
      <c r="I1394" s="53">
        <v>26552.4084880636</v>
      </c>
      <c r="J1394" s="53">
        <v>26552.4084880636</v>
      </c>
      <c r="K1394" s="53">
        <v>26552.4084880636</v>
      </c>
      <c r="L1394" s="53">
        <v>26552.4084880636</v>
      </c>
      <c r="M1394" s="53">
        <v>26552.4084880636</v>
      </c>
      <c r="N1394" s="53">
        <v>318628.90185676399</v>
      </c>
      <c r="O1394" s="53">
        <v>26552.4084880636</v>
      </c>
      <c r="P1394" s="53">
        <v>26552.4084880636</v>
      </c>
      <c r="Q1394" s="53">
        <v>26552.4084880636</v>
      </c>
      <c r="R1394" s="53">
        <v>26552.4084880636</v>
      </c>
      <c r="S1394" s="53">
        <v>26552.4084880636</v>
      </c>
      <c r="T1394" s="53">
        <v>26552.4084880636</v>
      </c>
      <c r="U1394" s="53">
        <v>26552.4084880636</v>
      </c>
      <c r="V1394" s="53">
        <v>26552.4084880636</v>
      </c>
      <c r="W1394" s="53">
        <v>26552.4084880636</v>
      </c>
      <c r="X1394" s="53">
        <v>26552.4084880636</v>
      </c>
      <c r="Y1394" s="53">
        <v>26552.4084880636</v>
      </c>
      <c r="Z1394" s="53">
        <v>26552.4084880636</v>
      </c>
      <c r="AA1394" s="53">
        <v>318628.90185676399</v>
      </c>
      <c r="AB1394" s="53">
        <v>26552.4084880636</v>
      </c>
      <c r="AC1394" s="53">
        <v>26552.4084880636</v>
      </c>
      <c r="AD1394" s="53">
        <v>26552.408488063698</v>
      </c>
      <c r="AE1394" s="53">
        <v>26552.408488063698</v>
      </c>
      <c r="AF1394" s="53">
        <v>26552.408488063698</v>
      </c>
      <c r="AG1394" s="53">
        <v>26552.408488063698</v>
      </c>
      <c r="AH1394" s="53">
        <v>26552.408488063698</v>
      </c>
      <c r="AI1394" s="53">
        <v>26552.408488063698</v>
      </c>
      <c r="AJ1394" s="53">
        <v>26552.408488063698</v>
      </c>
      <c r="AK1394" s="53">
        <v>26552.408488063698</v>
      </c>
      <c r="AL1394" s="53">
        <v>26552.408488063698</v>
      </c>
      <c r="AM1394" s="53">
        <v>26552.408488063698</v>
      </c>
      <c r="AN1394" s="53">
        <v>318628.90185676399</v>
      </c>
      <c r="AO1394" s="53">
        <v>26552.408488063698</v>
      </c>
      <c r="AP1394" s="53">
        <v>26552.408488063698</v>
      </c>
      <c r="AQ1394" s="53">
        <v>26552.408488063698</v>
      </c>
      <c r="AR1394" s="53">
        <v>26552.408488063698</v>
      </c>
      <c r="AS1394" s="53">
        <v>26552.408488063698</v>
      </c>
      <c r="AT1394" s="53">
        <v>26552.408488063698</v>
      </c>
      <c r="AU1394" s="53">
        <v>26552.408488063698</v>
      </c>
      <c r="AV1394" s="53">
        <v>26552.408488063698</v>
      </c>
      <c r="AW1394" s="53">
        <v>26552.408488063698</v>
      </c>
      <c r="AX1394" s="53">
        <v>26552.408488063698</v>
      </c>
      <c r="AY1394" s="53">
        <v>26552.408488063698</v>
      </c>
      <c r="AZ1394" s="53">
        <v>26552.408488063698</v>
      </c>
      <c r="BA1394" s="53">
        <v>318628.90185676399</v>
      </c>
    </row>
    <row r="1395" spans="1:53">
      <c r="A1395" s="52" t="s">
        <v>714</v>
      </c>
    </row>
    <row r="1396" spans="1:53">
      <c r="A1396" s="52" t="s">
        <v>715</v>
      </c>
    </row>
    <row r="1397" spans="1:53">
      <c r="A1397" s="52" t="s">
        <v>716</v>
      </c>
      <c r="B1397" s="53">
        <v>-24171.149367088601</v>
      </c>
      <c r="C1397" s="53">
        <v>-24171.149367088601</v>
      </c>
      <c r="D1397" s="53">
        <v>-24171.149367088601</v>
      </c>
      <c r="E1397" s="53">
        <v>-24171.149367088601</v>
      </c>
      <c r="F1397" s="53">
        <v>-24171.149367088601</v>
      </c>
      <c r="G1397" s="53">
        <v>-24171.149367088601</v>
      </c>
      <c r="H1397" s="53">
        <v>-24171.149367088601</v>
      </c>
      <c r="I1397" s="53">
        <v>-24171.149367088601</v>
      </c>
      <c r="J1397" s="53">
        <v>-24171.149367088601</v>
      </c>
      <c r="K1397" s="53">
        <v>-24171.149367088601</v>
      </c>
      <c r="L1397" s="53">
        <v>-24171.149367088601</v>
      </c>
      <c r="M1397" s="53">
        <v>-24171.149367088601</v>
      </c>
      <c r="N1397" s="53">
        <v>-290053.792405063</v>
      </c>
      <c r="O1397" s="53">
        <v>-24171.149367088601</v>
      </c>
      <c r="P1397" s="53">
        <v>-24171.149367088601</v>
      </c>
      <c r="Q1397" s="53">
        <v>-24171.149367088601</v>
      </c>
      <c r="R1397" s="53">
        <v>-24171.149367088601</v>
      </c>
      <c r="S1397" s="53">
        <v>-24171.149367088601</v>
      </c>
      <c r="T1397" s="53">
        <v>-24171.149367088601</v>
      </c>
      <c r="U1397" s="53">
        <v>-24171.149367088601</v>
      </c>
      <c r="V1397" s="53">
        <v>-24171.149367088601</v>
      </c>
      <c r="W1397" s="53">
        <v>-24171.149367088601</v>
      </c>
      <c r="X1397" s="53">
        <v>-24171.149367088601</v>
      </c>
      <c r="Y1397" s="53">
        <v>-24171.149367088601</v>
      </c>
      <c r="Z1397" s="53">
        <v>-24171.149367088601</v>
      </c>
      <c r="AA1397" s="53">
        <v>-290053.79240506398</v>
      </c>
      <c r="AB1397" s="53">
        <v>-24171.149367088601</v>
      </c>
      <c r="AC1397" s="53">
        <v>-24171.149367088601</v>
      </c>
      <c r="AD1397" s="53">
        <v>-24171.149367088601</v>
      </c>
      <c r="AE1397" s="53">
        <v>-24171.149367088601</v>
      </c>
      <c r="AF1397" s="53">
        <v>-24171.149367088601</v>
      </c>
      <c r="AG1397" s="53">
        <v>-24171.149367088601</v>
      </c>
      <c r="AH1397" s="53">
        <v>-24171.149367088601</v>
      </c>
      <c r="AI1397" s="53">
        <v>-24171.149367088601</v>
      </c>
      <c r="AJ1397" s="53">
        <v>-24171.149367088601</v>
      </c>
      <c r="AK1397" s="53">
        <v>-24171.149367088601</v>
      </c>
      <c r="AL1397" s="53">
        <v>-24171.149367088601</v>
      </c>
      <c r="AM1397" s="53">
        <v>-24171.149367088601</v>
      </c>
      <c r="AN1397" s="53">
        <v>-290053.79240506398</v>
      </c>
      <c r="AO1397" s="53">
        <v>-24171.149367088601</v>
      </c>
      <c r="AP1397" s="53">
        <v>-24171.149367088601</v>
      </c>
      <c r="AQ1397" s="53">
        <v>-24171.149367088601</v>
      </c>
      <c r="AR1397" s="53">
        <v>-24171.149367088601</v>
      </c>
      <c r="AS1397" s="53">
        <v>-24171.149367088601</v>
      </c>
      <c r="AT1397" s="53">
        <v>-24171.149367088601</v>
      </c>
      <c r="AU1397" s="53">
        <v>-24171.149367088601</v>
      </c>
      <c r="AV1397" s="53">
        <v>-24171.149367088601</v>
      </c>
      <c r="AW1397" s="53">
        <v>-24171.149367088601</v>
      </c>
      <c r="AX1397" s="53">
        <v>-24171.149367088601</v>
      </c>
      <c r="AY1397" s="53">
        <v>-24171.149367088601</v>
      </c>
      <c r="AZ1397" s="53">
        <v>-24171.149367088601</v>
      </c>
      <c r="BA1397" s="53">
        <v>-290053.79240506398</v>
      </c>
    </row>
    <row r="1398" spans="1:53">
      <c r="A1398" s="52" t="s">
        <v>734</v>
      </c>
    </row>
    <row r="1399" spans="1:53">
      <c r="A1399" s="52" t="s">
        <v>725</v>
      </c>
      <c r="B1399" s="53">
        <v>-16813.8726114649</v>
      </c>
      <c r="C1399" s="53">
        <v>-16813.8726114649</v>
      </c>
      <c r="D1399" s="53">
        <v>-16813.8726114649</v>
      </c>
      <c r="E1399" s="53">
        <v>-16813.8726114649</v>
      </c>
      <c r="F1399" s="53">
        <v>-16813.8726114649</v>
      </c>
      <c r="G1399" s="53">
        <v>-16813.8726114649</v>
      </c>
      <c r="H1399" s="53">
        <v>-16813.8726114649</v>
      </c>
      <c r="I1399" s="53">
        <v>-16813.8726114649</v>
      </c>
      <c r="J1399" s="53">
        <v>-16813.8726114649</v>
      </c>
      <c r="K1399" s="53">
        <v>-16813.8726114649</v>
      </c>
      <c r="L1399" s="53">
        <v>-16813.8726114649</v>
      </c>
      <c r="M1399" s="53">
        <v>-16813.8726114649</v>
      </c>
      <c r="N1399" s="53">
        <v>-201766.47133757899</v>
      </c>
      <c r="O1399" s="53">
        <v>-16813.8726114649</v>
      </c>
      <c r="P1399" s="53">
        <v>-16813.8726114649</v>
      </c>
      <c r="Q1399" s="53">
        <v>-16813.8726114649</v>
      </c>
      <c r="R1399" s="53">
        <v>-16813.8726114649</v>
      </c>
      <c r="S1399" s="53">
        <v>-16813.8726114649</v>
      </c>
      <c r="T1399" s="53">
        <v>-16813.8726114649</v>
      </c>
      <c r="U1399" s="53">
        <v>-16813.8726114649</v>
      </c>
      <c r="V1399" s="53">
        <v>-16813.8726114649</v>
      </c>
      <c r="W1399" s="53">
        <v>-16813.8726114649</v>
      </c>
      <c r="X1399" s="53">
        <v>-16813.8726114649</v>
      </c>
      <c r="Y1399" s="53">
        <v>-16813.8726114649</v>
      </c>
      <c r="Z1399" s="53">
        <v>-16813.8726114649</v>
      </c>
      <c r="AA1399" s="53">
        <v>-201766.47133757899</v>
      </c>
      <c r="AB1399" s="53">
        <v>-16813.8726114649</v>
      </c>
      <c r="AC1399" s="53">
        <v>-16813.8726114649</v>
      </c>
      <c r="AD1399" s="53">
        <v>-16813.8726114649</v>
      </c>
      <c r="AE1399" s="53">
        <v>-16813.8726114649</v>
      </c>
      <c r="AF1399" s="53">
        <v>-16813.8726114649</v>
      </c>
      <c r="AG1399" s="53">
        <v>-16813.8726114649</v>
      </c>
      <c r="AH1399" s="53">
        <v>-16813.8726114649</v>
      </c>
      <c r="AI1399" s="53">
        <v>-16813.8726114649</v>
      </c>
      <c r="AJ1399" s="53">
        <v>-16813.8726114649</v>
      </c>
      <c r="AK1399" s="53">
        <v>-16813.8726114649</v>
      </c>
      <c r="AL1399" s="53">
        <v>-16813.8726114649</v>
      </c>
      <c r="AM1399" s="53">
        <v>-16813.8726114649</v>
      </c>
      <c r="AN1399" s="53">
        <v>-201766.47133757899</v>
      </c>
      <c r="AO1399" s="53">
        <v>-16813.8726114649</v>
      </c>
      <c r="AP1399" s="53">
        <v>-16813.8726114649</v>
      </c>
      <c r="AQ1399" s="53">
        <v>-16813.8726114649</v>
      </c>
      <c r="AR1399" s="53">
        <v>-16813.8726114649</v>
      </c>
      <c r="AS1399" s="53">
        <v>-16813.8726114649</v>
      </c>
      <c r="AT1399" s="53">
        <v>-16813.8726114649</v>
      </c>
      <c r="AU1399" s="53">
        <v>-16813.8726114649</v>
      </c>
      <c r="AV1399" s="53">
        <v>-16813.8726114649</v>
      </c>
      <c r="AW1399" s="53">
        <v>-16813.8726114649</v>
      </c>
      <c r="AX1399" s="53">
        <v>-16813.8726114649</v>
      </c>
      <c r="AY1399" s="53">
        <v>-16813.8726114649</v>
      </c>
      <c r="AZ1399" s="53">
        <v>-16813.8726114649</v>
      </c>
      <c r="BA1399" s="53">
        <v>-201766.47133757899</v>
      </c>
    </row>
    <row r="1400" spans="1:53">
      <c r="A1400" s="52" t="s">
        <v>726</v>
      </c>
      <c r="B1400" s="53">
        <v>308004.32631578902</v>
      </c>
      <c r="C1400" s="53">
        <v>308004.32631578902</v>
      </c>
      <c r="D1400" s="53">
        <v>308004.32631578902</v>
      </c>
      <c r="E1400" s="53">
        <v>308004.32631578902</v>
      </c>
      <c r="F1400" s="53">
        <v>308004.32631578902</v>
      </c>
      <c r="G1400" s="53">
        <v>308004.32631578902</v>
      </c>
      <c r="H1400" s="53">
        <v>308004.32631578902</v>
      </c>
      <c r="I1400" s="53">
        <v>308004.32631578902</v>
      </c>
      <c r="J1400" s="53">
        <v>308004.32631578902</v>
      </c>
      <c r="K1400" s="53">
        <v>308004.32631578902</v>
      </c>
      <c r="L1400" s="53">
        <v>308004.32631578902</v>
      </c>
      <c r="M1400" s="53">
        <v>308004.32631578902</v>
      </c>
      <c r="N1400" s="53">
        <v>3696051.9157894701</v>
      </c>
      <c r="O1400" s="53">
        <v>308004.32631578902</v>
      </c>
      <c r="P1400" s="53">
        <v>308004.32631578902</v>
      </c>
      <c r="Q1400" s="53">
        <v>308004.32631578902</v>
      </c>
      <c r="R1400" s="53">
        <v>308004.32631578902</v>
      </c>
      <c r="S1400" s="53">
        <v>308004.32631578902</v>
      </c>
      <c r="T1400" s="53">
        <v>308004.32631578902</v>
      </c>
      <c r="U1400" s="53">
        <v>308004.32631578902</v>
      </c>
      <c r="V1400" s="53">
        <v>308004.32631578902</v>
      </c>
      <c r="W1400" s="53">
        <v>308004.32631578902</v>
      </c>
      <c r="X1400" s="53">
        <v>308004.32631578902</v>
      </c>
      <c r="Y1400" s="53">
        <v>308004.32631578902</v>
      </c>
      <c r="Z1400" s="53">
        <v>308004.32631578902</v>
      </c>
      <c r="AA1400" s="53">
        <v>3696051.9157894701</v>
      </c>
      <c r="AB1400" s="53">
        <v>308004.32631578902</v>
      </c>
      <c r="AC1400" s="53">
        <v>308004.32631578902</v>
      </c>
      <c r="AD1400" s="53">
        <v>308004.32631578902</v>
      </c>
      <c r="AE1400" s="53">
        <v>308004.32631578902</v>
      </c>
      <c r="AF1400" s="53">
        <v>308004.32631578902</v>
      </c>
      <c r="AG1400" s="53">
        <v>308004.32631578902</v>
      </c>
      <c r="AH1400" s="53">
        <v>308004.32631578902</v>
      </c>
      <c r="AI1400" s="53">
        <v>308004.32631578902</v>
      </c>
      <c r="AJ1400" s="53">
        <v>308004.32631578902</v>
      </c>
      <c r="AK1400" s="53">
        <v>308004.32631578902</v>
      </c>
      <c r="AL1400" s="53">
        <v>308004.32631578902</v>
      </c>
      <c r="AM1400" s="53">
        <v>308004.32631578902</v>
      </c>
      <c r="AN1400" s="53">
        <v>3696051.9157894701</v>
      </c>
      <c r="AO1400" s="53">
        <v>308004.32631578902</v>
      </c>
      <c r="AP1400" s="53">
        <v>308004.32631578902</v>
      </c>
      <c r="AQ1400" s="53">
        <v>308004.32631578902</v>
      </c>
      <c r="AR1400" s="53">
        <v>308004.32631578902</v>
      </c>
      <c r="AS1400" s="53">
        <v>308004.32631578902</v>
      </c>
      <c r="AT1400" s="53">
        <v>308004.32631578902</v>
      </c>
      <c r="AU1400" s="53">
        <v>308004.32631578902</v>
      </c>
      <c r="AV1400" s="53">
        <v>308004.32631578902</v>
      </c>
      <c r="AW1400" s="53">
        <v>308004.32631578902</v>
      </c>
      <c r="AX1400" s="53">
        <v>308004.32631578902</v>
      </c>
      <c r="AY1400" s="53">
        <v>308004.32631578902</v>
      </c>
      <c r="AZ1400" s="53">
        <v>308004.32631578902</v>
      </c>
      <c r="BA1400" s="53">
        <v>3696051.9157894701</v>
      </c>
    </row>
    <row r="1401" spans="1:53">
      <c r="A1401" s="52" t="s">
        <v>728</v>
      </c>
      <c r="B1401" s="53">
        <v>199670.97536945701</v>
      </c>
      <c r="C1401" s="53">
        <v>199670.97536945701</v>
      </c>
      <c r="D1401" s="53">
        <v>199670.97536945701</v>
      </c>
      <c r="E1401" s="53">
        <v>199670.97536945701</v>
      </c>
      <c r="F1401" s="53">
        <v>199670.97536945701</v>
      </c>
      <c r="G1401" s="53">
        <v>199670.97536945701</v>
      </c>
      <c r="H1401" s="53">
        <v>199670.97536945701</v>
      </c>
      <c r="I1401" s="53">
        <v>199670.97536945701</v>
      </c>
      <c r="J1401" s="53">
        <v>199670.97536945701</v>
      </c>
      <c r="K1401" s="53">
        <v>199670.97536945701</v>
      </c>
      <c r="L1401" s="53">
        <v>199670.97536945701</v>
      </c>
      <c r="M1401" s="53">
        <v>199670.97536945701</v>
      </c>
      <c r="N1401" s="53">
        <v>2396051.7044334901</v>
      </c>
      <c r="O1401" s="53">
        <v>199670.97536945701</v>
      </c>
      <c r="P1401" s="53">
        <v>199670.97536945701</v>
      </c>
      <c r="Q1401" s="53">
        <v>199670.97536945701</v>
      </c>
      <c r="R1401" s="53">
        <v>199670.97536945701</v>
      </c>
      <c r="S1401" s="53">
        <v>199670.97536945701</v>
      </c>
      <c r="T1401" s="53">
        <v>199670.97536945701</v>
      </c>
      <c r="U1401" s="53">
        <v>199670.97536945701</v>
      </c>
      <c r="V1401" s="53">
        <v>199670.97536945701</v>
      </c>
      <c r="W1401" s="53">
        <v>199670.97536945701</v>
      </c>
      <c r="X1401" s="53">
        <v>199670.97536945701</v>
      </c>
      <c r="Y1401" s="53">
        <v>199670.97536945701</v>
      </c>
      <c r="Z1401" s="53">
        <v>199670.97536945701</v>
      </c>
      <c r="AA1401" s="53">
        <v>2396051.7044334901</v>
      </c>
      <c r="AB1401" s="53">
        <v>199670.97536945701</v>
      </c>
      <c r="AC1401" s="53">
        <v>199670.97536945701</v>
      </c>
      <c r="AD1401" s="53">
        <v>199670.97536945701</v>
      </c>
      <c r="AE1401" s="53">
        <v>199670.97536945701</v>
      </c>
      <c r="AF1401" s="53">
        <v>199670.97536945701</v>
      </c>
      <c r="AG1401" s="53">
        <v>199670.97536945701</v>
      </c>
      <c r="AH1401" s="53">
        <v>199670.97536945701</v>
      </c>
      <c r="AI1401" s="53">
        <v>199670.97536945701</v>
      </c>
      <c r="AJ1401" s="53">
        <v>199670.97536945701</v>
      </c>
      <c r="AK1401" s="53">
        <v>199670.97536945701</v>
      </c>
      <c r="AL1401" s="53">
        <v>199670.97536945701</v>
      </c>
      <c r="AM1401" s="53">
        <v>199670.97536945701</v>
      </c>
      <c r="AN1401" s="53">
        <v>2396051.7044334901</v>
      </c>
      <c r="AO1401" s="53">
        <v>199670.97536945701</v>
      </c>
      <c r="AP1401" s="53">
        <v>199670.97536945701</v>
      </c>
      <c r="AQ1401" s="53">
        <v>199670.97536945701</v>
      </c>
      <c r="AR1401" s="53">
        <v>199670.97536945701</v>
      </c>
      <c r="AS1401" s="53">
        <v>199670.97536945701</v>
      </c>
      <c r="AT1401" s="53">
        <v>199670.97536945701</v>
      </c>
      <c r="AU1401" s="53">
        <v>199670.97536945701</v>
      </c>
      <c r="AV1401" s="53">
        <v>199670.97536945701</v>
      </c>
      <c r="AW1401" s="53">
        <v>199670.97536945701</v>
      </c>
      <c r="AX1401" s="53">
        <v>199670.97536945701</v>
      </c>
      <c r="AY1401" s="53">
        <v>199670.97536945701</v>
      </c>
      <c r="AZ1401" s="53">
        <v>199670.97536945701</v>
      </c>
      <c r="BA1401" s="53">
        <v>2396051.7044334901</v>
      </c>
    </row>
    <row r="1402" spans="1:53">
      <c r="A1402" s="52" t="s">
        <v>729</v>
      </c>
      <c r="B1402" s="53">
        <v>115069.472803347</v>
      </c>
      <c r="C1402" s="53">
        <v>115069.472803347</v>
      </c>
      <c r="D1402" s="53">
        <v>115069.472803347</v>
      </c>
      <c r="E1402" s="53">
        <v>115069.472803347</v>
      </c>
      <c r="F1402" s="53">
        <v>115069.472803347</v>
      </c>
      <c r="G1402" s="53">
        <v>115069.472803347</v>
      </c>
      <c r="H1402" s="53">
        <v>115069.472803347</v>
      </c>
      <c r="I1402" s="53">
        <v>115069.472803347</v>
      </c>
      <c r="J1402" s="53">
        <v>115069.472803347</v>
      </c>
      <c r="K1402" s="53">
        <v>115069.472803347</v>
      </c>
      <c r="L1402" s="53">
        <v>115069.472803347</v>
      </c>
      <c r="M1402" s="53">
        <v>115069.472803347</v>
      </c>
      <c r="N1402" s="53">
        <v>1380833.6736401599</v>
      </c>
      <c r="O1402" s="53">
        <v>115069.472803347</v>
      </c>
      <c r="P1402" s="53">
        <v>115069.472803347</v>
      </c>
      <c r="Q1402" s="53">
        <v>115069.472803347</v>
      </c>
      <c r="R1402" s="53">
        <v>115069.472803347</v>
      </c>
      <c r="S1402" s="53">
        <v>115069.472803347</v>
      </c>
      <c r="T1402" s="53">
        <v>115069.472803347</v>
      </c>
      <c r="U1402" s="53">
        <v>115069.472803347</v>
      </c>
      <c r="V1402" s="53">
        <v>115069.472803347</v>
      </c>
      <c r="W1402" s="53">
        <v>115069.472803347</v>
      </c>
      <c r="X1402" s="53">
        <v>115069.472803347</v>
      </c>
      <c r="Y1402" s="53">
        <v>115069.472803347</v>
      </c>
      <c r="Z1402" s="53">
        <v>115069.472803347</v>
      </c>
      <c r="AA1402" s="53">
        <v>1380833.6736401599</v>
      </c>
      <c r="AB1402" s="53">
        <v>115069.472803347</v>
      </c>
      <c r="AC1402" s="53">
        <v>115069.472803347</v>
      </c>
      <c r="AD1402" s="53">
        <v>115069.472803347</v>
      </c>
      <c r="AE1402" s="53">
        <v>115069.472803347</v>
      </c>
      <c r="AF1402" s="53">
        <v>115069.472803347</v>
      </c>
      <c r="AG1402" s="53">
        <v>115069.472803347</v>
      </c>
      <c r="AH1402" s="53">
        <v>115069.472803347</v>
      </c>
      <c r="AI1402" s="53">
        <v>115069.472803347</v>
      </c>
      <c r="AJ1402" s="53">
        <v>115069.472803347</v>
      </c>
      <c r="AK1402" s="53">
        <v>115069.472803347</v>
      </c>
      <c r="AL1402" s="53">
        <v>115069.472803347</v>
      </c>
      <c r="AM1402" s="53">
        <v>115069.472803347</v>
      </c>
      <c r="AN1402" s="53">
        <v>1380833.6736401699</v>
      </c>
      <c r="AO1402" s="53">
        <v>115069.472803347</v>
      </c>
      <c r="AP1402" s="53">
        <v>115069.472803347</v>
      </c>
      <c r="AQ1402" s="53">
        <v>115069.472803347</v>
      </c>
      <c r="AR1402" s="53">
        <v>115069.472803347</v>
      </c>
      <c r="AS1402" s="53">
        <v>115069.472803347</v>
      </c>
      <c r="AT1402" s="53">
        <v>115069.472803347</v>
      </c>
      <c r="AU1402" s="53">
        <v>115069.472803347</v>
      </c>
      <c r="AV1402" s="53">
        <v>115069.472803347</v>
      </c>
      <c r="AW1402" s="53">
        <v>115069.472803347</v>
      </c>
      <c r="AX1402" s="53">
        <v>115069.472803347</v>
      </c>
      <c r="AY1402" s="53">
        <v>115069.472803347</v>
      </c>
      <c r="AZ1402" s="53">
        <v>115069.472803347</v>
      </c>
      <c r="BA1402" s="53">
        <v>1380833.6736401699</v>
      </c>
    </row>
    <row r="1403" spans="1:53">
      <c r="A1403" s="52" t="s">
        <v>735</v>
      </c>
    </row>
    <row r="1404" spans="1:53">
      <c r="A1404" s="52" t="s">
        <v>736</v>
      </c>
    </row>
    <row r="1405" spans="1:53">
      <c r="A1405" s="52" t="s">
        <v>737</v>
      </c>
      <c r="B1405" s="53">
        <v>8902.2999999999902</v>
      </c>
      <c r="C1405" s="53">
        <v>8902.2999999999902</v>
      </c>
      <c r="D1405" s="53">
        <v>8902.2999999999993</v>
      </c>
      <c r="E1405" s="53">
        <v>8902.2999999999993</v>
      </c>
      <c r="F1405" s="53">
        <v>8902.2999999999902</v>
      </c>
      <c r="G1405" s="53">
        <v>8902.2999999999902</v>
      </c>
      <c r="H1405" s="53">
        <v>8902.2999999999902</v>
      </c>
      <c r="I1405" s="53">
        <v>8902.2999999999993</v>
      </c>
      <c r="J1405" s="53">
        <v>8902.2999999999993</v>
      </c>
      <c r="K1405" s="53">
        <v>8902.2999999999902</v>
      </c>
      <c r="L1405" s="53">
        <v>8902.2999999999993</v>
      </c>
      <c r="M1405" s="53">
        <v>8902.2999999999993</v>
      </c>
      <c r="N1405" s="53">
        <v>106827.599999999</v>
      </c>
      <c r="O1405" s="53">
        <v>8902.2999999999902</v>
      </c>
      <c r="P1405" s="53">
        <v>8902.2999999999902</v>
      </c>
      <c r="Q1405" s="53">
        <v>8902.2999999999993</v>
      </c>
      <c r="R1405" s="53">
        <v>8902.2999999999993</v>
      </c>
      <c r="S1405" s="53">
        <v>8902.2999999999902</v>
      </c>
      <c r="T1405" s="53">
        <v>8902.2999999999902</v>
      </c>
      <c r="U1405" s="53">
        <v>8902.2999999999993</v>
      </c>
      <c r="V1405" s="53">
        <v>8902.2999999999902</v>
      </c>
      <c r="W1405" s="53">
        <v>8902.2999999999902</v>
      </c>
      <c r="X1405" s="53">
        <v>8902.2999999999902</v>
      </c>
      <c r="Y1405" s="53">
        <v>8902.2999999999993</v>
      </c>
      <c r="Z1405" s="53">
        <v>8902.2999999999993</v>
      </c>
      <c r="AA1405" s="53">
        <v>106827.599999999</v>
      </c>
      <c r="AB1405" s="53">
        <v>8902.2999999999902</v>
      </c>
      <c r="AC1405" s="53">
        <v>8902.2999999999993</v>
      </c>
      <c r="AD1405" s="53">
        <v>8902.2999999999993</v>
      </c>
      <c r="AE1405" s="53">
        <v>8902.2999999999902</v>
      </c>
      <c r="AF1405" s="53">
        <v>8902.2999999999993</v>
      </c>
      <c r="AG1405" s="53">
        <v>8902.2999999999993</v>
      </c>
      <c r="AH1405" s="53">
        <v>8902.2999999999993</v>
      </c>
      <c r="AI1405" s="53">
        <v>8902.2999999999993</v>
      </c>
      <c r="AJ1405" s="53">
        <v>8902.2999999999993</v>
      </c>
      <c r="AK1405" s="53">
        <v>8902.2999999999993</v>
      </c>
      <c r="AL1405" s="53">
        <v>8902.2999999999993</v>
      </c>
      <c r="AM1405" s="53">
        <v>8902.2999999999993</v>
      </c>
      <c r="AN1405" s="53">
        <v>106827.599999999</v>
      </c>
      <c r="AO1405" s="53">
        <v>8902.2999999999993</v>
      </c>
      <c r="AP1405" s="53">
        <v>8902.2999999999993</v>
      </c>
      <c r="AQ1405" s="53">
        <v>8902.2999999999993</v>
      </c>
      <c r="AR1405" s="53">
        <v>8902.2999999999993</v>
      </c>
      <c r="AS1405" s="53">
        <v>8902.2999999999993</v>
      </c>
      <c r="AT1405" s="53">
        <v>8902.2999999999993</v>
      </c>
      <c r="AU1405" s="53">
        <v>8902.2999999999993</v>
      </c>
      <c r="AV1405" s="53">
        <v>8902.2999999999993</v>
      </c>
      <c r="AW1405" s="53">
        <v>8902.2999999999993</v>
      </c>
      <c r="AX1405" s="53">
        <v>8902.2999999999993</v>
      </c>
      <c r="AY1405" s="53">
        <v>8902.2999999999993</v>
      </c>
      <c r="AZ1405" s="53">
        <v>8902.2999999999993</v>
      </c>
      <c r="BA1405" s="53">
        <v>106827.599999999</v>
      </c>
    </row>
    <row r="1406" spans="1:53">
      <c r="A1406" s="52" t="s">
        <v>738</v>
      </c>
    </row>
    <row r="1407" spans="1:53">
      <c r="A1407" s="52" t="s">
        <v>739</v>
      </c>
    </row>
    <row r="1408" spans="1:53">
      <c r="A1408" s="52" t="s">
        <v>740</v>
      </c>
    </row>
    <row r="1409" spans="1:53">
      <c r="A1409" s="52" t="s">
        <v>649</v>
      </c>
      <c r="B1409" s="53">
        <v>1229166.66666666</v>
      </c>
      <c r="C1409" s="53">
        <v>1229166.66666666</v>
      </c>
      <c r="D1409" s="53">
        <v>1229166.66666666</v>
      </c>
      <c r="E1409" s="53">
        <v>1229166.66666666</v>
      </c>
      <c r="F1409" s="53">
        <v>1229166.66666666</v>
      </c>
      <c r="G1409" s="53">
        <v>1229166.66666666</v>
      </c>
      <c r="H1409" s="53">
        <v>1229166.66666666</v>
      </c>
      <c r="I1409" s="53">
        <v>2713541.66666666</v>
      </c>
      <c r="J1409" s="53">
        <v>3229166.66666666</v>
      </c>
      <c r="K1409" s="53">
        <v>3229166.66666666</v>
      </c>
      <c r="L1409" s="53">
        <v>3229166.66666666</v>
      </c>
      <c r="M1409" s="53">
        <v>3229166.66666666</v>
      </c>
      <c r="N1409" s="53">
        <v>24234375</v>
      </c>
      <c r="O1409" s="53">
        <v>3229166.66666666</v>
      </c>
      <c r="P1409" s="53">
        <v>3229166.66666666</v>
      </c>
      <c r="Q1409" s="53">
        <v>3229166.66666666</v>
      </c>
      <c r="R1409" s="53">
        <v>3229166.66666666</v>
      </c>
      <c r="S1409" s="53">
        <v>3229166.66666666</v>
      </c>
      <c r="T1409" s="53">
        <v>4793619.7916666605</v>
      </c>
      <c r="U1409" s="53">
        <v>5354166.6666666605</v>
      </c>
      <c r="V1409" s="53">
        <v>5354166.6666666605</v>
      </c>
      <c r="W1409" s="53">
        <v>5354166.6666666605</v>
      </c>
      <c r="X1409" s="53">
        <v>5354166.6666666605</v>
      </c>
      <c r="Y1409" s="53">
        <v>5354166.6666666605</v>
      </c>
      <c r="Z1409" s="53">
        <v>5354166.6666666605</v>
      </c>
      <c r="AA1409" s="53">
        <v>53064453.124999903</v>
      </c>
      <c r="AB1409" s="53">
        <v>5354166.6666666605</v>
      </c>
      <c r="AC1409" s="53">
        <v>5354166.6666666605</v>
      </c>
      <c r="AD1409" s="53">
        <v>5354166.6666666605</v>
      </c>
      <c r="AE1409" s="53">
        <v>5354166.6666666605</v>
      </c>
      <c r="AF1409" s="53">
        <v>5354166.6666666605</v>
      </c>
      <c r="AG1409" s="53">
        <v>6731456.3679245198</v>
      </c>
      <c r="AH1409" s="53">
        <v>7222916.6666666605</v>
      </c>
      <c r="AI1409" s="53">
        <v>7222916.6666666605</v>
      </c>
      <c r="AJ1409" s="53">
        <v>7222916.6666666605</v>
      </c>
      <c r="AK1409" s="53">
        <v>7222916.6666666605</v>
      </c>
      <c r="AL1409" s="53">
        <v>7222916.6666666605</v>
      </c>
      <c r="AM1409" s="53">
        <v>7222916.6666666605</v>
      </c>
      <c r="AN1409" s="53">
        <v>76839789.701257795</v>
      </c>
      <c r="AO1409" s="53">
        <v>7222916.6666666605</v>
      </c>
      <c r="AP1409" s="53">
        <v>7222916.6666666605</v>
      </c>
      <c r="AQ1409" s="53">
        <v>7222916.6666666605</v>
      </c>
      <c r="AR1409" s="53">
        <v>7222916.6666666605</v>
      </c>
      <c r="AS1409" s="53">
        <v>7222916.6666666605</v>
      </c>
      <c r="AT1409" s="53">
        <v>8404288.7369791605</v>
      </c>
      <c r="AU1409" s="53">
        <v>8827083.3333333302</v>
      </c>
      <c r="AV1409" s="53">
        <v>8827083.3333333302</v>
      </c>
      <c r="AW1409" s="53">
        <v>8827083.3333333302</v>
      </c>
      <c r="AX1409" s="53">
        <v>8827083.3333333302</v>
      </c>
      <c r="AY1409" s="53">
        <v>8827083.3333333302</v>
      </c>
      <c r="AZ1409" s="53">
        <v>8827083.3333333302</v>
      </c>
      <c r="BA1409" s="53">
        <v>97481372.070312396</v>
      </c>
    </row>
    <row r="1410" spans="1:53">
      <c r="A1410" s="52" t="s">
        <v>741</v>
      </c>
    </row>
    <row r="1411" spans="1:53">
      <c r="A1411" s="52" t="s">
        <v>742</v>
      </c>
    </row>
    <row r="1412" spans="1:53">
      <c r="A1412" s="52" t="s">
        <v>649</v>
      </c>
      <c r="B1412" s="53">
        <v>52291.666666666701</v>
      </c>
      <c r="C1412" s="53">
        <v>52291.666666666701</v>
      </c>
      <c r="D1412" s="53">
        <v>52291.666666666701</v>
      </c>
      <c r="E1412" s="53">
        <v>59583.333333333299</v>
      </c>
      <c r="F1412" s="53">
        <v>59583.333333333299</v>
      </c>
      <c r="G1412" s="53">
        <v>59583.333333333299</v>
      </c>
      <c r="H1412" s="53">
        <v>59583.333333333299</v>
      </c>
      <c r="I1412" s="53">
        <v>59583.333333333299</v>
      </c>
      <c r="J1412" s="53">
        <v>59583.333333333299</v>
      </c>
      <c r="K1412" s="53">
        <v>59583.333333333299</v>
      </c>
      <c r="L1412" s="53">
        <v>59583.333333333299</v>
      </c>
      <c r="M1412" s="53">
        <v>59583.333333333299</v>
      </c>
      <c r="N1412" s="53">
        <v>693124.99999999895</v>
      </c>
      <c r="O1412" s="53">
        <v>59583.333333333299</v>
      </c>
      <c r="P1412" s="53">
        <v>59583.333333333299</v>
      </c>
      <c r="Q1412" s="53">
        <v>59583.333333333299</v>
      </c>
      <c r="R1412" s="53">
        <v>66875</v>
      </c>
      <c r="S1412" s="53">
        <v>66875</v>
      </c>
      <c r="T1412" s="53">
        <v>66875</v>
      </c>
      <c r="U1412" s="53">
        <v>66875</v>
      </c>
      <c r="V1412" s="53">
        <v>66875</v>
      </c>
      <c r="W1412" s="53">
        <v>66875</v>
      </c>
      <c r="X1412" s="53">
        <v>66875</v>
      </c>
      <c r="Y1412" s="53">
        <v>66875</v>
      </c>
      <c r="Z1412" s="53">
        <v>66875</v>
      </c>
      <c r="AA1412" s="53">
        <v>780624.99999999895</v>
      </c>
      <c r="AB1412" s="53">
        <v>66875</v>
      </c>
      <c r="AC1412" s="53">
        <v>66875</v>
      </c>
      <c r="AD1412" s="53">
        <v>66875</v>
      </c>
      <c r="AE1412" s="53">
        <v>74166.666666666701</v>
      </c>
      <c r="AF1412" s="53">
        <v>74166.666666666701</v>
      </c>
      <c r="AG1412" s="53">
        <v>74166.666666666701</v>
      </c>
      <c r="AH1412" s="53">
        <v>74166.666666666701</v>
      </c>
      <c r="AI1412" s="53">
        <v>74166.666666666701</v>
      </c>
      <c r="AJ1412" s="53">
        <v>74166.666666666701</v>
      </c>
      <c r="AK1412" s="53">
        <v>74166.666666666701</v>
      </c>
      <c r="AL1412" s="53">
        <v>74166.666666666701</v>
      </c>
      <c r="AM1412" s="53">
        <v>74166.666666666701</v>
      </c>
      <c r="AN1412" s="53">
        <v>868125</v>
      </c>
      <c r="AO1412" s="53">
        <v>74166.666666666701</v>
      </c>
      <c r="AP1412" s="53">
        <v>74166.666666666701</v>
      </c>
      <c r="AQ1412" s="53">
        <v>74166.666666666701</v>
      </c>
      <c r="AR1412" s="53">
        <v>36458.333333333299</v>
      </c>
      <c r="AS1412" s="53">
        <v>36458.333333333299</v>
      </c>
      <c r="AT1412" s="53">
        <v>36458.333333333299</v>
      </c>
      <c r="AU1412" s="53">
        <v>36458.333333333299</v>
      </c>
      <c r="AV1412" s="53">
        <v>36458.333333333299</v>
      </c>
      <c r="AW1412" s="53">
        <v>36458.333333333299</v>
      </c>
      <c r="AX1412" s="53">
        <v>36458.333333333299</v>
      </c>
      <c r="AY1412" s="53">
        <v>36458.333333333299</v>
      </c>
      <c r="AZ1412" s="53">
        <v>36458.333333333299</v>
      </c>
      <c r="BA1412" s="53">
        <v>550624.99999999895</v>
      </c>
    </row>
    <row r="1413" spans="1:53">
      <c r="A1413" s="52" t="s">
        <v>743</v>
      </c>
    </row>
    <row r="1414" spans="1:53">
      <c r="A1414" s="52" t="s">
        <v>649</v>
      </c>
      <c r="D1414" s="53">
        <v>229000</v>
      </c>
      <c r="G1414" s="53">
        <v>229000</v>
      </c>
      <c r="J1414" s="53">
        <v>229000</v>
      </c>
      <c r="M1414" s="53">
        <v>229000</v>
      </c>
      <c r="N1414" s="53">
        <v>916000</v>
      </c>
      <c r="Q1414" s="53">
        <v>229000</v>
      </c>
      <c r="T1414" s="53">
        <v>229000</v>
      </c>
      <c r="W1414" s="53">
        <v>229000</v>
      </c>
      <c r="Z1414" s="53">
        <v>229000</v>
      </c>
      <c r="AA1414" s="53">
        <v>916000</v>
      </c>
      <c r="AD1414" s="53">
        <v>229000</v>
      </c>
      <c r="AG1414" s="53">
        <v>229000</v>
      </c>
      <c r="AJ1414" s="53">
        <v>229000</v>
      </c>
      <c r="AM1414" s="53">
        <v>229000</v>
      </c>
      <c r="AN1414" s="53">
        <v>916000</v>
      </c>
      <c r="AQ1414" s="53">
        <v>229000</v>
      </c>
      <c r="AT1414" s="53">
        <v>229000</v>
      </c>
      <c r="AW1414" s="53">
        <v>229000</v>
      </c>
      <c r="AZ1414" s="53">
        <v>229000</v>
      </c>
      <c r="BA1414" s="53">
        <v>916000</v>
      </c>
    </row>
    <row r="1415" spans="1:53">
      <c r="A1415" s="52" t="s">
        <v>744</v>
      </c>
    </row>
    <row r="1416" spans="1:53">
      <c r="A1416" s="52" t="s">
        <v>649</v>
      </c>
      <c r="B1416" s="53">
        <v>10885</v>
      </c>
      <c r="C1416" s="53">
        <v>10885</v>
      </c>
      <c r="D1416" s="53">
        <v>10885</v>
      </c>
      <c r="E1416" s="53">
        <v>10885</v>
      </c>
      <c r="F1416" s="53">
        <v>10885</v>
      </c>
      <c r="G1416" s="53">
        <v>10885</v>
      </c>
      <c r="H1416" s="53">
        <v>10885</v>
      </c>
      <c r="I1416" s="53">
        <v>10885</v>
      </c>
      <c r="J1416" s="53">
        <v>10885</v>
      </c>
      <c r="K1416" s="53">
        <v>10885</v>
      </c>
      <c r="L1416" s="53">
        <v>10885</v>
      </c>
      <c r="M1416" s="53">
        <v>10885</v>
      </c>
      <c r="N1416" s="53">
        <v>130620</v>
      </c>
      <c r="O1416" s="53">
        <v>10885</v>
      </c>
      <c r="P1416" s="53">
        <v>10885</v>
      </c>
      <c r="Q1416" s="53">
        <v>10885</v>
      </c>
      <c r="R1416" s="53">
        <v>10885</v>
      </c>
      <c r="S1416" s="53">
        <v>10885</v>
      </c>
      <c r="T1416" s="53">
        <v>10885</v>
      </c>
      <c r="U1416" s="53">
        <v>10885</v>
      </c>
      <c r="V1416" s="53">
        <v>10885</v>
      </c>
      <c r="W1416" s="53">
        <v>10885</v>
      </c>
      <c r="X1416" s="53">
        <v>10885</v>
      </c>
      <c r="Y1416" s="53">
        <v>10885</v>
      </c>
      <c r="Z1416" s="53">
        <v>10885</v>
      </c>
      <c r="AA1416" s="53">
        <v>130620</v>
      </c>
      <c r="AB1416" s="53">
        <v>10885</v>
      </c>
      <c r="AC1416" s="53">
        <v>10885</v>
      </c>
      <c r="AD1416" s="53">
        <v>10885</v>
      </c>
      <c r="AE1416" s="53">
        <v>10885</v>
      </c>
      <c r="AF1416" s="53">
        <v>10885</v>
      </c>
      <c r="AG1416" s="53">
        <v>10885</v>
      </c>
      <c r="AH1416" s="53">
        <v>10885</v>
      </c>
      <c r="AI1416" s="53">
        <v>10885</v>
      </c>
      <c r="AJ1416" s="53">
        <v>10885</v>
      </c>
      <c r="AK1416" s="53">
        <v>10885</v>
      </c>
      <c r="AL1416" s="53">
        <v>10885</v>
      </c>
      <c r="AM1416" s="53">
        <v>10885</v>
      </c>
      <c r="AN1416" s="53">
        <v>130620</v>
      </c>
      <c r="AO1416" s="53">
        <v>10885</v>
      </c>
      <c r="AP1416" s="53">
        <v>10885</v>
      </c>
      <c r="AQ1416" s="53">
        <v>10885</v>
      </c>
      <c r="AR1416" s="53">
        <v>10885</v>
      </c>
      <c r="AS1416" s="53">
        <v>10885</v>
      </c>
      <c r="AT1416" s="53">
        <v>10885</v>
      </c>
      <c r="AU1416" s="53">
        <v>10885</v>
      </c>
      <c r="AV1416" s="53">
        <v>10885</v>
      </c>
      <c r="AW1416" s="53">
        <v>10885</v>
      </c>
      <c r="AX1416" s="53">
        <v>10885</v>
      </c>
      <c r="AY1416" s="53">
        <v>10885</v>
      </c>
      <c r="AZ1416" s="53">
        <v>10885</v>
      </c>
      <c r="BA1416" s="53">
        <v>130620</v>
      </c>
    </row>
    <row r="1417" spans="1:53">
      <c r="A1417" s="52" t="s">
        <v>745</v>
      </c>
    </row>
    <row r="1418" spans="1:53">
      <c r="A1418" s="52" t="s">
        <v>746</v>
      </c>
    </row>
    <row r="1419" spans="1:53">
      <c r="A1419" s="52" t="s">
        <v>649</v>
      </c>
      <c r="B1419" s="53">
        <v>36510.408091152902</v>
      </c>
      <c r="C1419" s="53">
        <v>82307.405775593303</v>
      </c>
      <c r="D1419" s="53">
        <v>145528.19083750999</v>
      </c>
      <c r="E1419" s="53">
        <v>209429.24852795599</v>
      </c>
      <c r="F1419" s="53">
        <v>241597.66097108499</v>
      </c>
      <c r="G1419" s="53">
        <v>272889.20506465097</v>
      </c>
      <c r="H1419" s="53">
        <v>264957.65794518002</v>
      </c>
      <c r="I1419" s="53">
        <v>119146.807591915</v>
      </c>
      <c r="M1419" s="53">
        <v>5910.9984719375398</v>
      </c>
      <c r="N1419" s="53">
        <v>1378277.5832769801</v>
      </c>
      <c r="O1419" s="53">
        <v>56748.113482787303</v>
      </c>
      <c r="P1419" s="53">
        <v>129661.94974893999</v>
      </c>
      <c r="Q1419" s="53">
        <v>227850.25505308399</v>
      </c>
      <c r="R1419" s="53">
        <v>324655.642490256</v>
      </c>
      <c r="S1419" s="53">
        <v>387644.64562636102</v>
      </c>
      <c r="T1419" s="53">
        <v>209232.77711136299</v>
      </c>
      <c r="Z1419" s="53">
        <v>21989.736152981299</v>
      </c>
      <c r="AA1419" s="53">
        <v>1357783.1196657701</v>
      </c>
      <c r="AB1419" s="53">
        <v>80277.121093681402</v>
      </c>
      <c r="AC1419" s="53">
        <v>121691.187039998</v>
      </c>
      <c r="AD1419" s="53">
        <v>188720.28798274201</v>
      </c>
      <c r="AE1419" s="53">
        <v>257699.455777272</v>
      </c>
      <c r="AF1419" s="53">
        <v>283891.26081365201</v>
      </c>
      <c r="AG1419" s="53">
        <v>153283.293122876</v>
      </c>
      <c r="AH1419" s="53">
        <v>7052.5388797679598</v>
      </c>
      <c r="AM1419" s="53">
        <v>3970.5932929876199</v>
      </c>
      <c r="AN1419" s="53">
        <v>1096585.7380029701</v>
      </c>
      <c r="AO1419" s="53">
        <v>11784.9869865289</v>
      </c>
      <c r="AP1419" s="53">
        <v>11455.381725695701</v>
      </c>
      <c r="AQ1419" s="53">
        <v>45040.158530844601</v>
      </c>
      <c r="AR1419" s="53">
        <v>81331.870333863495</v>
      </c>
      <c r="AS1419" s="53">
        <v>68691.470713406597</v>
      </c>
      <c r="AT1419" s="53">
        <v>122720.274954465</v>
      </c>
      <c r="AU1419" s="53">
        <v>113012.23058586101</v>
      </c>
      <c r="AV1419" s="53">
        <v>18538.391891178399</v>
      </c>
      <c r="BA1419" s="53">
        <v>472574.76572184497</v>
      </c>
    </row>
    <row r="1420" spans="1:53">
      <c r="A1420" s="52" t="s">
        <v>747</v>
      </c>
    </row>
    <row r="1421" spans="1:53">
      <c r="A1421" s="52" t="s">
        <v>648</v>
      </c>
    </row>
    <row r="1422" spans="1:53">
      <c r="A1422" s="52" t="s">
        <v>649</v>
      </c>
      <c r="B1422" s="53">
        <v>74627.351893683197</v>
      </c>
      <c r="C1422" s="53">
        <v>74195.824508213598</v>
      </c>
      <c r="D1422" s="53">
        <v>80108.485076108103</v>
      </c>
      <c r="E1422" s="53">
        <v>86089.193001987005</v>
      </c>
      <c r="F1422" s="53">
        <v>84551.212457080997</v>
      </c>
      <c r="G1422" s="53">
        <v>83300.856712418594</v>
      </c>
      <c r="H1422" s="53">
        <v>83120.576373520598</v>
      </c>
      <c r="I1422" s="53">
        <v>82621.129425253297</v>
      </c>
      <c r="J1422" s="53">
        <v>81173.837444186895</v>
      </c>
      <c r="K1422" s="53">
        <v>79737.379453006797</v>
      </c>
      <c r="L1422" s="53">
        <v>78233.443852248995</v>
      </c>
      <c r="M1422" s="53">
        <v>79589.185371449305</v>
      </c>
      <c r="N1422" s="53">
        <v>967348.47556915798</v>
      </c>
      <c r="O1422" s="53">
        <v>120128.29367714201</v>
      </c>
      <c r="P1422" s="53">
        <v>118636.517559559</v>
      </c>
      <c r="Q1422" s="53">
        <v>126960.87955125701</v>
      </c>
      <c r="R1422" s="53">
        <v>135426.39189309999</v>
      </c>
      <c r="S1422" s="53">
        <v>132637.72485653701</v>
      </c>
      <c r="T1422" s="53">
        <v>130319.649178155</v>
      </c>
      <c r="U1422" s="53">
        <v>129440.900994968</v>
      </c>
      <c r="V1422" s="53">
        <v>128087.638095038</v>
      </c>
      <c r="W1422" s="53">
        <v>125538.227465944</v>
      </c>
      <c r="X1422" s="53">
        <v>123023.075274506</v>
      </c>
      <c r="Y1422" s="53">
        <v>120432.22802512201</v>
      </c>
      <c r="Z1422" s="53">
        <v>122122.29577462201</v>
      </c>
      <c r="AA1422" s="53">
        <v>1512753.8223459499</v>
      </c>
      <c r="AB1422" s="53">
        <v>154845.258940464</v>
      </c>
      <c r="AC1422" s="53">
        <v>152700.98520226701</v>
      </c>
      <c r="AD1422" s="53">
        <v>162727.612537026</v>
      </c>
      <c r="AE1422" s="53">
        <v>172799.53740010801</v>
      </c>
      <c r="AF1422" s="53">
        <v>169067.174678543</v>
      </c>
      <c r="AG1422" s="53">
        <v>165743.99463054401</v>
      </c>
      <c r="AH1422" s="53">
        <v>163928.72558355899</v>
      </c>
      <c r="AI1422" s="53">
        <v>161668.53242681699</v>
      </c>
      <c r="AJ1422" s="53">
        <v>157963.00743345101</v>
      </c>
      <c r="AK1422" s="53">
        <v>154312.07928244601</v>
      </c>
      <c r="AL1422" s="53">
        <v>150699.410705735</v>
      </c>
      <c r="AM1422" s="53">
        <v>152797.95371239001</v>
      </c>
      <c r="AN1422" s="53">
        <v>1919254.2725333499</v>
      </c>
      <c r="AO1422" s="53">
        <v>176313.21507254301</v>
      </c>
      <c r="AP1422" s="53">
        <v>173460.60675375699</v>
      </c>
      <c r="AQ1422" s="53">
        <v>184630.242286047</v>
      </c>
      <c r="AR1422" s="53">
        <v>195908.57476813099</v>
      </c>
      <c r="AS1422" s="53">
        <v>191503.00554549301</v>
      </c>
      <c r="AT1422" s="53">
        <v>187544.359099352</v>
      </c>
      <c r="AU1422" s="53">
        <v>185131.58941761899</v>
      </c>
      <c r="AV1422" s="53">
        <v>182190.81025339899</v>
      </c>
      <c r="AW1422" s="53">
        <v>177853.546890136</v>
      </c>
      <c r="AX1422" s="53">
        <v>173545.362000822</v>
      </c>
      <c r="AY1422" s="53">
        <v>169200.39944358001</v>
      </c>
      <c r="AZ1422" s="53">
        <v>171789.65762971999</v>
      </c>
      <c r="BA1422" s="53">
        <v>2169071.3691606</v>
      </c>
    </row>
    <row r="1423" spans="1:53">
      <c r="A1423" s="52" t="s">
        <v>650</v>
      </c>
    </row>
    <row r="1424" spans="1:53">
      <c r="A1424" s="52" t="s">
        <v>653</v>
      </c>
    </row>
    <row r="1425" spans="1:53">
      <c r="A1425" s="52" t="s">
        <v>649</v>
      </c>
      <c r="B1425" s="53">
        <v>69954.984999999899</v>
      </c>
      <c r="C1425" s="53">
        <v>69954.984999999899</v>
      </c>
      <c r="D1425" s="53">
        <v>69954.984999999899</v>
      </c>
      <c r="E1425" s="53">
        <v>69954.984999999899</v>
      </c>
      <c r="F1425" s="53">
        <v>69954.984999999899</v>
      </c>
      <c r="G1425" s="53">
        <v>69954.984999999899</v>
      </c>
      <c r="H1425" s="53">
        <v>69954.984999999899</v>
      </c>
      <c r="I1425" s="53">
        <v>69954.984999999899</v>
      </c>
      <c r="J1425" s="53">
        <v>69954.984999999899</v>
      </c>
      <c r="K1425" s="53">
        <v>69954.984999999899</v>
      </c>
      <c r="L1425" s="53">
        <v>69954.984999999899</v>
      </c>
      <c r="M1425" s="53">
        <v>69954.984999999899</v>
      </c>
      <c r="N1425" s="53">
        <v>839459.81999999797</v>
      </c>
      <c r="O1425" s="53">
        <v>69954.984999999899</v>
      </c>
      <c r="P1425" s="53">
        <v>69954.984999999899</v>
      </c>
      <c r="Q1425" s="53">
        <v>69954.984999999899</v>
      </c>
      <c r="R1425" s="53">
        <v>69954.984999999899</v>
      </c>
      <c r="S1425" s="53">
        <v>69954.984999999899</v>
      </c>
      <c r="T1425" s="53">
        <v>69954.984999999899</v>
      </c>
      <c r="U1425" s="53">
        <v>69954.984999999899</v>
      </c>
      <c r="V1425" s="53">
        <v>69954.984999999899</v>
      </c>
      <c r="W1425" s="53">
        <v>69954.984999999899</v>
      </c>
      <c r="X1425" s="53">
        <v>69954.984999999899</v>
      </c>
      <c r="Y1425" s="53">
        <v>69954.984999999899</v>
      </c>
      <c r="Z1425" s="53">
        <v>69954.984999999899</v>
      </c>
      <c r="AA1425" s="53">
        <v>839459.81999999797</v>
      </c>
      <c r="AB1425" s="53">
        <v>69954.984999999899</v>
      </c>
      <c r="AC1425" s="53">
        <v>69954.984999999899</v>
      </c>
      <c r="AD1425" s="53">
        <v>69954.984999999899</v>
      </c>
      <c r="AE1425" s="53">
        <v>69954.984999999899</v>
      </c>
      <c r="AF1425" s="53">
        <v>69954.984999999899</v>
      </c>
      <c r="AG1425" s="53">
        <v>69954.984999999899</v>
      </c>
      <c r="AH1425" s="53">
        <v>69954.984999999899</v>
      </c>
      <c r="AI1425" s="53">
        <v>69954.984999999899</v>
      </c>
      <c r="AJ1425" s="53">
        <v>69954.984999999899</v>
      </c>
      <c r="AK1425" s="53">
        <v>69954.984999999899</v>
      </c>
      <c r="AL1425" s="53">
        <v>69954.984999999899</v>
      </c>
      <c r="AM1425" s="53">
        <v>69954.984999999899</v>
      </c>
      <c r="AN1425" s="53">
        <v>839459.81999999797</v>
      </c>
      <c r="AO1425" s="53">
        <v>67490.796224314996</v>
      </c>
      <c r="AP1425" s="53">
        <v>67490.796224314996</v>
      </c>
      <c r="AQ1425" s="53">
        <v>67490.796224314996</v>
      </c>
      <c r="AR1425" s="53">
        <v>67490.796224314996</v>
      </c>
      <c r="AS1425" s="53">
        <v>67490.796224314996</v>
      </c>
      <c r="AT1425" s="53">
        <v>67490.796224314996</v>
      </c>
      <c r="AU1425" s="53">
        <v>67490.796224314996</v>
      </c>
      <c r="AV1425" s="53">
        <v>67490.796224314996</v>
      </c>
      <c r="AW1425" s="53">
        <v>67490.796224314996</v>
      </c>
      <c r="AX1425" s="53">
        <v>67490.796224314996</v>
      </c>
      <c r="AY1425" s="53">
        <v>67490.796224314996</v>
      </c>
      <c r="AZ1425" s="53">
        <v>67490.796224314996</v>
      </c>
      <c r="BA1425" s="53">
        <v>809889.55469177896</v>
      </c>
    </row>
    <row r="1426" spans="1:53">
      <c r="A1426" s="52" t="s">
        <v>660</v>
      </c>
    </row>
    <row r="1427" spans="1:53">
      <c r="A1427" s="52" t="s">
        <v>649</v>
      </c>
      <c r="B1427" s="53">
        <v>377339.69208649802</v>
      </c>
      <c r="C1427" s="53">
        <v>377339.69208649802</v>
      </c>
      <c r="D1427" s="53">
        <v>377339.69208649802</v>
      </c>
      <c r="E1427" s="53">
        <v>377339.69208649802</v>
      </c>
      <c r="F1427" s="53">
        <v>377339.69208649802</v>
      </c>
      <c r="G1427" s="53">
        <v>377339.69208649802</v>
      </c>
      <c r="H1427" s="53">
        <v>377339.69208649802</v>
      </c>
      <c r="I1427" s="53">
        <v>377339.69208649802</v>
      </c>
      <c r="J1427" s="53">
        <v>377339.69208649802</v>
      </c>
      <c r="K1427" s="53">
        <v>377339.69208649802</v>
      </c>
      <c r="L1427" s="53">
        <v>377339.69208649802</v>
      </c>
      <c r="M1427" s="53">
        <v>377339.69208649802</v>
      </c>
      <c r="N1427" s="53">
        <v>4528076.30503798</v>
      </c>
      <c r="O1427" s="53">
        <v>377339.69208649802</v>
      </c>
      <c r="P1427" s="53">
        <v>377339.69208649802</v>
      </c>
      <c r="Q1427" s="53">
        <v>377339.69208649802</v>
      </c>
      <c r="R1427" s="53">
        <v>377339.69208649802</v>
      </c>
      <c r="S1427" s="53">
        <v>377339.69208649802</v>
      </c>
      <c r="T1427" s="53">
        <v>377339.69208649802</v>
      </c>
      <c r="U1427" s="53">
        <v>377339.69208649802</v>
      </c>
      <c r="V1427" s="53">
        <v>377339.69208649802</v>
      </c>
      <c r="W1427" s="53">
        <v>377339.69208649802</v>
      </c>
      <c r="X1427" s="53">
        <v>377339.69208649802</v>
      </c>
      <c r="Y1427" s="53">
        <v>377339.69208649802</v>
      </c>
      <c r="Z1427" s="53">
        <v>377339.69208649802</v>
      </c>
      <c r="AA1427" s="53">
        <v>4528076.30503798</v>
      </c>
      <c r="AB1427" s="53">
        <v>377339.69208649802</v>
      </c>
      <c r="AC1427" s="53">
        <v>377339.69208649802</v>
      </c>
      <c r="AD1427" s="53">
        <v>377339.69208649802</v>
      </c>
      <c r="AE1427" s="53">
        <v>377339.69208649802</v>
      </c>
      <c r="AF1427" s="53">
        <v>377339.69208649802</v>
      </c>
      <c r="AG1427" s="53">
        <v>377339.69208649802</v>
      </c>
      <c r="AH1427" s="53">
        <v>377339.69208649802</v>
      </c>
      <c r="AI1427" s="53">
        <v>377339.69208649802</v>
      </c>
      <c r="AJ1427" s="53">
        <v>377339.69208649802</v>
      </c>
      <c r="AK1427" s="53">
        <v>377339.69208649802</v>
      </c>
      <c r="AL1427" s="53">
        <v>377339.69208649802</v>
      </c>
      <c r="AM1427" s="53">
        <v>377339.69208649802</v>
      </c>
      <c r="AN1427" s="53">
        <v>4528076.30503798</v>
      </c>
      <c r="AO1427" s="53">
        <v>377339.69208649802</v>
      </c>
      <c r="AP1427" s="53">
        <v>377339.69208649802</v>
      </c>
      <c r="AQ1427" s="53">
        <v>377339.69208649802</v>
      </c>
      <c r="AR1427" s="53">
        <v>377339.69208649802</v>
      </c>
      <c r="AS1427" s="53">
        <v>377339.69208649802</v>
      </c>
      <c r="AT1427" s="53">
        <v>377339.69208649802</v>
      </c>
      <c r="AU1427" s="53">
        <v>377339.69208649802</v>
      </c>
      <c r="AV1427" s="53">
        <v>377339.69208649802</v>
      </c>
      <c r="AW1427" s="53">
        <v>377339.69208649802</v>
      </c>
      <c r="AX1427" s="53">
        <v>377339.69208649802</v>
      </c>
      <c r="AY1427" s="53">
        <v>377339.69208649802</v>
      </c>
      <c r="AZ1427" s="53">
        <v>377339.69208649802</v>
      </c>
      <c r="BA1427" s="53">
        <v>4528076.30503798</v>
      </c>
    </row>
    <row r="1428" spans="1:53">
      <c r="A1428" s="52" t="s">
        <v>672</v>
      </c>
    </row>
    <row r="1429" spans="1:53">
      <c r="A1429" s="52" t="s">
        <v>673</v>
      </c>
    </row>
    <row r="1430" spans="1:53">
      <c r="A1430" s="52" t="s">
        <v>674</v>
      </c>
    </row>
    <row r="1431" spans="1:53">
      <c r="A1431" s="52" t="s">
        <v>649</v>
      </c>
      <c r="B1431" s="53">
        <v>-726122.49002325197</v>
      </c>
      <c r="C1431" s="53">
        <v>-786195.47764589195</v>
      </c>
      <c r="D1431" s="53">
        <v>-685369.65591758001</v>
      </c>
      <c r="E1431" s="53">
        <v>-760120.685091377</v>
      </c>
      <c r="F1431" s="53">
        <v>-834240.81253460306</v>
      </c>
      <c r="G1431" s="53">
        <v>-760243.22931252804</v>
      </c>
      <c r="H1431" s="53">
        <v>-823786.10066739598</v>
      </c>
      <c r="I1431" s="53">
        <v>-888346.728875809</v>
      </c>
      <c r="J1431" s="53">
        <v>-961632.72254871204</v>
      </c>
      <c r="K1431" s="53">
        <v>-1039618.90468136</v>
      </c>
      <c r="L1431" s="53">
        <v>-1115129.2496515899</v>
      </c>
      <c r="M1431" s="53">
        <v>-873207.12656370294</v>
      </c>
      <c r="N1431" s="53">
        <v>-10254013.1835138</v>
      </c>
      <c r="O1431" s="53">
        <v>-956754.14607566304</v>
      </c>
      <c r="P1431" s="53">
        <v>-1019577.81607557</v>
      </c>
      <c r="Q1431" s="53">
        <v>-1060716.79757003</v>
      </c>
      <c r="R1431" s="53">
        <v>-1102065.6077238999</v>
      </c>
      <c r="S1431" s="53">
        <v>-1044326.076652</v>
      </c>
      <c r="T1431" s="53">
        <v>-202038.15685478901</v>
      </c>
      <c r="U1431" s="53">
        <v>-221947.156764605</v>
      </c>
      <c r="V1431" s="53">
        <v>-241959.835064402</v>
      </c>
      <c r="W1431" s="53">
        <v>-262074.98243024299</v>
      </c>
      <c r="X1431" s="53">
        <v>-282293.12354263401</v>
      </c>
      <c r="Y1431" s="53">
        <v>-302614.78576864197</v>
      </c>
      <c r="Z1431" s="53">
        <v>-402449.16907567799</v>
      </c>
      <c r="AA1431" s="53">
        <v>-7098817.6535981698</v>
      </c>
      <c r="AB1431" s="53">
        <v>-431840.776993662</v>
      </c>
      <c r="AC1431" s="53">
        <v>-465918.643638996</v>
      </c>
      <c r="AD1431" s="53">
        <v>-389214.98288119602</v>
      </c>
      <c r="AE1431" s="53">
        <v>-425858.27325839701</v>
      </c>
      <c r="AF1431" s="53">
        <v>-462689.18790859397</v>
      </c>
      <c r="AG1431" s="53">
        <v>-499708.68753957702</v>
      </c>
      <c r="AH1431" s="53">
        <v>-536917.73777832696</v>
      </c>
      <c r="AI1431" s="53">
        <v>-574317.30919620499</v>
      </c>
      <c r="AJ1431" s="53">
        <v>-611908.37733426597</v>
      </c>
      <c r="AK1431" s="53">
        <v>-649691.92272871395</v>
      </c>
      <c r="AL1431" s="53">
        <v>-687668.93093647005</v>
      </c>
      <c r="AM1431" s="53">
        <v>-485657.75535998901</v>
      </c>
      <c r="AN1431" s="53">
        <v>-6221392.5855544005</v>
      </c>
      <c r="AO1431" s="53">
        <v>-518624.23906051501</v>
      </c>
      <c r="AP1431" s="53">
        <v>-561994.08672168094</v>
      </c>
      <c r="AQ1431" s="53">
        <v>-615188.61315262399</v>
      </c>
      <c r="AR1431" s="53">
        <v>-668655.51235847396</v>
      </c>
      <c r="AS1431" s="53">
        <v>-722397.76091332897</v>
      </c>
      <c r="AT1431" s="53">
        <v>-313037.03752726701</v>
      </c>
      <c r="AU1431" s="53">
        <v>-341867.39899945201</v>
      </c>
      <c r="AV1431" s="53">
        <v>-370845.37955105002</v>
      </c>
      <c r="AW1431" s="53">
        <v>-399971.73504793498</v>
      </c>
      <c r="AX1431" s="53">
        <v>-429247.22522630601</v>
      </c>
      <c r="AY1431" s="53">
        <v>-458672.61371250101</v>
      </c>
      <c r="AZ1431" s="53">
        <v>-557386.42451886297</v>
      </c>
      <c r="BA1431" s="53">
        <v>-5957888.0267899996</v>
      </c>
    </row>
    <row r="1432" spans="1:53">
      <c r="A1432" s="52" t="s">
        <v>650</v>
      </c>
    </row>
    <row r="1433" spans="1:53">
      <c r="A1433" s="52" t="s">
        <v>692</v>
      </c>
    </row>
    <row r="1434" spans="1:53">
      <c r="A1434" s="52" t="s">
        <v>649</v>
      </c>
      <c r="B1434" s="53">
        <v>-192546.510266667</v>
      </c>
      <c r="C1434" s="53">
        <v>-192546.510266667</v>
      </c>
      <c r="D1434" s="53">
        <v>-192546.510266667</v>
      </c>
      <c r="E1434" s="53">
        <v>-192546.510266667</v>
      </c>
      <c r="F1434" s="53">
        <v>-192546.510266667</v>
      </c>
      <c r="G1434" s="53">
        <v>-192546.510266667</v>
      </c>
      <c r="H1434" s="53">
        <v>-192546.510266667</v>
      </c>
      <c r="I1434" s="53">
        <v>-192546.510266667</v>
      </c>
      <c r="J1434" s="53">
        <v>-192546.510266667</v>
      </c>
      <c r="K1434" s="53">
        <v>-192546.510266667</v>
      </c>
      <c r="L1434" s="53">
        <v>-192546.510266667</v>
      </c>
      <c r="M1434" s="53">
        <v>-192546.510266667</v>
      </c>
      <c r="N1434" s="53">
        <v>-2310558.1231999998</v>
      </c>
      <c r="O1434" s="53">
        <v>-434277.14473333198</v>
      </c>
      <c r="P1434" s="53">
        <v>-434277.14473333198</v>
      </c>
      <c r="Q1434" s="53">
        <v>-434277.14473333198</v>
      </c>
      <c r="R1434" s="53">
        <v>-434277.14473333198</v>
      </c>
      <c r="S1434" s="53">
        <v>-434277.14473333198</v>
      </c>
      <c r="T1434" s="53">
        <v>-434277.14473333198</v>
      </c>
      <c r="U1434" s="53">
        <v>-434277.14473333198</v>
      </c>
      <c r="V1434" s="53">
        <v>-434277.14473333198</v>
      </c>
      <c r="W1434" s="53">
        <v>-434277.14473333198</v>
      </c>
      <c r="X1434" s="53">
        <v>-434277.14473333198</v>
      </c>
      <c r="Y1434" s="53">
        <v>-434277.14473333198</v>
      </c>
      <c r="Z1434" s="53">
        <v>-434277.14473333198</v>
      </c>
      <c r="AA1434" s="53">
        <v>-5211325.7367999898</v>
      </c>
      <c r="AB1434" s="53">
        <v>-592202.67253333295</v>
      </c>
      <c r="AC1434" s="53">
        <v>-592202.67253333295</v>
      </c>
      <c r="AD1434" s="53">
        <v>-592202.67253333295</v>
      </c>
      <c r="AE1434" s="53">
        <v>-592202.67253333295</v>
      </c>
      <c r="AF1434" s="53">
        <v>-592202.67253333295</v>
      </c>
      <c r="AG1434" s="53">
        <v>-592202.67253333295</v>
      </c>
      <c r="AH1434" s="53">
        <v>-592202.67253333295</v>
      </c>
      <c r="AI1434" s="53">
        <v>-592202.67253333295</v>
      </c>
      <c r="AJ1434" s="53">
        <v>-592202.67253333295</v>
      </c>
      <c r="AK1434" s="53">
        <v>-592202.67253333295</v>
      </c>
      <c r="AL1434" s="53">
        <v>-592202.67253333295</v>
      </c>
      <c r="AM1434" s="53">
        <v>-592202.67253333295</v>
      </c>
      <c r="AN1434" s="53">
        <v>-7106432.0703999903</v>
      </c>
    </row>
    <row r="1435" spans="1:53">
      <c r="A1435" s="52" t="s">
        <v>694</v>
      </c>
    </row>
    <row r="1436" spans="1:53">
      <c r="A1436" s="52" t="s">
        <v>649</v>
      </c>
    </row>
    <row r="1437" spans="1:53">
      <c r="A1437" s="52" t="s">
        <v>695</v>
      </c>
    </row>
    <row r="1438" spans="1:53">
      <c r="A1438" s="52" t="s">
        <v>649</v>
      </c>
    </row>
    <row r="1439" spans="1:53">
      <c r="A1439" s="52" t="s">
        <v>748</v>
      </c>
      <c r="B1439" s="53">
        <v>26633967.109555099</v>
      </c>
      <c r="C1439" s="53">
        <v>26619259.592231501</v>
      </c>
      <c r="D1439" s="53">
        <v>27018218.859589599</v>
      </c>
      <c r="E1439" s="53">
        <v>26791641.262698799</v>
      </c>
      <c r="F1439" s="53">
        <v>26748151.5671538</v>
      </c>
      <c r="G1439" s="53">
        <v>27081190.338724699</v>
      </c>
      <c r="H1439" s="53">
        <v>26780535.639911499</v>
      </c>
      <c r="I1439" s="53">
        <v>28054039.714401599</v>
      </c>
      <c r="J1439" s="53">
        <v>28604784.621155702</v>
      </c>
      <c r="K1439" s="53">
        <v>28296361.981031802</v>
      </c>
      <c r="L1439" s="53">
        <v>28219347.7004609</v>
      </c>
      <c r="M1439" s="53">
        <v>28697536.5635399</v>
      </c>
      <c r="N1439" s="53">
        <v>329545034.95045501</v>
      </c>
      <c r="O1439" s="53">
        <v>28338801.799544498</v>
      </c>
      <c r="P1439" s="53">
        <v>28347400.189693101</v>
      </c>
      <c r="Q1439" s="53">
        <v>28641773.875494499</v>
      </c>
      <c r="R1439" s="53">
        <v>28483987.631786302</v>
      </c>
      <c r="S1439" s="53">
        <v>28601927.498957802</v>
      </c>
      <c r="T1439" s="53">
        <v>31056938.599561598</v>
      </c>
      <c r="U1439" s="53">
        <v>31158464.9493572</v>
      </c>
      <c r="V1439" s="53">
        <v>31137099.008157499</v>
      </c>
      <c r="W1439" s="53">
        <v>31343434.450162601</v>
      </c>
      <c r="X1439" s="53">
        <v>31091701.156858701</v>
      </c>
      <c r="Y1439" s="53">
        <v>31068788.647383399</v>
      </c>
      <c r="Z1439" s="53">
        <v>31221634.067978799</v>
      </c>
      <c r="AA1439" s="53">
        <v>360491951.87493598</v>
      </c>
      <c r="AB1439" s="53">
        <v>30948410.613700699</v>
      </c>
      <c r="AC1439" s="53">
        <v>30953602.539263502</v>
      </c>
      <c r="AD1439" s="53">
        <v>31336361.928298801</v>
      </c>
      <c r="AE1439" s="53">
        <v>31157061.397245899</v>
      </c>
      <c r="AF1439" s="53">
        <v>31142689.924910501</v>
      </c>
      <c r="AG1439" s="53">
        <v>32578028.978798602</v>
      </c>
      <c r="AH1439" s="53">
        <v>32655234.204011898</v>
      </c>
      <c r="AI1439" s="53">
        <v>32608521.900557499</v>
      </c>
      <c r="AJ1439" s="53">
        <v>32796225.307426099</v>
      </c>
      <c r="AK1439" s="53">
        <v>32525790.8338806</v>
      </c>
      <c r="AL1439" s="53">
        <v>32484201.157096099</v>
      </c>
      <c r="AM1439" s="53">
        <v>32921281.468972299</v>
      </c>
      <c r="AN1439" s="53">
        <v>384107410.25416201</v>
      </c>
      <c r="AO1439" s="53">
        <v>33322049.790749699</v>
      </c>
      <c r="AP1439" s="53">
        <v>33275497.729509</v>
      </c>
      <c r="AQ1439" s="53">
        <v>33496057.615415499</v>
      </c>
      <c r="AR1439" s="53">
        <v>33223452.427161399</v>
      </c>
      <c r="AS1439" s="53">
        <v>33152664.2097634</v>
      </c>
      <c r="AT1439" s="53">
        <v>35022467.161256902</v>
      </c>
      <c r="AU1439" s="53">
        <v>35175310.582088597</v>
      </c>
      <c r="AV1439" s="53">
        <v>35048917.983677998</v>
      </c>
      <c r="AW1439" s="53">
        <v>35225915.972926699</v>
      </c>
      <c r="AX1439" s="53">
        <v>34963332.297858998</v>
      </c>
      <c r="AY1439" s="53">
        <v>34929561.946815602</v>
      </c>
      <c r="AZ1439" s="53">
        <v>35062437.3941954</v>
      </c>
      <c r="BA1439" s="53">
        <v>411897665.11141902</v>
      </c>
    </row>
    <row r="1440" spans="1:53">
      <c r="A1440" s="52" t="s">
        <v>749</v>
      </c>
      <c r="B1440" s="53">
        <v>0</v>
      </c>
      <c r="C1440" s="53">
        <v>0</v>
      </c>
      <c r="D1440" s="53">
        <v>0</v>
      </c>
      <c r="E1440" s="53">
        <v>0</v>
      </c>
      <c r="F1440" s="53">
        <v>0</v>
      </c>
      <c r="G1440" s="53">
        <v>0</v>
      </c>
      <c r="H1440" s="53">
        <v>0</v>
      </c>
      <c r="I1440" s="53">
        <v>0</v>
      </c>
      <c r="J1440" s="53">
        <v>0</v>
      </c>
      <c r="K1440" s="53">
        <v>0</v>
      </c>
      <c r="L1440" s="53">
        <v>0</v>
      </c>
      <c r="M1440" s="53">
        <v>0</v>
      </c>
      <c r="N1440" s="53">
        <v>0</v>
      </c>
      <c r="O1440" s="53">
        <v>0</v>
      </c>
      <c r="P1440" s="53">
        <v>0</v>
      </c>
      <c r="Q1440" s="53">
        <v>0</v>
      </c>
      <c r="R1440" s="53">
        <v>0</v>
      </c>
      <c r="S1440" s="53">
        <v>0</v>
      </c>
      <c r="T1440" s="53">
        <v>0</v>
      </c>
      <c r="U1440" s="53">
        <v>0</v>
      </c>
      <c r="V1440" s="53">
        <v>0</v>
      </c>
      <c r="W1440" s="53">
        <v>0</v>
      </c>
      <c r="X1440" s="53">
        <v>0</v>
      </c>
      <c r="Y1440" s="53">
        <v>0</v>
      </c>
      <c r="Z1440" s="53">
        <v>0</v>
      </c>
      <c r="AA1440" s="53">
        <v>0</v>
      </c>
      <c r="AB1440" s="53">
        <v>0</v>
      </c>
      <c r="AC1440" s="53">
        <v>0</v>
      </c>
      <c r="AD1440" s="53">
        <v>0</v>
      </c>
      <c r="AE1440" s="53">
        <v>0</v>
      </c>
      <c r="AF1440" s="53">
        <v>0</v>
      </c>
      <c r="AG1440" s="53">
        <v>0</v>
      </c>
      <c r="AH1440" s="53">
        <v>0</v>
      </c>
      <c r="AI1440" s="53">
        <v>0</v>
      </c>
      <c r="AJ1440" s="53">
        <v>0</v>
      </c>
      <c r="AK1440" s="53">
        <v>0</v>
      </c>
      <c r="AL1440" s="53">
        <v>0</v>
      </c>
      <c r="AM1440" s="53">
        <v>0</v>
      </c>
      <c r="AN1440" s="53">
        <v>0</v>
      </c>
      <c r="AO1440" s="53">
        <v>0</v>
      </c>
      <c r="AP1440" s="53">
        <v>0</v>
      </c>
      <c r="AQ1440" s="53">
        <v>0</v>
      </c>
      <c r="AR1440" s="53">
        <v>0</v>
      </c>
      <c r="AS1440" s="53">
        <v>0</v>
      </c>
      <c r="AT1440" s="53">
        <v>0</v>
      </c>
      <c r="AU1440" s="53">
        <v>0</v>
      </c>
      <c r="AV1440" s="53">
        <v>0</v>
      </c>
      <c r="AW1440" s="53">
        <v>0</v>
      </c>
      <c r="AX1440" s="53">
        <v>0</v>
      </c>
      <c r="AY1440" s="53">
        <v>0</v>
      </c>
      <c r="AZ1440" s="53">
        <v>0</v>
      </c>
      <c r="BA1440" s="53">
        <v>0</v>
      </c>
    </row>
    <row r="1441" spans="1:53">
      <c r="A1441" s="52" t="s">
        <v>699</v>
      </c>
    </row>
    <row r="1442" spans="1:53">
      <c r="A1442" s="52" t="s">
        <v>750</v>
      </c>
    </row>
    <row r="1443" spans="1:53">
      <c r="A1443" s="52" t="s">
        <v>751</v>
      </c>
    </row>
    <row r="1444" spans="1:53">
      <c r="A1444" s="52" t="s">
        <v>649</v>
      </c>
      <c r="B1444" s="53">
        <v>62115924.030752197</v>
      </c>
      <c r="C1444" s="53">
        <v>63273225.580163099</v>
      </c>
      <c r="D1444" s="53">
        <v>63336580.7835261</v>
      </c>
      <c r="E1444" s="53">
        <v>63870578.186127096</v>
      </c>
      <c r="F1444" s="53">
        <v>64050313.011514403</v>
      </c>
      <c r="G1444" s="53">
        <v>64288493.273216799</v>
      </c>
      <c r="H1444" s="53">
        <v>64908179.286918104</v>
      </c>
      <c r="I1444" s="53">
        <v>65072097.029218003</v>
      </c>
      <c r="J1444" s="53">
        <v>65143853.1737049</v>
      </c>
      <c r="K1444" s="53">
        <v>65460175.5051957</v>
      </c>
      <c r="L1444" s="53">
        <v>65525904.1179737</v>
      </c>
      <c r="M1444" s="53">
        <v>65581173.167887203</v>
      </c>
      <c r="N1444" s="53">
        <v>772626497.14619696</v>
      </c>
      <c r="O1444" s="53">
        <v>68152365.844909802</v>
      </c>
      <c r="P1444" s="53">
        <v>68609256.051502302</v>
      </c>
      <c r="Q1444" s="53">
        <v>68724215.709202498</v>
      </c>
      <c r="R1444" s="53">
        <v>69024777.273845002</v>
      </c>
      <c r="S1444" s="53">
        <v>69126927.379786596</v>
      </c>
      <c r="T1444" s="53">
        <v>69339139.119136393</v>
      </c>
      <c r="U1444" s="53">
        <v>71481321.611929595</v>
      </c>
      <c r="V1444" s="53">
        <v>71624791.951397702</v>
      </c>
      <c r="W1444" s="53">
        <v>71756530.383929893</v>
      </c>
      <c r="X1444" s="53">
        <v>71828214.759155095</v>
      </c>
      <c r="Y1444" s="53">
        <v>72062916.042590395</v>
      </c>
      <c r="Z1444" s="53">
        <v>72294123.483171403</v>
      </c>
      <c r="AA1444" s="53">
        <v>844024579.61055696</v>
      </c>
      <c r="AB1444" s="53">
        <v>73385212.995779902</v>
      </c>
      <c r="AC1444" s="53">
        <v>73497438.983076796</v>
      </c>
      <c r="AD1444" s="53">
        <v>73594866.369428903</v>
      </c>
      <c r="AE1444" s="53">
        <v>74071035.853730604</v>
      </c>
      <c r="AF1444" s="53">
        <v>74176879.149116695</v>
      </c>
      <c r="AG1444" s="53">
        <v>73958838.332426995</v>
      </c>
      <c r="AH1444" s="53">
        <v>75366135.501173601</v>
      </c>
      <c r="AI1444" s="53">
        <v>75538241.081002399</v>
      </c>
      <c r="AJ1444" s="53">
        <v>75683295.478340104</v>
      </c>
      <c r="AK1444" s="53">
        <v>76969565.227978498</v>
      </c>
      <c r="AL1444" s="53">
        <v>77124098.5254125</v>
      </c>
      <c r="AM1444" s="53">
        <v>77342724.808025807</v>
      </c>
      <c r="AN1444" s="53">
        <v>900708332.305493</v>
      </c>
      <c r="AO1444" s="53">
        <v>80474443.410568699</v>
      </c>
      <c r="AP1444" s="53">
        <v>80623529.935607105</v>
      </c>
      <c r="AQ1444" s="53">
        <v>80751735.382209599</v>
      </c>
      <c r="AR1444" s="53">
        <v>81027264.061864302</v>
      </c>
      <c r="AS1444" s="53">
        <v>81135965.937506199</v>
      </c>
      <c r="AT1444" s="53">
        <v>81262395.363006204</v>
      </c>
      <c r="AU1444" s="53">
        <v>82621150.410617307</v>
      </c>
      <c r="AV1444" s="53">
        <v>82736331.591046497</v>
      </c>
      <c r="AW1444" s="53">
        <v>82890714.633642107</v>
      </c>
      <c r="AX1444" s="53">
        <v>83272056.878634393</v>
      </c>
      <c r="AY1444" s="53">
        <v>83448116.742368206</v>
      </c>
      <c r="AZ1444" s="53">
        <v>83667274.896947399</v>
      </c>
      <c r="BA1444" s="53">
        <v>983910979.24401796</v>
      </c>
    </row>
    <row r="1445" spans="1:53">
      <c r="A1445" s="52" t="s">
        <v>752</v>
      </c>
    </row>
    <row r="1446" spans="1:53">
      <c r="A1446" s="52" t="s">
        <v>649</v>
      </c>
    </row>
    <row r="1447" spans="1:53">
      <c r="A1447" s="52" t="s">
        <v>753</v>
      </c>
    </row>
    <row r="1448" spans="1:53">
      <c r="A1448" s="52" t="s">
        <v>649</v>
      </c>
      <c r="B1448" s="53">
        <v>7043512.90339523</v>
      </c>
      <c r="C1448" s="53">
        <v>7056402.3674871596</v>
      </c>
      <c r="D1448" s="53">
        <v>7066513.2246280201</v>
      </c>
      <c r="E1448" s="53">
        <v>7140223.5158615001</v>
      </c>
      <c r="F1448" s="53">
        <v>7176011.9432292599</v>
      </c>
      <c r="G1448" s="53">
        <v>7217298.3801482199</v>
      </c>
      <c r="H1448" s="53">
        <v>7319190.1576948203</v>
      </c>
      <c r="I1448" s="53">
        <v>7355287.2950329203</v>
      </c>
      <c r="J1448" s="53">
        <v>7378135.5575686898</v>
      </c>
      <c r="K1448" s="53">
        <v>7393545.3829091098</v>
      </c>
      <c r="L1448" s="53">
        <v>7408336.6952257296</v>
      </c>
      <c r="M1448" s="53">
        <v>7418672.5710557699</v>
      </c>
      <c r="N1448" s="53">
        <v>86973129.994236395</v>
      </c>
      <c r="O1448" s="53">
        <v>7885187.32330136</v>
      </c>
      <c r="P1448" s="53">
        <v>7910769.7737303097</v>
      </c>
      <c r="Q1448" s="53">
        <v>7952186.4973343899</v>
      </c>
      <c r="R1448" s="53">
        <v>8009179.5455937702</v>
      </c>
      <c r="S1448" s="53">
        <v>8036399.5035804799</v>
      </c>
      <c r="T1448" s="53">
        <v>8093588.7781194197</v>
      </c>
      <c r="U1448" s="53">
        <v>8179471.4319685502</v>
      </c>
      <c r="V1448" s="53">
        <v>8207593.8311586501</v>
      </c>
      <c r="W1448" s="53">
        <v>8234223.0839095097</v>
      </c>
      <c r="X1448" s="53">
        <v>8290121.2283142498</v>
      </c>
      <c r="Y1448" s="53">
        <v>8345707.91583886</v>
      </c>
      <c r="Z1448" s="53">
        <v>8394502.9560213909</v>
      </c>
      <c r="AA1448" s="53">
        <v>97538931.868871003</v>
      </c>
      <c r="AB1448" s="53">
        <v>8565049.4751561508</v>
      </c>
      <c r="AC1448" s="53">
        <v>8593656.2103808094</v>
      </c>
      <c r="AD1448" s="53">
        <v>8621411.84171905</v>
      </c>
      <c r="AE1448" s="53">
        <v>8702269.6823819894</v>
      </c>
      <c r="AF1448" s="53">
        <v>8727413.1609645095</v>
      </c>
      <c r="AG1448" s="53">
        <v>8756053.1379342992</v>
      </c>
      <c r="AH1448" s="53">
        <v>8851449.50223317</v>
      </c>
      <c r="AI1448" s="53">
        <v>8881932.5983186904</v>
      </c>
      <c r="AJ1448" s="53">
        <v>8910908.1358442996</v>
      </c>
      <c r="AK1448" s="53">
        <v>9231474.8190212194</v>
      </c>
      <c r="AL1448" s="53">
        <v>9260330.1656736098</v>
      </c>
      <c r="AM1448" s="53">
        <v>9301562.1566386502</v>
      </c>
      <c r="AN1448" s="53">
        <v>106403510.88626599</v>
      </c>
      <c r="AO1448" s="53">
        <v>9709113.56718079</v>
      </c>
      <c r="AP1448" s="53">
        <v>9731420.0067501795</v>
      </c>
      <c r="AQ1448" s="53">
        <v>9760965.4821418393</v>
      </c>
      <c r="AR1448" s="53">
        <v>9804176.3154558502</v>
      </c>
      <c r="AS1448" s="53">
        <v>9827988.3710235301</v>
      </c>
      <c r="AT1448" s="53">
        <v>9851601.0700849108</v>
      </c>
      <c r="AU1448" s="53">
        <v>9911184.9461589996</v>
      </c>
      <c r="AV1448" s="53">
        <v>9936006.6665291209</v>
      </c>
      <c r="AW1448" s="53">
        <v>9959669.0501857102</v>
      </c>
      <c r="AX1448" s="53">
        <v>10002361.7704484</v>
      </c>
      <c r="AY1448" s="53">
        <v>10025981.191054501</v>
      </c>
      <c r="AZ1448" s="53">
        <v>10055249.996088799</v>
      </c>
      <c r="BA1448" s="53">
        <v>118575718.433102</v>
      </c>
    </row>
    <row r="1449" spans="1:53">
      <c r="A1449" s="52" t="s">
        <v>754</v>
      </c>
    </row>
    <row r="1450" spans="1:53">
      <c r="A1450" s="52" t="s">
        <v>649</v>
      </c>
      <c r="B1450" s="53">
        <v>2643330.6638346398</v>
      </c>
      <c r="C1450" s="53">
        <v>2602029.1253730999</v>
      </c>
      <c r="D1450" s="53">
        <v>2600021.98251596</v>
      </c>
      <c r="E1450" s="53">
        <v>2600021.98251596</v>
      </c>
      <c r="F1450" s="53">
        <v>2600021.9825159502</v>
      </c>
      <c r="G1450" s="53">
        <v>2600021.98251596</v>
      </c>
      <c r="H1450" s="53">
        <v>2564561.98251596</v>
      </c>
      <c r="I1450" s="53">
        <v>2337345.6667264798</v>
      </c>
      <c r="J1450" s="53">
        <v>2336052.1667264798</v>
      </c>
      <c r="K1450" s="53">
        <v>2327950.26196458</v>
      </c>
      <c r="L1450" s="53">
        <v>2327950.26196458</v>
      </c>
      <c r="M1450" s="53">
        <v>2290322.4358776198</v>
      </c>
      <c r="N1450" s="53">
        <v>29829630.495047301</v>
      </c>
      <c r="O1450" s="53">
        <v>2277415.35254429</v>
      </c>
      <c r="P1450" s="53">
        <v>2233677.7525442899</v>
      </c>
      <c r="Q1450" s="53">
        <v>2224021.5986981299</v>
      </c>
      <c r="R1450" s="53">
        <v>2110574.1912907301</v>
      </c>
      <c r="S1450" s="53">
        <v>2110574.1912907301</v>
      </c>
      <c r="T1450" s="53">
        <v>2110574.1912907301</v>
      </c>
      <c r="U1450" s="53">
        <v>1905159.8579573899</v>
      </c>
      <c r="V1450" s="53">
        <v>1791265.9869896499</v>
      </c>
      <c r="W1450" s="53">
        <v>1791265.9869896499</v>
      </c>
      <c r="X1450" s="53">
        <v>1702479.6233532899</v>
      </c>
      <c r="Y1450" s="53">
        <v>1697946.38805917</v>
      </c>
      <c r="Z1450" s="53">
        <v>1635390.38805917</v>
      </c>
      <c r="AA1450" s="53">
        <v>23590345.5090672</v>
      </c>
      <c r="AB1450" s="53">
        <v>1591794.2769480599</v>
      </c>
      <c r="AC1450" s="53">
        <v>1554019.4120831899</v>
      </c>
      <c r="AD1450" s="53">
        <v>1535504.6752410899</v>
      </c>
      <c r="AE1450" s="53">
        <v>1498235.1880616001</v>
      </c>
      <c r="AF1450" s="53">
        <v>1416972.6880616001</v>
      </c>
      <c r="AG1450" s="53">
        <v>1409735.8587933099</v>
      </c>
      <c r="AH1450" s="53">
        <v>1393103.0016504501</v>
      </c>
      <c r="AI1450" s="53">
        <v>1387628.81560394</v>
      </c>
      <c r="AJ1450" s="53">
        <v>1386511.77014939</v>
      </c>
      <c r="AK1450" s="53">
        <v>1374762.2145938401</v>
      </c>
      <c r="AL1450" s="53">
        <v>1371828.95372427</v>
      </c>
      <c r="AM1450" s="53">
        <v>1368767.8898944899</v>
      </c>
      <c r="AN1450" s="53">
        <v>17288864.744805299</v>
      </c>
      <c r="AO1450" s="53">
        <v>1160575.1815611499</v>
      </c>
      <c r="AP1450" s="53">
        <v>1071237.63054075</v>
      </c>
      <c r="AQ1450" s="53">
        <v>1032839.43054074</v>
      </c>
      <c r="AR1450" s="53">
        <v>1017927.86191329</v>
      </c>
      <c r="AS1450" s="53">
        <v>973569.01575945201</v>
      </c>
      <c r="AT1450" s="53">
        <v>969717.69500473503</v>
      </c>
      <c r="AU1450" s="53">
        <v>935311.02833806805</v>
      </c>
      <c r="AV1450" s="53">
        <v>928751.02833806805</v>
      </c>
      <c r="AW1450" s="53">
        <v>928751.02833806805</v>
      </c>
      <c r="AX1450" s="53">
        <v>926209.97570648906</v>
      </c>
      <c r="AY1450" s="53">
        <v>920191.69984441996</v>
      </c>
      <c r="AZ1450" s="53">
        <v>900441.869335945</v>
      </c>
      <c r="BA1450" s="53">
        <v>11765523.445221201</v>
      </c>
    </row>
    <row r="1451" spans="1:53">
      <c r="A1451" s="52" t="s">
        <v>755</v>
      </c>
    </row>
    <row r="1452" spans="1:53">
      <c r="A1452" s="52" t="s">
        <v>756</v>
      </c>
    </row>
    <row r="1453" spans="1:53">
      <c r="A1453" s="52" t="s">
        <v>757</v>
      </c>
      <c r="B1453" s="53">
        <v>15383209.416666601</v>
      </c>
      <c r="C1453" s="53">
        <v>15383209.416666601</v>
      </c>
      <c r="D1453" s="53">
        <v>15383209.416666601</v>
      </c>
      <c r="E1453" s="53">
        <v>15383209.416666601</v>
      </c>
      <c r="F1453" s="53">
        <v>15383209.416666601</v>
      </c>
      <c r="G1453" s="53">
        <v>15383209.416666601</v>
      </c>
      <c r="H1453" s="53">
        <v>15383209.416666601</v>
      </c>
      <c r="I1453" s="53">
        <v>15383209.416666601</v>
      </c>
      <c r="J1453" s="53">
        <v>15383209.416666601</v>
      </c>
      <c r="K1453" s="53">
        <v>15383209.416666601</v>
      </c>
      <c r="L1453" s="53">
        <v>15383209.416666601</v>
      </c>
      <c r="M1453" s="53">
        <v>15383209.416666601</v>
      </c>
      <c r="N1453" s="53">
        <v>184598513</v>
      </c>
      <c r="O1453" s="53">
        <v>16134476.3333333</v>
      </c>
      <c r="P1453" s="53">
        <v>16134476.3333333</v>
      </c>
      <c r="Q1453" s="53">
        <v>16134476.3333333</v>
      </c>
      <c r="R1453" s="53">
        <v>16134476.3333333</v>
      </c>
      <c r="S1453" s="53">
        <v>16134476.3333333</v>
      </c>
      <c r="T1453" s="53">
        <v>16134476.3333333</v>
      </c>
      <c r="U1453" s="53">
        <v>16134476.3333333</v>
      </c>
      <c r="V1453" s="53">
        <v>16134476.3333333</v>
      </c>
      <c r="W1453" s="53">
        <v>16134476.3333333</v>
      </c>
      <c r="X1453" s="53">
        <v>16134476.3333333</v>
      </c>
      <c r="Y1453" s="53">
        <v>16134476.3333333</v>
      </c>
      <c r="Z1453" s="53">
        <v>16134476.3333333</v>
      </c>
      <c r="AA1453" s="53">
        <v>193613715.99999899</v>
      </c>
      <c r="AB1453" s="53">
        <v>17351658.25</v>
      </c>
      <c r="AC1453" s="53">
        <v>17351658.25</v>
      </c>
      <c r="AD1453" s="53">
        <v>17351658.25</v>
      </c>
      <c r="AE1453" s="53">
        <v>17351658.25</v>
      </c>
      <c r="AF1453" s="53">
        <v>17351658.25</v>
      </c>
      <c r="AG1453" s="53">
        <v>17351658.25</v>
      </c>
      <c r="AH1453" s="53">
        <v>17351658.25</v>
      </c>
      <c r="AI1453" s="53">
        <v>17351658.25</v>
      </c>
      <c r="AJ1453" s="53">
        <v>17351658.25</v>
      </c>
      <c r="AK1453" s="53">
        <v>17351658.25</v>
      </c>
      <c r="AL1453" s="53">
        <v>17351658.25</v>
      </c>
      <c r="AM1453" s="53">
        <v>17351658.25</v>
      </c>
      <c r="AN1453" s="53">
        <v>208219899</v>
      </c>
      <c r="AO1453" s="53">
        <v>18749654.625050101</v>
      </c>
      <c r="AP1453" s="53">
        <v>18749654.625050101</v>
      </c>
      <c r="AQ1453" s="53">
        <v>18749654.625050101</v>
      </c>
      <c r="AR1453" s="53">
        <v>18749654.625050101</v>
      </c>
      <c r="AS1453" s="53">
        <v>18749654.625050101</v>
      </c>
      <c r="AT1453" s="53">
        <v>18749654.625050101</v>
      </c>
      <c r="AU1453" s="53">
        <v>18749654.625050101</v>
      </c>
      <c r="AV1453" s="53">
        <v>18749654.625050101</v>
      </c>
      <c r="AW1453" s="53">
        <v>18749654.625050101</v>
      </c>
      <c r="AX1453" s="53">
        <v>18749654.625050101</v>
      </c>
      <c r="AY1453" s="53">
        <v>18749654.625050101</v>
      </c>
      <c r="AZ1453" s="53">
        <v>18749654.625050101</v>
      </c>
      <c r="BA1453" s="53">
        <v>224995855.50060201</v>
      </c>
    </row>
    <row r="1454" spans="1:53">
      <c r="A1454" s="52" t="s">
        <v>758</v>
      </c>
    </row>
    <row r="1455" spans="1:53">
      <c r="A1455" s="52" t="s">
        <v>759</v>
      </c>
    </row>
    <row r="1456" spans="1:53">
      <c r="A1456" s="52" t="s">
        <v>649</v>
      </c>
      <c r="B1456" s="53">
        <v>548443.33767592395</v>
      </c>
      <c r="C1456" s="53">
        <v>548533.49060277699</v>
      </c>
      <c r="D1456" s="53">
        <v>548624.78308410302</v>
      </c>
      <c r="E1456" s="53">
        <v>548717.23686368705</v>
      </c>
      <c r="F1456" s="53">
        <v>548810.87424204196</v>
      </c>
      <c r="G1456" s="53">
        <v>548905.718094346</v>
      </c>
      <c r="H1456" s="53">
        <v>549001.79188906995</v>
      </c>
      <c r="I1456" s="53">
        <v>549099.11970733898</v>
      </c>
      <c r="J1456" s="53">
        <v>549197.72626305802</v>
      </c>
      <c r="K1456" s="53">
        <v>549297.63692382805</v>
      </c>
      <c r="L1456" s="53">
        <v>549398.87773270998</v>
      </c>
      <c r="M1456" s="53">
        <v>549501.47543085401</v>
      </c>
      <c r="N1456" s="53">
        <v>6587532.0685097398</v>
      </c>
    </row>
    <row r="1457" spans="1:53">
      <c r="A1457" s="52" t="s">
        <v>760</v>
      </c>
    </row>
    <row r="1458" spans="1:53">
      <c r="A1458" s="52" t="s">
        <v>649</v>
      </c>
      <c r="B1458" s="53">
        <v>1.9563609991261399E-9</v>
      </c>
      <c r="C1458" s="53">
        <v>1.9563609991261399E-9</v>
      </c>
      <c r="D1458" s="53">
        <v>1.9563609991261399E-9</v>
      </c>
      <c r="E1458" s="53">
        <v>1.9563609991261399E-9</v>
      </c>
      <c r="F1458" s="53">
        <v>1.9563609991261399E-9</v>
      </c>
      <c r="G1458" s="53">
        <v>1.9563609991261399E-9</v>
      </c>
      <c r="H1458" s="53">
        <v>1.9563609991261399E-9</v>
      </c>
      <c r="I1458" s="53">
        <v>1.9563609991261399E-9</v>
      </c>
      <c r="J1458" s="53">
        <v>1.9563609991261399E-9</v>
      </c>
      <c r="K1458" s="53">
        <v>1.9563609991261399E-9</v>
      </c>
      <c r="L1458" s="53">
        <v>1.9563609991261399E-9</v>
      </c>
      <c r="M1458" s="53">
        <v>1.9563609991261399E-9</v>
      </c>
      <c r="N1458" s="53">
        <v>2.34763319895137E-8</v>
      </c>
      <c r="O1458" s="53">
        <v>7.4646461851241599E-10</v>
      </c>
      <c r="P1458" s="53">
        <v>7.4646461851241599E-10</v>
      </c>
      <c r="Q1458" s="53">
        <v>7.4646461851241599E-10</v>
      </c>
      <c r="R1458" s="53">
        <v>7.4646461851241599E-10</v>
      </c>
      <c r="S1458" s="53">
        <v>7.4646461851241599E-10</v>
      </c>
      <c r="T1458" s="53">
        <v>7.4646461851241599E-10</v>
      </c>
      <c r="U1458" s="53">
        <v>7.4646461851241599E-10</v>
      </c>
      <c r="V1458" s="53">
        <v>7.4646461851241599E-10</v>
      </c>
      <c r="W1458" s="53">
        <v>7.4646461851241599E-10</v>
      </c>
      <c r="X1458" s="53">
        <v>7.4646461851241599E-10</v>
      </c>
      <c r="Y1458" s="53">
        <v>7.4646461851241599E-10</v>
      </c>
      <c r="Z1458" s="53">
        <v>7.4646461851241599E-10</v>
      </c>
      <c r="AA1458" s="53">
        <v>8.9575754221489903E-9</v>
      </c>
      <c r="AB1458" s="53">
        <v>2.2115313695562799E-9</v>
      </c>
      <c r="AC1458" s="53">
        <v>2.2115313695562799E-9</v>
      </c>
      <c r="AD1458" s="53">
        <v>2.2115313695562799E-9</v>
      </c>
      <c r="AE1458" s="53">
        <v>2.2115313695562799E-9</v>
      </c>
      <c r="AF1458" s="53">
        <v>2.2115313695562799E-9</v>
      </c>
      <c r="AG1458" s="53">
        <v>2.2115313695562799E-9</v>
      </c>
      <c r="AH1458" s="53">
        <v>2.2115313695562799E-9</v>
      </c>
      <c r="AI1458" s="53">
        <v>2.2115313695562799E-9</v>
      </c>
      <c r="AJ1458" s="53">
        <v>2.2115313695562799E-9</v>
      </c>
      <c r="AK1458" s="53">
        <v>2.2115313695562799E-9</v>
      </c>
      <c r="AL1458" s="53">
        <v>2.2115313695562799E-9</v>
      </c>
      <c r="AM1458" s="53">
        <v>2.2115313695562799E-9</v>
      </c>
      <c r="AN1458" s="53">
        <v>2.6538376434675401E-8</v>
      </c>
      <c r="AO1458" s="53">
        <v>-1.2358975297212999E-9</v>
      </c>
      <c r="AP1458" s="53">
        <v>-1.2358975297212999E-9</v>
      </c>
      <c r="AQ1458" s="53">
        <v>-1.2358975297212999E-9</v>
      </c>
      <c r="AR1458" s="53">
        <v>-1.2358975297212999E-9</v>
      </c>
      <c r="AS1458" s="53">
        <v>-1.2358975297212999E-9</v>
      </c>
      <c r="AT1458" s="53">
        <v>-1.2358975297212999E-9</v>
      </c>
      <c r="AU1458" s="53">
        <v>-1.2358975297212999E-9</v>
      </c>
      <c r="AV1458" s="53">
        <v>-1.2358975297212999E-9</v>
      </c>
      <c r="AW1458" s="53">
        <v>-1.2358975297212999E-9</v>
      </c>
      <c r="AX1458" s="53">
        <v>-1.2358975297212999E-9</v>
      </c>
      <c r="AY1458" s="53">
        <v>-1.2358975297212999E-9</v>
      </c>
      <c r="AZ1458" s="53">
        <v>-1.2358975297212999E-9</v>
      </c>
      <c r="BA1458" s="53">
        <v>-1.48307703566556E-8</v>
      </c>
    </row>
    <row r="1459" spans="1:53">
      <c r="A1459" s="52" t="s">
        <v>761</v>
      </c>
    </row>
    <row r="1460" spans="1:53">
      <c r="A1460" s="52" t="s">
        <v>649</v>
      </c>
      <c r="B1460" s="53">
        <v>-2976700.8492121301</v>
      </c>
      <c r="C1460" s="53">
        <v>-7033459.7717716796</v>
      </c>
      <c r="D1460" s="53">
        <v>-3738736.9138714098</v>
      </c>
      <c r="E1460" s="53">
        <v>-2537234.6955158398</v>
      </c>
      <c r="F1460" s="53">
        <v>3246850.4119685702</v>
      </c>
      <c r="G1460" s="53">
        <v>2343281.4712080099</v>
      </c>
      <c r="H1460" s="53">
        <v>5020857.4536372302</v>
      </c>
      <c r="I1460" s="53">
        <v>4894253.4823981598</v>
      </c>
      <c r="J1460" s="53">
        <v>6722742.4733830197</v>
      </c>
      <c r="K1460" s="53">
        <v>2157536.20067578</v>
      </c>
      <c r="L1460" s="53">
        <v>-4358929.5674842903</v>
      </c>
      <c r="M1460" s="53">
        <v>-3740459.6954154298</v>
      </c>
      <c r="N1460" s="53">
        <v>-7.2759576141834201E-9</v>
      </c>
      <c r="O1460" s="53">
        <v>-6763121.3329827003</v>
      </c>
      <c r="P1460" s="53">
        <v>-9172249.2742675692</v>
      </c>
      <c r="Q1460" s="53">
        <v>-6987018.8847908704</v>
      </c>
      <c r="R1460" s="53">
        <v>-6123453.7309477404</v>
      </c>
      <c r="S1460" s="53">
        <v>-500512.713490294</v>
      </c>
      <c r="T1460" s="53">
        <v>-571424.09763522597</v>
      </c>
      <c r="U1460" s="53">
        <v>1356461.34588388</v>
      </c>
      <c r="V1460" s="53">
        <v>1288044.7071625399</v>
      </c>
      <c r="W1460" s="53">
        <v>11588101.0395294</v>
      </c>
      <c r="X1460" s="53">
        <v>8206355.08764352</v>
      </c>
      <c r="Y1460" s="53">
        <v>3522704.6732151499</v>
      </c>
      <c r="Z1460" s="53">
        <v>4156113.1806798601</v>
      </c>
      <c r="AA1460" s="53">
        <v>-2.1827872842550202E-8</v>
      </c>
      <c r="AB1460" s="53">
        <v>-700643.95111862104</v>
      </c>
      <c r="AC1460" s="53">
        <v>-1981195.8761563201</v>
      </c>
      <c r="AD1460" s="53">
        <v>-610926.94955072599</v>
      </c>
      <c r="AE1460" s="53">
        <v>-260706.486753526</v>
      </c>
      <c r="AF1460" s="53">
        <v>1198087.61867077</v>
      </c>
      <c r="AG1460" s="53">
        <v>-421617.30635510501</v>
      </c>
      <c r="AH1460" s="53">
        <v>420857.91096197499</v>
      </c>
      <c r="AI1460" s="53">
        <v>432786.90468174597</v>
      </c>
      <c r="AJ1460" s="53">
        <v>2335942.8874300099</v>
      </c>
      <c r="AK1460" s="53">
        <v>1277853.7087888301</v>
      </c>
      <c r="AL1460" s="53">
        <v>-758672.26519181998</v>
      </c>
      <c r="AM1460" s="53">
        <v>-931766.19540720596</v>
      </c>
      <c r="AN1460" s="53">
        <v>1.4551915228366801E-8</v>
      </c>
      <c r="AO1460" s="53">
        <v>48273.326686642496</v>
      </c>
      <c r="AP1460" s="53">
        <v>-431106.61400161003</v>
      </c>
      <c r="AQ1460" s="53">
        <v>553089.23345798999</v>
      </c>
      <c r="AR1460" s="53">
        <v>666514.52754011296</v>
      </c>
      <c r="AS1460" s="53">
        <v>721902.89191049302</v>
      </c>
      <c r="AT1460" s="53">
        <v>-1666724.99174239</v>
      </c>
      <c r="AU1460" s="53">
        <v>-1363458.22203412</v>
      </c>
      <c r="AV1460" s="53">
        <v>-1321826.60722125</v>
      </c>
      <c r="AW1460" s="53">
        <v>1165315.3371890001</v>
      </c>
      <c r="AX1460" s="53">
        <v>1232264.4509985901</v>
      </c>
      <c r="AY1460" s="53">
        <v>482666.55450601201</v>
      </c>
      <c r="AZ1460" s="53">
        <v>-86909.887289479593</v>
      </c>
      <c r="BA1460" s="53">
        <v>-1.2732925824820899E-8</v>
      </c>
    </row>
    <row r="1461" spans="1:53">
      <c r="A1461" s="52" t="s">
        <v>762</v>
      </c>
    </row>
    <row r="1462" spans="1:53">
      <c r="A1462" s="52" t="s">
        <v>763</v>
      </c>
    </row>
    <row r="1463" spans="1:53">
      <c r="A1463" s="52" t="s">
        <v>649</v>
      </c>
      <c r="B1463" s="53">
        <v>-3912118.8318044799</v>
      </c>
      <c r="C1463" s="53">
        <v>-1436737.3532565101</v>
      </c>
      <c r="D1463" s="53">
        <v>-1287503.4401962601</v>
      </c>
      <c r="E1463" s="53">
        <v>-521187.54078322998</v>
      </c>
      <c r="F1463" s="53">
        <v>1396807.8450385199</v>
      </c>
      <c r="G1463" s="53">
        <v>1924781.7375686299</v>
      </c>
      <c r="H1463" s="53">
        <v>2649257.9153358201</v>
      </c>
      <c r="I1463" s="53">
        <v>2668454.03277082</v>
      </c>
      <c r="J1463" s="53">
        <v>1379249.73923517</v>
      </c>
      <c r="K1463" s="53">
        <v>260826.05440341201</v>
      </c>
      <c r="L1463" s="53">
        <v>-2063253.56325544</v>
      </c>
      <c r="M1463" s="53">
        <v>-1058576.59505645</v>
      </c>
      <c r="N1463" s="53">
        <v>1.90993887372314E-8</v>
      </c>
      <c r="O1463" s="53">
        <v>-763247.26533573796</v>
      </c>
      <c r="P1463" s="53">
        <v>-1638044.6706620399</v>
      </c>
      <c r="Q1463" s="53">
        <v>-1678391.9542430399</v>
      </c>
      <c r="R1463" s="53">
        <v>-921289.24172719603</v>
      </c>
      <c r="S1463" s="53">
        <v>946012.39275012899</v>
      </c>
      <c r="T1463" s="53">
        <v>1463535.45177984</v>
      </c>
      <c r="U1463" s="53">
        <v>2171387.4952746099</v>
      </c>
      <c r="V1463" s="53">
        <v>2195427.7849379899</v>
      </c>
      <c r="W1463" s="53">
        <v>1257227.8821060101</v>
      </c>
      <c r="X1463" s="53">
        <v>179151.69075120799</v>
      </c>
      <c r="Y1463" s="53">
        <v>-2103239.5017684698</v>
      </c>
      <c r="Z1463" s="53">
        <v>-1108530.06386332</v>
      </c>
      <c r="AA1463" s="53">
        <v>-1.36424205265939E-8</v>
      </c>
      <c r="AB1463" s="53">
        <v>-743621.17041867902</v>
      </c>
      <c r="AC1463" s="53">
        <v>-1797096.01751601</v>
      </c>
      <c r="AD1463" s="53">
        <v>-1663530.0106041101</v>
      </c>
      <c r="AE1463" s="53">
        <v>-900342.96632811602</v>
      </c>
      <c r="AF1463" s="53">
        <v>970570.09707240597</v>
      </c>
      <c r="AG1463" s="53">
        <v>1484658.51039518</v>
      </c>
      <c r="AH1463" s="53">
        <v>2192647.4593149102</v>
      </c>
      <c r="AI1463" s="53">
        <v>2217806.4985853899</v>
      </c>
      <c r="AJ1463" s="53">
        <v>1272139.4255776899</v>
      </c>
      <c r="AK1463" s="53">
        <v>190240.181462268</v>
      </c>
      <c r="AL1463" s="53">
        <v>-2105090.2813524799</v>
      </c>
      <c r="AM1463" s="53">
        <v>-1118381.7261884499</v>
      </c>
      <c r="AN1463" s="53">
        <v>2.7284841053187802E-9</v>
      </c>
      <c r="AO1463" s="53">
        <v>-758430.075969539</v>
      </c>
      <c r="AP1463" s="53">
        <v>-1836495.4673755199</v>
      </c>
      <c r="AQ1463" s="53">
        <v>-1696627.32146458</v>
      </c>
      <c r="AR1463" s="53">
        <v>-924376.91749048606</v>
      </c>
      <c r="AS1463" s="53">
        <v>977539.24813891097</v>
      </c>
      <c r="AT1463" s="53">
        <v>1510413.8742243401</v>
      </c>
      <c r="AU1463" s="53">
        <v>2231394.4275165298</v>
      </c>
      <c r="AV1463" s="53">
        <v>2257907.79589803</v>
      </c>
      <c r="AW1463" s="53">
        <v>1298802.2982007</v>
      </c>
      <c r="AX1463" s="53">
        <v>196508.86802526799</v>
      </c>
      <c r="AY1463" s="53">
        <v>-2124340.4337151502</v>
      </c>
      <c r="AZ1463" s="53">
        <v>-1132296.2959884999</v>
      </c>
      <c r="BA1463" s="53">
        <v>-3.6379788070917101E-9</v>
      </c>
    </row>
    <row r="1464" spans="1:53">
      <c r="A1464" s="52" t="s">
        <v>764</v>
      </c>
    </row>
    <row r="1465" spans="1:53">
      <c r="A1465" s="52" t="s">
        <v>649</v>
      </c>
      <c r="B1465" s="53">
        <v>525505.79579222901</v>
      </c>
      <c r="C1465" s="53">
        <v>525505.79579222901</v>
      </c>
      <c r="D1465" s="53">
        <v>525505.79579222901</v>
      </c>
      <c r="E1465" s="53">
        <v>525505.79579222901</v>
      </c>
      <c r="F1465" s="53">
        <v>525505.79579222901</v>
      </c>
      <c r="G1465" s="53">
        <v>525505.79579222901</v>
      </c>
      <c r="H1465" s="53">
        <v>525505.79579222901</v>
      </c>
      <c r="I1465" s="53">
        <v>525505.79579222901</v>
      </c>
      <c r="J1465" s="53">
        <v>525505.79579222901</v>
      </c>
      <c r="K1465" s="53">
        <v>525505.79579222901</v>
      </c>
      <c r="L1465" s="53">
        <v>525505.79579222901</v>
      </c>
      <c r="M1465" s="53">
        <v>525505.79579222901</v>
      </c>
      <c r="N1465" s="53">
        <v>6306069.5495067397</v>
      </c>
      <c r="O1465" s="53">
        <v>-1.5158245029548801E-9</v>
      </c>
      <c r="P1465" s="53">
        <v>-1.5158245029548801E-9</v>
      </c>
      <c r="Q1465" s="53">
        <v>-1.5158245029548801E-9</v>
      </c>
      <c r="R1465" s="53">
        <v>-1.5158245029548801E-9</v>
      </c>
      <c r="S1465" s="53">
        <v>-1.5158245029548801E-9</v>
      </c>
      <c r="T1465" s="53">
        <v>-1.5158245029548801E-9</v>
      </c>
      <c r="U1465" s="53">
        <v>-1.5158245029548801E-9</v>
      </c>
      <c r="V1465" s="53">
        <v>-1.5158245029548801E-9</v>
      </c>
      <c r="W1465" s="53">
        <v>-1.5158245029548801E-9</v>
      </c>
      <c r="X1465" s="53">
        <v>-1.5158245029548801E-9</v>
      </c>
      <c r="Y1465" s="53">
        <v>-1.5158245029548801E-9</v>
      </c>
      <c r="Z1465" s="53">
        <v>-1.5158245029548801E-9</v>
      </c>
      <c r="AA1465" s="53">
        <v>-1.8189894035458499E-8</v>
      </c>
      <c r="AB1465" s="53">
        <v>1.0547612166394299E-9</v>
      </c>
      <c r="AC1465" s="53">
        <v>1.0547612166394299E-9</v>
      </c>
      <c r="AD1465" s="53">
        <v>1.0547612166394299E-9</v>
      </c>
      <c r="AE1465" s="53">
        <v>1.0547612166394299E-9</v>
      </c>
      <c r="AF1465" s="53">
        <v>1.0547612166394299E-9</v>
      </c>
      <c r="AG1465" s="53">
        <v>1.0547612166394299E-9</v>
      </c>
      <c r="AH1465" s="53">
        <v>1.0547612166394299E-9</v>
      </c>
      <c r="AI1465" s="53">
        <v>1.0547612166394299E-9</v>
      </c>
      <c r="AJ1465" s="53">
        <v>1.0547612166394299E-9</v>
      </c>
      <c r="AK1465" s="53">
        <v>1.0547612166394299E-9</v>
      </c>
      <c r="AL1465" s="53">
        <v>1.0547612166394299E-9</v>
      </c>
      <c r="AM1465" s="53">
        <v>1.0547612166394299E-9</v>
      </c>
      <c r="AN1465" s="53">
        <v>1.2657134599673199E-8</v>
      </c>
      <c r="AO1465" s="53">
        <v>-1.44740186914094E-10</v>
      </c>
      <c r="AP1465" s="53">
        <v>-1.44740186914094E-10</v>
      </c>
      <c r="AQ1465" s="53">
        <v>-1.44740186914094E-10</v>
      </c>
      <c r="AR1465" s="53">
        <v>-1.44740186914094E-10</v>
      </c>
      <c r="AS1465" s="53">
        <v>-1.44740186914094E-10</v>
      </c>
      <c r="AT1465" s="53">
        <v>-1.44740186914094E-10</v>
      </c>
      <c r="AU1465" s="53">
        <v>-1.44740186914094E-10</v>
      </c>
      <c r="AV1465" s="53">
        <v>-1.44740186914094E-10</v>
      </c>
      <c r="AW1465" s="53">
        <v>-1.44740186914094E-10</v>
      </c>
      <c r="AX1465" s="53">
        <v>-1.44740186914094E-10</v>
      </c>
      <c r="AY1465" s="53">
        <v>-1.44740186914094E-10</v>
      </c>
      <c r="AZ1465" s="53">
        <v>-1.44740186914094E-10</v>
      </c>
      <c r="BA1465" s="53">
        <v>-1.73688224296913E-9</v>
      </c>
    </row>
    <row r="1466" spans="1:53">
      <c r="A1466" s="52" t="s">
        <v>765</v>
      </c>
    </row>
    <row r="1467" spans="1:53">
      <c r="A1467" s="52" t="s">
        <v>766</v>
      </c>
    </row>
    <row r="1468" spans="1:53">
      <c r="A1468" s="52" t="s">
        <v>649</v>
      </c>
    </row>
    <row r="1469" spans="1:53">
      <c r="A1469" s="52" t="s">
        <v>767</v>
      </c>
    </row>
    <row r="1470" spans="1:53">
      <c r="A1470" s="52" t="s">
        <v>649</v>
      </c>
      <c r="B1470" s="53">
        <v>-123382.68712663199</v>
      </c>
      <c r="C1470" s="53">
        <v>-205298.485253055</v>
      </c>
      <c r="D1470" s="53">
        <v>-130259.533922113</v>
      </c>
      <c r="E1470" s="53">
        <v>-119423.057129277</v>
      </c>
      <c r="F1470" s="53">
        <v>57992.219306894003</v>
      </c>
      <c r="G1470" s="53">
        <v>160411.03315440301</v>
      </c>
      <c r="H1470" s="53">
        <v>240423.15606197101</v>
      </c>
      <c r="I1470" s="53">
        <v>231323.93489959501</v>
      </c>
      <c r="J1470" s="53">
        <v>149486.67444145499</v>
      </c>
      <c r="K1470" s="53">
        <v>9261.3879740613302</v>
      </c>
      <c r="L1470" s="53">
        <v>-163229.863844726</v>
      </c>
      <c r="M1470" s="53">
        <v>-107304.778562573</v>
      </c>
      <c r="N1470" s="53">
        <v>2.5011104298755502E-9</v>
      </c>
      <c r="O1470" s="53">
        <v>-1018.86710985365</v>
      </c>
      <c r="P1470" s="53">
        <v>-101886.25571132101</v>
      </c>
      <c r="Q1470" s="53">
        <v>-272096.58877725399</v>
      </c>
      <c r="R1470" s="53">
        <v>-165355.45357714299</v>
      </c>
      <c r="S1470" s="53">
        <v>-103208.337301886</v>
      </c>
      <c r="T1470" s="53">
        <v>118539.783471763</v>
      </c>
      <c r="U1470" s="53">
        <v>167474.20513434801</v>
      </c>
      <c r="V1470" s="53">
        <v>131112.90710543899</v>
      </c>
      <c r="W1470" s="53">
        <v>74354.189221587105</v>
      </c>
      <c r="X1470" s="53">
        <v>-43920.620069954202</v>
      </c>
      <c r="Y1470" s="53">
        <v>111423.22686704301</v>
      </c>
      <c r="Z1470" s="53">
        <v>84581.810747230295</v>
      </c>
      <c r="AA1470" s="53">
        <v>-4.5474735088646402E-10</v>
      </c>
      <c r="AB1470" s="53">
        <v>-93.627092590736495</v>
      </c>
      <c r="AC1470" s="53">
        <v>-119336.988255153</v>
      </c>
      <c r="AD1470" s="53">
        <v>-271678.283759474</v>
      </c>
      <c r="AE1470" s="53">
        <v>-164638.20978772501</v>
      </c>
      <c r="AF1470" s="53">
        <v>-102803.605326577</v>
      </c>
      <c r="AG1470" s="53">
        <v>119313.568414219</v>
      </c>
      <c r="AH1470" s="53">
        <v>168386.42369253101</v>
      </c>
      <c r="AI1470" s="53">
        <v>132526.70702869201</v>
      </c>
      <c r="AJ1470" s="53">
        <v>76369.9488879165</v>
      </c>
      <c r="AK1470" s="53">
        <v>-40998.521732040899</v>
      </c>
      <c r="AL1470" s="53">
        <v>115075.74446872</v>
      </c>
      <c r="AM1470" s="53">
        <v>87876.843461479497</v>
      </c>
      <c r="AN1470" s="53">
        <v>-2.7284841053187802E-9</v>
      </c>
      <c r="AO1470" s="53">
        <v>55.629169616963701</v>
      </c>
      <c r="AP1470" s="53">
        <v>-118527.992421829</v>
      </c>
      <c r="AQ1470" s="53">
        <v>-271161.910337882</v>
      </c>
      <c r="AR1470" s="53">
        <v>-163979.67908107699</v>
      </c>
      <c r="AS1470" s="53">
        <v>-103147.151358605</v>
      </c>
      <c r="AT1470" s="53">
        <v>118485.700884622</v>
      </c>
      <c r="AU1470" s="53">
        <v>167170.32952621099</v>
      </c>
      <c r="AV1470" s="53">
        <v>131386.505096259</v>
      </c>
      <c r="AW1470" s="53">
        <v>75596.265138896793</v>
      </c>
      <c r="AX1470" s="53">
        <v>-40754.793614753602</v>
      </c>
      <c r="AY1470" s="53">
        <v>116359.073016661</v>
      </c>
      <c r="AZ1470" s="53">
        <v>88518.023981879596</v>
      </c>
      <c r="BA1470" s="53">
        <v>-5.6843418860808005E-10</v>
      </c>
    </row>
    <row r="1471" spans="1:53">
      <c r="A1471" s="52" t="s">
        <v>768</v>
      </c>
    </row>
    <row r="1472" spans="1:53">
      <c r="A1472" s="52" t="s">
        <v>649</v>
      </c>
      <c r="B1472" s="53">
        <v>-28800.348218628598</v>
      </c>
      <c r="C1472" s="53">
        <v>-28800.348218628598</v>
      </c>
      <c r="D1472" s="53">
        <v>-28800.348218628598</v>
      </c>
      <c r="E1472" s="53">
        <v>-28800.348218628598</v>
      </c>
      <c r="F1472" s="53">
        <v>-28800.348218628598</v>
      </c>
      <c r="G1472" s="53">
        <v>-28800.348218628598</v>
      </c>
      <c r="H1472" s="53">
        <v>-28800.348218628598</v>
      </c>
      <c r="I1472" s="53">
        <v>-28800.348218628598</v>
      </c>
      <c r="J1472" s="53">
        <v>-28800.348218628598</v>
      </c>
      <c r="K1472" s="53">
        <v>-28800.348218628598</v>
      </c>
      <c r="L1472" s="53">
        <v>-28800.348218628598</v>
      </c>
      <c r="M1472" s="53">
        <v>-28800.348218628598</v>
      </c>
      <c r="N1472" s="53">
        <v>-345604.178623543</v>
      </c>
      <c r="O1472" s="53">
        <v>-2.1701159388006301E-10</v>
      </c>
      <c r="P1472" s="53">
        <v>-2.1701159388006301E-10</v>
      </c>
      <c r="Q1472" s="53">
        <v>-2.1701159388006301E-10</v>
      </c>
      <c r="R1472" s="53">
        <v>-2.1701159388006301E-10</v>
      </c>
      <c r="S1472" s="53">
        <v>-2.1701159388006301E-10</v>
      </c>
      <c r="T1472" s="53">
        <v>-2.1701159388006301E-10</v>
      </c>
      <c r="U1472" s="53">
        <v>-2.1701159388006301E-10</v>
      </c>
      <c r="V1472" s="53">
        <v>-2.1701159388006301E-10</v>
      </c>
      <c r="W1472" s="53">
        <v>-2.1701159388006301E-10</v>
      </c>
      <c r="X1472" s="53">
        <v>-2.1701159388006301E-10</v>
      </c>
      <c r="Y1472" s="53">
        <v>-2.1701159388006301E-10</v>
      </c>
      <c r="Z1472" s="53">
        <v>-2.1701159388006301E-10</v>
      </c>
      <c r="AA1472" s="53">
        <v>-2.6041391265607602E-9</v>
      </c>
      <c r="AB1472" s="53">
        <v>4.5321771027475799E-11</v>
      </c>
      <c r="AC1472" s="53">
        <v>4.5321771027475799E-11</v>
      </c>
      <c r="AD1472" s="53">
        <v>4.5321771027475799E-11</v>
      </c>
      <c r="AE1472" s="53">
        <v>4.5321771027475799E-11</v>
      </c>
      <c r="AF1472" s="53">
        <v>4.5321771027475799E-11</v>
      </c>
      <c r="AG1472" s="53">
        <v>4.5321771027475799E-11</v>
      </c>
      <c r="AH1472" s="53">
        <v>4.5321771027475799E-11</v>
      </c>
      <c r="AI1472" s="53">
        <v>4.5321771027475799E-11</v>
      </c>
      <c r="AJ1472" s="53">
        <v>4.5321771027475799E-11</v>
      </c>
      <c r="AK1472" s="53">
        <v>4.5321771027475799E-11</v>
      </c>
      <c r="AL1472" s="53">
        <v>4.5321771027475799E-11</v>
      </c>
      <c r="AM1472" s="53">
        <v>4.5321771027475799E-11</v>
      </c>
      <c r="AN1472" s="53">
        <v>5.4386125232970995E-10</v>
      </c>
      <c r="AO1472" s="53">
        <v>2.2951805065560901E-10</v>
      </c>
      <c r="AP1472" s="53">
        <v>2.2951805065560901E-10</v>
      </c>
      <c r="AQ1472" s="53">
        <v>2.2951805065560901E-10</v>
      </c>
      <c r="AR1472" s="53">
        <v>2.2951805065560901E-10</v>
      </c>
      <c r="AS1472" s="53">
        <v>2.2951805065560901E-10</v>
      </c>
      <c r="AT1472" s="53">
        <v>2.2951805065560901E-10</v>
      </c>
      <c r="AU1472" s="53">
        <v>2.2951805065560901E-10</v>
      </c>
      <c r="AV1472" s="53">
        <v>2.2951805065560901E-10</v>
      </c>
      <c r="AW1472" s="53">
        <v>2.2951805065560901E-10</v>
      </c>
      <c r="AX1472" s="53">
        <v>2.2951805065560901E-10</v>
      </c>
      <c r="AY1472" s="53">
        <v>2.2951805065560901E-10</v>
      </c>
      <c r="AZ1472" s="53">
        <v>2.2951805065560901E-10</v>
      </c>
      <c r="BA1472" s="53">
        <v>2.75421660786731E-9</v>
      </c>
    </row>
    <row r="1473" spans="1:53">
      <c r="A1473" s="52" t="s">
        <v>769</v>
      </c>
    </row>
    <row r="1474" spans="1:53">
      <c r="A1474" s="52" t="s">
        <v>770</v>
      </c>
    </row>
    <row r="1475" spans="1:53">
      <c r="A1475" s="52" t="s">
        <v>649</v>
      </c>
      <c r="B1475" s="53">
        <v>7826285.8099999996</v>
      </c>
      <c r="C1475" s="53">
        <v>5888555.5999999996</v>
      </c>
      <c r="D1475" s="53">
        <v>9159196.9399999995</v>
      </c>
      <c r="E1475" s="53">
        <v>7543179.8899999997</v>
      </c>
      <c r="F1475" s="53">
        <v>11172868.17</v>
      </c>
      <c r="G1475" s="53">
        <v>15708009.3999999</v>
      </c>
      <c r="H1475" s="53">
        <v>20182642.629999999</v>
      </c>
      <c r="I1475" s="53">
        <v>20296768.089999899</v>
      </c>
      <c r="J1475" s="53">
        <v>16743975.7299999</v>
      </c>
      <c r="K1475" s="53">
        <v>12200735.82</v>
      </c>
      <c r="L1475" s="53">
        <v>6353492.1100000003</v>
      </c>
      <c r="M1475" s="53">
        <v>3898052.08</v>
      </c>
      <c r="N1475" s="53">
        <v>136973762.269999</v>
      </c>
      <c r="O1475" s="53">
        <v>3147279.71</v>
      </c>
      <c r="P1475" s="53">
        <v>3995293.8999999901</v>
      </c>
      <c r="Q1475" s="53">
        <v>9023000.5899999999</v>
      </c>
      <c r="R1475" s="53">
        <v>5528873.7999999998</v>
      </c>
      <c r="S1475" s="53">
        <v>18797052.129999999</v>
      </c>
      <c r="T1475" s="53">
        <v>16611564.949999999</v>
      </c>
      <c r="U1475" s="53">
        <v>20828284.370000001</v>
      </c>
      <c r="V1475" s="53">
        <v>21303123.34</v>
      </c>
      <c r="W1475" s="53">
        <v>19940089.949999999</v>
      </c>
      <c r="X1475" s="53">
        <v>17067073.559999999</v>
      </c>
      <c r="Y1475" s="53">
        <v>3940139.58</v>
      </c>
      <c r="Z1475" s="53">
        <v>3645147.27</v>
      </c>
      <c r="AA1475" s="53">
        <v>143826923.14999899</v>
      </c>
      <c r="AB1475" s="53">
        <v>3531374.31</v>
      </c>
      <c r="AC1475" s="53">
        <v>1609977.66</v>
      </c>
      <c r="AD1475" s="53">
        <v>8967103.3200000003</v>
      </c>
      <c r="AE1475" s="53">
        <v>8851466.3100000005</v>
      </c>
      <c r="AF1475" s="53">
        <v>15551644.67</v>
      </c>
      <c r="AG1475" s="53">
        <v>17399976.829999998</v>
      </c>
      <c r="AH1475" s="53">
        <v>20559061.190000001</v>
      </c>
      <c r="AI1475" s="53">
        <v>21198501.149999999</v>
      </c>
      <c r="AJ1475" s="53">
        <v>19660882.129999999</v>
      </c>
      <c r="AK1475" s="53">
        <v>14043359.02</v>
      </c>
      <c r="AL1475" s="53">
        <v>3324122.8499999898</v>
      </c>
      <c r="AM1475" s="53">
        <v>2302281.35</v>
      </c>
      <c r="AN1475" s="53">
        <v>136999750.78999999</v>
      </c>
      <c r="AO1475" s="53">
        <v>4885623.74</v>
      </c>
      <c r="AP1475" s="53">
        <v>6821191.2000000002</v>
      </c>
      <c r="AQ1475" s="53">
        <v>9361606.4399999995</v>
      </c>
      <c r="AR1475" s="53">
        <v>11484163.4099999</v>
      </c>
      <c r="AS1475" s="53">
        <v>15932844.34</v>
      </c>
      <c r="AT1475" s="53">
        <v>19003359.25</v>
      </c>
      <c r="AU1475" s="53">
        <v>22266829.359999999</v>
      </c>
      <c r="AV1475" s="53">
        <v>21989061.1199999</v>
      </c>
      <c r="AW1475" s="53">
        <v>19896695.09</v>
      </c>
      <c r="AX1475" s="53">
        <v>14892568.92</v>
      </c>
      <c r="AY1475" s="53">
        <v>7069373.5300000003</v>
      </c>
      <c r="AZ1475" s="53">
        <v>2914802.36</v>
      </c>
      <c r="BA1475" s="53">
        <v>156518118.75999999</v>
      </c>
    </row>
    <row r="1476" spans="1:53">
      <c r="A1476" s="52" t="s">
        <v>771</v>
      </c>
    </row>
    <row r="1477" spans="1:53">
      <c r="A1477" s="52" t="s">
        <v>649</v>
      </c>
      <c r="B1477" s="53">
        <v>3022086.47</v>
      </c>
      <c r="C1477" s="53">
        <v>2984066.8799999901</v>
      </c>
      <c r="D1477" s="53">
        <v>2735738.5799999898</v>
      </c>
      <c r="E1477" s="53">
        <v>2060571.99</v>
      </c>
      <c r="F1477" s="53">
        <v>2277713.09</v>
      </c>
      <c r="G1477" s="53">
        <v>2600548.77</v>
      </c>
      <c r="H1477" s="53">
        <v>2099071.4300000002</v>
      </c>
      <c r="I1477" s="53">
        <v>3619186.53</v>
      </c>
      <c r="J1477" s="53">
        <v>2742749.9</v>
      </c>
      <c r="K1477" s="53">
        <v>1743396.05999999</v>
      </c>
      <c r="L1477" s="53">
        <v>2848640.4299999899</v>
      </c>
      <c r="M1477" s="53">
        <v>3158085</v>
      </c>
      <c r="N1477" s="53">
        <v>31891855.129999898</v>
      </c>
      <c r="O1477" s="53">
        <v>3006978.19</v>
      </c>
      <c r="P1477" s="53">
        <v>2786112.99</v>
      </c>
      <c r="Q1477" s="53">
        <v>3132448.0399999898</v>
      </c>
      <c r="R1477" s="53">
        <v>1745456.04</v>
      </c>
      <c r="S1477" s="53">
        <v>2617500.46</v>
      </c>
      <c r="T1477" s="53">
        <v>2655859.2499999902</v>
      </c>
      <c r="U1477" s="53">
        <v>2166690.7400000002</v>
      </c>
      <c r="V1477" s="53">
        <v>3828428.5599999898</v>
      </c>
      <c r="W1477" s="53">
        <v>2910538.88</v>
      </c>
      <c r="X1477" s="53">
        <v>2730632.89</v>
      </c>
      <c r="Y1477" s="53">
        <v>2060253.8</v>
      </c>
      <c r="Z1477" s="53">
        <v>3302255.76</v>
      </c>
      <c r="AA1477" s="53">
        <v>32943155.599999901</v>
      </c>
      <c r="AB1477" s="53">
        <v>2858620.75</v>
      </c>
      <c r="AC1477" s="53">
        <v>2808599.18</v>
      </c>
      <c r="AD1477" s="53">
        <v>2685270.15</v>
      </c>
      <c r="AE1477" s="53">
        <v>2236850.6399999899</v>
      </c>
      <c r="AF1477" s="53">
        <v>2334618.3199999998</v>
      </c>
      <c r="AG1477" s="53">
        <v>2271296.08</v>
      </c>
      <c r="AH1477" s="53">
        <v>2278450.38</v>
      </c>
      <c r="AI1477" s="53">
        <v>3598148.06</v>
      </c>
      <c r="AJ1477" s="53">
        <v>2853299.28</v>
      </c>
      <c r="AK1477" s="53">
        <v>2258529.52</v>
      </c>
      <c r="AL1477" s="53">
        <v>1885515.73</v>
      </c>
      <c r="AM1477" s="53">
        <v>2876281.17</v>
      </c>
      <c r="AN1477" s="53">
        <v>30945479.260000002</v>
      </c>
      <c r="AO1477" s="53">
        <v>2555737.2999999998</v>
      </c>
      <c r="AP1477" s="53">
        <v>2709377.53</v>
      </c>
      <c r="AQ1477" s="53">
        <v>2658425.8399999901</v>
      </c>
      <c r="AR1477" s="53">
        <v>2110044.13</v>
      </c>
      <c r="AS1477" s="53">
        <v>2302031.2799999998</v>
      </c>
      <c r="AT1477" s="53">
        <v>2465152</v>
      </c>
      <c r="AU1477" s="53">
        <v>2104715.75</v>
      </c>
      <c r="AV1477" s="53">
        <v>3265984</v>
      </c>
      <c r="AW1477" s="53">
        <v>2673102.46</v>
      </c>
      <c r="AX1477" s="53">
        <v>2398012.0199999898</v>
      </c>
      <c r="AY1477" s="53">
        <v>2879835.02</v>
      </c>
      <c r="AZ1477" s="53">
        <v>2813547.2099999902</v>
      </c>
      <c r="BA1477" s="53">
        <v>30935964.539999899</v>
      </c>
    </row>
    <row r="1478" spans="1:53">
      <c r="A1478" s="52" t="s">
        <v>772</v>
      </c>
    </row>
    <row r="1479" spans="1:53">
      <c r="A1479" s="52" t="s">
        <v>649</v>
      </c>
      <c r="B1479" s="53">
        <v>106454333.75999901</v>
      </c>
      <c r="C1479" s="53">
        <v>92755681.700000003</v>
      </c>
      <c r="D1479" s="53">
        <v>92474198.400000006</v>
      </c>
      <c r="E1479" s="53">
        <v>83707484.75</v>
      </c>
      <c r="F1479" s="53">
        <v>98604373.859999999</v>
      </c>
      <c r="G1479" s="53">
        <v>104027643.83</v>
      </c>
      <c r="H1479" s="53">
        <v>109483242.13</v>
      </c>
      <c r="I1479" s="53">
        <v>108813658.02</v>
      </c>
      <c r="J1479" s="53">
        <v>105258376.81999999</v>
      </c>
      <c r="K1479" s="53">
        <v>94589986.769999996</v>
      </c>
      <c r="L1479" s="53">
        <v>85844026.529999897</v>
      </c>
      <c r="M1479" s="53">
        <v>96338184.670000002</v>
      </c>
      <c r="N1479" s="53">
        <v>1178351191.24</v>
      </c>
      <c r="O1479" s="53">
        <v>101641981.599999</v>
      </c>
      <c r="P1479" s="53">
        <v>89554170.329999998</v>
      </c>
      <c r="Q1479" s="53">
        <v>86595231.359999999</v>
      </c>
      <c r="R1479" s="53">
        <v>81816186.480000004</v>
      </c>
      <c r="S1479" s="53">
        <v>90124527.329999894</v>
      </c>
      <c r="T1479" s="53">
        <v>100786563.92999899</v>
      </c>
      <c r="U1479" s="53">
        <v>106415493.19</v>
      </c>
      <c r="V1479" s="53">
        <v>106161678.97</v>
      </c>
      <c r="W1479" s="53">
        <v>101430518.5</v>
      </c>
      <c r="X1479" s="53">
        <v>89830100.739999995</v>
      </c>
      <c r="Y1479" s="53">
        <v>86192875.299999997</v>
      </c>
      <c r="Z1479" s="53">
        <v>95937397.629999995</v>
      </c>
      <c r="AA1479" s="53">
        <v>1136486725.3599999</v>
      </c>
      <c r="AB1479" s="53">
        <v>99802133.049999893</v>
      </c>
      <c r="AC1479" s="53">
        <v>87358841.370000005</v>
      </c>
      <c r="AD1479" s="53">
        <v>85156519.549999997</v>
      </c>
      <c r="AE1479" s="53">
        <v>77756775.780000001</v>
      </c>
      <c r="AF1479" s="53">
        <v>89885099.829999998</v>
      </c>
      <c r="AG1479" s="53">
        <v>97652563.599999905</v>
      </c>
      <c r="AH1479" s="53">
        <v>102030076.53</v>
      </c>
      <c r="AI1479" s="53">
        <v>101496082.69</v>
      </c>
      <c r="AJ1479" s="53">
        <v>97186018.289999902</v>
      </c>
      <c r="AK1479" s="53">
        <v>88806951.939999998</v>
      </c>
      <c r="AL1479" s="53">
        <v>83639325.829999894</v>
      </c>
      <c r="AM1479" s="53">
        <v>93573120.819999993</v>
      </c>
      <c r="AN1479" s="53">
        <v>1104343509.28</v>
      </c>
      <c r="AO1479" s="53">
        <v>96801882.019999996</v>
      </c>
      <c r="AP1479" s="53">
        <v>82686144.709999993</v>
      </c>
      <c r="AQ1479" s="53">
        <v>84040742.510000005</v>
      </c>
      <c r="AR1479" s="53">
        <v>75622199.959999993</v>
      </c>
      <c r="AS1479" s="53">
        <v>89792007.289999902</v>
      </c>
      <c r="AT1479" s="53">
        <v>95721055.140000001</v>
      </c>
      <c r="AU1479" s="53">
        <v>101577896.73999999</v>
      </c>
      <c r="AV1479" s="53">
        <v>101850854.92</v>
      </c>
      <c r="AW1479" s="53">
        <v>97561165.279999897</v>
      </c>
      <c r="AX1479" s="53">
        <v>87880748.609999999</v>
      </c>
      <c r="AY1479" s="53">
        <v>81465344.129999995</v>
      </c>
      <c r="AZ1479" s="53">
        <v>93850456.6199999</v>
      </c>
      <c r="BA1479" s="53">
        <v>1088850497.9299901</v>
      </c>
    </row>
    <row r="1480" spans="1:53">
      <c r="A1480" s="52" t="s">
        <v>773</v>
      </c>
    </row>
    <row r="1481" spans="1:53">
      <c r="A1481" s="52" t="s">
        <v>774</v>
      </c>
    </row>
    <row r="1482" spans="1:53">
      <c r="A1482" s="52" t="s">
        <v>649</v>
      </c>
      <c r="B1482" s="53">
        <v>11604831.09</v>
      </c>
      <c r="C1482" s="53">
        <v>9834521.2699999996</v>
      </c>
      <c r="D1482" s="53">
        <v>10683697.6399999</v>
      </c>
      <c r="E1482" s="53">
        <v>11745601.41</v>
      </c>
      <c r="F1482" s="53">
        <v>12672830.5</v>
      </c>
      <c r="G1482" s="53">
        <v>12766724.34</v>
      </c>
      <c r="H1482" s="53">
        <v>13869928.689999999</v>
      </c>
      <c r="I1482" s="53">
        <v>13822622.630000001</v>
      </c>
      <c r="J1482" s="53">
        <v>12447253.249999899</v>
      </c>
      <c r="K1482" s="53">
        <v>12677784.25</v>
      </c>
      <c r="L1482" s="53">
        <v>12507254.800000001</v>
      </c>
      <c r="M1482" s="53">
        <v>11620966.279999999</v>
      </c>
      <c r="N1482" s="53">
        <v>146254016.14999899</v>
      </c>
      <c r="O1482" s="53">
        <v>6546176.0499999998</v>
      </c>
      <c r="P1482" s="53">
        <v>5123292.84</v>
      </c>
      <c r="Q1482" s="53">
        <v>4712524.45</v>
      </c>
      <c r="R1482" s="53">
        <v>6383436.7400000002</v>
      </c>
      <c r="S1482" s="53">
        <v>8329672.4099999899</v>
      </c>
      <c r="T1482" s="53">
        <v>7786006.1200000001</v>
      </c>
      <c r="U1482" s="53">
        <v>8327692.54</v>
      </c>
      <c r="V1482" s="53">
        <v>6908975.5099999998</v>
      </c>
      <c r="W1482" s="53">
        <v>5804018.7499999898</v>
      </c>
      <c r="X1482" s="53">
        <v>6598152.6299999999</v>
      </c>
      <c r="Y1482" s="53">
        <v>4618106.96</v>
      </c>
      <c r="Z1482" s="53">
        <v>4464771.17</v>
      </c>
      <c r="AA1482" s="53">
        <v>75602826.170000002</v>
      </c>
      <c r="AB1482" s="53">
        <v>4986261.8899999997</v>
      </c>
      <c r="AC1482" s="53">
        <v>3706792.61</v>
      </c>
      <c r="AD1482" s="53">
        <v>4139607.62</v>
      </c>
      <c r="AE1482" s="53">
        <v>5627847.7999999998</v>
      </c>
      <c r="AF1482" s="53">
        <v>6892572.04</v>
      </c>
      <c r="AG1482" s="53">
        <v>6455395.6999999899</v>
      </c>
      <c r="AH1482" s="53">
        <v>8232640.9000000004</v>
      </c>
      <c r="AI1482" s="53">
        <v>7602047.8899999997</v>
      </c>
      <c r="AJ1482" s="53">
        <v>6285078.1200000001</v>
      </c>
      <c r="AK1482" s="53">
        <v>5824007.9800000004</v>
      </c>
      <c r="AL1482" s="53">
        <v>4817699.5699999901</v>
      </c>
      <c r="AM1482" s="53">
        <v>4753393.34</v>
      </c>
      <c r="AN1482" s="53">
        <v>69323345.459999993</v>
      </c>
      <c r="AO1482" s="53">
        <v>2968794.89</v>
      </c>
      <c r="AP1482" s="53">
        <v>2463365.38</v>
      </c>
      <c r="AQ1482" s="53">
        <v>2173429.31</v>
      </c>
      <c r="AR1482" s="53">
        <v>4432289.03</v>
      </c>
      <c r="AS1482" s="53">
        <v>4623029.8600000003</v>
      </c>
      <c r="AT1482" s="53">
        <v>5677084.1099999901</v>
      </c>
      <c r="AU1482" s="53">
        <v>5717565.9100000001</v>
      </c>
      <c r="AV1482" s="53">
        <v>5125428.17</v>
      </c>
      <c r="AW1482" s="53">
        <v>4867425.76</v>
      </c>
      <c r="AX1482" s="53">
        <v>3760051.29</v>
      </c>
      <c r="AY1482" s="53">
        <v>3820424.07</v>
      </c>
      <c r="AZ1482" s="53">
        <v>2933722.46999999</v>
      </c>
      <c r="BA1482" s="53">
        <v>48562610.25</v>
      </c>
    </row>
    <row r="1483" spans="1:53">
      <c r="A1483" s="52" t="s">
        <v>775</v>
      </c>
    </row>
    <row r="1484" spans="1:53">
      <c r="A1484" s="52" t="s">
        <v>649</v>
      </c>
      <c r="B1484" s="53">
        <v>4830446.6099999901</v>
      </c>
      <c r="C1484" s="53">
        <v>4846478.49</v>
      </c>
      <c r="D1484" s="53">
        <v>3468251.6999999899</v>
      </c>
      <c r="E1484" s="53">
        <v>3403199.82</v>
      </c>
      <c r="F1484" s="53">
        <v>4691278.26</v>
      </c>
      <c r="G1484" s="53">
        <v>9619486.3799999896</v>
      </c>
      <c r="H1484" s="53">
        <v>9602309.3399999999</v>
      </c>
      <c r="I1484" s="53">
        <v>9556503.9000000004</v>
      </c>
      <c r="J1484" s="53">
        <v>4526130.66</v>
      </c>
      <c r="K1484" s="53">
        <v>3363120.0599999898</v>
      </c>
      <c r="L1484" s="53">
        <v>3408925.4999999902</v>
      </c>
      <c r="M1484" s="53">
        <v>4846478.49</v>
      </c>
      <c r="N1484" s="53">
        <v>66162609.209999897</v>
      </c>
      <c r="O1484" s="53">
        <v>4801251.6100000003</v>
      </c>
      <c r="P1484" s="53">
        <v>4817283.49</v>
      </c>
      <c r="Q1484" s="53">
        <v>3439056.7</v>
      </c>
      <c r="R1484" s="53">
        <v>3374004.82</v>
      </c>
      <c r="S1484" s="53">
        <v>2744296.48</v>
      </c>
      <c r="T1484" s="53">
        <v>5691494.0800000001</v>
      </c>
      <c r="U1484" s="53">
        <v>5674317.04</v>
      </c>
      <c r="V1484" s="53">
        <v>5628511.5999999996</v>
      </c>
      <c r="W1484" s="53">
        <v>2677496.92</v>
      </c>
      <c r="X1484" s="53">
        <v>1964077.36</v>
      </c>
      <c r="Y1484" s="53">
        <v>2009882.8</v>
      </c>
      <c r="Z1484" s="53">
        <v>2840487.88</v>
      </c>
      <c r="AA1484" s="53">
        <v>45662160.780000001</v>
      </c>
      <c r="AB1484" s="53">
        <v>2824456</v>
      </c>
      <c r="AC1484" s="53">
        <v>2840487.88</v>
      </c>
      <c r="AD1484" s="53">
        <v>2027059.8399999901</v>
      </c>
      <c r="AE1484" s="53">
        <v>2004157.12</v>
      </c>
      <c r="AF1484" s="53">
        <v>2744296.48</v>
      </c>
      <c r="AG1484" s="53">
        <v>5691494.0800000001</v>
      </c>
      <c r="AH1484" s="53">
        <v>5674317.04</v>
      </c>
      <c r="AI1484" s="53">
        <v>5628511.5999999996</v>
      </c>
      <c r="AJ1484" s="53">
        <v>2677496.92</v>
      </c>
      <c r="AK1484" s="53">
        <v>1964077.36</v>
      </c>
      <c r="AL1484" s="53">
        <v>2009882.8</v>
      </c>
      <c r="AM1484" s="53">
        <v>2840487.88</v>
      </c>
      <c r="AN1484" s="53">
        <v>38926725</v>
      </c>
      <c r="AO1484" s="53">
        <v>2824456</v>
      </c>
      <c r="AP1484" s="53">
        <v>2840487.88</v>
      </c>
      <c r="AQ1484" s="53">
        <v>2027059.8399999901</v>
      </c>
      <c r="AR1484" s="53">
        <v>2004157.12</v>
      </c>
      <c r="AS1484" s="53">
        <v>2744296.48</v>
      </c>
      <c r="AT1484" s="53">
        <v>5691494.0800000001</v>
      </c>
      <c r="AU1484" s="53">
        <v>5674317.04</v>
      </c>
      <c r="AV1484" s="53">
        <v>5628511.5999999996</v>
      </c>
      <c r="AW1484" s="53">
        <v>2677496.92</v>
      </c>
      <c r="AX1484" s="53">
        <v>1964077.36</v>
      </c>
      <c r="AY1484" s="53">
        <v>2009882.8</v>
      </c>
      <c r="AZ1484" s="53">
        <v>2840487.88</v>
      </c>
      <c r="BA1484" s="53">
        <v>38926725</v>
      </c>
    </row>
    <row r="1485" spans="1:53">
      <c r="A1485" s="52" t="s">
        <v>776</v>
      </c>
    </row>
    <row r="1486" spans="1:53">
      <c r="A1486" s="52" t="s">
        <v>649</v>
      </c>
      <c r="B1486" s="53">
        <v>23101069.079999998</v>
      </c>
      <c r="C1486" s="53">
        <v>23101069.079999998</v>
      </c>
      <c r="D1486" s="53">
        <v>23101069.079999998</v>
      </c>
      <c r="E1486" s="53">
        <v>23101069.079999998</v>
      </c>
      <c r="F1486" s="53">
        <v>23101069.079999998</v>
      </c>
      <c r="G1486" s="53">
        <v>23101069.079999998</v>
      </c>
      <c r="H1486" s="53">
        <v>23101069.079999998</v>
      </c>
      <c r="I1486" s="53">
        <v>23101069.079999998</v>
      </c>
      <c r="J1486" s="53">
        <v>23101069.079999998</v>
      </c>
      <c r="K1486" s="53">
        <v>23101069.079999998</v>
      </c>
      <c r="L1486" s="53">
        <v>23101069.079999998</v>
      </c>
      <c r="M1486" s="53">
        <v>23101069.079999998</v>
      </c>
      <c r="N1486" s="53">
        <v>277212828.95999998</v>
      </c>
      <c r="O1486" s="53">
        <v>17050791.129999999</v>
      </c>
      <c r="P1486" s="53">
        <v>17050791.129999999</v>
      </c>
      <c r="Q1486" s="53">
        <v>17050791.129999999</v>
      </c>
      <c r="R1486" s="53">
        <v>17050791.129999999</v>
      </c>
      <c r="S1486" s="53">
        <v>17050791.129999999</v>
      </c>
      <c r="T1486" s="53">
        <v>17050791.129999999</v>
      </c>
      <c r="U1486" s="53">
        <v>17050791.129999999</v>
      </c>
      <c r="V1486" s="53">
        <v>17050791.129999999</v>
      </c>
      <c r="W1486" s="53">
        <v>7184622.9000000004</v>
      </c>
      <c r="X1486" s="53">
        <v>7184622.9000000004</v>
      </c>
      <c r="Y1486" s="53">
        <v>7184622.9000000004</v>
      </c>
      <c r="Z1486" s="53">
        <v>7184622.9000000004</v>
      </c>
      <c r="AA1486" s="53">
        <v>165144820.639999</v>
      </c>
      <c r="AB1486" s="53">
        <v>7547114.2599999998</v>
      </c>
      <c r="AC1486" s="53">
        <v>7547114.2599999998</v>
      </c>
      <c r="AD1486" s="53">
        <v>7547114.2599999998</v>
      </c>
      <c r="AE1486" s="53">
        <v>7547114.2599999998</v>
      </c>
      <c r="AF1486" s="53">
        <v>7547114.2599999998</v>
      </c>
      <c r="AG1486" s="53">
        <v>7547114.2599999998</v>
      </c>
      <c r="AH1486" s="53">
        <v>7547114.2599999998</v>
      </c>
      <c r="AI1486" s="53">
        <v>7547114.2599999998</v>
      </c>
      <c r="AJ1486" s="53">
        <v>7547114.2599999998</v>
      </c>
      <c r="AK1486" s="53">
        <v>7547114.2599999998</v>
      </c>
      <c r="AL1486" s="53">
        <v>7547114.2599999998</v>
      </c>
      <c r="AM1486" s="53">
        <v>7547114.2599999998</v>
      </c>
      <c r="AN1486" s="53">
        <v>90565371.120000005</v>
      </c>
    </row>
    <row r="1487" spans="1:53">
      <c r="A1487" s="52" t="s">
        <v>777</v>
      </c>
    </row>
    <row r="1488" spans="1:53">
      <c r="A1488" s="52" t="s">
        <v>649</v>
      </c>
      <c r="B1488" s="53">
        <v>8737545</v>
      </c>
      <c r="C1488" s="53">
        <v>8737545</v>
      </c>
      <c r="D1488" s="53">
        <v>8737545</v>
      </c>
      <c r="E1488" s="53">
        <v>8737545</v>
      </c>
      <c r="F1488" s="53">
        <v>8737545</v>
      </c>
      <c r="G1488" s="53">
        <v>8737545</v>
      </c>
      <c r="H1488" s="53">
        <v>8737545</v>
      </c>
      <c r="I1488" s="53">
        <v>8737545</v>
      </c>
      <c r="J1488" s="53">
        <v>8737545</v>
      </c>
      <c r="K1488" s="53">
        <v>8737545</v>
      </c>
      <c r="L1488" s="53">
        <v>8737545</v>
      </c>
      <c r="M1488" s="53">
        <v>8737545</v>
      </c>
      <c r="N1488" s="53">
        <v>104850540</v>
      </c>
      <c r="O1488" s="53">
        <v>9294235</v>
      </c>
      <c r="P1488" s="53">
        <v>9294235</v>
      </c>
      <c r="Q1488" s="53">
        <v>9294235</v>
      </c>
      <c r="R1488" s="53">
        <v>9294235</v>
      </c>
      <c r="S1488" s="53">
        <v>9294235</v>
      </c>
      <c r="T1488" s="53">
        <v>9294235</v>
      </c>
      <c r="U1488" s="53">
        <v>9294235</v>
      </c>
      <c r="V1488" s="53">
        <v>9294235</v>
      </c>
      <c r="W1488" s="53">
        <v>9294235</v>
      </c>
      <c r="X1488" s="53">
        <v>9294235</v>
      </c>
      <c r="Y1488" s="53">
        <v>9294235</v>
      </c>
      <c r="Z1488" s="53">
        <v>9294235</v>
      </c>
      <c r="AA1488" s="53">
        <v>111530820</v>
      </c>
    </row>
    <row r="1489" spans="1:53">
      <c r="A1489" s="52" t="s">
        <v>778</v>
      </c>
    </row>
    <row r="1490" spans="1:53">
      <c r="A1490" s="52" t="s">
        <v>779</v>
      </c>
    </row>
    <row r="1491" spans="1:53">
      <c r="A1491" s="52" t="s">
        <v>780</v>
      </c>
      <c r="B1491" s="53">
        <v>2285690.6476466898</v>
      </c>
      <c r="C1491" s="53">
        <v>2136794.8514576</v>
      </c>
      <c r="D1491" s="53">
        <v>2402632.5705105499</v>
      </c>
      <c r="E1491" s="53">
        <v>2560736.7379778102</v>
      </c>
      <c r="F1491" s="53">
        <v>2939657.83174376</v>
      </c>
      <c r="G1491" s="53">
        <v>3026046.5468990798</v>
      </c>
      <c r="H1491" s="53">
        <v>3174760.4687707401</v>
      </c>
      <c r="I1491" s="53">
        <v>3182290.4998522298</v>
      </c>
      <c r="J1491" s="53">
        <v>3001490.0313199102</v>
      </c>
      <c r="K1491" s="53">
        <v>2797927.9468483399</v>
      </c>
      <c r="L1491" s="53">
        <v>2367548.5062927599</v>
      </c>
      <c r="M1491" s="53">
        <v>2333701.6129148798</v>
      </c>
      <c r="N1491" s="53">
        <v>32209278.252234399</v>
      </c>
      <c r="O1491" s="53">
        <v>2113254.2953535202</v>
      </c>
      <c r="P1491" s="53">
        <v>2030992.53310706</v>
      </c>
      <c r="Q1491" s="53">
        <v>2223677.0407723002</v>
      </c>
      <c r="R1491" s="53">
        <v>2372653.7462988799</v>
      </c>
      <c r="S1491" s="53">
        <v>2728695.6409489899</v>
      </c>
      <c r="T1491" s="53">
        <v>2807609.03054599</v>
      </c>
      <c r="U1491" s="53">
        <v>2946718.4409958902</v>
      </c>
      <c r="V1491" s="53">
        <v>2954024.6826076698</v>
      </c>
      <c r="W1491" s="53">
        <v>2784345.7188323801</v>
      </c>
      <c r="X1491" s="53">
        <v>2595246.7240472301</v>
      </c>
      <c r="Y1491" s="53">
        <v>2191949.9555814001</v>
      </c>
      <c r="Z1491" s="53">
        <v>2160203.2333973302</v>
      </c>
      <c r="AA1491" s="53">
        <v>29909371.042488601</v>
      </c>
      <c r="AB1491" s="53">
        <v>2030803.7172088199</v>
      </c>
      <c r="AC1491" s="53">
        <v>1896737.6008444501</v>
      </c>
      <c r="AD1491" s="53">
        <v>2139458.8586862502</v>
      </c>
      <c r="AE1491" s="53">
        <v>2284925.3057603198</v>
      </c>
      <c r="AF1491" s="53">
        <v>2632025.25170882</v>
      </c>
      <c r="AG1491" s="53">
        <v>2708062.37885874</v>
      </c>
      <c r="AH1491" s="53">
        <v>2843369.9007908902</v>
      </c>
      <c r="AI1491" s="53">
        <v>2850548.6155492398</v>
      </c>
      <c r="AJ1491" s="53">
        <v>2685393.9675222901</v>
      </c>
      <c r="AK1491" s="53">
        <v>2502937.0734457099</v>
      </c>
      <c r="AL1491" s="53">
        <v>2111107.7135727899</v>
      </c>
      <c r="AM1491" s="53">
        <v>2080390.2654063599</v>
      </c>
      <c r="AN1491" s="53">
        <v>28765760.6493547</v>
      </c>
      <c r="AO1491" s="53">
        <v>2017407.1137282599</v>
      </c>
      <c r="AP1491" s="53">
        <v>1882656.28625006</v>
      </c>
      <c r="AQ1491" s="53">
        <v>2127440.2273989399</v>
      </c>
      <c r="AR1491" s="53">
        <v>2273209.6561488099</v>
      </c>
      <c r="AS1491" s="53">
        <v>2621750.0296287001</v>
      </c>
      <c r="AT1491" s="53">
        <v>2698118.58694052</v>
      </c>
      <c r="AU1491" s="53">
        <v>2834157.3366632801</v>
      </c>
      <c r="AV1491" s="53">
        <v>2841097.0845466899</v>
      </c>
      <c r="AW1491" s="53">
        <v>2674733.1426196899</v>
      </c>
      <c r="AX1491" s="53">
        <v>2491586.4625668102</v>
      </c>
      <c r="AY1491" s="53">
        <v>2098143.90443213</v>
      </c>
      <c r="AZ1491" s="53">
        <v>2067167.03413156</v>
      </c>
      <c r="BA1491" s="53">
        <v>28627466.865055501</v>
      </c>
    </row>
    <row r="1492" spans="1:53">
      <c r="A1492" s="52" t="s">
        <v>781</v>
      </c>
      <c r="B1492" s="53">
        <v>648482.54738722101</v>
      </c>
      <c r="C1492" s="53">
        <v>666639.22480683005</v>
      </c>
      <c r="D1492" s="53">
        <v>697142.28967566998</v>
      </c>
      <c r="E1492" s="53">
        <v>699690.62468256499</v>
      </c>
      <c r="F1492" s="53">
        <v>739223.03659733199</v>
      </c>
      <c r="G1492" s="53">
        <v>726915.36197249801</v>
      </c>
      <c r="H1492" s="53">
        <v>721747.34241705295</v>
      </c>
      <c r="I1492" s="53">
        <v>746539.49752003304</v>
      </c>
      <c r="J1492" s="53">
        <v>731531.14179320296</v>
      </c>
      <c r="K1492" s="53">
        <v>716543.61551826401</v>
      </c>
      <c r="L1492" s="53">
        <v>719898.27980019897</v>
      </c>
      <c r="M1492" s="53">
        <v>679310.34937855904</v>
      </c>
      <c r="N1492" s="53">
        <v>8493663.3115494307</v>
      </c>
      <c r="O1492" s="53">
        <v>592646.84597753896</v>
      </c>
      <c r="P1492" s="53">
        <v>619457.22194830398</v>
      </c>
      <c r="Q1492" s="53">
        <v>635996.01762216899</v>
      </c>
      <c r="R1492" s="53">
        <v>639069.72541044699</v>
      </c>
      <c r="S1492" s="53">
        <v>676671.11406397703</v>
      </c>
      <c r="T1492" s="53">
        <v>663115.93569296401</v>
      </c>
      <c r="U1492" s="53">
        <v>658449.73996596702</v>
      </c>
      <c r="V1492" s="53">
        <v>681874.32156837196</v>
      </c>
      <c r="W1492" s="53">
        <v>668767.73678469704</v>
      </c>
      <c r="X1492" s="53">
        <v>655346.12576611096</v>
      </c>
      <c r="Y1492" s="53">
        <v>659312.98432334897</v>
      </c>
      <c r="Z1492" s="53">
        <v>621041.35552764905</v>
      </c>
      <c r="AA1492" s="53">
        <v>7771749.1246515503</v>
      </c>
      <c r="AB1492" s="53">
        <v>566620.97386566701</v>
      </c>
      <c r="AC1492" s="53">
        <v>583062.40322259499</v>
      </c>
      <c r="AD1492" s="53">
        <v>607476.09847999702</v>
      </c>
      <c r="AE1492" s="53">
        <v>610739.356604937</v>
      </c>
      <c r="AF1492" s="53">
        <v>647527.49256368401</v>
      </c>
      <c r="AG1492" s="53">
        <v>633381.772961259</v>
      </c>
      <c r="AH1492" s="53">
        <v>628957.61965140002</v>
      </c>
      <c r="AI1492" s="53">
        <v>651722.06206733198</v>
      </c>
      <c r="AJ1492" s="53">
        <v>639373.25502223906</v>
      </c>
      <c r="AK1492" s="53">
        <v>626535.12981134094</v>
      </c>
      <c r="AL1492" s="53">
        <v>630833.10404561099</v>
      </c>
      <c r="AM1492" s="53">
        <v>593582.37301228102</v>
      </c>
      <c r="AN1492" s="53">
        <v>7419811.6413083496</v>
      </c>
      <c r="AO1492" s="53">
        <v>562641.641416342</v>
      </c>
      <c r="AP1492" s="53">
        <v>578971.76025537401</v>
      </c>
      <c r="AQ1492" s="53">
        <v>603152.65691351995</v>
      </c>
      <c r="AR1492" s="53">
        <v>606449.869487694</v>
      </c>
      <c r="AS1492" s="53">
        <v>643166.10339122894</v>
      </c>
      <c r="AT1492" s="53">
        <v>629015.07800316694</v>
      </c>
      <c r="AU1492" s="53">
        <v>624689.15059426497</v>
      </c>
      <c r="AV1492" s="53">
        <v>647418.013800691</v>
      </c>
      <c r="AW1492" s="53">
        <v>635207.07216570503</v>
      </c>
      <c r="AX1492" s="53">
        <v>622493.23598986503</v>
      </c>
      <c r="AY1492" s="53">
        <v>626868.96398548898</v>
      </c>
      <c r="AZ1492" s="53">
        <v>589831.24967923504</v>
      </c>
      <c r="BA1492" s="53">
        <v>7369904.7956825802</v>
      </c>
    </row>
    <row r="1493" spans="1:53">
      <c r="A1493" s="52" t="s">
        <v>782</v>
      </c>
      <c r="B1493" s="53">
        <v>4095.7014698265498</v>
      </c>
      <c r="C1493" s="53">
        <v>4095.0181872763701</v>
      </c>
      <c r="D1493" s="53">
        <v>4094.7507552624002</v>
      </c>
      <c r="E1493" s="53">
        <v>4113.8255336858601</v>
      </c>
      <c r="F1493" s="53">
        <v>4107.1607458745502</v>
      </c>
      <c r="G1493" s="53">
        <v>4104.1224019742504</v>
      </c>
      <c r="H1493" s="53">
        <v>4100.6883416317496</v>
      </c>
      <c r="I1493" s="53">
        <v>4101.4101214617704</v>
      </c>
      <c r="J1493" s="53">
        <v>4099.8014419536103</v>
      </c>
      <c r="K1493" s="53">
        <v>4103.0152427890398</v>
      </c>
      <c r="L1493" s="53">
        <v>4101.4018432754901</v>
      </c>
      <c r="M1493" s="53">
        <v>4100.8045993289697</v>
      </c>
      <c r="N1493" s="53">
        <v>49217.700684340598</v>
      </c>
      <c r="O1493" s="53">
        <v>3693.1689808604401</v>
      </c>
      <c r="P1493" s="53">
        <v>3692.69096161992</v>
      </c>
      <c r="Q1493" s="53">
        <v>3692.6268980554</v>
      </c>
      <c r="R1493" s="53">
        <v>3711.8334534421201</v>
      </c>
      <c r="S1493" s="53">
        <v>3705.3944240472401</v>
      </c>
      <c r="T1493" s="53">
        <v>3702.5676727640798</v>
      </c>
      <c r="U1493" s="53">
        <v>3699.3457533235901</v>
      </c>
      <c r="V1493" s="53">
        <v>3700.2637296017501</v>
      </c>
      <c r="W1493" s="53">
        <v>3698.8588314804001</v>
      </c>
      <c r="X1493" s="53">
        <v>3702.2582317084202</v>
      </c>
      <c r="Y1493" s="53">
        <v>3700.8469472787001</v>
      </c>
      <c r="Z1493" s="53">
        <v>3700.4473298482799</v>
      </c>
      <c r="AA1493" s="53">
        <v>44400.303214030297</v>
      </c>
      <c r="AB1493" s="53">
        <v>3515.33784818407</v>
      </c>
      <c r="AC1493" s="53">
        <v>3514.9706205297398</v>
      </c>
      <c r="AD1493" s="53">
        <v>3515.0156927316102</v>
      </c>
      <c r="AE1493" s="53">
        <v>3534.2785380417599</v>
      </c>
      <c r="AF1493" s="53">
        <v>3527.9651063108499</v>
      </c>
      <c r="AG1493" s="53">
        <v>3525.2535673132702</v>
      </c>
      <c r="AH1493" s="53">
        <v>3522.14734771146</v>
      </c>
      <c r="AI1493" s="53">
        <v>3523.1694177990398</v>
      </c>
      <c r="AJ1493" s="53">
        <v>3521.8743071946101</v>
      </c>
      <c r="AK1493" s="53">
        <v>3525.37029470178</v>
      </c>
      <c r="AL1493" s="53">
        <v>3524.0678377653298</v>
      </c>
      <c r="AM1493" s="53">
        <v>3523.7738905513702</v>
      </c>
      <c r="AN1493" s="53">
        <v>42273.224468834902</v>
      </c>
      <c r="AO1493" s="53">
        <v>3485.1217583113398</v>
      </c>
      <c r="AP1493" s="53">
        <v>3484.8063231875299</v>
      </c>
      <c r="AQ1493" s="53">
        <v>3484.9020638687698</v>
      </c>
      <c r="AR1493" s="53">
        <v>3504.1771386104801</v>
      </c>
      <c r="AS1493" s="53">
        <v>3497.9265794412099</v>
      </c>
      <c r="AT1493" s="53">
        <v>3495.2704129418298</v>
      </c>
      <c r="AU1493" s="53">
        <v>3492.2199888259101</v>
      </c>
      <c r="AV1493" s="53">
        <v>3493.2895026608198</v>
      </c>
      <c r="AW1493" s="53">
        <v>3492.0460458065299</v>
      </c>
      <c r="AX1493" s="53">
        <v>3495.5842110706399</v>
      </c>
      <c r="AY1493" s="53">
        <v>3494.3328711737199</v>
      </c>
      <c r="AZ1493" s="53">
        <v>3494.0878341601501</v>
      </c>
      <c r="BA1493" s="53">
        <v>41913.764730058901</v>
      </c>
    </row>
    <row r="1494" spans="1:53">
      <c r="A1494" s="52" t="s">
        <v>783</v>
      </c>
      <c r="B1494" s="53">
        <v>630059.69774724694</v>
      </c>
      <c r="C1494" s="53">
        <v>637868.08990838798</v>
      </c>
      <c r="D1494" s="53">
        <v>656708.063713043</v>
      </c>
      <c r="E1494" s="53">
        <v>697915.57612103398</v>
      </c>
      <c r="F1494" s="53">
        <v>774446.231732024</v>
      </c>
      <c r="G1494" s="53">
        <v>780699.37868572702</v>
      </c>
      <c r="H1494" s="53">
        <v>786139.56847399997</v>
      </c>
      <c r="I1494" s="53">
        <v>704518.31607073103</v>
      </c>
      <c r="J1494" s="53">
        <v>803855.16470456799</v>
      </c>
      <c r="K1494" s="53">
        <v>743898.78818742104</v>
      </c>
      <c r="L1494" s="53">
        <v>663072.743333783</v>
      </c>
      <c r="M1494" s="53">
        <v>644397.23382536997</v>
      </c>
      <c r="N1494" s="53">
        <v>8523578.8525033407</v>
      </c>
      <c r="O1494" s="53">
        <v>580192.771903391</v>
      </c>
      <c r="P1494" s="53">
        <v>589462.48427109804</v>
      </c>
      <c r="Q1494" s="53">
        <v>606120.23864370002</v>
      </c>
      <c r="R1494" s="53">
        <v>644027.50229106296</v>
      </c>
      <c r="S1494" s="53">
        <v>714888.511017596</v>
      </c>
      <c r="T1494" s="53">
        <v>720100.59454334294</v>
      </c>
      <c r="U1494" s="53">
        <v>724687.24507315096</v>
      </c>
      <c r="V1494" s="53">
        <v>649226.91309533501</v>
      </c>
      <c r="W1494" s="53">
        <v>741324.702009756</v>
      </c>
      <c r="X1494" s="53">
        <v>686376.10154323804</v>
      </c>
      <c r="Y1494" s="53">
        <v>612028.702522679</v>
      </c>
      <c r="Z1494" s="53">
        <v>594256.25500533998</v>
      </c>
      <c r="AA1494" s="53">
        <v>7862692.0219196901</v>
      </c>
      <c r="AB1494" s="53">
        <v>558825.75762546202</v>
      </c>
      <c r="AC1494" s="53">
        <v>567757.95266495598</v>
      </c>
      <c r="AD1494" s="53">
        <v>584642.604339774</v>
      </c>
      <c r="AE1494" s="53">
        <v>621141.40691842197</v>
      </c>
      <c r="AF1494" s="53">
        <v>689499.70827701304</v>
      </c>
      <c r="AG1494" s="53">
        <v>694173.17749021505</v>
      </c>
      <c r="AH1494" s="53">
        <v>698318.32858014002</v>
      </c>
      <c r="AI1494" s="53">
        <v>625392.19874952803</v>
      </c>
      <c r="AJ1494" s="53">
        <v>714494.13600347599</v>
      </c>
      <c r="AK1494" s="53">
        <v>661816.63997957099</v>
      </c>
      <c r="AL1494" s="53">
        <v>590293.49298948306</v>
      </c>
      <c r="AM1494" s="53">
        <v>572724.98717898305</v>
      </c>
      <c r="AN1494" s="53">
        <v>7579080.3907970199</v>
      </c>
      <c r="AO1494" s="53">
        <v>557658.64991032996</v>
      </c>
      <c r="AP1494" s="53">
        <v>566816.10274162097</v>
      </c>
      <c r="AQ1494" s="53">
        <v>583761.41766398097</v>
      </c>
      <c r="AR1494" s="53">
        <v>620076.89891705697</v>
      </c>
      <c r="AS1494" s="53">
        <v>688060.87502084102</v>
      </c>
      <c r="AT1494" s="53">
        <v>692581.67272685806</v>
      </c>
      <c r="AU1494" s="53">
        <v>696606.52426362503</v>
      </c>
      <c r="AV1494" s="53">
        <v>623897.77011720103</v>
      </c>
      <c r="AW1494" s="53">
        <v>712676.79766976996</v>
      </c>
      <c r="AX1494" s="53">
        <v>660325.67561001296</v>
      </c>
      <c r="AY1494" s="53">
        <v>589133.25147597201</v>
      </c>
      <c r="AZ1494" s="53">
        <v>571381.23520571704</v>
      </c>
      <c r="BA1494" s="53">
        <v>7562976.8713229904</v>
      </c>
    </row>
    <row r="1495" spans="1:53">
      <c r="A1495" s="52" t="s">
        <v>784</v>
      </c>
      <c r="B1495" s="53">
        <v>5841877.4496536404</v>
      </c>
      <c r="C1495" s="53">
        <v>4868124.3353942102</v>
      </c>
      <c r="D1495" s="53">
        <v>5008113.3006058503</v>
      </c>
      <c r="E1495" s="53">
        <v>5162057.2194560096</v>
      </c>
      <c r="F1495" s="53">
        <v>6678322.33748003</v>
      </c>
      <c r="G1495" s="53">
        <v>7675039.63912897</v>
      </c>
      <c r="H1495" s="53">
        <v>8304659.62274413</v>
      </c>
      <c r="I1495" s="53">
        <v>8308549.7262371397</v>
      </c>
      <c r="J1495" s="53">
        <v>7573095.6111921603</v>
      </c>
      <c r="K1495" s="53">
        <v>6218883.4623533096</v>
      </c>
      <c r="L1495" s="53">
        <v>4919736.6147062303</v>
      </c>
      <c r="M1495" s="53">
        <v>5542075.2246035198</v>
      </c>
      <c r="N1495" s="53">
        <v>76100534.5435552</v>
      </c>
      <c r="O1495" s="53">
        <v>5528250.6784738395</v>
      </c>
      <c r="P1495" s="53">
        <v>4721337.4078474902</v>
      </c>
      <c r="Q1495" s="53">
        <v>4725844.9002998201</v>
      </c>
      <c r="R1495" s="53">
        <v>4872584.3831725102</v>
      </c>
      <c r="S1495" s="53">
        <v>6311848.7851234898</v>
      </c>
      <c r="T1495" s="53">
        <v>7268683.7867414299</v>
      </c>
      <c r="U1495" s="53">
        <v>7870158.6537617296</v>
      </c>
      <c r="V1495" s="53">
        <v>7875488.3154906901</v>
      </c>
      <c r="W1495" s="53">
        <v>7182066.6989829903</v>
      </c>
      <c r="X1495" s="53">
        <v>5897126.22615733</v>
      </c>
      <c r="Y1495" s="53">
        <v>4666615.1057662396</v>
      </c>
      <c r="Z1495" s="53">
        <v>5252364.2622378198</v>
      </c>
      <c r="AA1495" s="53">
        <v>72172369.204055399</v>
      </c>
      <c r="AB1495" s="53">
        <v>5409149.6813607896</v>
      </c>
      <c r="AC1495" s="53">
        <v>4506461.1849713596</v>
      </c>
      <c r="AD1495" s="53">
        <v>4619098.2599148201</v>
      </c>
      <c r="AE1495" s="53">
        <v>4765331.2214495903</v>
      </c>
      <c r="AF1495" s="53">
        <v>6175964.5228479402</v>
      </c>
      <c r="AG1495" s="53">
        <v>7121370.0296551399</v>
      </c>
      <c r="AH1495" s="53">
        <v>7715445.9914642796</v>
      </c>
      <c r="AI1495" s="53">
        <v>7724711.7754644202</v>
      </c>
      <c r="AJ1495" s="53">
        <v>7050424.7552795298</v>
      </c>
      <c r="AK1495" s="53">
        <v>5795215.5925277499</v>
      </c>
      <c r="AL1495" s="53">
        <v>4591060.2124278499</v>
      </c>
      <c r="AM1495" s="53">
        <v>5160584.7914366098</v>
      </c>
      <c r="AN1495" s="53">
        <v>70634818.018800095</v>
      </c>
      <c r="AO1495" s="53">
        <v>5448899.4835997801</v>
      </c>
      <c r="AP1495" s="53">
        <v>4541788.4140991196</v>
      </c>
      <c r="AQ1495" s="53">
        <v>4656819.4433621597</v>
      </c>
      <c r="AR1495" s="53">
        <v>4806012.9481752999</v>
      </c>
      <c r="AS1495" s="53">
        <v>6226347.7040867703</v>
      </c>
      <c r="AT1495" s="53">
        <v>7179509.4991503097</v>
      </c>
      <c r="AU1495" s="53">
        <v>7778427.1793798497</v>
      </c>
      <c r="AV1495" s="53">
        <v>7787440.5443530604</v>
      </c>
      <c r="AW1495" s="53">
        <v>7108967.8317441102</v>
      </c>
      <c r="AX1495" s="53">
        <v>5847114.0316568296</v>
      </c>
      <c r="AY1495" s="53">
        <v>4634362.0522354599</v>
      </c>
      <c r="AZ1495" s="53">
        <v>5203542.0436783899</v>
      </c>
      <c r="BA1495" s="53">
        <v>71219231.175521106</v>
      </c>
    </row>
    <row r="1496" spans="1:53">
      <c r="A1496" s="52" t="s">
        <v>785</v>
      </c>
    </row>
    <row r="1497" spans="1:53">
      <c r="A1497" s="52" t="s">
        <v>780</v>
      </c>
      <c r="B1497" s="53">
        <v>2804999.5627920101</v>
      </c>
      <c r="C1497" s="53">
        <v>2622274.6417087698</v>
      </c>
      <c r="D1497" s="53">
        <v>2948510.6905305502</v>
      </c>
      <c r="E1497" s="53">
        <v>3142536.12484637</v>
      </c>
      <c r="F1497" s="53">
        <v>3607548.0911159399</v>
      </c>
      <c r="G1497" s="53">
        <v>3713564.32235455</v>
      </c>
      <c r="H1497" s="53">
        <v>3896066.0472754599</v>
      </c>
      <c r="I1497" s="53">
        <v>3905306.9014186501</v>
      </c>
      <c r="J1497" s="53">
        <v>3683428.5664357902</v>
      </c>
      <c r="K1497" s="53">
        <v>3433617.1763722799</v>
      </c>
      <c r="L1497" s="53">
        <v>2905455.52692247</v>
      </c>
      <c r="M1497" s="53">
        <v>2863918.6193691399</v>
      </c>
      <c r="N1497" s="53">
        <v>39527226.271141998</v>
      </c>
      <c r="O1497" s="53">
        <v>2593385.67125784</v>
      </c>
      <c r="P1497" s="53">
        <v>2492434.03662899</v>
      </c>
      <c r="Q1497" s="53">
        <v>2728896.4644357599</v>
      </c>
      <c r="R1497" s="53">
        <v>2911720.6774579799</v>
      </c>
      <c r="S1497" s="53">
        <v>3348655.2905726</v>
      </c>
      <c r="T1497" s="53">
        <v>3445497.80228604</v>
      </c>
      <c r="U1497" s="53">
        <v>3616212.8707901598</v>
      </c>
      <c r="V1497" s="53">
        <v>3625179.0904961298</v>
      </c>
      <c r="W1497" s="53">
        <v>3416949.06615109</v>
      </c>
      <c r="X1497" s="53">
        <v>3184886.77975077</v>
      </c>
      <c r="Y1497" s="53">
        <v>2689960.9854895002</v>
      </c>
      <c r="Z1497" s="53">
        <v>2651001.4080252</v>
      </c>
      <c r="AA1497" s="53">
        <v>36704780.1433421</v>
      </c>
      <c r="AB1497" s="53">
        <v>2492202.32175866</v>
      </c>
      <c r="AC1497" s="53">
        <v>2327676.3837563102</v>
      </c>
      <c r="AD1497" s="53">
        <v>2625543.9113797699</v>
      </c>
      <c r="AE1497" s="53">
        <v>2804060.3352290699</v>
      </c>
      <c r="AF1497" s="53">
        <v>3230021.3888970702</v>
      </c>
      <c r="AG1497" s="53">
        <v>3323334.1513354499</v>
      </c>
      <c r="AH1497" s="53">
        <v>3489383.5422505802</v>
      </c>
      <c r="AI1497" s="53">
        <v>3498193.2610020302</v>
      </c>
      <c r="AJ1497" s="53">
        <v>3295515.4769433499</v>
      </c>
      <c r="AK1497" s="53">
        <v>3071604.3765325798</v>
      </c>
      <c r="AL1497" s="53">
        <v>2590751.3860965199</v>
      </c>
      <c r="AM1497" s="53">
        <v>2553054.9337066901</v>
      </c>
      <c r="AN1497" s="53">
        <v>35301341.468888097</v>
      </c>
      <c r="AO1497" s="53">
        <v>2475762.0099673299</v>
      </c>
      <c r="AP1497" s="53">
        <v>2310395.7944860798</v>
      </c>
      <c r="AQ1497" s="53">
        <v>2610794.6470639799</v>
      </c>
      <c r="AR1497" s="53">
        <v>2789682.8900258299</v>
      </c>
      <c r="AS1497" s="53">
        <v>3217411.6363603398</v>
      </c>
      <c r="AT1497" s="53">
        <v>3311131.1298933998</v>
      </c>
      <c r="AU1497" s="53">
        <v>3478077.8835531701</v>
      </c>
      <c r="AV1497" s="53">
        <v>3486594.3421557001</v>
      </c>
      <c r="AW1497" s="53">
        <v>3282432.5126228798</v>
      </c>
      <c r="AX1497" s="53">
        <v>3057674.9068619902</v>
      </c>
      <c r="AY1497" s="53">
        <v>2574842.1995191202</v>
      </c>
      <c r="AZ1497" s="53">
        <v>2536827.3842862602</v>
      </c>
      <c r="BA1497" s="53">
        <v>35131627.336796097</v>
      </c>
    </row>
    <row r="1498" spans="1:53">
      <c r="A1498" s="52" t="s">
        <v>781</v>
      </c>
      <c r="B1498" s="53">
        <v>573777.35792821296</v>
      </c>
      <c r="C1498" s="53">
        <v>589842.38610908296</v>
      </c>
      <c r="D1498" s="53">
        <v>616831.49790503294</v>
      </c>
      <c r="E1498" s="53">
        <v>619086.26471913396</v>
      </c>
      <c r="F1498" s="53">
        <v>654064.542781319</v>
      </c>
      <c r="G1498" s="53">
        <v>643174.71227326605</v>
      </c>
      <c r="H1498" s="53">
        <v>638602.04857060802</v>
      </c>
      <c r="I1498" s="53">
        <v>660538.14740572497</v>
      </c>
      <c r="J1498" s="53">
        <v>647258.75425862602</v>
      </c>
      <c r="K1498" s="53">
        <v>633997.79101056</v>
      </c>
      <c r="L1498" s="53">
        <v>636965.99796721595</v>
      </c>
      <c r="M1498" s="53">
        <v>601053.79713014897</v>
      </c>
      <c r="N1498" s="53">
        <v>7515193.2980589299</v>
      </c>
      <c r="O1498" s="53">
        <v>524373.92932092596</v>
      </c>
      <c r="P1498" s="53">
        <v>548095.74997985899</v>
      </c>
      <c r="Q1498" s="53">
        <v>562729.27639209502</v>
      </c>
      <c r="R1498" s="53">
        <v>565448.89304316405</v>
      </c>
      <c r="S1498" s="53">
        <v>598718.60172380705</v>
      </c>
      <c r="T1498" s="53">
        <v>586724.97990113497</v>
      </c>
      <c r="U1498" s="53">
        <v>582596.32992188702</v>
      </c>
      <c r="V1498" s="53">
        <v>603322.39972369606</v>
      </c>
      <c r="W1498" s="53">
        <v>591725.69350709894</v>
      </c>
      <c r="X1498" s="53">
        <v>579850.25207785401</v>
      </c>
      <c r="Y1498" s="53">
        <v>583360.12852929905</v>
      </c>
      <c r="Z1498" s="53">
        <v>549497.391370864</v>
      </c>
      <c r="AA1498" s="53">
        <v>6876443.6254916899</v>
      </c>
      <c r="AB1498" s="53">
        <v>501346.23767634202</v>
      </c>
      <c r="AC1498" s="53">
        <v>515893.61437135201</v>
      </c>
      <c r="AD1498" s="53">
        <v>537494.85193510202</v>
      </c>
      <c r="AE1498" s="53">
        <v>540382.18272404897</v>
      </c>
      <c r="AF1498" s="53">
        <v>572932.32542034797</v>
      </c>
      <c r="AG1498" s="53">
        <v>560416.19271612202</v>
      </c>
      <c r="AH1498" s="53">
        <v>556501.70186755795</v>
      </c>
      <c r="AI1498" s="53">
        <v>576643.68051717605</v>
      </c>
      <c r="AJ1498" s="53">
        <v>565717.45604367706</v>
      </c>
      <c r="AK1498" s="53">
        <v>554358.28285707498</v>
      </c>
      <c r="AL1498" s="53">
        <v>558161.13045955601</v>
      </c>
      <c r="AM1498" s="53">
        <v>525201.68364126701</v>
      </c>
      <c r="AN1498" s="53">
        <v>6565049.3402296202</v>
      </c>
      <c r="AO1498" s="53">
        <v>497825.32432517997</v>
      </c>
      <c r="AP1498" s="53">
        <v>512274.21347395499</v>
      </c>
      <c r="AQ1498" s="53">
        <v>533669.47083708295</v>
      </c>
      <c r="AR1498" s="53">
        <v>536586.84452271205</v>
      </c>
      <c r="AS1498" s="53">
        <v>569073.36828056001</v>
      </c>
      <c r="AT1498" s="53">
        <v>556552.54101720196</v>
      </c>
      <c r="AU1498" s="53">
        <v>552724.96044580603</v>
      </c>
      <c r="AV1498" s="53">
        <v>572835.45861085202</v>
      </c>
      <c r="AW1498" s="53">
        <v>562031.21745221596</v>
      </c>
      <c r="AX1498" s="53">
        <v>550782.01520383195</v>
      </c>
      <c r="AY1498" s="53">
        <v>554653.65933436004</v>
      </c>
      <c r="AZ1498" s="53">
        <v>521882.68971618701</v>
      </c>
      <c r="BA1498" s="53">
        <v>6520891.7632199498</v>
      </c>
    </row>
    <row r="1499" spans="1:53">
      <c r="A1499" s="52" t="s">
        <v>782</v>
      </c>
      <c r="B1499" s="53">
        <v>3785.5749545312801</v>
      </c>
      <c r="C1499" s="53">
        <v>3784.9434101358102</v>
      </c>
      <c r="D1499" s="53">
        <v>3784.6962280739299</v>
      </c>
      <c r="E1499" s="53">
        <v>3802.3266642751701</v>
      </c>
      <c r="F1499" s="53">
        <v>3796.1665341969301</v>
      </c>
      <c r="G1499" s="53">
        <v>3793.3582536967601</v>
      </c>
      <c r="H1499" s="53">
        <v>3790.1842204034001</v>
      </c>
      <c r="I1499" s="53">
        <v>3790.8513470646899</v>
      </c>
      <c r="J1499" s="53">
        <v>3789.3644767688802</v>
      </c>
      <c r="K1499" s="53">
        <v>3792.3349286050502</v>
      </c>
      <c r="L1499" s="53">
        <v>3790.8436957026602</v>
      </c>
      <c r="M1499" s="53">
        <v>3790.29167506778</v>
      </c>
      <c r="N1499" s="53">
        <v>45490.936388522401</v>
      </c>
      <c r="O1499" s="53">
        <v>3413.5222256296902</v>
      </c>
      <c r="P1499" s="53">
        <v>3413.08040200606</v>
      </c>
      <c r="Q1499" s="53">
        <v>3413.02118933464</v>
      </c>
      <c r="R1499" s="53">
        <v>3430.7734243474802</v>
      </c>
      <c r="S1499" s="53">
        <v>3424.8219582583802</v>
      </c>
      <c r="T1499" s="53">
        <v>3422.20924858239</v>
      </c>
      <c r="U1499" s="53">
        <v>3419.2312928819301</v>
      </c>
      <c r="V1499" s="53">
        <v>3420.0797599962998</v>
      </c>
      <c r="W1499" s="53">
        <v>3418.7812407607098</v>
      </c>
      <c r="X1499" s="53">
        <v>3421.9232384034599</v>
      </c>
      <c r="Y1499" s="53">
        <v>3420.61881643076</v>
      </c>
      <c r="Z1499" s="53">
        <v>3420.24945803216</v>
      </c>
      <c r="AA1499" s="53">
        <v>41038.312254664001</v>
      </c>
      <c r="AB1499" s="53">
        <v>3249.15646631957</v>
      </c>
      <c r="AC1499" s="53">
        <v>3248.8170451432302</v>
      </c>
      <c r="AD1499" s="53">
        <v>3248.8587044779702</v>
      </c>
      <c r="AE1499" s="53">
        <v>3266.6629671412402</v>
      </c>
      <c r="AF1499" s="53">
        <v>3260.8275884609898</v>
      </c>
      <c r="AG1499" s="53">
        <v>3258.3213671963099</v>
      </c>
      <c r="AH1499" s="53">
        <v>3255.4503505427401</v>
      </c>
      <c r="AI1499" s="53">
        <v>3256.3950294832998</v>
      </c>
      <c r="AJ1499" s="53">
        <v>3255.1979846538302</v>
      </c>
      <c r="AK1499" s="53">
        <v>3258.42925598696</v>
      </c>
      <c r="AL1499" s="53">
        <v>3257.2254210897399</v>
      </c>
      <c r="AM1499" s="53">
        <v>3256.95373155882</v>
      </c>
      <c r="AN1499" s="53">
        <v>39072.295912054702</v>
      </c>
      <c r="AO1499" s="53">
        <v>3221.2283387719999</v>
      </c>
      <c r="AP1499" s="53">
        <v>3220.9367883957698</v>
      </c>
      <c r="AQ1499" s="53">
        <v>3221.0252795926299</v>
      </c>
      <c r="AR1499" s="53">
        <v>3238.8408456748998</v>
      </c>
      <c r="AS1499" s="53">
        <v>3233.0635788459199</v>
      </c>
      <c r="AT1499" s="53">
        <v>3230.6085372738698</v>
      </c>
      <c r="AU1499" s="53">
        <v>3227.78909127201</v>
      </c>
      <c r="AV1499" s="53">
        <v>3228.7776215193398</v>
      </c>
      <c r="AW1499" s="53">
        <v>3227.6283192180599</v>
      </c>
      <c r="AX1499" s="53">
        <v>3230.8985746083699</v>
      </c>
      <c r="AY1499" s="53">
        <v>3229.7419861684398</v>
      </c>
      <c r="AZ1499" s="53">
        <v>3229.5155033575402</v>
      </c>
      <c r="BA1499" s="53">
        <v>38740.0544646989</v>
      </c>
    </row>
    <row r="1500" spans="1:53">
      <c r="A1500" s="52" t="s">
        <v>783</v>
      </c>
      <c r="B1500" s="53">
        <v>830973.13416488899</v>
      </c>
      <c r="C1500" s="53">
        <v>841271.46641837503</v>
      </c>
      <c r="D1500" s="53">
        <v>866119.13106985798</v>
      </c>
      <c r="E1500" s="53">
        <v>920466.89503450901</v>
      </c>
      <c r="F1500" s="53">
        <v>1021401.64610673</v>
      </c>
      <c r="G1500" s="53">
        <v>1029648.79656103</v>
      </c>
      <c r="H1500" s="53">
        <v>1036823.75406898</v>
      </c>
      <c r="I1500" s="53">
        <v>929175.11669936602</v>
      </c>
      <c r="J1500" s="53">
        <v>1060188.4996255599</v>
      </c>
      <c r="K1500" s="53">
        <v>981113.23376462597</v>
      </c>
      <c r="L1500" s="53">
        <v>874513.37972805998</v>
      </c>
      <c r="M1500" s="53">
        <v>849882.62374760502</v>
      </c>
      <c r="N1500" s="53">
        <v>11241577.6769896</v>
      </c>
      <c r="O1500" s="53">
        <v>765204.64300794399</v>
      </c>
      <c r="P1500" s="53">
        <v>777430.281255465</v>
      </c>
      <c r="Q1500" s="53">
        <v>799399.86034240294</v>
      </c>
      <c r="R1500" s="53">
        <v>849394.99222163705</v>
      </c>
      <c r="S1500" s="53">
        <v>942852.15941088705</v>
      </c>
      <c r="T1500" s="53">
        <v>949726.27213132498</v>
      </c>
      <c r="U1500" s="53">
        <v>955775.513782077</v>
      </c>
      <c r="V1500" s="53">
        <v>856252.39114317601</v>
      </c>
      <c r="W1500" s="53">
        <v>977718.322986627</v>
      </c>
      <c r="X1500" s="53">
        <v>905247.71280334599</v>
      </c>
      <c r="Y1500" s="53">
        <v>807192.41518311005</v>
      </c>
      <c r="Z1500" s="53">
        <v>783752.68960144301</v>
      </c>
      <c r="AA1500" s="53">
        <v>10369947.253869399</v>
      </c>
      <c r="AB1500" s="53">
        <v>737024.11521706905</v>
      </c>
      <c r="AC1500" s="53">
        <v>748804.60861075704</v>
      </c>
      <c r="AD1500" s="53">
        <v>771073.43801164103</v>
      </c>
      <c r="AE1500" s="53">
        <v>819210.97875656805</v>
      </c>
      <c r="AF1500" s="53">
        <v>909367.37525238702</v>
      </c>
      <c r="AG1500" s="53">
        <v>915531.12032829504</v>
      </c>
      <c r="AH1500" s="53">
        <v>920998.07719777501</v>
      </c>
      <c r="AI1500" s="53">
        <v>824817.26308677695</v>
      </c>
      <c r="AJ1500" s="53">
        <v>942332.02609226503</v>
      </c>
      <c r="AK1500" s="53">
        <v>872856.73013625701</v>
      </c>
      <c r="AL1500" s="53">
        <v>778526.28203397</v>
      </c>
      <c r="AM1500" s="53">
        <v>755355.53109061695</v>
      </c>
      <c r="AN1500" s="53">
        <v>9995897.54581438</v>
      </c>
      <c r="AO1500" s="53">
        <v>735484.84019373695</v>
      </c>
      <c r="AP1500" s="53">
        <v>747562.42158386798</v>
      </c>
      <c r="AQ1500" s="53">
        <v>769911.25852867099</v>
      </c>
      <c r="AR1500" s="53">
        <v>817807.02044372796</v>
      </c>
      <c r="AS1500" s="53">
        <v>907469.72684748704</v>
      </c>
      <c r="AT1500" s="53">
        <v>913432.11652599799</v>
      </c>
      <c r="AU1500" s="53">
        <v>918740.41272081004</v>
      </c>
      <c r="AV1500" s="53">
        <v>822846.29105217406</v>
      </c>
      <c r="AW1500" s="53">
        <v>939935.174910706</v>
      </c>
      <c r="AX1500" s="53">
        <v>870890.32704853395</v>
      </c>
      <c r="AY1500" s="53">
        <v>776996.06270662998</v>
      </c>
      <c r="AZ1500" s="53">
        <v>753583.28348811599</v>
      </c>
      <c r="BA1500" s="53">
        <v>9974658.9360504597</v>
      </c>
    </row>
    <row r="1501" spans="1:53">
      <c r="A1501" s="52" t="s">
        <v>784</v>
      </c>
      <c r="B1501" s="53">
        <v>5587872.6181426998</v>
      </c>
      <c r="C1501" s="53">
        <v>4656458.2892912701</v>
      </c>
      <c r="D1501" s="53">
        <v>4790360.5342955096</v>
      </c>
      <c r="E1501" s="53">
        <v>4937610.9715540595</v>
      </c>
      <c r="F1501" s="53">
        <v>6387948.8822464002</v>
      </c>
      <c r="G1501" s="53">
        <v>7341328.9156196397</v>
      </c>
      <c r="H1501" s="53">
        <v>7943573.02234721</v>
      </c>
      <c r="I1501" s="53">
        <v>7947293.9841403496</v>
      </c>
      <c r="J1501" s="53">
        <v>7243817.4140175199</v>
      </c>
      <c r="K1501" s="53">
        <v>5948486.4094101898</v>
      </c>
      <c r="L1501" s="53">
        <v>4705826.4666988002</v>
      </c>
      <c r="M1501" s="53">
        <v>5301105.7938377596</v>
      </c>
      <c r="N1501" s="53">
        <v>72791683.301601395</v>
      </c>
      <c r="O1501" s="53">
        <v>5287882.3389737997</v>
      </c>
      <c r="P1501" s="53">
        <v>4516053.6573542804</v>
      </c>
      <c r="Q1501" s="53">
        <v>4520365.1640347801</v>
      </c>
      <c r="R1501" s="53">
        <v>4660724.4141921699</v>
      </c>
      <c r="S1501" s="53">
        <v>6037409.5999463201</v>
      </c>
      <c r="T1501" s="53">
        <v>6952641.4156939099</v>
      </c>
      <c r="U1501" s="53">
        <v>7527964.1554961698</v>
      </c>
      <c r="V1501" s="53">
        <v>7533062.0835331501</v>
      </c>
      <c r="W1501" s="53">
        <v>6869790.4389112098</v>
      </c>
      <c r="X1501" s="53">
        <v>5640719.1778440103</v>
      </c>
      <c r="Y1501" s="53">
        <v>4463710.68096752</v>
      </c>
      <c r="Z1501" s="53">
        <v>5023991.4641157202</v>
      </c>
      <c r="AA1501" s="53">
        <v>69034314.591063097</v>
      </c>
      <c r="AB1501" s="53">
        <v>5173959.8532152204</v>
      </c>
      <c r="AC1501" s="53">
        <v>4310520.2526488099</v>
      </c>
      <c r="AD1501" s="53">
        <v>4418259.8675737297</v>
      </c>
      <c r="AE1501" s="53">
        <v>4558134.6199409598</v>
      </c>
      <c r="AF1501" s="53">
        <v>5907433.5853945101</v>
      </c>
      <c r="AG1501" s="53">
        <v>6811732.86076573</v>
      </c>
      <c r="AH1501" s="53">
        <v>7379978.3997554099</v>
      </c>
      <c r="AI1501" s="53">
        <v>7388841.3074672297</v>
      </c>
      <c r="AJ1501" s="53">
        <v>6743872.2869199803</v>
      </c>
      <c r="AK1501" s="53">
        <v>5543239.6185646402</v>
      </c>
      <c r="AL1501" s="53">
        <v>4391440.9143914897</v>
      </c>
      <c r="AM1501" s="53">
        <v>4936202.56470495</v>
      </c>
      <c r="AN1501" s="53">
        <v>67563616.131342694</v>
      </c>
      <c r="AO1501" s="53">
        <v>5211981.3340528598</v>
      </c>
      <c r="AP1501" s="53">
        <v>4344311.4538540896</v>
      </c>
      <c r="AQ1501" s="53">
        <v>4454340.9339647703</v>
      </c>
      <c r="AR1501" s="53">
        <v>4597047.5051886402</v>
      </c>
      <c r="AS1501" s="53">
        <v>5955626.1059130803</v>
      </c>
      <c r="AT1501" s="53">
        <v>6867344.4261272503</v>
      </c>
      <c r="AU1501" s="53">
        <v>7440221.1656204099</v>
      </c>
      <c r="AV1501" s="53">
        <v>7448842.6294845799</v>
      </c>
      <c r="AW1501" s="53">
        <v>6799869.9104198702</v>
      </c>
      <c r="AX1501" s="53">
        <v>5592881.5135603901</v>
      </c>
      <c r="AY1501" s="53">
        <v>4432859.9902042598</v>
      </c>
      <c r="AZ1501" s="53">
        <v>4977292.0356192598</v>
      </c>
      <c r="BA1501" s="53">
        <v>68122619.0040095</v>
      </c>
    </row>
    <row r="1502" spans="1:53">
      <c r="A1502" s="52" t="s">
        <v>675</v>
      </c>
    </row>
    <row r="1503" spans="1:53">
      <c r="A1503" s="52" t="s">
        <v>786</v>
      </c>
    </row>
    <row r="1504" spans="1:53">
      <c r="A1504" s="52" t="s">
        <v>649</v>
      </c>
    </row>
    <row r="1505" spans="1:53">
      <c r="A1505" s="52" t="s">
        <v>787</v>
      </c>
    </row>
    <row r="1506" spans="1:53">
      <c r="A1506" s="52" t="s">
        <v>649</v>
      </c>
      <c r="B1506" s="53">
        <v>545945.02617801004</v>
      </c>
      <c r="C1506" s="53">
        <v>545945.02617801004</v>
      </c>
      <c r="D1506" s="53">
        <v>545945.02617801004</v>
      </c>
      <c r="E1506" s="53">
        <v>545945.02617801004</v>
      </c>
      <c r="F1506" s="53">
        <v>545945.02617801004</v>
      </c>
      <c r="G1506" s="53">
        <v>545945.02617801004</v>
      </c>
      <c r="H1506" s="53">
        <v>545945.02617801004</v>
      </c>
      <c r="I1506" s="53">
        <v>545945.02617801004</v>
      </c>
      <c r="J1506" s="53">
        <v>545945.02617801004</v>
      </c>
      <c r="K1506" s="53">
        <v>545945.02617801004</v>
      </c>
      <c r="L1506" s="53">
        <v>545945.02617801004</v>
      </c>
      <c r="M1506" s="53">
        <v>545945.02617801004</v>
      </c>
      <c r="N1506" s="53">
        <v>6551340.3141361196</v>
      </c>
      <c r="O1506" s="53">
        <v>545945.02617801004</v>
      </c>
      <c r="P1506" s="53">
        <v>545945.02617801004</v>
      </c>
      <c r="Q1506" s="53">
        <v>545945.02617801004</v>
      </c>
      <c r="R1506" s="53">
        <v>545945.02617801004</v>
      </c>
      <c r="S1506" s="53">
        <v>545945.02617801004</v>
      </c>
      <c r="T1506" s="53">
        <v>545945.02617801004</v>
      </c>
      <c r="U1506" s="53">
        <v>545945.02617801004</v>
      </c>
      <c r="V1506" s="53">
        <v>545945.02617801004</v>
      </c>
      <c r="W1506" s="53">
        <v>545945.02617801004</v>
      </c>
      <c r="X1506" s="53">
        <v>545945.02617801004</v>
      </c>
      <c r="Y1506" s="53">
        <v>545945.02617801004</v>
      </c>
      <c r="Z1506" s="53">
        <v>545945.02617801004</v>
      </c>
      <c r="AA1506" s="53">
        <v>6551340.3141361196</v>
      </c>
      <c r="AB1506" s="53">
        <v>545945.02617801004</v>
      </c>
      <c r="AC1506" s="53">
        <v>545945.02617801004</v>
      </c>
      <c r="AD1506" s="53">
        <v>545945.02617801004</v>
      </c>
      <c r="AE1506" s="53">
        <v>545945.02617801004</v>
      </c>
      <c r="AF1506" s="53">
        <v>545945.02617801004</v>
      </c>
      <c r="AG1506" s="53">
        <v>545945.02617801004</v>
      </c>
      <c r="AH1506" s="53">
        <v>545945.02617801004</v>
      </c>
      <c r="AI1506" s="53">
        <v>545945.02617801004</v>
      </c>
      <c r="AJ1506" s="53">
        <v>545945.02617801004</v>
      </c>
      <c r="AK1506" s="53">
        <v>545945.02617801004</v>
      </c>
      <c r="AL1506" s="53">
        <v>545945.02617801004</v>
      </c>
      <c r="AM1506" s="53">
        <v>545945.02617801004</v>
      </c>
      <c r="AN1506" s="53">
        <v>6551340.3141361196</v>
      </c>
      <c r="AO1506" s="53">
        <v>545945.02617801004</v>
      </c>
      <c r="AP1506" s="53">
        <v>545945.02617801004</v>
      </c>
      <c r="AQ1506" s="53">
        <v>545945.02617801004</v>
      </c>
      <c r="AR1506" s="53">
        <v>545945.02617801004</v>
      </c>
      <c r="AS1506" s="53">
        <v>545945.02617801004</v>
      </c>
      <c r="AT1506" s="53">
        <v>545945.02617801004</v>
      </c>
      <c r="AU1506" s="53">
        <v>545945.02617801004</v>
      </c>
      <c r="AV1506" s="53">
        <v>545945.02617801004</v>
      </c>
      <c r="AW1506" s="53">
        <v>545945.02617801004</v>
      </c>
      <c r="AX1506" s="53">
        <v>545945.02617801004</v>
      </c>
      <c r="AY1506" s="53">
        <v>545945.02617801004</v>
      </c>
      <c r="AZ1506" s="53">
        <v>545945.02617801004</v>
      </c>
      <c r="BA1506" s="53">
        <v>6551340.3141361196</v>
      </c>
    </row>
    <row r="1507" spans="1:53">
      <c r="A1507" s="52" t="s">
        <v>788</v>
      </c>
    </row>
    <row r="1508" spans="1:53">
      <c r="A1508" s="52" t="s">
        <v>649</v>
      </c>
    </row>
    <row r="1509" spans="1:53">
      <c r="A1509" s="52" t="s">
        <v>789</v>
      </c>
    </row>
    <row r="1510" spans="1:53">
      <c r="A1510" s="52" t="s">
        <v>790</v>
      </c>
    </row>
    <row r="1511" spans="1:53">
      <c r="A1511" s="52" t="s">
        <v>649</v>
      </c>
      <c r="B1511" s="53">
        <v>481814.95110553701</v>
      </c>
      <c r="C1511" s="53">
        <v>460509.86834446102</v>
      </c>
      <c r="D1511" s="53">
        <v>474903.02901843499</v>
      </c>
      <c r="E1511" s="53">
        <v>423896.895740974</v>
      </c>
      <c r="F1511" s="53">
        <v>460578.37476594001</v>
      </c>
      <c r="G1511" s="53">
        <v>481509.59383690503</v>
      </c>
      <c r="H1511" s="53">
        <v>500785.56182028301</v>
      </c>
      <c r="I1511" s="53">
        <v>508008.53566240298</v>
      </c>
      <c r="J1511" s="53">
        <v>487641.13112186</v>
      </c>
      <c r="K1511" s="53">
        <v>447149.507313982</v>
      </c>
      <c r="L1511" s="53">
        <v>413832.44710584398</v>
      </c>
      <c r="M1511" s="53">
        <v>423089.67001106701</v>
      </c>
      <c r="N1511" s="53">
        <v>5563719.5658476902</v>
      </c>
      <c r="O1511" s="53">
        <v>695779.29830431403</v>
      </c>
      <c r="P1511" s="53">
        <v>659950.58175749006</v>
      </c>
      <c r="Q1511" s="53">
        <v>684155.53227487905</v>
      </c>
      <c r="R1511" s="53">
        <v>637686.00576724205</v>
      </c>
      <c r="S1511" s="53">
        <v>699373.17822473997</v>
      </c>
      <c r="T1511" s="53">
        <v>734573.16892570304</v>
      </c>
      <c r="U1511" s="53">
        <v>814823.54942301498</v>
      </c>
      <c r="V1511" s="53">
        <v>826970.41058833501</v>
      </c>
      <c r="W1511" s="53">
        <v>792718.58569466101</v>
      </c>
      <c r="X1511" s="53">
        <v>724623.90011176094</v>
      </c>
      <c r="Y1511" s="53">
        <v>668594.66428303602</v>
      </c>
      <c r="Z1511" s="53">
        <v>684162.51817037002</v>
      </c>
      <c r="AA1511" s="53">
        <v>8623411.3935255501</v>
      </c>
      <c r="AB1511" s="53">
        <v>1091786.52366543</v>
      </c>
      <c r="AC1511" s="53">
        <v>1055957.8071186</v>
      </c>
      <c r="AD1511" s="53">
        <v>1080162.7576359899</v>
      </c>
      <c r="AE1511" s="53">
        <v>1033693.23112836</v>
      </c>
      <c r="AF1511" s="53">
        <v>1095380.40358585</v>
      </c>
      <c r="AG1511" s="53">
        <v>1130580.39428681</v>
      </c>
      <c r="AH1511" s="53">
        <v>1250105.7449427301</v>
      </c>
      <c r="AI1511" s="53">
        <v>1262252.6061080501</v>
      </c>
      <c r="AJ1511" s="53">
        <v>1228000.7812143699</v>
      </c>
      <c r="AK1511" s="53">
        <v>1159906.09563147</v>
      </c>
      <c r="AL1511" s="53">
        <v>1103876.8598027499</v>
      </c>
      <c r="AM1511" s="53">
        <v>1119444.71369008</v>
      </c>
      <c r="AN1511" s="53">
        <v>13611147.9188105</v>
      </c>
      <c r="AO1511" s="53">
        <v>1273465.08907137</v>
      </c>
      <c r="AP1511" s="53">
        <v>1237636.37252455</v>
      </c>
      <c r="AQ1511" s="53">
        <v>1261841.3230419401</v>
      </c>
      <c r="AR1511" s="53">
        <v>1215371.7965343001</v>
      </c>
      <c r="AS1511" s="53">
        <v>1277058.9689918</v>
      </c>
      <c r="AT1511" s="53">
        <v>1312258.9596927599</v>
      </c>
      <c r="AU1511" s="53">
        <v>1404022.28619085</v>
      </c>
      <c r="AV1511" s="53">
        <v>1416169.14735617</v>
      </c>
      <c r="AW1511" s="53">
        <v>1381917.3224624901</v>
      </c>
      <c r="AX1511" s="53">
        <v>1313822.6368795901</v>
      </c>
      <c r="AY1511" s="53">
        <v>1257793.4010508701</v>
      </c>
      <c r="AZ1511" s="53">
        <v>1273361.2549382001</v>
      </c>
      <c r="BA1511" s="53">
        <v>15624718.558734899</v>
      </c>
    </row>
    <row r="1512" spans="1:53">
      <c r="A1512" s="52" t="s">
        <v>791</v>
      </c>
    </row>
    <row r="1513" spans="1:53">
      <c r="A1513" s="52" t="s">
        <v>649</v>
      </c>
      <c r="B1513" s="53">
        <v>516582.13786528702</v>
      </c>
      <c r="C1513" s="53">
        <v>493637.29374017799</v>
      </c>
      <c r="D1513" s="53">
        <v>510877.79406355001</v>
      </c>
      <c r="E1513" s="53">
        <v>456151.88478524098</v>
      </c>
      <c r="F1513" s="53">
        <v>490784.32855391898</v>
      </c>
      <c r="G1513" s="53">
        <v>509933.286112245</v>
      </c>
      <c r="H1513" s="53">
        <v>528869.624085836</v>
      </c>
      <c r="I1513" s="53">
        <v>535459.85347084305</v>
      </c>
      <c r="J1513" s="53">
        <v>517334.75783242902</v>
      </c>
      <c r="K1513" s="53">
        <v>478092.50235482701</v>
      </c>
      <c r="L1513" s="53">
        <v>446113.76980474201</v>
      </c>
      <c r="M1513" s="53">
        <v>451901.968907509</v>
      </c>
      <c r="N1513" s="53">
        <v>5935739.2015766101</v>
      </c>
      <c r="O1513" s="53">
        <v>740749.51151372097</v>
      </c>
      <c r="P1513" s="53">
        <v>708726.28837371594</v>
      </c>
      <c r="Q1513" s="53">
        <v>737989.92898355494</v>
      </c>
      <c r="R1513" s="53">
        <v>687891.11859975394</v>
      </c>
      <c r="S1513" s="53">
        <v>746550.10028125602</v>
      </c>
      <c r="T1513" s="53">
        <v>779052.81423734606</v>
      </c>
      <c r="U1513" s="53">
        <v>861587.083374904</v>
      </c>
      <c r="V1513" s="53">
        <v>872748.80011681595</v>
      </c>
      <c r="W1513" s="53">
        <v>841567.66531964403</v>
      </c>
      <c r="X1513" s="53">
        <v>775494.37254376698</v>
      </c>
      <c r="Y1513" s="53">
        <v>721834.26454377198</v>
      </c>
      <c r="Z1513" s="53">
        <v>731684.58313024603</v>
      </c>
      <c r="AA1513" s="53">
        <v>9205876.5310184993</v>
      </c>
      <c r="AB1513" s="53">
        <v>1162330.3408967301</v>
      </c>
      <c r="AC1513" s="53">
        <v>1135034.2139485299</v>
      </c>
      <c r="AD1513" s="53">
        <v>1165433.9962899</v>
      </c>
      <c r="AE1513" s="53">
        <v>1115188.2286764099</v>
      </c>
      <c r="AF1513" s="53">
        <v>1169196.7256781801</v>
      </c>
      <c r="AG1513" s="53">
        <v>1198849.3918059601</v>
      </c>
      <c r="AH1513" s="53">
        <v>1321547.28886026</v>
      </c>
      <c r="AI1513" s="53">
        <v>1331787.16558378</v>
      </c>
      <c r="AJ1513" s="53">
        <v>1303313.52364099</v>
      </c>
      <c r="AK1513" s="53">
        <v>1240998.3193929801</v>
      </c>
      <c r="AL1513" s="53">
        <v>1191578.3147803999</v>
      </c>
      <c r="AM1513" s="53">
        <v>1196995.2580123099</v>
      </c>
      <c r="AN1513" s="53">
        <v>14532252.7675664</v>
      </c>
      <c r="AO1513" s="53">
        <v>1355152.4372529001</v>
      </c>
      <c r="AP1513" s="53">
        <v>1329709.64575765</v>
      </c>
      <c r="AQ1513" s="53">
        <v>1360869.5383367699</v>
      </c>
      <c r="AR1513" s="53">
        <v>1310594.17596762</v>
      </c>
      <c r="AS1513" s="53">
        <v>1362522.21033341</v>
      </c>
      <c r="AT1513" s="53">
        <v>1390876.3699930301</v>
      </c>
      <c r="AU1513" s="53">
        <v>1483604.8974170999</v>
      </c>
      <c r="AV1513" s="53">
        <v>1493534.70018838</v>
      </c>
      <c r="AW1513" s="53">
        <v>1465973.8561486499</v>
      </c>
      <c r="AX1513" s="53">
        <v>1404958.5876942601</v>
      </c>
      <c r="AY1513" s="53">
        <v>1356981.6481383001</v>
      </c>
      <c r="AZ1513" s="53">
        <v>1360896.60186449</v>
      </c>
      <c r="BA1513" s="53">
        <v>16675674.669092501</v>
      </c>
    </row>
    <row r="1514" spans="1:53">
      <c r="A1514" s="52" t="s">
        <v>792</v>
      </c>
    </row>
    <row r="1515" spans="1:53">
      <c r="A1515" s="52" t="s">
        <v>793</v>
      </c>
    </row>
    <row r="1516" spans="1:53">
      <c r="A1516" s="52" t="s">
        <v>649</v>
      </c>
      <c r="B1516" s="53">
        <v>351833.33333333198</v>
      </c>
      <c r="C1516" s="53">
        <v>351833.33333333198</v>
      </c>
      <c r="D1516" s="53">
        <v>351833.33333333198</v>
      </c>
      <c r="E1516" s="53">
        <v>351833.33333333198</v>
      </c>
      <c r="F1516" s="53">
        <v>351833.33333333198</v>
      </c>
      <c r="G1516" s="53">
        <v>351833.33333333198</v>
      </c>
      <c r="H1516" s="53">
        <v>351833.33333333198</v>
      </c>
      <c r="I1516" s="53">
        <v>351833.33333333198</v>
      </c>
      <c r="J1516" s="53">
        <v>351833.33333333198</v>
      </c>
      <c r="K1516" s="53">
        <v>351833.33333333198</v>
      </c>
      <c r="L1516" s="53">
        <v>351833.33333333198</v>
      </c>
      <c r="M1516" s="53">
        <v>351833.33333333198</v>
      </c>
      <c r="N1516" s="53">
        <v>4221999.9999999898</v>
      </c>
      <c r="O1516" s="53">
        <v>250000</v>
      </c>
      <c r="P1516" s="53">
        <v>250000</v>
      </c>
      <c r="Q1516" s="53">
        <v>250000</v>
      </c>
      <c r="R1516" s="53">
        <v>250000</v>
      </c>
      <c r="S1516" s="53">
        <v>250000</v>
      </c>
      <c r="T1516" s="53">
        <v>250000</v>
      </c>
      <c r="U1516" s="53">
        <v>250000</v>
      </c>
      <c r="V1516" s="53">
        <v>250000</v>
      </c>
      <c r="W1516" s="53">
        <v>250000</v>
      </c>
      <c r="X1516" s="53">
        <v>250000</v>
      </c>
      <c r="Y1516" s="53">
        <v>250000</v>
      </c>
      <c r="Z1516" s="53">
        <v>250000</v>
      </c>
      <c r="AA1516" s="53">
        <v>3000000</v>
      </c>
      <c r="AB1516" s="53">
        <v>75000</v>
      </c>
      <c r="AC1516" s="53">
        <v>75000</v>
      </c>
      <c r="AD1516" s="53">
        <v>75000</v>
      </c>
      <c r="AE1516" s="53">
        <v>75000</v>
      </c>
      <c r="AF1516" s="53">
        <v>75000</v>
      </c>
      <c r="AG1516" s="53">
        <v>75000</v>
      </c>
      <c r="AH1516" s="53">
        <v>75000</v>
      </c>
      <c r="AI1516" s="53">
        <v>75000</v>
      </c>
      <c r="AJ1516" s="53">
        <v>75000</v>
      </c>
      <c r="AK1516" s="53">
        <v>75000</v>
      </c>
      <c r="AL1516" s="53">
        <v>75000</v>
      </c>
      <c r="AM1516" s="53">
        <v>75000</v>
      </c>
      <c r="AN1516" s="53">
        <v>900000</v>
      </c>
    </row>
    <row r="1517" spans="1:53">
      <c r="A1517" s="52" t="s">
        <v>683</v>
      </c>
    </row>
    <row r="1518" spans="1:53">
      <c r="A1518" s="52" t="s">
        <v>794</v>
      </c>
    </row>
    <row r="1519" spans="1:53">
      <c r="A1519" s="52" t="s">
        <v>649</v>
      </c>
      <c r="B1519" s="53">
        <v>2403480.6766351801</v>
      </c>
      <c r="C1519" s="53">
        <v>2403480.6766351801</v>
      </c>
      <c r="D1519" s="53">
        <v>2403480.6766351801</v>
      </c>
      <c r="E1519" s="53">
        <v>2403480.6766351801</v>
      </c>
      <c r="F1519" s="53">
        <v>2403480.6766351801</v>
      </c>
      <c r="G1519" s="53">
        <v>2403480.6766351801</v>
      </c>
      <c r="H1519" s="53">
        <v>2403480.6766351801</v>
      </c>
      <c r="I1519" s="53">
        <v>2403480.6766351801</v>
      </c>
      <c r="J1519" s="53">
        <v>2403480.6766351801</v>
      </c>
      <c r="K1519" s="53">
        <v>2403480.6766351801</v>
      </c>
      <c r="L1519" s="53">
        <v>2403480.6766351801</v>
      </c>
      <c r="M1519" s="53">
        <v>2403480.6766351801</v>
      </c>
      <c r="N1519" s="53">
        <v>28841768.1196221</v>
      </c>
      <c r="O1519" s="53">
        <v>2503052.2729601399</v>
      </c>
      <c r="P1519" s="53">
        <v>2503052.2729601399</v>
      </c>
      <c r="Q1519" s="53">
        <v>2503052.2729601399</v>
      </c>
      <c r="R1519" s="53">
        <v>2503052.2729601399</v>
      </c>
      <c r="S1519" s="53">
        <v>2503052.2729601399</v>
      </c>
      <c r="T1519" s="53">
        <v>2503052.2729601399</v>
      </c>
      <c r="U1519" s="53">
        <v>2503052.2729601399</v>
      </c>
      <c r="V1519" s="53">
        <v>2503052.2729601399</v>
      </c>
      <c r="W1519" s="53">
        <v>2503052.2729601399</v>
      </c>
      <c r="X1519" s="53">
        <v>2503052.2729601399</v>
      </c>
      <c r="Y1519" s="53">
        <v>2503052.2729601399</v>
      </c>
      <c r="Z1519" s="53">
        <v>2503052.2729601399</v>
      </c>
      <c r="AA1519" s="53">
        <v>30036627.2755218</v>
      </c>
      <c r="AB1519" s="53">
        <v>2608285.4393304898</v>
      </c>
      <c r="AC1519" s="53">
        <v>2608285.4393304898</v>
      </c>
      <c r="AD1519" s="53">
        <v>2608285.4393304898</v>
      </c>
      <c r="AE1519" s="53">
        <v>2608285.4393304898</v>
      </c>
      <c r="AF1519" s="53">
        <v>2608285.4393304898</v>
      </c>
      <c r="AG1519" s="53">
        <v>2608285.4393304898</v>
      </c>
      <c r="AH1519" s="53">
        <v>2608285.4393304898</v>
      </c>
      <c r="AI1519" s="53">
        <v>2608285.4393304898</v>
      </c>
      <c r="AJ1519" s="53">
        <v>2608285.4393304898</v>
      </c>
      <c r="AK1519" s="53">
        <v>2608285.4393304898</v>
      </c>
      <c r="AL1519" s="53">
        <v>2608285.4393304898</v>
      </c>
      <c r="AM1519" s="53">
        <v>2608285.4393304898</v>
      </c>
      <c r="AN1519" s="53">
        <v>31299425.271965899</v>
      </c>
      <c r="AO1519" s="53">
        <v>2696891.11743967</v>
      </c>
      <c r="AP1519" s="53">
        <v>2696891.11743967</v>
      </c>
      <c r="AQ1519" s="53">
        <v>2696891.11743967</v>
      </c>
      <c r="AR1519" s="53">
        <v>2696891.11743967</v>
      </c>
      <c r="AS1519" s="53">
        <v>2696891.11743967</v>
      </c>
      <c r="AT1519" s="53">
        <v>2696891.11743967</v>
      </c>
      <c r="AU1519" s="53">
        <v>2696891.11743967</v>
      </c>
      <c r="AV1519" s="53">
        <v>2696891.11743967</v>
      </c>
      <c r="AW1519" s="53">
        <v>2696891.11743967</v>
      </c>
      <c r="AX1519" s="53">
        <v>2696891.11743967</v>
      </c>
      <c r="AY1519" s="53">
        <v>2696891.11743967</v>
      </c>
      <c r="AZ1519" s="53">
        <v>2696891.11743967</v>
      </c>
      <c r="BA1519" s="53">
        <v>32362693.409276001</v>
      </c>
    </row>
    <row r="1520" spans="1:53">
      <c r="A1520" s="52" t="s">
        <v>747</v>
      </c>
    </row>
    <row r="1521" spans="1:53">
      <c r="A1521" s="52" t="s">
        <v>795</v>
      </c>
    </row>
    <row r="1522" spans="1:53">
      <c r="A1522" s="52" t="s">
        <v>649</v>
      </c>
      <c r="B1522" s="53">
        <v>110592</v>
      </c>
      <c r="C1522" s="53">
        <v>110592</v>
      </c>
      <c r="D1522" s="53">
        <v>110592</v>
      </c>
      <c r="E1522" s="53">
        <v>110592</v>
      </c>
      <c r="F1522" s="53">
        <v>110592</v>
      </c>
      <c r="G1522" s="53">
        <v>110592</v>
      </c>
      <c r="H1522" s="53">
        <v>110592</v>
      </c>
      <c r="I1522" s="53">
        <v>110592</v>
      </c>
      <c r="J1522" s="53">
        <v>110592</v>
      </c>
      <c r="K1522" s="53">
        <v>110592</v>
      </c>
      <c r="L1522" s="53">
        <v>110592</v>
      </c>
      <c r="M1522" s="53">
        <v>110592</v>
      </c>
      <c r="N1522" s="53">
        <v>1327104</v>
      </c>
      <c r="O1522" s="53">
        <v>110592</v>
      </c>
      <c r="P1522" s="53">
        <v>110592</v>
      </c>
      <c r="Q1522" s="53">
        <v>110592</v>
      </c>
      <c r="R1522" s="53">
        <v>110592</v>
      </c>
      <c r="S1522" s="53">
        <v>110592</v>
      </c>
      <c r="T1522" s="53">
        <v>110592</v>
      </c>
      <c r="U1522" s="53">
        <v>110592</v>
      </c>
      <c r="V1522" s="53">
        <v>110592</v>
      </c>
      <c r="W1522" s="53">
        <v>110592</v>
      </c>
      <c r="X1522" s="53">
        <v>110592</v>
      </c>
      <c r="Y1522" s="53">
        <v>110592</v>
      </c>
      <c r="Z1522" s="53">
        <v>110592</v>
      </c>
      <c r="AA1522" s="53">
        <v>1327104</v>
      </c>
      <c r="AB1522" s="53">
        <v>110592</v>
      </c>
      <c r="AC1522" s="53">
        <v>110592</v>
      </c>
      <c r="AD1522" s="53">
        <v>110592</v>
      </c>
      <c r="AE1522" s="53">
        <v>110592</v>
      </c>
      <c r="AF1522" s="53">
        <v>110592</v>
      </c>
      <c r="AG1522" s="53">
        <v>110592</v>
      </c>
      <c r="AH1522" s="53">
        <v>110592</v>
      </c>
      <c r="AI1522" s="53">
        <v>110592</v>
      </c>
      <c r="AJ1522" s="53">
        <v>110592</v>
      </c>
      <c r="AK1522" s="53">
        <v>110592</v>
      </c>
      <c r="AL1522" s="53">
        <v>110592</v>
      </c>
      <c r="AM1522" s="53">
        <v>110592</v>
      </c>
      <c r="AN1522" s="53">
        <v>1327104</v>
      </c>
      <c r="AO1522" s="53">
        <v>110592</v>
      </c>
      <c r="AP1522" s="53">
        <v>110592</v>
      </c>
      <c r="AQ1522" s="53">
        <v>110592</v>
      </c>
      <c r="AR1522" s="53">
        <v>110592</v>
      </c>
      <c r="AS1522" s="53">
        <v>110592</v>
      </c>
      <c r="AT1522" s="53">
        <v>110592</v>
      </c>
      <c r="AU1522" s="53">
        <v>110592</v>
      </c>
      <c r="AV1522" s="53">
        <v>110592</v>
      </c>
      <c r="AW1522" s="53">
        <v>110592</v>
      </c>
      <c r="AX1522" s="53">
        <v>110592</v>
      </c>
      <c r="AY1522" s="53">
        <v>110592</v>
      </c>
      <c r="AZ1522" s="53">
        <v>110592</v>
      </c>
      <c r="BA1522" s="53">
        <v>1327104</v>
      </c>
    </row>
    <row r="1523" spans="1:53">
      <c r="A1523" s="52" t="s">
        <v>650</v>
      </c>
    </row>
    <row r="1524" spans="1:53">
      <c r="A1524" s="52" t="s">
        <v>651</v>
      </c>
    </row>
    <row r="1525" spans="1:53">
      <c r="A1525" s="52" t="s">
        <v>649</v>
      </c>
      <c r="B1525" s="53">
        <v>781.81940277777699</v>
      </c>
      <c r="C1525" s="53">
        <v>781.81940277777699</v>
      </c>
      <c r="D1525" s="53">
        <v>781.81940277777699</v>
      </c>
      <c r="E1525" s="53">
        <v>781.81940277777699</v>
      </c>
      <c r="F1525" s="53">
        <v>781.81940277777699</v>
      </c>
      <c r="G1525" s="53">
        <v>781.81940277777699</v>
      </c>
      <c r="H1525" s="53">
        <v>781.81940277777699</v>
      </c>
      <c r="I1525" s="53">
        <v>781.81940277777699</v>
      </c>
      <c r="J1525" s="53">
        <v>781.81940277777699</v>
      </c>
      <c r="K1525" s="53">
        <v>781.81940277777699</v>
      </c>
      <c r="L1525" s="53">
        <v>781.81940277777699</v>
      </c>
      <c r="M1525" s="53">
        <v>781.81940277777699</v>
      </c>
      <c r="N1525" s="53">
        <v>9381.8328333333302</v>
      </c>
    </row>
    <row r="1526" spans="1:53">
      <c r="A1526" s="52" t="s">
        <v>652</v>
      </c>
    </row>
    <row r="1527" spans="1:53">
      <c r="A1527" s="52" t="s">
        <v>649</v>
      </c>
      <c r="B1527" s="53">
        <v>452777.5</v>
      </c>
      <c r="C1527" s="53">
        <v>452777.5</v>
      </c>
      <c r="D1527" s="53">
        <v>452777.5</v>
      </c>
      <c r="E1527" s="53">
        <v>452777.5</v>
      </c>
      <c r="F1527" s="53">
        <v>452777.5</v>
      </c>
      <c r="G1527" s="53">
        <v>452777.5</v>
      </c>
      <c r="H1527" s="53">
        <v>452777.5</v>
      </c>
      <c r="I1527" s="53">
        <v>452777.5</v>
      </c>
      <c r="J1527" s="53">
        <v>452777.5</v>
      </c>
      <c r="K1527" s="53">
        <v>452777.5</v>
      </c>
      <c r="L1527" s="53">
        <v>452777.5</v>
      </c>
      <c r="M1527" s="53">
        <v>452777.5</v>
      </c>
      <c r="N1527" s="53">
        <v>5433330</v>
      </c>
      <c r="O1527" s="53">
        <v>452777.5</v>
      </c>
      <c r="P1527" s="53">
        <v>452777.5</v>
      </c>
      <c r="Q1527" s="53">
        <v>452777.5</v>
      </c>
      <c r="R1527" s="53">
        <v>452777.5</v>
      </c>
      <c r="S1527" s="53">
        <v>452777.5</v>
      </c>
      <c r="T1527" s="53">
        <v>452777.5</v>
      </c>
      <c r="U1527" s="53">
        <v>452777.5</v>
      </c>
      <c r="V1527" s="53">
        <v>452777.5</v>
      </c>
      <c r="W1527" s="53">
        <v>452777.5</v>
      </c>
      <c r="X1527" s="53">
        <v>452777.5</v>
      </c>
      <c r="Y1527" s="53">
        <v>452777.5</v>
      </c>
      <c r="Z1527" s="53">
        <v>452777.5</v>
      </c>
      <c r="AA1527" s="53">
        <v>5433330</v>
      </c>
      <c r="AB1527" s="53">
        <v>452777.5</v>
      </c>
      <c r="AC1527" s="53">
        <v>452777.5</v>
      </c>
      <c r="AD1527" s="53">
        <v>452777.5</v>
      </c>
      <c r="AE1527" s="53">
        <v>452777.5</v>
      </c>
      <c r="AF1527" s="53">
        <v>452777.5</v>
      </c>
      <c r="AG1527" s="53">
        <v>452777.5</v>
      </c>
      <c r="AH1527" s="53">
        <v>452777.5</v>
      </c>
      <c r="AI1527" s="53">
        <v>452777.5</v>
      </c>
      <c r="AJ1527" s="53">
        <v>452777.5</v>
      </c>
      <c r="AK1527" s="53">
        <v>452777.5</v>
      </c>
      <c r="AL1527" s="53">
        <v>452777.5</v>
      </c>
      <c r="AM1527" s="53">
        <v>452777.5</v>
      </c>
      <c r="AN1527" s="53">
        <v>5433330</v>
      </c>
      <c r="AO1527" s="53">
        <v>452777.5</v>
      </c>
      <c r="AP1527" s="53">
        <v>452777.5</v>
      </c>
      <c r="AQ1527" s="53">
        <v>452777.5</v>
      </c>
      <c r="AR1527" s="53">
        <v>452777.5</v>
      </c>
      <c r="AS1527" s="53">
        <v>452777.5</v>
      </c>
      <c r="AT1527" s="53">
        <v>452777.5</v>
      </c>
      <c r="AU1527" s="53">
        <v>452777.5</v>
      </c>
      <c r="AV1527" s="53">
        <v>452777.5</v>
      </c>
      <c r="AW1527" s="53">
        <v>452777.5</v>
      </c>
      <c r="AX1527" s="53">
        <v>452777.5</v>
      </c>
      <c r="AY1527" s="53">
        <v>452777.5</v>
      </c>
      <c r="AZ1527" s="53">
        <v>452777.5</v>
      </c>
      <c r="BA1527" s="53">
        <v>5433330</v>
      </c>
    </row>
    <row r="1528" spans="1:53">
      <c r="A1528" s="52" t="s">
        <v>654</v>
      </c>
    </row>
    <row r="1529" spans="1:53">
      <c r="A1529" s="52" t="s">
        <v>649</v>
      </c>
      <c r="D1529" s="53">
        <v>1570338.8199999901</v>
      </c>
      <c r="G1529" s="53">
        <v>1570338.8199999901</v>
      </c>
      <c r="J1529" s="53">
        <v>1570338.8199999901</v>
      </c>
      <c r="M1529" s="53">
        <v>1570338.8199999901</v>
      </c>
      <c r="N1529" s="53">
        <v>6281355.27999999</v>
      </c>
      <c r="Q1529" s="53">
        <v>1570338.8199999901</v>
      </c>
      <c r="T1529" s="53">
        <v>1570338.8199999901</v>
      </c>
      <c r="W1529" s="53">
        <v>1570338.8199999901</v>
      </c>
      <c r="Z1529" s="53">
        <v>1570338.8199999901</v>
      </c>
      <c r="AA1529" s="53">
        <v>6281355.27999999</v>
      </c>
      <c r="AD1529" s="53">
        <v>1570338.8199999901</v>
      </c>
      <c r="AG1529" s="53">
        <v>1570338.8199999901</v>
      </c>
      <c r="AJ1529" s="53">
        <v>1570338.8199999901</v>
      </c>
      <c r="AM1529" s="53">
        <v>1570338.8199999901</v>
      </c>
      <c r="AN1529" s="53">
        <v>6281355.27999999</v>
      </c>
      <c r="AQ1529" s="53">
        <v>1570338.8199999901</v>
      </c>
      <c r="AT1529" s="53">
        <v>1570338.8199999901</v>
      </c>
      <c r="AW1529" s="53">
        <v>1570338.8199999901</v>
      </c>
      <c r="AZ1529" s="53">
        <v>1570338.8199999901</v>
      </c>
      <c r="BA1529" s="53">
        <v>6281355.27999999</v>
      </c>
    </row>
    <row r="1530" spans="1:53">
      <c r="A1530" s="52" t="s">
        <v>655</v>
      </c>
    </row>
    <row r="1531" spans="1:53">
      <c r="A1531" s="52" t="s">
        <v>649</v>
      </c>
      <c r="B1531" s="53">
        <v>48418.384375000001</v>
      </c>
      <c r="C1531" s="53">
        <v>48418.384375000001</v>
      </c>
      <c r="D1531" s="53">
        <v>48418.384375000001</v>
      </c>
      <c r="E1531" s="53">
        <v>48418.384375000001</v>
      </c>
      <c r="F1531" s="53">
        <v>48418.384375000001</v>
      </c>
      <c r="G1531" s="53">
        <v>48418.384375000001</v>
      </c>
      <c r="H1531" s="53">
        <v>48418.384375000001</v>
      </c>
      <c r="I1531" s="53">
        <v>48418.384375000001</v>
      </c>
      <c r="J1531" s="53">
        <v>48418.384375000001</v>
      </c>
      <c r="K1531" s="53">
        <v>48418.384375000001</v>
      </c>
      <c r="L1531" s="53">
        <v>48418.384375000001</v>
      </c>
      <c r="M1531" s="53">
        <v>48418.384375000001</v>
      </c>
      <c r="N1531" s="53">
        <v>581020.61250000005</v>
      </c>
      <c r="O1531" s="53">
        <v>48418.384375000001</v>
      </c>
      <c r="P1531" s="53">
        <v>48418.384375000001</v>
      </c>
      <c r="Q1531" s="53">
        <v>48418.384375000001</v>
      </c>
      <c r="R1531" s="53">
        <v>48418.384375000001</v>
      </c>
      <c r="S1531" s="53">
        <v>48418.384375000001</v>
      </c>
      <c r="T1531" s="53">
        <v>48418.384375000001</v>
      </c>
      <c r="U1531" s="53">
        <v>48418.384375000001</v>
      </c>
      <c r="V1531" s="53">
        <v>48418.384375000001</v>
      </c>
      <c r="W1531" s="53">
        <v>48418.384375000001</v>
      </c>
      <c r="X1531" s="53">
        <v>48418.384375000001</v>
      </c>
      <c r="Y1531" s="53">
        <v>48418.384375000001</v>
      </c>
      <c r="Z1531" s="53">
        <v>48418.384375000001</v>
      </c>
      <c r="AA1531" s="53">
        <v>581020.61250000005</v>
      </c>
      <c r="AB1531" s="53">
        <v>48418.384375000001</v>
      </c>
      <c r="AC1531" s="53">
        <v>48418.384375000001</v>
      </c>
      <c r="AD1531" s="53">
        <v>48418.384375000001</v>
      </c>
      <c r="AE1531" s="53">
        <v>48418.384375000001</v>
      </c>
      <c r="AF1531" s="53">
        <v>48418.384375000001</v>
      </c>
      <c r="AG1531" s="53">
        <v>48418.384375000001</v>
      </c>
      <c r="AH1531" s="53">
        <v>48418.384375000001</v>
      </c>
      <c r="AI1531" s="53">
        <v>48418.384375000001</v>
      </c>
      <c r="AJ1531" s="53">
        <v>48418.384375000001</v>
      </c>
      <c r="AK1531" s="53">
        <v>48418.384375000001</v>
      </c>
      <c r="AL1531" s="53">
        <v>48418.384375000001</v>
      </c>
      <c r="AM1531" s="53">
        <v>48418.384375000001</v>
      </c>
      <c r="AN1531" s="53">
        <v>581020.61250000005</v>
      </c>
    </row>
    <row r="1532" spans="1:53">
      <c r="A1532" s="52" t="s">
        <v>656</v>
      </c>
    </row>
    <row r="1533" spans="1:53">
      <c r="A1533" s="52" t="s">
        <v>649</v>
      </c>
      <c r="B1533" s="53">
        <v>19475.434583333299</v>
      </c>
      <c r="C1533" s="53">
        <v>19475.434583333299</v>
      </c>
      <c r="D1533" s="53">
        <v>19475.434583333299</v>
      </c>
      <c r="E1533" s="53">
        <v>19475.434583333299</v>
      </c>
      <c r="F1533" s="53">
        <v>19475.434583333299</v>
      </c>
      <c r="G1533" s="53">
        <v>19475.434583333299</v>
      </c>
      <c r="H1533" s="53">
        <v>19475.434583333299</v>
      </c>
      <c r="I1533" s="53">
        <v>19475.434583333299</v>
      </c>
      <c r="J1533" s="53">
        <v>19475.434583333299</v>
      </c>
      <c r="K1533" s="53">
        <v>19475.434583333299</v>
      </c>
      <c r="L1533" s="53">
        <v>19475.434583333299</v>
      </c>
      <c r="M1533" s="53">
        <v>19475.434583333299</v>
      </c>
      <c r="N1533" s="53">
        <v>233705.21499999901</v>
      </c>
      <c r="O1533" s="53">
        <v>19475.434583333299</v>
      </c>
      <c r="P1533" s="53">
        <v>19475.434583333299</v>
      </c>
      <c r="Q1533" s="53">
        <v>19475.434583333299</v>
      </c>
      <c r="R1533" s="53">
        <v>19475.434583333299</v>
      </c>
      <c r="S1533" s="53">
        <v>19475.434583333299</v>
      </c>
      <c r="T1533" s="53">
        <v>19475.434583333299</v>
      </c>
      <c r="U1533" s="53">
        <v>19475.434583333299</v>
      </c>
      <c r="V1533" s="53">
        <v>19475.434583333299</v>
      </c>
      <c r="W1533" s="53">
        <v>19475.434583333299</v>
      </c>
      <c r="X1533" s="53">
        <v>19475.434583333299</v>
      </c>
      <c r="Y1533" s="53">
        <v>19475.434583333299</v>
      </c>
      <c r="Z1533" s="53">
        <v>19475.434583333299</v>
      </c>
      <c r="AA1533" s="53">
        <v>233705.21499999901</v>
      </c>
      <c r="AB1533" s="53">
        <v>19475.434583333299</v>
      </c>
      <c r="AC1533" s="53">
        <v>19475.434583333299</v>
      </c>
      <c r="AD1533" s="53">
        <v>19475.434583333299</v>
      </c>
      <c r="AE1533" s="53">
        <v>19475.434583333299</v>
      </c>
      <c r="AF1533" s="53">
        <v>19475.434583333299</v>
      </c>
      <c r="AG1533" s="53">
        <v>19475.434583333299</v>
      </c>
      <c r="AH1533" s="53">
        <v>19475.434583333299</v>
      </c>
      <c r="AI1533" s="53">
        <v>19475.434583333299</v>
      </c>
      <c r="AJ1533" s="53">
        <v>19475.434583333299</v>
      </c>
      <c r="AK1533" s="53">
        <v>19475.434583333299</v>
      </c>
      <c r="AL1533" s="53">
        <v>19475.434583333299</v>
      </c>
      <c r="AM1533" s="53">
        <v>19475.434583333299</v>
      </c>
      <c r="AN1533" s="53">
        <v>233705.21499999901</v>
      </c>
    </row>
    <row r="1534" spans="1:53">
      <c r="A1534" s="52" t="s">
        <v>657</v>
      </c>
    </row>
    <row r="1535" spans="1:53">
      <c r="A1535" s="52" t="s">
        <v>649</v>
      </c>
      <c r="AB1535" s="53">
        <v>444281.59766666603</v>
      </c>
      <c r="AC1535" s="53">
        <v>444281.59766666603</v>
      </c>
      <c r="AD1535" s="53">
        <v>444281.59766666603</v>
      </c>
      <c r="AE1535" s="53">
        <v>444281.59766666603</v>
      </c>
      <c r="AF1535" s="53">
        <v>444281.59766666603</v>
      </c>
      <c r="AG1535" s="53">
        <v>444281.59766666603</v>
      </c>
      <c r="AH1535" s="53">
        <v>444281.59766666603</v>
      </c>
      <c r="AI1535" s="53">
        <v>444281.59766666603</v>
      </c>
      <c r="AJ1535" s="53">
        <v>444281.59766666603</v>
      </c>
      <c r="AK1535" s="53">
        <v>444281.59766666603</v>
      </c>
      <c r="AL1535" s="53">
        <v>444281.59766666603</v>
      </c>
      <c r="AM1535" s="53">
        <v>444281.59766666603</v>
      </c>
      <c r="AN1535" s="53">
        <v>5331379.1720000003</v>
      </c>
      <c r="AO1535" s="53">
        <v>770768.18246666703</v>
      </c>
      <c r="AP1535" s="53">
        <v>770768.18246666703</v>
      </c>
      <c r="AQ1535" s="53">
        <v>770768.18246666703</v>
      </c>
      <c r="AR1535" s="53">
        <v>770768.18246666703</v>
      </c>
      <c r="AS1535" s="53">
        <v>770768.18246666703</v>
      </c>
      <c r="AT1535" s="53">
        <v>770768.18246666703</v>
      </c>
      <c r="AU1535" s="53">
        <v>770768.18246666703</v>
      </c>
      <c r="AV1535" s="53">
        <v>770768.18246666703</v>
      </c>
      <c r="AW1535" s="53">
        <v>770768.18246666703</v>
      </c>
      <c r="AX1535" s="53">
        <v>770768.18246666703</v>
      </c>
      <c r="AY1535" s="53">
        <v>770768.18246666703</v>
      </c>
      <c r="AZ1535" s="53">
        <v>770768.18246666703</v>
      </c>
      <c r="BA1535" s="53">
        <v>9249218.1896000002</v>
      </c>
    </row>
    <row r="1536" spans="1:53">
      <c r="A1536" s="52" t="s">
        <v>658</v>
      </c>
    </row>
    <row r="1537" spans="1:53">
      <c r="A1537" s="52" t="s">
        <v>649</v>
      </c>
      <c r="AB1537" s="53">
        <v>317982.89999999898</v>
      </c>
      <c r="AC1537" s="53">
        <v>317982.89999999898</v>
      </c>
      <c r="AD1537" s="53">
        <v>317982.89999999898</v>
      </c>
      <c r="AE1537" s="53">
        <v>317982.89999999898</v>
      </c>
      <c r="AF1537" s="53">
        <v>317982.89999999898</v>
      </c>
      <c r="AG1537" s="53">
        <v>317982.89999999898</v>
      </c>
      <c r="AH1537" s="53">
        <v>317982.89999999898</v>
      </c>
      <c r="AI1537" s="53">
        <v>317982.89999999898</v>
      </c>
      <c r="AJ1537" s="53">
        <v>317982.89999999898</v>
      </c>
      <c r="AK1537" s="53">
        <v>317982.89999999898</v>
      </c>
      <c r="AL1537" s="53">
        <v>317982.89999999898</v>
      </c>
      <c r="AM1537" s="53">
        <v>317982.89999999898</v>
      </c>
      <c r="AN1537" s="53">
        <v>3815794.8</v>
      </c>
      <c r="AO1537" s="53">
        <v>317982.89999999898</v>
      </c>
      <c r="AP1537" s="53">
        <v>317982.89999999898</v>
      </c>
      <c r="AQ1537" s="53">
        <v>317982.89999999898</v>
      </c>
      <c r="AR1537" s="53">
        <v>317982.89999999898</v>
      </c>
      <c r="AS1537" s="53">
        <v>317982.89999999898</v>
      </c>
      <c r="AT1537" s="53">
        <v>317982.89999999898</v>
      </c>
      <c r="AU1537" s="53">
        <v>317982.89999999898</v>
      </c>
      <c r="AV1537" s="53">
        <v>317982.89999999898</v>
      </c>
      <c r="AW1537" s="53">
        <v>317982.89999999898</v>
      </c>
      <c r="AX1537" s="53">
        <v>317982.89999999898</v>
      </c>
      <c r="AY1537" s="53">
        <v>317982.89999999898</v>
      </c>
      <c r="AZ1537" s="53">
        <v>317982.89999999898</v>
      </c>
      <c r="BA1537" s="53">
        <v>3815794.8</v>
      </c>
    </row>
    <row r="1538" spans="1:53">
      <c r="A1538" s="52" t="s">
        <v>659</v>
      </c>
    </row>
    <row r="1539" spans="1:53">
      <c r="A1539" s="52" t="s">
        <v>649</v>
      </c>
      <c r="B1539" s="53">
        <v>89506</v>
      </c>
      <c r="C1539" s="53">
        <v>89506</v>
      </c>
      <c r="D1539" s="53">
        <v>89506</v>
      </c>
      <c r="E1539" s="53">
        <v>89506</v>
      </c>
      <c r="F1539" s="53">
        <v>89506</v>
      </c>
      <c r="G1539" s="53">
        <v>89506</v>
      </c>
      <c r="H1539" s="53">
        <v>89506</v>
      </c>
      <c r="I1539" s="53">
        <v>89506</v>
      </c>
      <c r="J1539" s="53">
        <v>89506</v>
      </c>
      <c r="K1539" s="53">
        <v>89506</v>
      </c>
      <c r="L1539" s="53">
        <v>89506</v>
      </c>
      <c r="M1539" s="53">
        <v>89506</v>
      </c>
      <c r="N1539" s="53">
        <v>1074072</v>
      </c>
      <c r="O1539" s="53">
        <v>89506</v>
      </c>
      <c r="P1539" s="53">
        <v>89506</v>
      </c>
      <c r="Q1539" s="53">
        <v>89506</v>
      </c>
      <c r="R1539" s="53">
        <v>89506</v>
      </c>
      <c r="S1539" s="53">
        <v>89506</v>
      </c>
      <c r="T1539" s="53">
        <v>89506</v>
      </c>
      <c r="U1539" s="53">
        <v>89506</v>
      </c>
      <c r="V1539" s="53">
        <v>89506</v>
      </c>
      <c r="W1539" s="53">
        <v>89506</v>
      </c>
      <c r="X1539" s="53">
        <v>89506</v>
      </c>
      <c r="Y1539" s="53">
        <v>89506</v>
      </c>
      <c r="Z1539" s="53">
        <v>89506</v>
      </c>
      <c r="AA1539" s="53">
        <v>1074072</v>
      </c>
      <c r="AB1539" s="53">
        <v>89506</v>
      </c>
      <c r="AC1539" s="53">
        <v>89506</v>
      </c>
      <c r="AD1539" s="53">
        <v>89506</v>
      </c>
      <c r="AE1539" s="53">
        <v>89506</v>
      </c>
      <c r="AF1539" s="53">
        <v>89506</v>
      </c>
      <c r="AG1539" s="53">
        <v>89506</v>
      </c>
      <c r="AH1539" s="53">
        <v>89506</v>
      </c>
      <c r="AI1539" s="53">
        <v>89506</v>
      </c>
      <c r="AJ1539" s="53">
        <v>89506</v>
      </c>
      <c r="AK1539" s="53">
        <v>89506</v>
      </c>
      <c r="AL1539" s="53">
        <v>89506</v>
      </c>
      <c r="AM1539" s="53">
        <v>89506</v>
      </c>
      <c r="AN1539" s="53">
        <v>1074072</v>
      </c>
      <c r="AO1539" s="53">
        <v>89506</v>
      </c>
      <c r="AP1539" s="53">
        <v>89506</v>
      </c>
      <c r="AQ1539" s="53">
        <v>89506</v>
      </c>
      <c r="AR1539" s="53">
        <v>89506</v>
      </c>
      <c r="AS1539" s="53">
        <v>89506</v>
      </c>
      <c r="AT1539" s="53">
        <v>89506</v>
      </c>
      <c r="AU1539" s="53">
        <v>89506</v>
      </c>
      <c r="AV1539" s="53">
        <v>89506</v>
      </c>
      <c r="AW1539" s="53">
        <v>89506</v>
      </c>
      <c r="AX1539" s="53">
        <v>89506</v>
      </c>
      <c r="AY1539" s="53">
        <v>89506</v>
      </c>
      <c r="AZ1539" s="53">
        <v>89506</v>
      </c>
      <c r="BA1539" s="53">
        <v>1074072</v>
      </c>
    </row>
    <row r="1540" spans="1:53">
      <c r="A1540" s="52" t="s">
        <v>661</v>
      </c>
    </row>
    <row r="1541" spans="1:53">
      <c r="A1541" s="52" t="s">
        <v>649</v>
      </c>
      <c r="B1541" s="53">
        <v>189562.24873547599</v>
      </c>
      <c r="C1541" s="53">
        <v>189562.24873547599</v>
      </c>
      <c r="D1541" s="53">
        <v>189562.24873547599</v>
      </c>
      <c r="E1541" s="53">
        <v>189562.24873547599</v>
      </c>
      <c r="F1541" s="53">
        <v>189562.24873547599</v>
      </c>
      <c r="G1541" s="53">
        <v>189562.24873547599</v>
      </c>
      <c r="H1541" s="53">
        <v>189562.24873547599</v>
      </c>
      <c r="I1541" s="53">
        <v>189562.24873547599</v>
      </c>
      <c r="J1541" s="53">
        <v>189562.24873547599</v>
      </c>
      <c r="K1541" s="53">
        <v>189562.24873547599</v>
      </c>
      <c r="L1541" s="53">
        <v>189562.24873547599</v>
      </c>
      <c r="M1541" s="53">
        <v>189562.24873547599</v>
      </c>
      <c r="N1541" s="53">
        <v>2274746.9848257098</v>
      </c>
      <c r="O1541" s="53">
        <v>189562.24873547599</v>
      </c>
      <c r="P1541" s="53">
        <v>189562.24873547599</v>
      </c>
      <c r="Q1541" s="53">
        <v>189562.24873547599</v>
      </c>
      <c r="R1541" s="53">
        <v>189562.24873547599</v>
      </c>
      <c r="S1541" s="53">
        <v>189562.24873547599</v>
      </c>
      <c r="T1541" s="53">
        <v>189562.24873547599</v>
      </c>
      <c r="U1541" s="53">
        <v>189562.24873547599</v>
      </c>
      <c r="V1541" s="53">
        <v>189562.24873547599</v>
      </c>
      <c r="W1541" s="53">
        <v>189562.24873547599</v>
      </c>
      <c r="X1541" s="53">
        <v>189562.24873547599</v>
      </c>
      <c r="Y1541" s="53">
        <v>189562.24873547599</v>
      </c>
      <c r="Z1541" s="53">
        <v>189562.24873547599</v>
      </c>
      <c r="AA1541" s="53">
        <v>2274746.9848257098</v>
      </c>
      <c r="AB1541" s="53">
        <v>189562.24873547599</v>
      </c>
      <c r="AC1541" s="53">
        <v>189562.24873547599</v>
      </c>
      <c r="AD1541" s="53">
        <v>189562.24873547599</v>
      </c>
      <c r="AE1541" s="53">
        <v>189562.24873547599</v>
      </c>
      <c r="AF1541" s="53">
        <v>189562.24873547599</v>
      </c>
      <c r="AG1541" s="53">
        <v>189562.24873547599</v>
      </c>
      <c r="AH1541" s="53">
        <v>189562.24873547599</v>
      </c>
      <c r="AI1541" s="53">
        <v>189562.24873547599</v>
      </c>
      <c r="AJ1541" s="53">
        <v>189562.24873547599</v>
      </c>
      <c r="AK1541" s="53">
        <v>189562.24873547599</v>
      </c>
      <c r="AL1541" s="53">
        <v>189562.24873547599</v>
      </c>
      <c r="AM1541" s="53">
        <v>189562.24873547599</v>
      </c>
      <c r="AN1541" s="53">
        <v>2274746.9848257098</v>
      </c>
    </row>
    <row r="1542" spans="1:53">
      <c r="A1542" s="52" t="s">
        <v>662</v>
      </c>
    </row>
    <row r="1543" spans="1:53">
      <c r="A1543" s="52" t="s">
        <v>649</v>
      </c>
    </row>
    <row r="1544" spans="1:53">
      <c r="A1544" s="52" t="s">
        <v>663</v>
      </c>
    </row>
    <row r="1545" spans="1:53">
      <c r="A1545" s="52" t="s">
        <v>649</v>
      </c>
    </row>
    <row r="1546" spans="1:53">
      <c r="A1546" s="52" t="s">
        <v>664</v>
      </c>
    </row>
    <row r="1547" spans="1:53">
      <c r="A1547" s="52" t="s">
        <v>649</v>
      </c>
      <c r="AB1547" s="53">
        <v>401760</v>
      </c>
      <c r="AC1547" s="53">
        <v>401760</v>
      </c>
      <c r="AD1547" s="53">
        <v>401760</v>
      </c>
      <c r="AE1547" s="53">
        <v>401760</v>
      </c>
      <c r="AF1547" s="53">
        <v>401760</v>
      </c>
      <c r="AG1547" s="53">
        <v>401760</v>
      </c>
      <c r="AH1547" s="53">
        <v>401760</v>
      </c>
      <c r="AI1547" s="53">
        <v>401760</v>
      </c>
      <c r="AJ1547" s="53">
        <v>401760</v>
      </c>
      <c r="AK1547" s="53">
        <v>401760</v>
      </c>
      <c r="AL1547" s="53">
        <v>401760</v>
      </c>
      <c r="AM1547" s="53">
        <v>401760</v>
      </c>
      <c r="AN1547" s="53">
        <v>4821120</v>
      </c>
      <c r="AO1547" s="53">
        <v>401760</v>
      </c>
      <c r="AP1547" s="53">
        <v>401760</v>
      </c>
      <c r="AQ1547" s="53">
        <v>401760</v>
      </c>
      <c r="AR1547" s="53">
        <v>401760</v>
      </c>
      <c r="AS1547" s="53">
        <v>401760</v>
      </c>
      <c r="AT1547" s="53">
        <v>401760</v>
      </c>
      <c r="AU1547" s="53">
        <v>401760</v>
      </c>
      <c r="AV1547" s="53">
        <v>401760</v>
      </c>
      <c r="AW1547" s="53">
        <v>401760</v>
      </c>
      <c r="AX1547" s="53">
        <v>401760</v>
      </c>
      <c r="AY1547" s="53">
        <v>401760</v>
      </c>
      <c r="AZ1547" s="53">
        <v>401760</v>
      </c>
      <c r="BA1547" s="53">
        <v>4821120</v>
      </c>
    </row>
    <row r="1548" spans="1:53">
      <c r="A1548" s="52" t="s">
        <v>665</v>
      </c>
    </row>
    <row r="1549" spans="1:53">
      <c r="A1549" s="52" t="s">
        <v>666</v>
      </c>
    </row>
    <row r="1550" spans="1:53">
      <c r="A1550" s="52" t="s">
        <v>649</v>
      </c>
      <c r="B1550" s="53">
        <v>87223891.746199906</v>
      </c>
      <c r="C1550" s="53">
        <v>51214573.389700003</v>
      </c>
      <c r="D1550" s="53">
        <v>59002217.521399997</v>
      </c>
      <c r="E1550" s="53">
        <v>54905480.198700003</v>
      </c>
      <c r="F1550" s="53">
        <v>54602362.657899998</v>
      </c>
      <c r="G1550" s="53">
        <v>54302479.490699999</v>
      </c>
      <c r="H1550" s="53">
        <v>53089307.905000001</v>
      </c>
      <c r="I1550" s="53">
        <v>53152801.737099998</v>
      </c>
      <c r="J1550" s="53">
        <v>56017644.341399997</v>
      </c>
      <c r="K1550" s="53">
        <v>62184941.793200001</v>
      </c>
      <c r="L1550" s="53">
        <v>62258976.5999</v>
      </c>
      <c r="M1550" s="53">
        <v>54931520.412</v>
      </c>
      <c r="N1550" s="53">
        <v>702886197.79320002</v>
      </c>
      <c r="O1550" s="53">
        <v>78323592.746199995</v>
      </c>
      <c r="P1550" s="53">
        <v>52916003.389700003</v>
      </c>
      <c r="Q1550" s="53">
        <v>59820850.5213999</v>
      </c>
      <c r="R1550" s="53">
        <v>57012059.198700003</v>
      </c>
      <c r="S1550" s="53">
        <v>55905983.657899998</v>
      </c>
      <c r="T1550" s="53">
        <v>56630680.490699999</v>
      </c>
      <c r="U1550" s="53">
        <v>55852397.905000001</v>
      </c>
      <c r="V1550" s="53">
        <v>54803467.737099998</v>
      </c>
      <c r="W1550" s="53">
        <v>58711116.341399997</v>
      </c>
      <c r="X1550" s="53">
        <v>64791296.793200001</v>
      </c>
      <c r="Y1550" s="53">
        <v>63117919.5999</v>
      </c>
      <c r="Z1550" s="53">
        <v>58246862.412</v>
      </c>
      <c r="AA1550" s="53">
        <v>716132230.79320002</v>
      </c>
      <c r="AB1550" s="53">
        <v>79729265.746199995</v>
      </c>
      <c r="AC1550" s="53">
        <v>54431999.389700003</v>
      </c>
      <c r="AD1550" s="53">
        <v>61384338.521399997</v>
      </c>
      <c r="AE1550" s="53">
        <v>58455086.198700003</v>
      </c>
      <c r="AF1550" s="53">
        <v>57318808.657899998</v>
      </c>
      <c r="AG1550" s="53">
        <v>57924481.490699999</v>
      </c>
      <c r="AH1550" s="53">
        <v>57200668.905000001</v>
      </c>
      <c r="AI1550" s="53">
        <v>56173037.737099998</v>
      </c>
      <c r="AJ1550" s="53">
        <v>60105189.341399997</v>
      </c>
      <c r="AK1550" s="53">
        <v>66185223.793200001</v>
      </c>
      <c r="AL1550" s="53">
        <v>64524402.5999</v>
      </c>
      <c r="AM1550" s="53">
        <v>59837914.412</v>
      </c>
      <c r="AN1550" s="53">
        <v>733270416.79320002</v>
      </c>
      <c r="AO1550" s="53">
        <v>79968829.746199995</v>
      </c>
      <c r="AP1550" s="53">
        <v>54412910.389700003</v>
      </c>
      <c r="AQ1550" s="53">
        <v>61376162.5213999</v>
      </c>
      <c r="AR1550" s="53">
        <v>58450448.198699899</v>
      </c>
      <c r="AS1550" s="53">
        <v>57321467.657899998</v>
      </c>
      <c r="AT1550" s="53">
        <v>57968884.490699999</v>
      </c>
      <c r="AU1550" s="53">
        <v>57275139.905000001</v>
      </c>
      <c r="AV1550" s="53">
        <v>56249873.737099998</v>
      </c>
      <c r="AW1550" s="53">
        <v>60133388.341399997</v>
      </c>
      <c r="AX1550" s="53">
        <v>66182153.793199897</v>
      </c>
      <c r="AY1550" s="53">
        <v>64522409.5999</v>
      </c>
      <c r="AZ1550" s="53">
        <v>70249503.412</v>
      </c>
      <c r="BA1550" s="53">
        <v>744111171.79320002</v>
      </c>
    </row>
    <row r="1551" spans="1:53">
      <c r="A1551" s="52" t="s">
        <v>667</v>
      </c>
    </row>
    <row r="1552" spans="1:53">
      <c r="A1552" s="52" t="s">
        <v>649</v>
      </c>
      <c r="B1552" s="53">
        <v>-758998.64</v>
      </c>
      <c r="N1552" s="53">
        <v>-758998.64</v>
      </c>
      <c r="O1552" s="53">
        <v>-758998.64</v>
      </c>
      <c r="AA1552" s="53">
        <v>-758998.64</v>
      </c>
      <c r="AB1552" s="53">
        <v>-758998.64</v>
      </c>
      <c r="AN1552" s="53">
        <v>-758998.64</v>
      </c>
      <c r="AO1552" s="53">
        <v>-758998.64</v>
      </c>
      <c r="BA1552" s="53">
        <v>-758998.64</v>
      </c>
    </row>
    <row r="1553" spans="1:53">
      <c r="A1553" s="52" t="s">
        <v>668</v>
      </c>
    </row>
    <row r="1554" spans="1:53">
      <c r="A1554" s="52" t="s">
        <v>649</v>
      </c>
      <c r="B1554" s="53">
        <v>18734540.223899901</v>
      </c>
      <c r="C1554" s="53">
        <v>11051429.0473</v>
      </c>
      <c r="D1554" s="53">
        <v>15201366.9840999</v>
      </c>
      <c r="E1554" s="53">
        <v>12296340.0382999</v>
      </c>
      <c r="F1554" s="53">
        <v>12328037.7175999</v>
      </c>
      <c r="G1554" s="53">
        <v>14657471.687599899</v>
      </c>
      <c r="H1554" s="53">
        <v>11328505.535499999</v>
      </c>
      <c r="I1554" s="53">
        <v>11293212.8814</v>
      </c>
      <c r="J1554" s="53">
        <v>10265895.814799899</v>
      </c>
      <c r="K1554" s="53">
        <v>13268458.1959999</v>
      </c>
      <c r="L1554" s="53">
        <v>10961642.150599999</v>
      </c>
      <c r="M1554" s="53">
        <v>11197447.760399999</v>
      </c>
      <c r="N1554" s="53">
        <v>152584348.03749999</v>
      </c>
      <c r="O1554" s="53">
        <v>18102520.223899901</v>
      </c>
      <c r="P1554" s="53">
        <v>10436450.0473</v>
      </c>
      <c r="Q1554" s="53">
        <v>14637749.984099999</v>
      </c>
      <c r="R1554" s="53">
        <v>11683340.0382999</v>
      </c>
      <c r="S1554" s="53">
        <v>11815408.7175999</v>
      </c>
      <c r="T1554" s="53">
        <v>14195123.687599899</v>
      </c>
      <c r="U1554" s="53">
        <v>11519058.535499901</v>
      </c>
      <c r="V1554" s="53">
        <v>11484331.8814</v>
      </c>
      <c r="W1554" s="53">
        <v>10504633.8148</v>
      </c>
      <c r="X1554" s="53">
        <v>13548225.1959999</v>
      </c>
      <c r="Y1554" s="53">
        <v>11147466.150599999</v>
      </c>
      <c r="Z1554" s="53">
        <v>11435603.760399999</v>
      </c>
      <c r="AA1554" s="53">
        <v>150509912.03749901</v>
      </c>
      <c r="AB1554" s="53">
        <v>17731288.883900002</v>
      </c>
      <c r="AC1554" s="53">
        <v>10059918.7073</v>
      </c>
      <c r="AD1554" s="53">
        <v>14314383.644099999</v>
      </c>
      <c r="AE1554" s="53">
        <v>11308864.6982999</v>
      </c>
      <c r="AF1554" s="53">
        <v>11443165.377599901</v>
      </c>
      <c r="AG1554" s="53">
        <v>13874949.347599899</v>
      </c>
      <c r="AH1554" s="53">
        <v>11150157.195499901</v>
      </c>
      <c r="AI1554" s="53">
        <v>11116021.5413999</v>
      </c>
      <c r="AJ1554" s="53">
        <v>10185596.4748</v>
      </c>
      <c r="AK1554" s="53">
        <v>13272995.8559999</v>
      </c>
      <c r="AL1554" s="53">
        <v>10773598.8106</v>
      </c>
      <c r="AM1554" s="53">
        <v>11115895.420399999</v>
      </c>
      <c r="AN1554" s="53">
        <v>146346835.957499</v>
      </c>
      <c r="AO1554" s="53">
        <v>17791237.883899901</v>
      </c>
      <c r="AP1554" s="53">
        <v>10114355.7073</v>
      </c>
      <c r="AQ1554" s="53">
        <v>14423851.6440999</v>
      </c>
      <c r="AR1554" s="53">
        <v>11365439.6982999</v>
      </c>
      <c r="AS1554" s="53">
        <v>11502083.377599901</v>
      </c>
      <c r="AT1554" s="53">
        <v>13987787.347599899</v>
      </c>
      <c r="AU1554" s="53">
        <v>11212583.195499999</v>
      </c>
      <c r="AV1554" s="53">
        <v>11179070.5414</v>
      </c>
      <c r="AW1554" s="53">
        <v>10299630.4748</v>
      </c>
      <c r="AX1554" s="53">
        <v>13433777.8559999</v>
      </c>
      <c r="AY1554" s="53">
        <v>10830811.8106</v>
      </c>
      <c r="AZ1554" s="53">
        <v>11229158.420399999</v>
      </c>
      <c r="BA1554" s="53">
        <v>147369787.957499</v>
      </c>
    </row>
    <row r="1555" spans="1:53">
      <c r="A1555" s="52" t="s">
        <v>669</v>
      </c>
    </row>
    <row r="1556" spans="1:53">
      <c r="A1556" s="52" t="s">
        <v>649</v>
      </c>
      <c r="B1556" s="53">
        <v>2276692.2067</v>
      </c>
      <c r="C1556" s="53">
        <v>2276692.2067</v>
      </c>
      <c r="D1556" s="53">
        <v>2276692.2067</v>
      </c>
      <c r="E1556" s="53">
        <v>2276692.2067</v>
      </c>
      <c r="F1556" s="53">
        <v>2276692.2067</v>
      </c>
      <c r="G1556" s="53">
        <v>2276692.2067</v>
      </c>
      <c r="H1556" s="53">
        <v>2276692.2067</v>
      </c>
      <c r="I1556" s="53">
        <v>2276692.2067</v>
      </c>
      <c r="J1556" s="53">
        <v>2276692.2067</v>
      </c>
      <c r="K1556" s="53">
        <v>2276692.2067</v>
      </c>
      <c r="L1556" s="53">
        <v>2276692.2067</v>
      </c>
      <c r="M1556" s="53">
        <v>2276692.2067</v>
      </c>
      <c r="N1556" s="53">
        <v>27320306.4804</v>
      </c>
      <c r="O1556" s="53">
        <v>2276692.2067</v>
      </c>
      <c r="P1556" s="53">
        <v>2276692.2067</v>
      </c>
      <c r="Q1556" s="53">
        <v>2276692.2067</v>
      </c>
      <c r="R1556" s="53">
        <v>2276692.2067</v>
      </c>
      <c r="S1556" s="53">
        <v>2276692.2067</v>
      </c>
      <c r="T1556" s="53">
        <v>2276692.2067</v>
      </c>
      <c r="U1556" s="53">
        <v>2276692.2067</v>
      </c>
      <c r="V1556" s="53">
        <v>2276692.2067</v>
      </c>
      <c r="W1556" s="53">
        <v>2276692.2067</v>
      </c>
      <c r="X1556" s="53">
        <v>2276692.2067</v>
      </c>
      <c r="Y1556" s="53">
        <v>2276692.2067</v>
      </c>
      <c r="Z1556" s="53">
        <v>2276692.2067</v>
      </c>
      <c r="AA1556" s="53">
        <v>27320306.4804</v>
      </c>
      <c r="AB1556" s="53">
        <v>2276692.2067</v>
      </c>
      <c r="AC1556" s="53">
        <v>2276692.2067</v>
      </c>
      <c r="AD1556" s="53">
        <v>2276692.2067</v>
      </c>
      <c r="AE1556" s="53">
        <v>2276692.2067</v>
      </c>
      <c r="AF1556" s="53">
        <v>2276692.2067</v>
      </c>
      <c r="AG1556" s="53">
        <v>2276692.2067</v>
      </c>
      <c r="AH1556" s="53">
        <v>2276692.2067</v>
      </c>
      <c r="AI1556" s="53">
        <v>2276692.2067</v>
      </c>
      <c r="AJ1556" s="53">
        <v>2276692.2067</v>
      </c>
      <c r="AK1556" s="53">
        <v>2276692.2067</v>
      </c>
      <c r="AL1556" s="53">
        <v>2276692.2067</v>
      </c>
      <c r="AM1556" s="53">
        <v>2276692.2067</v>
      </c>
      <c r="AN1556" s="53">
        <v>27320306.4804</v>
      </c>
      <c r="AO1556" s="53">
        <v>2276692.2067</v>
      </c>
      <c r="AP1556" s="53">
        <v>2276692.2067</v>
      </c>
      <c r="AQ1556" s="53">
        <v>2276692.2067</v>
      </c>
      <c r="AR1556" s="53">
        <v>2276692.2067</v>
      </c>
      <c r="AS1556" s="53">
        <v>2276692.2067</v>
      </c>
      <c r="AT1556" s="53">
        <v>2276692.2067</v>
      </c>
      <c r="AU1556" s="53">
        <v>2276692.2067</v>
      </c>
      <c r="AV1556" s="53">
        <v>2276692.2067</v>
      </c>
      <c r="AW1556" s="53">
        <v>2276692.2067</v>
      </c>
      <c r="AX1556" s="53">
        <v>2276692.2067</v>
      </c>
      <c r="AY1556" s="53">
        <v>2276692.2067</v>
      </c>
      <c r="AZ1556" s="53">
        <v>2276692.2067</v>
      </c>
      <c r="BA1556" s="53">
        <v>27320306.4804</v>
      </c>
    </row>
    <row r="1557" spans="1:53">
      <c r="A1557" s="52" t="s">
        <v>670</v>
      </c>
    </row>
    <row r="1558" spans="1:53">
      <c r="A1558" s="52" t="s">
        <v>671</v>
      </c>
    </row>
    <row r="1559" spans="1:53">
      <c r="A1559" s="52" t="s">
        <v>649</v>
      </c>
      <c r="B1559" s="53">
        <v>1427936.25</v>
      </c>
      <c r="C1559" s="53">
        <v>1427936.25</v>
      </c>
      <c r="D1559" s="53">
        <v>1427936.25</v>
      </c>
      <c r="E1559" s="53">
        <v>1427936.25</v>
      </c>
      <c r="F1559" s="53">
        <v>1427936.25</v>
      </c>
      <c r="G1559" s="53">
        <v>1427936.25</v>
      </c>
      <c r="H1559" s="53">
        <v>1427936.25</v>
      </c>
      <c r="I1559" s="53">
        <v>1427936.25</v>
      </c>
      <c r="J1559" s="53">
        <v>1427936.25</v>
      </c>
      <c r="K1559" s="53">
        <v>1427936.25</v>
      </c>
      <c r="L1559" s="53">
        <v>1427936.25</v>
      </c>
      <c r="M1559" s="53">
        <v>1427936.25</v>
      </c>
      <c r="N1559" s="53">
        <v>17135235</v>
      </c>
      <c r="O1559" s="53">
        <v>1427936.33333333</v>
      </c>
      <c r="P1559" s="53">
        <v>1427936.33333333</v>
      </c>
      <c r="Q1559" s="53">
        <v>1427936.33333333</v>
      </c>
      <c r="R1559" s="53">
        <v>1427936.33333333</v>
      </c>
      <c r="S1559" s="53">
        <v>1427936.33333333</v>
      </c>
      <c r="T1559" s="53">
        <v>1427936.33333333</v>
      </c>
      <c r="U1559" s="53">
        <v>1427936.33333333</v>
      </c>
      <c r="V1559" s="53">
        <v>1427936.33333333</v>
      </c>
      <c r="W1559" s="53">
        <v>1427936.33333333</v>
      </c>
      <c r="X1559" s="53">
        <v>1427936.33333333</v>
      </c>
      <c r="Y1559" s="53">
        <v>1427936.33333333</v>
      </c>
      <c r="Z1559" s="53">
        <v>1427936.33333333</v>
      </c>
      <c r="AA1559" s="53">
        <v>17135236</v>
      </c>
      <c r="AB1559" s="53">
        <v>1427936.33333333</v>
      </c>
      <c r="AC1559" s="53">
        <v>1427936.33333333</v>
      </c>
      <c r="AD1559" s="53">
        <v>1427936.33333333</v>
      </c>
      <c r="AE1559" s="53">
        <v>1427936.33333333</v>
      </c>
      <c r="AF1559" s="53">
        <v>1427936.33333333</v>
      </c>
      <c r="AG1559" s="53">
        <v>1427936.33333333</v>
      </c>
      <c r="AH1559" s="53">
        <v>1427936.33333333</v>
      </c>
      <c r="AI1559" s="53">
        <v>1427936.33333333</v>
      </c>
      <c r="AJ1559" s="53">
        <v>1427936.33333333</v>
      </c>
      <c r="AK1559" s="53">
        <v>1427936.33333333</v>
      </c>
      <c r="AL1559" s="53">
        <v>1427936.33333333</v>
      </c>
      <c r="AM1559" s="53">
        <v>1427936.33333333</v>
      </c>
      <c r="AN1559" s="53">
        <v>17135236</v>
      </c>
      <c r="AO1559" s="53">
        <v>1427936.33333333</v>
      </c>
      <c r="AP1559" s="53">
        <v>1427936.33333333</v>
      </c>
      <c r="AQ1559" s="53">
        <v>1427936.33333333</v>
      </c>
      <c r="AR1559" s="53">
        <v>1427936.33333333</v>
      </c>
      <c r="AS1559" s="53">
        <v>1427936.33333333</v>
      </c>
      <c r="AT1559" s="53">
        <v>1427936.33333333</v>
      </c>
      <c r="AU1559" s="53">
        <v>1427936.33333333</v>
      </c>
      <c r="AV1559" s="53">
        <v>1427936.33333333</v>
      </c>
      <c r="AW1559" s="53">
        <v>1427936.33333333</v>
      </c>
      <c r="AX1559" s="53">
        <v>1427936.33333333</v>
      </c>
      <c r="AY1559" s="53">
        <v>1427936.33333333</v>
      </c>
      <c r="AZ1559" s="53">
        <v>1427936.33333333</v>
      </c>
      <c r="BA1559" s="53">
        <v>17135236</v>
      </c>
    </row>
    <row r="1560" spans="1:53">
      <c r="A1560" s="52" t="s">
        <v>672</v>
      </c>
    </row>
    <row r="1561" spans="1:53">
      <c r="A1561" s="52" t="s">
        <v>675</v>
      </c>
    </row>
    <row r="1562" spans="1:53">
      <c r="A1562" s="52" t="s">
        <v>676</v>
      </c>
    </row>
    <row r="1563" spans="1:53">
      <c r="A1563" s="52" t="s">
        <v>649</v>
      </c>
      <c r="B1563" s="53">
        <v>-18529474.157951999</v>
      </c>
      <c r="C1563" s="53">
        <v>-15971156.8737536</v>
      </c>
      <c r="D1563" s="53">
        <v>-11021336.313234899</v>
      </c>
      <c r="E1563" s="53">
        <v>2254801.1422243398</v>
      </c>
      <c r="F1563" s="53">
        <v>8640456.2188929897</v>
      </c>
      <c r="G1563" s="53">
        <v>12447503.667705201</v>
      </c>
      <c r="H1563" s="53">
        <v>12470838.230329599</v>
      </c>
      <c r="I1563" s="53">
        <v>10679834.6888573</v>
      </c>
      <c r="J1563" s="53">
        <v>8656412.9557677303</v>
      </c>
      <c r="K1563" s="53">
        <v>3799560.3463280699</v>
      </c>
      <c r="L1563" s="53">
        <v>-7125741.2095972598</v>
      </c>
      <c r="M1563" s="53">
        <v>-6981538.2753179297</v>
      </c>
      <c r="N1563" s="53">
        <v>-679839.579750492</v>
      </c>
      <c r="O1563" s="53">
        <v>-10774445.880903199</v>
      </c>
      <c r="P1563" s="53">
        <v>-8193951.9317744495</v>
      </c>
      <c r="Q1563" s="53">
        <v>-5323454.14354097</v>
      </c>
      <c r="R1563" s="53">
        <v>5404141.66233957</v>
      </c>
      <c r="S1563" s="53">
        <v>3105153.4170666402</v>
      </c>
      <c r="T1563" s="53">
        <v>7138881.1264997302</v>
      </c>
      <c r="U1563" s="53">
        <v>6294179.8078226196</v>
      </c>
      <c r="V1563" s="53">
        <v>5107637.7128688898</v>
      </c>
      <c r="W1563" s="53">
        <v>3556500.8992884601</v>
      </c>
      <c r="X1563" s="53">
        <v>-142881.666376924</v>
      </c>
      <c r="Y1563" s="53">
        <v>-1427141.6027099399</v>
      </c>
      <c r="Z1563" s="53">
        <v>-5430026.4487731596</v>
      </c>
      <c r="AA1563" s="53">
        <v>-685407.04819277697</v>
      </c>
      <c r="AB1563" s="53">
        <v>-10648104.3218017</v>
      </c>
      <c r="AC1563" s="53">
        <v>-7266508.92085109</v>
      </c>
      <c r="AD1563" s="53">
        <v>-6809758.8784044301</v>
      </c>
      <c r="AE1563" s="53">
        <v>3182085.2321695401</v>
      </c>
      <c r="AF1563" s="53">
        <v>4367940.6211621603</v>
      </c>
      <c r="AG1563" s="53">
        <v>6941453.4337358596</v>
      </c>
      <c r="AH1563" s="53">
        <v>5824175.7317623096</v>
      </c>
      <c r="AI1563" s="53">
        <v>4549997.9950692998</v>
      </c>
      <c r="AJ1563" s="53">
        <v>3504032.5084884502</v>
      </c>
      <c r="AK1563" s="53">
        <v>1391388.5223379401</v>
      </c>
      <c r="AL1563" s="53">
        <v>-953201.33302622696</v>
      </c>
      <c r="AM1563" s="53">
        <v>-4775430.7171986997</v>
      </c>
      <c r="AN1563" s="53">
        <v>-691930.12655660196</v>
      </c>
      <c r="AO1563" s="53">
        <v>-8035507.1787361503</v>
      </c>
      <c r="AP1563" s="53">
        <v>-7687498.1006373698</v>
      </c>
      <c r="AQ1563" s="53">
        <v>-5375585.0116486195</v>
      </c>
      <c r="AR1563" s="53">
        <v>2680035.0756096998</v>
      </c>
      <c r="AS1563" s="53">
        <v>4913791.4080533599</v>
      </c>
      <c r="AT1563" s="53">
        <v>6310706.5243134703</v>
      </c>
      <c r="AU1563" s="53">
        <v>5650954.0009020399</v>
      </c>
      <c r="AV1563" s="53">
        <v>4611177.23853298</v>
      </c>
      <c r="AW1563" s="53">
        <v>2950561.2432193798</v>
      </c>
      <c r="AX1563" s="53">
        <v>2091039.2663350999</v>
      </c>
      <c r="AY1563" s="53">
        <v>-3766689.0904278499</v>
      </c>
      <c r="AZ1563" s="53">
        <v>-5041281.7608413901</v>
      </c>
      <c r="BA1563" s="53">
        <v>-698296.38532533101</v>
      </c>
    </row>
    <row r="1564" spans="1:53">
      <c r="A1564" s="52" t="s">
        <v>677</v>
      </c>
    </row>
    <row r="1565" spans="1:53">
      <c r="A1565" s="52" t="s">
        <v>649</v>
      </c>
      <c r="B1565" s="53">
        <v>13761024.1836429</v>
      </c>
      <c r="C1565" s="53">
        <v>13761024.1836429</v>
      </c>
      <c r="D1565" s="53">
        <v>13761024.1836429</v>
      </c>
      <c r="E1565" s="53">
        <v>13761024.1836429</v>
      </c>
      <c r="F1565" s="53">
        <v>13761024.1836429</v>
      </c>
      <c r="G1565" s="53">
        <v>13761024.1836429</v>
      </c>
      <c r="H1565" s="53">
        <v>13761024.1836429</v>
      </c>
      <c r="I1565" s="53">
        <v>13761024.1836429</v>
      </c>
      <c r="J1565" s="53">
        <v>13761024.1836429</v>
      </c>
      <c r="K1565" s="53">
        <v>13761024.1836429</v>
      </c>
      <c r="L1565" s="53">
        <v>13761024.1836429</v>
      </c>
      <c r="M1565" s="53">
        <v>13761024.1836429</v>
      </c>
      <c r="N1565" s="53">
        <v>165132290.203715</v>
      </c>
      <c r="O1565" s="53">
        <v>56653.2983125389</v>
      </c>
      <c r="P1565" s="53">
        <v>56653.2983125389</v>
      </c>
      <c r="Q1565" s="53">
        <v>56653.2983125389</v>
      </c>
      <c r="R1565" s="53">
        <v>56653.2983125389</v>
      </c>
      <c r="S1565" s="53">
        <v>56653.2983125389</v>
      </c>
      <c r="T1565" s="53">
        <v>56653.2983125389</v>
      </c>
      <c r="U1565" s="53">
        <v>56653.2983125389</v>
      </c>
      <c r="V1565" s="53">
        <v>56653.2983125389</v>
      </c>
      <c r="W1565" s="53">
        <v>56653.2983125389</v>
      </c>
      <c r="X1565" s="53">
        <v>56653.2983125389</v>
      </c>
      <c r="Y1565" s="53">
        <v>56653.2983125389</v>
      </c>
      <c r="Z1565" s="53">
        <v>56653.2983125389</v>
      </c>
      <c r="AA1565" s="53">
        <v>679839.57975046698</v>
      </c>
      <c r="AB1565" s="53">
        <v>57117.254016064297</v>
      </c>
      <c r="AC1565" s="53">
        <v>57117.254016064297</v>
      </c>
      <c r="AD1565" s="53">
        <v>57117.254016064297</v>
      </c>
      <c r="AE1565" s="53">
        <v>57117.254016064297</v>
      </c>
      <c r="AF1565" s="53">
        <v>57117.254016064297</v>
      </c>
      <c r="AG1565" s="53">
        <v>57117.254016064297</v>
      </c>
      <c r="AH1565" s="53">
        <v>57117.254016064297</v>
      </c>
      <c r="AI1565" s="53">
        <v>57117.254016064297</v>
      </c>
      <c r="AJ1565" s="53">
        <v>57117.254016064297</v>
      </c>
      <c r="AK1565" s="53">
        <v>57117.254016064297</v>
      </c>
      <c r="AL1565" s="53">
        <v>57117.254016064297</v>
      </c>
      <c r="AM1565" s="53">
        <v>57117.254016064297</v>
      </c>
      <c r="AN1565" s="53">
        <v>685407.04819277104</v>
      </c>
      <c r="AO1565" s="53">
        <v>57660.843879716398</v>
      </c>
      <c r="AP1565" s="53">
        <v>57660.843879716398</v>
      </c>
      <c r="AQ1565" s="53">
        <v>57660.843879716398</v>
      </c>
      <c r="AR1565" s="53">
        <v>57660.843879716398</v>
      </c>
      <c r="AS1565" s="53">
        <v>57660.843879716398</v>
      </c>
      <c r="AT1565" s="53">
        <v>57660.843879716398</v>
      </c>
      <c r="AU1565" s="53">
        <v>57660.843879716398</v>
      </c>
      <c r="AV1565" s="53">
        <v>57660.843879716398</v>
      </c>
      <c r="AW1565" s="53">
        <v>57660.843879716398</v>
      </c>
      <c r="AX1565" s="53">
        <v>57660.843879716398</v>
      </c>
      <c r="AY1565" s="53">
        <v>57660.843879716398</v>
      </c>
      <c r="AZ1565" s="53">
        <v>57660.843879716398</v>
      </c>
      <c r="BA1565" s="53">
        <v>691930.12655659695</v>
      </c>
    </row>
    <row r="1566" spans="1:53">
      <c r="A1566" s="52" t="s">
        <v>683</v>
      </c>
    </row>
    <row r="1567" spans="1:53">
      <c r="A1567" s="52" t="s">
        <v>684</v>
      </c>
    </row>
    <row r="1568" spans="1:53">
      <c r="A1568" s="52" t="s">
        <v>649</v>
      </c>
      <c r="B1568" s="53">
        <v>-2403480.6766351801</v>
      </c>
      <c r="C1568" s="53">
        <v>-2403480.6766351801</v>
      </c>
      <c r="D1568" s="53">
        <v>-2403480.6766351801</v>
      </c>
      <c r="E1568" s="53">
        <v>-2403480.6766351801</v>
      </c>
      <c r="F1568" s="53">
        <v>-2403480.6766351801</v>
      </c>
      <c r="G1568" s="53">
        <v>-2403480.6766351801</v>
      </c>
      <c r="H1568" s="53">
        <v>-2403480.6766351801</v>
      </c>
      <c r="I1568" s="53">
        <v>-2403480.6766351801</v>
      </c>
      <c r="J1568" s="53">
        <v>-2403480.6766351801</v>
      </c>
      <c r="K1568" s="53">
        <v>-2403480.6766351801</v>
      </c>
      <c r="L1568" s="53">
        <v>-2403480.6766351801</v>
      </c>
      <c r="M1568" s="53">
        <v>-2403480.6766351801</v>
      </c>
      <c r="N1568" s="53">
        <v>-28841768.1196221</v>
      </c>
      <c r="O1568" s="53">
        <v>-2503052.2729601399</v>
      </c>
      <c r="P1568" s="53">
        <v>-2503052.2729601399</v>
      </c>
      <c r="Q1568" s="53">
        <v>-2503052.2729601399</v>
      </c>
      <c r="R1568" s="53">
        <v>-2503052.2729601399</v>
      </c>
      <c r="S1568" s="53">
        <v>-2503052.2729601399</v>
      </c>
      <c r="T1568" s="53">
        <v>-2503052.2729601399</v>
      </c>
      <c r="U1568" s="53">
        <v>-2503052.2729601399</v>
      </c>
      <c r="V1568" s="53">
        <v>-2503052.2729601399</v>
      </c>
      <c r="W1568" s="53">
        <v>-2503052.2729601399</v>
      </c>
      <c r="X1568" s="53">
        <v>-2503052.2729601399</v>
      </c>
      <c r="Y1568" s="53">
        <v>-2503052.2729601399</v>
      </c>
      <c r="Z1568" s="53">
        <v>-2503052.2729601399</v>
      </c>
      <c r="AA1568" s="53">
        <v>-30036627.2755218</v>
      </c>
      <c r="AB1568" s="53">
        <v>-2608285.4393304898</v>
      </c>
      <c r="AC1568" s="53">
        <v>-2608285.4393304898</v>
      </c>
      <c r="AD1568" s="53">
        <v>-2608285.4393304898</v>
      </c>
      <c r="AE1568" s="53">
        <v>-2608285.4393304898</v>
      </c>
      <c r="AF1568" s="53">
        <v>-2608285.4393304898</v>
      </c>
      <c r="AG1568" s="53">
        <v>-2608285.4393304898</v>
      </c>
      <c r="AH1568" s="53">
        <v>-2608285.4393304898</v>
      </c>
      <c r="AI1568" s="53">
        <v>-2608285.4393304898</v>
      </c>
      <c r="AJ1568" s="53">
        <v>-2608285.4393304898</v>
      </c>
      <c r="AK1568" s="53">
        <v>-2608285.4393304898</v>
      </c>
      <c r="AL1568" s="53">
        <v>-2608285.4393304898</v>
      </c>
      <c r="AM1568" s="53">
        <v>-2608285.4393304898</v>
      </c>
      <c r="AN1568" s="53">
        <v>-31299425.271965899</v>
      </c>
      <c r="AO1568" s="53">
        <v>-2696891.11743967</v>
      </c>
      <c r="AP1568" s="53">
        <v>-2696891.11743967</v>
      </c>
      <c r="AQ1568" s="53">
        <v>-2696891.11743967</v>
      </c>
      <c r="AR1568" s="53">
        <v>-2696891.11743967</v>
      </c>
      <c r="AS1568" s="53">
        <v>-2696891.11743967</v>
      </c>
      <c r="AT1568" s="53">
        <v>-2696891.11743967</v>
      </c>
      <c r="AU1568" s="53">
        <v>-2696891.11743967</v>
      </c>
      <c r="AV1568" s="53">
        <v>-2696891.11743967</v>
      </c>
      <c r="AW1568" s="53">
        <v>-2696891.11743967</v>
      </c>
      <c r="AX1568" s="53">
        <v>-2696891.11743967</v>
      </c>
      <c r="AY1568" s="53">
        <v>-2696891.11743967</v>
      </c>
      <c r="AZ1568" s="53">
        <v>-2696891.11743967</v>
      </c>
      <c r="BA1568" s="53">
        <v>-32362693.409276001</v>
      </c>
    </row>
    <row r="1569" spans="1:40">
      <c r="A1569" s="52" t="s">
        <v>650</v>
      </c>
    </row>
    <row r="1570" spans="1:40">
      <c r="A1570" s="52" t="s">
        <v>685</v>
      </c>
    </row>
    <row r="1571" spans="1:40">
      <c r="A1571" s="52" t="s">
        <v>649</v>
      </c>
      <c r="B1571" s="53">
        <v>-6144401.3682519495</v>
      </c>
      <c r="C1571" s="53">
        <v>-6144401.3682519495</v>
      </c>
      <c r="D1571" s="53">
        <v>-6144401.3682519495</v>
      </c>
      <c r="E1571" s="53">
        <v>-6144401.3682519495</v>
      </c>
      <c r="F1571" s="53">
        <v>-6144401.3682519495</v>
      </c>
      <c r="G1571" s="53">
        <v>-6144401.3682519495</v>
      </c>
      <c r="H1571" s="53">
        <v>-6144401.3682519495</v>
      </c>
      <c r="I1571" s="53">
        <v>-6144401.3682519495</v>
      </c>
      <c r="J1571" s="53">
        <v>-6144401.3682519495</v>
      </c>
      <c r="K1571" s="53">
        <v>-6144401.3682519495</v>
      </c>
      <c r="L1571" s="53">
        <v>-6144401.3682519495</v>
      </c>
      <c r="M1571" s="53">
        <v>-6144401.3682519495</v>
      </c>
      <c r="N1571" s="53">
        <v>-73732816.419023395</v>
      </c>
      <c r="O1571" s="53">
        <v>-2355598.63174805</v>
      </c>
      <c r="P1571" s="53">
        <v>-2355598.63174805</v>
      </c>
      <c r="Q1571" s="53">
        <v>-2355598.63174805</v>
      </c>
      <c r="R1571" s="53">
        <v>-2355598.63174805</v>
      </c>
      <c r="S1571" s="53">
        <v>-2355598.63174805</v>
      </c>
      <c r="T1571" s="53">
        <v>-2355598.63174805</v>
      </c>
      <c r="U1571" s="53">
        <v>-2355598.63174805</v>
      </c>
      <c r="V1571" s="53">
        <v>-2355598.63174805</v>
      </c>
      <c r="W1571" s="53">
        <v>-2355598.63174805</v>
      </c>
      <c r="X1571" s="53">
        <v>-2355598.63174805</v>
      </c>
      <c r="Y1571" s="53">
        <v>-2355598.63174805</v>
      </c>
      <c r="Z1571" s="53">
        <v>-2355598.63174805</v>
      </c>
      <c r="AA1571" s="53">
        <v>-28267183.580976501</v>
      </c>
    </row>
    <row r="1572" spans="1:40">
      <c r="A1572" s="52" t="s">
        <v>686</v>
      </c>
    </row>
    <row r="1573" spans="1:40">
      <c r="A1573" s="52" t="s">
        <v>649</v>
      </c>
      <c r="B1573" s="53">
        <v>-4276984.9313265998</v>
      </c>
      <c r="C1573" s="53">
        <v>-4276984.9313265998</v>
      </c>
      <c r="D1573" s="53">
        <v>-4276984.9313265998</v>
      </c>
      <c r="E1573" s="53">
        <v>-4276984.9313265998</v>
      </c>
      <c r="F1573" s="53">
        <v>-4276984.9313265998</v>
      </c>
      <c r="G1573" s="53">
        <v>-4276984.9313265998</v>
      </c>
      <c r="H1573" s="53">
        <v>-4276984.9313265998</v>
      </c>
      <c r="I1573" s="53">
        <v>-4276984.9313265998</v>
      </c>
      <c r="J1573" s="53">
        <v>-4276984.9313265998</v>
      </c>
      <c r="K1573" s="53">
        <v>-4276984.9313265998</v>
      </c>
      <c r="L1573" s="53">
        <v>-4276984.9313265998</v>
      </c>
      <c r="M1573" s="53">
        <v>-4276984.9313265998</v>
      </c>
      <c r="N1573" s="53">
        <v>-51323819.175919197</v>
      </c>
      <c r="O1573" s="53">
        <v>-1639681.36867339</v>
      </c>
      <c r="P1573" s="53">
        <v>-1639681.36867339</v>
      </c>
      <c r="Q1573" s="53">
        <v>-1639681.36867339</v>
      </c>
      <c r="R1573" s="53">
        <v>-1639681.36867339</v>
      </c>
      <c r="S1573" s="53">
        <v>-1639681.36867339</v>
      </c>
      <c r="T1573" s="53">
        <v>-1639681.36867339</v>
      </c>
      <c r="U1573" s="53">
        <v>-1639681.36867339</v>
      </c>
      <c r="V1573" s="53">
        <v>-1639681.36867339</v>
      </c>
      <c r="W1573" s="53">
        <v>-1639681.36867339</v>
      </c>
      <c r="X1573" s="53">
        <v>-1639681.36867339</v>
      </c>
      <c r="Y1573" s="53">
        <v>-1639681.36867339</v>
      </c>
      <c r="Z1573" s="53">
        <v>-1639681.36867339</v>
      </c>
      <c r="AA1573" s="53">
        <v>-19676176.4240807</v>
      </c>
    </row>
    <row r="1574" spans="1:40">
      <c r="A1574" s="52" t="s">
        <v>687</v>
      </c>
    </row>
    <row r="1575" spans="1:40">
      <c r="A1575" s="52" t="s">
        <v>649</v>
      </c>
    </row>
    <row r="1576" spans="1:40">
      <c r="A1576" s="52" t="s">
        <v>688</v>
      </c>
    </row>
    <row r="1577" spans="1:40">
      <c r="A1577" s="52" t="s">
        <v>649</v>
      </c>
    </row>
    <row r="1578" spans="1:40">
      <c r="A1578" s="52" t="s">
        <v>689</v>
      </c>
    </row>
    <row r="1579" spans="1:40">
      <c r="A1579" s="52" t="s">
        <v>649</v>
      </c>
      <c r="B1579" s="53">
        <v>-351833.33333333198</v>
      </c>
      <c r="C1579" s="53">
        <v>-351833.33333333198</v>
      </c>
      <c r="D1579" s="53">
        <v>-351833.33333333198</v>
      </c>
      <c r="E1579" s="53">
        <v>-351833.33333333198</v>
      </c>
      <c r="F1579" s="53">
        <v>-351833.33333333198</v>
      </c>
      <c r="G1579" s="53">
        <v>-351833.33333333198</v>
      </c>
      <c r="H1579" s="53">
        <v>-351833.33333333198</v>
      </c>
      <c r="I1579" s="53">
        <v>-351833.33333333198</v>
      </c>
      <c r="J1579" s="53">
        <v>-351833.33333333198</v>
      </c>
      <c r="K1579" s="53">
        <v>-351833.33333333198</v>
      </c>
      <c r="L1579" s="53">
        <v>-351833.33333333198</v>
      </c>
      <c r="M1579" s="53">
        <v>-351833.33333333198</v>
      </c>
      <c r="N1579" s="53">
        <v>-4221999.9999999898</v>
      </c>
      <c r="O1579" s="53">
        <v>-250000</v>
      </c>
      <c r="P1579" s="53">
        <v>-250000</v>
      </c>
      <c r="Q1579" s="53">
        <v>-250000</v>
      </c>
      <c r="R1579" s="53">
        <v>-250000</v>
      </c>
      <c r="S1579" s="53">
        <v>-250000</v>
      </c>
      <c r="T1579" s="53">
        <v>-250000</v>
      </c>
      <c r="U1579" s="53">
        <v>-250000</v>
      </c>
      <c r="V1579" s="53">
        <v>-250000</v>
      </c>
      <c r="W1579" s="53">
        <v>-250000</v>
      </c>
      <c r="X1579" s="53">
        <v>-250000</v>
      </c>
      <c r="Y1579" s="53">
        <v>-250000</v>
      </c>
      <c r="Z1579" s="53">
        <v>-250000</v>
      </c>
      <c r="AA1579" s="53">
        <v>-3000000</v>
      </c>
      <c r="AB1579" s="53">
        <v>-75000</v>
      </c>
      <c r="AC1579" s="53">
        <v>-75000</v>
      </c>
      <c r="AD1579" s="53">
        <v>-75000</v>
      </c>
      <c r="AE1579" s="53">
        <v>-75000</v>
      </c>
      <c r="AF1579" s="53">
        <v>-75000</v>
      </c>
      <c r="AG1579" s="53">
        <v>-75000</v>
      </c>
      <c r="AH1579" s="53">
        <v>-75000</v>
      </c>
      <c r="AI1579" s="53">
        <v>-75000</v>
      </c>
      <c r="AJ1579" s="53">
        <v>-75000</v>
      </c>
      <c r="AK1579" s="53">
        <v>-75000</v>
      </c>
      <c r="AL1579" s="53">
        <v>-75000</v>
      </c>
      <c r="AM1579" s="53">
        <v>-75000</v>
      </c>
      <c r="AN1579" s="53">
        <v>-900000</v>
      </c>
    </row>
    <row r="1580" spans="1:40">
      <c r="A1580" s="52" t="s">
        <v>690</v>
      </c>
    </row>
    <row r="1581" spans="1:40">
      <c r="A1581" s="52" t="s">
        <v>649</v>
      </c>
      <c r="B1581" s="53">
        <v>-196878</v>
      </c>
      <c r="C1581" s="53">
        <v>-196878</v>
      </c>
      <c r="D1581" s="53">
        <v>-196878</v>
      </c>
      <c r="E1581" s="53">
        <v>-196878</v>
      </c>
      <c r="F1581" s="53">
        <v>-196878</v>
      </c>
      <c r="G1581" s="53">
        <v>-196878</v>
      </c>
      <c r="H1581" s="53">
        <v>-196878</v>
      </c>
      <c r="I1581" s="53">
        <v>-196878</v>
      </c>
      <c r="J1581" s="53">
        <v>-196878</v>
      </c>
      <c r="K1581" s="53">
        <v>-196878</v>
      </c>
      <c r="L1581" s="53">
        <v>-196878</v>
      </c>
      <c r="M1581" s="53">
        <v>-196878</v>
      </c>
      <c r="N1581" s="53">
        <v>-2362535.9999999902</v>
      </c>
      <c r="O1581" s="53">
        <v>-437988</v>
      </c>
      <c r="P1581" s="53">
        <v>-437988</v>
      </c>
      <c r="Q1581" s="53">
        <v>-437988</v>
      </c>
      <c r="R1581" s="53">
        <v>-437988</v>
      </c>
      <c r="S1581" s="53">
        <v>-437988</v>
      </c>
      <c r="T1581" s="53">
        <v>-437988</v>
      </c>
      <c r="U1581" s="53">
        <v>-437988</v>
      </c>
      <c r="V1581" s="53">
        <v>-437988</v>
      </c>
      <c r="W1581" s="53">
        <v>-437988</v>
      </c>
      <c r="X1581" s="53">
        <v>-437988</v>
      </c>
      <c r="Y1581" s="53">
        <v>-437988</v>
      </c>
      <c r="Z1581" s="53">
        <v>-437988</v>
      </c>
      <c r="AA1581" s="53">
        <v>-5255856</v>
      </c>
      <c r="AB1581" s="53">
        <v>-570228</v>
      </c>
      <c r="AC1581" s="53">
        <v>-570228</v>
      </c>
      <c r="AD1581" s="53">
        <v>-570228</v>
      </c>
      <c r="AE1581" s="53">
        <v>-570228</v>
      </c>
      <c r="AF1581" s="53">
        <v>-570228</v>
      </c>
      <c r="AG1581" s="53">
        <v>-570228</v>
      </c>
      <c r="AH1581" s="53">
        <v>-570228</v>
      </c>
      <c r="AI1581" s="53">
        <v>-570228</v>
      </c>
      <c r="AJ1581" s="53">
        <v>-570228</v>
      </c>
      <c r="AK1581" s="53">
        <v>-570228</v>
      </c>
      <c r="AL1581" s="53">
        <v>-570228</v>
      </c>
      <c r="AM1581" s="53">
        <v>-570228</v>
      </c>
      <c r="AN1581" s="53">
        <v>-6842736</v>
      </c>
    </row>
    <row r="1582" spans="1:40">
      <c r="A1582" s="52" t="s">
        <v>691</v>
      </c>
    </row>
    <row r="1583" spans="1:40">
      <c r="A1583" s="52" t="s">
        <v>649</v>
      </c>
      <c r="O1583" s="53">
        <v>-31070.333333333299</v>
      </c>
      <c r="P1583" s="53">
        <v>-31070.333333333299</v>
      </c>
      <c r="Q1583" s="53">
        <v>-31070.333333333299</v>
      </c>
      <c r="R1583" s="53">
        <v>-31070.333333333299</v>
      </c>
      <c r="S1583" s="53">
        <v>-31070.333333333299</v>
      </c>
      <c r="T1583" s="53">
        <v>-31070.333333333299</v>
      </c>
      <c r="U1583" s="53">
        <v>-31070.333333333299</v>
      </c>
      <c r="V1583" s="53">
        <v>-31070.333333333299</v>
      </c>
      <c r="W1583" s="53">
        <v>-31070.333333333299</v>
      </c>
      <c r="X1583" s="53">
        <v>-31070.333333333299</v>
      </c>
      <c r="Y1583" s="53">
        <v>-31070.333333333299</v>
      </c>
      <c r="Z1583" s="53">
        <v>-31070.333333333299</v>
      </c>
      <c r="AA1583" s="53">
        <v>-372843.99999999901</v>
      </c>
      <c r="AB1583" s="53">
        <v>-68515.666666666701</v>
      </c>
      <c r="AC1583" s="53">
        <v>-68515.666666666701</v>
      </c>
      <c r="AD1583" s="53">
        <v>-68515.666666666701</v>
      </c>
      <c r="AE1583" s="53">
        <v>-68515.666666666701</v>
      </c>
      <c r="AF1583" s="53">
        <v>-68515.666666666701</v>
      </c>
      <c r="AG1583" s="53">
        <v>-68515.666666666701</v>
      </c>
      <c r="AH1583" s="53">
        <v>-68515.666666666701</v>
      </c>
      <c r="AI1583" s="53">
        <v>-68515.666666666701</v>
      </c>
      <c r="AJ1583" s="53">
        <v>-68515.666666666701</v>
      </c>
      <c r="AK1583" s="53">
        <v>-68515.666666666701</v>
      </c>
      <c r="AL1583" s="53">
        <v>-68515.666666666701</v>
      </c>
      <c r="AM1583" s="53">
        <v>-68515.666666666701</v>
      </c>
      <c r="AN1583" s="53">
        <v>-822188</v>
      </c>
    </row>
    <row r="1584" spans="1:40">
      <c r="A1584" s="52" t="s">
        <v>693</v>
      </c>
    </row>
    <row r="1585" spans="1:53">
      <c r="A1585" s="52" t="s">
        <v>649</v>
      </c>
      <c r="B1585" s="53">
        <v>-1356596.1</v>
      </c>
      <c r="C1585" s="53">
        <v>-1356596.1</v>
      </c>
      <c r="D1585" s="53">
        <v>-1356596.1</v>
      </c>
      <c r="E1585" s="53">
        <v>-1356596.1</v>
      </c>
      <c r="F1585" s="53">
        <v>-1356596.1</v>
      </c>
      <c r="G1585" s="53">
        <v>-1356596.1</v>
      </c>
      <c r="H1585" s="53">
        <v>-1356596.1</v>
      </c>
      <c r="I1585" s="53">
        <v>-1356596.1</v>
      </c>
      <c r="J1585" s="53">
        <v>-1356596.1</v>
      </c>
      <c r="K1585" s="53">
        <v>-1356596.1</v>
      </c>
      <c r="L1585" s="53">
        <v>-1356596.1</v>
      </c>
      <c r="M1585" s="53">
        <v>-1356596.1</v>
      </c>
      <c r="N1585" s="53">
        <v>-16279153.199999999</v>
      </c>
      <c r="O1585" s="53">
        <v>-1356596.1</v>
      </c>
      <c r="P1585" s="53">
        <v>-1356596.1</v>
      </c>
      <c r="Q1585" s="53">
        <v>-1356596.1</v>
      </c>
      <c r="R1585" s="53">
        <v>-1356596.1</v>
      </c>
      <c r="S1585" s="53">
        <v>-1356596.1</v>
      </c>
      <c r="T1585" s="53">
        <v>-1356596.1</v>
      </c>
      <c r="U1585" s="53">
        <v>-1356596.1</v>
      </c>
      <c r="V1585" s="53">
        <v>-1356596.1</v>
      </c>
      <c r="W1585" s="53">
        <v>-1356596.1</v>
      </c>
      <c r="X1585" s="53">
        <v>-1356596.1</v>
      </c>
      <c r="Y1585" s="53">
        <v>-1356596.1</v>
      </c>
      <c r="Z1585" s="53">
        <v>-1356596.1</v>
      </c>
      <c r="AA1585" s="53">
        <v>-16279153.199999999</v>
      </c>
    </row>
    <row r="1586" spans="1:53">
      <c r="A1586" s="52" t="s">
        <v>796</v>
      </c>
      <c r="B1586" s="53">
        <v>360623342.458799</v>
      </c>
      <c r="C1586" s="53">
        <v>300056524.46364701</v>
      </c>
      <c r="D1586" s="53">
        <v>325315369.10468</v>
      </c>
      <c r="E1586" s="53">
        <v>323192799.81255901</v>
      </c>
      <c r="F1586" s="53">
        <v>362494986.99089098</v>
      </c>
      <c r="G1586" s="53">
        <v>387385537.61429</v>
      </c>
      <c r="H1586" s="53">
        <v>397583615.16629797</v>
      </c>
      <c r="I1586" s="53">
        <v>396444401.476336</v>
      </c>
      <c r="J1586" s="53">
        <v>382311405.63979</v>
      </c>
      <c r="K1586" s="53">
        <v>359060561.10715902</v>
      </c>
      <c r="L1586" s="53">
        <v>319610629.44539303</v>
      </c>
      <c r="M1586" s="53">
        <v>325877571.406578</v>
      </c>
      <c r="N1586" s="53">
        <v>4239956744.68642</v>
      </c>
      <c r="O1586" s="53">
        <v>336128869.80161297</v>
      </c>
      <c r="P1586" s="53">
        <v>288823350.90804499</v>
      </c>
      <c r="Q1586" s="53">
        <v>307679069.23306799</v>
      </c>
      <c r="R1586" s="53">
        <v>305606401.89094502</v>
      </c>
      <c r="S1586" s="53">
        <v>337744706.67867398</v>
      </c>
      <c r="T1586" s="53">
        <v>360411442.72037899</v>
      </c>
      <c r="U1586" s="53">
        <v>370781608.69789797</v>
      </c>
      <c r="V1586" s="53">
        <v>368825788.69376999</v>
      </c>
      <c r="W1586" s="53">
        <v>358691005.94222301</v>
      </c>
      <c r="X1586" s="53">
        <v>340211079.05788201</v>
      </c>
      <c r="Y1586" s="53">
        <v>305378600.91734201</v>
      </c>
      <c r="Z1586" s="53">
        <v>312538054.09760797</v>
      </c>
      <c r="AA1586" s="53">
        <v>3992819978.6394501</v>
      </c>
      <c r="AB1586" s="53">
        <v>332526885.41327798</v>
      </c>
      <c r="AC1586" s="53">
        <v>283594339.138506</v>
      </c>
      <c r="AD1586" s="53">
        <v>303837994.477135</v>
      </c>
      <c r="AE1586" s="53">
        <v>302170670.37808901</v>
      </c>
      <c r="AF1586" s="53">
        <v>330603478.40646303</v>
      </c>
      <c r="AG1586" s="53">
        <v>350835222.25770402</v>
      </c>
      <c r="AH1586" s="53">
        <v>358795587.59326899</v>
      </c>
      <c r="AI1586" s="53">
        <v>357337036.49775398</v>
      </c>
      <c r="AJ1586" s="53">
        <v>349510389.996813</v>
      </c>
      <c r="AK1586" s="53">
        <v>335427759.00900197</v>
      </c>
      <c r="AL1586" s="53">
        <v>304215404.13298899</v>
      </c>
      <c r="AM1586" s="53">
        <v>310287459.83004898</v>
      </c>
      <c r="AN1586" s="53">
        <v>3919142227.1310501</v>
      </c>
      <c r="AO1586" s="53">
        <v>334980346.69178402</v>
      </c>
      <c r="AP1586" s="53">
        <v>286660496.02120697</v>
      </c>
      <c r="AQ1586" s="53">
        <v>306557454.67246199</v>
      </c>
      <c r="AR1586" s="53">
        <v>304357161.03381503</v>
      </c>
      <c r="AS1586" s="53">
        <v>331341863.343153</v>
      </c>
      <c r="AT1586" s="53">
        <v>351200572.35070401</v>
      </c>
      <c r="AU1586" s="53">
        <v>358402022.24506199</v>
      </c>
      <c r="AV1586" s="53">
        <v>356917191.97311699</v>
      </c>
      <c r="AW1586" s="53">
        <v>349720393.13230199</v>
      </c>
      <c r="AX1586" s="53">
        <v>335811607.75919902</v>
      </c>
      <c r="AY1586" s="53">
        <v>305811001.52269399</v>
      </c>
      <c r="AZ1586" s="53">
        <v>321916778.068187</v>
      </c>
      <c r="BA1586" s="53">
        <v>3943676888.8136902</v>
      </c>
    </row>
    <row r="1587" spans="1:53">
      <c r="A1587" s="57" t="s">
        <v>797</v>
      </c>
      <c r="B1587" s="53">
        <v>58262854.168627799</v>
      </c>
      <c r="C1587" s="53">
        <v>59054404.012227401</v>
      </c>
      <c r="D1587" s="53">
        <v>53712820.417314202</v>
      </c>
      <c r="E1587" s="53">
        <v>64184029.635749899</v>
      </c>
      <c r="F1587" s="53">
        <v>97154307.618637204</v>
      </c>
      <c r="G1587" s="53">
        <v>111853745.423209</v>
      </c>
      <c r="H1587" s="53">
        <v>129395798.798143</v>
      </c>
      <c r="I1587" s="53">
        <v>128365930.517509</v>
      </c>
      <c r="J1587" s="53">
        <v>112612978.180849</v>
      </c>
      <c r="K1587" s="53">
        <v>81331131.173112795</v>
      </c>
      <c r="L1587" s="53">
        <v>53551181.268715203</v>
      </c>
      <c r="M1587" s="53">
        <v>65221669.269842699</v>
      </c>
      <c r="N1587" s="53">
        <v>1014700850.48393</v>
      </c>
      <c r="O1587" s="53">
        <v>68355839.390524194</v>
      </c>
      <c r="P1587" s="53">
        <v>63505972.144695401</v>
      </c>
      <c r="Q1587" s="53">
        <v>56543983.064861499</v>
      </c>
      <c r="R1587" s="53">
        <v>66473449.871290401</v>
      </c>
      <c r="S1587" s="53">
        <v>101825127.74413</v>
      </c>
      <c r="T1587" s="53">
        <v>113350608.887119</v>
      </c>
      <c r="U1587" s="53">
        <v>131055933.832849</v>
      </c>
      <c r="V1587" s="53">
        <v>131852366.390562</v>
      </c>
      <c r="W1587" s="53">
        <v>114250726.016711</v>
      </c>
      <c r="X1587" s="53">
        <v>81193507.357823893</v>
      </c>
      <c r="Y1587" s="53">
        <v>52360667.088684902</v>
      </c>
      <c r="Z1587" s="53">
        <v>63767361.223025501</v>
      </c>
      <c r="AA1587" s="53">
        <v>1044535543.01228</v>
      </c>
      <c r="AB1587" s="53">
        <v>75727595.266469002</v>
      </c>
      <c r="AC1587" s="53">
        <v>62618152.811804101</v>
      </c>
      <c r="AD1587" s="53">
        <v>58383035.929784298</v>
      </c>
      <c r="AE1587" s="53">
        <v>68504837.143045604</v>
      </c>
      <c r="AF1587" s="53">
        <v>105439258.23004</v>
      </c>
      <c r="AG1587" s="53">
        <v>121178919.724576</v>
      </c>
      <c r="AH1587" s="53">
        <v>140918306.34756601</v>
      </c>
      <c r="AI1587" s="53">
        <v>141819970.692393</v>
      </c>
      <c r="AJ1587" s="53">
        <v>123667992.948557</v>
      </c>
      <c r="AK1587" s="53">
        <v>88630316.058947697</v>
      </c>
      <c r="AL1587" s="53">
        <v>59015620.018279001</v>
      </c>
      <c r="AM1587" s="53">
        <v>69532929.781142205</v>
      </c>
      <c r="AN1587" s="53">
        <v>1115436934.9526</v>
      </c>
      <c r="AO1587" s="53">
        <v>86651949.963373005</v>
      </c>
      <c r="AP1587" s="53">
        <v>67550653.952401504</v>
      </c>
      <c r="AQ1587" s="53">
        <v>63775280.752329201</v>
      </c>
      <c r="AR1587" s="53">
        <v>74536433.922079593</v>
      </c>
      <c r="AS1587" s="53">
        <v>113151096.670636</v>
      </c>
      <c r="AT1587" s="53">
        <v>127115368.508406</v>
      </c>
      <c r="AU1587" s="53">
        <v>146610695.44742101</v>
      </c>
      <c r="AV1587" s="53">
        <v>147585644.90191099</v>
      </c>
      <c r="AW1587" s="53">
        <v>128763516.972453</v>
      </c>
      <c r="AX1587" s="53">
        <v>93390322.812359303</v>
      </c>
      <c r="AY1587" s="53">
        <v>62464831.661802202</v>
      </c>
      <c r="AZ1587" s="53">
        <v>66588160.930654198</v>
      </c>
      <c r="BA1587" s="53">
        <v>1178183956.49582</v>
      </c>
    </row>
    <row r="1588" spans="1:53">
      <c r="A1588" s="59" t="s">
        <v>798</v>
      </c>
      <c r="B1588" s="53">
        <v>-7.2759576141834206E-8</v>
      </c>
      <c r="C1588" s="53">
        <v>1.4551915228366801E-8</v>
      </c>
      <c r="D1588" s="53">
        <v>-4.3655745685100502E-8</v>
      </c>
      <c r="E1588" s="53">
        <v>1.4551915228366801E-8</v>
      </c>
      <c r="F1588" s="53">
        <v>0</v>
      </c>
      <c r="G1588" s="53">
        <v>8.7311491370201098E-8</v>
      </c>
      <c r="H1588" s="53">
        <v>-2.91038304567337E-8</v>
      </c>
      <c r="I1588" s="53">
        <v>-4.3655745685100502E-8</v>
      </c>
      <c r="J1588" s="53">
        <v>-8.7311491370201098E-8</v>
      </c>
      <c r="K1588" s="53">
        <v>-2.91038304567337E-8</v>
      </c>
      <c r="L1588" s="53">
        <v>-1.4551915228366801E-8</v>
      </c>
      <c r="M1588" s="53">
        <v>-1.4551915228366801E-8</v>
      </c>
      <c r="N1588" s="53">
        <v>-2.1827872842550201E-7</v>
      </c>
      <c r="O1588" s="53">
        <v>5.8207660913467401E-8</v>
      </c>
      <c r="P1588" s="53">
        <v>7.2759576141834201E-9</v>
      </c>
      <c r="Q1588" s="53">
        <v>4.3655745685100502E-8</v>
      </c>
      <c r="R1588" s="53">
        <v>5.8207660913467401E-8</v>
      </c>
      <c r="S1588" s="53">
        <v>7.2759576141834206E-8</v>
      </c>
      <c r="T1588" s="53">
        <v>-8.7311491370201098E-8</v>
      </c>
      <c r="U1588" s="53">
        <v>-2.91038304567337E-8</v>
      </c>
      <c r="V1588" s="53">
        <v>2.91038304567337E-8</v>
      </c>
      <c r="W1588" s="53">
        <v>-5.8207660913467401E-8</v>
      </c>
      <c r="X1588" s="53">
        <v>5.8207660913467401E-8</v>
      </c>
      <c r="Y1588" s="53">
        <v>-3.6379788070917103E-8</v>
      </c>
      <c r="Z1588" s="53">
        <v>-4.3655745685100502E-8</v>
      </c>
      <c r="AA1588" s="53">
        <v>7.2759576141834206E-8</v>
      </c>
      <c r="AB1588" s="53">
        <v>0</v>
      </c>
      <c r="AC1588" s="53">
        <v>-3.6379788070917103E-8</v>
      </c>
      <c r="AD1588" s="53">
        <v>5.0931703299283902E-8</v>
      </c>
      <c r="AE1588" s="53">
        <v>2.91038304567337E-8</v>
      </c>
      <c r="AF1588" s="53">
        <v>-2.91038304567337E-8</v>
      </c>
      <c r="AG1588" s="53">
        <v>-2.91038304567337E-8</v>
      </c>
      <c r="AH1588" s="53">
        <v>0</v>
      </c>
      <c r="AI1588" s="53">
        <v>0</v>
      </c>
      <c r="AJ1588" s="53">
        <v>-1.4551915228366801E-8</v>
      </c>
      <c r="AK1588" s="53">
        <v>-4.3655745685100502E-8</v>
      </c>
      <c r="AL1588" s="53">
        <v>4.3655745685100502E-8</v>
      </c>
      <c r="AM1588" s="53">
        <v>4.3655745685100502E-8</v>
      </c>
      <c r="AN1588" s="53">
        <v>1.4551915228366801E-8</v>
      </c>
      <c r="AO1588" s="53">
        <v>-1.4551915228366801E-8</v>
      </c>
      <c r="AP1588" s="53">
        <v>2.91038304567337E-8</v>
      </c>
      <c r="AQ1588" s="53">
        <v>4.3655745685100502E-8</v>
      </c>
      <c r="AR1588" s="53">
        <v>2.91038304567337E-8</v>
      </c>
      <c r="AS1588" s="53">
        <v>0</v>
      </c>
      <c r="AT1588" s="53">
        <v>-5.8207660913467401E-8</v>
      </c>
      <c r="AU1588" s="53">
        <v>2.91038304567337E-8</v>
      </c>
      <c r="AV1588" s="53">
        <v>2.91038304567337E-8</v>
      </c>
      <c r="AW1588" s="53">
        <v>2.91038304567337E-8</v>
      </c>
      <c r="AX1588" s="53">
        <v>2.91038304567337E-8</v>
      </c>
      <c r="AY1588" s="53">
        <v>2.1827872842550202E-8</v>
      </c>
      <c r="AZ1588" s="53">
        <v>5.8207660913467401E-8</v>
      </c>
      <c r="BA1588" s="53">
        <v>2.2555468603968599E-7</v>
      </c>
    </row>
    <row r="1589" spans="1:53">
      <c r="A1589" s="52" t="s">
        <v>799</v>
      </c>
    </row>
    <row r="1590" spans="1:53">
      <c r="A1590" s="52" t="s">
        <v>409</v>
      </c>
      <c r="B1590" s="53">
        <v>0</v>
      </c>
      <c r="C1590" s="53">
        <v>0</v>
      </c>
      <c r="D1590" s="53">
        <v>0</v>
      </c>
      <c r="E1590" s="53">
        <v>0</v>
      </c>
      <c r="F1590" s="53">
        <v>0</v>
      </c>
      <c r="G1590" s="53">
        <v>0</v>
      </c>
      <c r="H1590" s="53">
        <v>0</v>
      </c>
      <c r="I1590" s="53">
        <v>0</v>
      </c>
      <c r="J1590" s="53">
        <v>0</v>
      </c>
      <c r="K1590" s="53">
        <v>0</v>
      </c>
      <c r="L1590" s="53">
        <v>0</v>
      </c>
      <c r="M1590" s="53">
        <v>0</v>
      </c>
      <c r="N1590" s="53">
        <v>0</v>
      </c>
      <c r="O1590" s="53">
        <v>0</v>
      </c>
      <c r="P1590" s="53">
        <v>0</v>
      </c>
      <c r="Q1590" s="53">
        <v>0</v>
      </c>
      <c r="R1590" s="53">
        <v>0</v>
      </c>
      <c r="S1590" s="53">
        <v>0</v>
      </c>
      <c r="T1590" s="53">
        <v>0</v>
      </c>
      <c r="U1590" s="53">
        <v>0</v>
      </c>
      <c r="V1590" s="53">
        <v>0</v>
      </c>
      <c r="W1590" s="53">
        <v>0</v>
      </c>
      <c r="X1590" s="53">
        <v>0</v>
      </c>
      <c r="Y1590" s="53">
        <v>0</v>
      </c>
      <c r="Z1590" s="53">
        <v>0</v>
      </c>
      <c r="AA1590" s="53">
        <v>0</v>
      </c>
      <c r="AB1590" s="53">
        <v>0</v>
      </c>
      <c r="AC1590" s="53">
        <v>0</v>
      </c>
      <c r="AD1590" s="53">
        <v>0</v>
      </c>
      <c r="AE1590" s="53">
        <v>0</v>
      </c>
      <c r="AF1590" s="53">
        <v>0</v>
      </c>
      <c r="AG1590" s="53">
        <v>0</v>
      </c>
      <c r="AH1590" s="53">
        <v>0</v>
      </c>
      <c r="AI1590" s="53">
        <v>0</v>
      </c>
      <c r="AJ1590" s="53">
        <v>0</v>
      </c>
      <c r="AK1590" s="53">
        <v>0</v>
      </c>
      <c r="AL1590" s="53">
        <v>0</v>
      </c>
      <c r="AM1590" s="53">
        <v>0</v>
      </c>
      <c r="AN1590" s="53">
        <v>0</v>
      </c>
      <c r="AO1590" s="53">
        <v>0</v>
      </c>
      <c r="AP1590" s="53">
        <v>0</v>
      </c>
      <c r="AQ1590" s="53">
        <v>0</v>
      </c>
      <c r="AR1590" s="53">
        <v>0</v>
      </c>
      <c r="AS1590" s="53">
        <v>0</v>
      </c>
      <c r="AT1590" s="53">
        <v>0</v>
      </c>
      <c r="AU1590" s="53">
        <v>0</v>
      </c>
      <c r="AV1590" s="53">
        <v>0</v>
      </c>
      <c r="AW1590" s="53">
        <v>0</v>
      </c>
      <c r="AX1590" s="53">
        <v>0</v>
      </c>
      <c r="AY1590" s="53">
        <v>0</v>
      </c>
      <c r="AZ1590" s="53">
        <v>0</v>
      </c>
      <c r="BA1590" s="53">
        <v>0</v>
      </c>
    </row>
  </sheetData>
  <pageMargins left="0.7" right="0.7" top="0.75" bottom="0.75" header="0.3" footer="0.3"/>
  <pageSetup orientation="portrait" r:id="rId1"/>
  <headerFooter>
    <oddHeader xml:space="preserve">&amp;RDEF’s Response to OPC POD 1 (1-26)
Q7
Page &amp;P of &amp;N
</oddHeader>
    <oddFooter>&amp;R20240025-OPCPOD1-00004231</oddFooter>
  </headerFooter>
  <colBreaks count="1" manualBreakCount="1">
    <brk id="39"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667196-3D07-4296-98FA-BF925F77DA94}">
  <dimension ref="A1:BA1071"/>
  <sheetViews>
    <sheetView tabSelected="1" workbookViewId="0">
      <pane xSplit="1" ySplit="3" topLeftCell="B377" activePane="bottomRight" state="frozen"/>
      <selection activeCell="I44" sqref="I44"/>
      <selection pane="topRight" activeCell="I44" sqref="I44"/>
      <selection pane="bottomLeft" activeCell="I44" sqref="I44"/>
      <selection pane="bottomRight" activeCell="I44" sqref="I44"/>
    </sheetView>
  </sheetViews>
  <sheetFormatPr defaultColWidth="8.77734375" defaultRowHeight="10.199999999999999" outlineLevelCol="1"/>
  <cols>
    <col min="1" max="1" width="56.6640625" style="229" customWidth="1"/>
    <col min="2" max="13" width="10.77734375" style="64" hidden="1" customWidth="1" outlineLevel="1"/>
    <col min="14" max="14" width="12.33203125" style="64" bestFit="1" customWidth="1" collapsed="1"/>
    <col min="15" max="26" width="10.77734375" style="64" hidden="1" customWidth="1" outlineLevel="1"/>
    <col min="27" max="27" width="12.33203125" style="64" bestFit="1" customWidth="1" collapsed="1"/>
    <col min="28" max="39" width="10.77734375" style="64" hidden="1" customWidth="1" outlineLevel="1"/>
    <col min="40" max="40" width="12.33203125" style="64" bestFit="1" customWidth="1" collapsed="1"/>
    <col min="41" max="52" width="10.77734375" style="64" hidden="1" customWidth="1" outlineLevel="1"/>
    <col min="53" max="53" width="12.33203125" style="64" bestFit="1" customWidth="1" collapsed="1"/>
    <col min="54" max="16384" width="8.77734375" style="64"/>
  </cols>
  <sheetData>
    <row r="1" spans="1:53" s="63" customFormat="1">
      <c r="A1" s="228"/>
    </row>
    <row r="2" spans="1:53" s="63" customFormat="1">
      <c r="A2" s="56" t="s">
        <v>2959</v>
      </c>
      <c r="B2" s="55" t="s">
        <v>147</v>
      </c>
      <c r="C2" s="55" t="s">
        <v>148</v>
      </c>
      <c r="D2" s="55" t="s">
        <v>149</v>
      </c>
      <c r="E2" s="55" t="s">
        <v>150</v>
      </c>
      <c r="F2" s="55" t="s">
        <v>151</v>
      </c>
      <c r="G2" s="55" t="s">
        <v>152</v>
      </c>
      <c r="H2" s="55" t="s">
        <v>153</v>
      </c>
      <c r="I2" s="55" t="s">
        <v>154</v>
      </c>
      <c r="J2" s="55" t="s">
        <v>155</v>
      </c>
      <c r="K2" s="55" t="s">
        <v>156</v>
      </c>
      <c r="L2" s="55" t="s">
        <v>157</v>
      </c>
      <c r="M2" s="55" t="s">
        <v>158</v>
      </c>
      <c r="N2" s="55" t="s">
        <v>31</v>
      </c>
      <c r="O2" s="55" t="s">
        <v>159</v>
      </c>
      <c r="P2" s="55" t="s">
        <v>160</v>
      </c>
      <c r="Q2" s="55" t="s">
        <v>161</v>
      </c>
      <c r="R2" s="55" t="s">
        <v>162</v>
      </c>
      <c r="S2" s="55" t="s">
        <v>163</v>
      </c>
      <c r="T2" s="55" t="s">
        <v>164</v>
      </c>
      <c r="U2" s="55" t="s">
        <v>165</v>
      </c>
      <c r="V2" s="55" t="s">
        <v>166</v>
      </c>
      <c r="W2" s="55" t="s">
        <v>167</v>
      </c>
      <c r="X2" s="55" t="s">
        <v>168</v>
      </c>
      <c r="Y2" s="55" t="s">
        <v>169</v>
      </c>
      <c r="Z2" s="55" t="s">
        <v>170</v>
      </c>
      <c r="AA2" s="55" t="s">
        <v>28</v>
      </c>
      <c r="AB2" s="55" t="s">
        <v>171</v>
      </c>
      <c r="AC2" s="55" t="s">
        <v>172</v>
      </c>
      <c r="AD2" s="55" t="s">
        <v>173</v>
      </c>
      <c r="AE2" s="55" t="s">
        <v>174</v>
      </c>
      <c r="AF2" s="55" t="s">
        <v>175</v>
      </c>
      <c r="AG2" s="55" t="s">
        <v>176</v>
      </c>
      <c r="AH2" s="55" t="s">
        <v>177</v>
      </c>
      <c r="AI2" s="55" t="s">
        <v>178</v>
      </c>
      <c r="AJ2" s="55" t="s">
        <v>179</v>
      </c>
      <c r="AK2" s="55" t="s">
        <v>180</v>
      </c>
      <c r="AL2" s="55" t="s">
        <v>181</v>
      </c>
      <c r="AM2" s="55" t="s">
        <v>182</v>
      </c>
      <c r="AN2" s="55" t="s">
        <v>25</v>
      </c>
      <c r="AO2" s="55" t="s">
        <v>183</v>
      </c>
      <c r="AP2" s="55" t="s">
        <v>184</v>
      </c>
      <c r="AQ2" s="55" t="s">
        <v>185</v>
      </c>
      <c r="AR2" s="55" t="s">
        <v>186</v>
      </c>
      <c r="AS2" s="55" t="s">
        <v>187</v>
      </c>
      <c r="AT2" s="55" t="s">
        <v>188</v>
      </c>
      <c r="AU2" s="55" t="s">
        <v>189</v>
      </c>
      <c r="AV2" s="55" t="s">
        <v>190</v>
      </c>
      <c r="AW2" s="55" t="s">
        <v>191</v>
      </c>
      <c r="AX2" s="55" t="s">
        <v>192</v>
      </c>
      <c r="AY2" s="55" t="s">
        <v>193</v>
      </c>
      <c r="AZ2" s="55" t="s">
        <v>194</v>
      </c>
      <c r="BA2" s="55" t="s">
        <v>22</v>
      </c>
    </row>
    <row r="3" spans="1:53" s="63" customFormat="1">
      <c r="A3" s="56"/>
      <c r="B3" s="55"/>
      <c r="C3" s="55"/>
      <c r="D3" s="55"/>
      <c r="E3" s="55"/>
      <c r="F3" s="55"/>
      <c r="G3" s="55"/>
      <c r="H3" s="55"/>
      <c r="I3" s="55"/>
      <c r="J3" s="55"/>
      <c r="K3" s="55"/>
      <c r="L3" s="55"/>
      <c r="M3" s="55"/>
      <c r="N3" s="55"/>
      <c r="O3" s="55"/>
      <c r="P3" s="55"/>
      <c r="Q3" s="55"/>
      <c r="R3" s="55"/>
      <c r="S3" s="55"/>
      <c r="T3" s="55"/>
      <c r="U3" s="55"/>
      <c r="V3" s="55"/>
      <c r="W3" s="55"/>
      <c r="X3" s="55"/>
      <c r="Y3" s="55"/>
      <c r="Z3" s="55"/>
      <c r="AA3" s="55"/>
      <c r="AB3" s="55"/>
      <c r="AC3" s="55"/>
      <c r="AD3" s="55"/>
      <c r="AE3" s="55"/>
      <c r="AF3" s="55"/>
      <c r="AG3" s="55"/>
      <c r="AH3" s="55"/>
      <c r="AI3" s="55"/>
      <c r="AJ3" s="55"/>
      <c r="AK3" s="55"/>
      <c r="AL3" s="55"/>
      <c r="AM3" s="55"/>
      <c r="AN3" s="55"/>
      <c r="AO3" s="55"/>
      <c r="AP3" s="55"/>
      <c r="AQ3" s="55"/>
      <c r="AR3" s="55"/>
      <c r="AS3" s="55"/>
      <c r="AT3" s="55"/>
      <c r="AU3" s="55"/>
      <c r="AV3" s="55"/>
      <c r="AW3" s="55"/>
      <c r="AX3" s="55"/>
      <c r="AY3" s="55"/>
      <c r="AZ3" s="55"/>
      <c r="BA3" s="55"/>
    </row>
    <row r="4" spans="1:53">
      <c r="A4" s="52" t="s">
        <v>195</v>
      </c>
      <c r="B4" s="53"/>
      <c r="C4" s="53"/>
      <c r="D4" s="53"/>
      <c r="E4" s="53"/>
      <c r="F4" s="53"/>
      <c r="G4" s="53"/>
      <c r="H4" s="53"/>
      <c r="I4" s="53"/>
      <c r="J4" s="53"/>
      <c r="K4" s="53"/>
      <c r="L4" s="53"/>
      <c r="M4" s="53"/>
      <c r="N4" s="53"/>
      <c r="O4" s="53"/>
      <c r="P4" s="53"/>
      <c r="Q4" s="53"/>
      <c r="R4" s="53"/>
      <c r="S4" s="53"/>
      <c r="T4" s="53"/>
      <c r="U4" s="53"/>
      <c r="V4" s="53"/>
      <c r="W4" s="53"/>
      <c r="X4" s="53"/>
      <c r="Y4" s="53"/>
      <c r="Z4" s="53"/>
      <c r="AA4" s="53"/>
      <c r="AB4" s="53"/>
      <c r="AC4" s="53"/>
      <c r="AD4" s="53"/>
      <c r="AE4" s="53"/>
      <c r="AF4" s="53"/>
      <c r="AG4" s="53"/>
      <c r="AH4" s="53"/>
      <c r="AI4" s="53"/>
      <c r="AJ4" s="53"/>
      <c r="AK4" s="53"/>
      <c r="AL4" s="53"/>
      <c r="AM4" s="53"/>
      <c r="AN4" s="53"/>
      <c r="AO4" s="53"/>
      <c r="AP4" s="53"/>
      <c r="AQ4" s="53"/>
      <c r="AR4" s="53"/>
      <c r="AS4" s="53"/>
      <c r="AT4" s="53"/>
      <c r="AU4" s="53"/>
      <c r="AV4" s="53"/>
      <c r="AW4" s="53"/>
      <c r="AX4" s="53"/>
      <c r="AY4" s="53"/>
      <c r="AZ4" s="53"/>
      <c r="BA4" s="53"/>
    </row>
    <row r="5" spans="1:53">
      <c r="A5" s="52" t="s">
        <v>800</v>
      </c>
      <c r="B5" s="53">
        <v>0</v>
      </c>
      <c r="C5" s="53">
        <v>0</v>
      </c>
      <c r="D5" s="53">
        <v>0</v>
      </c>
      <c r="E5" s="53">
        <v>0</v>
      </c>
      <c r="F5" s="53">
        <v>0</v>
      </c>
      <c r="G5" s="53">
        <v>0</v>
      </c>
      <c r="H5" s="53">
        <v>0</v>
      </c>
      <c r="I5" s="53">
        <v>0</v>
      </c>
      <c r="J5" s="53">
        <v>0</v>
      </c>
      <c r="K5" s="53">
        <v>0</v>
      </c>
      <c r="L5" s="53">
        <v>0</v>
      </c>
      <c r="M5" s="53">
        <v>0</v>
      </c>
      <c r="N5" s="53">
        <v>0</v>
      </c>
      <c r="O5" s="53">
        <v>0</v>
      </c>
      <c r="P5" s="53">
        <v>0</v>
      </c>
      <c r="Q5" s="53">
        <v>0</v>
      </c>
      <c r="R5" s="53">
        <v>0</v>
      </c>
      <c r="S5" s="53">
        <v>0</v>
      </c>
      <c r="T5" s="53">
        <v>0</v>
      </c>
      <c r="U5" s="53">
        <v>0</v>
      </c>
      <c r="V5" s="53">
        <v>0</v>
      </c>
      <c r="W5" s="53">
        <v>0</v>
      </c>
      <c r="X5" s="53">
        <v>0</v>
      </c>
      <c r="Y5" s="53">
        <v>0</v>
      </c>
      <c r="Z5" s="53">
        <v>0</v>
      </c>
      <c r="AA5" s="53">
        <v>0</v>
      </c>
      <c r="AB5" s="53">
        <v>0</v>
      </c>
      <c r="AC5" s="53">
        <v>0</v>
      </c>
      <c r="AD5" s="53">
        <v>0</v>
      </c>
      <c r="AE5" s="53">
        <v>0</v>
      </c>
      <c r="AF5" s="53">
        <v>0</v>
      </c>
      <c r="AG5" s="53">
        <v>0</v>
      </c>
      <c r="AH5" s="53">
        <v>0</v>
      </c>
      <c r="AI5" s="53">
        <v>0</v>
      </c>
      <c r="AJ5" s="53">
        <v>0</v>
      </c>
      <c r="AK5" s="53">
        <v>0</v>
      </c>
      <c r="AL5" s="53">
        <v>0</v>
      </c>
      <c r="AM5" s="53">
        <v>0</v>
      </c>
      <c r="AN5" s="53">
        <v>0</v>
      </c>
      <c r="AO5" s="53">
        <v>0</v>
      </c>
      <c r="AP5" s="53">
        <v>0</v>
      </c>
      <c r="AQ5" s="53">
        <v>0</v>
      </c>
      <c r="AR5" s="53">
        <v>0</v>
      </c>
      <c r="AS5" s="53">
        <v>0</v>
      </c>
      <c r="AT5" s="53">
        <v>0</v>
      </c>
      <c r="AU5" s="53">
        <v>0</v>
      </c>
      <c r="AV5" s="53">
        <v>0</v>
      </c>
      <c r="AW5" s="53">
        <v>0</v>
      </c>
      <c r="AX5" s="53">
        <v>0</v>
      </c>
      <c r="AY5" s="53">
        <v>0</v>
      </c>
      <c r="AZ5" s="53">
        <v>0</v>
      </c>
      <c r="BA5" s="53">
        <v>0</v>
      </c>
    </row>
    <row r="6" spans="1:53">
      <c r="A6" s="52" t="s">
        <v>801</v>
      </c>
      <c r="B6" s="53">
        <v>0</v>
      </c>
      <c r="C6" s="53">
        <v>0</v>
      </c>
      <c r="D6" s="53">
        <v>0</v>
      </c>
      <c r="E6" s="53">
        <v>0</v>
      </c>
      <c r="F6" s="53">
        <v>0</v>
      </c>
      <c r="G6" s="53">
        <v>0</v>
      </c>
      <c r="H6" s="53">
        <v>0</v>
      </c>
      <c r="I6" s="53">
        <v>0</v>
      </c>
      <c r="J6" s="53">
        <v>0</v>
      </c>
      <c r="K6" s="53">
        <v>0</v>
      </c>
      <c r="L6" s="53">
        <v>0</v>
      </c>
      <c r="M6" s="53">
        <v>0</v>
      </c>
      <c r="N6" s="53">
        <v>0</v>
      </c>
      <c r="O6" s="53">
        <v>0</v>
      </c>
      <c r="P6" s="53">
        <v>0</v>
      </c>
      <c r="Q6" s="53">
        <v>0</v>
      </c>
      <c r="R6" s="53">
        <v>0</v>
      </c>
      <c r="S6" s="53">
        <v>0</v>
      </c>
      <c r="T6" s="53">
        <v>0</v>
      </c>
      <c r="U6" s="53">
        <v>0</v>
      </c>
      <c r="V6" s="53">
        <v>0</v>
      </c>
      <c r="W6" s="53">
        <v>0</v>
      </c>
      <c r="X6" s="53">
        <v>0</v>
      </c>
      <c r="Y6" s="53">
        <v>0</v>
      </c>
      <c r="Z6" s="53">
        <v>0</v>
      </c>
      <c r="AA6" s="53">
        <v>0</v>
      </c>
      <c r="AB6" s="53">
        <v>0</v>
      </c>
      <c r="AC6" s="53">
        <v>0</v>
      </c>
      <c r="AD6" s="53">
        <v>0</v>
      </c>
      <c r="AE6" s="53">
        <v>0</v>
      </c>
      <c r="AF6" s="53">
        <v>0</v>
      </c>
      <c r="AG6" s="53">
        <v>0</v>
      </c>
      <c r="AH6" s="53">
        <v>0</v>
      </c>
      <c r="AI6" s="53">
        <v>0</v>
      </c>
      <c r="AJ6" s="53">
        <v>0</v>
      </c>
      <c r="AK6" s="53">
        <v>0</v>
      </c>
      <c r="AL6" s="53">
        <v>0</v>
      </c>
      <c r="AM6" s="53">
        <v>0</v>
      </c>
      <c r="AN6" s="53">
        <v>0</v>
      </c>
      <c r="AO6" s="53">
        <v>0</v>
      </c>
      <c r="AP6" s="53">
        <v>0</v>
      </c>
      <c r="AQ6" s="53">
        <v>0</v>
      </c>
      <c r="AR6" s="53">
        <v>0</v>
      </c>
      <c r="AS6" s="53">
        <v>0</v>
      </c>
      <c r="AT6" s="53">
        <v>0</v>
      </c>
      <c r="AU6" s="53">
        <v>0</v>
      </c>
      <c r="AV6" s="53">
        <v>0</v>
      </c>
      <c r="AW6" s="53">
        <v>0</v>
      </c>
      <c r="AX6" s="53">
        <v>0</v>
      </c>
      <c r="AY6" s="53">
        <v>0</v>
      </c>
      <c r="AZ6" s="53">
        <v>0</v>
      </c>
      <c r="BA6" s="53">
        <v>0</v>
      </c>
    </row>
    <row r="7" spans="1:53">
      <c r="A7" s="52" t="s">
        <v>802</v>
      </c>
      <c r="B7" s="53">
        <v>0</v>
      </c>
      <c r="C7" s="53">
        <v>0</v>
      </c>
      <c r="D7" s="53">
        <v>0</v>
      </c>
      <c r="E7" s="53">
        <v>0</v>
      </c>
      <c r="F7" s="53">
        <v>0</v>
      </c>
      <c r="G7" s="53">
        <v>0</v>
      </c>
      <c r="H7" s="53">
        <v>0</v>
      </c>
      <c r="I7" s="53">
        <v>0</v>
      </c>
      <c r="J7" s="53">
        <v>0</v>
      </c>
      <c r="K7" s="53">
        <v>0</v>
      </c>
      <c r="L7" s="53">
        <v>0</v>
      </c>
      <c r="M7" s="53">
        <v>0</v>
      </c>
      <c r="N7" s="53">
        <v>0</v>
      </c>
      <c r="O7" s="53">
        <v>0</v>
      </c>
      <c r="P7" s="53">
        <v>0</v>
      </c>
      <c r="Q7" s="53">
        <v>0</v>
      </c>
      <c r="R7" s="53">
        <v>0</v>
      </c>
      <c r="S7" s="53">
        <v>0</v>
      </c>
      <c r="T7" s="53">
        <v>0</v>
      </c>
      <c r="U7" s="53">
        <v>0</v>
      </c>
      <c r="V7" s="53">
        <v>0</v>
      </c>
      <c r="W7" s="53">
        <v>0</v>
      </c>
      <c r="X7" s="53">
        <v>0</v>
      </c>
      <c r="Y7" s="53">
        <v>0</v>
      </c>
      <c r="Z7" s="53">
        <v>0</v>
      </c>
      <c r="AA7" s="53">
        <v>0</v>
      </c>
      <c r="AB7" s="53">
        <v>0</v>
      </c>
      <c r="AC7" s="53">
        <v>0</v>
      </c>
      <c r="AD7" s="53">
        <v>0</v>
      </c>
      <c r="AE7" s="53">
        <v>0</v>
      </c>
      <c r="AF7" s="53">
        <v>0</v>
      </c>
      <c r="AG7" s="53">
        <v>0</v>
      </c>
      <c r="AH7" s="53">
        <v>0</v>
      </c>
      <c r="AI7" s="53">
        <v>0</v>
      </c>
      <c r="AJ7" s="53">
        <v>0</v>
      </c>
      <c r="AK7" s="53">
        <v>0</v>
      </c>
      <c r="AL7" s="53">
        <v>0</v>
      </c>
      <c r="AM7" s="53">
        <v>0</v>
      </c>
      <c r="AN7" s="53">
        <v>0</v>
      </c>
      <c r="AO7" s="53">
        <v>0</v>
      </c>
      <c r="AP7" s="53">
        <v>0</v>
      </c>
      <c r="AQ7" s="53">
        <v>0</v>
      </c>
      <c r="AR7" s="53">
        <v>0</v>
      </c>
      <c r="AS7" s="53">
        <v>0</v>
      </c>
      <c r="AT7" s="53">
        <v>0</v>
      </c>
      <c r="AU7" s="53">
        <v>0</v>
      </c>
      <c r="AV7" s="53">
        <v>0</v>
      </c>
      <c r="AW7" s="53">
        <v>0</v>
      </c>
      <c r="AX7" s="53">
        <v>0</v>
      </c>
      <c r="AY7" s="53">
        <v>0</v>
      </c>
      <c r="AZ7" s="53">
        <v>0</v>
      </c>
      <c r="BA7" s="53">
        <v>0</v>
      </c>
    </row>
    <row r="8" spans="1:53">
      <c r="A8" s="52" t="s">
        <v>803</v>
      </c>
      <c r="B8" s="53">
        <v>0</v>
      </c>
      <c r="C8" s="53">
        <v>0</v>
      </c>
      <c r="D8" s="53">
        <v>0</v>
      </c>
      <c r="E8" s="53">
        <v>0</v>
      </c>
      <c r="F8" s="53">
        <v>0</v>
      </c>
      <c r="G8" s="53">
        <v>0</v>
      </c>
      <c r="H8" s="53">
        <v>0</v>
      </c>
      <c r="I8" s="53">
        <v>0</v>
      </c>
      <c r="J8" s="53">
        <v>0</v>
      </c>
      <c r="K8" s="53">
        <v>0</v>
      </c>
      <c r="L8" s="53">
        <v>0</v>
      </c>
      <c r="M8" s="53">
        <v>0</v>
      </c>
      <c r="N8" s="53">
        <v>0</v>
      </c>
      <c r="O8" s="53">
        <v>0</v>
      </c>
      <c r="P8" s="53">
        <v>0</v>
      </c>
      <c r="Q8" s="53">
        <v>0</v>
      </c>
      <c r="R8" s="53">
        <v>0</v>
      </c>
      <c r="S8" s="53">
        <v>0</v>
      </c>
      <c r="T8" s="53">
        <v>0</v>
      </c>
      <c r="U8" s="53">
        <v>0</v>
      </c>
      <c r="V8" s="53">
        <v>0</v>
      </c>
      <c r="W8" s="53">
        <v>0</v>
      </c>
      <c r="X8" s="53">
        <v>0</v>
      </c>
      <c r="Y8" s="53">
        <v>0</v>
      </c>
      <c r="Z8" s="53">
        <v>0</v>
      </c>
      <c r="AA8" s="53">
        <v>0</v>
      </c>
      <c r="AB8" s="53">
        <v>0</v>
      </c>
      <c r="AC8" s="53">
        <v>0</v>
      </c>
      <c r="AD8" s="53">
        <v>0</v>
      </c>
      <c r="AE8" s="53">
        <v>0</v>
      </c>
      <c r="AF8" s="53">
        <v>0</v>
      </c>
      <c r="AG8" s="53">
        <v>0</v>
      </c>
      <c r="AH8" s="53">
        <v>0</v>
      </c>
      <c r="AI8" s="53">
        <v>0</v>
      </c>
      <c r="AJ8" s="53">
        <v>0</v>
      </c>
      <c r="AK8" s="53">
        <v>0</v>
      </c>
      <c r="AL8" s="53">
        <v>0</v>
      </c>
      <c r="AM8" s="53">
        <v>0</v>
      </c>
      <c r="AN8" s="53">
        <v>0</v>
      </c>
      <c r="AO8" s="53">
        <v>0</v>
      </c>
      <c r="AP8" s="53">
        <v>0</v>
      </c>
      <c r="AQ8" s="53">
        <v>0</v>
      </c>
      <c r="AR8" s="53">
        <v>0</v>
      </c>
      <c r="AS8" s="53">
        <v>0</v>
      </c>
      <c r="AT8" s="53">
        <v>0</v>
      </c>
      <c r="AU8" s="53">
        <v>0</v>
      </c>
      <c r="AV8" s="53">
        <v>0</v>
      </c>
      <c r="AW8" s="53">
        <v>0</v>
      </c>
      <c r="AX8" s="53">
        <v>0</v>
      </c>
      <c r="AY8" s="53">
        <v>0</v>
      </c>
      <c r="AZ8" s="53">
        <v>0</v>
      </c>
      <c r="BA8" s="53">
        <v>0</v>
      </c>
    </row>
    <row r="9" spans="1:53">
      <c r="A9" s="52" t="s">
        <v>804</v>
      </c>
      <c r="B9" s="53">
        <v>0</v>
      </c>
      <c r="C9" s="53">
        <v>0</v>
      </c>
      <c r="D9" s="53">
        <v>0</v>
      </c>
      <c r="E9" s="53">
        <v>0</v>
      </c>
      <c r="F9" s="53">
        <v>0</v>
      </c>
      <c r="G9" s="53">
        <v>0</v>
      </c>
      <c r="H9" s="53">
        <v>0</v>
      </c>
      <c r="I9" s="53">
        <v>0</v>
      </c>
      <c r="J9" s="53">
        <v>0</v>
      </c>
      <c r="K9" s="53">
        <v>0</v>
      </c>
      <c r="L9" s="53">
        <v>0</v>
      </c>
      <c r="M9" s="53">
        <v>0</v>
      </c>
      <c r="N9" s="53">
        <v>0</v>
      </c>
      <c r="O9" s="53">
        <v>0</v>
      </c>
      <c r="P9" s="53">
        <v>0</v>
      </c>
      <c r="Q9" s="53">
        <v>0</v>
      </c>
      <c r="R9" s="53">
        <v>0</v>
      </c>
      <c r="S9" s="53">
        <v>0</v>
      </c>
      <c r="T9" s="53">
        <v>0</v>
      </c>
      <c r="U9" s="53">
        <v>0</v>
      </c>
      <c r="V9" s="53">
        <v>0</v>
      </c>
      <c r="W9" s="53">
        <v>0</v>
      </c>
      <c r="X9" s="53">
        <v>0</v>
      </c>
      <c r="Y9" s="53">
        <v>0</v>
      </c>
      <c r="Z9" s="53">
        <v>0</v>
      </c>
      <c r="AA9" s="53">
        <v>0</v>
      </c>
      <c r="AB9" s="53">
        <v>0</v>
      </c>
      <c r="AC9" s="53">
        <v>0</v>
      </c>
      <c r="AD9" s="53">
        <v>0</v>
      </c>
      <c r="AE9" s="53">
        <v>0</v>
      </c>
      <c r="AF9" s="53">
        <v>0</v>
      </c>
      <c r="AG9" s="53">
        <v>0</v>
      </c>
      <c r="AH9" s="53">
        <v>0</v>
      </c>
      <c r="AI9" s="53">
        <v>0</v>
      </c>
      <c r="AJ9" s="53">
        <v>0</v>
      </c>
      <c r="AK9" s="53">
        <v>0</v>
      </c>
      <c r="AL9" s="53">
        <v>0</v>
      </c>
      <c r="AM9" s="53">
        <v>0</v>
      </c>
      <c r="AN9" s="53">
        <v>0</v>
      </c>
      <c r="AO9" s="53">
        <v>0</v>
      </c>
      <c r="AP9" s="53">
        <v>0</v>
      </c>
      <c r="AQ9" s="53">
        <v>0</v>
      </c>
      <c r="AR9" s="53">
        <v>0</v>
      </c>
      <c r="AS9" s="53">
        <v>0</v>
      </c>
      <c r="AT9" s="53">
        <v>0</v>
      </c>
      <c r="AU9" s="53">
        <v>0</v>
      </c>
      <c r="AV9" s="53">
        <v>0</v>
      </c>
      <c r="AW9" s="53">
        <v>0</v>
      </c>
      <c r="AX9" s="53">
        <v>0</v>
      </c>
      <c r="AY9" s="53">
        <v>0</v>
      </c>
      <c r="AZ9" s="53">
        <v>0</v>
      </c>
      <c r="BA9" s="53">
        <v>0</v>
      </c>
    </row>
    <row r="10" spans="1:53">
      <c r="A10" s="52" t="s">
        <v>805</v>
      </c>
      <c r="B10" s="53">
        <v>279.72305649613497</v>
      </c>
      <c r="C10" s="53">
        <v>91.080423611062898</v>
      </c>
      <c r="D10" s="53">
        <v>86.647771332787499</v>
      </c>
      <c r="E10" s="53">
        <v>155.155819589104</v>
      </c>
      <c r="F10" s="53">
        <v>220.62067729657701</v>
      </c>
      <c r="G10" s="53">
        <v>242.75665275215999</v>
      </c>
      <c r="H10" s="53">
        <v>244.74573340727301</v>
      </c>
      <c r="I10" s="53">
        <v>390.074913738997</v>
      </c>
      <c r="J10" s="53">
        <v>227.943581428014</v>
      </c>
      <c r="K10" s="53">
        <v>175.84121758990099</v>
      </c>
      <c r="L10" s="53">
        <v>62.406500527503802</v>
      </c>
      <c r="M10" s="53">
        <v>133.566043637034</v>
      </c>
      <c r="N10" s="53">
        <v>2310.56239140655</v>
      </c>
      <c r="O10" s="53">
        <v>255.66379797091301</v>
      </c>
      <c r="P10" s="53">
        <v>68.485078244303395</v>
      </c>
      <c r="Q10" s="53">
        <v>21.7986769043724</v>
      </c>
      <c r="R10" s="53">
        <v>122.527150126197</v>
      </c>
      <c r="S10" s="53">
        <v>193.458885673411</v>
      </c>
      <c r="T10" s="53">
        <v>207.923278455645</v>
      </c>
      <c r="U10" s="53">
        <v>211.81946985120101</v>
      </c>
      <c r="V10" s="53">
        <v>304.35540928847399</v>
      </c>
      <c r="W10" s="53">
        <v>195.64962108816101</v>
      </c>
      <c r="X10" s="53">
        <v>158.96474539249201</v>
      </c>
      <c r="Y10" s="53">
        <v>-5.5325920992527502</v>
      </c>
      <c r="Z10" s="53">
        <v>111.203032885561</v>
      </c>
      <c r="AA10" s="53">
        <v>1846.31655378148</v>
      </c>
      <c r="AB10" s="53">
        <v>231.72331607029699</v>
      </c>
      <c r="AC10" s="53">
        <v>10.5401388454206</v>
      </c>
      <c r="AD10" s="53">
        <v>-85.852526963825298</v>
      </c>
      <c r="AE10" s="53">
        <v>39.890439547146599</v>
      </c>
      <c r="AF10" s="53">
        <v>154.77605671576799</v>
      </c>
      <c r="AG10" s="53">
        <v>181.139226591289</v>
      </c>
      <c r="AH10" s="53">
        <v>186.98182136006201</v>
      </c>
      <c r="AI10" s="53">
        <v>278.78903633309801</v>
      </c>
      <c r="AJ10" s="53">
        <v>159.43529595819999</v>
      </c>
      <c r="AK10" s="53">
        <v>110.500200170906</v>
      </c>
      <c r="AL10" s="53">
        <v>-99.702018660905694</v>
      </c>
      <c r="AM10" s="53">
        <v>74.079013857037097</v>
      </c>
      <c r="AN10" s="53">
        <v>1242.29999982449</v>
      </c>
      <c r="AO10" s="53">
        <v>205.91253227294101</v>
      </c>
      <c r="AP10" s="53">
        <v>-34.245089390562697</v>
      </c>
      <c r="AQ10" s="53">
        <v>-167.58873246010799</v>
      </c>
      <c r="AR10" s="53">
        <v>-41.668080934318702</v>
      </c>
      <c r="AS10" s="53">
        <v>122.28335598368901</v>
      </c>
      <c r="AT10" s="53">
        <v>155.88641165955201</v>
      </c>
      <c r="AU10" s="53">
        <v>165.75781884446101</v>
      </c>
      <c r="AV10" s="53">
        <v>262.81293380258501</v>
      </c>
      <c r="AW10" s="53">
        <v>134.232466701036</v>
      </c>
      <c r="AX10" s="53">
        <v>73.820423279383405</v>
      </c>
      <c r="AY10" s="53">
        <v>-266.78295568712099</v>
      </c>
      <c r="AZ10" s="53">
        <v>39.351186924182301</v>
      </c>
      <c r="BA10" s="53">
        <v>649.77227099572201</v>
      </c>
    </row>
    <row r="11" spans="1:53" ht="10.8" thickBot="1">
      <c r="A11" s="230" t="s">
        <v>806</v>
      </c>
      <c r="B11" s="53"/>
      <c r="C11" s="53"/>
      <c r="D11" s="53"/>
      <c r="E11" s="53"/>
      <c r="F11" s="53"/>
      <c r="G11" s="53"/>
      <c r="H11" s="53"/>
      <c r="I11" s="53"/>
      <c r="J11" s="53"/>
      <c r="K11" s="53"/>
      <c r="L11" s="53"/>
      <c r="M11" s="53"/>
      <c r="N11" s="53"/>
      <c r="O11" s="53"/>
      <c r="P11" s="53"/>
      <c r="Q11" s="53"/>
      <c r="R11" s="53"/>
      <c r="S11" s="53"/>
      <c r="T11" s="53"/>
      <c r="U11" s="53"/>
      <c r="V11" s="53"/>
      <c r="W11" s="53"/>
      <c r="X11" s="53"/>
      <c r="Y11" s="53"/>
      <c r="Z11" s="53"/>
      <c r="AA11" s="53"/>
      <c r="AB11" s="53"/>
      <c r="AC11" s="53"/>
      <c r="AD11" s="53"/>
      <c r="AE11" s="53"/>
      <c r="AF11" s="53"/>
      <c r="AG11" s="53"/>
      <c r="AH11" s="53"/>
      <c r="AI11" s="53"/>
      <c r="AJ11" s="53"/>
      <c r="AK11" s="53"/>
      <c r="AL11" s="53"/>
      <c r="AM11" s="53"/>
      <c r="AN11" s="53"/>
      <c r="AO11" s="53"/>
      <c r="AP11" s="53"/>
      <c r="AQ11" s="53"/>
      <c r="AR11" s="53"/>
      <c r="AS11" s="53"/>
      <c r="AT11" s="53"/>
      <c r="AU11" s="53"/>
      <c r="AV11" s="53"/>
      <c r="AW11" s="53"/>
      <c r="AX11" s="53"/>
      <c r="AY11" s="53"/>
      <c r="AZ11" s="53"/>
      <c r="BA11" s="53"/>
    </row>
    <row r="12" spans="1:53" ht="10.8" thickBot="1">
      <c r="A12" s="230" t="s">
        <v>807</v>
      </c>
      <c r="B12" s="53"/>
      <c r="C12" s="53"/>
      <c r="D12" s="53"/>
      <c r="E12" s="53"/>
      <c r="F12" s="53"/>
      <c r="G12" s="53"/>
      <c r="H12" s="53"/>
      <c r="I12" s="53"/>
      <c r="J12" s="53"/>
      <c r="K12" s="53"/>
      <c r="L12" s="53"/>
      <c r="M12" s="53"/>
      <c r="N12" s="53"/>
      <c r="O12" s="53"/>
      <c r="P12" s="53"/>
      <c r="Q12" s="53"/>
      <c r="R12" s="53"/>
      <c r="S12" s="53"/>
      <c r="T12" s="53"/>
      <c r="U12" s="53"/>
      <c r="V12" s="53"/>
      <c r="W12" s="53"/>
      <c r="X12" s="53"/>
      <c r="Y12" s="53"/>
      <c r="Z12" s="53"/>
      <c r="AA12" s="53"/>
      <c r="AB12" s="53"/>
      <c r="AC12" s="53"/>
      <c r="AD12" s="53"/>
      <c r="AE12" s="53"/>
      <c r="AF12" s="53"/>
      <c r="AG12" s="53"/>
      <c r="AH12" s="53"/>
      <c r="AI12" s="53"/>
      <c r="AJ12" s="53"/>
      <c r="AK12" s="53"/>
      <c r="AL12" s="53"/>
      <c r="AM12" s="53"/>
      <c r="AN12" s="53"/>
      <c r="AO12" s="53"/>
      <c r="AP12" s="53"/>
      <c r="AQ12" s="53"/>
      <c r="AR12" s="53"/>
      <c r="AS12" s="53"/>
      <c r="AT12" s="53"/>
      <c r="AU12" s="53"/>
      <c r="AV12" s="53"/>
      <c r="AW12" s="53"/>
      <c r="AX12" s="53"/>
      <c r="AY12" s="53"/>
      <c r="AZ12" s="53"/>
      <c r="BA12" s="53"/>
    </row>
    <row r="13" spans="1:53">
      <c r="A13" s="174" t="s">
        <v>808</v>
      </c>
      <c r="B13" s="53"/>
      <c r="C13" s="53"/>
      <c r="D13" s="53"/>
      <c r="E13" s="53"/>
      <c r="F13" s="53"/>
      <c r="G13" s="53"/>
      <c r="H13" s="53"/>
      <c r="I13" s="53"/>
      <c r="J13" s="53"/>
      <c r="K13" s="53"/>
      <c r="L13" s="53"/>
      <c r="M13" s="53"/>
      <c r="N13" s="53"/>
      <c r="O13" s="53"/>
      <c r="P13" s="53"/>
      <c r="Q13" s="53"/>
      <c r="R13" s="53"/>
      <c r="S13" s="53"/>
      <c r="T13" s="53"/>
      <c r="U13" s="53"/>
      <c r="V13" s="53"/>
      <c r="W13" s="53"/>
      <c r="X13" s="53"/>
      <c r="Y13" s="53"/>
      <c r="Z13" s="53"/>
      <c r="AA13" s="53"/>
      <c r="AB13" s="53"/>
      <c r="AC13" s="53"/>
      <c r="AD13" s="53"/>
      <c r="AE13" s="53"/>
      <c r="AF13" s="53"/>
      <c r="AG13" s="53"/>
      <c r="AH13" s="53"/>
      <c r="AI13" s="53"/>
      <c r="AJ13" s="53"/>
      <c r="AK13" s="53"/>
      <c r="AL13" s="53"/>
      <c r="AM13" s="53"/>
      <c r="AN13" s="53"/>
      <c r="AO13" s="53"/>
      <c r="AP13" s="53"/>
      <c r="AQ13" s="53"/>
      <c r="AR13" s="53"/>
      <c r="AS13" s="53"/>
      <c r="AT13" s="53"/>
      <c r="AU13" s="53"/>
      <c r="AV13" s="53"/>
      <c r="AW13" s="53"/>
      <c r="AX13" s="53"/>
      <c r="AY13" s="53"/>
      <c r="AZ13" s="53"/>
      <c r="BA13" s="53"/>
    </row>
    <row r="14" spans="1:53">
      <c r="A14" s="52" t="s">
        <v>809</v>
      </c>
      <c r="B14" s="53">
        <v>-433813492.11506897</v>
      </c>
      <c r="C14" s="53">
        <v>-264558491.660339</v>
      </c>
      <c r="D14" s="53">
        <v>-257285717.45870799</v>
      </c>
      <c r="E14" s="53">
        <v>-248549780.27380401</v>
      </c>
      <c r="F14" s="53">
        <v>-317188654.42461097</v>
      </c>
      <c r="G14" s="53">
        <v>-363245203.92354602</v>
      </c>
      <c r="H14" s="53">
        <v>-390626724.556198</v>
      </c>
      <c r="I14" s="53">
        <v>-499210984.05791003</v>
      </c>
      <c r="J14" s="53">
        <v>-354799607.72976601</v>
      </c>
      <c r="K14" s="53">
        <v>-293651007.22666299</v>
      </c>
      <c r="L14" s="53">
        <v>-227653231.55731699</v>
      </c>
      <c r="M14" s="53">
        <v>-268096235.84145001</v>
      </c>
      <c r="N14" s="53">
        <v>-3918679130.8253798</v>
      </c>
      <c r="O14" s="53">
        <v>-358506109.94544601</v>
      </c>
      <c r="P14" s="53">
        <v>-207686008.21785399</v>
      </c>
      <c r="Q14" s="53">
        <v>-203901534.14283901</v>
      </c>
      <c r="R14" s="53">
        <v>-215194636.517252</v>
      </c>
      <c r="S14" s="53">
        <v>-274811523.58749503</v>
      </c>
      <c r="T14" s="53">
        <v>-315412751.23296398</v>
      </c>
      <c r="U14" s="53">
        <v>-339405100.06699097</v>
      </c>
      <c r="V14" s="53">
        <v>-432207686.81486201</v>
      </c>
      <c r="W14" s="53">
        <v>-308746904.835329</v>
      </c>
      <c r="X14" s="53">
        <v>-255650001.023056</v>
      </c>
      <c r="Y14" s="53">
        <v>-198842344.47187099</v>
      </c>
      <c r="Z14" s="53">
        <v>-236149629.36678499</v>
      </c>
      <c r="AA14" s="53">
        <v>-3346514230.2227402</v>
      </c>
      <c r="AB14" s="53">
        <v>-354636430.99223602</v>
      </c>
      <c r="AC14" s="53">
        <v>-204580930.054517</v>
      </c>
      <c r="AD14" s="53">
        <v>-199980040.08133599</v>
      </c>
      <c r="AE14" s="53">
        <v>-211088556.20718101</v>
      </c>
      <c r="AF14" s="53">
        <v>-270945466.59658802</v>
      </c>
      <c r="AG14" s="53">
        <v>-312510382.53943902</v>
      </c>
      <c r="AH14" s="53">
        <v>-336732586.24105501</v>
      </c>
      <c r="AI14" s="53">
        <v>-428671834.22629499</v>
      </c>
      <c r="AJ14" s="53">
        <v>-306455710.05695498</v>
      </c>
      <c r="AK14" s="53">
        <v>-253192652.83017901</v>
      </c>
      <c r="AL14" s="53">
        <v>-196690678.40584001</v>
      </c>
      <c r="AM14" s="53">
        <v>-234162770.56409001</v>
      </c>
      <c r="AN14" s="53">
        <v>-3309648038.7957101</v>
      </c>
      <c r="AO14" s="53">
        <v>-352251559.285043</v>
      </c>
      <c r="AP14" s="53">
        <v>-202589118.22938699</v>
      </c>
      <c r="AQ14" s="53">
        <v>-197314578.33588701</v>
      </c>
      <c r="AR14" s="53">
        <v>-208475021.92517799</v>
      </c>
      <c r="AS14" s="53">
        <v>-268560577.02468902</v>
      </c>
      <c r="AT14" s="53">
        <v>-311089830.13995099</v>
      </c>
      <c r="AU14" s="53">
        <v>-335655232.51347202</v>
      </c>
      <c r="AV14" s="53">
        <v>-427447201.46576798</v>
      </c>
      <c r="AW14" s="53">
        <v>-306101921.84477699</v>
      </c>
      <c r="AX14" s="53">
        <v>-252978288.85463601</v>
      </c>
      <c r="AY14" s="53">
        <v>-196728797.93673</v>
      </c>
      <c r="AZ14" s="53">
        <v>-234385161.40639201</v>
      </c>
      <c r="BA14" s="53">
        <v>-3293577288.9619098</v>
      </c>
    </row>
    <row r="15" spans="1:53">
      <c r="A15" s="52" t="s">
        <v>810</v>
      </c>
      <c r="B15" s="53">
        <v>-183897459.92283401</v>
      </c>
      <c r="C15" s="53">
        <v>-124219850.751561</v>
      </c>
      <c r="D15" s="53">
        <v>-132553879.97874101</v>
      </c>
      <c r="E15" s="53">
        <v>-133108466.39206199</v>
      </c>
      <c r="F15" s="53">
        <v>-149327995.83601499</v>
      </c>
      <c r="G15" s="53">
        <v>-153682121.91938201</v>
      </c>
      <c r="H15" s="53">
        <v>-156599688.88849199</v>
      </c>
      <c r="I15" s="53">
        <v>-200431067.60429701</v>
      </c>
      <c r="J15" s="53">
        <v>-149520324.12691</v>
      </c>
      <c r="K15" s="53">
        <v>-141000628.35513601</v>
      </c>
      <c r="L15" s="53">
        <v>-116472971.53727999</v>
      </c>
      <c r="M15" s="53">
        <v>-116384566.441493</v>
      </c>
      <c r="N15" s="53">
        <v>-1757199021.7542</v>
      </c>
      <c r="O15" s="53">
        <v>-145208510.58805999</v>
      </c>
      <c r="P15" s="53">
        <v>-92599947.158449098</v>
      </c>
      <c r="Q15" s="53">
        <v>-103101048.011766</v>
      </c>
      <c r="R15" s="53">
        <v>-112399523.568143</v>
      </c>
      <c r="S15" s="53">
        <v>-126350756.215592</v>
      </c>
      <c r="T15" s="53">
        <v>-129077966.137686</v>
      </c>
      <c r="U15" s="53">
        <v>-132678523.177303</v>
      </c>
      <c r="V15" s="53">
        <v>-168280374.39466</v>
      </c>
      <c r="W15" s="53">
        <v>-126852811.454932</v>
      </c>
      <c r="X15" s="53">
        <v>-117563995.83901399</v>
      </c>
      <c r="Y15" s="53">
        <v>-98534544.221021205</v>
      </c>
      <c r="Z15" s="53">
        <v>-98387142.856381997</v>
      </c>
      <c r="AA15" s="53">
        <v>-1451035143.6230099</v>
      </c>
      <c r="AB15" s="53">
        <v>-143630001.60678399</v>
      </c>
      <c r="AC15" s="53">
        <v>-93230466.311842293</v>
      </c>
      <c r="AD15" s="53">
        <v>-102441087.31400301</v>
      </c>
      <c r="AE15" s="53">
        <v>-111714695.418955</v>
      </c>
      <c r="AF15" s="53">
        <v>-125160446.521962</v>
      </c>
      <c r="AG15" s="53">
        <v>-129040052.170553</v>
      </c>
      <c r="AH15" s="53">
        <v>-132115829.91342101</v>
      </c>
      <c r="AI15" s="53">
        <v>-167197008.452263</v>
      </c>
      <c r="AJ15" s="53">
        <v>-126288021.39857499</v>
      </c>
      <c r="AK15" s="53">
        <v>-118388562.81948601</v>
      </c>
      <c r="AL15" s="53">
        <v>-97470905.115432903</v>
      </c>
      <c r="AM15" s="53">
        <v>-97982397.955437899</v>
      </c>
      <c r="AN15" s="53">
        <v>-1444659474.9987099</v>
      </c>
      <c r="AO15" s="53">
        <v>-142708458.79674</v>
      </c>
      <c r="AP15" s="53">
        <v>-92726176.621566802</v>
      </c>
      <c r="AQ15" s="53">
        <v>-101569476.623239</v>
      </c>
      <c r="AR15" s="53">
        <v>-110635708.82872599</v>
      </c>
      <c r="AS15" s="53">
        <v>-125002684.78104199</v>
      </c>
      <c r="AT15" s="53">
        <v>-129190762.82088199</v>
      </c>
      <c r="AU15" s="53">
        <v>-132199682.12466399</v>
      </c>
      <c r="AV15" s="53">
        <v>-166873461.79913199</v>
      </c>
      <c r="AW15" s="53">
        <v>-126400805.66874599</v>
      </c>
      <c r="AX15" s="53">
        <v>-118378693.627545</v>
      </c>
      <c r="AY15" s="53">
        <v>-97603676.990217105</v>
      </c>
      <c r="AZ15" s="53">
        <v>-98481543.251880303</v>
      </c>
      <c r="BA15" s="53">
        <v>-1441771131.9343801</v>
      </c>
    </row>
    <row r="16" spans="1:53">
      <c r="A16" s="52" t="s">
        <v>811</v>
      </c>
      <c r="B16" s="53">
        <v>-27379490.399560899</v>
      </c>
      <c r="C16" s="53">
        <v>-32708723.497179501</v>
      </c>
      <c r="D16" s="53">
        <v>-37486918.435674198</v>
      </c>
      <c r="E16" s="53">
        <v>-40931506.5041655</v>
      </c>
      <c r="F16" s="53">
        <v>-46638820.480856501</v>
      </c>
      <c r="G16" s="53">
        <v>-36227676.458356902</v>
      </c>
      <c r="H16" s="53">
        <v>-34942404.495947398</v>
      </c>
      <c r="I16" s="53">
        <v>-35500440.826112002</v>
      </c>
      <c r="J16" s="53">
        <v>-33800902.433166102</v>
      </c>
      <c r="K16" s="53">
        <v>-30908024.501341399</v>
      </c>
      <c r="L16" s="53">
        <v>-26101592.824397001</v>
      </c>
      <c r="M16" s="53">
        <v>-29122880.806246798</v>
      </c>
      <c r="N16" s="53">
        <v>-411749381.66300398</v>
      </c>
      <c r="O16" s="53">
        <v>-20954963.199668001</v>
      </c>
      <c r="P16" s="53">
        <v>-24295054.029356599</v>
      </c>
      <c r="Q16" s="53">
        <v>-28080355.2030662</v>
      </c>
      <c r="R16" s="53">
        <v>-33049291.121482302</v>
      </c>
      <c r="S16" s="53">
        <v>-37710466.573636703</v>
      </c>
      <c r="T16" s="53">
        <v>-29272710.616232902</v>
      </c>
      <c r="U16" s="53">
        <v>-28201454.602728799</v>
      </c>
      <c r="V16" s="53">
        <v>-28818266.198279001</v>
      </c>
      <c r="W16" s="53">
        <v>-27301104.981525999</v>
      </c>
      <c r="X16" s="53">
        <v>-25118495.387070101</v>
      </c>
      <c r="Y16" s="53">
        <v>-21284766.1672691</v>
      </c>
      <c r="Z16" s="53">
        <v>-23757738.440469299</v>
      </c>
      <c r="AA16" s="53">
        <v>-327844666.52078497</v>
      </c>
      <c r="AB16" s="53">
        <v>-20685613.6069405</v>
      </c>
      <c r="AC16" s="53">
        <v>-24004186.5624623</v>
      </c>
      <c r="AD16" s="53">
        <v>-27744463.2117089</v>
      </c>
      <c r="AE16" s="53">
        <v>-32588752.2588672</v>
      </c>
      <c r="AF16" s="53">
        <v>-37175808.454716697</v>
      </c>
      <c r="AG16" s="53">
        <v>-28874012.074012499</v>
      </c>
      <c r="AH16" s="53">
        <v>-27819713.388794102</v>
      </c>
      <c r="AI16" s="53">
        <v>-28445284.314788301</v>
      </c>
      <c r="AJ16" s="53">
        <v>-26941119.898050599</v>
      </c>
      <c r="AK16" s="53">
        <v>-24812147.373523399</v>
      </c>
      <c r="AL16" s="53">
        <v>-21053989.5164738</v>
      </c>
      <c r="AM16" s="53">
        <v>-23490138.471278399</v>
      </c>
      <c r="AN16" s="53">
        <v>-323635229.13161701</v>
      </c>
      <c r="AO16" s="53">
        <v>-20608592.667622201</v>
      </c>
      <c r="AP16" s="53">
        <v>-23912792.240084201</v>
      </c>
      <c r="AQ16" s="53">
        <v>-27635709.367924001</v>
      </c>
      <c r="AR16" s="53">
        <v>-32418419.4706675</v>
      </c>
      <c r="AS16" s="53">
        <v>-36977282.002718501</v>
      </c>
      <c r="AT16" s="53">
        <v>-28755795.2289057</v>
      </c>
      <c r="AU16" s="53">
        <v>-27715797.5178665</v>
      </c>
      <c r="AV16" s="53">
        <v>-28356107.881039001</v>
      </c>
      <c r="AW16" s="53">
        <v>-26851703.939311702</v>
      </c>
      <c r="AX16" s="53">
        <v>-24754034.6486714</v>
      </c>
      <c r="AY16" s="53">
        <v>-21031266.644326098</v>
      </c>
      <c r="AZ16" s="53">
        <v>-23451142.354963198</v>
      </c>
      <c r="BA16" s="53">
        <v>-322468643.9641</v>
      </c>
    </row>
    <row r="17" spans="1:53">
      <c r="A17" s="52" t="s">
        <v>812</v>
      </c>
      <c r="B17" s="53">
        <v>-349521.18322698103</v>
      </c>
      <c r="C17" s="53">
        <v>-355326.18143866601</v>
      </c>
      <c r="D17" s="53">
        <v>-346559.88370726601</v>
      </c>
      <c r="E17" s="53">
        <v>-328736.236481225</v>
      </c>
      <c r="F17" s="53">
        <v>-326210.18176701502</v>
      </c>
      <c r="G17" s="53">
        <v>-327971.04500355298</v>
      </c>
      <c r="H17" s="53">
        <v>-328054.469778592</v>
      </c>
      <c r="I17" s="53">
        <v>-324126.65092255903</v>
      </c>
      <c r="J17" s="53">
        <v>-324739.668352245</v>
      </c>
      <c r="K17" s="53">
        <v>-326140.16970284301</v>
      </c>
      <c r="L17" s="53">
        <v>-327256.64640487201</v>
      </c>
      <c r="M17" s="53">
        <v>-331959.07737503399</v>
      </c>
      <c r="N17" s="53">
        <v>-3996601.39416085</v>
      </c>
      <c r="O17" s="53">
        <v>-267815.38030008401</v>
      </c>
      <c r="P17" s="53">
        <v>-265290.57171884901</v>
      </c>
      <c r="Q17" s="53">
        <v>-256561.73288754799</v>
      </c>
      <c r="R17" s="53">
        <v>-268782.77903343103</v>
      </c>
      <c r="S17" s="53">
        <v>-266408.63575883303</v>
      </c>
      <c r="T17" s="53">
        <v>-268171.654972755</v>
      </c>
      <c r="U17" s="53">
        <v>-268632.91660166899</v>
      </c>
      <c r="V17" s="53">
        <v>-264951.48779850098</v>
      </c>
      <c r="W17" s="53">
        <v>-266238.52878397499</v>
      </c>
      <c r="X17" s="53">
        <v>-268245.63363731798</v>
      </c>
      <c r="Y17" s="53">
        <v>-270041.32709856698</v>
      </c>
      <c r="Z17" s="53">
        <v>-274895.30660082598</v>
      </c>
      <c r="AA17" s="53">
        <v>-3206035.9551923601</v>
      </c>
      <c r="AB17" s="53">
        <v>-263627.66404175397</v>
      </c>
      <c r="AC17" s="53">
        <v>-261412.62797518299</v>
      </c>
      <c r="AD17" s="53">
        <v>-252914.720536907</v>
      </c>
      <c r="AE17" s="53">
        <v>-265335.262019591</v>
      </c>
      <c r="AF17" s="53">
        <v>-263064.809151772</v>
      </c>
      <c r="AG17" s="53">
        <v>-264942.06523863302</v>
      </c>
      <c r="AH17" s="53">
        <v>-265549.20364802098</v>
      </c>
      <c r="AI17" s="53">
        <v>-261958.905493506</v>
      </c>
      <c r="AJ17" s="53">
        <v>-263431.62851085502</v>
      </c>
      <c r="AK17" s="53">
        <v>-265586.71829288499</v>
      </c>
      <c r="AL17" s="53">
        <v>-267612.869536668</v>
      </c>
      <c r="AM17" s="53">
        <v>-272546.03836810699</v>
      </c>
      <c r="AN17" s="53">
        <v>-3167982.5128138801</v>
      </c>
      <c r="AO17" s="53">
        <v>-263120.70874881803</v>
      </c>
      <c r="AP17" s="53">
        <v>-260943.5343001</v>
      </c>
      <c r="AQ17" s="53">
        <v>-252500.54287143599</v>
      </c>
      <c r="AR17" s="53">
        <v>-265084.35561855999</v>
      </c>
      <c r="AS17" s="53">
        <v>-262845.55833268398</v>
      </c>
      <c r="AT17" s="53">
        <v>-264782.39387630101</v>
      </c>
      <c r="AU17" s="53">
        <v>-265451.43961330497</v>
      </c>
      <c r="AV17" s="53">
        <v>-261908.865981985</v>
      </c>
      <c r="AW17" s="53">
        <v>-263403.33628198301</v>
      </c>
      <c r="AX17" s="53">
        <v>-265602.68614769302</v>
      </c>
      <c r="AY17" s="53">
        <v>-267642.36463869602</v>
      </c>
      <c r="AZ17" s="53">
        <v>-272659.59652691102</v>
      </c>
      <c r="BA17" s="53">
        <v>-3165945.3829384702</v>
      </c>
    </row>
    <row r="18" spans="1:53">
      <c r="A18" s="52" t="s">
        <v>813</v>
      </c>
      <c r="B18" s="53">
        <v>-39420862.8378383</v>
      </c>
      <c r="C18" s="53">
        <v>-36549563.099409297</v>
      </c>
      <c r="D18" s="53">
        <v>-36298727.174603201</v>
      </c>
      <c r="E18" s="53">
        <v>-35962855.798215598</v>
      </c>
      <c r="F18" s="53">
        <v>-39491961.640381597</v>
      </c>
      <c r="G18" s="53">
        <v>-39374496.263499103</v>
      </c>
      <c r="H18" s="53">
        <v>-39865440.6421974</v>
      </c>
      <c r="I18" s="53">
        <v>-38492545.869336098</v>
      </c>
      <c r="J18" s="53">
        <v>-40489580.405617498</v>
      </c>
      <c r="K18" s="53">
        <v>-38019521.999521203</v>
      </c>
      <c r="L18" s="53">
        <v>-33487583.625367898</v>
      </c>
      <c r="M18" s="53">
        <v>-32807098.4723798</v>
      </c>
      <c r="N18" s="53">
        <v>-450260237.82836699</v>
      </c>
      <c r="O18" s="53">
        <v>-31046413.958805401</v>
      </c>
      <c r="P18" s="53">
        <v>-28136829.3843273</v>
      </c>
      <c r="Q18" s="53">
        <v>-27603305.683946598</v>
      </c>
      <c r="R18" s="53">
        <v>-29914923.0993645</v>
      </c>
      <c r="S18" s="53">
        <v>-32813954.143089201</v>
      </c>
      <c r="T18" s="53">
        <v>-32611482.036006499</v>
      </c>
      <c r="U18" s="53">
        <v>-32903448.6557253</v>
      </c>
      <c r="V18" s="53">
        <v>-31794649.282340799</v>
      </c>
      <c r="W18" s="53">
        <v>-33461565.0560604</v>
      </c>
      <c r="X18" s="53">
        <v>-31549238.062519599</v>
      </c>
      <c r="Y18" s="53">
        <v>-27838148.213050801</v>
      </c>
      <c r="Z18" s="53">
        <v>-27312902.316420998</v>
      </c>
      <c r="AA18" s="53">
        <v>-366986859.89165801</v>
      </c>
      <c r="AB18" s="53">
        <v>-30556152.046162199</v>
      </c>
      <c r="AC18" s="53">
        <v>-27713414.620485201</v>
      </c>
      <c r="AD18" s="53">
        <v>-27180279.921130899</v>
      </c>
      <c r="AE18" s="53">
        <v>-29460078.391505301</v>
      </c>
      <c r="AF18" s="53">
        <v>-32308819.826625802</v>
      </c>
      <c r="AG18" s="53">
        <v>-32094284.9446605</v>
      </c>
      <c r="AH18" s="53">
        <v>-32370044.7930484</v>
      </c>
      <c r="AI18" s="53">
        <v>-31271302.228201099</v>
      </c>
      <c r="AJ18" s="53">
        <v>-32924331.442084301</v>
      </c>
      <c r="AK18" s="53">
        <v>-31052982.7955768</v>
      </c>
      <c r="AL18" s="53">
        <v>-27405846.5921143</v>
      </c>
      <c r="AM18" s="53">
        <v>-26875930.575637098</v>
      </c>
      <c r="AN18" s="53">
        <v>-361213468.17723203</v>
      </c>
      <c r="AO18" s="53">
        <v>-30266225.911066499</v>
      </c>
      <c r="AP18" s="53">
        <v>-27451783.316937599</v>
      </c>
      <c r="AQ18" s="53">
        <v>-26925572.986678299</v>
      </c>
      <c r="AR18" s="53">
        <v>-29189734.439760599</v>
      </c>
      <c r="AS18" s="53">
        <v>-32011325.682155401</v>
      </c>
      <c r="AT18" s="53">
        <v>-31790475.033373602</v>
      </c>
      <c r="AU18" s="53">
        <v>-32057558.941542901</v>
      </c>
      <c r="AV18" s="53">
        <v>-30964943.598824602</v>
      </c>
      <c r="AW18" s="53">
        <v>-32605262.580927201</v>
      </c>
      <c r="AX18" s="53">
        <v>-30752430.9877773</v>
      </c>
      <c r="AY18" s="53">
        <v>-27128517.665014699</v>
      </c>
      <c r="AZ18" s="53">
        <v>-26594367.2869871</v>
      </c>
      <c r="BA18" s="53">
        <v>-357738198.43104601</v>
      </c>
    </row>
    <row r="19" spans="1:53">
      <c r="A19" s="52" t="s">
        <v>814</v>
      </c>
      <c r="B19" s="53">
        <v>-684860826.45852995</v>
      </c>
      <c r="C19" s="53">
        <v>-458391955.189928</v>
      </c>
      <c r="D19" s="53">
        <v>-463971802.93143398</v>
      </c>
      <c r="E19" s="53">
        <v>-458881345.20472801</v>
      </c>
      <c r="F19" s="53">
        <v>-552973642.56363201</v>
      </c>
      <c r="G19" s="53">
        <v>-592857469.60978794</v>
      </c>
      <c r="H19" s="53">
        <v>-622362313.05261505</v>
      </c>
      <c r="I19" s="53">
        <v>-773959165.00857902</v>
      </c>
      <c r="J19" s="53">
        <v>-578935154.36381197</v>
      </c>
      <c r="K19" s="53">
        <v>-503905322.25236499</v>
      </c>
      <c r="L19" s="53">
        <v>-404042636.19076699</v>
      </c>
      <c r="M19" s="53">
        <v>-446742740.63894498</v>
      </c>
      <c r="N19" s="53">
        <v>-6541884373.4651299</v>
      </c>
      <c r="O19" s="53">
        <v>-555983813.07228005</v>
      </c>
      <c r="P19" s="53">
        <v>-352983129.36170602</v>
      </c>
      <c r="Q19" s="53">
        <v>-362942804.77450597</v>
      </c>
      <c r="R19" s="53">
        <v>-390827157.08527601</v>
      </c>
      <c r="S19" s="53">
        <v>-471953109.155572</v>
      </c>
      <c r="T19" s="53">
        <v>-506643081.677863</v>
      </c>
      <c r="U19" s="53">
        <v>-533457159.41935003</v>
      </c>
      <c r="V19" s="53">
        <v>-661365928.17794096</v>
      </c>
      <c r="W19" s="53">
        <v>-496628624.85663199</v>
      </c>
      <c r="X19" s="53">
        <v>-430149975.94529802</v>
      </c>
      <c r="Y19" s="53">
        <v>-346769844.40031099</v>
      </c>
      <c r="Z19" s="53">
        <v>-385882308.286659</v>
      </c>
      <c r="AA19" s="53">
        <v>-5495586936.2133904</v>
      </c>
      <c r="AB19" s="53">
        <v>-549771825.91616499</v>
      </c>
      <c r="AC19" s="53">
        <v>-349790410.17728198</v>
      </c>
      <c r="AD19" s="53">
        <v>-357598785.24871701</v>
      </c>
      <c r="AE19" s="53">
        <v>-385117417.53852898</v>
      </c>
      <c r="AF19" s="53">
        <v>-465853606.20904499</v>
      </c>
      <c r="AG19" s="53">
        <v>-502783673.79390502</v>
      </c>
      <c r="AH19" s="53">
        <v>-529303723.539967</v>
      </c>
      <c r="AI19" s="53">
        <v>-655847388.12704206</v>
      </c>
      <c r="AJ19" s="53">
        <v>-492872614.42417699</v>
      </c>
      <c r="AK19" s="53">
        <v>-427711932.53705901</v>
      </c>
      <c r="AL19" s="53">
        <v>-342889032.49939799</v>
      </c>
      <c r="AM19" s="53">
        <v>-382783783.60481203</v>
      </c>
      <c r="AN19" s="53">
        <v>-5442324193.6161003</v>
      </c>
      <c r="AO19" s="53">
        <v>-546097957.36922097</v>
      </c>
      <c r="AP19" s="53">
        <v>-346940813.942276</v>
      </c>
      <c r="AQ19" s="53">
        <v>-353697837.85659999</v>
      </c>
      <c r="AR19" s="53">
        <v>-380983969.01995099</v>
      </c>
      <c r="AS19" s="53">
        <v>-462814715.04893899</v>
      </c>
      <c r="AT19" s="53">
        <v>-501091645.61698997</v>
      </c>
      <c r="AU19" s="53">
        <v>-527893722.53715998</v>
      </c>
      <c r="AV19" s="53">
        <v>-653903623.61074495</v>
      </c>
      <c r="AW19" s="53">
        <v>-492223097.37004399</v>
      </c>
      <c r="AX19" s="53">
        <v>-427129050.80477798</v>
      </c>
      <c r="AY19" s="53">
        <v>-342759901.600927</v>
      </c>
      <c r="AZ19" s="53">
        <v>-383184873.89674997</v>
      </c>
      <c r="BA19" s="53">
        <v>-5418721208.6743803</v>
      </c>
    </row>
    <row r="20" spans="1:53">
      <c r="A20" s="231" t="s">
        <v>815</v>
      </c>
      <c r="B20" s="53"/>
      <c r="C20" s="53"/>
      <c r="D20" s="53"/>
      <c r="E20" s="53"/>
      <c r="F20" s="53"/>
      <c r="G20" s="53"/>
      <c r="H20" s="53"/>
      <c r="I20" s="53"/>
      <c r="J20" s="53"/>
      <c r="K20" s="53"/>
      <c r="L20" s="53"/>
      <c r="M20" s="53"/>
      <c r="N20" s="53"/>
      <c r="O20" s="53"/>
      <c r="P20" s="53"/>
      <c r="Q20" s="53"/>
      <c r="R20" s="53"/>
      <c r="S20" s="53"/>
      <c r="T20" s="53"/>
      <c r="U20" s="53"/>
      <c r="V20" s="53"/>
      <c r="W20" s="53"/>
      <c r="X20" s="53"/>
      <c r="Y20" s="53"/>
      <c r="Z20" s="53"/>
      <c r="AA20" s="53"/>
      <c r="AB20" s="53"/>
      <c r="AC20" s="53"/>
      <c r="AD20" s="53"/>
      <c r="AE20" s="53"/>
      <c r="AF20" s="53"/>
      <c r="AG20" s="53"/>
      <c r="AH20" s="53"/>
      <c r="AI20" s="53"/>
      <c r="AJ20" s="53"/>
      <c r="AK20" s="53"/>
      <c r="AL20" s="53"/>
      <c r="AM20" s="53"/>
      <c r="AN20" s="53"/>
      <c r="AO20" s="53"/>
      <c r="AP20" s="53"/>
      <c r="AQ20" s="53"/>
      <c r="AR20" s="53"/>
      <c r="AS20" s="53"/>
      <c r="AT20" s="53"/>
      <c r="AU20" s="53"/>
      <c r="AV20" s="53"/>
      <c r="AW20" s="53"/>
      <c r="AX20" s="53"/>
      <c r="AY20" s="53"/>
      <c r="AZ20" s="53"/>
      <c r="BA20" s="53"/>
    </row>
    <row r="21" spans="1:53">
      <c r="A21" s="52" t="s">
        <v>816</v>
      </c>
      <c r="B21" s="53">
        <v>-5397976.9246011004</v>
      </c>
      <c r="C21" s="53">
        <v>-5450133.2854554998</v>
      </c>
      <c r="D21" s="53">
        <v>-5696452.2640641704</v>
      </c>
      <c r="E21" s="53">
        <v>-5916759.8837471902</v>
      </c>
      <c r="F21" s="53">
        <v>-5835170.45053632</v>
      </c>
      <c r="G21" s="53">
        <v>-6707605.5699352901</v>
      </c>
      <c r="H21" s="53">
        <v>-7308008.7626381097</v>
      </c>
      <c r="I21" s="53">
        <v>-6955031.8609265704</v>
      </c>
      <c r="J21" s="53">
        <v>-6595195.7479367098</v>
      </c>
      <c r="K21" s="53">
        <v>-7152902.8361264402</v>
      </c>
      <c r="L21" s="53">
        <v>-6527053.1506881202</v>
      </c>
      <c r="M21" s="53">
        <v>-8108957.3619051501</v>
      </c>
      <c r="N21" s="53">
        <v>-77651248.098560706</v>
      </c>
      <c r="O21" s="53">
        <v>-1890293.3943604799</v>
      </c>
      <c r="P21" s="53">
        <v>-1846442.7009026499</v>
      </c>
      <c r="Q21" s="53">
        <v>-1859320.80952409</v>
      </c>
      <c r="R21" s="53">
        <v>-1524515.8325108299</v>
      </c>
      <c r="S21" s="53">
        <v>-1477122.4790845499</v>
      </c>
      <c r="T21" s="53">
        <v>-1465693.7987113399</v>
      </c>
      <c r="U21" s="53">
        <v>-1554837.1731791799</v>
      </c>
      <c r="V21" s="53">
        <v>-1603121.2798927</v>
      </c>
      <c r="W21" s="53">
        <v>-1572481.80153314</v>
      </c>
      <c r="X21" s="53">
        <v>-1560450.55046094</v>
      </c>
      <c r="Y21" s="53">
        <v>-1585146.04050803</v>
      </c>
      <c r="Z21" s="53">
        <v>-1924877.9680478</v>
      </c>
      <c r="AA21" s="53">
        <v>-19864303.828715701</v>
      </c>
      <c r="AB21" s="53">
        <v>-1906220.0997487199</v>
      </c>
      <c r="AC21" s="53">
        <v>-1871479.2930866701</v>
      </c>
      <c r="AD21" s="53">
        <v>-1852889.2339652199</v>
      </c>
      <c r="AE21" s="53">
        <v>-1495148.3394903899</v>
      </c>
      <c r="AF21" s="53">
        <v>-1514138.30529631</v>
      </c>
      <c r="AG21" s="53">
        <v>-1505933.7924293601</v>
      </c>
      <c r="AH21" s="53">
        <v>-1579196.1302787799</v>
      </c>
      <c r="AI21" s="53">
        <v>-1608989.3977653999</v>
      </c>
      <c r="AJ21" s="53">
        <v>-1580336.82989664</v>
      </c>
      <c r="AK21" s="53">
        <v>-1626441.2120868999</v>
      </c>
      <c r="AL21" s="53">
        <v>-1645132.6880906399</v>
      </c>
      <c r="AM21" s="53">
        <v>-1962357.23239139</v>
      </c>
      <c r="AN21" s="53">
        <v>-20148262.5545264</v>
      </c>
      <c r="AO21" s="53">
        <v>-1925824.2341452001</v>
      </c>
      <c r="AP21" s="53">
        <v>-1866202.9650000399</v>
      </c>
      <c r="AQ21" s="53">
        <v>-1866071.2250238401</v>
      </c>
      <c r="AR21" s="53">
        <v>-1554340.33736095</v>
      </c>
      <c r="AS21" s="53">
        <v>-1523687.1498819201</v>
      </c>
      <c r="AT21" s="53">
        <v>-1522225.8248432199</v>
      </c>
      <c r="AU21" s="53">
        <v>-1585362.23349135</v>
      </c>
      <c r="AV21" s="53">
        <v>-1610927.8659395699</v>
      </c>
      <c r="AW21" s="53">
        <v>-1577894.5575562699</v>
      </c>
      <c r="AX21" s="53">
        <v>-1588626.23761123</v>
      </c>
      <c r="AY21" s="53">
        <v>-1595053.8772827999</v>
      </c>
      <c r="AZ21" s="53">
        <v>-1694393.7702281</v>
      </c>
      <c r="BA21" s="53">
        <v>-19910610.278364498</v>
      </c>
    </row>
    <row r="22" spans="1:53">
      <c r="A22" s="52" t="s">
        <v>817</v>
      </c>
      <c r="B22" s="53">
        <v>0</v>
      </c>
      <c r="C22" s="53">
        <v>0</v>
      </c>
      <c r="D22" s="53">
        <v>0</v>
      </c>
      <c r="E22" s="53">
        <v>0</v>
      </c>
      <c r="F22" s="53">
        <v>0</v>
      </c>
      <c r="G22" s="53">
        <v>0</v>
      </c>
      <c r="H22" s="53">
        <v>0</v>
      </c>
      <c r="I22" s="53">
        <v>0</v>
      </c>
      <c r="J22" s="53">
        <v>0</v>
      </c>
      <c r="K22" s="53">
        <v>0</v>
      </c>
      <c r="L22" s="53">
        <v>0</v>
      </c>
      <c r="M22" s="53">
        <v>0</v>
      </c>
      <c r="N22" s="53">
        <v>0</v>
      </c>
      <c r="O22" s="53">
        <v>0</v>
      </c>
      <c r="P22" s="53">
        <v>0</v>
      </c>
      <c r="Q22" s="53">
        <v>0</v>
      </c>
      <c r="R22" s="53">
        <v>0</v>
      </c>
      <c r="S22" s="53">
        <v>0</v>
      </c>
      <c r="T22" s="53">
        <v>0</v>
      </c>
      <c r="U22" s="53">
        <v>0</v>
      </c>
      <c r="V22" s="53">
        <v>0</v>
      </c>
      <c r="W22" s="53">
        <v>0</v>
      </c>
      <c r="X22" s="53">
        <v>0</v>
      </c>
      <c r="Y22" s="53">
        <v>0</v>
      </c>
      <c r="Z22" s="53">
        <v>0</v>
      </c>
      <c r="AA22" s="53">
        <v>0</v>
      </c>
      <c r="AB22" s="53">
        <v>0</v>
      </c>
      <c r="AC22" s="53">
        <v>0</v>
      </c>
      <c r="AD22" s="53">
        <v>0</v>
      </c>
      <c r="AE22" s="53">
        <v>0</v>
      </c>
      <c r="AF22" s="53">
        <v>0</v>
      </c>
      <c r="AG22" s="53">
        <v>0</v>
      </c>
      <c r="AH22" s="53">
        <v>0</v>
      </c>
      <c r="AI22" s="53">
        <v>0</v>
      </c>
      <c r="AJ22" s="53">
        <v>0</v>
      </c>
      <c r="AK22" s="53">
        <v>0</v>
      </c>
      <c r="AL22" s="53">
        <v>0</v>
      </c>
      <c r="AM22" s="53">
        <v>0</v>
      </c>
      <c r="AN22" s="53">
        <v>0</v>
      </c>
      <c r="AO22" s="53">
        <v>0</v>
      </c>
      <c r="AP22" s="53">
        <v>0</v>
      </c>
      <c r="AQ22" s="53">
        <v>0</v>
      </c>
      <c r="AR22" s="53">
        <v>0</v>
      </c>
      <c r="AS22" s="53">
        <v>0</v>
      </c>
      <c r="AT22" s="53">
        <v>0</v>
      </c>
      <c r="AU22" s="53">
        <v>0</v>
      </c>
      <c r="AV22" s="53">
        <v>0</v>
      </c>
      <c r="AW22" s="53">
        <v>0</v>
      </c>
      <c r="AX22" s="53">
        <v>0</v>
      </c>
      <c r="AY22" s="53">
        <v>0</v>
      </c>
      <c r="AZ22" s="53">
        <v>0</v>
      </c>
      <c r="BA22" s="53">
        <v>0</v>
      </c>
    </row>
    <row r="23" spans="1:53">
      <c r="A23" s="52" t="s">
        <v>818</v>
      </c>
      <c r="B23" s="53">
        <v>0</v>
      </c>
      <c r="C23" s="53">
        <v>0</v>
      </c>
      <c r="D23" s="53">
        <v>0</v>
      </c>
      <c r="E23" s="53">
        <v>0</v>
      </c>
      <c r="F23" s="53">
        <v>0</v>
      </c>
      <c r="G23" s="53">
        <v>0</v>
      </c>
      <c r="H23" s="53">
        <v>0</v>
      </c>
      <c r="I23" s="53">
        <v>0</v>
      </c>
      <c r="J23" s="53">
        <v>0</v>
      </c>
      <c r="K23" s="53">
        <v>0</v>
      </c>
      <c r="L23" s="53">
        <v>0</v>
      </c>
      <c r="M23" s="53">
        <v>0</v>
      </c>
      <c r="N23" s="53">
        <v>0</v>
      </c>
      <c r="O23" s="53">
        <v>0</v>
      </c>
      <c r="P23" s="53">
        <v>0</v>
      </c>
      <c r="Q23" s="53">
        <v>0</v>
      </c>
      <c r="R23" s="53">
        <v>0</v>
      </c>
      <c r="S23" s="53">
        <v>0</v>
      </c>
      <c r="T23" s="53">
        <v>0</v>
      </c>
      <c r="U23" s="53">
        <v>0</v>
      </c>
      <c r="V23" s="53">
        <v>0</v>
      </c>
      <c r="W23" s="53">
        <v>0</v>
      </c>
      <c r="X23" s="53">
        <v>0</v>
      </c>
      <c r="Y23" s="53">
        <v>0</v>
      </c>
      <c r="Z23" s="53">
        <v>0</v>
      </c>
      <c r="AA23" s="53">
        <v>0</v>
      </c>
      <c r="AB23" s="53">
        <v>0</v>
      </c>
      <c r="AC23" s="53">
        <v>0</v>
      </c>
      <c r="AD23" s="53">
        <v>0</v>
      </c>
      <c r="AE23" s="53">
        <v>0</v>
      </c>
      <c r="AF23" s="53">
        <v>0</v>
      </c>
      <c r="AG23" s="53">
        <v>0</v>
      </c>
      <c r="AH23" s="53">
        <v>0</v>
      </c>
      <c r="AI23" s="53">
        <v>0</v>
      </c>
      <c r="AJ23" s="53">
        <v>0</v>
      </c>
      <c r="AK23" s="53">
        <v>0</v>
      </c>
      <c r="AL23" s="53">
        <v>0</v>
      </c>
      <c r="AM23" s="53">
        <v>0</v>
      </c>
      <c r="AN23" s="53">
        <v>0</v>
      </c>
      <c r="AO23" s="53">
        <v>0</v>
      </c>
      <c r="AP23" s="53">
        <v>0</v>
      </c>
      <c r="AQ23" s="53">
        <v>0</v>
      </c>
      <c r="AR23" s="53">
        <v>0</v>
      </c>
      <c r="AS23" s="53">
        <v>0</v>
      </c>
      <c r="AT23" s="53">
        <v>0</v>
      </c>
      <c r="AU23" s="53">
        <v>0</v>
      </c>
      <c r="AV23" s="53">
        <v>0</v>
      </c>
      <c r="AW23" s="53">
        <v>0</v>
      </c>
      <c r="AX23" s="53">
        <v>0</v>
      </c>
      <c r="AY23" s="53">
        <v>0</v>
      </c>
      <c r="AZ23" s="53">
        <v>0</v>
      </c>
      <c r="BA23" s="53">
        <v>0</v>
      </c>
    </row>
    <row r="24" spans="1:53">
      <c r="A24" s="52" t="s">
        <v>819</v>
      </c>
      <c r="B24" s="53">
        <v>-5397976.9246011004</v>
      </c>
      <c r="C24" s="53">
        <v>-5450133.2854554998</v>
      </c>
      <c r="D24" s="53">
        <v>-5696452.2640641704</v>
      </c>
      <c r="E24" s="53">
        <v>-5916759.8837471902</v>
      </c>
      <c r="F24" s="53">
        <v>-5835170.45053632</v>
      </c>
      <c r="G24" s="53">
        <v>-6707605.5699352901</v>
      </c>
      <c r="H24" s="53">
        <v>-7308008.7626381097</v>
      </c>
      <c r="I24" s="53">
        <v>-6955031.8609265704</v>
      </c>
      <c r="J24" s="53">
        <v>-6595195.7479367098</v>
      </c>
      <c r="K24" s="53">
        <v>-7152902.8361264402</v>
      </c>
      <c r="L24" s="53">
        <v>-6527053.1506881202</v>
      </c>
      <c r="M24" s="53">
        <v>-8108957.3619051501</v>
      </c>
      <c r="N24" s="53">
        <v>-77651248.098560706</v>
      </c>
      <c r="O24" s="53">
        <v>-1890293.3943604799</v>
      </c>
      <c r="P24" s="53">
        <v>-1846442.7009026499</v>
      </c>
      <c r="Q24" s="53">
        <v>-1859320.80952409</v>
      </c>
      <c r="R24" s="53">
        <v>-1524515.8325108299</v>
      </c>
      <c r="S24" s="53">
        <v>-1477122.4790845499</v>
      </c>
      <c r="T24" s="53">
        <v>-1465693.7987113399</v>
      </c>
      <c r="U24" s="53">
        <v>-1554837.1731791799</v>
      </c>
      <c r="V24" s="53">
        <v>-1603121.2798927</v>
      </c>
      <c r="W24" s="53">
        <v>-1572481.80153314</v>
      </c>
      <c r="X24" s="53">
        <v>-1560450.55046094</v>
      </c>
      <c r="Y24" s="53">
        <v>-1585146.04050803</v>
      </c>
      <c r="Z24" s="53">
        <v>-1924877.9680478</v>
      </c>
      <c r="AA24" s="53">
        <v>-19864303.828715701</v>
      </c>
      <c r="AB24" s="53">
        <v>-1906220.0997487199</v>
      </c>
      <c r="AC24" s="53">
        <v>-1871479.2930866701</v>
      </c>
      <c r="AD24" s="53">
        <v>-1852889.2339652199</v>
      </c>
      <c r="AE24" s="53">
        <v>-1495148.3394903899</v>
      </c>
      <c r="AF24" s="53">
        <v>-1514138.30529631</v>
      </c>
      <c r="AG24" s="53">
        <v>-1505933.7924293601</v>
      </c>
      <c r="AH24" s="53">
        <v>-1579196.1302787799</v>
      </c>
      <c r="AI24" s="53">
        <v>-1608989.3977653999</v>
      </c>
      <c r="AJ24" s="53">
        <v>-1580336.82989664</v>
      </c>
      <c r="AK24" s="53">
        <v>-1626441.2120868999</v>
      </c>
      <c r="AL24" s="53">
        <v>-1645132.6880906399</v>
      </c>
      <c r="AM24" s="53">
        <v>-1962357.23239139</v>
      </c>
      <c r="AN24" s="53">
        <v>-20148262.5545264</v>
      </c>
      <c r="AO24" s="53">
        <v>-1925824.2341452001</v>
      </c>
      <c r="AP24" s="53">
        <v>-1866202.9650000399</v>
      </c>
      <c r="AQ24" s="53">
        <v>-1866071.2250238401</v>
      </c>
      <c r="AR24" s="53">
        <v>-1554340.33736095</v>
      </c>
      <c r="AS24" s="53">
        <v>-1523687.1498819201</v>
      </c>
      <c r="AT24" s="53">
        <v>-1522225.8248432199</v>
      </c>
      <c r="AU24" s="53">
        <v>-1585362.23349135</v>
      </c>
      <c r="AV24" s="53">
        <v>-1610927.8659395699</v>
      </c>
      <c r="AW24" s="53">
        <v>-1577894.5575562699</v>
      </c>
      <c r="AX24" s="53">
        <v>-1588626.23761123</v>
      </c>
      <c r="AY24" s="53">
        <v>-1595053.8772827999</v>
      </c>
      <c r="AZ24" s="53">
        <v>-1694393.7702281</v>
      </c>
      <c r="BA24" s="53">
        <v>-19910610.278364498</v>
      </c>
    </row>
    <row r="25" spans="1:53">
      <c r="A25" s="231" t="s">
        <v>820</v>
      </c>
      <c r="B25" s="53"/>
      <c r="C25" s="53"/>
      <c r="D25" s="53"/>
      <c r="E25" s="53"/>
      <c r="F25" s="53"/>
      <c r="G25" s="53"/>
      <c r="H25" s="53"/>
      <c r="I25" s="53"/>
      <c r="J25" s="53"/>
      <c r="K25" s="53"/>
      <c r="L25" s="53"/>
      <c r="M25" s="53"/>
      <c r="N25" s="53"/>
      <c r="O25" s="53"/>
      <c r="P25" s="53"/>
      <c r="Q25" s="53"/>
      <c r="R25" s="53"/>
      <c r="S25" s="53"/>
      <c r="T25" s="53"/>
      <c r="U25" s="53"/>
      <c r="V25" s="53"/>
      <c r="W25" s="53"/>
      <c r="X25" s="53"/>
      <c r="Y25" s="53"/>
      <c r="Z25" s="53"/>
      <c r="AA25" s="53"/>
      <c r="AB25" s="53"/>
      <c r="AC25" s="53"/>
      <c r="AD25" s="53"/>
      <c r="AE25" s="53"/>
      <c r="AF25" s="53"/>
      <c r="AG25" s="53"/>
      <c r="AH25" s="53"/>
      <c r="AI25" s="53"/>
      <c r="AJ25" s="53"/>
      <c r="AK25" s="53"/>
      <c r="AL25" s="53"/>
      <c r="AM25" s="53"/>
      <c r="AN25" s="53"/>
      <c r="AO25" s="53"/>
      <c r="AP25" s="53"/>
      <c r="AQ25" s="53"/>
      <c r="AR25" s="53"/>
      <c r="AS25" s="53"/>
      <c r="AT25" s="53"/>
      <c r="AU25" s="53"/>
      <c r="AV25" s="53"/>
      <c r="AW25" s="53"/>
      <c r="AX25" s="53"/>
      <c r="AY25" s="53"/>
      <c r="AZ25" s="53"/>
      <c r="BA25" s="53"/>
    </row>
    <row r="26" spans="1:53">
      <c r="A26" s="52" t="s">
        <v>821</v>
      </c>
      <c r="B26" s="53">
        <v>0</v>
      </c>
      <c r="C26" s="53">
        <v>0</v>
      </c>
      <c r="D26" s="53">
        <v>0</v>
      </c>
      <c r="E26" s="53">
        <v>0</v>
      </c>
      <c r="F26" s="53">
        <v>0</v>
      </c>
      <c r="G26" s="53">
        <v>0</v>
      </c>
      <c r="H26" s="53">
        <v>0</v>
      </c>
      <c r="I26" s="53">
        <v>0</v>
      </c>
      <c r="J26" s="53">
        <v>0</v>
      </c>
      <c r="K26" s="53">
        <v>0</v>
      </c>
      <c r="L26" s="53">
        <v>0</v>
      </c>
      <c r="M26" s="53">
        <v>0</v>
      </c>
      <c r="N26" s="53">
        <v>0</v>
      </c>
      <c r="O26" s="53">
        <v>0</v>
      </c>
      <c r="P26" s="53">
        <v>0</v>
      </c>
      <c r="Q26" s="53">
        <v>0</v>
      </c>
      <c r="R26" s="53">
        <v>0</v>
      </c>
      <c r="S26" s="53">
        <v>0</v>
      </c>
      <c r="T26" s="53">
        <v>0</v>
      </c>
      <c r="U26" s="53">
        <v>0</v>
      </c>
      <c r="V26" s="53">
        <v>0</v>
      </c>
      <c r="W26" s="53">
        <v>0</v>
      </c>
      <c r="X26" s="53">
        <v>0</v>
      </c>
      <c r="Y26" s="53">
        <v>0</v>
      </c>
      <c r="Z26" s="53">
        <v>0</v>
      </c>
      <c r="AA26" s="53">
        <v>0</v>
      </c>
      <c r="AB26" s="53">
        <v>0</v>
      </c>
      <c r="AC26" s="53">
        <v>0</v>
      </c>
      <c r="AD26" s="53">
        <v>0</v>
      </c>
      <c r="AE26" s="53">
        <v>0</v>
      </c>
      <c r="AF26" s="53">
        <v>0</v>
      </c>
      <c r="AG26" s="53">
        <v>0</v>
      </c>
      <c r="AH26" s="53">
        <v>0</v>
      </c>
      <c r="AI26" s="53">
        <v>0</v>
      </c>
      <c r="AJ26" s="53">
        <v>0</v>
      </c>
      <c r="AK26" s="53">
        <v>0</v>
      </c>
      <c r="AL26" s="53">
        <v>0</v>
      </c>
      <c r="AM26" s="53">
        <v>0</v>
      </c>
      <c r="AN26" s="53">
        <v>0</v>
      </c>
      <c r="AO26" s="53">
        <v>0</v>
      </c>
      <c r="AP26" s="53">
        <v>0</v>
      </c>
      <c r="AQ26" s="53">
        <v>0</v>
      </c>
      <c r="AR26" s="53">
        <v>0</v>
      </c>
      <c r="AS26" s="53">
        <v>0</v>
      </c>
      <c r="AT26" s="53">
        <v>0</v>
      </c>
      <c r="AU26" s="53">
        <v>0</v>
      </c>
      <c r="AV26" s="53">
        <v>0</v>
      </c>
      <c r="AW26" s="53">
        <v>0</v>
      </c>
      <c r="AX26" s="53">
        <v>0</v>
      </c>
      <c r="AY26" s="53">
        <v>0</v>
      </c>
      <c r="AZ26" s="53">
        <v>0</v>
      </c>
      <c r="BA26" s="53">
        <v>0</v>
      </c>
    </row>
    <row r="27" spans="1:53">
      <c r="A27" s="52" t="s">
        <v>822</v>
      </c>
      <c r="B27" s="53">
        <v>0</v>
      </c>
      <c r="C27" s="53">
        <v>0</v>
      </c>
      <c r="D27" s="53">
        <v>0</v>
      </c>
      <c r="E27" s="53">
        <v>0</v>
      </c>
      <c r="F27" s="53">
        <v>0</v>
      </c>
      <c r="G27" s="53">
        <v>0</v>
      </c>
      <c r="H27" s="53">
        <v>0</v>
      </c>
      <c r="I27" s="53">
        <v>0</v>
      </c>
      <c r="J27" s="53">
        <v>0</v>
      </c>
      <c r="K27" s="53">
        <v>0</v>
      </c>
      <c r="L27" s="53">
        <v>0</v>
      </c>
      <c r="M27" s="53">
        <v>0</v>
      </c>
      <c r="N27" s="53">
        <v>0</v>
      </c>
      <c r="O27" s="53">
        <v>0</v>
      </c>
      <c r="P27" s="53">
        <v>0</v>
      </c>
      <c r="Q27" s="53">
        <v>0</v>
      </c>
      <c r="R27" s="53">
        <v>0</v>
      </c>
      <c r="S27" s="53">
        <v>0</v>
      </c>
      <c r="T27" s="53">
        <v>0</v>
      </c>
      <c r="U27" s="53">
        <v>0</v>
      </c>
      <c r="V27" s="53">
        <v>0</v>
      </c>
      <c r="W27" s="53">
        <v>0</v>
      </c>
      <c r="X27" s="53">
        <v>0</v>
      </c>
      <c r="Y27" s="53">
        <v>0</v>
      </c>
      <c r="Z27" s="53">
        <v>0</v>
      </c>
      <c r="AA27" s="53">
        <v>0</v>
      </c>
      <c r="AB27" s="53">
        <v>0</v>
      </c>
      <c r="AC27" s="53">
        <v>0</v>
      </c>
      <c r="AD27" s="53">
        <v>0</v>
      </c>
      <c r="AE27" s="53">
        <v>0</v>
      </c>
      <c r="AF27" s="53">
        <v>0</v>
      </c>
      <c r="AG27" s="53">
        <v>0</v>
      </c>
      <c r="AH27" s="53">
        <v>0</v>
      </c>
      <c r="AI27" s="53">
        <v>0</v>
      </c>
      <c r="AJ27" s="53">
        <v>0</v>
      </c>
      <c r="AK27" s="53">
        <v>0</v>
      </c>
      <c r="AL27" s="53">
        <v>0</v>
      </c>
      <c r="AM27" s="53">
        <v>0</v>
      </c>
      <c r="AN27" s="53">
        <v>0</v>
      </c>
      <c r="AO27" s="53">
        <v>0</v>
      </c>
      <c r="AP27" s="53">
        <v>0</v>
      </c>
      <c r="AQ27" s="53">
        <v>0</v>
      </c>
      <c r="AR27" s="53">
        <v>0</v>
      </c>
      <c r="AS27" s="53">
        <v>0</v>
      </c>
      <c r="AT27" s="53">
        <v>0</v>
      </c>
      <c r="AU27" s="53">
        <v>0</v>
      </c>
      <c r="AV27" s="53">
        <v>0</v>
      </c>
      <c r="AW27" s="53">
        <v>0</v>
      </c>
      <c r="AX27" s="53">
        <v>0</v>
      </c>
      <c r="AY27" s="53">
        <v>0</v>
      </c>
      <c r="AZ27" s="53">
        <v>0</v>
      </c>
      <c r="BA27" s="53">
        <v>0</v>
      </c>
    </row>
    <row r="28" spans="1:53">
      <c r="A28" s="52" t="s">
        <v>823</v>
      </c>
      <c r="B28" s="53">
        <v>0</v>
      </c>
      <c r="C28" s="53">
        <v>0</v>
      </c>
      <c r="D28" s="53">
        <v>0</v>
      </c>
      <c r="E28" s="53">
        <v>0</v>
      </c>
      <c r="F28" s="53">
        <v>0</v>
      </c>
      <c r="G28" s="53">
        <v>0</v>
      </c>
      <c r="H28" s="53">
        <v>0</v>
      </c>
      <c r="I28" s="53">
        <v>0</v>
      </c>
      <c r="J28" s="53">
        <v>0</v>
      </c>
      <c r="K28" s="53">
        <v>0</v>
      </c>
      <c r="L28" s="53">
        <v>0</v>
      </c>
      <c r="M28" s="53">
        <v>0</v>
      </c>
      <c r="N28" s="53">
        <v>0</v>
      </c>
      <c r="O28" s="53">
        <v>0</v>
      </c>
      <c r="P28" s="53">
        <v>0</v>
      </c>
      <c r="Q28" s="53">
        <v>0</v>
      </c>
      <c r="R28" s="53">
        <v>0</v>
      </c>
      <c r="S28" s="53">
        <v>0</v>
      </c>
      <c r="T28" s="53">
        <v>0</v>
      </c>
      <c r="U28" s="53">
        <v>0</v>
      </c>
      <c r="V28" s="53">
        <v>0</v>
      </c>
      <c r="W28" s="53">
        <v>0</v>
      </c>
      <c r="X28" s="53">
        <v>0</v>
      </c>
      <c r="Y28" s="53">
        <v>0</v>
      </c>
      <c r="Z28" s="53">
        <v>0</v>
      </c>
      <c r="AA28" s="53">
        <v>0</v>
      </c>
      <c r="AB28" s="53">
        <v>0</v>
      </c>
      <c r="AC28" s="53">
        <v>0</v>
      </c>
      <c r="AD28" s="53">
        <v>0</v>
      </c>
      <c r="AE28" s="53">
        <v>0</v>
      </c>
      <c r="AF28" s="53">
        <v>0</v>
      </c>
      <c r="AG28" s="53">
        <v>0</v>
      </c>
      <c r="AH28" s="53">
        <v>0</v>
      </c>
      <c r="AI28" s="53">
        <v>0</v>
      </c>
      <c r="AJ28" s="53">
        <v>0</v>
      </c>
      <c r="AK28" s="53">
        <v>0</v>
      </c>
      <c r="AL28" s="53">
        <v>0</v>
      </c>
      <c r="AM28" s="53">
        <v>0</v>
      </c>
      <c r="AN28" s="53">
        <v>0</v>
      </c>
      <c r="AO28" s="53">
        <v>0</v>
      </c>
      <c r="AP28" s="53">
        <v>0</v>
      </c>
      <c r="AQ28" s="53">
        <v>0</v>
      </c>
      <c r="AR28" s="53">
        <v>0</v>
      </c>
      <c r="AS28" s="53">
        <v>0</v>
      </c>
      <c r="AT28" s="53">
        <v>0</v>
      </c>
      <c r="AU28" s="53">
        <v>0</v>
      </c>
      <c r="AV28" s="53">
        <v>0</v>
      </c>
      <c r="AW28" s="53">
        <v>0</v>
      </c>
      <c r="AX28" s="53">
        <v>0</v>
      </c>
      <c r="AY28" s="53">
        <v>0</v>
      </c>
      <c r="AZ28" s="53">
        <v>0</v>
      </c>
      <c r="BA28" s="53">
        <v>0</v>
      </c>
    </row>
    <row r="29" spans="1:53">
      <c r="A29" s="52" t="s">
        <v>824</v>
      </c>
      <c r="B29" s="53">
        <v>0</v>
      </c>
      <c r="C29" s="53">
        <v>0</v>
      </c>
      <c r="D29" s="53">
        <v>0</v>
      </c>
      <c r="E29" s="53">
        <v>0</v>
      </c>
      <c r="F29" s="53">
        <v>0</v>
      </c>
      <c r="G29" s="53">
        <v>0</v>
      </c>
      <c r="H29" s="53">
        <v>0</v>
      </c>
      <c r="I29" s="53">
        <v>0</v>
      </c>
      <c r="J29" s="53">
        <v>0</v>
      </c>
      <c r="K29" s="53">
        <v>0</v>
      </c>
      <c r="L29" s="53">
        <v>0</v>
      </c>
      <c r="M29" s="53">
        <v>0</v>
      </c>
      <c r="N29" s="53">
        <v>0</v>
      </c>
      <c r="O29" s="53">
        <v>0</v>
      </c>
      <c r="P29" s="53">
        <v>0</v>
      </c>
      <c r="Q29" s="53">
        <v>0</v>
      </c>
      <c r="R29" s="53">
        <v>0</v>
      </c>
      <c r="S29" s="53">
        <v>0</v>
      </c>
      <c r="T29" s="53">
        <v>0</v>
      </c>
      <c r="U29" s="53">
        <v>0</v>
      </c>
      <c r="V29" s="53">
        <v>0</v>
      </c>
      <c r="W29" s="53">
        <v>0</v>
      </c>
      <c r="X29" s="53">
        <v>0</v>
      </c>
      <c r="Y29" s="53">
        <v>0</v>
      </c>
      <c r="Z29" s="53">
        <v>0</v>
      </c>
      <c r="AA29" s="53">
        <v>0</v>
      </c>
      <c r="AB29" s="53">
        <v>0</v>
      </c>
      <c r="AC29" s="53">
        <v>0</v>
      </c>
      <c r="AD29" s="53">
        <v>0</v>
      </c>
      <c r="AE29" s="53">
        <v>0</v>
      </c>
      <c r="AF29" s="53">
        <v>0</v>
      </c>
      <c r="AG29" s="53">
        <v>0</v>
      </c>
      <c r="AH29" s="53">
        <v>0</v>
      </c>
      <c r="AI29" s="53">
        <v>0</v>
      </c>
      <c r="AJ29" s="53">
        <v>0</v>
      </c>
      <c r="AK29" s="53">
        <v>0</v>
      </c>
      <c r="AL29" s="53">
        <v>0</v>
      </c>
      <c r="AM29" s="53">
        <v>0</v>
      </c>
      <c r="AN29" s="53">
        <v>0</v>
      </c>
      <c r="AO29" s="53">
        <v>0</v>
      </c>
      <c r="AP29" s="53">
        <v>0</v>
      </c>
      <c r="AQ29" s="53">
        <v>0</v>
      </c>
      <c r="AR29" s="53">
        <v>0</v>
      </c>
      <c r="AS29" s="53">
        <v>0</v>
      </c>
      <c r="AT29" s="53">
        <v>0</v>
      </c>
      <c r="AU29" s="53">
        <v>0</v>
      </c>
      <c r="AV29" s="53">
        <v>0</v>
      </c>
      <c r="AW29" s="53">
        <v>0</v>
      </c>
      <c r="AX29" s="53">
        <v>0</v>
      </c>
      <c r="AY29" s="53">
        <v>0</v>
      </c>
      <c r="AZ29" s="53">
        <v>0</v>
      </c>
      <c r="BA29" s="53">
        <v>0</v>
      </c>
    </row>
    <row r="30" spans="1:53">
      <c r="A30" s="52" t="s">
        <v>825</v>
      </c>
      <c r="B30" s="53">
        <v>0</v>
      </c>
      <c r="C30" s="53">
        <v>0</v>
      </c>
      <c r="D30" s="53">
        <v>0</v>
      </c>
      <c r="E30" s="53">
        <v>0</v>
      </c>
      <c r="F30" s="53">
        <v>0</v>
      </c>
      <c r="G30" s="53">
        <v>0</v>
      </c>
      <c r="H30" s="53">
        <v>0</v>
      </c>
      <c r="I30" s="53">
        <v>0</v>
      </c>
      <c r="J30" s="53">
        <v>0</v>
      </c>
      <c r="K30" s="53">
        <v>0</v>
      </c>
      <c r="L30" s="53">
        <v>0</v>
      </c>
      <c r="M30" s="53">
        <v>0</v>
      </c>
      <c r="N30" s="53">
        <v>0</v>
      </c>
      <c r="O30" s="53">
        <v>0</v>
      </c>
      <c r="P30" s="53">
        <v>0</v>
      </c>
      <c r="Q30" s="53">
        <v>0</v>
      </c>
      <c r="R30" s="53">
        <v>0</v>
      </c>
      <c r="S30" s="53">
        <v>0</v>
      </c>
      <c r="T30" s="53">
        <v>0</v>
      </c>
      <c r="U30" s="53">
        <v>0</v>
      </c>
      <c r="V30" s="53">
        <v>0</v>
      </c>
      <c r="W30" s="53">
        <v>0</v>
      </c>
      <c r="X30" s="53">
        <v>0</v>
      </c>
      <c r="Y30" s="53">
        <v>0</v>
      </c>
      <c r="Z30" s="53">
        <v>0</v>
      </c>
      <c r="AA30" s="53">
        <v>0</v>
      </c>
      <c r="AB30" s="53">
        <v>0</v>
      </c>
      <c r="AC30" s="53">
        <v>0</v>
      </c>
      <c r="AD30" s="53">
        <v>0</v>
      </c>
      <c r="AE30" s="53">
        <v>0</v>
      </c>
      <c r="AF30" s="53">
        <v>0</v>
      </c>
      <c r="AG30" s="53">
        <v>0</v>
      </c>
      <c r="AH30" s="53">
        <v>0</v>
      </c>
      <c r="AI30" s="53">
        <v>0</v>
      </c>
      <c r="AJ30" s="53">
        <v>0</v>
      </c>
      <c r="AK30" s="53">
        <v>0</v>
      </c>
      <c r="AL30" s="53">
        <v>0</v>
      </c>
      <c r="AM30" s="53">
        <v>0</v>
      </c>
      <c r="AN30" s="53">
        <v>0</v>
      </c>
      <c r="AO30" s="53">
        <v>0</v>
      </c>
      <c r="AP30" s="53">
        <v>0</v>
      </c>
      <c r="AQ30" s="53">
        <v>0</v>
      </c>
      <c r="AR30" s="53">
        <v>0</v>
      </c>
      <c r="AS30" s="53">
        <v>0</v>
      </c>
      <c r="AT30" s="53">
        <v>0</v>
      </c>
      <c r="AU30" s="53">
        <v>0</v>
      </c>
      <c r="AV30" s="53">
        <v>0</v>
      </c>
      <c r="AW30" s="53">
        <v>0</v>
      </c>
      <c r="AX30" s="53">
        <v>0</v>
      </c>
      <c r="AY30" s="53">
        <v>0</v>
      </c>
      <c r="AZ30" s="53">
        <v>0</v>
      </c>
      <c r="BA30" s="53">
        <v>0</v>
      </c>
    </row>
    <row r="31" spans="1:53">
      <c r="A31" s="52" t="s">
        <v>826</v>
      </c>
      <c r="B31" s="53"/>
      <c r="C31" s="53"/>
      <c r="D31" s="53"/>
      <c r="E31" s="53"/>
      <c r="F31" s="53"/>
      <c r="G31" s="53"/>
      <c r="H31" s="53"/>
      <c r="I31" s="53"/>
      <c r="J31" s="53"/>
      <c r="K31" s="53"/>
      <c r="L31" s="53"/>
      <c r="M31" s="53"/>
      <c r="N31" s="53"/>
      <c r="O31" s="53"/>
      <c r="P31" s="53"/>
      <c r="Q31" s="53"/>
      <c r="R31" s="53"/>
      <c r="S31" s="53"/>
      <c r="T31" s="53"/>
      <c r="U31" s="53"/>
      <c r="V31" s="53"/>
      <c r="W31" s="53"/>
      <c r="X31" s="53"/>
      <c r="Y31" s="53"/>
      <c r="Z31" s="53"/>
      <c r="AA31" s="53"/>
      <c r="AB31" s="53"/>
      <c r="AC31" s="53"/>
      <c r="AD31" s="53"/>
      <c r="AE31" s="53"/>
      <c r="AF31" s="53"/>
      <c r="AG31" s="53"/>
      <c r="AH31" s="53"/>
      <c r="AI31" s="53"/>
      <c r="AJ31" s="53"/>
      <c r="AK31" s="53"/>
      <c r="AL31" s="53"/>
      <c r="AM31" s="53"/>
      <c r="AN31" s="53"/>
      <c r="AO31" s="53"/>
      <c r="AP31" s="53"/>
      <c r="AQ31" s="53"/>
      <c r="AR31" s="53"/>
      <c r="AS31" s="53"/>
      <c r="AT31" s="53"/>
      <c r="AU31" s="53"/>
      <c r="AV31" s="53"/>
      <c r="AW31" s="53"/>
      <c r="AX31" s="53"/>
      <c r="AY31" s="53"/>
      <c r="AZ31" s="53"/>
      <c r="BA31" s="53"/>
    </row>
    <row r="32" spans="1:53">
      <c r="A32" s="52" t="s">
        <v>827</v>
      </c>
      <c r="B32" s="53">
        <v>-1841666.7</v>
      </c>
      <c r="C32" s="53">
        <v>-1841666.7</v>
      </c>
      <c r="D32" s="53">
        <v>-1841666.7</v>
      </c>
      <c r="E32" s="53">
        <v>-1841666.7</v>
      </c>
      <c r="F32" s="53">
        <v>-1841666.7</v>
      </c>
      <c r="G32" s="53">
        <v>-1841666.7</v>
      </c>
      <c r="H32" s="53">
        <v>-1841666.7</v>
      </c>
      <c r="I32" s="53">
        <v>-1841666.7</v>
      </c>
      <c r="J32" s="53">
        <v>-1841666.7</v>
      </c>
      <c r="K32" s="53">
        <v>-1841666.7</v>
      </c>
      <c r="L32" s="53">
        <v>-1841666.7</v>
      </c>
      <c r="M32" s="53">
        <v>-1841666.7</v>
      </c>
      <c r="N32" s="53">
        <v>-22100000.399999999</v>
      </c>
      <c r="O32" s="53">
        <v>-1841666.7</v>
      </c>
      <c r="P32" s="53">
        <v>-1841666.7</v>
      </c>
      <c r="Q32" s="53">
        <v>-1841666.7</v>
      </c>
      <c r="R32" s="53">
        <v>-1841666.7</v>
      </c>
      <c r="S32" s="53">
        <v>-1841666.7</v>
      </c>
      <c r="T32" s="53">
        <v>-1841666.7</v>
      </c>
      <c r="U32" s="53">
        <v>-1841666.7</v>
      </c>
      <c r="V32" s="53">
        <v>-1841666.7</v>
      </c>
      <c r="W32" s="53">
        <v>-1841666.7</v>
      </c>
      <c r="X32" s="53">
        <v>-1841666.7</v>
      </c>
      <c r="Y32" s="53">
        <v>-1841666.7</v>
      </c>
      <c r="Z32" s="53">
        <v>-1841666.7</v>
      </c>
      <c r="AA32" s="53">
        <v>-22100000.399999999</v>
      </c>
      <c r="AB32" s="53">
        <v>-1841666.7</v>
      </c>
      <c r="AC32" s="53">
        <v>-1841666.7</v>
      </c>
      <c r="AD32" s="53">
        <v>-1841666.7</v>
      </c>
      <c r="AE32" s="53">
        <v>-1841666.7</v>
      </c>
      <c r="AF32" s="53">
        <v>-1841666.7</v>
      </c>
      <c r="AG32" s="53">
        <v>-1841666.7</v>
      </c>
      <c r="AH32" s="53">
        <v>-1841666.7</v>
      </c>
      <c r="AI32" s="53">
        <v>-1841666.7</v>
      </c>
      <c r="AJ32" s="53">
        <v>-1841666.7</v>
      </c>
      <c r="AK32" s="53">
        <v>-1841666.7</v>
      </c>
      <c r="AL32" s="53">
        <v>-1841666.7</v>
      </c>
      <c r="AM32" s="53">
        <v>-1841666.7</v>
      </c>
      <c r="AN32" s="53">
        <v>-22100000.399999999</v>
      </c>
      <c r="AO32" s="53">
        <v>-1841666.7</v>
      </c>
      <c r="AP32" s="53">
        <v>-1841666.7</v>
      </c>
      <c r="AQ32" s="53">
        <v>-1841666.7</v>
      </c>
      <c r="AR32" s="53">
        <v>-1841666.7</v>
      </c>
      <c r="AS32" s="53">
        <v>-1841666.7</v>
      </c>
      <c r="AT32" s="53">
        <v>-1841666.7</v>
      </c>
      <c r="AU32" s="53">
        <v>-1841666.7</v>
      </c>
      <c r="AV32" s="53">
        <v>-1841666.7</v>
      </c>
      <c r="AW32" s="53">
        <v>-1841666.7</v>
      </c>
      <c r="AX32" s="53">
        <v>-1841666.7</v>
      </c>
      <c r="AY32" s="53">
        <v>-1841666.7</v>
      </c>
      <c r="AZ32" s="53">
        <v>-1841666.7</v>
      </c>
      <c r="BA32" s="53">
        <v>-22100000.399999999</v>
      </c>
    </row>
    <row r="33" spans="1:53">
      <c r="A33" s="52" t="s">
        <v>828</v>
      </c>
      <c r="B33" s="53">
        <v>-979512.75</v>
      </c>
      <c r="C33" s="53">
        <v>-979512.75</v>
      </c>
      <c r="D33" s="53">
        <v>-979512.75</v>
      </c>
      <c r="E33" s="53">
        <v>-979512.75</v>
      </c>
      <c r="F33" s="53">
        <v>-979512.75</v>
      </c>
      <c r="G33" s="53">
        <v>-979512.75</v>
      </c>
      <c r="H33" s="53">
        <v>-979512.75</v>
      </c>
      <c r="I33" s="53">
        <v>-979512.75</v>
      </c>
      <c r="J33" s="53">
        <v>-979512.75</v>
      </c>
      <c r="K33" s="53">
        <v>-979512.75</v>
      </c>
      <c r="L33" s="53">
        <v>-979512.75</v>
      </c>
      <c r="M33" s="53">
        <v>-979512.75</v>
      </c>
      <c r="N33" s="53">
        <v>-11754153</v>
      </c>
      <c r="O33" s="53">
        <v>-934097.25</v>
      </c>
      <c r="P33" s="53">
        <v>-934097.25</v>
      </c>
      <c r="Q33" s="53">
        <v>-934097.25</v>
      </c>
      <c r="R33" s="53">
        <v>-934097.25</v>
      </c>
      <c r="S33" s="53">
        <v>-934097.25</v>
      </c>
      <c r="T33" s="53">
        <v>-934097.25</v>
      </c>
      <c r="U33" s="53">
        <v>-934097.25</v>
      </c>
      <c r="V33" s="53">
        <v>-934097.25</v>
      </c>
      <c r="W33" s="53">
        <v>-934097.25</v>
      </c>
      <c r="X33" s="53">
        <v>-934097.25</v>
      </c>
      <c r="Y33" s="53">
        <v>-934097.25</v>
      </c>
      <c r="Z33" s="53">
        <v>-934097.25</v>
      </c>
      <c r="AA33" s="53">
        <v>-11209167</v>
      </c>
      <c r="AB33" s="53">
        <v>-934097.25</v>
      </c>
      <c r="AC33" s="53">
        <v>-934097.25</v>
      </c>
      <c r="AD33" s="53">
        <v>-934097.25</v>
      </c>
      <c r="AE33" s="53">
        <v>-934097.25</v>
      </c>
      <c r="AF33" s="53">
        <v>-934097.25</v>
      </c>
      <c r="AG33" s="53">
        <v>-934097.25</v>
      </c>
      <c r="AH33" s="53">
        <v>-934097.25</v>
      </c>
      <c r="AI33" s="53">
        <v>-934097.25</v>
      </c>
      <c r="AJ33" s="53">
        <v>-934097.25</v>
      </c>
      <c r="AK33" s="53">
        <v>-934097.25</v>
      </c>
      <c r="AL33" s="53">
        <v>-934097.25</v>
      </c>
      <c r="AM33" s="53">
        <v>-934097.25</v>
      </c>
      <c r="AN33" s="53">
        <v>-11209167</v>
      </c>
      <c r="AO33" s="53">
        <v>-934097.25</v>
      </c>
      <c r="AP33" s="53">
        <v>-934097.25</v>
      </c>
      <c r="AQ33" s="53">
        <v>-934097.25</v>
      </c>
      <c r="AR33" s="53">
        <v>-934097.25</v>
      </c>
      <c r="AS33" s="53">
        <v>-934097.25</v>
      </c>
      <c r="AT33" s="53">
        <v>-934097.25</v>
      </c>
      <c r="AU33" s="53">
        <v>-934097.25</v>
      </c>
      <c r="AV33" s="53">
        <v>-934097.25</v>
      </c>
      <c r="AW33" s="53">
        <v>-934097.25</v>
      </c>
      <c r="AX33" s="53">
        <v>-934097.25</v>
      </c>
      <c r="AY33" s="53">
        <v>-934097.25</v>
      </c>
      <c r="AZ33" s="53">
        <v>-934097.25</v>
      </c>
      <c r="BA33" s="53">
        <v>-11209167</v>
      </c>
    </row>
    <row r="34" spans="1:53">
      <c r="A34" s="52" t="s">
        <v>829</v>
      </c>
      <c r="B34" s="53">
        <v>0</v>
      </c>
      <c r="C34" s="53">
        <v>0</v>
      </c>
      <c r="D34" s="53">
        <v>0</v>
      </c>
      <c r="E34" s="53">
        <v>0</v>
      </c>
      <c r="F34" s="53">
        <v>0</v>
      </c>
      <c r="G34" s="53">
        <v>0</v>
      </c>
      <c r="H34" s="53">
        <v>0</v>
      </c>
      <c r="I34" s="53">
        <v>0</v>
      </c>
      <c r="J34" s="53">
        <v>0</v>
      </c>
      <c r="K34" s="53">
        <v>0</v>
      </c>
      <c r="L34" s="53">
        <v>0</v>
      </c>
      <c r="M34" s="53">
        <v>0</v>
      </c>
      <c r="N34" s="53">
        <v>0</v>
      </c>
      <c r="O34" s="53">
        <v>0</v>
      </c>
      <c r="P34" s="53">
        <v>0</v>
      </c>
      <c r="Q34" s="53">
        <v>0</v>
      </c>
      <c r="R34" s="53">
        <v>0</v>
      </c>
      <c r="S34" s="53">
        <v>0</v>
      </c>
      <c r="T34" s="53">
        <v>0</v>
      </c>
      <c r="U34" s="53">
        <v>0</v>
      </c>
      <c r="V34" s="53">
        <v>0</v>
      </c>
      <c r="W34" s="53">
        <v>0</v>
      </c>
      <c r="X34" s="53">
        <v>0</v>
      </c>
      <c r="Y34" s="53">
        <v>0</v>
      </c>
      <c r="Z34" s="53">
        <v>0</v>
      </c>
      <c r="AA34" s="53">
        <v>0</v>
      </c>
      <c r="AB34" s="53">
        <v>0</v>
      </c>
      <c r="AC34" s="53">
        <v>0</v>
      </c>
      <c r="AD34" s="53">
        <v>0</v>
      </c>
      <c r="AE34" s="53">
        <v>0</v>
      </c>
      <c r="AF34" s="53">
        <v>0</v>
      </c>
      <c r="AG34" s="53">
        <v>0</v>
      </c>
      <c r="AH34" s="53">
        <v>0</v>
      </c>
      <c r="AI34" s="53">
        <v>0</v>
      </c>
      <c r="AJ34" s="53">
        <v>0</v>
      </c>
      <c r="AK34" s="53">
        <v>0</v>
      </c>
      <c r="AL34" s="53">
        <v>0</v>
      </c>
      <c r="AM34" s="53">
        <v>0</v>
      </c>
      <c r="AN34" s="53">
        <v>0</v>
      </c>
      <c r="AO34" s="53">
        <v>0</v>
      </c>
      <c r="AP34" s="53">
        <v>0</v>
      </c>
      <c r="AQ34" s="53">
        <v>0</v>
      </c>
      <c r="AR34" s="53">
        <v>0</v>
      </c>
      <c r="AS34" s="53">
        <v>0</v>
      </c>
      <c r="AT34" s="53">
        <v>0</v>
      </c>
      <c r="AU34" s="53">
        <v>0</v>
      </c>
      <c r="AV34" s="53">
        <v>0</v>
      </c>
      <c r="AW34" s="53">
        <v>0</v>
      </c>
      <c r="AX34" s="53">
        <v>0</v>
      </c>
      <c r="AY34" s="53">
        <v>0</v>
      </c>
      <c r="AZ34" s="53">
        <v>0</v>
      </c>
      <c r="BA34" s="53">
        <v>0</v>
      </c>
    </row>
    <row r="35" spans="1:53">
      <c r="A35" s="52" t="s">
        <v>830</v>
      </c>
      <c r="B35" s="53">
        <v>-7400000</v>
      </c>
      <c r="C35" s="53">
        <v>-7400000</v>
      </c>
      <c r="D35" s="53">
        <v>-7400000</v>
      </c>
      <c r="E35" s="53">
        <v>-7400000</v>
      </c>
      <c r="F35" s="53">
        <v>-7400000</v>
      </c>
      <c r="G35" s="53">
        <v>-7400000</v>
      </c>
      <c r="H35" s="53">
        <v>-7400000</v>
      </c>
      <c r="I35" s="53">
        <v>-7400000</v>
      </c>
      <c r="J35" s="53">
        <v>-7400000</v>
      </c>
      <c r="K35" s="53">
        <v>-7400000</v>
      </c>
      <c r="L35" s="53">
        <v>-7400000</v>
      </c>
      <c r="M35" s="53">
        <v>-7400000</v>
      </c>
      <c r="N35" s="53">
        <v>-88800000</v>
      </c>
      <c r="O35" s="53">
        <v>-7400000</v>
      </c>
      <c r="P35" s="53">
        <v>-7400000</v>
      </c>
      <c r="Q35" s="53">
        <v>-7400000</v>
      </c>
      <c r="R35" s="53">
        <v>-7400000</v>
      </c>
      <c r="S35" s="53">
        <v>-7400000</v>
      </c>
      <c r="T35" s="53">
        <v>-7400000</v>
      </c>
      <c r="U35" s="53">
        <v>-7400000</v>
      </c>
      <c r="V35" s="53">
        <v>-7400000</v>
      </c>
      <c r="W35" s="53">
        <v>-7400000</v>
      </c>
      <c r="X35" s="53">
        <v>-7400000</v>
      </c>
      <c r="Y35" s="53">
        <v>-7400000</v>
      </c>
      <c r="Z35" s="53">
        <v>-7400000</v>
      </c>
      <c r="AA35" s="53">
        <v>-88800000</v>
      </c>
      <c r="AB35" s="53">
        <v>-7400000</v>
      </c>
      <c r="AC35" s="53">
        <v>-7400000</v>
      </c>
      <c r="AD35" s="53">
        <v>-7400000</v>
      </c>
      <c r="AE35" s="53">
        <v>-7400000</v>
      </c>
      <c r="AF35" s="53">
        <v>-7400000</v>
      </c>
      <c r="AG35" s="53">
        <v>-7400000</v>
      </c>
      <c r="AH35" s="53">
        <v>-7400000</v>
      </c>
      <c r="AI35" s="53">
        <v>-7400000</v>
      </c>
      <c r="AJ35" s="53">
        <v>-7400000</v>
      </c>
      <c r="AK35" s="53">
        <v>-7400000</v>
      </c>
      <c r="AL35" s="53">
        <v>-7400000</v>
      </c>
      <c r="AM35" s="53">
        <v>-7400000</v>
      </c>
      <c r="AN35" s="53">
        <v>-88800000</v>
      </c>
      <c r="AO35" s="53">
        <v>-7400000</v>
      </c>
      <c r="AP35" s="53">
        <v>-7400000</v>
      </c>
      <c r="AQ35" s="53">
        <v>-7400000</v>
      </c>
      <c r="AR35" s="53">
        <v>-7400000</v>
      </c>
      <c r="AS35" s="53">
        <v>-7400000</v>
      </c>
      <c r="AT35" s="53">
        <v>-7400000</v>
      </c>
      <c r="AU35" s="53">
        <v>-7400000</v>
      </c>
      <c r="AV35" s="53">
        <v>-7400000</v>
      </c>
      <c r="AW35" s="53">
        <v>-7400000</v>
      </c>
      <c r="AX35" s="53">
        <v>-7400000</v>
      </c>
      <c r="AY35" s="53">
        <v>-7400000</v>
      </c>
      <c r="AZ35" s="53">
        <v>-7400000</v>
      </c>
      <c r="BA35" s="53">
        <v>-88800000</v>
      </c>
    </row>
    <row r="36" spans="1:53">
      <c r="A36" s="52" t="s">
        <v>831</v>
      </c>
      <c r="B36" s="53">
        <v>-602356.99383333302</v>
      </c>
      <c r="C36" s="53">
        <v>-602356.99383333302</v>
      </c>
      <c r="D36" s="53">
        <v>-602356.99383333302</v>
      </c>
      <c r="E36" s="53">
        <v>-602356.99383333302</v>
      </c>
      <c r="F36" s="53">
        <v>-602356.99383333302</v>
      </c>
      <c r="G36" s="53">
        <v>-602356.99383333302</v>
      </c>
      <c r="H36" s="53">
        <v>-602356.99383333302</v>
      </c>
      <c r="I36" s="53">
        <v>-602356.99383333302</v>
      </c>
      <c r="J36" s="53">
        <v>-602356.99383333302</v>
      </c>
      <c r="K36" s="53">
        <v>-602356.99383333302</v>
      </c>
      <c r="L36" s="53">
        <v>-602356.99383333302</v>
      </c>
      <c r="M36" s="53">
        <v>-602356.99383333302</v>
      </c>
      <c r="N36" s="53">
        <v>-7228283.9259999897</v>
      </c>
      <c r="O36" s="53">
        <v>-602356.99383333302</v>
      </c>
      <c r="P36" s="53">
        <v>-602356.99383333302</v>
      </c>
      <c r="Q36" s="53">
        <v>-602356.99383333302</v>
      </c>
      <c r="R36" s="53">
        <v>-602356.99383333302</v>
      </c>
      <c r="S36" s="53">
        <v>-602356.99383333302</v>
      </c>
      <c r="T36" s="53">
        <v>-602356.99383333302</v>
      </c>
      <c r="U36" s="53">
        <v>-602356.99383333302</v>
      </c>
      <c r="V36" s="53">
        <v>-602356.99383333302</v>
      </c>
      <c r="W36" s="53">
        <v>-602356.99383333302</v>
      </c>
      <c r="X36" s="53">
        <v>-602356.99383333302</v>
      </c>
      <c r="Y36" s="53">
        <v>-602356.99383333302</v>
      </c>
      <c r="Z36" s="53">
        <v>-602356.99383333302</v>
      </c>
      <c r="AA36" s="53">
        <v>-7228283.9259999897</v>
      </c>
      <c r="AB36" s="53">
        <v>-602356.99383333302</v>
      </c>
      <c r="AC36" s="53">
        <v>-602356.99383333302</v>
      </c>
      <c r="AD36" s="53">
        <v>-602356.99383333302</v>
      </c>
      <c r="AE36" s="53">
        <v>-602356.99383333302</v>
      </c>
      <c r="AF36" s="53">
        <v>-602356.99383333302</v>
      </c>
      <c r="AG36" s="53">
        <v>-602356.99383333302</v>
      </c>
      <c r="AH36" s="53">
        <v>-602356.99383333302</v>
      </c>
      <c r="AI36" s="53">
        <v>-602356.99383333302</v>
      </c>
      <c r="AJ36" s="53">
        <v>-602356.99383333302</v>
      </c>
      <c r="AK36" s="53">
        <v>-602356.99383333302</v>
      </c>
      <c r="AL36" s="53">
        <v>-602356.99383333302</v>
      </c>
      <c r="AM36" s="53">
        <v>-602356.99383333302</v>
      </c>
      <c r="AN36" s="53">
        <v>-7228283.9259999897</v>
      </c>
      <c r="AO36" s="53">
        <v>-602356.99383333302</v>
      </c>
      <c r="AP36" s="53">
        <v>-602356.99383333302</v>
      </c>
      <c r="AQ36" s="53">
        <v>-602356.99383333302</v>
      </c>
      <c r="AR36" s="53">
        <v>-602356.99383333302</v>
      </c>
      <c r="AS36" s="53">
        <v>-602356.99383333302</v>
      </c>
      <c r="AT36" s="53">
        <v>-602356.99383333302</v>
      </c>
      <c r="AU36" s="53">
        <v>-602356.99383333302</v>
      </c>
      <c r="AV36" s="53">
        <v>-602356.99383333302</v>
      </c>
      <c r="AW36" s="53">
        <v>-602356.99383333302</v>
      </c>
      <c r="AX36" s="53">
        <v>-602356.99383333302</v>
      </c>
      <c r="AY36" s="53">
        <v>-602356.99383333302</v>
      </c>
      <c r="AZ36" s="53">
        <v>-602356.99383333302</v>
      </c>
      <c r="BA36" s="53">
        <v>-7228283.9259999897</v>
      </c>
    </row>
    <row r="37" spans="1:53">
      <c r="A37" s="52" t="s">
        <v>832</v>
      </c>
      <c r="B37" s="53">
        <v>-19890.135833333301</v>
      </c>
      <c r="C37" s="53">
        <v>-19890.135833333301</v>
      </c>
      <c r="D37" s="53">
        <v>-19890.135833333301</v>
      </c>
      <c r="E37" s="53">
        <v>-19890.135833333301</v>
      </c>
      <c r="F37" s="53">
        <v>-19890.135833333301</v>
      </c>
      <c r="G37" s="53">
        <v>-19890.135833333301</v>
      </c>
      <c r="H37" s="53">
        <v>-19890.135833333301</v>
      </c>
      <c r="I37" s="53">
        <v>-19890.135833333301</v>
      </c>
      <c r="J37" s="53">
        <v>-19890.135833333301</v>
      </c>
      <c r="K37" s="53">
        <v>-19890.135833333301</v>
      </c>
      <c r="L37" s="53">
        <v>-19890.135833333301</v>
      </c>
      <c r="M37" s="53">
        <v>-19890.135833333301</v>
      </c>
      <c r="N37" s="53">
        <v>-238681.62999999899</v>
      </c>
      <c r="O37" s="53">
        <v>-19890.135833333301</v>
      </c>
      <c r="P37" s="53">
        <v>-19890.135833333301</v>
      </c>
      <c r="Q37" s="53">
        <v>-19890.135833333301</v>
      </c>
      <c r="R37" s="53">
        <v>-19890.135833333301</v>
      </c>
      <c r="S37" s="53">
        <v>-19890.135833333301</v>
      </c>
      <c r="T37" s="53">
        <v>-19890.135833333301</v>
      </c>
      <c r="U37" s="53">
        <v>-19890.135833333301</v>
      </c>
      <c r="V37" s="53">
        <v>-19890.135833333301</v>
      </c>
      <c r="W37" s="53">
        <v>-19890.135833333301</v>
      </c>
      <c r="X37" s="53">
        <v>-19890.135833333301</v>
      </c>
      <c r="Y37" s="53">
        <v>-19890.135833333301</v>
      </c>
      <c r="Z37" s="53">
        <v>-19890.135833333301</v>
      </c>
      <c r="AA37" s="53">
        <v>-238681.62999999899</v>
      </c>
      <c r="AB37" s="53">
        <v>-19890.135833333301</v>
      </c>
      <c r="AC37" s="53">
        <v>-19890.135833333301</v>
      </c>
      <c r="AD37" s="53">
        <v>-19890.135833333301</v>
      </c>
      <c r="AE37" s="53">
        <v>-19890.135833333301</v>
      </c>
      <c r="AF37" s="53">
        <v>-19890.135833333301</v>
      </c>
      <c r="AG37" s="53">
        <v>-19890.135833333301</v>
      </c>
      <c r="AH37" s="53">
        <v>-19890.135833333301</v>
      </c>
      <c r="AI37" s="53">
        <v>-19890.135833333301</v>
      </c>
      <c r="AJ37" s="53">
        <v>-19890.135833333301</v>
      </c>
      <c r="AK37" s="53">
        <v>-19890.135833333301</v>
      </c>
      <c r="AL37" s="53">
        <v>-19890.135833333301</v>
      </c>
      <c r="AM37" s="53">
        <v>-19890.135833333301</v>
      </c>
      <c r="AN37" s="53">
        <v>-238681.62999999899</v>
      </c>
      <c r="AO37" s="53">
        <v>-19890.135833333301</v>
      </c>
      <c r="AP37" s="53">
        <v>-19890.135833333301</v>
      </c>
      <c r="AQ37" s="53">
        <v>-19890.135833333301</v>
      </c>
      <c r="AR37" s="53">
        <v>-19890.135833333301</v>
      </c>
      <c r="AS37" s="53">
        <v>-19890.135833333301</v>
      </c>
      <c r="AT37" s="53">
        <v>-19890.135833333301</v>
      </c>
      <c r="AU37" s="53">
        <v>-19890.135833333301</v>
      </c>
      <c r="AV37" s="53">
        <v>-19890.135833333301</v>
      </c>
      <c r="AW37" s="53">
        <v>-19890.135833333301</v>
      </c>
      <c r="AX37" s="53">
        <v>-19890.135833333301</v>
      </c>
      <c r="AY37" s="53">
        <v>-19890.135833333301</v>
      </c>
      <c r="AZ37" s="53">
        <v>-19890.135833333301</v>
      </c>
      <c r="BA37" s="53">
        <v>-238681.62999999899</v>
      </c>
    </row>
    <row r="38" spans="1:53">
      <c r="A38" s="52" t="s">
        <v>833</v>
      </c>
      <c r="B38" s="53">
        <v>-25354.4046666666</v>
      </c>
      <c r="C38" s="53">
        <v>-25354.4046666666</v>
      </c>
      <c r="D38" s="53">
        <v>-25354.4046666666</v>
      </c>
      <c r="E38" s="53">
        <v>-25354.4046666666</v>
      </c>
      <c r="F38" s="53">
        <v>-25354.4046666666</v>
      </c>
      <c r="G38" s="53">
        <v>-25354.4046666666</v>
      </c>
      <c r="H38" s="53">
        <v>-25354.4046666666</v>
      </c>
      <c r="I38" s="53">
        <v>-25354.4046666666</v>
      </c>
      <c r="J38" s="53">
        <v>-25354.4046666666</v>
      </c>
      <c r="K38" s="53">
        <v>-25354.4046666666</v>
      </c>
      <c r="L38" s="53">
        <v>-25354.4046666666</v>
      </c>
      <c r="M38" s="53">
        <v>-25354.4046666666</v>
      </c>
      <c r="N38" s="53">
        <v>-304252.85600000003</v>
      </c>
      <c r="O38" s="53">
        <v>-25354.4046666666</v>
      </c>
      <c r="P38" s="53">
        <v>-25354.4046666666</v>
      </c>
      <c r="Q38" s="53">
        <v>-25354.4046666666</v>
      </c>
      <c r="R38" s="53">
        <v>-25354.4046666666</v>
      </c>
      <c r="S38" s="53">
        <v>-25354.4046666666</v>
      </c>
      <c r="T38" s="53">
        <v>-25354.4046666666</v>
      </c>
      <c r="U38" s="53">
        <v>-25354.4046666666</v>
      </c>
      <c r="V38" s="53">
        <v>-25354.4046666666</v>
      </c>
      <c r="W38" s="53">
        <v>-25354.4046666666</v>
      </c>
      <c r="X38" s="53">
        <v>-25354.4046666666</v>
      </c>
      <c r="Y38" s="53">
        <v>-25354.4046666666</v>
      </c>
      <c r="Z38" s="53">
        <v>-25354.4046666666</v>
      </c>
      <c r="AA38" s="53">
        <v>-304252.85600000003</v>
      </c>
      <c r="AB38" s="53">
        <v>-25354.4046666666</v>
      </c>
      <c r="AC38" s="53">
        <v>-25354.4046666666</v>
      </c>
      <c r="AD38" s="53">
        <v>-25354.4046666666</v>
      </c>
      <c r="AE38" s="53">
        <v>-25354.4046666666</v>
      </c>
      <c r="AF38" s="53">
        <v>-25354.4046666666</v>
      </c>
      <c r="AG38" s="53">
        <v>-25354.4046666666</v>
      </c>
      <c r="AH38" s="53">
        <v>-25354.4046666666</v>
      </c>
      <c r="AI38" s="53">
        <v>-25354.4046666666</v>
      </c>
      <c r="AJ38" s="53">
        <v>-25354.4046666666</v>
      </c>
      <c r="AK38" s="53">
        <v>-25354.4046666666</v>
      </c>
      <c r="AL38" s="53">
        <v>-25354.4046666666</v>
      </c>
      <c r="AM38" s="53">
        <v>-25354.4046666666</v>
      </c>
      <c r="AN38" s="53">
        <v>-304252.85600000003</v>
      </c>
      <c r="AO38" s="53">
        <v>-25354.4046666666</v>
      </c>
      <c r="AP38" s="53">
        <v>-25354.4046666666</v>
      </c>
      <c r="AQ38" s="53">
        <v>-25354.4046666666</v>
      </c>
      <c r="AR38" s="53">
        <v>-25354.4046666666</v>
      </c>
      <c r="AS38" s="53">
        <v>-25354.4046666666</v>
      </c>
      <c r="AT38" s="53">
        <v>-25354.4046666666</v>
      </c>
      <c r="AU38" s="53">
        <v>-25354.4046666666</v>
      </c>
      <c r="AV38" s="53">
        <v>-25354.4046666666</v>
      </c>
      <c r="AW38" s="53">
        <v>-25354.4046666666</v>
      </c>
      <c r="AX38" s="53">
        <v>-25354.4046666666</v>
      </c>
      <c r="AY38" s="53">
        <v>-25354.4046666666</v>
      </c>
      <c r="AZ38" s="53">
        <v>-25354.4046666666</v>
      </c>
      <c r="BA38" s="53">
        <v>-304252.85600000003</v>
      </c>
    </row>
    <row r="39" spans="1:53">
      <c r="A39" s="52" t="s">
        <v>834</v>
      </c>
      <c r="B39" s="53">
        <v>0</v>
      </c>
      <c r="C39" s="53">
        <v>0</v>
      </c>
      <c r="D39" s="53">
        <v>0</v>
      </c>
      <c r="E39" s="53">
        <v>0</v>
      </c>
      <c r="F39" s="53">
        <v>0</v>
      </c>
      <c r="G39" s="53">
        <v>0</v>
      </c>
      <c r="H39" s="53">
        <v>0</v>
      </c>
      <c r="I39" s="53">
        <v>0</v>
      </c>
      <c r="J39" s="53">
        <v>0</v>
      </c>
      <c r="K39" s="53">
        <v>0</v>
      </c>
      <c r="L39" s="53">
        <v>0</v>
      </c>
      <c r="M39" s="53">
        <v>0</v>
      </c>
      <c r="N39" s="53">
        <v>0</v>
      </c>
      <c r="O39" s="53">
        <v>0</v>
      </c>
      <c r="P39" s="53">
        <v>0</v>
      </c>
      <c r="Q39" s="53">
        <v>0</v>
      </c>
      <c r="R39" s="53">
        <v>0</v>
      </c>
      <c r="S39" s="53">
        <v>0</v>
      </c>
      <c r="T39" s="53">
        <v>0</v>
      </c>
      <c r="U39" s="53">
        <v>0</v>
      </c>
      <c r="V39" s="53">
        <v>0</v>
      </c>
      <c r="W39" s="53">
        <v>0</v>
      </c>
      <c r="X39" s="53">
        <v>0</v>
      </c>
      <c r="Y39" s="53">
        <v>0</v>
      </c>
      <c r="Z39" s="53">
        <v>0</v>
      </c>
      <c r="AA39" s="53">
        <v>0</v>
      </c>
      <c r="AB39" s="53">
        <v>0</v>
      </c>
      <c r="AC39" s="53">
        <v>0</v>
      </c>
      <c r="AD39" s="53">
        <v>0</v>
      </c>
      <c r="AE39" s="53">
        <v>0</v>
      </c>
      <c r="AF39" s="53">
        <v>0</v>
      </c>
      <c r="AG39" s="53">
        <v>0</v>
      </c>
      <c r="AH39" s="53">
        <v>0</v>
      </c>
      <c r="AI39" s="53">
        <v>0</v>
      </c>
      <c r="AJ39" s="53">
        <v>0</v>
      </c>
      <c r="AK39" s="53">
        <v>0</v>
      </c>
      <c r="AL39" s="53">
        <v>0</v>
      </c>
      <c r="AM39" s="53">
        <v>0</v>
      </c>
      <c r="AN39" s="53">
        <v>0</v>
      </c>
      <c r="AO39" s="53">
        <v>0</v>
      </c>
      <c r="AP39" s="53">
        <v>0</v>
      </c>
      <c r="AQ39" s="53">
        <v>0</v>
      </c>
      <c r="AR39" s="53">
        <v>0</v>
      </c>
      <c r="AS39" s="53">
        <v>0</v>
      </c>
      <c r="AT39" s="53">
        <v>0</v>
      </c>
      <c r="AU39" s="53">
        <v>0</v>
      </c>
      <c r="AV39" s="53">
        <v>0</v>
      </c>
      <c r="AW39" s="53">
        <v>0</v>
      </c>
      <c r="AX39" s="53">
        <v>0</v>
      </c>
      <c r="AY39" s="53">
        <v>0</v>
      </c>
      <c r="AZ39" s="53">
        <v>0</v>
      </c>
      <c r="BA39" s="53">
        <v>0</v>
      </c>
    </row>
    <row r="40" spans="1:53">
      <c r="A40" s="52" t="s">
        <v>835</v>
      </c>
      <c r="B40" s="53">
        <v>-23702.268833333299</v>
      </c>
      <c r="C40" s="53">
        <v>-23702.268833333299</v>
      </c>
      <c r="D40" s="53">
        <v>-23702.268833333299</v>
      </c>
      <c r="E40" s="53">
        <v>-23702.268833333299</v>
      </c>
      <c r="F40" s="53">
        <v>-23702.268833333299</v>
      </c>
      <c r="G40" s="53">
        <v>-23702.268833333299</v>
      </c>
      <c r="H40" s="53">
        <v>-23702.268833333299</v>
      </c>
      <c r="I40" s="53">
        <v>-23702.268833333299</v>
      </c>
      <c r="J40" s="53">
        <v>-23702.268833333299</v>
      </c>
      <c r="K40" s="53">
        <v>-23702.268833333299</v>
      </c>
      <c r="L40" s="53">
        <v>-23702.268833333299</v>
      </c>
      <c r="M40" s="53">
        <v>-23702.268833333299</v>
      </c>
      <c r="N40" s="53">
        <v>-284427.22599999898</v>
      </c>
      <c r="O40" s="53">
        <v>-23702.268833333299</v>
      </c>
      <c r="P40" s="53">
        <v>-23702.268833333299</v>
      </c>
      <c r="Q40" s="53">
        <v>-23702.268833333299</v>
      </c>
      <c r="R40" s="53">
        <v>-23702.268833333299</v>
      </c>
      <c r="S40" s="53">
        <v>-23702.268833333299</v>
      </c>
      <c r="T40" s="53">
        <v>-23702.268833333299</v>
      </c>
      <c r="U40" s="53">
        <v>-23702.268833333299</v>
      </c>
      <c r="V40" s="53">
        <v>-23702.268833333299</v>
      </c>
      <c r="W40" s="53">
        <v>-23702.268833333299</v>
      </c>
      <c r="X40" s="53">
        <v>-23702.268833333299</v>
      </c>
      <c r="Y40" s="53">
        <v>-23702.268833333299</v>
      </c>
      <c r="Z40" s="53">
        <v>-23702.268833333299</v>
      </c>
      <c r="AA40" s="53">
        <v>-284427.22599999898</v>
      </c>
      <c r="AB40" s="53">
        <v>-23702.268833333299</v>
      </c>
      <c r="AC40" s="53">
        <v>-23702.268833333299</v>
      </c>
      <c r="AD40" s="53">
        <v>-23702.268833333299</v>
      </c>
      <c r="AE40" s="53">
        <v>-23702.268833333299</v>
      </c>
      <c r="AF40" s="53">
        <v>-23702.268833333299</v>
      </c>
      <c r="AG40" s="53">
        <v>-23702.268833333299</v>
      </c>
      <c r="AH40" s="53">
        <v>-23702.268833333299</v>
      </c>
      <c r="AI40" s="53">
        <v>-23702.268833333299</v>
      </c>
      <c r="AJ40" s="53">
        <v>-23702.268833333299</v>
      </c>
      <c r="AK40" s="53">
        <v>-23702.268833333299</v>
      </c>
      <c r="AL40" s="53">
        <v>-23702.268833333299</v>
      </c>
      <c r="AM40" s="53">
        <v>-23702.268833333299</v>
      </c>
      <c r="AN40" s="53">
        <v>-284427.22599999898</v>
      </c>
      <c r="AO40" s="53">
        <v>-23702.268833333299</v>
      </c>
      <c r="AP40" s="53">
        <v>-23702.268833333299</v>
      </c>
      <c r="AQ40" s="53">
        <v>-23702.268833333299</v>
      </c>
      <c r="AR40" s="53">
        <v>-23702.268833333299</v>
      </c>
      <c r="AS40" s="53">
        <v>-23702.268833333299</v>
      </c>
      <c r="AT40" s="53">
        <v>-23702.268833333299</v>
      </c>
      <c r="AU40" s="53">
        <v>-23702.268833333299</v>
      </c>
      <c r="AV40" s="53">
        <v>-23702.268833333299</v>
      </c>
      <c r="AW40" s="53">
        <v>-23702.268833333299</v>
      </c>
      <c r="AX40" s="53">
        <v>-23702.268833333299</v>
      </c>
      <c r="AY40" s="53">
        <v>-23702.268833333299</v>
      </c>
      <c r="AZ40" s="53">
        <v>-23702.268833333299</v>
      </c>
      <c r="BA40" s="53">
        <v>-284427.22599999898</v>
      </c>
    </row>
    <row r="41" spans="1:53">
      <c r="A41" s="52" t="s">
        <v>836</v>
      </c>
      <c r="B41" s="53">
        <v>-340325.33333333198</v>
      </c>
      <c r="C41" s="53">
        <v>-340325.33333333198</v>
      </c>
      <c r="D41" s="53">
        <v>-340325.33333333198</v>
      </c>
      <c r="E41" s="53">
        <v>-340325.33333333198</v>
      </c>
      <c r="F41" s="53">
        <v>-340325.33333333198</v>
      </c>
      <c r="G41" s="53">
        <v>-340325.33333333198</v>
      </c>
      <c r="H41" s="53">
        <v>-340325.33333333198</v>
      </c>
      <c r="I41" s="53">
        <v>-340325.33333333198</v>
      </c>
      <c r="J41" s="53">
        <v>-340325.33333333198</v>
      </c>
      <c r="K41" s="53">
        <v>-340325.33333333198</v>
      </c>
      <c r="L41" s="53">
        <v>-340325.33333333198</v>
      </c>
      <c r="M41" s="53">
        <v>-340325.33333333198</v>
      </c>
      <c r="N41" s="53">
        <v>-4083903.9999999902</v>
      </c>
      <c r="O41" s="53">
        <v>-501254.25</v>
      </c>
      <c r="P41" s="53">
        <v>-501254.25</v>
      </c>
      <c r="Q41" s="53">
        <v>-501254.25</v>
      </c>
      <c r="R41" s="53">
        <v>-501254.25</v>
      </c>
      <c r="S41" s="53">
        <v>-501254.25</v>
      </c>
      <c r="T41" s="53">
        <v>-501254.25</v>
      </c>
      <c r="U41" s="53">
        <v>-501254.25</v>
      </c>
      <c r="V41" s="53">
        <v>-501254.25</v>
      </c>
      <c r="W41" s="53">
        <v>-501254.25</v>
      </c>
      <c r="X41" s="53">
        <v>-501254.25</v>
      </c>
      <c r="Y41" s="53">
        <v>-501254.25</v>
      </c>
      <c r="Z41" s="53">
        <v>-501254.25</v>
      </c>
      <c r="AA41" s="53">
        <v>-6015051</v>
      </c>
      <c r="AB41" s="53">
        <v>-712484.33333333302</v>
      </c>
      <c r="AC41" s="53">
        <v>-712484.33333333302</v>
      </c>
      <c r="AD41" s="53">
        <v>-712484.33333333302</v>
      </c>
      <c r="AE41" s="53">
        <v>-712484.33333333302</v>
      </c>
      <c r="AF41" s="53">
        <v>-712484.33333333302</v>
      </c>
      <c r="AG41" s="53">
        <v>-712484.33333333302</v>
      </c>
      <c r="AH41" s="53">
        <v>-712484.33333333302</v>
      </c>
      <c r="AI41" s="53">
        <v>-712484.33333333302</v>
      </c>
      <c r="AJ41" s="53">
        <v>-712484.33333333302</v>
      </c>
      <c r="AK41" s="53">
        <v>-712484.33333333302</v>
      </c>
      <c r="AL41" s="53">
        <v>-712484.33333333302</v>
      </c>
      <c r="AM41" s="53">
        <v>-712484.33333333302</v>
      </c>
      <c r="AN41" s="53">
        <v>-8549811.9999999907</v>
      </c>
      <c r="AO41" s="53">
        <v>-977442.25</v>
      </c>
      <c r="AP41" s="53">
        <v>-977442.25</v>
      </c>
      <c r="AQ41" s="53">
        <v>-977442.25</v>
      </c>
      <c r="AR41" s="53">
        <v>-977442.25</v>
      </c>
      <c r="AS41" s="53">
        <v>-977442.25</v>
      </c>
      <c r="AT41" s="53">
        <v>-977442.25</v>
      </c>
      <c r="AU41" s="53">
        <v>-977442.25</v>
      </c>
      <c r="AV41" s="53">
        <v>-977442.25</v>
      </c>
      <c r="AW41" s="53">
        <v>-977442.25</v>
      </c>
      <c r="AX41" s="53">
        <v>-977442.25</v>
      </c>
      <c r="AY41" s="53">
        <v>-977442.25</v>
      </c>
      <c r="AZ41" s="53">
        <v>-977442.25</v>
      </c>
      <c r="BA41" s="53">
        <v>-11729306.999999899</v>
      </c>
    </row>
    <row r="42" spans="1:53">
      <c r="A42" s="52" t="s">
        <v>837</v>
      </c>
      <c r="B42" s="53">
        <v>-750000</v>
      </c>
      <c r="C42" s="53">
        <v>-750000</v>
      </c>
      <c r="D42" s="53">
        <v>-750000</v>
      </c>
      <c r="E42" s="53">
        <v>-750000</v>
      </c>
      <c r="F42" s="53">
        <v>-750000</v>
      </c>
      <c r="G42" s="53">
        <v>-750000</v>
      </c>
      <c r="H42" s="53">
        <v>-750000</v>
      </c>
      <c r="I42" s="53">
        <v>-750000</v>
      </c>
      <c r="J42" s="53">
        <v>-750000</v>
      </c>
      <c r="K42" s="53">
        <v>-750000</v>
      </c>
      <c r="L42" s="53">
        <v>-750000</v>
      </c>
      <c r="M42" s="53">
        <v>-750000</v>
      </c>
      <c r="N42" s="53">
        <v>-9000000</v>
      </c>
      <c r="O42" s="53">
        <v>-766666.66666666698</v>
      </c>
      <c r="P42" s="53">
        <v>-766666.66666666698</v>
      </c>
      <c r="Q42" s="53">
        <v>-766666.66666666698</v>
      </c>
      <c r="R42" s="53">
        <v>-766666.66666666698</v>
      </c>
      <c r="S42" s="53">
        <v>-766666.66666666698</v>
      </c>
      <c r="T42" s="53">
        <v>-766666.66666666698</v>
      </c>
      <c r="U42" s="53">
        <v>-766666.66666666698</v>
      </c>
      <c r="V42" s="53">
        <v>-766666.66666666698</v>
      </c>
      <c r="W42" s="53">
        <v>-766666.66666666698</v>
      </c>
      <c r="X42" s="53">
        <v>-766666.66666666698</v>
      </c>
      <c r="Y42" s="53">
        <v>-766666.66666666698</v>
      </c>
      <c r="Z42" s="53">
        <v>-766666.66666666698</v>
      </c>
      <c r="AA42" s="53">
        <v>-9200000</v>
      </c>
      <c r="AB42" s="53">
        <v>-791666.66666666698</v>
      </c>
      <c r="AC42" s="53">
        <v>-791666.66666666698</v>
      </c>
      <c r="AD42" s="53">
        <v>-791666.66666666698</v>
      </c>
      <c r="AE42" s="53">
        <v>-791666.66666666698</v>
      </c>
      <c r="AF42" s="53">
        <v>-791666.66666666698</v>
      </c>
      <c r="AG42" s="53">
        <v>-791666.66666666698</v>
      </c>
      <c r="AH42" s="53">
        <v>-791666.66666666698</v>
      </c>
      <c r="AI42" s="53">
        <v>-791666.66666666698</v>
      </c>
      <c r="AJ42" s="53">
        <v>-791666.66666666698</v>
      </c>
      <c r="AK42" s="53">
        <v>-791666.66666666698</v>
      </c>
      <c r="AL42" s="53">
        <v>-791666.66666666698</v>
      </c>
      <c r="AM42" s="53">
        <v>-791666.66666666698</v>
      </c>
      <c r="AN42" s="53">
        <v>-9500000</v>
      </c>
      <c r="AO42" s="53">
        <v>-800000</v>
      </c>
      <c r="AP42" s="53">
        <v>-800000</v>
      </c>
      <c r="AQ42" s="53">
        <v>-800000</v>
      </c>
      <c r="AR42" s="53">
        <v>-800000</v>
      </c>
      <c r="AS42" s="53">
        <v>-800000</v>
      </c>
      <c r="AT42" s="53">
        <v>-800000</v>
      </c>
      <c r="AU42" s="53">
        <v>-800000</v>
      </c>
      <c r="AV42" s="53">
        <v>-800000</v>
      </c>
      <c r="AW42" s="53">
        <v>-800000</v>
      </c>
      <c r="AX42" s="53">
        <v>-800000</v>
      </c>
      <c r="AY42" s="53">
        <v>-800000</v>
      </c>
      <c r="AZ42" s="53">
        <v>-800000</v>
      </c>
      <c r="BA42" s="53">
        <v>-9600000</v>
      </c>
    </row>
    <row r="43" spans="1:53">
      <c r="A43" s="52" t="s">
        <v>838</v>
      </c>
      <c r="B43" s="53">
        <v>-896692.01699999999</v>
      </c>
      <c r="C43" s="53">
        <v>-7987.57</v>
      </c>
      <c r="D43" s="53">
        <v>-30885.49</v>
      </c>
      <c r="E43" s="53">
        <v>-457598.40370000002</v>
      </c>
      <c r="F43" s="53">
        <v>-1930.1699999999901</v>
      </c>
      <c r="G43" s="53">
        <v>-1930.1699999999901</v>
      </c>
      <c r="H43" s="53">
        <v>-462538.45909999998</v>
      </c>
      <c r="I43" s="53">
        <v>-8092.71</v>
      </c>
      <c r="J43" s="53">
        <v>-14411.1899999999</v>
      </c>
      <c r="K43" s="53">
        <v>-227047.80319999999</v>
      </c>
      <c r="L43" s="53">
        <v>-22763.58</v>
      </c>
      <c r="M43" s="53">
        <v>-4034.76</v>
      </c>
      <c r="N43" s="53">
        <v>-2135912.3229999999</v>
      </c>
      <c r="O43" s="53">
        <v>-899148.489899999</v>
      </c>
      <c r="P43" s="53">
        <v>-8876.68</v>
      </c>
      <c r="Q43" s="53">
        <v>-34323.379999999997</v>
      </c>
      <c r="R43" s="53">
        <v>-461797.28129999997</v>
      </c>
      <c r="S43" s="53">
        <v>-2145.02</v>
      </c>
      <c r="T43" s="53">
        <v>-2145.02</v>
      </c>
      <c r="U43" s="53">
        <v>-466211.95970000001</v>
      </c>
      <c r="V43" s="53">
        <v>-8993.51</v>
      </c>
      <c r="W43" s="53">
        <v>-16015.31</v>
      </c>
      <c r="X43" s="53">
        <v>-229064.55410000001</v>
      </c>
      <c r="Y43" s="53">
        <v>-25297.41</v>
      </c>
      <c r="Z43" s="53">
        <v>-4483.87</v>
      </c>
      <c r="AA43" s="53">
        <v>-2158502.4849999999</v>
      </c>
      <c r="AB43" s="53">
        <v>-901670.28719999897</v>
      </c>
      <c r="AC43" s="53">
        <v>-9864.75</v>
      </c>
      <c r="AD43" s="53">
        <v>-38143.94</v>
      </c>
      <c r="AE43" s="53">
        <v>-466363.64490000001</v>
      </c>
      <c r="AF43" s="53">
        <v>-2383.79</v>
      </c>
      <c r="AG43" s="53">
        <v>-2383.79</v>
      </c>
      <c r="AH43" s="53">
        <v>-470192.15139999997</v>
      </c>
      <c r="AI43" s="53">
        <v>-9994.59</v>
      </c>
      <c r="AJ43" s="53">
        <v>-17797.98</v>
      </c>
      <c r="AK43" s="53">
        <v>-231256.0784</v>
      </c>
      <c r="AL43" s="53">
        <v>-28113.29</v>
      </c>
      <c r="AM43" s="53">
        <v>-4982.9799999999996</v>
      </c>
      <c r="AN43" s="53">
        <v>-2183147.2719000001</v>
      </c>
      <c r="AO43" s="53">
        <v>-903584.60007299995</v>
      </c>
      <c r="AP43" s="53">
        <v>-9864.7459490000001</v>
      </c>
      <c r="AQ43" s="53">
        <v>-38143.940649999997</v>
      </c>
      <c r="AR43" s="53">
        <v>-467282.63676999998</v>
      </c>
      <c r="AS43" s="53">
        <v>-2383.7866530000001</v>
      </c>
      <c r="AT43" s="53">
        <v>-2383.7866530000001</v>
      </c>
      <c r="AU43" s="53">
        <v>-471132.29054999998</v>
      </c>
      <c r="AV43" s="53">
        <v>-9994.5861459999996</v>
      </c>
      <c r="AW43" s="53">
        <v>-17797.9819299999</v>
      </c>
      <c r="AX43" s="53">
        <v>-231713.36321000001</v>
      </c>
      <c r="AY43" s="53">
        <v>-28113.287789999998</v>
      </c>
      <c r="AZ43" s="53">
        <v>-4982.9781910000002</v>
      </c>
      <c r="BA43" s="53">
        <v>-2187377.984565</v>
      </c>
    </row>
    <row r="44" spans="1:53">
      <c r="A44" s="52" t="s">
        <v>839</v>
      </c>
      <c r="B44" s="53">
        <v>-316361.84663540201</v>
      </c>
      <c r="C44" s="53">
        <v>-317369.67692540202</v>
      </c>
      <c r="D44" s="53">
        <v>-317879.952485402</v>
      </c>
      <c r="E44" s="53">
        <v>-317369.67692540202</v>
      </c>
      <c r="F44" s="53">
        <v>-317369.67692540202</v>
      </c>
      <c r="G44" s="53">
        <v>-317173.96803540201</v>
      </c>
      <c r="H44" s="53">
        <v>-317173.96803540201</v>
      </c>
      <c r="I44" s="53">
        <v>-317173.96803540201</v>
      </c>
      <c r="J44" s="53">
        <v>-317173.96803540201</v>
      </c>
      <c r="K44" s="53">
        <v>-317173.96803540201</v>
      </c>
      <c r="L44" s="53">
        <v>-317173.96803540201</v>
      </c>
      <c r="M44" s="53">
        <v>-317173.96803540201</v>
      </c>
      <c r="N44" s="53">
        <v>-3806568.6061448199</v>
      </c>
      <c r="O44" s="53">
        <v>-235073.99985024901</v>
      </c>
      <c r="P44" s="53">
        <v>-236100.596730249</v>
      </c>
      <c r="Q44" s="53">
        <v>-236620.374020249</v>
      </c>
      <c r="R44" s="53">
        <v>-236100.596730249</v>
      </c>
      <c r="S44" s="53">
        <v>-236100.596730249</v>
      </c>
      <c r="T44" s="53">
        <v>-235901.24359024901</v>
      </c>
      <c r="U44" s="53">
        <v>-242403.91766941501</v>
      </c>
      <c r="V44" s="53">
        <v>-241627.142669416</v>
      </c>
      <c r="W44" s="53">
        <v>-240877.142669416</v>
      </c>
      <c r="X44" s="53">
        <v>-240877.142669416</v>
      </c>
      <c r="Y44" s="53">
        <v>-240877.142669416</v>
      </c>
      <c r="Z44" s="53">
        <v>-240877.142669416</v>
      </c>
      <c r="AA44" s="53">
        <v>-2863437.0386679899</v>
      </c>
      <c r="AB44" s="53">
        <v>-246810.718125224</v>
      </c>
      <c r="AC44" s="53">
        <v>-247097.43104522399</v>
      </c>
      <c r="AD44" s="53">
        <v>-247626.88700522401</v>
      </c>
      <c r="AE44" s="53">
        <v>-247097.43104522399</v>
      </c>
      <c r="AF44" s="53">
        <v>-247097.43104522399</v>
      </c>
      <c r="AG44" s="53">
        <v>-246894.365795224</v>
      </c>
      <c r="AH44" s="53">
        <v>-252636.04572785299</v>
      </c>
      <c r="AI44" s="53">
        <v>-252636.04572785299</v>
      </c>
      <c r="AJ44" s="53">
        <v>-252636.04572785299</v>
      </c>
      <c r="AK44" s="53">
        <v>-252636.04572785299</v>
      </c>
      <c r="AL44" s="53">
        <v>-252073.54572785299</v>
      </c>
      <c r="AM44" s="53">
        <v>-252073.54572785299</v>
      </c>
      <c r="AN44" s="53">
        <v>-2997315.5384284598</v>
      </c>
      <c r="AO44" s="53">
        <v>-265506.53202963702</v>
      </c>
      <c r="AP44" s="53">
        <v>-266571.71695963701</v>
      </c>
      <c r="AQ44" s="53">
        <v>-267111.03180963697</v>
      </c>
      <c r="AR44" s="53">
        <v>-266571.71695963701</v>
      </c>
      <c r="AS44" s="53">
        <v>-266571.71695963701</v>
      </c>
      <c r="AT44" s="53">
        <v>-266364.87046963698</v>
      </c>
      <c r="AU44" s="53">
        <v>-275082.22541130299</v>
      </c>
      <c r="AV44" s="53">
        <v>-275082.22541130299</v>
      </c>
      <c r="AW44" s="53">
        <v>-274669.72541130299</v>
      </c>
      <c r="AX44" s="53">
        <v>-274669.72541130299</v>
      </c>
      <c r="AY44" s="53">
        <v>-274669.72541130299</v>
      </c>
      <c r="AZ44" s="53">
        <v>-274669.72541130299</v>
      </c>
      <c r="BA44" s="53">
        <v>-3247540.9376556301</v>
      </c>
    </row>
    <row r="45" spans="1:53">
      <c r="A45" s="52" t="s">
        <v>840</v>
      </c>
      <c r="B45" s="53">
        <v>0</v>
      </c>
      <c r="C45" s="53">
        <v>0</v>
      </c>
      <c r="D45" s="53">
        <v>0</v>
      </c>
      <c r="E45" s="53">
        <v>0</v>
      </c>
      <c r="F45" s="53">
        <v>0</v>
      </c>
      <c r="G45" s="53">
        <v>0</v>
      </c>
      <c r="H45" s="53">
        <v>0</v>
      </c>
      <c r="I45" s="53">
        <v>0</v>
      </c>
      <c r="J45" s="53">
        <v>0</v>
      </c>
      <c r="K45" s="53">
        <v>0</v>
      </c>
      <c r="L45" s="53">
        <v>0</v>
      </c>
      <c r="M45" s="53">
        <v>0</v>
      </c>
      <c r="N45" s="53">
        <v>0</v>
      </c>
      <c r="O45" s="53">
        <v>0</v>
      </c>
      <c r="P45" s="53">
        <v>0</v>
      </c>
      <c r="Q45" s="53">
        <v>0</v>
      </c>
      <c r="R45" s="53">
        <v>0</v>
      </c>
      <c r="S45" s="53">
        <v>0</v>
      </c>
      <c r="T45" s="53">
        <v>0</v>
      </c>
      <c r="U45" s="53">
        <v>0</v>
      </c>
      <c r="V45" s="53">
        <v>0</v>
      </c>
      <c r="W45" s="53">
        <v>0</v>
      </c>
      <c r="X45" s="53">
        <v>0</v>
      </c>
      <c r="Y45" s="53">
        <v>0</v>
      </c>
      <c r="Z45" s="53">
        <v>0</v>
      </c>
      <c r="AA45" s="53">
        <v>0</v>
      </c>
      <c r="AB45" s="53">
        <v>0</v>
      </c>
      <c r="AC45" s="53">
        <v>0</v>
      </c>
      <c r="AD45" s="53">
        <v>0</v>
      </c>
      <c r="AE45" s="53">
        <v>0</v>
      </c>
      <c r="AF45" s="53">
        <v>0</v>
      </c>
      <c r="AG45" s="53">
        <v>0</v>
      </c>
      <c r="AH45" s="53">
        <v>0</v>
      </c>
      <c r="AI45" s="53">
        <v>0</v>
      </c>
      <c r="AJ45" s="53">
        <v>0</v>
      </c>
      <c r="AK45" s="53">
        <v>0</v>
      </c>
      <c r="AL45" s="53">
        <v>0</v>
      </c>
      <c r="AM45" s="53">
        <v>0</v>
      </c>
      <c r="AN45" s="53">
        <v>0</v>
      </c>
      <c r="AO45" s="53">
        <v>0</v>
      </c>
      <c r="AP45" s="53">
        <v>0</v>
      </c>
      <c r="AQ45" s="53">
        <v>0</v>
      </c>
      <c r="AR45" s="53">
        <v>0</v>
      </c>
      <c r="AS45" s="53">
        <v>0</v>
      </c>
      <c r="AT45" s="53">
        <v>0</v>
      </c>
      <c r="AU45" s="53">
        <v>0</v>
      </c>
      <c r="AV45" s="53">
        <v>0</v>
      </c>
      <c r="AW45" s="53">
        <v>0</v>
      </c>
      <c r="AX45" s="53">
        <v>0</v>
      </c>
      <c r="AY45" s="53">
        <v>0</v>
      </c>
      <c r="AZ45" s="53">
        <v>0</v>
      </c>
      <c r="BA45" s="53">
        <v>0</v>
      </c>
    </row>
    <row r="46" spans="1:53">
      <c r="A46" s="52" t="s">
        <v>841</v>
      </c>
      <c r="B46" s="53">
        <v>0</v>
      </c>
      <c r="C46" s="53">
        <v>0</v>
      </c>
      <c r="D46" s="53">
        <v>0</v>
      </c>
      <c r="E46" s="53">
        <v>0</v>
      </c>
      <c r="F46" s="53">
        <v>0</v>
      </c>
      <c r="G46" s="53">
        <v>0</v>
      </c>
      <c r="H46" s="53">
        <v>0</v>
      </c>
      <c r="I46" s="53">
        <v>0</v>
      </c>
      <c r="J46" s="53">
        <v>0</v>
      </c>
      <c r="K46" s="53">
        <v>0</v>
      </c>
      <c r="L46" s="53">
        <v>0</v>
      </c>
      <c r="M46" s="53">
        <v>0</v>
      </c>
      <c r="N46" s="53">
        <v>0</v>
      </c>
      <c r="O46" s="53">
        <v>0</v>
      </c>
      <c r="P46" s="53">
        <v>0</v>
      </c>
      <c r="Q46" s="53">
        <v>0</v>
      </c>
      <c r="R46" s="53">
        <v>0</v>
      </c>
      <c r="S46" s="53">
        <v>0</v>
      </c>
      <c r="T46" s="53">
        <v>0</v>
      </c>
      <c r="U46" s="53">
        <v>0</v>
      </c>
      <c r="V46" s="53">
        <v>0</v>
      </c>
      <c r="W46" s="53">
        <v>0</v>
      </c>
      <c r="X46" s="53">
        <v>0</v>
      </c>
      <c r="Y46" s="53">
        <v>0</v>
      </c>
      <c r="Z46" s="53">
        <v>0</v>
      </c>
      <c r="AA46" s="53">
        <v>0</v>
      </c>
      <c r="AB46" s="53">
        <v>0</v>
      </c>
      <c r="AC46" s="53">
        <v>0</v>
      </c>
      <c r="AD46" s="53">
        <v>0</v>
      </c>
      <c r="AE46" s="53">
        <v>0</v>
      </c>
      <c r="AF46" s="53">
        <v>0</v>
      </c>
      <c r="AG46" s="53">
        <v>0</v>
      </c>
      <c r="AH46" s="53">
        <v>0</v>
      </c>
      <c r="AI46" s="53">
        <v>0</v>
      </c>
      <c r="AJ46" s="53">
        <v>0</v>
      </c>
      <c r="AK46" s="53">
        <v>0</v>
      </c>
      <c r="AL46" s="53">
        <v>0</v>
      </c>
      <c r="AM46" s="53">
        <v>0</v>
      </c>
      <c r="AN46" s="53">
        <v>0</v>
      </c>
      <c r="AO46" s="53">
        <v>0</v>
      </c>
      <c r="AP46" s="53">
        <v>0</v>
      </c>
      <c r="AQ46" s="53">
        <v>0</v>
      </c>
      <c r="AR46" s="53">
        <v>0</v>
      </c>
      <c r="AS46" s="53">
        <v>0</v>
      </c>
      <c r="AT46" s="53">
        <v>0</v>
      </c>
      <c r="AU46" s="53">
        <v>0</v>
      </c>
      <c r="AV46" s="53">
        <v>0</v>
      </c>
      <c r="AW46" s="53">
        <v>0</v>
      </c>
      <c r="AX46" s="53">
        <v>0</v>
      </c>
      <c r="AY46" s="53">
        <v>0</v>
      </c>
      <c r="AZ46" s="53">
        <v>0</v>
      </c>
      <c r="BA46" s="53">
        <v>0</v>
      </c>
    </row>
    <row r="47" spans="1:53">
      <c r="A47" s="52" t="s">
        <v>842</v>
      </c>
      <c r="B47" s="53">
        <v>-22847.361499999999</v>
      </c>
      <c r="C47" s="53">
        <v>-22847.361499999999</v>
      </c>
      <c r="D47" s="53">
        <v>-22847.361499999999</v>
      </c>
      <c r="E47" s="53">
        <v>-22847.361499999999</v>
      </c>
      <c r="F47" s="53">
        <v>-22847.361499999999</v>
      </c>
      <c r="G47" s="53">
        <v>-22847.361499999999</v>
      </c>
      <c r="H47" s="53">
        <v>-22847.361499999999</v>
      </c>
      <c r="I47" s="53">
        <v>-22847.361499999999</v>
      </c>
      <c r="J47" s="53">
        <v>-22847.361499999999</v>
      </c>
      <c r="K47" s="53">
        <v>-22847.361499999999</v>
      </c>
      <c r="L47" s="53">
        <v>-22847.361499999999</v>
      </c>
      <c r="M47" s="53">
        <v>-22847.361499999999</v>
      </c>
      <c r="N47" s="53">
        <v>-274168.33799999999</v>
      </c>
      <c r="O47" s="53">
        <v>-22847.361499999999</v>
      </c>
      <c r="P47" s="53">
        <v>-22847.361499999999</v>
      </c>
      <c r="Q47" s="53">
        <v>-22847.361499999999</v>
      </c>
      <c r="R47" s="53">
        <v>-22847.361499999999</v>
      </c>
      <c r="S47" s="53">
        <v>-22847.361499999999</v>
      </c>
      <c r="T47" s="53">
        <v>-22847.361499999999</v>
      </c>
      <c r="U47" s="53">
        <v>-22847.361499999999</v>
      </c>
      <c r="V47" s="53">
        <v>-22847.361499999999</v>
      </c>
      <c r="W47" s="53">
        <v>-22847.361499999999</v>
      </c>
      <c r="X47" s="53">
        <v>-22847.361499999999</v>
      </c>
      <c r="Y47" s="53">
        <v>-22847.361499999999</v>
      </c>
      <c r="Z47" s="53">
        <v>-22847.361499999999</v>
      </c>
      <c r="AA47" s="53">
        <v>-274168.33799999999</v>
      </c>
      <c r="AB47" s="53">
        <v>-22847.361499999999</v>
      </c>
      <c r="AC47" s="53">
        <v>-22847.361499999999</v>
      </c>
      <c r="AD47" s="53">
        <v>-22847.361499999999</v>
      </c>
      <c r="AE47" s="53">
        <v>-22847.361499999999</v>
      </c>
      <c r="AF47" s="53">
        <v>-22847.361499999999</v>
      </c>
      <c r="AG47" s="53">
        <v>-22847.361499999999</v>
      </c>
      <c r="AH47" s="53">
        <v>-22847.361499999999</v>
      </c>
      <c r="AI47" s="53">
        <v>-22847.361499999999</v>
      </c>
      <c r="AJ47" s="53">
        <v>-22847.361499999999</v>
      </c>
      <c r="AK47" s="53">
        <v>-22847.361499999999</v>
      </c>
      <c r="AL47" s="53">
        <v>-22847.361499999999</v>
      </c>
      <c r="AM47" s="53">
        <v>-22847.361499999999</v>
      </c>
      <c r="AN47" s="53">
        <v>-274168.33799999999</v>
      </c>
      <c r="AO47" s="53">
        <v>-22847.361499999999</v>
      </c>
      <c r="AP47" s="53">
        <v>-22847.361499999999</v>
      </c>
      <c r="AQ47" s="53">
        <v>-22847.361499999999</v>
      </c>
      <c r="AR47" s="53">
        <v>-22847.361499999999</v>
      </c>
      <c r="AS47" s="53">
        <v>-22847.361499999999</v>
      </c>
      <c r="AT47" s="53">
        <v>-22847.361499999999</v>
      </c>
      <c r="AU47" s="53">
        <v>-22847.361499999999</v>
      </c>
      <c r="AV47" s="53">
        <v>-22847.361499999999</v>
      </c>
      <c r="AW47" s="53">
        <v>-22847.361499999999</v>
      </c>
      <c r="AX47" s="53">
        <v>-22847.361499999999</v>
      </c>
      <c r="AY47" s="53">
        <v>-22847.361499999999</v>
      </c>
      <c r="AZ47" s="53">
        <v>-22847.361499999999</v>
      </c>
      <c r="BA47" s="53">
        <v>-274168.33799999999</v>
      </c>
    </row>
    <row r="48" spans="1:53">
      <c r="A48" s="52" t="s">
        <v>843</v>
      </c>
      <c r="B48" s="53">
        <v>0</v>
      </c>
      <c r="C48" s="53">
        <v>0</v>
      </c>
      <c r="D48" s="53">
        <v>0</v>
      </c>
      <c r="E48" s="53">
        <v>0</v>
      </c>
      <c r="F48" s="53">
        <v>0</v>
      </c>
      <c r="G48" s="53">
        <v>0</v>
      </c>
      <c r="H48" s="53">
        <v>0</v>
      </c>
      <c r="I48" s="53">
        <v>0</v>
      </c>
      <c r="J48" s="53">
        <v>0</v>
      </c>
      <c r="K48" s="53">
        <v>0</v>
      </c>
      <c r="L48" s="53">
        <v>0</v>
      </c>
      <c r="M48" s="53">
        <v>0</v>
      </c>
      <c r="N48" s="53">
        <v>0</v>
      </c>
      <c r="O48" s="53">
        <v>0</v>
      </c>
      <c r="P48" s="53">
        <v>0</v>
      </c>
      <c r="Q48" s="53">
        <v>0</v>
      </c>
      <c r="R48" s="53">
        <v>0</v>
      </c>
      <c r="S48" s="53">
        <v>0</v>
      </c>
      <c r="T48" s="53">
        <v>0</v>
      </c>
      <c r="U48" s="53">
        <v>0</v>
      </c>
      <c r="V48" s="53">
        <v>0</v>
      </c>
      <c r="W48" s="53">
        <v>0</v>
      </c>
      <c r="X48" s="53">
        <v>0</v>
      </c>
      <c r="Y48" s="53">
        <v>0</v>
      </c>
      <c r="Z48" s="53">
        <v>0</v>
      </c>
      <c r="AA48" s="53">
        <v>0</v>
      </c>
      <c r="AB48" s="53">
        <v>0</v>
      </c>
      <c r="AC48" s="53">
        <v>0</v>
      </c>
      <c r="AD48" s="53">
        <v>0</v>
      </c>
      <c r="AE48" s="53">
        <v>0</v>
      </c>
      <c r="AF48" s="53">
        <v>0</v>
      </c>
      <c r="AG48" s="53">
        <v>0</v>
      </c>
      <c r="AH48" s="53">
        <v>0</v>
      </c>
      <c r="AI48" s="53">
        <v>0</v>
      </c>
      <c r="AJ48" s="53">
        <v>0</v>
      </c>
      <c r="AK48" s="53">
        <v>0</v>
      </c>
      <c r="AL48" s="53">
        <v>0</v>
      </c>
      <c r="AM48" s="53">
        <v>0</v>
      </c>
      <c r="AN48" s="53">
        <v>0</v>
      </c>
      <c r="AO48" s="53">
        <v>0</v>
      </c>
      <c r="AP48" s="53">
        <v>0</v>
      </c>
      <c r="AQ48" s="53">
        <v>0</v>
      </c>
      <c r="AR48" s="53">
        <v>0</v>
      </c>
      <c r="AS48" s="53">
        <v>0</v>
      </c>
      <c r="AT48" s="53">
        <v>0</v>
      </c>
      <c r="AU48" s="53">
        <v>0</v>
      </c>
      <c r="AV48" s="53">
        <v>0</v>
      </c>
      <c r="AW48" s="53">
        <v>0</v>
      </c>
      <c r="AX48" s="53">
        <v>0</v>
      </c>
      <c r="AY48" s="53">
        <v>0</v>
      </c>
      <c r="AZ48" s="53">
        <v>0</v>
      </c>
      <c r="BA48" s="53">
        <v>0</v>
      </c>
    </row>
    <row r="49" spans="1:53">
      <c r="A49" s="52" t="s">
        <v>844</v>
      </c>
      <c r="B49" s="53">
        <v>0</v>
      </c>
      <c r="C49" s="53">
        <v>0</v>
      </c>
      <c r="D49" s="53">
        <v>0</v>
      </c>
      <c r="E49" s="53">
        <v>0</v>
      </c>
      <c r="F49" s="53">
        <v>0</v>
      </c>
      <c r="G49" s="53">
        <v>0</v>
      </c>
      <c r="H49" s="53">
        <v>0</v>
      </c>
      <c r="I49" s="53">
        <v>0</v>
      </c>
      <c r="J49" s="53">
        <v>0</v>
      </c>
      <c r="K49" s="53">
        <v>0</v>
      </c>
      <c r="L49" s="53">
        <v>0</v>
      </c>
      <c r="M49" s="53">
        <v>0</v>
      </c>
      <c r="N49" s="53">
        <v>0</v>
      </c>
      <c r="O49" s="53">
        <v>0</v>
      </c>
      <c r="P49" s="53">
        <v>0</v>
      </c>
      <c r="Q49" s="53">
        <v>0</v>
      </c>
      <c r="R49" s="53">
        <v>0</v>
      </c>
      <c r="S49" s="53">
        <v>0</v>
      </c>
      <c r="T49" s="53">
        <v>0</v>
      </c>
      <c r="U49" s="53">
        <v>0</v>
      </c>
      <c r="V49" s="53">
        <v>0</v>
      </c>
      <c r="W49" s="53">
        <v>0</v>
      </c>
      <c r="X49" s="53">
        <v>0</v>
      </c>
      <c r="Y49" s="53">
        <v>0</v>
      </c>
      <c r="Z49" s="53">
        <v>0</v>
      </c>
      <c r="AA49" s="53">
        <v>0</v>
      </c>
      <c r="AB49" s="53">
        <v>0</v>
      </c>
      <c r="AC49" s="53">
        <v>0</v>
      </c>
      <c r="AD49" s="53">
        <v>0</v>
      </c>
      <c r="AE49" s="53">
        <v>0</v>
      </c>
      <c r="AF49" s="53">
        <v>0</v>
      </c>
      <c r="AG49" s="53">
        <v>0</v>
      </c>
      <c r="AH49" s="53">
        <v>0</v>
      </c>
      <c r="AI49" s="53">
        <v>0</v>
      </c>
      <c r="AJ49" s="53">
        <v>0</v>
      </c>
      <c r="AK49" s="53">
        <v>0</v>
      </c>
      <c r="AL49" s="53">
        <v>0</v>
      </c>
      <c r="AM49" s="53">
        <v>0</v>
      </c>
      <c r="AN49" s="53">
        <v>0</v>
      </c>
      <c r="AO49" s="53">
        <v>0</v>
      </c>
      <c r="AP49" s="53">
        <v>0</v>
      </c>
      <c r="AQ49" s="53">
        <v>0</v>
      </c>
      <c r="AR49" s="53">
        <v>0</v>
      </c>
      <c r="AS49" s="53">
        <v>0</v>
      </c>
      <c r="AT49" s="53">
        <v>0</v>
      </c>
      <c r="AU49" s="53">
        <v>0</v>
      </c>
      <c r="AV49" s="53">
        <v>0</v>
      </c>
      <c r="AW49" s="53">
        <v>0</v>
      </c>
      <c r="AX49" s="53">
        <v>0</v>
      </c>
      <c r="AY49" s="53">
        <v>0</v>
      </c>
      <c r="AZ49" s="53">
        <v>0</v>
      </c>
      <c r="BA49" s="53">
        <v>0</v>
      </c>
    </row>
    <row r="50" spans="1:53">
      <c r="A50" s="52" t="s">
        <v>845</v>
      </c>
      <c r="B50" s="53">
        <v>-24809.7605</v>
      </c>
      <c r="C50" s="53">
        <v>-24809.7605</v>
      </c>
      <c r="D50" s="53">
        <v>-24809.7605</v>
      </c>
      <c r="E50" s="53">
        <v>-24809.7605</v>
      </c>
      <c r="F50" s="53">
        <v>-24809.7605</v>
      </c>
      <c r="G50" s="53">
        <v>-24809.7605</v>
      </c>
      <c r="H50" s="53">
        <v>-24809.7605</v>
      </c>
      <c r="I50" s="53">
        <v>-24809.7605</v>
      </c>
      <c r="J50" s="53">
        <v>-24809.7605</v>
      </c>
      <c r="K50" s="53">
        <v>-24809.7605</v>
      </c>
      <c r="L50" s="53">
        <v>-24809.7605</v>
      </c>
      <c r="M50" s="53">
        <v>-24809.7605</v>
      </c>
      <c r="N50" s="53">
        <v>-297717.12599999999</v>
      </c>
      <c r="O50" s="53">
        <v>-24809.7605</v>
      </c>
      <c r="P50" s="53">
        <v>-24809.7605</v>
      </c>
      <c r="Q50" s="53">
        <v>-24809.7605</v>
      </c>
      <c r="R50" s="53">
        <v>-24809.7605</v>
      </c>
      <c r="S50" s="53">
        <v>-24809.7605</v>
      </c>
      <c r="T50" s="53">
        <v>-24809.7605</v>
      </c>
      <c r="U50" s="53">
        <v>-24809.7605</v>
      </c>
      <c r="V50" s="53">
        <v>-24809.7605</v>
      </c>
      <c r="W50" s="53">
        <v>-24809.7605</v>
      </c>
      <c r="X50" s="53">
        <v>-24809.7605</v>
      </c>
      <c r="Y50" s="53">
        <v>-24809.7605</v>
      </c>
      <c r="Z50" s="53">
        <v>-24809.7605</v>
      </c>
      <c r="AA50" s="53">
        <v>-297717.12599999999</v>
      </c>
      <c r="AB50" s="53">
        <v>-24809.7605</v>
      </c>
      <c r="AC50" s="53">
        <v>-24809.7605</v>
      </c>
      <c r="AD50" s="53">
        <v>-24809.7605</v>
      </c>
      <c r="AE50" s="53">
        <v>-24809.7605</v>
      </c>
      <c r="AF50" s="53">
        <v>-24809.7605</v>
      </c>
      <c r="AG50" s="53">
        <v>-24809.7605</v>
      </c>
      <c r="AH50" s="53">
        <v>-24809.7605</v>
      </c>
      <c r="AI50" s="53">
        <v>-24809.7605</v>
      </c>
      <c r="AJ50" s="53">
        <v>-24809.7605</v>
      </c>
      <c r="AK50" s="53">
        <v>-24809.7605</v>
      </c>
      <c r="AL50" s="53">
        <v>-24809.7605</v>
      </c>
      <c r="AM50" s="53">
        <v>-24809.7605</v>
      </c>
      <c r="AN50" s="53">
        <v>-297717.12599999999</v>
      </c>
      <c r="AO50" s="53">
        <v>-24809.7605</v>
      </c>
      <c r="AP50" s="53">
        <v>-24809.7605</v>
      </c>
      <c r="AQ50" s="53">
        <v>-24809.7605</v>
      </c>
      <c r="AR50" s="53">
        <v>-24809.7605</v>
      </c>
      <c r="AS50" s="53">
        <v>-24809.7605</v>
      </c>
      <c r="AT50" s="53">
        <v>-24809.7605</v>
      </c>
      <c r="AU50" s="53">
        <v>-24809.7605</v>
      </c>
      <c r="AV50" s="53">
        <v>-24809.7605</v>
      </c>
      <c r="AW50" s="53">
        <v>-24809.7605</v>
      </c>
      <c r="AX50" s="53">
        <v>-24809.7605</v>
      </c>
      <c r="AY50" s="53">
        <v>-24809.7605</v>
      </c>
      <c r="AZ50" s="53">
        <v>-24809.7605</v>
      </c>
      <c r="BA50" s="53">
        <v>-297717.12599999999</v>
      </c>
    </row>
    <row r="51" spans="1:53">
      <c r="A51" s="52" t="s">
        <v>846</v>
      </c>
      <c r="B51" s="53">
        <v>0</v>
      </c>
      <c r="C51" s="53">
        <v>0</v>
      </c>
      <c r="D51" s="53">
        <v>0</v>
      </c>
      <c r="E51" s="53">
        <v>0</v>
      </c>
      <c r="F51" s="53">
        <v>0</v>
      </c>
      <c r="G51" s="53">
        <v>0</v>
      </c>
      <c r="H51" s="53">
        <v>0</v>
      </c>
      <c r="I51" s="53">
        <v>0</v>
      </c>
      <c r="J51" s="53">
        <v>0</v>
      </c>
      <c r="K51" s="53">
        <v>0</v>
      </c>
      <c r="L51" s="53">
        <v>0</v>
      </c>
      <c r="M51" s="53">
        <v>0</v>
      </c>
      <c r="N51" s="53">
        <v>0</v>
      </c>
      <c r="O51" s="53">
        <v>0</v>
      </c>
      <c r="P51" s="53">
        <v>0</v>
      </c>
      <c r="Q51" s="53">
        <v>0</v>
      </c>
      <c r="R51" s="53">
        <v>0</v>
      </c>
      <c r="S51" s="53">
        <v>0</v>
      </c>
      <c r="T51" s="53">
        <v>0</v>
      </c>
      <c r="U51" s="53">
        <v>0</v>
      </c>
      <c r="V51" s="53">
        <v>0</v>
      </c>
      <c r="W51" s="53">
        <v>0</v>
      </c>
      <c r="X51" s="53">
        <v>0</v>
      </c>
      <c r="Y51" s="53">
        <v>0</v>
      </c>
      <c r="Z51" s="53">
        <v>0</v>
      </c>
      <c r="AA51" s="53">
        <v>0</v>
      </c>
      <c r="AB51" s="53">
        <v>0</v>
      </c>
      <c r="AC51" s="53">
        <v>0</v>
      </c>
      <c r="AD51" s="53">
        <v>0</v>
      </c>
      <c r="AE51" s="53">
        <v>0</v>
      </c>
      <c r="AF51" s="53">
        <v>0</v>
      </c>
      <c r="AG51" s="53">
        <v>0</v>
      </c>
      <c r="AH51" s="53">
        <v>0</v>
      </c>
      <c r="AI51" s="53">
        <v>0</v>
      </c>
      <c r="AJ51" s="53">
        <v>0</v>
      </c>
      <c r="AK51" s="53">
        <v>0</v>
      </c>
      <c r="AL51" s="53">
        <v>0</v>
      </c>
      <c r="AM51" s="53">
        <v>0</v>
      </c>
      <c r="AN51" s="53">
        <v>0</v>
      </c>
      <c r="AO51" s="53">
        <v>0</v>
      </c>
      <c r="AP51" s="53">
        <v>0</v>
      </c>
      <c r="AQ51" s="53">
        <v>0</v>
      </c>
      <c r="AR51" s="53">
        <v>0</v>
      </c>
      <c r="AS51" s="53">
        <v>0</v>
      </c>
      <c r="AT51" s="53">
        <v>0</v>
      </c>
      <c r="AU51" s="53">
        <v>0</v>
      </c>
      <c r="AV51" s="53">
        <v>0</v>
      </c>
      <c r="AW51" s="53">
        <v>0</v>
      </c>
      <c r="AX51" s="53">
        <v>0</v>
      </c>
      <c r="AY51" s="53">
        <v>0</v>
      </c>
      <c r="AZ51" s="53">
        <v>0</v>
      </c>
      <c r="BA51" s="53">
        <v>0</v>
      </c>
    </row>
    <row r="52" spans="1:53">
      <c r="A52" s="52" t="s">
        <v>847</v>
      </c>
      <c r="B52" s="53">
        <v>0</v>
      </c>
      <c r="C52" s="53">
        <v>0</v>
      </c>
      <c r="D52" s="53">
        <v>0</v>
      </c>
      <c r="E52" s="53">
        <v>0</v>
      </c>
      <c r="F52" s="53">
        <v>0</v>
      </c>
      <c r="G52" s="53">
        <v>0</v>
      </c>
      <c r="H52" s="53">
        <v>0</v>
      </c>
      <c r="I52" s="53">
        <v>0</v>
      </c>
      <c r="J52" s="53">
        <v>0</v>
      </c>
      <c r="K52" s="53">
        <v>0</v>
      </c>
      <c r="L52" s="53">
        <v>0</v>
      </c>
      <c r="M52" s="53">
        <v>0</v>
      </c>
      <c r="N52" s="53">
        <v>0</v>
      </c>
      <c r="O52" s="53">
        <v>0</v>
      </c>
      <c r="P52" s="53">
        <v>0</v>
      </c>
      <c r="Q52" s="53">
        <v>0</v>
      </c>
      <c r="R52" s="53">
        <v>0</v>
      </c>
      <c r="S52" s="53">
        <v>0</v>
      </c>
      <c r="T52" s="53">
        <v>0</v>
      </c>
      <c r="U52" s="53">
        <v>0</v>
      </c>
      <c r="V52" s="53">
        <v>0</v>
      </c>
      <c r="W52" s="53">
        <v>0</v>
      </c>
      <c r="X52" s="53">
        <v>0</v>
      </c>
      <c r="Y52" s="53">
        <v>0</v>
      </c>
      <c r="Z52" s="53">
        <v>0</v>
      </c>
      <c r="AA52" s="53">
        <v>0</v>
      </c>
      <c r="AB52" s="53">
        <v>0</v>
      </c>
      <c r="AC52" s="53">
        <v>0</v>
      </c>
      <c r="AD52" s="53">
        <v>0</v>
      </c>
      <c r="AE52" s="53">
        <v>0</v>
      </c>
      <c r="AF52" s="53">
        <v>0</v>
      </c>
      <c r="AG52" s="53">
        <v>0</v>
      </c>
      <c r="AH52" s="53">
        <v>0</v>
      </c>
      <c r="AI52" s="53">
        <v>0</v>
      </c>
      <c r="AJ52" s="53">
        <v>0</v>
      </c>
      <c r="AK52" s="53">
        <v>0</v>
      </c>
      <c r="AL52" s="53">
        <v>0</v>
      </c>
      <c r="AM52" s="53">
        <v>0</v>
      </c>
      <c r="AN52" s="53">
        <v>0</v>
      </c>
      <c r="AO52" s="53">
        <v>0</v>
      </c>
      <c r="AP52" s="53">
        <v>0</v>
      </c>
      <c r="AQ52" s="53">
        <v>0</v>
      </c>
      <c r="AR52" s="53">
        <v>0</v>
      </c>
      <c r="AS52" s="53">
        <v>0</v>
      </c>
      <c r="AT52" s="53">
        <v>0</v>
      </c>
      <c r="AU52" s="53">
        <v>0</v>
      </c>
      <c r="AV52" s="53">
        <v>0</v>
      </c>
      <c r="AW52" s="53">
        <v>0</v>
      </c>
      <c r="AX52" s="53">
        <v>0</v>
      </c>
      <c r="AY52" s="53">
        <v>0</v>
      </c>
      <c r="AZ52" s="53">
        <v>0</v>
      </c>
      <c r="BA52" s="53">
        <v>0</v>
      </c>
    </row>
    <row r="53" spans="1:53">
      <c r="A53" s="52" t="s">
        <v>848</v>
      </c>
      <c r="B53" s="53">
        <v>0</v>
      </c>
      <c r="C53" s="53">
        <v>0</v>
      </c>
      <c r="D53" s="53">
        <v>0</v>
      </c>
      <c r="E53" s="53">
        <v>0</v>
      </c>
      <c r="F53" s="53">
        <v>0</v>
      </c>
      <c r="G53" s="53">
        <v>0</v>
      </c>
      <c r="H53" s="53">
        <v>0</v>
      </c>
      <c r="I53" s="53">
        <v>0</v>
      </c>
      <c r="J53" s="53">
        <v>0</v>
      </c>
      <c r="K53" s="53">
        <v>0</v>
      </c>
      <c r="L53" s="53">
        <v>0</v>
      </c>
      <c r="M53" s="53">
        <v>0</v>
      </c>
      <c r="N53" s="53">
        <v>0</v>
      </c>
      <c r="O53" s="53">
        <v>0</v>
      </c>
      <c r="P53" s="53">
        <v>0</v>
      </c>
      <c r="Q53" s="53">
        <v>0</v>
      </c>
      <c r="R53" s="53">
        <v>0</v>
      </c>
      <c r="S53" s="53">
        <v>0</v>
      </c>
      <c r="T53" s="53">
        <v>0</v>
      </c>
      <c r="U53" s="53">
        <v>0</v>
      </c>
      <c r="V53" s="53">
        <v>0</v>
      </c>
      <c r="W53" s="53">
        <v>0</v>
      </c>
      <c r="X53" s="53">
        <v>0</v>
      </c>
      <c r="Y53" s="53">
        <v>0</v>
      </c>
      <c r="Z53" s="53">
        <v>0</v>
      </c>
      <c r="AA53" s="53">
        <v>0</v>
      </c>
      <c r="AB53" s="53">
        <v>0</v>
      </c>
      <c r="AC53" s="53">
        <v>0</v>
      </c>
      <c r="AD53" s="53">
        <v>0</v>
      </c>
      <c r="AE53" s="53">
        <v>0</v>
      </c>
      <c r="AF53" s="53">
        <v>0</v>
      </c>
      <c r="AG53" s="53">
        <v>0</v>
      </c>
      <c r="AH53" s="53">
        <v>0</v>
      </c>
      <c r="AI53" s="53">
        <v>0</v>
      </c>
      <c r="AJ53" s="53">
        <v>0</v>
      </c>
      <c r="AK53" s="53">
        <v>0</v>
      </c>
      <c r="AL53" s="53">
        <v>0</v>
      </c>
      <c r="AM53" s="53">
        <v>0</v>
      </c>
      <c r="AN53" s="53">
        <v>0</v>
      </c>
      <c r="AO53" s="53">
        <v>0</v>
      </c>
      <c r="AP53" s="53">
        <v>0</v>
      </c>
      <c r="AQ53" s="53">
        <v>0</v>
      </c>
      <c r="AR53" s="53">
        <v>0</v>
      </c>
      <c r="AS53" s="53">
        <v>0</v>
      </c>
      <c r="AT53" s="53">
        <v>0</v>
      </c>
      <c r="AU53" s="53">
        <v>0</v>
      </c>
      <c r="AV53" s="53">
        <v>0</v>
      </c>
      <c r="AW53" s="53">
        <v>0</v>
      </c>
      <c r="AX53" s="53">
        <v>0</v>
      </c>
      <c r="AY53" s="53">
        <v>0</v>
      </c>
      <c r="AZ53" s="53">
        <v>0</v>
      </c>
      <c r="BA53" s="53">
        <v>0</v>
      </c>
    </row>
    <row r="54" spans="1:53">
      <c r="A54" s="52" t="s">
        <v>849</v>
      </c>
      <c r="B54" s="53">
        <v>0</v>
      </c>
      <c r="C54" s="53">
        <v>0</v>
      </c>
      <c r="D54" s="53">
        <v>0</v>
      </c>
      <c r="E54" s="53">
        <v>0</v>
      </c>
      <c r="F54" s="53">
        <v>0</v>
      </c>
      <c r="G54" s="53">
        <v>0</v>
      </c>
      <c r="H54" s="53">
        <v>0</v>
      </c>
      <c r="I54" s="53">
        <v>0</v>
      </c>
      <c r="J54" s="53">
        <v>0</v>
      </c>
      <c r="K54" s="53">
        <v>0</v>
      </c>
      <c r="L54" s="53">
        <v>0</v>
      </c>
      <c r="M54" s="53">
        <v>0</v>
      </c>
      <c r="N54" s="53">
        <v>0</v>
      </c>
      <c r="O54" s="53">
        <v>0</v>
      </c>
      <c r="P54" s="53">
        <v>0</v>
      </c>
      <c r="Q54" s="53">
        <v>0</v>
      </c>
      <c r="R54" s="53">
        <v>0</v>
      </c>
      <c r="S54" s="53">
        <v>0</v>
      </c>
      <c r="T54" s="53">
        <v>0</v>
      </c>
      <c r="U54" s="53">
        <v>0</v>
      </c>
      <c r="V54" s="53">
        <v>0</v>
      </c>
      <c r="W54" s="53">
        <v>0</v>
      </c>
      <c r="X54" s="53">
        <v>0</v>
      </c>
      <c r="Y54" s="53">
        <v>0</v>
      </c>
      <c r="Z54" s="53">
        <v>0</v>
      </c>
      <c r="AA54" s="53">
        <v>0</v>
      </c>
      <c r="AB54" s="53">
        <v>0</v>
      </c>
      <c r="AC54" s="53">
        <v>0</v>
      </c>
      <c r="AD54" s="53">
        <v>0</v>
      </c>
      <c r="AE54" s="53">
        <v>0</v>
      </c>
      <c r="AF54" s="53">
        <v>0</v>
      </c>
      <c r="AG54" s="53">
        <v>0</v>
      </c>
      <c r="AH54" s="53">
        <v>0</v>
      </c>
      <c r="AI54" s="53">
        <v>0</v>
      </c>
      <c r="AJ54" s="53">
        <v>0</v>
      </c>
      <c r="AK54" s="53">
        <v>0</v>
      </c>
      <c r="AL54" s="53">
        <v>0</v>
      </c>
      <c r="AM54" s="53">
        <v>0</v>
      </c>
      <c r="AN54" s="53">
        <v>0</v>
      </c>
      <c r="AO54" s="53">
        <v>0</v>
      </c>
      <c r="AP54" s="53">
        <v>0</v>
      </c>
      <c r="AQ54" s="53">
        <v>0</v>
      </c>
      <c r="AR54" s="53">
        <v>0</v>
      </c>
      <c r="AS54" s="53">
        <v>0</v>
      </c>
      <c r="AT54" s="53">
        <v>0</v>
      </c>
      <c r="AU54" s="53">
        <v>0</v>
      </c>
      <c r="AV54" s="53">
        <v>0</v>
      </c>
      <c r="AW54" s="53">
        <v>0</v>
      </c>
      <c r="AX54" s="53">
        <v>0</v>
      </c>
      <c r="AY54" s="53">
        <v>0</v>
      </c>
      <c r="AZ54" s="53">
        <v>0</v>
      </c>
      <c r="BA54" s="53">
        <v>0</v>
      </c>
    </row>
    <row r="55" spans="1:53">
      <c r="A55" s="52" t="s">
        <v>850</v>
      </c>
      <c r="B55" s="53">
        <v>-87048.477499999994</v>
      </c>
      <c r="C55" s="53">
        <v>-87048.477499999994</v>
      </c>
      <c r="D55" s="53">
        <v>-87048.477499999994</v>
      </c>
      <c r="E55" s="53">
        <v>-87048.477499999994</v>
      </c>
      <c r="F55" s="53">
        <v>-87048.477499999994</v>
      </c>
      <c r="G55" s="53">
        <v>-87048.477499999994</v>
      </c>
      <c r="H55" s="53">
        <v>-87048.477499999994</v>
      </c>
      <c r="I55" s="53">
        <v>-87048.477499999994</v>
      </c>
      <c r="J55" s="53">
        <v>-87048.477499999994</v>
      </c>
      <c r="K55" s="53">
        <v>-87048.477499999994</v>
      </c>
      <c r="L55" s="53">
        <v>-87048.477499999994</v>
      </c>
      <c r="M55" s="53">
        <v>-87048.477499999994</v>
      </c>
      <c r="N55" s="53">
        <v>-1044581.73</v>
      </c>
      <c r="O55" s="53">
        <v>-87048.477499999994</v>
      </c>
      <c r="P55" s="53">
        <v>-87048.477499999994</v>
      </c>
      <c r="Q55" s="53">
        <v>-87048.477499999994</v>
      </c>
      <c r="R55" s="53">
        <v>-87048.477499999994</v>
      </c>
      <c r="S55" s="53">
        <v>-87048.477499999994</v>
      </c>
      <c r="T55" s="53">
        <v>-87048.477499999994</v>
      </c>
      <c r="U55" s="53">
        <v>-87048.477499999994</v>
      </c>
      <c r="V55" s="53">
        <v>-87048.477499999994</v>
      </c>
      <c r="W55" s="53">
        <v>-87048.477499999994</v>
      </c>
      <c r="X55" s="53">
        <v>-87048.477499999994</v>
      </c>
      <c r="Y55" s="53">
        <v>-87048.477499999994</v>
      </c>
      <c r="Z55" s="53">
        <v>-87048.477499999994</v>
      </c>
      <c r="AA55" s="53">
        <v>-1044581.73</v>
      </c>
      <c r="AB55" s="53">
        <v>-87048.477499999994</v>
      </c>
      <c r="AC55" s="53">
        <v>-87048.477499999994</v>
      </c>
      <c r="AD55" s="53">
        <v>-87048.477499999994</v>
      </c>
      <c r="AE55" s="53">
        <v>-87048.477499999994</v>
      </c>
      <c r="AF55" s="53">
        <v>-87048.477499999994</v>
      </c>
      <c r="AG55" s="53">
        <v>-87048.477499999994</v>
      </c>
      <c r="AH55" s="53">
        <v>-87048.477499999994</v>
      </c>
      <c r="AI55" s="53">
        <v>-87048.477499999994</v>
      </c>
      <c r="AJ55" s="53">
        <v>-87048.477499999994</v>
      </c>
      <c r="AK55" s="53">
        <v>-87048.477499999994</v>
      </c>
      <c r="AL55" s="53">
        <v>-87048.477499999994</v>
      </c>
      <c r="AM55" s="53">
        <v>-87048.477499999994</v>
      </c>
      <c r="AN55" s="53">
        <v>-1044581.73</v>
      </c>
      <c r="AO55" s="53">
        <v>-87048.477499999994</v>
      </c>
      <c r="AP55" s="53">
        <v>-87048.477499999994</v>
      </c>
      <c r="AQ55" s="53">
        <v>-87048.477499999994</v>
      </c>
      <c r="AR55" s="53">
        <v>-87048.477499999994</v>
      </c>
      <c r="AS55" s="53">
        <v>-87048.477499999994</v>
      </c>
      <c r="AT55" s="53">
        <v>-87048.477499999994</v>
      </c>
      <c r="AU55" s="53">
        <v>-87048.477499999994</v>
      </c>
      <c r="AV55" s="53">
        <v>-87048.477499999994</v>
      </c>
      <c r="AW55" s="53">
        <v>-87048.477499999994</v>
      </c>
      <c r="AX55" s="53">
        <v>-87048.477499999994</v>
      </c>
      <c r="AY55" s="53">
        <v>-87048.477499999994</v>
      </c>
      <c r="AZ55" s="53">
        <v>-87048.477499999994</v>
      </c>
      <c r="BA55" s="53">
        <v>-1044581.73</v>
      </c>
    </row>
    <row r="56" spans="1:53">
      <c r="A56" s="52" t="s">
        <v>851</v>
      </c>
      <c r="B56" s="53">
        <v>-14230120.927157</v>
      </c>
      <c r="C56" s="53">
        <v>-12844495.470419999</v>
      </c>
      <c r="D56" s="53">
        <v>-10632220.0852488</v>
      </c>
      <c r="E56" s="53">
        <v>-11579471.6626055</v>
      </c>
      <c r="F56" s="53">
        <v>-12959777.277858</v>
      </c>
      <c r="G56" s="53">
        <v>-15009087.551257599</v>
      </c>
      <c r="H56" s="53">
        <v>-14904863.969973199</v>
      </c>
      <c r="I56" s="53">
        <v>-15402621.068829</v>
      </c>
      <c r="J56" s="53">
        <v>-14583939.2679103</v>
      </c>
      <c r="K56" s="53">
        <v>-15285577.0644552</v>
      </c>
      <c r="L56" s="53">
        <v>-11595018.9290042</v>
      </c>
      <c r="M56" s="53">
        <v>-12770160.279805601</v>
      </c>
      <c r="N56" s="53">
        <v>-161797353.55452499</v>
      </c>
      <c r="O56" s="53">
        <v>-15938423.0601609</v>
      </c>
      <c r="P56" s="53">
        <v>-14376231.1147424</v>
      </c>
      <c r="Q56" s="53">
        <v>-11891324.896637401</v>
      </c>
      <c r="R56" s="53">
        <v>-12969800.1813813</v>
      </c>
      <c r="S56" s="53">
        <v>-14520723.132553499</v>
      </c>
      <c r="T56" s="53">
        <v>-16349649.8194615</v>
      </c>
      <c r="U56" s="53">
        <v>-16235151.080531999</v>
      </c>
      <c r="V56" s="53">
        <v>-16777166.126134999</v>
      </c>
      <c r="W56" s="53">
        <v>-15886589.115688</v>
      </c>
      <c r="X56" s="53">
        <v>-16480489.3165676</v>
      </c>
      <c r="Y56" s="53">
        <v>-12783687.459786</v>
      </c>
      <c r="Z56" s="53">
        <v>-14093093.2372008</v>
      </c>
      <c r="AA56" s="53">
        <v>-178302328.54084599</v>
      </c>
      <c r="AB56" s="53">
        <v>-17413446.245083202</v>
      </c>
      <c r="AC56" s="53">
        <v>-15657693.3440568</v>
      </c>
      <c r="AD56" s="53">
        <v>-12957400.9460278</v>
      </c>
      <c r="AE56" s="53">
        <v>-14102906.3909421</v>
      </c>
      <c r="AF56" s="53">
        <v>-15794707.850449</v>
      </c>
      <c r="AG56" s="53">
        <v>-18474721.1225731</v>
      </c>
      <c r="AH56" s="53">
        <v>-18343708.5070103</v>
      </c>
      <c r="AI56" s="53">
        <v>-18980775.158035699</v>
      </c>
      <c r="AJ56" s="53">
        <v>-17972807.0601747</v>
      </c>
      <c r="AK56" s="53">
        <v>-18437433.984739501</v>
      </c>
      <c r="AL56" s="53">
        <v>-14478705.3500754</v>
      </c>
      <c r="AM56" s="53">
        <v>-15965424.371536201</v>
      </c>
      <c r="AN56" s="53">
        <v>-198579730.330704</v>
      </c>
      <c r="AO56" s="53">
        <v>-19769414.293414999</v>
      </c>
      <c r="AP56" s="53">
        <v>-17748283.926444702</v>
      </c>
      <c r="AQ56" s="53">
        <v>-14690815.9035888</v>
      </c>
      <c r="AR56" s="53">
        <v>-15983625.341501299</v>
      </c>
      <c r="AS56" s="53">
        <v>-17894876.3236675</v>
      </c>
      <c r="AT56" s="53">
        <v>-18613521.599722501</v>
      </c>
      <c r="AU56" s="53">
        <v>-18478279.024548799</v>
      </c>
      <c r="AV56" s="53">
        <v>-19127172.426336002</v>
      </c>
      <c r="AW56" s="53">
        <v>-18109040.765353799</v>
      </c>
      <c r="AX56" s="53">
        <v>-18582904.850066599</v>
      </c>
      <c r="AY56" s="53">
        <v>-14619032.1723062</v>
      </c>
      <c r="AZ56" s="53">
        <v>-16107596.338453099</v>
      </c>
      <c r="BA56" s="53">
        <v>-209724562.965404</v>
      </c>
    </row>
    <row r="57" spans="1:53">
      <c r="A57" s="52" t="s">
        <v>852</v>
      </c>
      <c r="B57" s="53">
        <v>0</v>
      </c>
      <c r="C57" s="53">
        <v>0</v>
      </c>
      <c r="D57" s="53">
        <v>0</v>
      </c>
      <c r="E57" s="53">
        <v>0</v>
      </c>
      <c r="F57" s="53">
        <v>0</v>
      </c>
      <c r="G57" s="53">
        <v>0</v>
      </c>
      <c r="H57" s="53">
        <v>0</v>
      </c>
      <c r="I57" s="53">
        <v>0</v>
      </c>
      <c r="J57" s="53">
        <v>0</v>
      </c>
      <c r="K57" s="53">
        <v>0</v>
      </c>
      <c r="L57" s="53">
        <v>0</v>
      </c>
      <c r="M57" s="53">
        <v>0</v>
      </c>
      <c r="N57" s="53">
        <v>0</v>
      </c>
      <c r="O57" s="53">
        <v>0</v>
      </c>
      <c r="P57" s="53">
        <v>0</v>
      </c>
      <c r="Q57" s="53">
        <v>0</v>
      </c>
      <c r="R57" s="53">
        <v>0</v>
      </c>
      <c r="S57" s="53">
        <v>0</v>
      </c>
      <c r="T57" s="53">
        <v>0</v>
      </c>
      <c r="U57" s="53">
        <v>0</v>
      </c>
      <c r="V57" s="53">
        <v>0</v>
      </c>
      <c r="W57" s="53">
        <v>0</v>
      </c>
      <c r="X57" s="53">
        <v>0</v>
      </c>
      <c r="Y57" s="53">
        <v>0</v>
      </c>
      <c r="Z57" s="53">
        <v>0</v>
      </c>
      <c r="AA57" s="53">
        <v>0</v>
      </c>
      <c r="AB57" s="53">
        <v>0</v>
      </c>
      <c r="AC57" s="53">
        <v>0</v>
      </c>
      <c r="AD57" s="53">
        <v>0</v>
      </c>
      <c r="AE57" s="53">
        <v>0</v>
      </c>
      <c r="AF57" s="53">
        <v>0</v>
      </c>
      <c r="AG57" s="53">
        <v>0</v>
      </c>
      <c r="AH57" s="53">
        <v>0</v>
      </c>
      <c r="AI57" s="53">
        <v>0</v>
      </c>
      <c r="AJ57" s="53">
        <v>0</v>
      </c>
      <c r="AK57" s="53">
        <v>0</v>
      </c>
      <c r="AL57" s="53">
        <v>0</v>
      </c>
      <c r="AM57" s="53">
        <v>0</v>
      </c>
      <c r="AN57" s="53">
        <v>0</v>
      </c>
      <c r="AO57" s="53">
        <v>0</v>
      </c>
      <c r="AP57" s="53">
        <v>0</v>
      </c>
      <c r="AQ57" s="53">
        <v>0</v>
      </c>
      <c r="AR57" s="53">
        <v>0</v>
      </c>
      <c r="AS57" s="53">
        <v>0</v>
      </c>
      <c r="AT57" s="53">
        <v>0</v>
      </c>
      <c r="AU57" s="53">
        <v>0</v>
      </c>
      <c r="AV57" s="53">
        <v>0</v>
      </c>
      <c r="AW57" s="53">
        <v>0</v>
      </c>
      <c r="AX57" s="53">
        <v>0</v>
      </c>
      <c r="AY57" s="53">
        <v>0</v>
      </c>
      <c r="AZ57" s="53">
        <v>0</v>
      </c>
      <c r="BA57" s="53">
        <v>0</v>
      </c>
    </row>
    <row r="58" spans="1:53">
      <c r="A58" s="52" t="s">
        <v>853</v>
      </c>
      <c r="B58" s="53">
        <v>0</v>
      </c>
      <c r="C58" s="53">
        <v>0</v>
      </c>
      <c r="D58" s="53">
        <v>0</v>
      </c>
      <c r="E58" s="53">
        <v>0</v>
      </c>
      <c r="F58" s="53">
        <v>0</v>
      </c>
      <c r="G58" s="53">
        <v>0</v>
      </c>
      <c r="H58" s="53">
        <v>0</v>
      </c>
      <c r="I58" s="53">
        <v>0</v>
      </c>
      <c r="J58" s="53">
        <v>0</v>
      </c>
      <c r="K58" s="53">
        <v>0</v>
      </c>
      <c r="L58" s="53">
        <v>0</v>
      </c>
      <c r="M58" s="53">
        <v>0</v>
      </c>
      <c r="N58" s="53">
        <v>0</v>
      </c>
      <c r="O58" s="53">
        <v>0</v>
      </c>
      <c r="P58" s="53">
        <v>0</v>
      </c>
      <c r="Q58" s="53">
        <v>0</v>
      </c>
      <c r="R58" s="53">
        <v>0</v>
      </c>
      <c r="S58" s="53">
        <v>0</v>
      </c>
      <c r="T58" s="53">
        <v>0</v>
      </c>
      <c r="U58" s="53">
        <v>0</v>
      </c>
      <c r="V58" s="53">
        <v>0</v>
      </c>
      <c r="W58" s="53">
        <v>0</v>
      </c>
      <c r="X58" s="53">
        <v>0</v>
      </c>
      <c r="Y58" s="53">
        <v>0</v>
      </c>
      <c r="Z58" s="53">
        <v>0</v>
      </c>
      <c r="AA58" s="53">
        <v>0</v>
      </c>
      <c r="AB58" s="53">
        <v>0</v>
      </c>
      <c r="AC58" s="53">
        <v>0</v>
      </c>
      <c r="AD58" s="53">
        <v>0</v>
      </c>
      <c r="AE58" s="53">
        <v>0</v>
      </c>
      <c r="AF58" s="53">
        <v>0</v>
      </c>
      <c r="AG58" s="53">
        <v>0</v>
      </c>
      <c r="AH58" s="53">
        <v>0</v>
      </c>
      <c r="AI58" s="53">
        <v>0</v>
      </c>
      <c r="AJ58" s="53">
        <v>0</v>
      </c>
      <c r="AK58" s="53">
        <v>0</v>
      </c>
      <c r="AL58" s="53">
        <v>0</v>
      </c>
      <c r="AM58" s="53">
        <v>0</v>
      </c>
      <c r="AN58" s="53">
        <v>0</v>
      </c>
      <c r="AO58" s="53">
        <v>0</v>
      </c>
      <c r="AP58" s="53">
        <v>0</v>
      </c>
      <c r="AQ58" s="53">
        <v>0</v>
      </c>
      <c r="AR58" s="53">
        <v>0</v>
      </c>
      <c r="AS58" s="53">
        <v>0</v>
      </c>
      <c r="AT58" s="53">
        <v>0</v>
      </c>
      <c r="AU58" s="53">
        <v>0</v>
      </c>
      <c r="AV58" s="53">
        <v>0</v>
      </c>
      <c r="AW58" s="53">
        <v>0</v>
      </c>
      <c r="AX58" s="53">
        <v>0</v>
      </c>
      <c r="AY58" s="53">
        <v>0</v>
      </c>
      <c r="AZ58" s="53">
        <v>0</v>
      </c>
      <c r="BA58" s="53">
        <v>0</v>
      </c>
    </row>
    <row r="59" spans="1:53">
      <c r="A59" s="52" t="s">
        <v>854</v>
      </c>
      <c r="B59" s="53">
        <v>0</v>
      </c>
      <c r="C59" s="53">
        <v>0</v>
      </c>
      <c r="D59" s="53">
        <v>0</v>
      </c>
      <c r="E59" s="53">
        <v>0</v>
      </c>
      <c r="F59" s="53">
        <v>0</v>
      </c>
      <c r="G59" s="53">
        <v>0</v>
      </c>
      <c r="H59" s="53">
        <v>0</v>
      </c>
      <c r="I59" s="53">
        <v>0</v>
      </c>
      <c r="J59" s="53">
        <v>0</v>
      </c>
      <c r="K59" s="53">
        <v>0</v>
      </c>
      <c r="L59" s="53">
        <v>0</v>
      </c>
      <c r="M59" s="53">
        <v>0</v>
      </c>
      <c r="N59" s="53">
        <v>0</v>
      </c>
      <c r="O59" s="53">
        <v>0</v>
      </c>
      <c r="P59" s="53">
        <v>0</v>
      </c>
      <c r="Q59" s="53">
        <v>0</v>
      </c>
      <c r="R59" s="53">
        <v>0</v>
      </c>
      <c r="S59" s="53">
        <v>0</v>
      </c>
      <c r="T59" s="53">
        <v>0</v>
      </c>
      <c r="U59" s="53">
        <v>0</v>
      </c>
      <c r="V59" s="53">
        <v>0</v>
      </c>
      <c r="W59" s="53">
        <v>0</v>
      </c>
      <c r="X59" s="53">
        <v>0</v>
      </c>
      <c r="Y59" s="53">
        <v>0</v>
      </c>
      <c r="Z59" s="53">
        <v>0</v>
      </c>
      <c r="AA59" s="53">
        <v>0</v>
      </c>
      <c r="AB59" s="53">
        <v>0</v>
      </c>
      <c r="AC59" s="53">
        <v>0</v>
      </c>
      <c r="AD59" s="53">
        <v>0</v>
      </c>
      <c r="AE59" s="53">
        <v>0</v>
      </c>
      <c r="AF59" s="53">
        <v>0</v>
      </c>
      <c r="AG59" s="53">
        <v>0</v>
      </c>
      <c r="AH59" s="53">
        <v>0</v>
      </c>
      <c r="AI59" s="53">
        <v>0</v>
      </c>
      <c r="AJ59" s="53">
        <v>0</v>
      </c>
      <c r="AK59" s="53">
        <v>0</v>
      </c>
      <c r="AL59" s="53">
        <v>0</v>
      </c>
      <c r="AM59" s="53">
        <v>0</v>
      </c>
      <c r="AN59" s="53">
        <v>0</v>
      </c>
      <c r="AO59" s="53">
        <v>0</v>
      </c>
      <c r="AP59" s="53">
        <v>0</v>
      </c>
      <c r="AQ59" s="53">
        <v>0</v>
      </c>
      <c r="AR59" s="53">
        <v>0</v>
      </c>
      <c r="AS59" s="53">
        <v>0</v>
      </c>
      <c r="AT59" s="53">
        <v>0</v>
      </c>
      <c r="AU59" s="53">
        <v>0</v>
      </c>
      <c r="AV59" s="53">
        <v>0</v>
      </c>
      <c r="AW59" s="53">
        <v>0</v>
      </c>
      <c r="AX59" s="53">
        <v>0</v>
      </c>
      <c r="AY59" s="53">
        <v>0</v>
      </c>
      <c r="AZ59" s="53">
        <v>0</v>
      </c>
      <c r="BA59" s="53">
        <v>0</v>
      </c>
    </row>
    <row r="60" spans="1:53">
      <c r="A60" s="52" t="s">
        <v>855</v>
      </c>
      <c r="B60" s="53">
        <v>-14230120.927157</v>
      </c>
      <c r="C60" s="53">
        <v>-12844495.470419999</v>
      </c>
      <c r="D60" s="53">
        <v>-10632220.0852488</v>
      </c>
      <c r="E60" s="53">
        <v>-11579471.6626055</v>
      </c>
      <c r="F60" s="53">
        <v>-12959777.277858</v>
      </c>
      <c r="G60" s="53">
        <v>-15009087.551257599</v>
      </c>
      <c r="H60" s="53">
        <v>-14904863.969973199</v>
      </c>
      <c r="I60" s="53">
        <v>-15402621.068829</v>
      </c>
      <c r="J60" s="53">
        <v>-14583939.2679103</v>
      </c>
      <c r="K60" s="53">
        <v>-15285577.0644552</v>
      </c>
      <c r="L60" s="53">
        <v>-11595018.9290042</v>
      </c>
      <c r="M60" s="53">
        <v>-12770160.279805601</v>
      </c>
      <c r="N60" s="53">
        <v>-161797353.55452499</v>
      </c>
      <c r="O60" s="53">
        <v>-15938423.0601609</v>
      </c>
      <c r="P60" s="53">
        <v>-14376231.1147424</v>
      </c>
      <c r="Q60" s="53">
        <v>-11891324.896637401</v>
      </c>
      <c r="R60" s="53">
        <v>-12969800.1813813</v>
      </c>
      <c r="S60" s="53">
        <v>-14520723.132553499</v>
      </c>
      <c r="T60" s="53">
        <v>-16349649.8194615</v>
      </c>
      <c r="U60" s="53">
        <v>-16235151.080531999</v>
      </c>
      <c r="V60" s="53">
        <v>-16777166.126134999</v>
      </c>
      <c r="W60" s="53">
        <v>-15886589.115688</v>
      </c>
      <c r="X60" s="53">
        <v>-16480489.3165676</v>
      </c>
      <c r="Y60" s="53">
        <v>-12783687.459786</v>
      </c>
      <c r="Z60" s="53">
        <v>-14093093.2372008</v>
      </c>
      <c r="AA60" s="53">
        <v>-178302328.54084599</v>
      </c>
      <c r="AB60" s="53">
        <v>-17413446.245083202</v>
      </c>
      <c r="AC60" s="53">
        <v>-15657693.3440568</v>
      </c>
      <c r="AD60" s="53">
        <v>-12957400.9460278</v>
      </c>
      <c r="AE60" s="53">
        <v>-14102906.3909421</v>
      </c>
      <c r="AF60" s="53">
        <v>-15794707.850449</v>
      </c>
      <c r="AG60" s="53">
        <v>-18474721.1225731</v>
      </c>
      <c r="AH60" s="53">
        <v>-18343708.5070103</v>
      </c>
      <c r="AI60" s="53">
        <v>-18980775.158035699</v>
      </c>
      <c r="AJ60" s="53">
        <v>-17972807.0601747</v>
      </c>
      <c r="AK60" s="53">
        <v>-18437433.984739501</v>
      </c>
      <c r="AL60" s="53">
        <v>-14478705.3500754</v>
      </c>
      <c r="AM60" s="53">
        <v>-15965424.371536201</v>
      </c>
      <c r="AN60" s="53">
        <v>-198579730.330704</v>
      </c>
      <c r="AO60" s="53">
        <v>-19769414.293414999</v>
      </c>
      <c r="AP60" s="53">
        <v>-17748283.926444702</v>
      </c>
      <c r="AQ60" s="53">
        <v>-14690815.9035888</v>
      </c>
      <c r="AR60" s="53">
        <v>-15983625.341501299</v>
      </c>
      <c r="AS60" s="53">
        <v>-17894876.3236675</v>
      </c>
      <c r="AT60" s="53">
        <v>-18613521.599722501</v>
      </c>
      <c r="AU60" s="53">
        <v>-18478279.024548799</v>
      </c>
      <c r="AV60" s="53">
        <v>-19127172.426336002</v>
      </c>
      <c r="AW60" s="53">
        <v>-18109040.765353799</v>
      </c>
      <c r="AX60" s="53">
        <v>-18582904.850066599</v>
      </c>
      <c r="AY60" s="53">
        <v>-14619032.1723062</v>
      </c>
      <c r="AZ60" s="53">
        <v>-16107596.338453099</v>
      </c>
      <c r="BA60" s="53">
        <v>-209724562.965404</v>
      </c>
    </row>
    <row r="61" spans="1:53">
      <c r="A61" s="52" t="s">
        <v>856</v>
      </c>
      <c r="B61" s="53">
        <v>-256560.47099999999</v>
      </c>
      <c r="C61" s="53">
        <v>-256560.47099999999</v>
      </c>
      <c r="D61" s="53">
        <v>-256560.47099999999</v>
      </c>
      <c r="E61" s="53">
        <v>-256560.47099999999</v>
      </c>
      <c r="F61" s="53">
        <v>-256560.47099999999</v>
      </c>
      <c r="G61" s="53">
        <v>-256560.47099999999</v>
      </c>
      <c r="H61" s="53">
        <v>-256560.47099999999</v>
      </c>
      <c r="I61" s="53">
        <v>-256560.47099999999</v>
      </c>
      <c r="J61" s="53">
        <v>-256560.47099999999</v>
      </c>
      <c r="K61" s="53">
        <v>-256560.47099999999</v>
      </c>
      <c r="L61" s="53">
        <v>-256560.47099999999</v>
      </c>
      <c r="M61" s="53">
        <v>-256560.47099999999</v>
      </c>
      <c r="N61" s="53">
        <v>-3078725.65199999</v>
      </c>
      <c r="O61" s="53">
        <v>-256560.47099999999</v>
      </c>
      <c r="P61" s="53">
        <v>-256560.47099999999</v>
      </c>
      <c r="Q61" s="53">
        <v>-256560.47099999999</v>
      </c>
      <c r="R61" s="53">
        <v>-256560.47099999999</v>
      </c>
      <c r="S61" s="53">
        <v>-256560.47099999999</v>
      </c>
      <c r="T61" s="53">
        <v>-256560.47099999999</v>
      </c>
      <c r="U61" s="53">
        <v>-256560.47099999999</v>
      </c>
      <c r="V61" s="53">
        <v>-256560.47099999999</v>
      </c>
      <c r="W61" s="53">
        <v>-256560.47099999999</v>
      </c>
      <c r="X61" s="53">
        <v>-256560.47099999999</v>
      </c>
      <c r="Y61" s="53">
        <v>-256560.47099999999</v>
      </c>
      <c r="Z61" s="53">
        <v>-256560.47099999999</v>
      </c>
      <c r="AA61" s="53">
        <v>-3078725.65199999</v>
      </c>
      <c r="AB61" s="53">
        <v>-256560.47099999999</v>
      </c>
      <c r="AC61" s="53">
        <v>-256560.47099999999</v>
      </c>
      <c r="AD61" s="53">
        <v>-256560.47099999999</v>
      </c>
      <c r="AE61" s="53">
        <v>-256560.47099999999</v>
      </c>
      <c r="AF61" s="53">
        <v>-256560.47099999999</v>
      </c>
      <c r="AG61" s="53">
        <v>-256560.47099999999</v>
      </c>
      <c r="AH61" s="53">
        <v>-256560.47099999999</v>
      </c>
      <c r="AI61" s="53">
        <v>-256560.47099999999</v>
      </c>
      <c r="AJ61" s="53">
        <v>-256560.47099999999</v>
      </c>
      <c r="AK61" s="53">
        <v>-256560.47099999999</v>
      </c>
      <c r="AL61" s="53">
        <v>-256560.47099999999</v>
      </c>
      <c r="AM61" s="53">
        <v>-256560.47099999999</v>
      </c>
      <c r="AN61" s="53">
        <v>-3078725.65199999</v>
      </c>
      <c r="AO61" s="53">
        <v>-256560.47099999999</v>
      </c>
      <c r="AP61" s="53">
        <v>-256560.47099999999</v>
      </c>
      <c r="AQ61" s="53">
        <v>-256560.47099999999</v>
      </c>
      <c r="AR61" s="53">
        <v>-256560.47099999999</v>
      </c>
      <c r="AS61" s="53">
        <v>-256560.47099999999</v>
      </c>
      <c r="AT61" s="53">
        <v>-256560.47099999999</v>
      </c>
      <c r="AU61" s="53">
        <v>-256560.47099999999</v>
      </c>
      <c r="AV61" s="53">
        <v>-256560.47099999999</v>
      </c>
      <c r="AW61" s="53">
        <v>-256560.47099999999</v>
      </c>
      <c r="AX61" s="53">
        <v>-256560.47099999999</v>
      </c>
      <c r="AY61" s="53">
        <v>-256560.47099999999</v>
      </c>
      <c r="AZ61" s="53">
        <v>-256560.47099999999</v>
      </c>
      <c r="BA61" s="53">
        <v>-3078725.65199999</v>
      </c>
    </row>
    <row r="62" spans="1:53">
      <c r="A62" s="52" t="s">
        <v>857</v>
      </c>
      <c r="B62" s="53">
        <v>-406986.939166667</v>
      </c>
      <c r="C62" s="53">
        <v>-406986.939166667</v>
      </c>
      <c r="D62" s="53">
        <v>-406986.939166667</v>
      </c>
      <c r="E62" s="53">
        <v>-406986.939166667</v>
      </c>
      <c r="F62" s="53">
        <v>-406986.939166667</v>
      </c>
      <c r="G62" s="53">
        <v>-406986.939166667</v>
      </c>
      <c r="H62" s="53">
        <v>-406986.939166667</v>
      </c>
      <c r="I62" s="53">
        <v>-406986.939166667</v>
      </c>
      <c r="J62" s="53">
        <v>-406986.939166667</v>
      </c>
      <c r="K62" s="53">
        <v>-406986.939166667</v>
      </c>
      <c r="L62" s="53">
        <v>-406986.939166667</v>
      </c>
      <c r="M62" s="53">
        <v>-406986.939166667</v>
      </c>
      <c r="N62" s="53">
        <v>-4883843.2699999996</v>
      </c>
      <c r="O62" s="53">
        <v>-406986.939166667</v>
      </c>
      <c r="P62" s="53">
        <v>-406986.939166667</v>
      </c>
      <c r="Q62" s="53">
        <v>-406986.939166667</v>
      </c>
      <c r="R62" s="53">
        <v>-406986.939166667</v>
      </c>
      <c r="S62" s="53">
        <v>-406986.939166667</v>
      </c>
      <c r="T62" s="53">
        <v>-406986.939166667</v>
      </c>
      <c r="U62" s="53">
        <v>-406986.939166667</v>
      </c>
      <c r="V62" s="53">
        <v>-406986.939166667</v>
      </c>
      <c r="W62" s="53">
        <v>-406986.939166667</v>
      </c>
      <c r="X62" s="53">
        <v>-406986.939166667</v>
      </c>
      <c r="Y62" s="53">
        <v>-406986.939166667</v>
      </c>
      <c r="Z62" s="53">
        <v>-406986.939166667</v>
      </c>
      <c r="AA62" s="53">
        <v>-4883843.2699999996</v>
      </c>
      <c r="AB62" s="53">
        <v>-406986.939166667</v>
      </c>
      <c r="AC62" s="53">
        <v>-406986.939166667</v>
      </c>
      <c r="AD62" s="53">
        <v>-406986.939166667</v>
      </c>
      <c r="AE62" s="53">
        <v>-406986.939166667</v>
      </c>
      <c r="AF62" s="53">
        <v>-406986.939166667</v>
      </c>
      <c r="AG62" s="53">
        <v>-406986.939166667</v>
      </c>
      <c r="AH62" s="53">
        <v>-406986.939166667</v>
      </c>
      <c r="AI62" s="53">
        <v>-406986.939166667</v>
      </c>
      <c r="AJ62" s="53">
        <v>-406986.939166667</v>
      </c>
      <c r="AK62" s="53">
        <v>-406986.939166667</v>
      </c>
      <c r="AL62" s="53">
        <v>-406986.939166667</v>
      </c>
      <c r="AM62" s="53">
        <v>-406986.939166667</v>
      </c>
      <c r="AN62" s="53">
        <v>-4883843.2699999996</v>
      </c>
      <c r="AO62" s="53">
        <v>-406986.939166667</v>
      </c>
      <c r="AP62" s="53">
        <v>-406986.939166667</v>
      </c>
      <c r="AQ62" s="53">
        <v>-406986.939166667</v>
      </c>
      <c r="AR62" s="53">
        <v>-406986.939166667</v>
      </c>
      <c r="AS62" s="53">
        <v>-406986.939166667</v>
      </c>
      <c r="AT62" s="53">
        <v>-406986.939166667</v>
      </c>
      <c r="AU62" s="53">
        <v>-406986.939166667</v>
      </c>
      <c r="AV62" s="53">
        <v>-406986.939166667</v>
      </c>
      <c r="AW62" s="53">
        <v>-406986.939166667</v>
      </c>
      <c r="AX62" s="53">
        <v>-406986.939166667</v>
      </c>
      <c r="AY62" s="53">
        <v>-406986.939166667</v>
      </c>
      <c r="AZ62" s="53">
        <v>-406986.939166667</v>
      </c>
      <c r="BA62" s="53">
        <v>-4883843.2699999996</v>
      </c>
    </row>
    <row r="63" spans="1:53">
      <c r="A63" s="52" t="s">
        <v>858</v>
      </c>
      <c r="B63" s="53">
        <v>-312728.38199999998</v>
      </c>
      <c r="C63" s="53">
        <v>-312728.38199999998</v>
      </c>
      <c r="D63" s="53">
        <v>-312728.38199999998</v>
      </c>
      <c r="E63" s="53">
        <v>-312728.38199999998</v>
      </c>
      <c r="F63" s="53">
        <v>-312728.38199999998</v>
      </c>
      <c r="G63" s="53">
        <v>-312728.38199999998</v>
      </c>
      <c r="H63" s="53">
        <v>-312728.38199999998</v>
      </c>
      <c r="I63" s="53">
        <v>-312728.38199999998</v>
      </c>
      <c r="J63" s="53">
        <v>-312728.38199999998</v>
      </c>
      <c r="K63" s="53">
        <v>-312728.38199999998</v>
      </c>
      <c r="L63" s="53">
        <v>-312728.38199999998</v>
      </c>
      <c r="M63" s="53">
        <v>-312728.38199999998</v>
      </c>
      <c r="N63" s="53">
        <v>-3752740.5839999998</v>
      </c>
      <c r="O63" s="53">
        <v>-312728.38199999998</v>
      </c>
      <c r="P63" s="53">
        <v>-312728.38199999998</v>
      </c>
      <c r="Q63" s="53">
        <v>-312728.38199999998</v>
      </c>
      <c r="R63" s="53">
        <v>-312728.38199999998</v>
      </c>
      <c r="S63" s="53">
        <v>-312728.38199999998</v>
      </c>
      <c r="T63" s="53">
        <v>-312728.38199999998</v>
      </c>
      <c r="U63" s="53">
        <v>-312728.38199999998</v>
      </c>
      <c r="V63" s="53">
        <v>-312728.38199999998</v>
      </c>
      <c r="W63" s="53">
        <v>-312728.38199999998</v>
      </c>
      <c r="X63" s="53">
        <v>-312728.38199999998</v>
      </c>
      <c r="Y63" s="53">
        <v>-312728.38199999998</v>
      </c>
      <c r="Z63" s="53">
        <v>-312728.38199999998</v>
      </c>
      <c r="AA63" s="53">
        <v>-3752740.5839999998</v>
      </c>
      <c r="AB63" s="53">
        <v>-312728.38199999998</v>
      </c>
      <c r="AC63" s="53">
        <v>-312728.38199999998</v>
      </c>
      <c r="AD63" s="53">
        <v>-312728.38199999998</v>
      </c>
      <c r="AE63" s="53">
        <v>-312728.38199999998</v>
      </c>
      <c r="AF63" s="53">
        <v>-312728.38199999998</v>
      </c>
      <c r="AG63" s="53">
        <v>-312728.38199999998</v>
      </c>
      <c r="AH63" s="53">
        <v>-312728.38199999998</v>
      </c>
      <c r="AI63" s="53">
        <v>-312728.38199999998</v>
      </c>
      <c r="AJ63" s="53">
        <v>-312728.38199999998</v>
      </c>
      <c r="AK63" s="53">
        <v>-312728.38199999998</v>
      </c>
      <c r="AL63" s="53">
        <v>-312728.38199999998</v>
      </c>
      <c r="AM63" s="53">
        <v>-312728.38199999998</v>
      </c>
      <c r="AN63" s="53">
        <v>-3752740.5839999998</v>
      </c>
      <c r="AO63" s="53">
        <v>-312728.38199999998</v>
      </c>
      <c r="AP63" s="53">
        <v>-312728.38199999998</v>
      </c>
      <c r="AQ63" s="53">
        <v>-312728.38199999998</v>
      </c>
      <c r="AR63" s="53">
        <v>-312728.38199999998</v>
      </c>
      <c r="AS63" s="53">
        <v>-312728.38199999998</v>
      </c>
      <c r="AT63" s="53">
        <v>-312728.38199999998</v>
      </c>
      <c r="AU63" s="53">
        <v>-312728.38199999998</v>
      </c>
      <c r="AV63" s="53">
        <v>-312728.38199999998</v>
      </c>
      <c r="AW63" s="53">
        <v>-312728.38199999998</v>
      </c>
      <c r="AX63" s="53">
        <v>-312728.38199999998</v>
      </c>
      <c r="AY63" s="53">
        <v>-312728.38199999998</v>
      </c>
      <c r="AZ63" s="53">
        <v>-312728.38199999998</v>
      </c>
      <c r="BA63" s="53">
        <v>-3752740.5839999998</v>
      </c>
    </row>
    <row r="64" spans="1:53">
      <c r="A64" s="52" t="s">
        <v>859</v>
      </c>
      <c r="B64" s="53">
        <v>-10547.941999999999</v>
      </c>
      <c r="C64" s="53">
        <v>-10547.941999999999</v>
      </c>
      <c r="D64" s="53">
        <v>-10547.941999999999</v>
      </c>
      <c r="E64" s="53">
        <v>-10547.941999999999</v>
      </c>
      <c r="F64" s="53">
        <v>-10547.941999999999</v>
      </c>
      <c r="G64" s="53">
        <v>-10547.941999999999</v>
      </c>
      <c r="H64" s="53">
        <v>-10547.941999999999</v>
      </c>
      <c r="I64" s="53">
        <v>-10547.941999999999</v>
      </c>
      <c r="J64" s="53">
        <v>-10547.941999999999</v>
      </c>
      <c r="K64" s="53">
        <v>-10547.941999999999</v>
      </c>
      <c r="L64" s="53">
        <v>-10547.941999999999</v>
      </c>
      <c r="M64" s="53">
        <v>-10547.941999999999</v>
      </c>
      <c r="N64" s="53">
        <v>-126575.304</v>
      </c>
      <c r="O64" s="53">
        <v>-10547.941999999999</v>
      </c>
      <c r="P64" s="53">
        <v>-10547.941999999999</v>
      </c>
      <c r="Q64" s="53">
        <v>-10547.941999999999</v>
      </c>
      <c r="R64" s="53">
        <v>-10547.941999999999</v>
      </c>
      <c r="S64" s="53">
        <v>-10547.941999999999</v>
      </c>
      <c r="T64" s="53">
        <v>-10547.941999999999</v>
      </c>
      <c r="U64" s="53">
        <v>-10547.941999999999</v>
      </c>
      <c r="V64" s="53">
        <v>-10547.941999999999</v>
      </c>
      <c r="W64" s="53">
        <v>-10547.941999999999</v>
      </c>
      <c r="X64" s="53">
        <v>-10547.941999999999</v>
      </c>
      <c r="Y64" s="53">
        <v>-10547.941999999999</v>
      </c>
      <c r="Z64" s="53">
        <v>-10547.941999999999</v>
      </c>
      <c r="AA64" s="53">
        <v>-126575.304</v>
      </c>
      <c r="AB64" s="53">
        <v>-10547.941999999999</v>
      </c>
      <c r="AC64" s="53">
        <v>-10547.941999999999</v>
      </c>
      <c r="AD64" s="53">
        <v>-10547.941999999999</v>
      </c>
      <c r="AE64" s="53">
        <v>-10547.941999999999</v>
      </c>
      <c r="AF64" s="53">
        <v>-10547.941999999999</v>
      </c>
      <c r="AG64" s="53">
        <v>-10547.941999999999</v>
      </c>
      <c r="AH64" s="53">
        <v>-10547.941999999999</v>
      </c>
      <c r="AI64" s="53">
        <v>-10547.941999999999</v>
      </c>
      <c r="AJ64" s="53">
        <v>-10547.941999999999</v>
      </c>
      <c r="AK64" s="53">
        <v>-10547.941999999999</v>
      </c>
      <c r="AL64" s="53">
        <v>-10547.941999999999</v>
      </c>
      <c r="AM64" s="53">
        <v>-10547.941999999999</v>
      </c>
      <c r="AN64" s="53">
        <v>-126575.304</v>
      </c>
      <c r="AO64" s="53">
        <v>-10547.941999999999</v>
      </c>
      <c r="AP64" s="53">
        <v>-10547.941999999999</v>
      </c>
      <c r="AQ64" s="53">
        <v>-10547.941999999999</v>
      </c>
      <c r="AR64" s="53">
        <v>-10547.941999999999</v>
      </c>
      <c r="AS64" s="53">
        <v>-10547.941999999999</v>
      </c>
      <c r="AT64" s="53">
        <v>-10547.941999999999</v>
      </c>
      <c r="AU64" s="53">
        <v>-10547.941999999999</v>
      </c>
      <c r="AV64" s="53">
        <v>-10547.941999999999</v>
      </c>
      <c r="AW64" s="53">
        <v>-10547.941999999999</v>
      </c>
      <c r="AX64" s="53">
        <v>-10547.941999999999</v>
      </c>
      <c r="AY64" s="53">
        <v>-10547.941999999999</v>
      </c>
      <c r="AZ64" s="53">
        <v>-10547.941999999999</v>
      </c>
      <c r="BA64" s="53">
        <v>-126575.304</v>
      </c>
    </row>
    <row r="65" spans="1:53">
      <c r="A65" s="52" t="s">
        <v>860</v>
      </c>
      <c r="B65" s="53">
        <v>-22663.815999999999</v>
      </c>
      <c r="C65" s="53">
        <v>-22663.815999999999</v>
      </c>
      <c r="D65" s="53">
        <v>-22663.815999999999</v>
      </c>
      <c r="E65" s="53">
        <v>-22663.815999999999</v>
      </c>
      <c r="F65" s="53">
        <v>-22663.815999999999</v>
      </c>
      <c r="G65" s="53">
        <v>-22663.815999999999</v>
      </c>
      <c r="H65" s="53">
        <v>-22663.815999999999</v>
      </c>
      <c r="I65" s="53">
        <v>-22663.815999999999</v>
      </c>
      <c r="J65" s="53">
        <v>-22663.815999999999</v>
      </c>
      <c r="K65" s="53">
        <v>-22663.815999999999</v>
      </c>
      <c r="L65" s="53">
        <v>-22663.815999999999</v>
      </c>
      <c r="M65" s="53">
        <v>-22663.815999999999</v>
      </c>
      <c r="N65" s="53">
        <v>-271965.79200000002</v>
      </c>
      <c r="O65" s="53">
        <v>-22663.815999999999</v>
      </c>
      <c r="P65" s="53">
        <v>-22663.815999999999</v>
      </c>
      <c r="Q65" s="53">
        <v>-22663.815999999999</v>
      </c>
      <c r="R65" s="53">
        <v>-22663.815999999999</v>
      </c>
      <c r="S65" s="53">
        <v>-22663.815999999999</v>
      </c>
      <c r="T65" s="53">
        <v>-22663.815999999999</v>
      </c>
      <c r="U65" s="53">
        <v>-22663.815999999999</v>
      </c>
      <c r="V65" s="53">
        <v>-22663.815999999999</v>
      </c>
      <c r="W65" s="53">
        <v>-22663.815999999999</v>
      </c>
      <c r="X65" s="53">
        <v>-22663.815999999999</v>
      </c>
      <c r="Y65" s="53">
        <v>-22663.815999999999</v>
      </c>
      <c r="Z65" s="53">
        <v>-22663.815999999999</v>
      </c>
      <c r="AA65" s="53">
        <v>-271965.79200000002</v>
      </c>
      <c r="AB65" s="53">
        <v>-22663.815999999999</v>
      </c>
      <c r="AC65" s="53">
        <v>-22663.815999999999</v>
      </c>
      <c r="AD65" s="53">
        <v>-22663.815999999999</v>
      </c>
      <c r="AE65" s="53">
        <v>-22663.815999999999</v>
      </c>
      <c r="AF65" s="53">
        <v>-22663.815999999999</v>
      </c>
      <c r="AG65" s="53">
        <v>-22663.815999999999</v>
      </c>
      <c r="AH65" s="53">
        <v>-22663.815999999999</v>
      </c>
      <c r="AI65" s="53">
        <v>-22663.815999999999</v>
      </c>
      <c r="AJ65" s="53">
        <v>-22663.815999999999</v>
      </c>
      <c r="AK65" s="53">
        <v>-22663.815999999999</v>
      </c>
      <c r="AL65" s="53">
        <v>-22663.815999999999</v>
      </c>
      <c r="AM65" s="53">
        <v>-22663.815999999999</v>
      </c>
      <c r="AN65" s="53">
        <v>-271965.79200000002</v>
      </c>
      <c r="AO65" s="53">
        <v>-22663.815999999999</v>
      </c>
      <c r="AP65" s="53">
        <v>-22663.815999999999</v>
      </c>
      <c r="AQ65" s="53">
        <v>-22663.815999999999</v>
      </c>
      <c r="AR65" s="53">
        <v>-22663.815999999999</v>
      </c>
      <c r="AS65" s="53">
        <v>-22663.815999999999</v>
      </c>
      <c r="AT65" s="53">
        <v>-22663.815999999999</v>
      </c>
      <c r="AU65" s="53">
        <v>-22663.815999999999</v>
      </c>
      <c r="AV65" s="53">
        <v>-22663.815999999999</v>
      </c>
      <c r="AW65" s="53">
        <v>-22663.815999999999</v>
      </c>
      <c r="AX65" s="53">
        <v>-22663.815999999999</v>
      </c>
      <c r="AY65" s="53">
        <v>-22663.815999999999</v>
      </c>
      <c r="AZ65" s="53">
        <v>-22663.815999999999</v>
      </c>
      <c r="BA65" s="53">
        <v>-271965.79200000002</v>
      </c>
    </row>
    <row r="66" spans="1:53">
      <c r="A66" s="52" t="s">
        <v>861</v>
      </c>
      <c r="B66" s="53">
        <v>0</v>
      </c>
      <c r="C66" s="53">
        <v>0</v>
      </c>
      <c r="D66" s="53">
        <v>0</v>
      </c>
      <c r="E66" s="53">
        <v>0</v>
      </c>
      <c r="F66" s="53">
        <v>0</v>
      </c>
      <c r="G66" s="53">
        <v>0</v>
      </c>
      <c r="H66" s="53">
        <v>0</v>
      </c>
      <c r="I66" s="53">
        <v>0</v>
      </c>
      <c r="J66" s="53">
        <v>0</v>
      </c>
      <c r="K66" s="53">
        <v>0</v>
      </c>
      <c r="L66" s="53">
        <v>0</v>
      </c>
      <c r="M66" s="53">
        <v>0</v>
      </c>
      <c r="N66" s="53">
        <v>0</v>
      </c>
      <c r="O66" s="53">
        <v>0</v>
      </c>
      <c r="P66" s="53">
        <v>0</v>
      </c>
      <c r="Q66" s="53">
        <v>0</v>
      </c>
      <c r="R66" s="53">
        <v>0</v>
      </c>
      <c r="S66" s="53">
        <v>0</v>
      </c>
      <c r="T66" s="53">
        <v>0</v>
      </c>
      <c r="U66" s="53">
        <v>0</v>
      </c>
      <c r="V66" s="53">
        <v>0</v>
      </c>
      <c r="W66" s="53">
        <v>0</v>
      </c>
      <c r="X66" s="53">
        <v>0</v>
      </c>
      <c r="Y66" s="53">
        <v>0</v>
      </c>
      <c r="Z66" s="53">
        <v>0</v>
      </c>
      <c r="AA66" s="53">
        <v>0</v>
      </c>
      <c r="AB66" s="53">
        <v>0</v>
      </c>
      <c r="AC66" s="53">
        <v>0</v>
      </c>
      <c r="AD66" s="53">
        <v>0</v>
      </c>
      <c r="AE66" s="53">
        <v>0</v>
      </c>
      <c r="AF66" s="53">
        <v>0</v>
      </c>
      <c r="AG66" s="53">
        <v>0</v>
      </c>
      <c r="AH66" s="53">
        <v>0</v>
      </c>
      <c r="AI66" s="53">
        <v>0</v>
      </c>
      <c r="AJ66" s="53">
        <v>0</v>
      </c>
      <c r="AK66" s="53">
        <v>0</v>
      </c>
      <c r="AL66" s="53">
        <v>0</v>
      </c>
      <c r="AM66" s="53">
        <v>0</v>
      </c>
      <c r="AN66" s="53">
        <v>0</v>
      </c>
      <c r="AO66" s="53">
        <v>0</v>
      </c>
      <c r="AP66" s="53">
        <v>0</v>
      </c>
      <c r="AQ66" s="53">
        <v>0</v>
      </c>
      <c r="AR66" s="53">
        <v>0</v>
      </c>
      <c r="AS66" s="53">
        <v>0</v>
      </c>
      <c r="AT66" s="53">
        <v>0</v>
      </c>
      <c r="AU66" s="53">
        <v>0</v>
      </c>
      <c r="AV66" s="53">
        <v>0</v>
      </c>
      <c r="AW66" s="53">
        <v>0</v>
      </c>
      <c r="AX66" s="53">
        <v>0</v>
      </c>
      <c r="AY66" s="53">
        <v>0</v>
      </c>
      <c r="AZ66" s="53">
        <v>0</v>
      </c>
      <c r="BA66" s="53">
        <v>0</v>
      </c>
    </row>
    <row r="67" spans="1:53">
      <c r="A67" s="52" t="s">
        <v>862</v>
      </c>
      <c r="B67" s="53">
        <v>0</v>
      </c>
      <c r="C67" s="53">
        <v>0</v>
      </c>
      <c r="D67" s="53">
        <v>0</v>
      </c>
      <c r="E67" s="53">
        <v>0</v>
      </c>
      <c r="F67" s="53">
        <v>0</v>
      </c>
      <c r="G67" s="53">
        <v>0</v>
      </c>
      <c r="H67" s="53">
        <v>0</v>
      </c>
      <c r="I67" s="53">
        <v>0</v>
      </c>
      <c r="J67" s="53">
        <v>0</v>
      </c>
      <c r="K67" s="53">
        <v>0</v>
      </c>
      <c r="L67" s="53">
        <v>0</v>
      </c>
      <c r="M67" s="53">
        <v>0</v>
      </c>
      <c r="N67" s="53">
        <v>0</v>
      </c>
      <c r="O67" s="53">
        <v>0</v>
      </c>
      <c r="P67" s="53">
        <v>0</v>
      </c>
      <c r="Q67" s="53">
        <v>0</v>
      </c>
      <c r="R67" s="53">
        <v>0</v>
      </c>
      <c r="S67" s="53">
        <v>0</v>
      </c>
      <c r="T67" s="53">
        <v>0</v>
      </c>
      <c r="U67" s="53">
        <v>0</v>
      </c>
      <c r="V67" s="53">
        <v>0</v>
      </c>
      <c r="W67" s="53">
        <v>0</v>
      </c>
      <c r="X67" s="53">
        <v>0</v>
      </c>
      <c r="Y67" s="53">
        <v>0</v>
      </c>
      <c r="Z67" s="53">
        <v>0</v>
      </c>
      <c r="AA67" s="53">
        <v>0</v>
      </c>
      <c r="AB67" s="53">
        <v>0</v>
      </c>
      <c r="AC67" s="53">
        <v>0</v>
      </c>
      <c r="AD67" s="53">
        <v>0</v>
      </c>
      <c r="AE67" s="53">
        <v>0</v>
      </c>
      <c r="AF67" s="53">
        <v>0</v>
      </c>
      <c r="AG67" s="53">
        <v>0</v>
      </c>
      <c r="AH67" s="53">
        <v>0</v>
      </c>
      <c r="AI67" s="53">
        <v>0</v>
      </c>
      <c r="AJ67" s="53">
        <v>0</v>
      </c>
      <c r="AK67" s="53">
        <v>0</v>
      </c>
      <c r="AL67" s="53">
        <v>0</v>
      </c>
      <c r="AM67" s="53">
        <v>0</v>
      </c>
      <c r="AN67" s="53">
        <v>0</v>
      </c>
      <c r="AO67" s="53">
        <v>0</v>
      </c>
      <c r="AP67" s="53">
        <v>0</v>
      </c>
      <c r="AQ67" s="53">
        <v>0</v>
      </c>
      <c r="AR67" s="53">
        <v>0</v>
      </c>
      <c r="AS67" s="53">
        <v>0</v>
      </c>
      <c r="AT67" s="53">
        <v>0</v>
      </c>
      <c r="AU67" s="53">
        <v>0</v>
      </c>
      <c r="AV67" s="53">
        <v>0</v>
      </c>
      <c r="AW67" s="53">
        <v>0</v>
      </c>
      <c r="AX67" s="53">
        <v>0</v>
      </c>
      <c r="AY67" s="53">
        <v>0</v>
      </c>
      <c r="AZ67" s="53">
        <v>0</v>
      </c>
      <c r="BA67" s="53">
        <v>0</v>
      </c>
    </row>
    <row r="68" spans="1:53">
      <c r="A68" s="52" t="s">
        <v>863</v>
      </c>
      <c r="B68" s="53">
        <v>0</v>
      </c>
      <c r="C68" s="53">
        <v>0</v>
      </c>
      <c r="D68" s="53">
        <v>0</v>
      </c>
      <c r="E68" s="53">
        <v>0</v>
      </c>
      <c r="F68" s="53">
        <v>0</v>
      </c>
      <c r="G68" s="53">
        <v>0</v>
      </c>
      <c r="H68" s="53">
        <v>0</v>
      </c>
      <c r="I68" s="53">
        <v>0</v>
      </c>
      <c r="J68" s="53">
        <v>0</v>
      </c>
      <c r="K68" s="53">
        <v>0</v>
      </c>
      <c r="L68" s="53">
        <v>0</v>
      </c>
      <c r="M68" s="53">
        <v>0</v>
      </c>
      <c r="N68" s="53">
        <v>0</v>
      </c>
      <c r="O68" s="53">
        <v>0</v>
      </c>
      <c r="P68" s="53">
        <v>0</v>
      </c>
      <c r="Q68" s="53">
        <v>0</v>
      </c>
      <c r="R68" s="53">
        <v>0</v>
      </c>
      <c r="S68" s="53">
        <v>0</v>
      </c>
      <c r="T68" s="53">
        <v>0</v>
      </c>
      <c r="U68" s="53">
        <v>0</v>
      </c>
      <c r="V68" s="53">
        <v>0</v>
      </c>
      <c r="W68" s="53">
        <v>0</v>
      </c>
      <c r="X68" s="53">
        <v>0</v>
      </c>
      <c r="Y68" s="53">
        <v>0</v>
      </c>
      <c r="Z68" s="53">
        <v>0</v>
      </c>
      <c r="AA68" s="53">
        <v>0</v>
      </c>
      <c r="AB68" s="53">
        <v>0</v>
      </c>
      <c r="AC68" s="53">
        <v>0</v>
      </c>
      <c r="AD68" s="53">
        <v>0</v>
      </c>
      <c r="AE68" s="53">
        <v>0</v>
      </c>
      <c r="AF68" s="53">
        <v>0</v>
      </c>
      <c r="AG68" s="53">
        <v>0</v>
      </c>
      <c r="AH68" s="53">
        <v>0</v>
      </c>
      <c r="AI68" s="53">
        <v>0</v>
      </c>
      <c r="AJ68" s="53">
        <v>0</v>
      </c>
      <c r="AK68" s="53">
        <v>0</v>
      </c>
      <c r="AL68" s="53">
        <v>0</v>
      </c>
      <c r="AM68" s="53">
        <v>0</v>
      </c>
      <c r="AN68" s="53">
        <v>0</v>
      </c>
      <c r="AO68" s="53">
        <v>0</v>
      </c>
      <c r="AP68" s="53">
        <v>0</v>
      </c>
      <c r="AQ68" s="53">
        <v>0</v>
      </c>
      <c r="AR68" s="53">
        <v>0</v>
      </c>
      <c r="AS68" s="53">
        <v>0</v>
      </c>
      <c r="AT68" s="53">
        <v>0</v>
      </c>
      <c r="AU68" s="53">
        <v>0</v>
      </c>
      <c r="AV68" s="53">
        <v>0</v>
      </c>
      <c r="AW68" s="53">
        <v>0</v>
      </c>
      <c r="AX68" s="53">
        <v>0</v>
      </c>
      <c r="AY68" s="53">
        <v>0</v>
      </c>
      <c r="AZ68" s="53">
        <v>0</v>
      </c>
      <c r="BA68" s="53">
        <v>0</v>
      </c>
    </row>
    <row r="69" spans="1:53">
      <c r="A69" s="52" t="s">
        <v>864</v>
      </c>
      <c r="B69" s="53">
        <v>0</v>
      </c>
      <c r="C69" s="53">
        <v>0</v>
      </c>
      <c r="D69" s="53">
        <v>0</v>
      </c>
      <c r="E69" s="53">
        <v>0</v>
      </c>
      <c r="F69" s="53">
        <v>0</v>
      </c>
      <c r="G69" s="53">
        <v>0</v>
      </c>
      <c r="H69" s="53">
        <v>0</v>
      </c>
      <c r="I69" s="53">
        <v>0</v>
      </c>
      <c r="J69" s="53">
        <v>0</v>
      </c>
      <c r="K69" s="53">
        <v>0</v>
      </c>
      <c r="L69" s="53">
        <v>0</v>
      </c>
      <c r="M69" s="53">
        <v>0</v>
      </c>
      <c r="N69" s="53">
        <v>0</v>
      </c>
      <c r="O69" s="53">
        <v>0</v>
      </c>
      <c r="P69" s="53">
        <v>0</v>
      </c>
      <c r="Q69" s="53">
        <v>0</v>
      </c>
      <c r="R69" s="53">
        <v>0</v>
      </c>
      <c r="S69" s="53">
        <v>0</v>
      </c>
      <c r="T69" s="53">
        <v>0</v>
      </c>
      <c r="U69" s="53">
        <v>0</v>
      </c>
      <c r="V69" s="53">
        <v>0</v>
      </c>
      <c r="W69" s="53">
        <v>0</v>
      </c>
      <c r="X69" s="53">
        <v>0</v>
      </c>
      <c r="Y69" s="53">
        <v>0</v>
      </c>
      <c r="Z69" s="53">
        <v>0</v>
      </c>
      <c r="AA69" s="53">
        <v>0</v>
      </c>
      <c r="AB69" s="53">
        <v>0</v>
      </c>
      <c r="AC69" s="53">
        <v>0</v>
      </c>
      <c r="AD69" s="53">
        <v>0</v>
      </c>
      <c r="AE69" s="53">
        <v>0</v>
      </c>
      <c r="AF69" s="53">
        <v>0</v>
      </c>
      <c r="AG69" s="53">
        <v>0</v>
      </c>
      <c r="AH69" s="53">
        <v>0</v>
      </c>
      <c r="AI69" s="53">
        <v>0</v>
      </c>
      <c r="AJ69" s="53">
        <v>0</v>
      </c>
      <c r="AK69" s="53">
        <v>0</v>
      </c>
      <c r="AL69" s="53">
        <v>0</v>
      </c>
      <c r="AM69" s="53">
        <v>0</v>
      </c>
      <c r="AN69" s="53">
        <v>0</v>
      </c>
      <c r="AO69" s="53">
        <v>0</v>
      </c>
      <c r="AP69" s="53">
        <v>0</v>
      </c>
      <c r="AQ69" s="53">
        <v>0</v>
      </c>
      <c r="AR69" s="53">
        <v>0</v>
      </c>
      <c r="AS69" s="53">
        <v>0</v>
      </c>
      <c r="AT69" s="53">
        <v>0</v>
      </c>
      <c r="AU69" s="53">
        <v>0</v>
      </c>
      <c r="AV69" s="53">
        <v>0</v>
      </c>
      <c r="AW69" s="53">
        <v>0</v>
      </c>
      <c r="AX69" s="53">
        <v>0</v>
      </c>
      <c r="AY69" s="53">
        <v>0</v>
      </c>
      <c r="AZ69" s="53">
        <v>0</v>
      </c>
      <c r="BA69" s="53">
        <v>0</v>
      </c>
    </row>
    <row r="70" spans="1:53">
      <c r="A70" s="52" t="s">
        <v>865</v>
      </c>
      <c r="B70" s="53">
        <v>0</v>
      </c>
      <c r="C70" s="53">
        <v>0</v>
      </c>
      <c r="D70" s="53">
        <v>0</v>
      </c>
      <c r="E70" s="53">
        <v>0</v>
      </c>
      <c r="F70" s="53">
        <v>0</v>
      </c>
      <c r="G70" s="53">
        <v>0</v>
      </c>
      <c r="H70" s="53">
        <v>0</v>
      </c>
      <c r="I70" s="53">
        <v>0</v>
      </c>
      <c r="J70" s="53">
        <v>0</v>
      </c>
      <c r="K70" s="53">
        <v>0</v>
      </c>
      <c r="L70" s="53">
        <v>0</v>
      </c>
      <c r="M70" s="53">
        <v>0</v>
      </c>
      <c r="N70" s="53">
        <v>0</v>
      </c>
      <c r="O70" s="53">
        <v>0</v>
      </c>
      <c r="P70" s="53">
        <v>0</v>
      </c>
      <c r="Q70" s="53">
        <v>0</v>
      </c>
      <c r="R70" s="53">
        <v>0</v>
      </c>
      <c r="S70" s="53">
        <v>0</v>
      </c>
      <c r="T70" s="53">
        <v>0</v>
      </c>
      <c r="U70" s="53">
        <v>0</v>
      </c>
      <c r="V70" s="53">
        <v>0</v>
      </c>
      <c r="W70" s="53">
        <v>0</v>
      </c>
      <c r="X70" s="53">
        <v>0</v>
      </c>
      <c r="Y70" s="53">
        <v>0</v>
      </c>
      <c r="Z70" s="53">
        <v>0</v>
      </c>
      <c r="AA70" s="53">
        <v>0</v>
      </c>
      <c r="AB70" s="53">
        <v>0</v>
      </c>
      <c r="AC70" s="53">
        <v>0</v>
      </c>
      <c r="AD70" s="53">
        <v>0</v>
      </c>
      <c r="AE70" s="53">
        <v>0</v>
      </c>
      <c r="AF70" s="53">
        <v>0</v>
      </c>
      <c r="AG70" s="53">
        <v>0</v>
      </c>
      <c r="AH70" s="53">
        <v>0</v>
      </c>
      <c r="AI70" s="53">
        <v>0</v>
      </c>
      <c r="AJ70" s="53">
        <v>0</v>
      </c>
      <c r="AK70" s="53">
        <v>0</v>
      </c>
      <c r="AL70" s="53">
        <v>0</v>
      </c>
      <c r="AM70" s="53">
        <v>0</v>
      </c>
      <c r="AN70" s="53">
        <v>0</v>
      </c>
      <c r="AO70" s="53">
        <v>0</v>
      </c>
      <c r="AP70" s="53">
        <v>0</v>
      </c>
      <c r="AQ70" s="53">
        <v>0</v>
      </c>
      <c r="AR70" s="53">
        <v>0</v>
      </c>
      <c r="AS70" s="53">
        <v>0</v>
      </c>
      <c r="AT70" s="53">
        <v>0</v>
      </c>
      <c r="AU70" s="53">
        <v>0</v>
      </c>
      <c r="AV70" s="53">
        <v>0</v>
      </c>
      <c r="AW70" s="53">
        <v>0</v>
      </c>
      <c r="AX70" s="53">
        <v>0</v>
      </c>
      <c r="AY70" s="53">
        <v>0</v>
      </c>
      <c r="AZ70" s="53">
        <v>0</v>
      </c>
      <c r="BA70" s="53">
        <v>0</v>
      </c>
    </row>
    <row r="71" spans="1:53">
      <c r="A71" s="52" t="s">
        <v>866</v>
      </c>
      <c r="B71" s="53">
        <v>0</v>
      </c>
      <c r="C71" s="53">
        <v>0</v>
      </c>
      <c r="D71" s="53">
        <v>0</v>
      </c>
      <c r="E71" s="53">
        <v>0</v>
      </c>
      <c r="F71" s="53">
        <v>0</v>
      </c>
      <c r="G71" s="53">
        <v>0</v>
      </c>
      <c r="H71" s="53">
        <v>0</v>
      </c>
      <c r="I71" s="53">
        <v>0</v>
      </c>
      <c r="J71" s="53">
        <v>0</v>
      </c>
      <c r="K71" s="53">
        <v>0</v>
      </c>
      <c r="L71" s="53">
        <v>0</v>
      </c>
      <c r="M71" s="53">
        <v>0</v>
      </c>
      <c r="N71" s="53">
        <v>0</v>
      </c>
      <c r="O71" s="53">
        <v>0</v>
      </c>
      <c r="P71" s="53">
        <v>0</v>
      </c>
      <c r="Q71" s="53">
        <v>0</v>
      </c>
      <c r="R71" s="53">
        <v>0</v>
      </c>
      <c r="S71" s="53">
        <v>0</v>
      </c>
      <c r="T71" s="53">
        <v>0</v>
      </c>
      <c r="U71" s="53">
        <v>0</v>
      </c>
      <c r="V71" s="53">
        <v>0</v>
      </c>
      <c r="W71" s="53">
        <v>0</v>
      </c>
      <c r="X71" s="53">
        <v>0</v>
      </c>
      <c r="Y71" s="53">
        <v>0</v>
      </c>
      <c r="Z71" s="53">
        <v>0</v>
      </c>
      <c r="AA71" s="53">
        <v>0</v>
      </c>
      <c r="AB71" s="53">
        <v>0</v>
      </c>
      <c r="AC71" s="53">
        <v>0</v>
      </c>
      <c r="AD71" s="53">
        <v>0</v>
      </c>
      <c r="AE71" s="53">
        <v>0</v>
      </c>
      <c r="AF71" s="53">
        <v>0</v>
      </c>
      <c r="AG71" s="53">
        <v>0</v>
      </c>
      <c r="AH71" s="53">
        <v>0</v>
      </c>
      <c r="AI71" s="53">
        <v>0</v>
      </c>
      <c r="AJ71" s="53">
        <v>0</v>
      </c>
      <c r="AK71" s="53">
        <v>0</v>
      </c>
      <c r="AL71" s="53">
        <v>0</v>
      </c>
      <c r="AM71" s="53">
        <v>0</v>
      </c>
      <c r="AN71" s="53">
        <v>0</v>
      </c>
      <c r="AO71" s="53">
        <v>0</v>
      </c>
      <c r="AP71" s="53">
        <v>0</v>
      </c>
      <c r="AQ71" s="53">
        <v>0</v>
      </c>
      <c r="AR71" s="53">
        <v>0</v>
      </c>
      <c r="AS71" s="53">
        <v>0</v>
      </c>
      <c r="AT71" s="53">
        <v>0</v>
      </c>
      <c r="AU71" s="53">
        <v>0</v>
      </c>
      <c r="AV71" s="53">
        <v>0</v>
      </c>
      <c r="AW71" s="53">
        <v>0</v>
      </c>
      <c r="AX71" s="53">
        <v>0</v>
      </c>
      <c r="AY71" s="53">
        <v>0</v>
      </c>
      <c r="AZ71" s="53">
        <v>0</v>
      </c>
      <c r="BA71" s="53">
        <v>0</v>
      </c>
    </row>
    <row r="72" spans="1:53">
      <c r="A72" s="52" t="s">
        <v>867</v>
      </c>
      <c r="B72" s="53">
        <v>0</v>
      </c>
      <c r="C72" s="53">
        <v>0</v>
      </c>
      <c r="D72" s="53">
        <v>0</v>
      </c>
      <c r="E72" s="53">
        <v>0</v>
      </c>
      <c r="F72" s="53">
        <v>0</v>
      </c>
      <c r="G72" s="53">
        <v>0</v>
      </c>
      <c r="H72" s="53">
        <v>0</v>
      </c>
      <c r="I72" s="53">
        <v>0</v>
      </c>
      <c r="J72" s="53">
        <v>0</v>
      </c>
      <c r="K72" s="53">
        <v>0</v>
      </c>
      <c r="L72" s="53">
        <v>0</v>
      </c>
      <c r="M72" s="53">
        <v>0</v>
      </c>
      <c r="N72" s="53">
        <v>0</v>
      </c>
      <c r="O72" s="53">
        <v>0</v>
      </c>
      <c r="P72" s="53">
        <v>0</v>
      </c>
      <c r="Q72" s="53">
        <v>0</v>
      </c>
      <c r="R72" s="53">
        <v>0</v>
      </c>
      <c r="S72" s="53">
        <v>0</v>
      </c>
      <c r="T72" s="53">
        <v>0</v>
      </c>
      <c r="U72" s="53">
        <v>0</v>
      </c>
      <c r="V72" s="53">
        <v>0</v>
      </c>
      <c r="W72" s="53">
        <v>0</v>
      </c>
      <c r="X72" s="53">
        <v>0</v>
      </c>
      <c r="Y72" s="53">
        <v>0</v>
      </c>
      <c r="Z72" s="53">
        <v>0</v>
      </c>
      <c r="AA72" s="53">
        <v>0</v>
      </c>
      <c r="AB72" s="53">
        <v>0</v>
      </c>
      <c r="AC72" s="53">
        <v>0</v>
      </c>
      <c r="AD72" s="53">
        <v>0</v>
      </c>
      <c r="AE72" s="53">
        <v>0</v>
      </c>
      <c r="AF72" s="53">
        <v>0</v>
      </c>
      <c r="AG72" s="53">
        <v>0</v>
      </c>
      <c r="AH72" s="53">
        <v>0</v>
      </c>
      <c r="AI72" s="53">
        <v>0</v>
      </c>
      <c r="AJ72" s="53">
        <v>0</v>
      </c>
      <c r="AK72" s="53">
        <v>0</v>
      </c>
      <c r="AL72" s="53">
        <v>0</v>
      </c>
      <c r="AM72" s="53">
        <v>0</v>
      </c>
      <c r="AN72" s="53">
        <v>0</v>
      </c>
      <c r="AO72" s="53">
        <v>0</v>
      </c>
      <c r="AP72" s="53">
        <v>0</v>
      </c>
      <c r="AQ72" s="53">
        <v>0</v>
      </c>
      <c r="AR72" s="53">
        <v>0</v>
      </c>
      <c r="AS72" s="53">
        <v>0</v>
      </c>
      <c r="AT72" s="53">
        <v>0</v>
      </c>
      <c r="AU72" s="53">
        <v>0</v>
      </c>
      <c r="AV72" s="53">
        <v>0</v>
      </c>
      <c r="AW72" s="53">
        <v>0</v>
      </c>
      <c r="AX72" s="53">
        <v>0</v>
      </c>
      <c r="AY72" s="53">
        <v>0</v>
      </c>
      <c r="AZ72" s="53">
        <v>0</v>
      </c>
      <c r="BA72" s="53">
        <v>0</v>
      </c>
    </row>
    <row r="73" spans="1:53">
      <c r="A73" s="52" t="s">
        <v>868</v>
      </c>
      <c r="B73" s="53">
        <v>-28570176.526959099</v>
      </c>
      <c r="C73" s="53">
        <v>-26296854.453512099</v>
      </c>
      <c r="D73" s="53">
        <v>-24107987.263900802</v>
      </c>
      <c r="E73" s="53">
        <v>-25481441.479397502</v>
      </c>
      <c r="F73" s="53">
        <v>-26406078.860950101</v>
      </c>
      <c r="G73" s="53">
        <v>-28455193.425459702</v>
      </c>
      <c r="H73" s="53">
        <v>-28811578.1332753</v>
      </c>
      <c r="I73" s="53">
        <v>-28854889.483031102</v>
      </c>
      <c r="J73" s="53">
        <v>-28042526.162112299</v>
      </c>
      <c r="K73" s="53">
        <v>-28956800.5718573</v>
      </c>
      <c r="L73" s="53">
        <v>-25061958.213206299</v>
      </c>
      <c r="M73" s="53">
        <v>-26218370.744007699</v>
      </c>
      <c r="N73" s="53">
        <v>-325263855.31766897</v>
      </c>
      <c r="O73" s="53">
        <v>-30331827.3694111</v>
      </c>
      <c r="P73" s="53">
        <v>-27880390.2109726</v>
      </c>
      <c r="Q73" s="53">
        <v>-25421450.470157601</v>
      </c>
      <c r="R73" s="53">
        <v>-26926879.878911499</v>
      </c>
      <c r="S73" s="53">
        <v>-28018150.568783801</v>
      </c>
      <c r="T73" s="53">
        <v>-29846877.9025518</v>
      </c>
      <c r="U73" s="53">
        <v>-30202948.777401399</v>
      </c>
      <c r="V73" s="53">
        <v>-30286968.598304398</v>
      </c>
      <c r="W73" s="53">
        <v>-29402663.3878574</v>
      </c>
      <c r="X73" s="53">
        <v>-30209612.832837</v>
      </c>
      <c r="Y73" s="53">
        <v>-26309043.831955399</v>
      </c>
      <c r="Z73" s="53">
        <v>-27597636.069370199</v>
      </c>
      <c r="AA73" s="53">
        <v>-342434449.89851397</v>
      </c>
      <c r="AB73" s="53">
        <v>-32057339.153241701</v>
      </c>
      <c r="AC73" s="53">
        <v>-29410067.427935299</v>
      </c>
      <c r="AD73" s="53">
        <v>-26738583.675866298</v>
      </c>
      <c r="AE73" s="53">
        <v>-28311779.369720701</v>
      </c>
      <c r="AF73" s="53">
        <v>-29539600.974327601</v>
      </c>
      <c r="AG73" s="53">
        <v>-32219411.1812017</v>
      </c>
      <c r="AH73" s="53">
        <v>-32561948.606971499</v>
      </c>
      <c r="AI73" s="53">
        <v>-32738817.696596898</v>
      </c>
      <c r="AJ73" s="53">
        <v>-31738652.988735899</v>
      </c>
      <c r="AK73" s="53">
        <v>-32416738.011700701</v>
      </c>
      <c r="AL73" s="53">
        <v>-28254304.088636599</v>
      </c>
      <c r="AM73" s="53">
        <v>-29717892.800097398</v>
      </c>
      <c r="AN73" s="53">
        <v>-365705135.97503299</v>
      </c>
      <c r="AO73" s="53">
        <v>-34707208.578350998</v>
      </c>
      <c r="AP73" s="53">
        <v>-31793423.5421867</v>
      </c>
      <c r="AQ73" s="53">
        <v>-28764774.028881699</v>
      </c>
      <c r="AR73" s="53">
        <v>-30486182.848064199</v>
      </c>
      <c r="AS73" s="53">
        <v>-31932534.980113398</v>
      </c>
      <c r="AT73" s="53">
        <v>-32650973.4096785</v>
      </c>
      <c r="AU73" s="53">
        <v>-32993196.693343401</v>
      </c>
      <c r="AV73" s="53">
        <v>-33180952.3907267</v>
      </c>
      <c r="AW73" s="53">
        <v>-32170211.625528499</v>
      </c>
      <c r="AX73" s="53">
        <v>-32857991.0915212</v>
      </c>
      <c r="AY73" s="53">
        <v>-28690518.3383408</v>
      </c>
      <c r="AZ73" s="53">
        <v>-30155952.1948887</v>
      </c>
      <c r="BA73" s="53">
        <v>-380383919.72162497</v>
      </c>
    </row>
    <row r="74" spans="1:53">
      <c r="A74" s="232" t="s">
        <v>869</v>
      </c>
      <c r="B74" s="53">
        <v>-718828979.91008997</v>
      </c>
      <c r="C74" s="53">
        <v>-490138942.92889601</v>
      </c>
      <c r="D74" s="53">
        <v>-493776242.45939898</v>
      </c>
      <c r="E74" s="53">
        <v>-490279546.567873</v>
      </c>
      <c r="F74" s="53">
        <v>-585214891.87511802</v>
      </c>
      <c r="G74" s="53">
        <v>-628020268.60518301</v>
      </c>
      <c r="H74" s="53">
        <v>-658481899.94852805</v>
      </c>
      <c r="I74" s="53">
        <v>-809769086.35253704</v>
      </c>
      <c r="J74" s="53">
        <v>-613572876.27386105</v>
      </c>
      <c r="K74" s="53">
        <v>-540015025.66034901</v>
      </c>
      <c r="L74" s="53">
        <v>-435631647.55466199</v>
      </c>
      <c r="M74" s="53">
        <v>-481070068.74485803</v>
      </c>
      <c r="N74" s="53">
        <v>-6944799476.8813496</v>
      </c>
      <c r="O74" s="53">
        <v>-588205933.83605099</v>
      </c>
      <c r="P74" s="53">
        <v>-382709962.27358103</v>
      </c>
      <c r="Q74" s="53">
        <v>-390223576.05418801</v>
      </c>
      <c r="R74" s="53">
        <v>-419278552.79669797</v>
      </c>
      <c r="S74" s="53">
        <v>-501448382.20344001</v>
      </c>
      <c r="T74" s="53">
        <v>-537955653.37912595</v>
      </c>
      <c r="U74" s="53">
        <v>-565214945.36993003</v>
      </c>
      <c r="V74" s="53">
        <v>-693256018.05613804</v>
      </c>
      <c r="W74" s="53">
        <v>-527603770.04602301</v>
      </c>
      <c r="X74" s="53">
        <v>-461920039.328596</v>
      </c>
      <c r="Y74" s="53">
        <v>-374664034.27277398</v>
      </c>
      <c r="Z74" s="53">
        <v>-415404822.32407701</v>
      </c>
      <c r="AA74" s="53">
        <v>-5857885689.9406204</v>
      </c>
      <c r="AB74" s="53">
        <v>-583735385.169155</v>
      </c>
      <c r="AC74" s="53">
        <v>-381071956.89830399</v>
      </c>
      <c r="AD74" s="53">
        <v>-386190258.158548</v>
      </c>
      <c r="AE74" s="53">
        <v>-414924345.24773997</v>
      </c>
      <c r="AF74" s="53">
        <v>-496907345.48866898</v>
      </c>
      <c r="AG74" s="53">
        <v>-536509018.76753598</v>
      </c>
      <c r="AH74" s="53">
        <v>-563444868.27721703</v>
      </c>
      <c r="AI74" s="53">
        <v>-690195195.22140396</v>
      </c>
      <c r="AJ74" s="53">
        <v>-526191604.242809</v>
      </c>
      <c r="AK74" s="53">
        <v>-461755111.76084602</v>
      </c>
      <c r="AL74" s="53">
        <v>-372788469.27612501</v>
      </c>
      <c r="AM74" s="53">
        <v>-414464033.63730103</v>
      </c>
      <c r="AN74" s="53">
        <v>-5828177592.1456604</v>
      </c>
      <c r="AO74" s="53">
        <v>-582730990.18171704</v>
      </c>
      <c r="AP74" s="53">
        <v>-380600440.44946301</v>
      </c>
      <c r="AQ74" s="53">
        <v>-384328683.11050498</v>
      </c>
      <c r="AR74" s="53">
        <v>-413024492.20537603</v>
      </c>
      <c r="AS74" s="53">
        <v>-496270937.17893398</v>
      </c>
      <c r="AT74" s="53">
        <v>-535264844.85151201</v>
      </c>
      <c r="AU74" s="53">
        <v>-562472281.46399498</v>
      </c>
      <c r="AV74" s="53">
        <v>-688695503.86741197</v>
      </c>
      <c r="AW74" s="53">
        <v>-525971203.55312902</v>
      </c>
      <c r="AX74" s="53">
        <v>-461575668.13391</v>
      </c>
      <c r="AY74" s="53">
        <v>-373045473.81655103</v>
      </c>
      <c r="AZ74" s="53">
        <v>-415035219.861866</v>
      </c>
      <c r="BA74" s="53">
        <v>-5819015738.6743698</v>
      </c>
    </row>
    <row r="75" spans="1:53">
      <c r="A75" s="52" t="s">
        <v>870</v>
      </c>
      <c r="B75" s="53"/>
      <c r="C75" s="53"/>
      <c r="D75" s="53"/>
      <c r="E75" s="53"/>
      <c r="F75" s="53"/>
      <c r="G75" s="53"/>
      <c r="H75" s="53"/>
      <c r="I75" s="53"/>
      <c r="J75" s="53"/>
      <c r="K75" s="53"/>
      <c r="L75" s="53"/>
      <c r="M75" s="53"/>
      <c r="N75" s="53"/>
      <c r="O75" s="53"/>
      <c r="P75" s="53"/>
      <c r="Q75" s="53"/>
      <c r="R75" s="53"/>
      <c r="S75" s="53"/>
      <c r="T75" s="53"/>
      <c r="U75" s="53"/>
      <c r="V75" s="53"/>
      <c r="W75" s="53"/>
      <c r="X75" s="53"/>
      <c r="Y75" s="53"/>
      <c r="Z75" s="53"/>
      <c r="AA75" s="53"/>
      <c r="AB75" s="53"/>
      <c r="AC75" s="53"/>
      <c r="AD75" s="53"/>
      <c r="AE75" s="53"/>
      <c r="AF75" s="53"/>
      <c r="AG75" s="53"/>
      <c r="AH75" s="53"/>
      <c r="AI75" s="53"/>
      <c r="AJ75" s="53"/>
      <c r="AK75" s="53"/>
      <c r="AL75" s="53"/>
      <c r="AM75" s="53"/>
      <c r="AN75" s="53"/>
      <c r="AO75" s="53"/>
      <c r="AP75" s="53"/>
      <c r="AQ75" s="53"/>
      <c r="AR75" s="53"/>
      <c r="AS75" s="53"/>
      <c r="AT75" s="53"/>
      <c r="AU75" s="53"/>
      <c r="AV75" s="53"/>
      <c r="AW75" s="53"/>
      <c r="AX75" s="53"/>
      <c r="AY75" s="53"/>
      <c r="AZ75" s="53"/>
      <c r="BA75" s="53"/>
    </row>
    <row r="76" spans="1:53" ht="10.8" thickBot="1">
      <c r="A76" s="230" t="s">
        <v>871</v>
      </c>
      <c r="B76" s="53"/>
      <c r="C76" s="53"/>
      <c r="D76" s="53"/>
      <c r="E76" s="53"/>
      <c r="F76" s="53"/>
      <c r="G76" s="53"/>
      <c r="H76" s="53"/>
      <c r="I76" s="53"/>
      <c r="J76" s="53"/>
      <c r="K76" s="53"/>
      <c r="L76" s="53"/>
      <c r="M76" s="53"/>
      <c r="N76" s="53"/>
      <c r="O76" s="53"/>
      <c r="P76" s="53"/>
      <c r="Q76" s="53"/>
      <c r="R76" s="53"/>
      <c r="S76" s="53"/>
      <c r="T76" s="53"/>
      <c r="U76" s="53"/>
      <c r="V76" s="53"/>
      <c r="W76" s="53"/>
      <c r="X76" s="53"/>
      <c r="Y76" s="53"/>
      <c r="Z76" s="53"/>
      <c r="AA76" s="53"/>
      <c r="AB76" s="53"/>
      <c r="AC76" s="53"/>
      <c r="AD76" s="53"/>
      <c r="AE76" s="53"/>
      <c r="AF76" s="53"/>
      <c r="AG76" s="53"/>
      <c r="AH76" s="53"/>
      <c r="AI76" s="53"/>
      <c r="AJ76" s="53"/>
      <c r="AK76" s="53"/>
      <c r="AL76" s="53"/>
      <c r="AM76" s="53"/>
      <c r="AN76" s="53"/>
      <c r="AO76" s="53"/>
      <c r="AP76" s="53"/>
      <c r="AQ76" s="53"/>
      <c r="AR76" s="53"/>
      <c r="AS76" s="53"/>
      <c r="AT76" s="53"/>
      <c r="AU76" s="53"/>
      <c r="AV76" s="53"/>
      <c r="AW76" s="53"/>
      <c r="AX76" s="53"/>
      <c r="AY76" s="53"/>
      <c r="AZ76" s="53"/>
      <c r="BA76" s="53"/>
    </row>
    <row r="77" spans="1:53" ht="10.8" thickBot="1">
      <c r="A77" s="233" t="s">
        <v>872</v>
      </c>
      <c r="B77" s="53"/>
      <c r="C77" s="53"/>
      <c r="D77" s="53"/>
      <c r="E77" s="53"/>
      <c r="F77" s="53"/>
      <c r="G77" s="53"/>
      <c r="H77" s="53"/>
      <c r="I77" s="53"/>
      <c r="J77" s="53"/>
      <c r="K77" s="53"/>
      <c r="L77" s="53"/>
      <c r="M77" s="53"/>
      <c r="N77" s="53"/>
      <c r="O77" s="53"/>
      <c r="P77" s="53"/>
      <c r="Q77" s="53"/>
      <c r="R77" s="53"/>
      <c r="S77" s="53"/>
      <c r="T77" s="53"/>
      <c r="U77" s="53"/>
      <c r="V77" s="53"/>
      <c r="W77" s="53"/>
      <c r="X77" s="53"/>
      <c r="Y77" s="53"/>
      <c r="Z77" s="53"/>
      <c r="AA77" s="53"/>
      <c r="AB77" s="53"/>
      <c r="AC77" s="53"/>
      <c r="AD77" s="53"/>
      <c r="AE77" s="53"/>
      <c r="AF77" s="53"/>
      <c r="AG77" s="53"/>
      <c r="AH77" s="53"/>
      <c r="AI77" s="53"/>
      <c r="AJ77" s="53"/>
      <c r="AK77" s="53"/>
      <c r="AL77" s="53"/>
      <c r="AM77" s="53"/>
      <c r="AN77" s="53"/>
      <c r="AO77" s="53"/>
      <c r="AP77" s="53"/>
      <c r="AQ77" s="53"/>
      <c r="AR77" s="53"/>
      <c r="AS77" s="53"/>
      <c r="AT77" s="53"/>
      <c r="AU77" s="53"/>
      <c r="AV77" s="53"/>
      <c r="AW77" s="53"/>
      <c r="AX77" s="53"/>
      <c r="AY77" s="53"/>
      <c r="AZ77" s="53"/>
      <c r="BA77" s="53"/>
    </row>
    <row r="78" spans="1:53">
      <c r="A78" s="231" t="s">
        <v>873</v>
      </c>
      <c r="B78" s="53"/>
      <c r="C78" s="53"/>
      <c r="D78" s="53"/>
      <c r="E78" s="53"/>
      <c r="F78" s="53"/>
      <c r="G78" s="53"/>
      <c r="H78" s="53"/>
      <c r="I78" s="53"/>
      <c r="J78" s="53"/>
      <c r="K78" s="53"/>
      <c r="L78" s="53"/>
      <c r="M78" s="53"/>
      <c r="N78" s="53"/>
      <c r="O78" s="53"/>
      <c r="P78" s="53"/>
      <c r="Q78" s="53"/>
      <c r="R78" s="53"/>
      <c r="S78" s="53"/>
      <c r="T78" s="53"/>
      <c r="U78" s="53"/>
      <c r="V78" s="53"/>
      <c r="W78" s="53"/>
      <c r="X78" s="53"/>
      <c r="Y78" s="53"/>
      <c r="Z78" s="53"/>
      <c r="AA78" s="53"/>
      <c r="AB78" s="53"/>
      <c r="AC78" s="53"/>
      <c r="AD78" s="53"/>
      <c r="AE78" s="53"/>
      <c r="AF78" s="53"/>
      <c r="AG78" s="53"/>
      <c r="AH78" s="53"/>
      <c r="AI78" s="53"/>
      <c r="AJ78" s="53"/>
      <c r="AK78" s="53"/>
      <c r="AL78" s="53"/>
      <c r="AM78" s="53"/>
      <c r="AN78" s="53"/>
      <c r="AO78" s="53"/>
      <c r="AP78" s="53"/>
      <c r="AQ78" s="53"/>
      <c r="AR78" s="53"/>
      <c r="AS78" s="53"/>
      <c r="AT78" s="53"/>
      <c r="AU78" s="53"/>
      <c r="AV78" s="53"/>
      <c r="AW78" s="53"/>
      <c r="AX78" s="53"/>
      <c r="AY78" s="53"/>
      <c r="AZ78" s="53"/>
      <c r="BA78" s="53"/>
    </row>
    <row r="79" spans="1:53">
      <c r="A79" s="52" t="s">
        <v>874</v>
      </c>
      <c r="B79" s="53">
        <v>-741542.16999999899</v>
      </c>
      <c r="C79" s="53">
        <v>-755992.7</v>
      </c>
      <c r="D79" s="53">
        <v>-910905.5</v>
      </c>
      <c r="E79" s="53">
        <v>-834824.820000001</v>
      </c>
      <c r="F79" s="53">
        <v>-492346.97</v>
      </c>
      <c r="G79" s="53">
        <v>-926900.46</v>
      </c>
      <c r="H79" s="53">
        <v>-928747.78</v>
      </c>
      <c r="I79" s="53">
        <v>-767163.48</v>
      </c>
      <c r="J79" s="53">
        <v>-794396.99000000104</v>
      </c>
      <c r="K79" s="53">
        <v>-905310.71000000101</v>
      </c>
      <c r="L79" s="53">
        <v>-421369.98</v>
      </c>
      <c r="M79" s="53">
        <v>-870020.19</v>
      </c>
      <c r="N79" s="53">
        <v>-9349521.7500000093</v>
      </c>
      <c r="O79" s="53">
        <v>-741542.16999999899</v>
      </c>
      <c r="P79" s="53">
        <v>-755992.7</v>
      </c>
      <c r="Q79" s="53">
        <v>-910905.5</v>
      </c>
      <c r="R79" s="53">
        <v>-834824.820000001</v>
      </c>
      <c r="S79" s="53">
        <v>-492346.97</v>
      </c>
      <c r="T79" s="53">
        <v>-926900.46</v>
      </c>
      <c r="U79" s="53">
        <v>-928747.78</v>
      </c>
      <c r="V79" s="53">
        <v>-767163.48</v>
      </c>
      <c r="W79" s="53">
        <v>-794396.99000000104</v>
      </c>
      <c r="X79" s="53">
        <v>-905310.71000000101</v>
      </c>
      <c r="Y79" s="53">
        <v>-421369.98</v>
      </c>
      <c r="Z79" s="53">
        <v>-870020.19</v>
      </c>
      <c r="AA79" s="53">
        <v>-9349521.7500000093</v>
      </c>
      <c r="AB79" s="53">
        <v>-741542.16999999899</v>
      </c>
      <c r="AC79" s="53">
        <v>-755992.7</v>
      </c>
      <c r="AD79" s="53">
        <v>-910905.5</v>
      </c>
      <c r="AE79" s="53">
        <v>-834824.820000001</v>
      </c>
      <c r="AF79" s="53">
        <v>-492346.97</v>
      </c>
      <c r="AG79" s="53">
        <v>-926900.46</v>
      </c>
      <c r="AH79" s="53">
        <v>-928747.78</v>
      </c>
      <c r="AI79" s="53">
        <v>-767163.48</v>
      </c>
      <c r="AJ79" s="53">
        <v>-794396.99000000104</v>
      </c>
      <c r="AK79" s="53">
        <v>-905310.71000000101</v>
      </c>
      <c r="AL79" s="53">
        <v>-421369.98</v>
      </c>
      <c r="AM79" s="53">
        <v>-870020.19</v>
      </c>
      <c r="AN79" s="53">
        <v>-9349521.7500000093</v>
      </c>
      <c r="AO79" s="53">
        <v>-741542.16999999899</v>
      </c>
      <c r="AP79" s="53">
        <v>-755992.7</v>
      </c>
      <c r="AQ79" s="53">
        <v>-910905.5</v>
      </c>
      <c r="AR79" s="53">
        <v>-834824.820000001</v>
      </c>
      <c r="AS79" s="53">
        <v>-492346.97</v>
      </c>
      <c r="AT79" s="53">
        <v>-926900.46</v>
      </c>
      <c r="AU79" s="53">
        <v>-928747.78</v>
      </c>
      <c r="AV79" s="53">
        <v>-767163.48</v>
      </c>
      <c r="AW79" s="53">
        <v>-794396.99000000104</v>
      </c>
      <c r="AX79" s="53">
        <v>-905310.71000000101</v>
      </c>
      <c r="AY79" s="53">
        <v>-421369.98</v>
      </c>
      <c r="AZ79" s="53">
        <v>-870020.19</v>
      </c>
      <c r="BA79" s="53">
        <v>-9349521.7500000093</v>
      </c>
    </row>
    <row r="80" spans="1:53">
      <c r="A80" s="234" t="s">
        <v>875</v>
      </c>
      <c r="B80" s="53">
        <v>11606.0016671211</v>
      </c>
      <c r="C80" s="53">
        <v>11606.0016671211</v>
      </c>
      <c r="D80" s="53">
        <v>11606.0016671211</v>
      </c>
      <c r="E80" s="53">
        <v>11606.0016671211</v>
      </c>
      <c r="F80" s="53">
        <v>11606.0016671211</v>
      </c>
      <c r="G80" s="53">
        <v>11606.0016671211</v>
      </c>
      <c r="H80" s="53">
        <v>11606.0016671211</v>
      </c>
      <c r="I80" s="53">
        <v>11606.0016671211</v>
      </c>
      <c r="J80" s="53">
        <v>11606.0016671211</v>
      </c>
      <c r="K80" s="53">
        <v>11606.0016671211</v>
      </c>
      <c r="L80" s="53">
        <v>11606.0016671211</v>
      </c>
      <c r="M80" s="53">
        <v>11606.0016671211</v>
      </c>
      <c r="N80" s="53">
        <v>139272.020005453</v>
      </c>
      <c r="O80" s="53">
        <v>21522.219955520599</v>
      </c>
      <c r="P80" s="53">
        <v>21522.219955520599</v>
      </c>
      <c r="Q80" s="53">
        <v>21522.219955520599</v>
      </c>
      <c r="R80" s="53">
        <v>21522.219955520599</v>
      </c>
      <c r="S80" s="53">
        <v>21522.219955520599</v>
      </c>
      <c r="T80" s="53">
        <v>21522.219955520599</v>
      </c>
      <c r="U80" s="53">
        <v>21522.219955520599</v>
      </c>
      <c r="V80" s="53">
        <v>21522.219955520599</v>
      </c>
      <c r="W80" s="53">
        <v>21522.219955520599</v>
      </c>
      <c r="X80" s="53">
        <v>21522.219955520599</v>
      </c>
      <c r="Y80" s="53">
        <v>21522.219955520599</v>
      </c>
      <c r="Z80" s="53">
        <v>21522.219955520599</v>
      </c>
      <c r="AA80" s="53">
        <v>258266.639466247</v>
      </c>
      <c r="AB80" s="53">
        <v>32135.776374796998</v>
      </c>
      <c r="AC80" s="53">
        <v>32135.776374796998</v>
      </c>
      <c r="AD80" s="53">
        <v>32135.776374796998</v>
      </c>
      <c r="AE80" s="53">
        <v>32135.776374796998</v>
      </c>
      <c r="AF80" s="53">
        <v>32135.776374796998</v>
      </c>
      <c r="AG80" s="53">
        <v>32135.776374796998</v>
      </c>
      <c r="AH80" s="53">
        <v>32135.776374796998</v>
      </c>
      <c r="AI80" s="53">
        <v>32135.776374796998</v>
      </c>
      <c r="AJ80" s="53">
        <v>32135.776374796998</v>
      </c>
      <c r="AK80" s="53">
        <v>32135.776374796998</v>
      </c>
      <c r="AL80" s="53">
        <v>32135.776374796998</v>
      </c>
      <c r="AM80" s="53">
        <v>32135.776374796998</v>
      </c>
      <c r="AN80" s="53">
        <v>385629.31649756298</v>
      </c>
      <c r="AO80" s="53">
        <v>42916.145744598398</v>
      </c>
      <c r="AP80" s="53">
        <v>42916.145744598398</v>
      </c>
      <c r="AQ80" s="53">
        <v>42916.145744598398</v>
      </c>
      <c r="AR80" s="53">
        <v>42916.145744598398</v>
      </c>
      <c r="AS80" s="53">
        <v>42916.145744598398</v>
      </c>
      <c r="AT80" s="53">
        <v>42916.145744598398</v>
      </c>
      <c r="AU80" s="53">
        <v>42916.145744598398</v>
      </c>
      <c r="AV80" s="53">
        <v>42916.145744598398</v>
      </c>
      <c r="AW80" s="53">
        <v>42916.145744598398</v>
      </c>
      <c r="AX80" s="53">
        <v>42916.145744598398</v>
      </c>
      <c r="AY80" s="53">
        <v>42916.145744598398</v>
      </c>
      <c r="AZ80" s="53">
        <v>42916.145744598398</v>
      </c>
      <c r="BA80" s="53">
        <v>514993.74893518002</v>
      </c>
    </row>
    <row r="81" spans="1:53">
      <c r="A81" s="235" t="s">
        <v>876</v>
      </c>
      <c r="B81" s="53">
        <v>-126.323333333333</v>
      </c>
      <c r="C81" s="53">
        <v>-126.323333333333</v>
      </c>
      <c r="D81" s="53">
        <v>-126.323333333333</v>
      </c>
      <c r="E81" s="53">
        <v>-126.323333333333</v>
      </c>
      <c r="F81" s="53">
        <v>-126.323333333333</v>
      </c>
      <c r="G81" s="53">
        <v>-126.323333333333</v>
      </c>
      <c r="H81" s="53">
        <v>-126.323333333333</v>
      </c>
      <c r="I81" s="53">
        <v>-126.323333333333</v>
      </c>
      <c r="J81" s="53">
        <v>-126.323333333333</v>
      </c>
      <c r="K81" s="53">
        <v>-126.323333333333</v>
      </c>
      <c r="L81" s="53">
        <v>-126.323333333333</v>
      </c>
      <c r="M81" s="53">
        <v>-126.323333333333</v>
      </c>
      <c r="N81" s="53">
        <v>-1515.8799999999901</v>
      </c>
      <c r="O81" s="53">
        <v>-126.323333333333</v>
      </c>
      <c r="P81" s="53">
        <v>-126.323333333333</v>
      </c>
      <c r="Q81" s="53">
        <v>-126.323333333333</v>
      </c>
      <c r="R81" s="53">
        <v>-126.323333333333</v>
      </c>
      <c r="S81" s="53">
        <v>-126.323333333333</v>
      </c>
      <c r="T81" s="53">
        <v>-126.323333333333</v>
      </c>
      <c r="U81" s="53">
        <v>-126.323333333333</v>
      </c>
      <c r="V81" s="53">
        <v>-126.323333333333</v>
      </c>
      <c r="W81" s="53">
        <v>-126.323333333333</v>
      </c>
      <c r="X81" s="53">
        <v>-126.323333333333</v>
      </c>
      <c r="Y81" s="53">
        <v>-126.323333333333</v>
      </c>
      <c r="Z81" s="53">
        <v>-126.323333333333</v>
      </c>
      <c r="AA81" s="53">
        <v>-1515.8799999999901</v>
      </c>
      <c r="AB81" s="53">
        <v>-126.323333333333</v>
      </c>
      <c r="AC81" s="53">
        <v>-126.323333333333</v>
      </c>
      <c r="AD81" s="53">
        <v>-126.323333333333</v>
      </c>
      <c r="AE81" s="53">
        <v>-126.323333333333</v>
      </c>
      <c r="AF81" s="53">
        <v>-126.323333333333</v>
      </c>
      <c r="AG81" s="53">
        <v>-126.323333333333</v>
      </c>
      <c r="AH81" s="53">
        <v>-126.323333333333</v>
      </c>
      <c r="AI81" s="53">
        <v>-126.323333333333</v>
      </c>
      <c r="AJ81" s="53">
        <v>-126.323333333333</v>
      </c>
      <c r="AK81" s="53">
        <v>-126.323333333333</v>
      </c>
      <c r="AL81" s="53">
        <v>-126.323333333333</v>
      </c>
      <c r="AM81" s="53">
        <v>-126.323333333333</v>
      </c>
      <c r="AN81" s="53">
        <v>-1515.8799999999901</v>
      </c>
      <c r="AO81" s="53">
        <v>-126.323333333333</v>
      </c>
      <c r="AP81" s="53">
        <v>-126.323333333333</v>
      </c>
      <c r="AQ81" s="53">
        <v>-126.323333333333</v>
      </c>
      <c r="AR81" s="53">
        <v>-126.323333333333</v>
      </c>
      <c r="AS81" s="53">
        <v>-126.323333333333</v>
      </c>
      <c r="AT81" s="53">
        <v>-126.323333333333</v>
      </c>
      <c r="AU81" s="53">
        <v>-126.323333333333</v>
      </c>
      <c r="AV81" s="53">
        <v>-126.323333333333</v>
      </c>
      <c r="AW81" s="53">
        <v>-126.323333333333</v>
      </c>
      <c r="AX81" s="53">
        <v>-126.323333333333</v>
      </c>
      <c r="AY81" s="53">
        <v>-126.323333333333</v>
      </c>
      <c r="AZ81" s="53">
        <v>-126.323333333333</v>
      </c>
      <c r="BA81" s="53">
        <v>-1515.8799999999901</v>
      </c>
    </row>
    <row r="82" spans="1:53">
      <c r="A82" s="52" t="s">
        <v>877</v>
      </c>
      <c r="B82" s="53">
        <v>1249605</v>
      </c>
      <c r="C82" s="53">
        <v>1249605</v>
      </c>
      <c r="D82" s="53">
        <v>1249605</v>
      </c>
      <c r="E82" s="53">
        <v>1249605</v>
      </c>
      <c r="F82" s="53">
        <v>1249605</v>
      </c>
      <c r="G82" s="53">
        <v>1249605</v>
      </c>
      <c r="H82" s="53">
        <v>1249605</v>
      </c>
      <c r="I82" s="53">
        <v>1249605</v>
      </c>
      <c r="J82" s="53">
        <v>1249605</v>
      </c>
      <c r="K82" s="53">
        <v>1249605</v>
      </c>
      <c r="L82" s="53">
        <v>1249605</v>
      </c>
      <c r="M82" s="53">
        <v>1249605</v>
      </c>
      <c r="N82" s="53">
        <v>14995259.999999899</v>
      </c>
      <c r="O82" s="53">
        <v>1249605</v>
      </c>
      <c r="P82" s="53">
        <v>1249605</v>
      </c>
      <c r="Q82" s="53">
        <v>1249605</v>
      </c>
      <c r="R82" s="53">
        <v>1249605</v>
      </c>
      <c r="S82" s="53">
        <v>1249605</v>
      </c>
      <c r="T82" s="53">
        <v>1249605</v>
      </c>
      <c r="U82" s="53">
        <v>1249605</v>
      </c>
      <c r="V82" s="53">
        <v>1249605</v>
      </c>
      <c r="W82" s="53">
        <v>1249605</v>
      </c>
      <c r="X82" s="53">
        <v>1249605</v>
      </c>
      <c r="Y82" s="53">
        <v>1249605</v>
      </c>
      <c r="Z82" s="53">
        <v>1249605</v>
      </c>
      <c r="AA82" s="53">
        <v>14995259.999999899</v>
      </c>
      <c r="AB82" s="53">
        <v>1249605</v>
      </c>
      <c r="AC82" s="53">
        <v>1249605</v>
      </c>
      <c r="AD82" s="53">
        <v>1249605</v>
      </c>
      <c r="AE82" s="53">
        <v>1249605</v>
      </c>
      <c r="AF82" s="53">
        <v>1249605</v>
      </c>
      <c r="AG82" s="53">
        <v>1249605</v>
      </c>
      <c r="AH82" s="53">
        <v>1249605</v>
      </c>
      <c r="AI82" s="53">
        <v>1249605</v>
      </c>
      <c r="AJ82" s="53">
        <v>1249605</v>
      </c>
      <c r="AK82" s="53">
        <v>1249605</v>
      </c>
      <c r="AL82" s="53">
        <v>1249605</v>
      </c>
      <c r="AM82" s="53">
        <v>1249605</v>
      </c>
      <c r="AN82" s="53">
        <v>14995259.999999899</v>
      </c>
      <c r="AO82" s="53">
        <v>1249605</v>
      </c>
      <c r="AP82" s="53">
        <v>1249605</v>
      </c>
      <c r="AQ82" s="53">
        <v>1249605</v>
      </c>
      <c r="AR82" s="53">
        <v>1249605</v>
      </c>
      <c r="AS82" s="53">
        <v>1249605</v>
      </c>
      <c r="AT82" s="53">
        <v>1249605</v>
      </c>
      <c r="AU82" s="53">
        <v>1249605</v>
      </c>
      <c r="AV82" s="53">
        <v>1249605</v>
      </c>
      <c r="AW82" s="53">
        <v>1249605</v>
      </c>
      <c r="AX82" s="53">
        <v>1249605</v>
      </c>
      <c r="AY82" s="53">
        <v>1249605</v>
      </c>
      <c r="AZ82" s="53">
        <v>1249605</v>
      </c>
      <c r="BA82" s="53">
        <v>14995259.999999899</v>
      </c>
    </row>
    <row r="83" spans="1:53">
      <c r="A83" s="52" t="s">
        <v>878</v>
      </c>
      <c r="B83" s="53">
        <v>519542.50833378697</v>
      </c>
      <c r="C83" s="53">
        <v>505091.978333787</v>
      </c>
      <c r="D83" s="53">
        <v>350179.17833378701</v>
      </c>
      <c r="E83" s="53">
        <v>426259.85833378602</v>
      </c>
      <c r="F83" s="53">
        <v>768737.70833378704</v>
      </c>
      <c r="G83" s="53">
        <v>334184.21833378699</v>
      </c>
      <c r="H83" s="53">
        <v>332336.89833378699</v>
      </c>
      <c r="I83" s="53">
        <v>493921.19833378698</v>
      </c>
      <c r="J83" s="53">
        <v>466687.68833378598</v>
      </c>
      <c r="K83" s="53">
        <v>355773.968333786</v>
      </c>
      <c r="L83" s="53">
        <v>839714.69833378703</v>
      </c>
      <c r="M83" s="53">
        <v>391064.48833378701</v>
      </c>
      <c r="N83" s="53">
        <v>5783494.3900054405</v>
      </c>
      <c r="O83" s="53">
        <v>529458.72662218695</v>
      </c>
      <c r="P83" s="53">
        <v>515008.19662218599</v>
      </c>
      <c r="Q83" s="53">
        <v>360095.396622186</v>
      </c>
      <c r="R83" s="53">
        <v>436176.07662218501</v>
      </c>
      <c r="S83" s="53">
        <v>778653.92662218597</v>
      </c>
      <c r="T83" s="53">
        <v>344100.43662218598</v>
      </c>
      <c r="U83" s="53">
        <v>342253.11662218597</v>
      </c>
      <c r="V83" s="53">
        <v>503837.41662218602</v>
      </c>
      <c r="W83" s="53">
        <v>476603.90662218601</v>
      </c>
      <c r="X83" s="53">
        <v>365690.18662218598</v>
      </c>
      <c r="Y83" s="53">
        <v>849630.91662218596</v>
      </c>
      <c r="Z83" s="53">
        <v>400980.706622186</v>
      </c>
      <c r="AA83" s="53">
        <v>5902489.0094662299</v>
      </c>
      <c r="AB83" s="53">
        <v>540072.283041463</v>
      </c>
      <c r="AC83" s="53">
        <v>525621.75304146204</v>
      </c>
      <c r="AD83" s="53">
        <v>370708.95304146199</v>
      </c>
      <c r="AE83" s="53">
        <v>446789.633041461</v>
      </c>
      <c r="AF83" s="53">
        <v>789267.48304146295</v>
      </c>
      <c r="AG83" s="53">
        <v>354713.99304146302</v>
      </c>
      <c r="AH83" s="53">
        <v>352866.67304146203</v>
      </c>
      <c r="AI83" s="53">
        <v>514450.97304146201</v>
      </c>
      <c r="AJ83" s="53">
        <v>487217.463041462</v>
      </c>
      <c r="AK83" s="53">
        <v>376303.74304146197</v>
      </c>
      <c r="AL83" s="53">
        <v>860244.47304146294</v>
      </c>
      <c r="AM83" s="53">
        <v>411594.26304146199</v>
      </c>
      <c r="AN83" s="53">
        <v>6029851.6864975505</v>
      </c>
      <c r="AO83" s="53">
        <v>550852.65241126495</v>
      </c>
      <c r="AP83" s="53">
        <v>536402.12241126399</v>
      </c>
      <c r="AQ83" s="53">
        <v>381489.322411264</v>
      </c>
      <c r="AR83" s="53">
        <v>457570.00241126301</v>
      </c>
      <c r="AS83" s="53">
        <v>800047.85241126397</v>
      </c>
      <c r="AT83" s="53">
        <v>365494.36241126398</v>
      </c>
      <c r="AU83" s="53">
        <v>363647.04241126397</v>
      </c>
      <c r="AV83" s="53">
        <v>525231.34241126396</v>
      </c>
      <c r="AW83" s="53">
        <v>497997.83241126302</v>
      </c>
      <c r="AX83" s="53">
        <v>387084.11241126398</v>
      </c>
      <c r="AY83" s="53">
        <v>871024.84241126396</v>
      </c>
      <c r="AZ83" s="53">
        <v>422374.632411264</v>
      </c>
      <c r="BA83" s="53">
        <v>6159216.1189351697</v>
      </c>
    </row>
    <row r="84" spans="1:53">
      <c r="A84" s="52" t="s">
        <v>879</v>
      </c>
      <c r="B84" s="53">
        <v>0</v>
      </c>
      <c r="C84" s="53">
        <v>0</v>
      </c>
      <c r="D84" s="53">
        <v>0</v>
      </c>
      <c r="E84" s="53">
        <v>0</v>
      </c>
      <c r="F84" s="53">
        <v>0</v>
      </c>
      <c r="G84" s="53">
        <v>0</v>
      </c>
      <c r="H84" s="53">
        <v>0</v>
      </c>
      <c r="I84" s="53">
        <v>0</v>
      </c>
      <c r="J84" s="53">
        <v>0</v>
      </c>
      <c r="K84" s="53">
        <v>0</v>
      </c>
      <c r="L84" s="53">
        <v>0</v>
      </c>
      <c r="M84" s="53">
        <v>0</v>
      </c>
      <c r="N84" s="53">
        <v>0</v>
      </c>
      <c r="O84" s="53">
        <v>0</v>
      </c>
      <c r="P84" s="53">
        <v>0</v>
      </c>
      <c r="Q84" s="53">
        <v>0</v>
      </c>
      <c r="R84" s="53">
        <v>0</v>
      </c>
      <c r="S84" s="53">
        <v>0</v>
      </c>
      <c r="T84" s="53">
        <v>0</v>
      </c>
      <c r="U84" s="53">
        <v>0</v>
      </c>
      <c r="V84" s="53">
        <v>0</v>
      </c>
      <c r="W84" s="53">
        <v>0</v>
      </c>
      <c r="X84" s="53">
        <v>0</v>
      </c>
      <c r="Y84" s="53">
        <v>0</v>
      </c>
      <c r="Z84" s="53">
        <v>0</v>
      </c>
      <c r="AA84" s="53">
        <v>0</v>
      </c>
      <c r="AB84" s="53">
        <v>0</v>
      </c>
      <c r="AC84" s="53">
        <v>0</v>
      </c>
      <c r="AD84" s="53">
        <v>0</v>
      </c>
      <c r="AE84" s="53">
        <v>0</v>
      </c>
      <c r="AF84" s="53">
        <v>0</v>
      </c>
      <c r="AG84" s="53">
        <v>0</v>
      </c>
      <c r="AH84" s="53">
        <v>0</v>
      </c>
      <c r="AI84" s="53">
        <v>0</v>
      </c>
      <c r="AJ84" s="53">
        <v>0</v>
      </c>
      <c r="AK84" s="53">
        <v>0</v>
      </c>
      <c r="AL84" s="53">
        <v>0</v>
      </c>
      <c r="AM84" s="53">
        <v>0</v>
      </c>
      <c r="AN84" s="53">
        <v>0</v>
      </c>
      <c r="AO84" s="53">
        <v>0</v>
      </c>
      <c r="AP84" s="53">
        <v>0</v>
      </c>
      <c r="AQ84" s="53">
        <v>0</v>
      </c>
      <c r="AR84" s="53">
        <v>0</v>
      </c>
      <c r="AS84" s="53">
        <v>0</v>
      </c>
      <c r="AT84" s="53">
        <v>0</v>
      </c>
      <c r="AU84" s="53">
        <v>0</v>
      </c>
      <c r="AV84" s="53">
        <v>0</v>
      </c>
      <c r="AW84" s="53">
        <v>0</v>
      </c>
      <c r="AX84" s="53">
        <v>0</v>
      </c>
      <c r="AY84" s="53">
        <v>0</v>
      </c>
      <c r="AZ84" s="53">
        <v>0</v>
      </c>
      <c r="BA84" s="53">
        <v>0</v>
      </c>
    </row>
    <row r="85" spans="1:53">
      <c r="A85" s="52" t="s">
        <v>880</v>
      </c>
      <c r="B85" s="53">
        <v>0</v>
      </c>
      <c r="C85" s="53">
        <v>0</v>
      </c>
      <c r="D85" s="53">
        <v>0</v>
      </c>
      <c r="E85" s="53">
        <v>0</v>
      </c>
      <c r="F85" s="53">
        <v>0</v>
      </c>
      <c r="G85" s="53">
        <v>0</v>
      </c>
      <c r="H85" s="53">
        <v>0</v>
      </c>
      <c r="I85" s="53">
        <v>0</v>
      </c>
      <c r="J85" s="53">
        <v>0</v>
      </c>
      <c r="K85" s="53">
        <v>0</v>
      </c>
      <c r="L85" s="53">
        <v>0</v>
      </c>
      <c r="M85" s="53">
        <v>0</v>
      </c>
      <c r="N85" s="53">
        <v>0</v>
      </c>
      <c r="O85" s="53">
        <v>0</v>
      </c>
      <c r="P85" s="53">
        <v>0</v>
      </c>
      <c r="Q85" s="53">
        <v>0</v>
      </c>
      <c r="R85" s="53">
        <v>0</v>
      </c>
      <c r="S85" s="53">
        <v>0</v>
      </c>
      <c r="T85" s="53">
        <v>0</v>
      </c>
      <c r="U85" s="53">
        <v>0</v>
      </c>
      <c r="V85" s="53">
        <v>0</v>
      </c>
      <c r="W85" s="53">
        <v>0</v>
      </c>
      <c r="X85" s="53">
        <v>0</v>
      </c>
      <c r="Y85" s="53">
        <v>0</v>
      </c>
      <c r="Z85" s="53">
        <v>0</v>
      </c>
      <c r="AA85" s="53">
        <v>0</v>
      </c>
      <c r="AB85" s="53">
        <v>0</v>
      </c>
      <c r="AC85" s="53">
        <v>0</v>
      </c>
      <c r="AD85" s="53">
        <v>0</v>
      </c>
      <c r="AE85" s="53">
        <v>0</v>
      </c>
      <c r="AF85" s="53">
        <v>0</v>
      </c>
      <c r="AG85" s="53">
        <v>0</v>
      </c>
      <c r="AH85" s="53">
        <v>0</v>
      </c>
      <c r="AI85" s="53">
        <v>0</v>
      </c>
      <c r="AJ85" s="53">
        <v>0</v>
      </c>
      <c r="AK85" s="53">
        <v>0</v>
      </c>
      <c r="AL85" s="53">
        <v>0</v>
      </c>
      <c r="AM85" s="53">
        <v>0</v>
      </c>
      <c r="AN85" s="53">
        <v>0</v>
      </c>
      <c r="AO85" s="53">
        <v>0</v>
      </c>
      <c r="AP85" s="53">
        <v>0</v>
      </c>
      <c r="AQ85" s="53">
        <v>0</v>
      </c>
      <c r="AR85" s="53">
        <v>0</v>
      </c>
      <c r="AS85" s="53">
        <v>0</v>
      </c>
      <c r="AT85" s="53">
        <v>0</v>
      </c>
      <c r="AU85" s="53">
        <v>0</v>
      </c>
      <c r="AV85" s="53">
        <v>0</v>
      </c>
      <c r="AW85" s="53">
        <v>0</v>
      </c>
      <c r="AX85" s="53">
        <v>0</v>
      </c>
      <c r="AY85" s="53">
        <v>0</v>
      </c>
      <c r="AZ85" s="53">
        <v>0</v>
      </c>
      <c r="BA85" s="53">
        <v>0</v>
      </c>
    </row>
    <row r="86" spans="1:53">
      <c r="A86" s="52" t="s">
        <v>881</v>
      </c>
      <c r="B86" s="53">
        <v>11930.9</v>
      </c>
      <c r="C86" s="53">
        <v>11930.9</v>
      </c>
      <c r="D86" s="53">
        <v>11930.9</v>
      </c>
      <c r="E86" s="53">
        <v>11930.9</v>
      </c>
      <c r="F86" s="53">
        <v>11930.9</v>
      </c>
      <c r="G86" s="53">
        <v>11930.9</v>
      </c>
      <c r="H86" s="53">
        <v>11930.9</v>
      </c>
      <c r="I86" s="53">
        <v>11930.9</v>
      </c>
      <c r="J86" s="53">
        <v>11930.9</v>
      </c>
      <c r="K86" s="53">
        <v>11930.9</v>
      </c>
      <c r="L86" s="53">
        <v>11930.9</v>
      </c>
      <c r="M86" s="53">
        <v>11930.9</v>
      </c>
      <c r="N86" s="53">
        <v>143170.79999999999</v>
      </c>
      <c r="O86" s="53">
        <v>11930.9</v>
      </c>
      <c r="P86" s="53">
        <v>11930.9</v>
      </c>
      <c r="Q86" s="53">
        <v>11930.9</v>
      </c>
      <c r="R86" s="53">
        <v>11930.9</v>
      </c>
      <c r="S86" s="53">
        <v>11930.9</v>
      </c>
      <c r="T86" s="53">
        <v>11930.9</v>
      </c>
      <c r="U86" s="53">
        <v>11930.9</v>
      </c>
      <c r="V86" s="53">
        <v>11930.9</v>
      </c>
      <c r="W86" s="53">
        <v>11930.9</v>
      </c>
      <c r="X86" s="53">
        <v>11930.9</v>
      </c>
      <c r="Y86" s="53">
        <v>11930.9</v>
      </c>
      <c r="Z86" s="53">
        <v>11930.9</v>
      </c>
      <c r="AA86" s="53">
        <v>143170.79999999999</v>
      </c>
      <c r="AB86" s="53">
        <v>11930.9</v>
      </c>
      <c r="AC86" s="53">
        <v>11930.9</v>
      </c>
      <c r="AD86" s="53">
        <v>11930.9</v>
      </c>
      <c r="AE86" s="53">
        <v>11930.9</v>
      </c>
      <c r="AF86" s="53">
        <v>11930.9</v>
      </c>
      <c r="AG86" s="53">
        <v>11930.9</v>
      </c>
      <c r="AH86" s="53">
        <v>11930.9</v>
      </c>
      <c r="AI86" s="53">
        <v>11930.9</v>
      </c>
      <c r="AJ86" s="53">
        <v>11930.9</v>
      </c>
      <c r="AK86" s="53">
        <v>11930.9</v>
      </c>
      <c r="AL86" s="53">
        <v>11930.9</v>
      </c>
      <c r="AM86" s="53">
        <v>11930.9</v>
      </c>
      <c r="AN86" s="53">
        <v>143170.79999999999</v>
      </c>
      <c r="AO86" s="53">
        <v>11930.9</v>
      </c>
      <c r="AP86" s="53">
        <v>11930.9</v>
      </c>
      <c r="AQ86" s="53">
        <v>11930.9</v>
      </c>
      <c r="AR86" s="53">
        <v>11930.9</v>
      </c>
      <c r="AS86" s="53">
        <v>11930.9</v>
      </c>
      <c r="AT86" s="53">
        <v>11930.9</v>
      </c>
      <c r="AU86" s="53">
        <v>11930.9</v>
      </c>
      <c r="AV86" s="53">
        <v>11930.9</v>
      </c>
      <c r="AW86" s="53">
        <v>11930.9</v>
      </c>
      <c r="AX86" s="53">
        <v>11930.9</v>
      </c>
      <c r="AY86" s="53">
        <v>11930.9</v>
      </c>
      <c r="AZ86" s="53">
        <v>11930.9</v>
      </c>
      <c r="BA86" s="53">
        <v>143170.79999999999</v>
      </c>
    </row>
    <row r="87" spans="1:53">
      <c r="A87" s="52" t="s">
        <v>882</v>
      </c>
      <c r="B87" s="53">
        <v>0</v>
      </c>
      <c r="C87" s="53">
        <v>0</v>
      </c>
      <c r="D87" s="53">
        <v>0</v>
      </c>
      <c r="E87" s="53">
        <v>0</v>
      </c>
      <c r="F87" s="53">
        <v>0</v>
      </c>
      <c r="G87" s="53">
        <v>0</v>
      </c>
      <c r="H87" s="53">
        <v>0</v>
      </c>
      <c r="I87" s="53">
        <v>0</v>
      </c>
      <c r="J87" s="53">
        <v>0</v>
      </c>
      <c r="K87" s="53">
        <v>0</v>
      </c>
      <c r="L87" s="53">
        <v>0</v>
      </c>
      <c r="M87" s="53">
        <v>0</v>
      </c>
      <c r="N87" s="53">
        <v>0</v>
      </c>
      <c r="O87" s="53">
        <v>0</v>
      </c>
      <c r="P87" s="53">
        <v>0</v>
      </c>
      <c r="Q87" s="53">
        <v>0</v>
      </c>
      <c r="R87" s="53">
        <v>0</v>
      </c>
      <c r="S87" s="53">
        <v>0</v>
      </c>
      <c r="T87" s="53">
        <v>0</v>
      </c>
      <c r="U87" s="53">
        <v>0</v>
      </c>
      <c r="V87" s="53">
        <v>0</v>
      </c>
      <c r="W87" s="53">
        <v>0</v>
      </c>
      <c r="X87" s="53">
        <v>0</v>
      </c>
      <c r="Y87" s="53">
        <v>0</v>
      </c>
      <c r="Z87" s="53">
        <v>0</v>
      </c>
      <c r="AA87" s="53">
        <v>0</v>
      </c>
      <c r="AB87" s="53">
        <v>0</v>
      </c>
      <c r="AC87" s="53">
        <v>0</v>
      </c>
      <c r="AD87" s="53">
        <v>0</v>
      </c>
      <c r="AE87" s="53">
        <v>0</v>
      </c>
      <c r="AF87" s="53">
        <v>0</v>
      </c>
      <c r="AG87" s="53">
        <v>0</v>
      </c>
      <c r="AH87" s="53">
        <v>0</v>
      </c>
      <c r="AI87" s="53">
        <v>0</v>
      </c>
      <c r="AJ87" s="53">
        <v>0</v>
      </c>
      <c r="AK87" s="53">
        <v>0</v>
      </c>
      <c r="AL87" s="53">
        <v>0</v>
      </c>
      <c r="AM87" s="53">
        <v>0</v>
      </c>
      <c r="AN87" s="53">
        <v>0</v>
      </c>
      <c r="AO87" s="53">
        <v>0</v>
      </c>
      <c r="AP87" s="53">
        <v>0</v>
      </c>
      <c r="AQ87" s="53">
        <v>0</v>
      </c>
      <c r="AR87" s="53">
        <v>0</v>
      </c>
      <c r="AS87" s="53">
        <v>0</v>
      </c>
      <c r="AT87" s="53">
        <v>0</v>
      </c>
      <c r="AU87" s="53">
        <v>0</v>
      </c>
      <c r="AV87" s="53">
        <v>0</v>
      </c>
      <c r="AW87" s="53">
        <v>0</v>
      </c>
      <c r="AX87" s="53">
        <v>0</v>
      </c>
      <c r="AY87" s="53">
        <v>0</v>
      </c>
      <c r="AZ87" s="53">
        <v>0</v>
      </c>
      <c r="BA87" s="53">
        <v>0</v>
      </c>
    </row>
    <row r="88" spans="1:53">
      <c r="A88" s="52" t="s">
        <v>883</v>
      </c>
      <c r="B88" s="53">
        <v>0</v>
      </c>
      <c r="C88" s="53">
        <v>0</v>
      </c>
      <c r="D88" s="53">
        <v>0</v>
      </c>
      <c r="E88" s="53">
        <v>0</v>
      </c>
      <c r="F88" s="53">
        <v>0</v>
      </c>
      <c r="G88" s="53">
        <v>0</v>
      </c>
      <c r="H88" s="53">
        <v>0</v>
      </c>
      <c r="I88" s="53">
        <v>0</v>
      </c>
      <c r="J88" s="53">
        <v>0</v>
      </c>
      <c r="K88" s="53">
        <v>0</v>
      </c>
      <c r="L88" s="53">
        <v>0</v>
      </c>
      <c r="M88" s="53">
        <v>0</v>
      </c>
      <c r="N88" s="53">
        <v>0</v>
      </c>
      <c r="O88" s="53">
        <v>0</v>
      </c>
      <c r="P88" s="53">
        <v>0</v>
      </c>
      <c r="Q88" s="53">
        <v>0</v>
      </c>
      <c r="R88" s="53">
        <v>0</v>
      </c>
      <c r="S88" s="53">
        <v>0</v>
      </c>
      <c r="T88" s="53">
        <v>0</v>
      </c>
      <c r="U88" s="53">
        <v>0</v>
      </c>
      <c r="V88" s="53">
        <v>0</v>
      </c>
      <c r="W88" s="53">
        <v>0</v>
      </c>
      <c r="X88" s="53">
        <v>0</v>
      </c>
      <c r="Y88" s="53">
        <v>0</v>
      </c>
      <c r="Z88" s="53">
        <v>0</v>
      </c>
      <c r="AA88" s="53">
        <v>0</v>
      </c>
      <c r="AB88" s="53">
        <v>0</v>
      </c>
      <c r="AC88" s="53">
        <v>0</v>
      </c>
      <c r="AD88" s="53">
        <v>0</v>
      </c>
      <c r="AE88" s="53">
        <v>0</v>
      </c>
      <c r="AF88" s="53">
        <v>0</v>
      </c>
      <c r="AG88" s="53">
        <v>0</v>
      </c>
      <c r="AH88" s="53">
        <v>0</v>
      </c>
      <c r="AI88" s="53">
        <v>0</v>
      </c>
      <c r="AJ88" s="53">
        <v>0</v>
      </c>
      <c r="AK88" s="53">
        <v>0</v>
      </c>
      <c r="AL88" s="53">
        <v>0</v>
      </c>
      <c r="AM88" s="53">
        <v>0</v>
      </c>
      <c r="AN88" s="53">
        <v>0</v>
      </c>
      <c r="AO88" s="53">
        <v>0</v>
      </c>
      <c r="AP88" s="53">
        <v>0</v>
      </c>
      <c r="AQ88" s="53">
        <v>0</v>
      </c>
      <c r="AR88" s="53">
        <v>0</v>
      </c>
      <c r="AS88" s="53">
        <v>0</v>
      </c>
      <c r="AT88" s="53">
        <v>0</v>
      </c>
      <c r="AU88" s="53">
        <v>0</v>
      </c>
      <c r="AV88" s="53">
        <v>0</v>
      </c>
      <c r="AW88" s="53">
        <v>0</v>
      </c>
      <c r="AX88" s="53">
        <v>0</v>
      </c>
      <c r="AY88" s="53">
        <v>0</v>
      </c>
      <c r="AZ88" s="53">
        <v>0</v>
      </c>
      <c r="BA88" s="53">
        <v>0</v>
      </c>
    </row>
    <row r="89" spans="1:53">
      <c r="A89" s="52" t="s">
        <v>884</v>
      </c>
      <c r="B89" s="53">
        <v>0</v>
      </c>
      <c r="C89" s="53">
        <v>0</v>
      </c>
      <c r="D89" s="53">
        <v>0</v>
      </c>
      <c r="E89" s="53">
        <v>0</v>
      </c>
      <c r="F89" s="53">
        <v>0</v>
      </c>
      <c r="G89" s="53">
        <v>0</v>
      </c>
      <c r="H89" s="53">
        <v>0</v>
      </c>
      <c r="I89" s="53">
        <v>0</v>
      </c>
      <c r="J89" s="53">
        <v>0</v>
      </c>
      <c r="K89" s="53">
        <v>0</v>
      </c>
      <c r="L89" s="53">
        <v>0</v>
      </c>
      <c r="M89" s="53">
        <v>0</v>
      </c>
      <c r="N89" s="53">
        <v>0</v>
      </c>
      <c r="O89" s="53">
        <v>0</v>
      </c>
      <c r="P89" s="53">
        <v>0</v>
      </c>
      <c r="Q89" s="53">
        <v>0</v>
      </c>
      <c r="R89" s="53">
        <v>0</v>
      </c>
      <c r="S89" s="53">
        <v>0</v>
      </c>
      <c r="T89" s="53">
        <v>0</v>
      </c>
      <c r="U89" s="53">
        <v>0</v>
      </c>
      <c r="V89" s="53">
        <v>0</v>
      </c>
      <c r="W89" s="53">
        <v>0</v>
      </c>
      <c r="X89" s="53">
        <v>0</v>
      </c>
      <c r="Y89" s="53">
        <v>0</v>
      </c>
      <c r="Z89" s="53">
        <v>0</v>
      </c>
      <c r="AA89" s="53">
        <v>0</v>
      </c>
      <c r="AB89" s="53">
        <v>0</v>
      </c>
      <c r="AC89" s="53">
        <v>0</v>
      </c>
      <c r="AD89" s="53">
        <v>0</v>
      </c>
      <c r="AE89" s="53">
        <v>0</v>
      </c>
      <c r="AF89" s="53">
        <v>0</v>
      </c>
      <c r="AG89" s="53">
        <v>0</v>
      </c>
      <c r="AH89" s="53">
        <v>0</v>
      </c>
      <c r="AI89" s="53">
        <v>0</v>
      </c>
      <c r="AJ89" s="53">
        <v>0</v>
      </c>
      <c r="AK89" s="53">
        <v>0</v>
      </c>
      <c r="AL89" s="53">
        <v>0</v>
      </c>
      <c r="AM89" s="53">
        <v>0</v>
      </c>
      <c r="AN89" s="53">
        <v>0</v>
      </c>
      <c r="AO89" s="53">
        <v>0</v>
      </c>
      <c r="AP89" s="53">
        <v>0</v>
      </c>
      <c r="AQ89" s="53">
        <v>0</v>
      </c>
      <c r="AR89" s="53">
        <v>0</v>
      </c>
      <c r="AS89" s="53">
        <v>0</v>
      </c>
      <c r="AT89" s="53">
        <v>0</v>
      </c>
      <c r="AU89" s="53">
        <v>0</v>
      </c>
      <c r="AV89" s="53">
        <v>0</v>
      </c>
      <c r="AW89" s="53">
        <v>0</v>
      </c>
      <c r="AX89" s="53">
        <v>0</v>
      </c>
      <c r="AY89" s="53">
        <v>0</v>
      </c>
      <c r="AZ89" s="53">
        <v>0</v>
      </c>
      <c r="BA89" s="53">
        <v>0</v>
      </c>
    </row>
    <row r="90" spans="1:53">
      <c r="A90" s="52" t="s">
        <v>885</v>
      </c>
      <c r="B90" s="53">
        <v>52450.45</v>
      </c>
      <c r="C90" s="53">
        <v>58708.38</v>
      </c>
      <c r="D90" s="53">
        <v>57413.38</v>
      </c>
      <c r="E90" s="53">
        <v>61710.61</v>
      </c>
      <c r="F90" s="53">
        <v>55556.569999999898</v>
      </c>
      <c r="G90" s="53">
        <v>54176.02</v>
      </c>
      <c r="H90" s="53">
        <v>63925.67</v>
      </c>
      <c r="I90" s="53">
        <v>53986.669999999896</v>
      </c>
      <c r="J90" s="53">
        <v>53850.7</v>
      </c>
      <c r="K90" s="53">
        <v>53957.24</v>
      </c>
      <c r="L90" s="53">
        <v>98093.65</v>
      </c>
      <c r="M90" s="53">
        <v>53731.099999999897</v>
      </c>
      <c r="N90" s="53">
        <v>717560.44</v>
      </c>
      <c r="O90" s="53">
        <v>52450.45</v>
      </c>
      <c r="P90" s="53">
        <v>58708.38</v>
      </c>
      <c r="Q90" s="53">
        <v>57413.38</v>
      </c>
      <c r="R90" s="53">
        <v>61710.61</v>
      </c>
      <c r="S90" s="53">
        <v>55556.569999999898</v>
      </c>
      <c r="T90" s="53">
        <v>54176.02</v>
      </c>
      <c r="U90" s="53">
        <v>63925.67</v>
      </c>
      <c r="V90" s="53">
        <v>53986.669999999896</v>
      </c>
      <c r="W90" s="53">
        <v>53850.7</v>
      </c>
      <c r="X90" s="53">
        <v>53957.24</v>
      </c>
      <c r="Y90" s="53">
        <v>98093.65</v>
      </c>
      <c r="Z90" s="53">
        <v>53731.099999999897</v>
      </c>
      <c r="AA90" s="53">
        <v>717560.44</v>
      </c>
      <c r="AB90" s="53">
        <v>52450.45</v>
      </c>
      <c r="AC90" s="53">
        <v>58708.38</v>
      </c>
      <c r="AD90" s="53">
        <v>57413.38</v>
      </c>
      <c r="AE90" s="53">
        <v>61710.61</v>
      </c>
      <c r="AF90" s="53">
        <v>55556.569999999898</v>
      </c>
      <c r="AG90" s="53">
        <v>54176.02</v>
      </c>
      <c r="AH90" s="53">
        <v>63925.67</v>
      </c>
      <c r="AI90" s="53">
        <v>53986.669999999896</v>
      </c>
      <c r="AJ90" s="53">
        <v>53850.7</v>
      </c>
      <c r="AK90" s="53">
        <v>53957.24</v>
      </c>
      <c r="AL90" s="53">
        <v>98093.65</v>
      </c>
      <c r="AM90" s="53">
        <v>53731.099999999897</v>
      </c>
      <c r="AN90" s="53">
        <v>717560.44</v>
      </c>
      <c r="AO90" s="53">
        <v>52450.45</v>
      </c>
      <c r="AP90" s="53">
        <v>58708.38</v>
      </c>
      <c r="AQ90" s="53">
        <v>57413.38</v>
      </c>
      <c r="AR90" s="53">
        <v>61710.61</v>
      </c>
      <c r="AS90" s="53">
        <v>55556.569999999898</v>
      </c>
      <c r="AT90" s="53">
        <v>54176.02</v>
      </c>
      <c r="AU90" s="53">
        <v>63925.67</v>
      </c>
      <c r="AV90" s="53">
        <v>53986.669999999896</v>
      </c>
      <c r="AW90" s="53">
        <v>53850.7</v>
      </c>
      <c r="AX90" s="53">
        <v>53957.24</v>
      </c>
      <c r="AY90" s="53">
        <v>98093.65</v>
      </c>
      <c r="AZ90" s="53">
        <v>53731.099999999897</v>
      </c>
      <c r="BA90" s="53">
        <v>717560.44</v>
      </c>
    </row>
    <row r="91" spans="1:53">
      <c r="A91" s="52" t="s">
        <v>886</v>
      </c>
      <c r="B91" s="53">
        <v>-15834.6033333333</v>
      </c>
      <c r="C91" s="53">
        <v>-15834.6033333333</v>
      </c>
      <c r="D91" s="53">
        <v>-15834.6033333333</v>
      </c>
      <c r="E91" s="53">
        <v>-15834.6033333333</v>
      </c>
      <c r="F91" s="53">
        <v>-15834.6033333333</v>
      </c>
      <c r="G91" s="53">
        <v>-15834.6033333333</v>
      </c>
      <c r="H91" s="53">
        <v>-15834.6033333333</v>
      </c>
      <c r="I91" s="53">
        <v>-15834.6033333333</v>
      </c>
      <c r="J91" s="53">
        <v>-15834.6033333333</v>
      </c>
      <c r="K91" s="53">
        <v>-15834.6033333333</v>
      </c>
      <c r="L91" s="53">
        <v>-15834.6033333333</v>
      </c>
      <c r="M91" s="53">
        <v>-15834.6033333333</v>
      </c>
      <c r="N91" s="53">
        <v>-190015.239999999</v>
      </c>
      <c r="O91" s="53">
        <v>-15834.6033333333</v>
      </c>
      <c r="P91" s="53">
        <v>-15834.6033333333</v>
      </c>
      <c r="Q91" s="53">
        <v>-15834.6033333333</v>
      </c>
      <c r="R91" s="53">
        <v>-15834.6033333333</v>
      </c>
      <c r="S91" s="53">
        <v>-15834.6033333333</v>
      </c>
      <c r="T91" s="53">
        <v>-15834.6033333333</v>
      </c>
      <c r="U91" s="53">
        <v>-15834.6033333333</v>
      </c>
      <c r="V91" s="53">
        <v>-15834.6033333333</v>
      </c>
      <c r="W91" s="53">
        <v>-15834.6033333333</v>
      </c>
      <c r="X91" s="53">
        <v>-15834.6033333333</v>
      </c>
      <c r="Y91" s="53">
        <v>-15834.6033333333</v>
      </c>
      <c r="Z91" s="53">
        <v>-15834.6033333333</v>
      </c>
      <c r="AA91" s="53">
        <v>-190015.239999999</v>
      </c>
      <c r="AB91" s="53">
        <v>-15834.6033333333</v>
      </c>
      <c r="AC91" s="53">
        <v>-15834.6033333333</v>
      </c>
      <c r="AD91" s="53">
        <v>-15834.6033333333</v>
      </c>
      <c r="AE91" s="53">
        <v>-15834.6033333333</v>
      </c>
      <c r="AF91" s="53">
        <v>-15834.6033333333</v>
      </c>
      <c r="AG91" s="53">
        <v>-15834.6033333333</v>
      </c>
      <c r="AH91" s="53">
        <v>-15834.6033333333</v>
      </c>
      <c r="AI91" s="53">
        <v>-15834.6033333333</v>
      </c>
      <c r="AJ91" s="53">
        <v>-15834.6033333333</v>
      </c>
      <c r="AK91" s="53">
        <v>-15834.6033333333</v>
      </c>
      <c r="AL91" s="53">
        <v>-15834.6033333333</v>
      </c>
      <c r="AM91" s="53">
        <v>-15834.6033333333</v>
      </c>
      <c r="AN91" s="53">
        <v>-190015.239999999</v>
      </c>
      <c r="AO91" s="53">
        <v>-15834.6033333333</v>
      </c>
      <c r="AP91" s="53">
        <v>-15834.6033333333</v>
      </c>
      <c r="AQ91" s="53">
        <v>-15834.6033333333</v>
      </c>
      <c r="AR91" s="53">
        <v>-15834.6033333333</v>
      </c>
      <c r="AS91" s="53">
        <v>-15834.6033333333</v>
      </c>
      <c r="AT91" s="53">
        <v>-15834.6033333333</v>
      </c>
      <c r="AU91" s="53">
        <v>-15834.6033333333</v>
      </c>
      <c r="AV91" s="53">
        <v>-15834.6033333333</v>
      </c>
      <c r="AW91" s="53">
        <v>-15834.6033333333</v>
      </c>
      <c r="AX91" s="53">
        <v>-15834.6033333333</v>
      </c>
      <c r="AY91" s="53">
        <v>-15834.6033333333</v>
      </c>
      <c r="AZ91" s="53">
        <v>-15834.6033333333</v>
      </c>
      <c r="BA91" s="53">
        <v>-190015.239999999</v>
      </c>
    </row>
    <row r="92" spans="1:53">
      <c r="A92" s="52" t="s">
        <v>887</v>
      </c>
      <c r="B92" s="53">
        <v>36615.846666666701</v>
      </c>
      <c r="C92" s="53">
        <v>42873.776666666701</v>
      </c>
      <c r="D92" s="53">
        <v>41578.776666666701</v>
      </c>
      <c r="E92" s="53">
        <v>45876.006666666697</v>
      </c>
      <c r="F92" s="53">
        <v>39721.966666666602</v>
      </c>
      <c r="G92" s="53">
        <v>38341.416666666701</v>
      </c>
      <c r="H92" s="53">
        <v>48091.066666666702</v>
      </c>
      <c r="I92" s="53">
        <v>38152.0666666666</v>
      </c>
      <c r="J92" s="53">
        <v>38016.096666666701</v>
      </c>
      <c r="K92" s="53">
        <v>38122.636666666702</v>
      </c>
      <c r="L92" s="53">
        <v>82259.046666666603</v>
      </c>
      <c r="M92" s="53">
        <v>37896.496666666601</v>
      </c>
      <c r="N92" s="53">
        <v>527545.19999999995</v>
      </c>
      <c r="O92" s="53">
        <v>36615.846666666701</v>
      </c>
      <c r="P92" s="53">
        <v>42873.776666666701</v>
      </c>
      <c r="Q92" s="53">
        <v>41578.776666666701</v>
      </c>
      <c r="R92" s="53">
        <v>45876.006666666697</v>
      </c>
      <c r="S92" s="53">
        <v>39721.966666666602</v>
      </c>
      <c r="T92" s="53">
        <v>38341.416666666701</v>
      </c>
      <c r="U92" s="53">
        <v>48091.066666666702</v>
      </c>
      <c r="V92" s="53">
        <v>38152.0666666666</v>
      </c>
      <c r="W92" s="53">
        <v>38016.096666666701</v>
      </c>
      <c r="X92" s="53">
        <v>38122.636666666702</v>
      </c>
      <c r="Y92" s="53">
        <v>82259.046666666603</v>
      </c>
      <c r="Z92" s="53">
        <v>37896.496666666601</v>
      </c>
      <c r="AA92" s="53">
        <v>527545.19999999995</v>
      </c>
      <c r="AB92" s="53">
        <v>36615.846666666701</v>
      </c>
      <c r="AC92" s="53">
        <v>42873.776666666701</v>
      </c>
      <c r="AD92" s="53">
        <v>41578.776666666701</v>
      </c>
      <c r="AE92" s="53">
        <v>45876.006666666697</v>
      </c>
      <c r="AF92" s="53">
        <v>39721.966666666602</v>
      </c>
      <c r="AG92" s="53">
        <v>38341.416666666701</v>
      </c>
      <c r="AH92" s="53">
        <v>48091.066666666702</v>
      </c>
      <c r="AI92" s="53">
        <v>38152.0666666666</v>
      </c>
      <c r="AJ92" s="53">
        <v>38016.096666666701</v>
      </c>
      <c r="AK92" s="53">
        <v>38122.636666666702</v>
      </c>
      <c r="AL92" s="53">
        <v>82259.046666666603</v>
      </c>
      <c r="AM92" s="53">
        <v>37896.496666666601</v>
      </c>
      <c r="AN92" s="53">
        <v>527545.19999999995</v>
      </c>
      <c r="AO92" s="53">
        <v>36615.846666666701</v>
      </c>
      <c r="AP92" s="53">
        <v>42873.776666666701</v>
      </c>
      <c r="AQ92" s="53">
        <v>41578.776666666701</v>
      </c>
      <c r="AR92" s="53">
        <v>45876.006666666697</v>
      </c>
      <c r="AS92" s="53">
        <v>39721.966666666602</v>
      </c>
      <c r="AT92" s="53">
        <v>38341.416666666701</v>
      </c>
      <c r="AU92" s="53">
        <v>48091.066666666702</v>
      </c>
      <c r="AV92" s="53">
        <v>38152.0666666666</v>
      </c>
      <c r="AW92" s="53">
        <v>38016.096666666701</v>
      </c>
      <c r="AX92" s="53">
        <v>38122.636666666702</v>
      </c>
      <c r="AY92" s="53">
        <v>82259.046666666603</v>
      </c>
      <c r="AZ92" s="53">
        <v>37896.496666666601</v>
      </c>
      <c r="BA92" s="53">
        <v>527545.19999999995</v>
      </c>
    </row>
    <row r="93" spans="1:53">
      <c r="A93" s="52" t="s">
        <v>888</v>
      </c>
      <c r="B93" s="53">
        <v>0</v>
      </c>
      <c r="C93" s="53">
        <v>0</v>
      </c>
      <c r="D93" s="53">
        <v>0</v>
      </c>
      <c r="E93" s="53">
        <v>0</v>
      </c>
      <c r="F93" s="53">
        <v>0</v>
      </c>
      <c r="G93" s="53">
        <v>0</v>
      </c>
      <c r="H93" s="53">
        <v>0</v>
      </c>
      <c r="I93" s="53">
        <v>0</v>
      </c>
      <c r="J93" s="53">
        <v>0</v>
      </c>
      <c r="K93" s="53">
        <v>0</v>
      </c>
      <c r="L93" s="53">
        <v>0</v>
      </c>
      <c r="M93" s="53">
        <v>0</v>
      </c>
      <c r="N93" s="53">
        <v>0</v>
      </c>
      <c r="O93" s="53">
        <v>0</v>
      </c>
      <c r="P93" s="53">
        <v>0</v>
      </c>
      <c r="Q93" s="53">
        <v>0</v>
      </c>
      <c r="R93" s="53">
        <v>0</v>
      </c>
      <c r="S93" s="53">
        <v>0</v>
      </c>
      <c r="T93" s="53">
        <v>0</v>
      </c>
      <c r="U93" s="53">
        <v>0</v>
      </c>
      <c r="V93" s="53">
        <v>0</v>
      </c>
      <c r="W93" s="53">
        <v>0</v>
      </c>
      <c r="X93" s="53">
        <v>0</v>
      </c>
      <c r="Y93" s="53">
        <v>0</v>
      </c>
      <c r="Z93" s="53">
        <v>0</v>
      </c>
      <c r="AA93" s="53">
        <v>0</v>
      </c>
      <c r="AB93" s="53">
        <v>0</v>
      </c>
      <c r="AC93" s="53">
        <v>0</v>
      </c>
      <c r="AD93" s="53">
        <v>0</v>
      </c>
      <c r="AE93" s="53">
        <v>0</v>
      </c>
      <c r="AF93" s="53">
        <v>0</v>
      </c>
      <c r="AG93" s="53">
        <v>0</v>
      </c>
      <c r="AH93" s="53">
        <v>0</v>
      </c>
      <c r="AI93" s="53">
        <v>0</v>
      </c>
      <c r="AJ93" s="53">
        <v>0</v>
      </c>
      <c r="AK93" s="53">
        <v>0</v>
      </c>
      <c r="AL93" s="53">
        <v>0</v>
      </c>
      <c r="AM93" s="53">
        <v>0</v>
      </c>
      <c r="AN93" s="53">
        <v>0</v>
      </c>
      <c r="AO93" s="53">
        <v>0</v>
      </c>
      <c r="AP93" s="53">
        <v>0</v>
      </c>
      <c r="AQ93" s="53">
        <v>0</v>
      </c>
      <c r="AR93" s="53">
        <v>0</v>
      </c>
      <c r="AS93" s="53">
        <v>0</v>
      </c>
      <c r="AT93" s="53">
        <v>0</v>
      </c>
      <c r="AU93" s="53">
        <v>0</v>
      </c>
      <c r="AV93" s="53">
        <v>0</v>
      </c>
      <c r="AW93" s="53">
        <v>0</v>
      </c>
      <c r="AX93" s="53">
        <v>0</v>
      </c>
      <c r="AY93" s="53">
        <v>0</v>
      </c>
      <c r="AZ93" s="53">
        <v>0</v>
      </c>
      <c r="BA93" s="53">
        <v>0</v>
      </c>
    </row>
    <row r="94" spans="1:53">
      <c r="A94" s="52" t="s">
        <v>889</v>
      </c>
      <c r="B94" s="53">
        <v>0</v>
      </c>
      <c r="C94" s="53">
        <v>3524.64</v>
      </c>
      <c r="D94" s="53">
        <v>2029.98</v>
      </c>
      <c r="E94" s="53">
        <v>4574.0199999999904</v>
      </c>
      <c r="F94" s="53">
        <v>1037.6199999999999</v>
      </c>
      <c r="G94" s="53">
        <v>0</v>
      </c>
      <c r="H94" s="53">
        <v>5716.48</v>
      </c>
      <c r="I94" s="53">
        <v>0</v>
      </c>
      <c r="J94" s="53">
        <v>0</v>
      </c>
      <c r="K94" s="53">
        <v>0</v>
      </c>
      <c r="L94" s="53">
        <v>25031.7</v>
      </c>
      <c r="M94" s="53">
        <v>0</v>
      </c>
      <c r="N94" s="53">
        <v>41914.44</v>
      </c>
      <c r="O94" s="53">
        <v>0</v>
      </c>
      <c r="P94" s="53">
        <v>3524.64</v>
      </c>
      <c r="Q94" s="53">
        <v>2029.98</v>
      </c>
      <c r="R94" s="53">
        <v>4574.0199999999904</v>
      </c>
      <c r="S94" s="53">
        <v>1037.6199999999999</v>
      </c>
      <c r="T94" s="53">
        <v>0</v>
      </c>
      <c r="U94" s="53">
        <v>5716.48</v>
      </c>
      <c r="V94" s="53">
        <v>0</v>
      </c>
      <c r="W94" s="53">
        <v>0</v>
      </c>
      <c r="X94" s="53">
        <v>0</v>
      </c>
      <c r="Y94" s="53">
        <v>25031.7</v>
      </c>
      <c r="Z94" s="53">
        <v>0</v>
      </c>
      <c r="AA94" s="53">
        <v>41914.44</v>
      </c>
      <c r="AB94" s="53">
        <v>0</v>
      </c>
      <c r="AC94" s="53">
        <v>3524.64</v>
      </c>
      <c r="AD94" s="53">
        <v>2029.98</v>
      </c>
      <c r="AE94" s="53">
        <v>4574.0199999999904</v>
      </c>
      <c r="AF94" s="53">
        <v>1037.6199999999999</v>
      </c>
      <c r="AG94" s="53">
        <v>0</v>
      </c>
      <c r="AH94" s="53">
        <v>5716.48</v>
      </c>
      <c r="AI94" s="53">
        <v>0</v>
      </c>
      <c r="AJ94" s="53">
        <v>0</v>
      </c>
      <c r="AK94" s="53">
        <v>0</v>
      </c>
      <c r="AL94" s="53">
        <v>25031.7</v>
      </c>
      <c r="AM94" s="53">
        <v>0</v>
      </c>
      <c r="AN94" s="53">
        <v>41914.44</v>
      </c>
      <c r="AO94" s="53">
        <v>0</v>
      </c>
      <c r="AP94" s="53">
        <v>3524.64</v>
      </c>
      <c r="AQ94" s="53">
        <v>2029.98</v>
      </c>
      <c r="AR94" s="53">
        <v>4574.0199999999904</v>
      </c>
      <c r="AS94" s="53">
        <v>1037.6199999999999</v>
      </c>
      <c r="AT94" s="53">
        <v>0</v>
      </c>
      <c r="AU94" s="53">
        <v>5716.48</v>
      </c>
      <c r="AV94" s="53">
        <v>0</v>
      </c>
      <c r="AW94" s="53">
        <v>0</v>
      </c>
      <c r="AX94" s="53">
        <v>0</v>
      </c>
      <c r="AY94" s="53">
        <v>25031.7</v>
      </c>
      <c r="AZ94" s="53">
        <v>0</v>
      </c>
      <c r="BA94" s="53">
        <v>41914.44</v>
      </c>
    </row>
    <row r="95" spans="1:53">
      <c r="A95" s="52" t="s">
        <v>890</v>
      </c>
      <c r="B95" s="53">
        <v>652853.30000000005</v>
      </c>
      <c r="C95" s="53">
        <v>394450.06</v>
      </c>
      <c r="D95" s="53">
        <v>993955.71</v>
      </c>
      <c r="E95" s="53">
        <v>470657.53</v>
      </c>
      <c r="F95" s="53">
        <v>518755.68</v>
      </c>
      <c r="G95" s="53">
        <v>524799.56000000006</v>
      </c>
      <c r="H95" s="53">
        <v>1018469.44</v>
      </c>
      <c r="I95" s="53">
        <v>657253.429999999</v>
      </c>
      <c r="J95" s="53">
        <v>832720.50999999896</v>
      </c>
      <c r="K95" s="53">
        <v>612182.06000000006</v>
      </c>
      <c r="L95" s="53">
        <v>949119.23</v>
      </c>
      <c r="M95" s="53">
        <v>642375.29</v>
      </c>
      <c r="N95" s="53">
        <v>8267591.7999999998</v>
      </c>
      <c r="O95" s="53">
        <v>652853.30000000005</v>
      </c>
      <c r="P95" s="53">
        <v>394450.06</v>
      </c>
      <c r="Q95" s="53">
        <v>993955.71</v>
      </c>
      <c r="R95" s="53">
        <v>470657.53</v>
      </c>
      <c r="S95" s="53">
        <v>518755.68</v>
      </c>
      <c r="T95" s="53">
        <v>524799.56000000006</v>
      </c>
      <c r="U95" s="53">
        <v>1018469.44</v>
      </c>
      <c r="V95" s="53">
        <v>657253.429999999</v>
      </c>
      <c r="W95" s="53">
        <v>832720.50999999896</v>
      </c>
      <c r="X95" s="53">
        <v>612182.06000000006</v>
      </c>
      <c r="Y95" s="53">
        <v>949119.23</v>
      </c>
      <c r="Z95" s="53">
        <v>642375.29</v>
      </c>
      <c r="AA95" s="53">
        <v>8267591.7999999998</v>
      </c>
      <c r="AB95" s="53">
        <v>652853.30000000005</v>
      </c>
      <c r="AC95" s="53">
        <v>394450.06</v>
      </c>
      <c r="AD95" s="53">
        <v>993955.71</v>
      </c>
      <c r="AE95" s="53">
        <v>470657.53</v>
      </c>
      <c r="AF95" s="53">
        <v>518755.68</v>
      </c>
      <c r="AG95" s="53">
        <v>524799.56000000006</v>
      </c>
      <c r="AH95" s="53">
        <v>1018469.44</v>
      </c>
      <c r="AI95" s="53">
        <v>657253.429999999</v>
      </c>
      <c r="AJ95" s="53">
        <v>832720.50999999896</v>
      </c>
      <c r="AK95" s="53">
        <v>612182.06000000006</v>
      </c>
      <c r="AL95" s="53">
        <v>949119.23</v>
      </c>
      <c r="AM95" s="53">
        <v>642375.29</v>
      </c>
      <c r="AN95" s="53">
        <v>8267591.7999999998</v>
      </c>
      <c r="AO95" s="53">
        <v>652853.30000000005</v>
      </c>
      <c r="AP95" s="53">
        <v>394450.06</v>
      </c>
      <c r="AQ95" s="53">
        <v>993955.71</v>
      </c>
      <c r="AR95" s="53">
        <v>470657.53</v>
      </c>
      <c r="AS95" s="53">
        <v>518755.68</v>
      </c>
      <c r="AT95" s="53">
        <v>524799.56000000006</v>
      </c>
      <c r="AU95" s="53">
        <v>1018469.44</v>
      </c>
      <c r="AV95" s="53">
        <v>657253.429999999</v>
      </c>
      <c r="AW95" s="53">
        <v>832720.50999999896</v>
      </c>
      <c r="AX95" s="53">
        <v>612182.06000000006</v>
      </c>
      <c r="AY95" s="53">
        <v>949119.23</v>
      </c>
      <c r="AZ95" s="53">
        <v>642375.29</v>
      </c>
      <c r="BA95" s="53">
        <v>8267591.7999999998</v>
      </c>
    </row>
    <row r="96" spans="1:53">
      <c r="A96" s="234" t="s">
        <v>891</v>
      </c>
      <c r="B96" s="53">
        <v>18836.138104371199</v>
      </c>
      <c r="C96" s="53">
        <v>18836.138104371199</v>
      </c>
      <c r="D96" s="53">
        <v>18836.138104371199</v>
      </c>
      <c r="E96" s="53">
        <v>18836.138104371199</v>
      </c>
      <c r="F96" s="53">
        <v>18836.138104371199</v>
      </c>
      <c r="G96" s="53">
        <v>18836.138104371199</v>
      </c>
      <c r="H96" s="53">
        <v>18836.138104371199</v>
      </c>
      <c r="I96" s="53">
        <v>18836.138104371199</v>
      </c>
      <c r="J96" s="53">
        <v>18836.138104371199</v>
      </c>
      <c r="K96" s="53">
        <v>18836.138104371199</v>
      </c>
      <c r="L96" s="53">
        <v>18836.138104371199</v>
      </c>
      <c r="M96" s="53">
        <v>18836.138104371199</v>
      </c>
      <c r="N96" s="53">
        <v>226033.657252454</v>
      </c>
      <c r="O96" s="53">
        <v>34929.8164020857</v>
      </c>
      <c r="P96" s="53">
        <v>34929.8164020857</v>
      </c>
      <c r="Q96" s="53">
        <v>34929.8164020857</v>
      </c>
      <c r="R96" s="53">
        <v>34929.8164020857</v>
      </c>
      <c r="S96" s="53">
        <v>34929.8164020857</v>
      </c>
      <c r="T96" s="53">
        <v>34929.8164020857</v>
      </c>
      <c r="U96" s="53">
        <v>34929.8164020857</v>
      </c>
      <c r="V96" s="53">
        <v>34929.8164020857</v>
      </c>
      <c r="W96" s="53">
        <v>34929.8164020857</v>
      </c>
      <c r="X96" s="53">
        <v>34929.8164020857</v>
      </c>
      <c r="Y96" s="53">
        <v>34929.8164020857</v>
      </c>
      <c r="Z96" s="53">
        <v>34929.8164020857</v>
      </c>
      <c r="AA96" s="53">
        <v>419157.79682502901</v>
      </c>
      <c r="AB96" s="53">
        <v>52155.250296204496</v>
      </c>
      <c r="AC96" s="53">
        <v>52155.250296204496</v>
      </c>
      <c r="AD96" s="53">
        <v>52155.250296204496</v>
      </c>
      <c r="AE96" s="53">
        <v>52155.250296204496</v>
      </c>
      <c r="AF96" s="53">
        <v>52155.250296204496</v>
      </c>
      <c r="AG96" s="53">
        <v>52155.250296204496</v>
      </c>
      <c r="AH96" s="53">
        <v>52155.250296204496</v>
      </c>
      <c r="AI96" s="53">
        <v>52155.250296204496</v>
      </c>
      <c r="AJ96" s="53">
        <v>52155.250296204496</v>
      </c>
      <c r="AK96" s="53">
        <v>52155.250296204496</v>
      </c>
      <c r="AL96" s="53">
        <v>52155.250296204496</v>
      </c>
      <c r="AM96" s="53">
        <v>52155.250296204496</v>
      </c>
      <c r="AN96" s="53">
        <v>625863.00355445396</v>
      </c>
      <c r="AO96" s="53">
        <v>69651.415822439696</v>
      </c>
      <c r="AP96" s="53">
        <v>69651.415822439696</v>
      </c>
      <c r="AQ96" s="53">
        <v>69651.415822439696</v>
      </c>
      <c r="AR96" s="53">
        <v>69651.415822439696</v>
      </c>
      <c r="AS96" s="53">
        <v>69651.415822439696</v>
      </c>
      <c r="AT96" s="53">
        <v>69651.415822439696</v>
      </c>
      <c r="AU96" s="53">
        <v>69651.415822439696</v>
      </c>
      <c r="AV96" s="53">
        <v>69651.415822439696</v>
      </c>
      <c r="AW96" s="53">
        <v>69651.415822439696</v>
      </c>
      <c r="AX96" s="53">
        <v>69651.415822439696</v>
      </c>
      <c r="AY96" s="53">
        <v>69651.415822439696</v>
      </c>
      <c r="AZ96" s="53">
        <v>69651.415822439696</v>
      </c>
      <c r="BA96" s="53">
        <v>835816.98986927595</v>
      </c>
    </row>
    <row r="97" spans="1:53">
      <c r="A97" s="52" t="s">
        <v>892</v>
      </c>
      <c r="B97" s="53">
        <v>78855.739999999903</v>
      </c>
      <c r="C97" s="53">
        <v>44826.34</v>
      </c>
      <c r="D97" s="53">
        <v>160511.01999999999</v>
      </c>
      <c r="E97" s="53">
        <v>41977.1</v>
      </c>
      <c r="F97" s="53">
        <v>50045.96</v>
      </c>
      <c r="G97" s="53">
        <v>46978.239999999998</v>
      </c>
      <c r="H97" s="53">
        <v>46965.279999999999</v>
      </c>
      <c r="I97" s="53">
        <v>109428.28</v>
      </c>
      <c r="J97" s="53">
        <v>67526.559999999998</v>
      </c>
      <c r="K97" s="53">
        <v>63769.1</v>
      </c>
      <c r="L97" s="53">
        <v>72569.66</v>
      </c>
      <c r="M97" s="53">
        <v>50879.54</v>
      </c>
      <c r="N97" s="53">
        <v>834332.82</v>
      </c>
      <c r="O97" s="53">
        <v>78855.739999999903</v>
      </c>
      <c r="P97" s="53">
        <v>44826.34</v>
      </c>
      <c r="Q97" s="53">
        <v>160511.01999999999</v>
      </c>
      <c r="R97" s="53">
        <v>41977.1</v>
      </c>
      <c r="S97" s="53">
        <v>50045.96</v>
      </c>
      <c r="T97" s="53">
        <v>46978.239999999998</v>
      </c>
      <c r="U97" s="53">
        <v>46965.279999999999</v>
      </c>
      <c r="V97" s="53">
        <v>109428.28</v>
      </c>
      <c r="W97" s="53">
        <v>67526.559999999998</v>
      </c>
      <c r="X97" s="53">
        <v>63769.1</v>
      </c>
      <c r="Y97" s="53">
        <v>72569.66</v>
      </c>
      <c r="Z97" s="53">
        <v>50879.54</v>
      </c>
      <c r="AA97" s="53">
        <v>834332.82</v>
      </c>
      <c r="AB97" s="53">
        <v>78855.739999999903</v>
      </c>
      <c r="AC97" s="53">
        <v>44826.34</v>
      </c>
      <c r="AD97" s="53">
        <v>160511.01999999999</v>
      </c>
      <c r="AE97" s="53">
        <v>41977.1</v>
      </c>
      <c r="AF97" s="53">
        <v>50045.96</v>
      </c>
      <c r="AG97" s="53">
        <v>46978.239999999998</v>
      </c>
      <c r="AH97" s="53">
        <v>46965.279999999999</v>
      </c>
      <c r="AI97" s="53">
        <v>109428.28</v>
      </c>
      <c r="AJ97" s="53">
        <v>67526.559999999998</v>
      </c>
      <c r="AK97" s="53">
        <v>63769.1</v>
      </c>
      <c r="AL97" s="53">
        <v>72569.66</v>
      </c>
      <c r="AM97" s="53">
        <v>50879.54</v>
      </c>
      <c r="AN97" s="53">
        <v>834332.82</v>
      </c>
      <c r="AO97" s="53">
        <v>78855.739999999903</v>
      </c>
      <c r="AP97" s="53">
        <v>44826.34</v>
      </c>
      <c r="AQ97" s="53">
        <v>160511.01999999999</v>
      </c>
      <c r="AR97" s="53">
        <v>41977.1</v>
      </c>
      <c r="AS97" s="53">
        <v>50045.96</v>
      </c>
      <c r="AT97" s="53">
        <v>46978.239999999998</v>
      </c>
      <c r="AU97" s="53">
        <v>46965.279999999999</v>
      </c>
      <c r="AV97" s="53">
        <v>109428.28</v>
      </c>
      <c r="AW97" s="53">
        <v>67526.559999999998</v>
      </c>
      <c r="AX97" s="53">
        <v>63769.1</v>
      </c>
      <c r="AY97" s="53">
        <v>72569.66</v>
      </c>
      <c r="AZ97" s="53">
        <v>50879.54</v>
      </c>
      <c r="BA97" s="53">
        <v>834332.82</v>
      </c>
    </row>
    <row r="98" spans="1:53">
      <c r="A98" s="52" t="s">
        <v>893</v>
      </c>
      <c r="B98" s="53">
        <v>1318634.4331048201</v>
      </c>
      <c r="C98" s="53">
        <v>1021533.83310482</v>
      </c>
      <c r="D98" s="53">
        <v>1579021.7031048201</v>
      </c>
      <c r="E98" s="53">
        <v>1020111.55310482</v>
      </c>
      <c r="F98" s="53">
        <v>1409065.9731048199</v>
      </c>
      <c r="G98" s="53">
        <v>975070.47310482501</v>
      </c>
      <c r="H98" s="53">
        <v>1482346.2031048201</v>
      </c>
      <c r="I98" s="53">
        <v>1329522.0131048199</v>
      </c>
      <c r="J98" s="53">
        <v>1435717.89310482</v>
      </c>
      <c r="K98" s="53">
        <v>1100614.80310482</v>
      </c>
      <c r="L98" s="53">
        <v>1999461.37310482</v>
      </c>
      <c r="M98" s="53">
        <v>1152982.85310482</v>
      </c>
      <c r="N98" s="53">
        <v>15824083.107257901</v>
      </c>
      <c r="O98" s="53">
        <v>1344644.32969094</v>
      </c>
      <c r="P98" s="53">
        <v>1047543.72969093</v>
      </c>
      <c r="Q98" s="53">
        <v>1605031.59969093</v>
      </c>
      <c r="R98" s="53">
        <v>1046121.44969093</v>
      </c>
      <c r="S98" s="53">
        <v>1435075.86969093</v>
      </c>
      <c r="T98" s="53">
        <v>1001080.36969093</v>
      </c>
      <c r="U98" s="53">
        <v>1508356.09969093</v>
      </c>
      <c r="V98" s="53">
        <v>1355531.90969093</v>
      </c>
      <c r="W98" s="53">
        <v>1461727.7896909299</v>
      </c>
      <c r="X98" s="53">
        <v>1126624.6996909301</v>
      </c>
      <c r="Y98" s="53">
        <v>2025471.2696909299</v>
      </c>
      <c r="Z98" s="53">
        <v>1178992.7496909299</v>
      </c>
      <c r="AA98" s="53">
        <v>16136201.866291201</v>
      </c>
      <c r="AB98" s="53">
        <v>1372483.32000433</v>
      </c>
      <c r="AC98" s="53">
        <v>1075382.7200043299</v>
      </c>
      <c r="AD98" s="53">
        <v>1632870.59000433</v>
      </c>
      <c r="AE98" s="53">
        <v>1073960.4400043299</v>
      </c>
      <c r="AF98" s="53">
        <v>1462914.8600043301</v>
      </c>
      <c r="AG98" s="53">
        <v>1028919.3600043301</v>
      </c>
      <c r="AH98" s="53">
        <v>1536195.09000433</v>
      </c>
      <c r="AI98" s="53">
        <v>1383370.9000043301</v>
      </c>
      <c r="AJ98" s="53">
        <v>1489566.78000433</v>
      </c>
      <c r="AK98" s="53">
        <v>1154463.6900043299</v>
      </c>
      <c r="AL98" s="53">
        <v>2053310.26000433</v>
      </c>
      <c r="AM98" s="53">
        <v>1206831.7400043299</v>
      </c>
      <c r="AN98" s="53">
        <v>16470269.750051999</v>
      </c>
      <c r="AO98" s="53">
        <v>1400759.8549003699</v>
      </c>
      <c r="AP98" s="53">
        <v>1103659.25490037</v>
      </c>
      <c r="AQ98" s="53">
        <v>1661147.1249003699</v>
      </c>
      <c r="AR98" s="53">
        <v>1102236.97490037</v>
      </c>
      <c r="AS98" s="53">
        <v>1491191.3949003699</v>
      </c>
      <c r="AT98" s="53">
        <v>1057195.8949003699</v>
      </c>
      <c r="AU98" s="53">
        <v>1564471.6249003699</v>
      </c>
      <c r="AV98" s="53">
        <v>1411647.43490037</v>
      </c>
      <c r="AW98" s="53">
        <v>1517843.3149003701</v>
      </c>
      <c r="AX98" s="53">
        <v>1182740.22490037</v>
      </c>
      <c r="AY98" s="53">
        <v>2081586.7949003701</v>
      </c>
      <c r="AZ98" s="53">
        <v>1235108.27490037</v>
      </c>
      <c r="BA98" s="53">
        <v>16809588.1688044</v>
      </c>
    </row>
    <row r="99" spans="1:53">
      <c r="A99" s="231" t="s">
        <v>894</v>
      </c>
      <c r="B99" s="53"/>
      <c r="C99" s="53"/>
      <c r="D99" s="53"/>
      <c r="E99" s="53"/>
      <c r="F99" s="53"/>
      <c r="G99" s="53"/>
      <c r="H99" s="53"/>
      <c r="I99" s="53"/>
      <c r="J99" s="53"/>
      <c r="K99" s="53"/>
      <c r="L99" s="53"/>
      <c r="M99" s="53"/>
      <c r="N99" s="53"/>
      <c r="O99" s="53"/>
      <c r="P99" s="53"/>
      <c r="Q99" s="53"/>
      <c r="R99" s="53"/>
      <c r="S99" s="53"/>
      <c r="T99" s="53"/>
      <c r="U99" s="53"/>
      <c r="V99" s="53"/>
      <c r="W99" s="53"/>
      <c r="X99" s="53"/>
      <c r="Y99" s="53"/>
      <c r="Z99" s="53"/>
      <c r="AA99" s="53"/>
      <c r="AB99" s="53"/>
      <c r="AC99" s="53"/>
      <c r="AD99" s="53"/>
      <c r="AE99" s="53"/>
      <c r="AF99" s="53"/>
      <c r="AG99" s="53"/>
      <c r="AH99" s="53"/>
      <c r="AI99" s="53"/>
      <c r="AJ99" s="53"/>
      <c r="AK99" s="53"/>
      <c r="AL99" s="53"/>
      <c r="AM99" s="53"/>
      <c r="AN99" s="53"/>
      <c r="AO99" s="53"/>
      <c r="AP99" s="53"/>
      <c r="AQ99" s="53"/>
      <c r="AR99" s="53"/>
      <c r="AS99" s="53"/>
      <c r="AT99" s="53"/>
      <c r="AU99" s="53"/>
      <c r="AV99" s="53"/>
      <c r="AW99" s="53"/>
      <c r="AX99" s="53"/>
      <c r="AY99" s="53"/>
      <c r="AZ99" s="53"/>
      <c r="BA99" s="53"/>
    </row>
    <row r="100" spans="1:53">
      <c r="A100" s="52" t="s">
        <v>895</v>
      </c>
      <c r="B100" s="53">
        <v>2814881.9678382198</v>
      </c>
      <c r="C100" s="53">
        <v>4569334.8378382204</v>
      </c>
      <c r="D100" s="53">
        <v>2926945.4878382199</v>
      </c>
      <c r="E100" s="53">
        <v>2199482.1378382202</v>
      </c>
      <c r="F100" s="53">
        <v>2532506.7278382201</v>
      </c>
      <c r="G100" s="53">
        <v>2100001.8478382202</v>
      </c>
      <c r="H100" s="53">
        <v>1931593.89783822</v>
      </c>
      <c r="I100" s="53">
        <v>1934563.36783822</v>
      </c>
      <c r="J100" s="53">
        <v>1931619.4878382201</v>
      </c>
      <c r="K100" s="53">
        <v>2072188.0878382199</v>
      </c>
      <c r="L100" s="53">
        <v>2183825.9478382198</v>
      </c>
      <c r="M100" s="53">
        <v>1433048.0778382199</v>
      </c>
      <c r="N100" s="53">
        <v>28629991.874058601</v>
      </c>
      <c r="O100" s="53">
        <v>2814881.9678382198</v>
      </c>
      <c r="P100" s="53">
        <v>4569334.8378382204</v>
      </c>
      <c r="Q100" s="53">
        <v>2926945.4878382199</v>
      </c>
      <c r="R100" s="53">
        <v>2199482.1378382202</v>
      </c>
      <c r="S100" s="53">
        <v>2532506.7278382201</v>
      </c>
      <c r="T100" s="53">
        <v>2100001.8478382202</v>
      </c>
      <c r="U100" s="53">
        <v>1931593.89783822</v>
      </c>
      <c r="V100" s="53">
        <v>1934563.36783822</v>
      </c>
      <c r="W100" s="53">
        <v>1931619.4878382201</v>
      </c>
      <c r="X100" s="53">
        <v>2072188.0878382199</v>
      </c>
      <c r="Y100" s="53">
        <v>2183825.9478382198</v>
      </c>
      <c r="Z100" s="53">
        <v>1433048.0778382199</v>
      </c>
      <c r="AA100" s="53">
        <v>28629991.874058601</v>
      </c>
      <c r="AB100" s="53">
        <v>2814881.9678382198</v>
      </c>
      <c r="AC100" s="53">
        <v>4569334.8378382204</v>
      </c>
      <c r="AD100" s="53">
        <v>2926945.4878382199</v>
      </c>
      <c r="AE100" s="53">
        <v>2199482.1378382202</v>
      </c>
      <c r="AF100" s="53">
        <v>2532506.7278382201</v>
      </c>
      <c r="AG100" s="53">
        <v>2100001.8478382202</v>
      </c>
      <c r="AH100" s="53">
        <v>1931593.89783822</v>
      </c>
      <c r="AI100" s="53">
        <v>1934563.36783822</v>
      </c>
      <c r="AJ100" s="53">
        <v>1931619.4878382201</v>
      </c>
      <c r="AK100" s="53">
        <v>2072188.0878382199</v>
      </c>
      <c r="AL100" s="53">
        <v>2183825.9478382198</v>
      </c>
      <c r="AM100" s="53">
        <v>1433048.0778382199</v>
      </c>
      <c r="AN100" s="53">
        <v>28629991.874058601</v>
      </c>
      <c r="AO100" s="53">
        <v>2816059.76</v>
      </c>
      <c r="AP100" s="53">
        <v>4570512.6299999896</v>
      </c>
      <c r="AQ100" s="53">
        <v>2928123.27999999</v>
      </c>
      <c r="AR100" s="53">
        <v>2200659.9299999899</v>
      </c>
      <c r="AS100" s="53">
        <v>2533684.52</v>
      </c>
      <c r="AT100" s="53">
        <v>2101179.6399999899</v>
      </c>
      <c r="AU100" s="53">
        <v>1932771.69</v>
      </c>
      <c r="AV100" s="53">
        <v>1935741.16</v>
      </c>
      <c r="AW100" s="53">
        <v>1932797.28</v>
      </c>
      <c r="AX100" s="53">
        <v>2073365.88</v>
      </c>
      <c r="AY100" s="53">
        <v>2185003.7400000002</v>
      </c>
      <c r="AZ100" s="53">
        <v>1434225.8699999901</v>
      </c>
      <c r="BA100" s="53">
        <v>28644125.379999999</v>
      </c>
    </row>
    <row r="101" spans="1:53">
      <c r="A101" s="234" t="s">
        <v>896</v>
      </c>
      <c r="B101" s="53">
        <v>38946.3341710159</v>
      </c>
      <c r="C101" s="53">
        <v>38946.3341710159</v>
      </c>
      <c r="D101" s="53">
        <v>38946.3341710159</v>
      </c>
      <c r="E101" s="53">
        <v>38946.3341710159</v>
      </c>
      <c r="F101" s="53">
        <v>38946.3341710159</v>
      </c>
      <c r="G101" s="53">
        <v>38946.3341710159</v>
      </c>
      <c r="H101" s="53">
        <v>38946.3341710159</v>
      </c>
      <c r="I101" s="53">
        <v>38946.3341710159</v>
      </c>
      <c r="J101" s="53">
        <v>38946.3341710159</v>
      </c>
      <c r="K101" s="53">
        <v>38946.3341710159</v>
      </c>
      <c r="L101" s="53">
        <v>38946.3341710159</v>
      </c>
      <c r="M101" s="53">
        <v>38946.3341710159</v>
      </c>
      <c r="N101" s="53">
        <v>467356.01005218999</v>
      </c>
      <c r="O101" s="53">
        <v>86885.746386200204</v>
      </c>
      <c r="P101" s="53">
        <v>86885.746386200204</v>
      </c>
      <c r="Q101" s="53">
        <v>86885.746386200204</v>
      </c>
      <c r="R101" s="53">
        <v>86885.746386200204</v>
      </c>
      <c r="S101" s="53">
        <v>86885.746386200204</v>
      </c>
      <c r="T101" s="53">
        <v>86885.746386200204</v>
      </c>
      <c r="U101" s="53">
        <v>86885.746386200204</v>
      </c>
      <c r="V101" s="53">
        <v>86885.746386200204</v>
      </c>
      <c r="W101" s="53">
        <v>86885.746386200204</v>
      </c>
      <c r="X101" s="53">
        <v>86885.746386200204</v>
      </c>
      <c r="Y101" s="53">
        <v>86885.746386200204</v>
      </c>
      <c r="Z101" s="53">
        <v>86885.746386200204</v>
      </c>
      <c r="AA101" s="53">
        <v>1042628.9566343999</v>
      </c>
      <c r="AB101" s="53">
        <v>110921.20008558</v>
      </c>
      <c r="AC101" s="53">
        <v>110921.20008558</v>
      </c>
      <c r="AD101" s="53">
        <v>110921.20008558</v>
      </c>
      <c r="AE101" s="53">
        <v>110921.20008558</v>
      </c>
      <c r="AF101" s="53">
        <v>110921.20008558</v>
      </c>
      <c r="AG101" s="53">
        <v>110921.20008558</v>
      </c>
      <c r="AH101" s="53">
        <v>110921.20008558</v>
      </c>
      <c r="AI101" s="53">
        <v>110921.20008558</v>
      </c>
      <c r="AJ101" s="53">
        <v>110921.20008558</v>
      </c>
      <c r="AK101" s="53">
        <v>110921.20008558</v>
      </c>
      <c r="AL101" s="53">
        <v>110921.20008558</v>
      </c>
      <c r="AM101" s="53">
        <v>110921.20008558</v>
      </c>
      <c r="AN101" s="53">
        <v>1331054.40102696</v>
      </c>
      <c r="AO101" s="53">
        <v>137487.40984223501</v>
      </c>
      <c r="AP101" s="53">
        <v>137487.40984223501</v>
      </c>
      <c r="AQ101" s="53">
        <v>137487.40984223501</v>
      </c>
      <c r="AR101" s="53">
        <v>137487.40984223501</v>
      </c>
      <c r="AS101" s="53">
        <v>137487.40984223501</v>
      </c>
      <c r="AT101" s="53">
        <v>137487.40984223501</v>
      </c>
      <c r="AU101" s="53">
        <v>137487.40984223501</v>
      </c>
      <c r="AV101" s="53">
        <v>137487.40984223501</v>
      </c>
      <c r="AW101" s="53">
        <v>137487.40984223501</v>
      </c>
      <c r="AX101" s="53">
        <v>137487.40984223501</v>
      </c>
      <c r="AY101" s="53">
        <v>137487.40984223501</v>
      </c>
      <c r="AZ101" s="53">
        <v>137487.40984223501</v>
      </c>
      <c r="BA101" s="53">
        <v>1649848.91810681</v>
      </c>
    </row>
    <row r="102" spans="1:53">
      <c r="A102" s="52" t="s">
        <v>897</v>
      </c>
      <c r="B102" s="53">
        <v>-1858106.74916667</v>
      </c>
      <c r="C102" s="53">
        <v>-1858106.74916667</v>
      </c>
      <c r="D102" s="53">
        <v>-1858106.74916667</v>
      </c>
      <c r="E102" s="53">
        <v>-1858106.74916667</v>
      </c>
      <c r="F102" s="53">
        <v>-1858106.74916667</v>
      </c>
      <c r="G102" s="53">
        <v>-1858106.74916667</v>
      </c>
      <c r="H102" s="53">
        <v>-1858106.74916667</v>
      </c>
      <c r="I102" s="53">
        <v>-1858106.74916667</v>
      </c>
      <c r="J102" s="53">
        <v>-1858106.74916667</v>
      </c>
      <c r="K102" s="53">
        <v>-1858106.74916667</v>
      </c>
      <c r="L102" s="53">
        <v>-1858106.74916667</v>
      </c>
      <c r="M102" s="53">
        <v>-1858106.74916667</v>
      </c>
      <c r="N102" s="53">
        <v>-22297280.989999998</v>
      </c>
      <c r="O102" s="53">
        <v>-1858106.74916667</v>
      </c>
      <c r="P102" s="53">
        <v>-1858106.74916667</v>
      </c>
      <c r="Q102" s="53">
        <v>-1858106.74916667</v>
      </c>
      <c r="R102" s="53">
        <v>-1858106.74916667</v>
      </c>
      <c r="S102" s="53">
        <v>-1858106.74916667</v>
      </c>
      <c r="T102" s="53">
        <v>-1858106.74916667</v>
      </c>
      <c r="U102" s="53">
        <v>-1858106.74916667</v>
      </c>
      <c r="V102" s="53">
        <v>-1858106.74916667</v>
      </c>
      <c r="W102" s="53">
        <v>-1858106.74916667</v>
      </c>
      <c r="X102" s="53">
        <v>-1858106.74916667</v>
      </c>
      <c r="Y102" s="53">
        <v>-1858106.74916667</v>
      </c>
      <c r="Z102" s="53">
        <v>-1858106.74916667</v>
      </c>
      <c r="AA102" s="53">
        <v>-22297280.989999998</v>
      </c>
      <c r="AB102" s="53">
        <v>-1858106.74916667</v>
      </c>
      <c r="AC102" s="53">
        <v>-1858106.74916667</v>
      </c>
      <c r="AD102" s="53">
        <v>-1858106.74916667</v>
      </c>
      <c r="AE102" s="53">
        <v>-1858106.74916667</v>
      </c>
      <c r="AF102" s="53">
        <v>-1858106.74916667</v>
      </c>
      <c r="AG102" s="53">
        <v>-1858106.74916667</v>
      </c>
      <c r="AH102" s="53">
        <v>-1858106.74916667</v>
      </c>
      <c r="AI102" s="53">
        <v>-1858106.74916667</v>
      </c>
      <c r="AJ102" s="53">
        <v>-1858106.74916667</v>
      </c>
      <c r="AK102" s="53">
        <v>-1858106.74916667</v>
      </c>
      <c r="AL102" s="53">
        <v>-1858106.74916667</v>
      </c>
      <c r="AM102" s="53">
        <v>-1858106.74916667</v>
      </c>
      <c r="AN102" s="53">
        <v>-22297280.989999998</v>
      </c>
      <c r="AO102" s="53">
        <v>-1858106.74916667</v>
      </c>
      <c r="AP102" s="53">
        <v>-1858106.74916667</v>
      </c>
      <c r="AQ102" s="53">
        <v>-1858106.74916667</v>
      </c>
      <c r="AR102" s="53">
        <v>-1858106.74916667</v>
      </c>
      <c r="AS102" s="53">
        <v>-1858106.74916667</v>
      </c>
      <c r="AT102" s="53">
        <v>-1858106.74916667</v>
      </c>
      <c r="AU102" s="53">
        <v>-1858106.74916667</v>
      </c>
      <c r="AV102" s="53">
        <v>-1858106.74916667</v>
      </c>
      <c r="AW102" s="53">
        <v>-1858106.74916667</v>
      </c>
      <c r="AX102" s="53">
        <v>-1858106.74916667</v>
      </c>
      <c r="AY102" s="53">
        <v>-1858106.74916667</v>
      </c>
      <c r="AZ102" s="53">
        <v>-1858106.74916667</v>
      </c>
      <c r="BA102" s="53">
        <v>-22297280.989999998</v>
      </c>
    </row>
    <row r="103" spans="1:53">
      <c r="A103" s="52" t="s">
        <v>898</v>
      </c>
      <c r="B103" s="53">
        <v>995721.55284256698</v>
      </c>
      <c r="C103" s="53">
        <v>2750174.4228425599</v>
      </c>
      <c r="D103" s="53">
        <v>1107785.07284256</v>
      </c>
      <c r="E103" s="53">
        <v>380321.72284256702</v>
      </c>
      <c r="F103" s="53">
        <v>713346.31284256699</v>
      </c>
      <c r="G103" s="53">
        <v>280841.43284256698</v>
      </c>
      <c r="H103" s="53">
        <v>112433.482842567</v>
      </c>
      <c r="I103" s="53">
        <v>115402.952842567</v>
      </c>
      <c r="J103" s="53">
        <v>112459.072842568</v>
      </c>
      <c r="K103" s="53">
        <v>253027.672842567</v>
      </c>
      <c r="L103" s="53">
        <v>364665.53284256702</v>
      </c>
      <c r="M103" s="53">
        <v>-386112.33715743199</v>
      </c>
      <c r="N103" s="53">
        <v>6800066.89411081</v>
      </c>
      <c r="O103" s="53">
        <v>1043660.96505775</v>
      </c>
      <c r="P103" s="53">
        <v>2798113.8350577499</v>
      </c>
      <c r="Q103" s="53">
        <v>1155724.48505775</v>
      </c>
      <c r="R103" s="53">
        <v>428261.13505775202</v>
      </c>
      <c r="S103" s="53">
        <v>761285.72505775199</v>
      </c>
      <c r="T103" s="53">
        <v>328780.84505775198</v>
      </c>
      <c r="U103" s="53">
        <v>160372.895057752</v>
      </c>
      <c r="V103" s="53">
        <v>163342.365057752</v>
      </c>
      <c r="W103" s="53">
        <v>160398.485057752</v>
      </c>
      <c r="X103" s="53">
        <v>300967.08505775197</v>
      </c>
      <c r="Y103" s="53">
        <v>412604.94505775202</v>
      </c>
      <c r="Z103" s="53">
        <v>-338172.92494224699</v>
      </c>
      <c r="AA103" s="53">
        <v>7375339.8406930296</v>
      </c>
      <c r="AB103" s="53">
        <v>1067696.4187571299</v>
      </c>
      <c r="AC103" s="53">
        <v>2822149.28875713</v>
      </c>
      <c r="AD103" s="53">
        <v>1179759.9387571299</v>
      </c>
      <c r="AE103" s="53">
        <v>452296.58875713201</v>
      </c>
      <c r="AF103" s="53">
        <v>785321.17875713203</v>
      </c>
      <c r="AG103" s="53">
        <v>352816.29875713098</v>
      </c>
      <c r="AH103" s="53">
        <v>184408.34875713199</v>
      </c>
      <c r="AI103" s="53">
        <v>187377.81875713199</v>
      </c>
      <c r="AJ103" s="53">
        <v>184433.93875713201</v>
      </c>
      <c r="AK103" s="53">
        <v>325002.53875713202</v>
      </c>
      <c r="AL103" s="53">
        <v>436640.398757132</v>
      </c>
      <c r="AM103" s="53">
        <v>-314137.47124286799</v>
      </c>
      <c r="AN103" s="53">
        <v>7663765.2850855803</v>
      </c>
      <c r="AO103" s="53">
        <v>1095440.4206755599</v>
      </c>
      <c r="AP103" s="53">
        <v>2849893.29067556</v>
      </c>
      <c r="AQ103" s="53">
        <v>1207503.9406755599</v>
      </c>
      <c r="AR103" s="53">
        <v>480040.59067556501</v>
      </c>
      <c r="AS103" s="53">
        <v>813065.18067556503</v>
      </c>
      <c r="AT103" s="53">
        <v>380560.30067556398</v>
      </c>
      <c r="AU103" s="53">
        <v>212152.350675564</v>
      </c>
      <c r="AV103" s="53">
        <v>215121.820675564</v>
      </c>
      <c r="AW103" s="53">
        <v>212177.94067556399</v>
      </c>
      <c r="AX103" s="53">
        <v>352746.54067556502</v>
      </c>
      <c r="AY103" s="53">
        <v>464384.400675565</v>
      </c>
      <c r="AZ103" s="53">
        <v>-286393.46932443499</v>
      </c>
      <c r="BA103" s="53">
        <v>7996693.3081067698</v>
      </c>
    </row>
    <row r="104" spans="1:53">
      <c r="A104" s="52" t="s">
        <v>899</v>
      </c>
      <c r="B104" s="53">
        <v>1532787.5033333299</v>
      </c>
      <c r="C104" s="53">
        <v>1589027.04333333</v>
      </c>
      <c r="D104" s="53">
        <v>1529109.82333333</v>
      </c>
      <c r="E104" s="53">
        <v>1637640.2833333299</v>
      </c>
      <c r="F104" s="53">
        <v>1633203.62333333</v>
      </c>
      <c r="G104" s="53">
        <v>1640558.1433333301</v>
      </c>
      <c r="H104" s="53">
        <v>1520346.1833333201</v>
      </c>
      <c r="I104" s="53">
        <v>1807145.62333333</v>
      </c>
      <c r="J104" s="53">
        <v>1539084.04333333</v>
      </c>
      <c r="K104" s="53">
        <v>1695235.60333332</v>
      </c>
      <c r="L104" s="53">
        <v>1748770.2233333299</v>
      </c>
      <c r="M104" s="53">
        <v>1483456.1733333301</v>
      </c>
      <c r="N104" s="53">
        <v>19356364.269999899</v>
      </c>
      <c r="O104" s="53">
        <v>1391120.8366666599</v>
      </c>
      <c r="P104" s="53">
        <v>1447360.37666666</v>
      </c>
      <c r="Q104" s="53">
        <v>1387443.15666666</v>
      </c>
      <c r="R104" s="53">
        <v>1495973.6166666599</v>
      </c>
      <c r="S104" s="53">
        <v>1491536.95666666</v>
      </c>
      <c r="T104" s="53">
        <v>1498891.47666666</v>
      </c>
      <c r="U104" s="53">
        <v>1378679.5166666601</v>
      </c>
      <c r="V104" s="53">
        <v>1665478.95666666</v>
      </c>
      <c r="W104" s="53">
        <v>1397417.37666666</v>
      </c>
      <c r="X104" s="53">
        <v>1553568.93666666</v>
      </c>
      <c r="Y104" s="53">
        <v>1607103.5566666599</v>
      </c>
      <c r="Z104" s="53">
        <v>1341789.5066666601</v>
      </c>
      <c r="AA104" s="53">
        <v>17656364.27</v>
      </c>
      <c r="AB104" s="53">
        <v>1532787.5033333299</v>
      </c>
      <c r="AC104" s="53">
        <v>1589027.04333333</v>
      </c>
      <c r="AD104" s="53">
        <v>1529109.82333333</v>
      </c>
      <c r="AE104" s="53">
        <v>1637640.2833333299</v>
      </c>
      <c r="AF104" s="53">
        <v>1633203.62333333</v>
      </c>
      <c r="AG104" s="53">
        <v>1640558.1433333301</v>
      </c>
      <c r="AH104" s="53">
        <v>1520346.1833333201</v>
      </c>
      <c r="AI104" s="53">
        <v>1807145.62333333</v>
      </c>
      <c r="AJ104" s="53">
        <v>1539084.04333333</v>
      </c>
      <c r="AK104" s="53">
        <v>1695235.60333332</v>
      </c>
      <c r="AL104" s="53">
        <v>1748770.2233333299</v>
      </c>
      <c r="AM104" s="53">
        <v>1483456.1733333301</v>
      </c>
      <c r="AN104" s="53">
        <v>19356364.269999899</v>
      </c>
      <c r="AO104" s="53">
        <v>1532787.5033333299</v>
      </c>
      <c r="AP104" s="53">
        <v>1589027.04333333</v>
      </c>
      <c r="AQ104" s="53">
        <v>1529109.82333333</v>
      </c>
      <c r="AR104" s="53">
        <v>1637640.2833333299</v>
      </c>
      <c r="AS104" s="53">
        <v>1633203.62333333</v>
      </c>
      <c r="AT104" s="53">
        <v>1640558.1433333301</v>
      </c>
      <c r="AU104" s="53">
        <v>1520346.1833333201</v>
      </c>
      <c r="AV104" s="53">
        <v>1807145.62333333</v>
      </c>
      <c r="AW104" s="53">
        <v>1539084.04333333</v>
      </c>
      <c r="AX104" s="53">
        <v>1695235.60333332</v>
      </c>
      <c r="AY104" s="53">
        <v>1748770.2233333299</v>
      </c>
      <c r="AZ104" s="53">
        <v>1483456.1733333301</v>
      </c>
      <c r="BA104" s="53">
        <v>19356364.269999899</v>
      </c>
    </row>
    <row r="105" spans="1:53">
      <c r="A105" s="234" t="s">
        <v>900</v>
      </c>
      <c r="B105" s="53">
        <v>38956.024039892902</v>
      </c>
      <c r="C105" s="53">
        <v>38956.024039892902</v>
      </c>
      <c r="D105" s="53">
        <v>38956.024039892902</v>
      </c>
      <c r="E105" s="53">
        <v>38956.024039892902</v>
      </c>
      <c r="F105" s="53">
        <v>38956.024039892902</v>
      </c>
      <c r="G105" s="53">
        <v>38956.024039892902</v>
      </c>
      <c r="H105" s="53">
        <v>38956.024039892902</v>
      </c>
      <c r="I105" s="53">
        <v>38956.024039892902</v>
      </c>
      <c r="J105" s="53">
        <v>38956.024039892902</v>
      </c>
      <c r="K105" s="53">
        <v>38956.024039892902</v>
      </c>
      <c r="L105" s="53">
        <v>38956.024039892902</v>
      </c>
      <c r="M105" s="53">
        <v>38956.024039892902</v>
      </c>
      <c r="N105" s="53">
        <v>467472.28847871401</v>
      </c>
      <c r="O105" s="53">
        <v>79274.601788819404</v>
      </c>
      <c r="P105" s="53">
        <v>79274.601788819404</v>
      </c>
      <c r="Q105" s="53">
        <v>79274.601788819404</v>
      </c>
      <c r="R105" s="53">
        <v>79274.601788819404</v>
      </c>
      <c r="S105" s="53">
        <v>79274.601788819404</v>
      </c>
      <c r="T105" s="53">
        <v>79274.601788819404</v>
      </c>
      <c r="U105" s="53">
        <v>79274.601788819404</v>
      </c>
      <c r="V105" s="53">
        <v>79274.601788819404</v>
      </c>
      <c r="W105" s="53">
        <v>79274.601788819404</v>
      </c>
      <c r="X105" s="53">
        <v>79274.601788819404</v>
      </c>
      <c r="Y105" s="53">
        <v>79274.601788819404</v>
      </c>
      <c r="Z105" s="53">
        <v>79274.601788819404</v>
      </c>
      <c r="AA105" s="53">
        <v>951295.22146583395</v>
      </c>
      <c r="AB105" s="53">
        <v>110948.797339786</v>
      </c>
      <c r="AC105" s="53">
        <v>110948.797339786</v>
      </c>
      <c r="AD105" s="53">
        <v>110948.797339786</v>
      </c>
      <c r="AE105" s="53">
        <v>110948.797339786</v>
      </c>
      <c r="AF105" s="53">
        <v>110948.797339786</v>
      </c>
      <c r="AG105" s="53">
        <v>110948.797339786</v>
      </c>
      <c r="AH105" s="53">
        <v>110948.797339786</v>
      </c>
      <c r="AI105" s="53">
        <v>110948.797339786</v>
      </c>
      <c r="AJ105" s="53">
        <v>110948.797339786</v>
      </c>
      <c r="AK105" s="53">
        <v>110948.797339786</v>
      </c>
      <c r="AL105" s="53">
        <v>110948.797339786</v>
      </c>
      <c r="AM105" s="53">
        <v>110948.797339786</v>
      </c>
      <c r="AN105" s="53">
        <v>1331385.5680774299</v>
      </c>
      <c r="AO105" s="53">
        <v>137421.25045127099</v>
      </c>
      <c r="AP105" s="53">
        <v>137421.25045127099</v>
      </c>
      <c r="AQ105" s="53">
        <v>137421.25045127099</v>
      </c>
      <c r="AR105" s="53">
        <v>137421.25045127099</v>
      </c>
      <c r="AS105" s="53">
        <v>137421.25045127099</v>
      </c>
      <c r="AT105" s="53">
        <v>137421.25045127099</v>
      </c>
      <c r="AU105" s="53">
        <v>137421.25045127099</v>
      </c>
      <c r="AV105" s="53">
        <v>137421.25045127099</v>
      </c>
      <c r="AW105" s="53">
        <v>137421.25045127099</v>
      </c>
      <c r="AX105" s="53">
        <v>137421.25045127099</v>
      </c>
      <c r="AY105" s="53">
        <v>137421.25045127099</v>
      </c>
      <c r="AZ105" s="53">
        <v>137421.25045127099</v>
      </c>
      <c r="BA105" s="53">
        <v>1649055.0054152601</v>
      </c>
    </row>
    <row r="106" spans="1:53">
      <c r="A106" s="52" t="s">
        <v>901</v>
      </c>
      <c r="B106" s="53">
        <v>380728.92</v>
      </c>
      <c r="C106" s="53">
        <v>398661.14</v>
      </c>
      <c r="D106" s="53">
        <v>586766.68999999994</v>
      </c>
      <c r="E106" s="53">
        <v>318350.39999999898</v>
      </c>
      <c r="F106" s="53">
        <v>274441.3</v>
      </c>
      <c r="G106" s="53">
        <v>114582.19</v>
      </c>
      <c r="H106" s="53">
        <v>85466.880000000005</v>
      </c>
      <c r="I106" s="53">
        <v>99710.43</v>
      </c>
      <c r="J106" s="53">
        <v>116056.23</v>
      </c>
      <c r="K106" s="53">
        <v>169811.47999999899</v>
      </c>
      <c r="L106" s="53">
        <v>116468.069999999</v>
      </c>
      <c r="M106" s="53">
        <v>53128.87</v>
      </c>
      <c r="N106" s="53">
        <v>2714172.6</v>
      </c>
      <c r="O106" s="53">
        <v>2118022.92</v>
      </c>
      <c r="P106" s="53">
        <v>-1145799.8599999901</v>
      </c>
      <c r="Q106" s="53">
        <v>-5879278.3099999996</v>
      </c>
      <c r="R106" s="53">
        <v>-3558133.6</v>
      </c>
      <c r="S106" s="53">
        <v>514448.3</v>
      </c>
      <c r="T106" s="53">
        <v>2902561.19</v>
      </c>
      <c r="U106" s="53">
        <v>4396089.88</v>
      </c>
      <c r="V106" s="53">
        <v>3604967.43</v>
      </c>
      <c r="W106" s="53">
        <v>1979361.23</v>
      </c>
      <c r="X106" s="53">
        <v>796488.48</v>
      </c>
      <c r="Y106" s="53">
        <v>2702790.07</v>
      </c>
      <c r="Z106" s="53">
        <v>4089599.87</v>
      </c>
      <c r="AA106" s="53">
        <v>12521117.6</v>
      </c>
      <c r="AB106" s="53">
        <v>1442984.92</v>
      </c>
      <c r="AC106" s="53">
        <v>-1820837.8599999901</v>
      </c>
      <c r="AD106" s="53">
        <v>-6554316.3099999996</v>
      </c>
      <c r="AE106" s="53">
        <v>-4233171.5999999996</v>
      </c>
      <c r="AF106" s="53">
        <v>-160589.69999999899</v>
      </c>
      <c r="AG106" s="53">
        <v>2227523.19</v>
      </c>
      <c r="AH106" s="53">
        <v>3721051.88</v>
      </c>
      <c r="AI106" s="53">
        <v>2929929.43</v>
      </c>
      <c r="AJ106" s="53">
        <v>1304323.22999999</v>
      </c>
      <c r="AK106" s="53">
        <v>121450.48</v>
      </c>
      <c r="AL106" s="53">
        <v>2027752.07</v>
      </c>
      <c r="AM106" s="53">
        <v>3414561.87</v>
      </c>
      <c r="AN106" s="53">
        <v>4420661.5999999903</v>
      </c>
      <c r="AO106" s="53">
        <v>1105212.92</v>
      </c>
      <c r="AP106" s="53">
        <v>-2158609.8599999901</v>
      </c>
      <c r="AQ106" s="53">
        <v>-6892088.3099999996</v>
      </c>
      <c r="AR106" s="53">
        <v>-4570943.5999999996</v>
      </c>
      <c r="AS106" s="53">
        <v>-498361.69999999902</v>
      </c>
      <c r="AT106" s="53">
        <v>1889751.1899999899</v>
      </c>
      <c r="AU106" s="53">
        <v>3383279.88</v>
      </c>
      <c r="AV106" s="53">
        <v>2592157.4300000002</v>
      </c>
      <c r="AW106" s="53">
        <v>966551.22999999905</v>
      </c>
      <c r="AX106" s="53">
        <v>-216321.519999999</v>
      </c>
      <c r="AY106" s="53">
        <v>1689980.07</v>
      </c>
      <c r="AZ106" s="53">
        <v>3076789.87</v>
      </c>
      <c r="BA106" s="53">
        <v>367397.599999998</v>
      </c>
    </row>
    <row r="107" spans="1:53">
      <c r="A107" s="234" t="s">
        <v>902</v>
      </c>
      <c r="B107" s="53">
        <v>0</v>
      </c>
      <c r="C107" s="53">
        <v>0</v>
      </c>
      <c r="D107" s="53">
        <v>0</v>
      </c>
      <c r="E107" s="53">
        <v>0</v>
      </c>
      <c r="F107" s="53">
        <v>0</v>
      </c>
      <c r="G107" s="53">
        <v>0</v>
      </c>
      <c r="H107" s="53">
        <v>0</v>
      </c>
      <c r="I107" s="53">
        <v>0</v>
      </c>
      <c r="J107" s="53">
        <v>0</v>
      </c>
      <c r="K107" s="53">
        <v>0</v>
      </c>
      <c r="L107" s="53">
        <v>0</v>
      </c>
      <c r="M107" s="53">
        <v>0</v>
      </c>
      <c r="N107" s="53">
        <v>0</v>
      </c>
      <c r="O107" s="53">
        <v>0</v>
      </c>
      <c r="P107" s="53">
        <v>0</v>
      </c>
      <c r="Q107" s="53">
        <v>0</v>
      </c>
      <c r="R107" s="53">
        <v>0</v>
      </c>
      <c r="S107" s="53">
        <v>0</v>
      </c>
      <c r="T107" s="53">
        <v>0</v>
      </c>
      <c r="U107" s="53">
        <v>0</v>
      </c>
      <c r="V107" s="53">
        <v>0</v>
      </c>
      <c r="W107" s="53">
        <v>0</v>
      </c>
      <c r="X107" s="53">
        <v>0</v>
      </c>
      <c r="Y107" s="53">
        <v>0</v>
      </c>
      <c r="Z107" s="53">
        <v>0</v>
      </c>
      <c r="AA107" s="53">
        <v>0</v>
      </c>
      <c r="AB107" s="53">
        <v>0</v>
      </c>
      <c r="AC107" s="53">
        <v>0</v>
      </c>
      <c r="AD107" s="53">
        <v>0</v>
      </c>
      <c r="AE107" s="53">
        <v>0</v>
      </c>
      <c r="AF107" s="53">
        <v>0</v>
      </c>
      <c r="AG107" s="53">
        <v>0</v>
      </c>
      <c r="AH107" s="53">
        <v>0</v>
      </c>
      <c r="AI107" s="53">
        <v>0</v>
      </c>
      <c r="AJ107" s="53">
        <v>0</v>
      </c>
      <c r="AK107" s="53">
        <v>0</v>
      </c>
      <c r="AL107" s="53">
        <v>0</v>
      </c>
      <c r="AM107" s="53">
        <v>0</v>
      </c>
      <c r="AN107" s="53">
        <v>0</v>
      </c>
      <c r="AO107" s="53">
        <v>0</v>
      </c>
      <c r="AP107" s="53">
        <v>0</v>
      </c>
      <c r="AQ107" s="53">
        <v>0</v>
      </c>
      <c r="AR107" s="53">
        <v>0</v>
      </c>
      <c r="AS107" s="53">
        <v>0</v>
      </c>
      <c r="AT107" s="53">
        <v>0</v>
      </c>
      <c r="AU107" s="53">
        <v>0</v>
      </c>
      <c r="AV107" s="53">
        <v>0</v>
      </c>
      <c r="AW107" s="53">
        <v>0</v>
      </c>
      <c r="AX107" s="53">
        <v>0</v>
      </c>
      <c r="AY107" s="53">
        <v>0</v>
      </c>
      <c r="AZ107" s="53">
        <v>0</v>
      </c>
      <c r="BA107" s="53">
        <v>0</v>
      </c>
    </row>
    <row r="108" spans="1:53">
      <c r="A108" s="52" t="s">
        <v>903</v>
      </c>
      <c r="B108" s="53">
        <v>294424.51999999897</v>
      </c>
      <c r="C108" s="53">
        <v>1136524.56</v>
      </c>
      <c r="D108" s="53">
        <v>2980994.4399999902</v>
      </c>
      <c r="E108" s="53">
        <v>2448367.0699999998</v>
      </c>
      <c r="F108" s="53">
        <v>1291451.54</v>
      </c>
      <c r="G108" s="53">
        <v>-71729.48</v>
      </c>
      <c r="H108" s="53">
        <v>-126680.13</v>
      </c>
      <c r="I108" s="53">
        <v>-126697.11</v>
      </c>
      <c r="J108" s="53">
        <v>-126939.66</v>
      </c>
      <c r="K108" s="53">
        <v>-126880.81</v>
      </c>
      <c r="L108" s="53">
        <v>803.38000000000397</v>
      </c>
      <c r="M108" s="53">
        <v>-79341</v>
      </c>
      <c r="N108" s="53">
        <v>7494297.3199999901</v>
      </c>
      <c r="O108" s="53">
        <v>294424.51999999897</v>
      </c>
      <c r="P108" s="53">
        <v>1136524.56</v>
      </c>
      <c r="Q108" s="53">
        <v>2980994.4399999902</v>
      </c>
      <c r="R108" s="53">
        <v>2448367.0699999998</v>
      </c>
      <c r="S108" s="53">
        <v>1291451.54</v>
      </c>
      <c r="T108" s="53">
        <v>-71729.48</v>
      </c>
      <c r="U108" s="53">
        <v>-126680.13</v>
      </c>
      <c r="V108" s="53">
        <v>-126697.11</v>
      </c>
      <c r="W108" s="53">
        <v>-126939.66</v>
      </c>
      <c r="X108" s="53">
        <v>-126880.81</v>
      </c>
      <c r="Y108" s="53">
        <v>803.38000000000397</v>
      </c>
      <c r="Z108" s="53">
        <v>-79341</v>
      </c>
      <c r="AA108" s="53">
        <v>7494297.3199999901</v>
      </c>
      <c r="AB108" s="53">
        <v>294424.51999999897</v>
      </c>
      <c r="AC108" s="53">
        <v>1136524.56</v>
      </c>
      <c r="AD108" s="53">
        <v>2980994.4399999902</v>
      </c>
      <c r="AE108" s="53">
        <v>2448367.0699999998</v>
      </c>
      <c r="AF108" s="53">
        <v>1291451.54</v>
      </c>
      <c r="AG108" s="53">
        <v>-71729.48</v>
      </c>
      <c r="AH108" s="53">
        <v>-126680.13</v>
      </c>
      <c r="AI108" s="53">
        <v>-126697.11</v>
      </c>
      <c r="AJ108" s="53">
        <v>-126939.66</v>
      </c>
      <c r="AK108" s="53">
        <v>-126880.81</v>
      </c>
      <c r="AL108" s="53">
        <v>803.38000000000397</v>
      </c>
      <c r="AM108" s="53">
        <v>-79341</v>
      </c>
      <c r="AN108" s="53">
        <v>7494297.3199999901</v>
      </c>
      <c r="AO108" s="53">
        <v>294424.51999999897</v>
      </c>
      <c r="AP108" s="53">
        <v>1136524.56</v>
      </c>
      <c r="AQ108" s="53">
        <v>2980994.4399999902</v>
      </c>
      <c r="AR108" s="53">
        <v>2448367.0699999998</v>
      </c>
      <c r="AS108" s="53">
        <v>1291451.54</v>
      </c>
      <c r="AT108" s="53">
        <v>-71729.48</v>
      </c>
      <c r="AU108" s="53">
        <v>-126680.13</v>
      </c>
      <c r="AV108" s="53">
        <v>-126697.11</v>
      </c>
      <c r="AW108" s="53">
        <v>-126939.66</v>
      </c>
      <c r="AX108" s="53">
        <v>-126880.81</v>
      </c>
      <c r="AY108" s="53">
        <v>803.38000000000397</v>
      </c>
      <c r="AZ108" s="53">
        <v>-79341</v>
      </c>
      <c r="BA108" s="53">
        <v>7494297.3199999901</v>
      </c>
    </row>
    <row r="109" spans="1:53">
      <c r="A109" s="234" t="s">
        <v>904</v>
      </c>
      <c r="B109" s="53">
        <v>15082.7925372592</v>
      </c>
      <c r="C109" s="53">
        <v>15082.7925372592</v>
      </c>
      <c r="D109" s="53">
        <v>15082.7925372592</v>
      </c>
      <c r="E109" s="53">
        <v>15082.7925372592</v>
      </c>
      <c r="F109" s="53">
        <v>15082.7925372592</v>
      </c>
      <c r="G109" s="53">
        <v>15082.7925372592</v>
      </c>
      <c r="H109" s="53">
        <v>15082.7925372592</v>
      </c>
      <c r="I109" s="53">
        <v>15082.7925372592</v>
      </c>
      <c r="J109" s="53">
        <v>15082.7925372592</v>
      </c>
      <c r="K109" s="53">
        <v>15082.7925372592</v>
      </c>
      <c r="L109" s="53">
        <v>15082.7925372592</v>
      </c>
      <c r="M109" s="53">
        <v>15082.7925372592</v>
      </c>
      <c r="N109" s="53">
        <v>180993.51044710999</v>
      </c>
      <c r="O109" s="53">
        <v>33648.344961905103</v>
      </c>
      <c r="P109" s="53">
        <v>33648.344961905103</v>
      </c>
      <c r="Q109" s="53">
        <v>33648.344961905103</v>
      </c>
      <c r="R109" s="53">
        <v>33648.344961905103</v>
      </c>
      <c r="S109" s="53">
        <v>33648.344961905103</v>
      </c>
      <c r="T109" s="53">
        <v>33648.344961905103</v>
      </c>
      <c r="U109" s="53">
        <v>33648.344961905103</v>
      </c>
      <c r="V109" s="53">
        <v>33648.344961905103</v>
      </c>
      <c r="W109" s="53">
        <v>33648.344961905103</v>
      </c>
      <c r="X109" s="53">
        <v>33648.344961905103</v>
      </c>
      <c r="Y109" s="53">
        <v>33648.344961905103</v>
      </c>
      <c r="Z109" s="53">
        <v>33648.344961905103</v>
      </c>
      <c r="AA109" s="53">
        <v>403780.13954286103</v>
      </c>
      <c r="AB109" s="53">
        <v>42956.583321253202</v>
      </c>
      <c r="AC109" s="53">
        <v>42956.583321253202</v>
      </c>
      <c r="AD109" s="53">
        <v>42956.583321253202</v>
      </c>
      <c r="AE109" s="53">
        <v>42956.583321253202</v>
      </c>
      <c r="AF109" s="53">
        <v>42956.583321253202</v>
      </c>
      <c r="AG109" s="53">
        <v>42956.583321253202</v>
      </c>
      <c r="AH109" s="53">
        <v>42956.583321253202</v>
      </c>
      <c r="AI109" s="53">
        <v>42956.583321253202</v>
      </c>
      <c r="AJ109" s="53">
        <v>42956.583321253202</v>
      </c>
      <c r="AK109" s="53">
        <v>42956.583321253202</v>
      </c>
      <c r="AL109" s="53">
        <v>42956.583321253202</v>
      </c>
      <c r="AM109" s="53">
        <v>42956.583321253202</v>
      </c>
      <c r="AN109" s="53">
        <v>515478.99985503801</v>
      </c>
      <c r="AO109" s="53">
        <v>53206.051229579498</v>
      </c>
      <c r="AP109" s="53">
        <v>53206.051229579498</v>
      </c>
      <c r="AQ109" s="53">
        <v>53206.051229579498</v>
      </c>
      <c r="AR109" s="53">
        <v>53206.051229579498</v>
      </c>
      <c r="AS109" s="53">
        <v>53206.051229579498</v>
      </c>
      <c r="AT109" s="53">
        <v>53206.051229579498</v>
      </c>
      <c r="AU109" s="53">
        <v>53206.051229579498</v>
      </c>
      <c r="AV109" s="53">
        <v>53206.051229579498</v>
      </c>
      <c r="AW109" s="53">
        <v>53206.051229579498</v>
      </c>
      <c r="AX109" s="53">
        <v>53206.051229579498</v>
      </c>
      <c r="AY109" s="53">
        <v>53206.051229579498</v>
      </c>
      <c r="AZ109" s="53">
        <v>53206.051229579498</v>
      </c>
      <c r="BA109" s="53">
        <v>638472.614754954</v>
      </c>
    </row>
    <row r="110" spans="1:53">
      <c r="A110" s="52" t="s">
        <v>905</v>
      </c>
      <c r="B110" s="53">
        <v>142813.66</v>
      </c>
      <c r="C110" s="53">
        <v>163692.65999999901</v>
      </c>
      <c r="D110" s="53">
        <v>388222.54</v>
      </c>
      <c r="E110" s="53">
        <v>141705.07999999999</v>
      </c>
      <c r="F110" s="53">
        <v>347063.32</v>
      </c>
      <c r="G110" s="53">
        <v>140298.12999999899</v>
      </c>
      <c r="H110" s="53">
        <v>143600.37</v>
      </c>
      <c r="I110" s="53">
        <v>185299.02</v>
      </c>
      <c r="J110" s="53">
        <v>184664.03999999899</v>
      </c>
      <c r="K110" s="53">
        <v>145914.59999999899</v>
      </c>
      <c r="L110" s="53">
        <v>237199.27</v>
      </c>
      <c r="M110" s="53">
        <v>283415.25</v>
      </c>
      <c r="N110" s="53">
        <v>2503887.9399999902</v>
      </c>
      <c r="O110" s="53">
        <v>88647.326666666995</v>
      </c>
      <c r="P110" s="53">
        <v>109526.32666666601</v>
      </c>
      <c r="Q110" s="53">
        <v>334056.20666666701</v>
      </c>
      <c r="R110" s="53">
        <v>87538.746666666906</v>
      </c>
      <c r="S110" s="53">
        <v>292896.98666666698</v>
      </c>
      <c r="T110" s="53">
        <v>86131.796666666894</v>
      </c>
      <c r="U110" s="53">
        <v>89434.036666667002</v>
      </c>
      <c r="V110" s="53">
        <v>131132.686666667</v>
      </c>
      <c r="W110" s="53">
        <v>130497.706666666</v>
      </c>
      <c r="X110" s="53">
        <v>91748.266666666896</v>
      </c>
      <c r="Y110" s="53">
        <v>183032.936666667</v>
      </c>
      <c r="Z110" s="53">
        <v>229248.91666666701</v>
      </c>
      <c r="AA110" s="53">
        <v>1853891.94</v>
      </c>
      <c r="AB110" s="53">
        <v>371980.65999999898</v>
      </c>
      <c r="AC110" s="53">
        <v>392859.66</v>
      </c>
      <c r="AD110" s="53">
        <v>617389.54</v>
      </c>
      <c r="AE110" s="53">
        <v>370872.07999999903</v>
      </c>
      <c r="AF110" s="53">
        <v>576230.31999999995</v>
      </c>
      <c r="AG110" s="53">
        <v>369465.12999999902</v>
      </c>
      <c r="AH110" s="53">
        <v>372767.37</v>
      </c>
      <c r="AI110" s="53">
        <v>414466.01999999897</v>
      </c>
      <c r="AJ110" s="53">
        <v>413831.03999999899</v>
      </c>
      <c r="AK110" s="53">
        <v>375081.6</v>
      </c>
      <c r="AL110" s="53">
        <v>466366.26999999897</v>
      </c>
      <c r="AM110" s="53">
        <v>512582.25</v>
      </c>
      <c r="AN110" s="53">
        <v>5253891.9400000004</v>
      </c>
      <c r="AO110" s="53">
        <v>371980.65999999898</v>
      </c>
      <c r="AP110" s="53">
        <v>392859.66</v>
      </c>
      <c r="AQ110" s="53">
        <v>617389.54</v>
      </c>
      <c r="AR110" s="53">
        <v>370872.07999999903</v>
      </c>
      <c r="AS110" s="53">
        <v>576230.31999999995</v>
      </c>
      <c r="AT110" s="53">
        <v>369465.12999999902</v>
      </c>
      <c r="AU110" s="53">
        <v>372767.37</v>
      </c>
      <c r="AV110" s="53">
        <v>414466.01999999897</v>
      </c>
      <c r="AW110" s="53">
        <v>413831.03999999899</v>
      </c>
      <c r="AX110" s="53">
        <v>375081.6</v>
      </c>
      <c r="AY110" s="53">
        <v>466366.26999999897</v>
      </c>
      <c r="AZ110" s="53">
        <v>512582.25</v>
      </c>
      <c r="BA110" s="53">
        <v>5253891.9400000004</v>
      </c>
    </row>
    <row r="111" spans="1:53">
      <c r="A111" s="234" t="s">
        <v>906</v>
      </c>
      <c r="B111" s="53">
        <v>5054.92038101242</v>
      </c>
      <c r="C111" s="53">
        <v>5054.92038101242</v>
      </c>
      <c r="D111" s="53">
        <v>5054.92038101242</v>
      </c>
      <c r="E111" s="53">
        <v>5054.92038101242</v>
      </c>
      <c r="F111" s="53">
        <v>5054.92038101242</v>
      </c>
      <c r="G111" s="53">
        <v>5054.92038101242</v>
      </c>
      <c r="H111" s="53">
        <v>5054.92038101242</v>
      </c>
      <c r="I111" s="53">
        <v>5054.92038101242</v>
      </c>
      <c r="J111" s="53">
        <v>5054.92038101242</v>
      </c>
      <c r="K111" s="53">
        <v>5054.92038101242</v>
      </c>
      <c r="L111" s="53">
        <v>5054.92038101242</v>
      </c>
      <c r="M111" s="53">
        <v>5054.92038101242</v>
      </c>
      <c r="N111" s="53">
        <v>60659.044572149003</v>
      </c>
      <c r="O111" s="53">
        <v>8358.6788631666495</v>
      </c>
      <c r="P111" s="53">
        <v>8358.6788631666495</v>
      </c>
      <c r="Q111" s="53">
        <v>8358.6788631666495</v>
      </c>
      <c r="R111" s="53">
        <v>8358.6788631666495</v>
      </c>
      <c r="S111" s="53">
        <v>8358.6788631666495</v>
      </c>
      <c r="T111" s="53">
        <v>8358.6788631666495</v>
      </c>
      <c r="U111" s="53">
        <v>8358.6788631666495</v>
      </c>
      <c r="V111" s="53">
        <v>8358.6788631666495</v>
      </c>
      <c r="W111" s="53">
        <v>8358.6788631666495</v>
      </c>
      <c r="X111" s="53">
        <v>8358.6788631666495</v>
      </c>
      <c r="Y111" s="53">
        <v>8358.6788631666495</v>
      </c>
      <c r="Z111" s="53">
        <v>8358.6788631666495</v>
      </c>
      <c r="AA111" s="53">
        <v>100304.14635799899</v>
      </c>
      <c r="AB111" s="53">
        <v>30159.433522933199</v>
      </c>
      <c r="AC111" s="53">
        <v>30159.433522933199</v>
      </c>
      <c r="AD111" s="53">
        <v>30159.433522933199</v>
      </c>
      <c r="AE111" s="53">
        <v>30159.433522933199</v>
      </c>
      <c r="AF111" s="53">
        <v>30159.433522933199</v>
      </c>
      <c r="AG111" s="53">
        <v>30159.433522933199</v>
      </c>
      <c r="AH111" s="53">
        <v>30159.433522933199</v>
      </c>
      <c r="AI111" s="53">
        <v>30159.433522933199</v>
      </c>
      <c r="AJ111" s="53">
        <v>30159.433522933199</v>
      </c>
      <c r="AK111" s="53">
        <v>30159.433522933199</v>
      </c>
      <c r="AL111" s="53">
        <v>30159.433522933199</v>
      </c>
      <c r="AM111" s="53">
        <v>30159.433522933199</v>
      </c>
      <c r="AN111" s="53">
        <v>361913.20227519801</v>
      </c>
      <c r="AO111" s="53">
        <v>37355.493407744099</v>
      </c>
      <c r="AP111" s="53">
        <v>37355.493407744099</v>
      </c>
      <c r="AQ111" s="53">
        <v>37355.493407744099</v>
      </c>
      <c r="AR111" s="53">
        <v>37355.493407744099</v>
      </c>
      <c r="AS111" s="53">
        <v>37355.493407744099</v>
      </c>
      <c r="AT111" s="53">
        <v>37355.493407744099</v>
      </c>
      <c r="AU111" s="53">
        <v>37355.493407744099</v>
      </c>
      <c r="AV111" s="53">
        <v>37355.493407744099</v>
      </c>
      <c r="AW111" s="53">
        <v>37355.493407744099</v>
      </c>
      <c r="AX111" s="53">
        <v>37355.493407744099</v>
      </c>
      <c r="AY111" s="53">
        <v>37355.493407744099</v>
      </c>
      <c r="AZ111" s="53">
        <v>37355.493407744099</v>
      </c>
      <c r="BA111" s="53">
        <v>448265.92089292902</v>
      </c>
    </row>
    <row r="112" spans="1:53">
      <c r="A112" s="52" t="s">
        <v>907</v>
      </c>
      <c r="B112" s="53">
        <v>3405569.8931340599</v>
      </c>
      <c r="C112" s="53">
        <v>6097173.5631340602</v>
      </c>
      <c r="D112" s="53">
        <v>6651972.3031340605</v>
      </c>
      <c r="E112" s="53">
        <v>4985478.2931340598</v>
      </c>
      <c r="F112" s="53">
        <v>4318599.8331340598</v>
      </c>
      <c r="G112" s="53">
        <v>2163644.1531340601</v>
      </c>
      <c r="H112" s="53">
        <v>1794260.52313406</v>
      </c>
      <c r="I112" s="53">
        <v>2139954.6531340601</v>
      </c>
      <c r="J112" s="53">
        <v>1884417.4631340599</v>
      </c>
      <c r="K112" s="53">
        <v>2196202.28313406</v>
      </c>
      <c r="L112" s="53">
        <v>2527000.2131340601</v>
      </c>
      <c r="M112" s="53">
        <v>1413640.6931340599</v>
      </c>
      <c r="N112" s="53">
        <v>39577913.867608704</v>
      </c>
      <c r="O112" s="53">
        <v>5057158.1940049697</v>
      </c>
      <c r="P112" s="53">
        <v>4467006.8640049696</v>
      </c>
      <c r="Q112" s="53">
        <v>100221.604004975</v>
      </c>
      <c r="R112" s="53">
        <v>1023288.59400497</v>
      </c>
      <c r="S112" s="53">
        <v>4472901.1340049701</v>
      </c>
      <c r="T112" s="53">
        <v>4865917.4540049704</v>
      </c>
      <c r="U112" s="53">
        <v>6019177.8240049696</v>
      </c>
      <c r="V112" s="53">
        <v>5559505.9540049704</v>
      </c>
      <c r="W112" s="53">
        <v>3662016.76400497</v>
      </c>
      <c r="X112" s="53">
        <v>2737173.5840049698</v>
      </c>
      <c r="Y112" s="53">
        <v>5027616.51400497</v>
      </c>
      <c r="Z112" s="53">
        <v>5364405.9940049704</v>
      </c>
      <c r="AA112" s="53">
        <v>48356390.478059702</v>
      </c>
      <c r="AB112" s="53">
        <v>4893938.8362744302</v>
      </c>
      <c r="AC112" s="53">
        <v>4303787.5062744301</v>
      </c>
      <c r="AD112" s="53">
        <v>-62997.753725567803</v>
      </c>
      <c r="AE112" s="53">
        <v>860069.23627443297</v>
      </c>
      <c r="AF112" s="53">
        <v>4309681.7762744296</v>
      </c>
      <c r="AG112" s="53">
        <v>4702698.0962744299</v>
      </c>
      <c r="AH112" s="53">
        <v>5855958.46627443</v>
      </c>
      <c r="AI112" s="53">
        <v>5396286.5962744299</v>
      </c>
      <c r="AJ112" s="53">
        <v>3498797.40627443</v>
      </c>
      <c r="AK112" s="53">
        <v>2573954.2262744298</v>
      </c>
      <c r="AL112" s="53">
        <v>4864397.1562744305</v>
      </c>
      <c r="AM112" s="53">
        <v>5201186.63627443</v>
      </c>
      <c r="AN112" s="53">
        <v>46397758.185293198</v>
      </c>
      <c r="AO112" s="53">
        <v>4627828.81909749</v>
      </c>
      <c r="AP112" s="53">
        <v>4037677.48909749</v>
      </c>
      <c r="AQ112" s="53">
        <v>-329107.77090251102</v>
      </c>
      <c r="AR112" s="53">
        <v>593959.21909748903</v>
      </c>
      <c r="AS112" s="53">
        <v>4043571.75909749</v>
      </c>
      <c r="AT112" s="53">
        <v>4436588.0790974796</v>
      </c>
      <c r="AU112" s="53">
        <v>5589848.4490974899</v>
      </c>
      <c r="AV112" s="53">
        <v>5130176.5790974898</v>
      </c>
      <c r="AW112" s="53">
        <v>3232687.3890974899</v>
      </c>
      <c r="AX112" s="53">
        <v>2307844.2090974902</v>
      </c>
      <c r="AY112" s="53">
        <v>4598287.1390974903</v>
      </c>
      <c r="AZ112" s="53">
        <v>4935076.6190974899</v>
      </c>
      <c r="BA112" s="53">
        <v>43204437.979169801</v>
      </c>
    </row>
    <row r="113" spans="1:53">
      <c r="A113" s="236" t="s">
        <v>908</v>
      </c>
      <c r="B113" s="53">
        <v>4724204.3262388799</v>
      </c>
      <c r="C113" s="53">
        <v>7118707.3962388802</v>
      </c>
      <c r="D113" s="53">
        <v>8230994.0062388796</v>
      </c>
      <c r="E113" s="53">
        <v>6005589.8462388804</v>
      </c>
      <c r="F113" s="53">
        <v>5727665.8062388804</v>
      </c>
      <c r="G113" s="53">
        <v>3138714.6262388802</v>
      </c>
      <c r="H113" s="53">
        <v>3276606.7262388798</v>
      </c>
      <c r="I113" s="53">
        <v>3469476.6662388798</v>
      </c>
      <c r="J113" s="53">
        <v>3320135.3562388802</v>
      </c>
      <c r="K113" s="53">
        <v>3296817.0862388802</v>
      </c>
      <c r="L113" s="53">
        <v>4526461.5862388797</v>
      </c>
      <c r="M113" s="53">
        <v>2566623.5462388801</v>
      </c>
      <c r="N113" s="53">
        <v>55401996.974866599</v>
      </c>
      <c r="O113" s="53">
        <v>6401802.5236959103</v>
      </c>
      <c r="P113" s="53">
        <v>5514550.5936959097</v>
      </c>
      <c r="Q113" s="53">
        <v>1705253.2036959101</v>
      </c>
      <c r="R113" s="53">
        <v>2069410.0436959099</v>
      </c>
      <c r="S113" s="53">
        <v>5907977.0036959099</v>
      </c>
      <c r="T113" s="53">
        <v>5866997.8236959102</v>
      </c>
      <c r="U113" s="53">
        <v>7527533.9236959098</v>
      </c>
      <c r="V113" s="53">
        <v>6915037.8636959102</v>
      </c>
      <c r="W113" s="53">
        <v>5123744.5536959097</v>
      </c>
      <c r="X113" s="53">
        <v>3863798.2836959101</v>
      </c>
      <c r="Y113" s="53">
        <v>7053087.7836959101</v>
      </c>
      <c r="Z113" s="53">
        <v>6543398.7436959101</v>
      </c>
      <c r="AA113" s="53">
        <v>64492592.344350897</v>
      </c>
      <c r="AB113" s="53">
        <v>6266422.1562787602</v>
      </c>
      <c r="AC113" s="53">
        <v>5379170.2262787595</v>
      </c>
      <c r="AD113" s="53">
        <v>1569872.8362787601</v>
      </c>
      <c r="AE113" s="53">
        <v>1934029.67627876</v>
      </c>
      <c r="AF113" s="53">
        <v>5772596.6362787597</v>
      </c>
      <c r="AG113" s="53">
        <v>5731617.45627876</v>
      </c>
      <c r="AH113" s="53">
        <v>7392153.5562787596</v>
      </c>
      <c r="AI113" s="53">
        <v>6779657.49627876</v>
      </c>
      <c r="AJ113" s="53">
        <v>4988364.1862787604</v>
      </c>
      <c r="AK113" s="53">
        <v>3728417.9162787599</v>
      </c>
      <c r="AL113" s="53">
        <v>6917707.4162787599</v>
      </c>
      <c r="AM113" s="53">
        <v>6408018.3762787599</v>
      </c>
      <c r="AN113" s="53">
        <v>62868027.935345203</v>
      </c>
      <c r="AO113" s="53">
        <v>6028588.6739978604</v>
      </c>
      <c r="AP113" s="53">
        <v>5141336.7439978598</v>
      </c>
      <c r="AQ113" s="53">
        <v>1332039.3539978501</v>
      </c>
      <c r="AR113" s="53">
        <v>1696196.1939978499</v>
      </c>
      <c r="AS113" s="53">
        <v>5534763.1539978599</v>
      </c>
      <c r="AT113" s="53">
        <v>5493783.9739978602</v>
      </c>
      <c r="AU113" s="53">
        <v>7154320.0739978598</v>
      </c>
      <c r="AV113" s="53">
        <v>6541824.0139978603</v>
      </c>
      <c r="AW113" s="53">
        <v>4750530.7039978597</v>
      </c>
      <c r="AX113" s="53">
        <v>3490584.4339978602</v>
      </c>
      <c r="AY113" s="53">
        <v>6679873.9339978602</v>
      </c>
      <c r="AZ113" s="53">
        <v>6170184.8939978601</v>
      </c>
      <c r="BA113" s="53">
        <v>60014026.147974297</v>
      </c>
    </row>
    <row r="114" spans="1:53">
      <c r="A114" s="231" t="s">
        <v>909</v>
      </c>
      <c r="B114" s="53"/>
      <c r="C114" s="53"/>
      <c r="D114" s="53"/>
      <c r="E114" s="53"/>
      <c r="F114" s="53"/>
      <c r="G114" s="53"/>
      <c r="H114" s="53"/>
      <c r="I114" s="53"/>
      <c r="J114" s="53"/>
      <c r="K114" s="53"/>
      <c r="L114" s="53"/>
      <c r="M114" s="53"/>
      <c r="N114" s="53"/>
      <c r="O114" s="53"/>
      <c r="P114" s="53"/>
      <c r="Q114" s="53"/>
      <c r="R114" s="53"/>
      <c r="S114" s="53"/>
      <c r="T114" s="53"/>
      <c r="U114" s="53"/>
      <c r="V114" s="53"/>
      <c r="W114" s="53"/>
      <c r="X114" s="53"/>
      <c r="Y114" s="53"/>
      <c r="Z114" s="53"/>
      <c r="AA114" s="53"/>
      <c r="AB114" s="53"/>
      <c r="AC114" s="53"/>
      <c r="AD114" s="53"/>
      <c r="AE114" s="53"/>
      <c r="AF114" s="53"/>
      <c r="AG114" s="53"/>
      <c r="AH114" s="53"/>
      <c r="AI114" s="53"/>
      <c r="AJ114" s="53"/>
      <c r="AK114" s="53"/>
      <c r="AL114" s="53"/>
      <c r="AM114" s="53"/>
      <c r="AN114" s="53"/>
      <c r="AO114" s="53"/>
      <c r="AP114" s="53"/>
      <c r="AQ114" s="53"/>
      <c r="AR114" s="53"/>
      <c r="AS114" s="53"/>
      <c r="AT114" s="53"/>
      <c r="AU114" s="53"/>
      <c r="AV114" s="53"/>
      <c r="AW114" s="53"/>
      <c r="AX114" s="53"/>
      <c r="AY114" s="53"/>
      <c r="AZ114" s="53"/>
      <c r="BA114" s="53"/>
    </row>
    <row r="115" spans="1:53">
      <c r="A115" s="52" t="s">
        <v>910</v>
      </c>
      <c r="B115" s="53">
        <v>0</v>
      </c>
      <c r="C115" s="53">
        <v>0</v>
      </c>
      <c r="D115" s="53">
        <v>0</v>
      </c>
      <c r="E115" s="53">
        <v>0</v>
      </c>
      <c r="F115" s="53">
        <v>0</v>
      </c>
      <c r="G115" s="53">
        <v>0</v>
      </c>
      <c r="H115" s="53">
        <v>0</v>
      </c>
      <c r="I115" s="53">
        <v>0</v>
      </c>
      <c r="J115" s="53">
        <v>0</v>
      </c>
      <c r="K115" s="53">
        <v>0</v>
      </c>
      <c r="L115" s="53">
        <v>0</v>
      </c>
      <c r="M115" s="53">
        <v>0</v>
      </c>
      <c r="N115" s="53">
        <v>0</v>
      </c>
      <c r="O115" s="53">
        <v>0</v>
      </c>
      <c r="P115" s="53">
        <v>0</v>
      </c>
      <c r="Q115" s="53">
        <v>0</v>
      </c>
      <c r="R115" s="53">
        <v>0</v>
      </c>
      <c r="S115" s="53">
        <v>0</v>
      </c>
      <c r="T115" s="53">
        <v>0</v>
      </c>
      <c r="U115" s="53">
        <v>0</v>
      </c>
      <c r="V115" s="53">
        <v>0</v>
      </c>
      <c r="W115" s="53">
        <v>0</v>
      </c>
      <c r="X115" s="53">
        <v>0</v>
      </c>
      <c r="Y115" s="53">
        <v>0</v>
      </c>
      <c r="Z115" s="53">
        <v>0</v>
      </c>
      <c r="AA115" s="53">
        <v>0</v>
      </c>
      <c r="AB115" s="53">
        <v>0</v>
      </c>
      <c r="AC115" s="53">
        <v>0</v>
      </c>
      <c r="AD115" s="53">
        <v>0</v>
      </c>
      <c r="AE115" s="53">
        <v>0</v>
      </c>
      <c r="AF115" s="53">
        <v>0</v>
      </c>
      <c r="AG115" s="53">
        <v>0</v>
      </c>
      <c r="AH115" s="53">
        <v>0</v>
      </c>
      <c r="AI115" s="53">
        <v>0</v>
      </c>
      <c r="AJ115" s="53">
        <v>0</v>
      </c>
      <c r="AK115" s="53">
        <v>0</v>
      </c>
      <c r="AL115" s="53">
        <v>0</v>
      </c>
      <c r="AM115" s="53">
        <v>0</v>
      </c>
      <c r="AN115" s="53">
        <v>0</v>
      </c>
      <c r="AO115" s="53">
        <v>0</v>
      </c>
      <c r="AP115" s="53">
        <v>0</v>
      </c>
      <c r="AQ115" s="53">
        <v>0</v>
      </c>
      <c r="AR115" s="53">
        <v>0</v>
      </c>
      <c r="AS115" s="53">
        <v>0</v>
      </c>
      <c r="AT115" s="53">
        <v>0</v>
      </c>
      <c r="AU115" s="53">
        <v>0</v>
      </c>
      <c r="AV115" s="53">
        <v>0</v>
      </c>
      <c r="AW115" s="53">
        <v>0</v>
      </c>
      <c r="AX115" s="53">
        <v>0</v>
      </c>
      <c r="AY115" s="53">
        <v>0</v>
      </c>
      <c r="AZ115" s="53">
        <v>0</v>
      </c>
      <c r="BA115" s="53">
        <v>0</v>
      </c>
    </row>
    <row r="116" spans="1:53">
      <c r="A116" s="52" t="s">
        <v>911</v>
      </c>
      <c r="B116" s="53">
        <v>0</v>
      </c>
      <c r="C116" s="53">
        <v>0</v>
      </c>
      <c r="D116" s="53">
        <v>0</v>
      </c>
      <c r="E116" s="53">
        <v>0</v>
      </c>
      <c r="F116" s="53">
        <v>0</v>
      </c>
      <c r="G116" s="53">
        <v>0</v>
      </c>
      <c r="H116" s="53">
        <v>0</v>
      </c>
      <c r="I116" s="53">
        <v>0</v>
      </c>
      <c r="J116" s="53">
        <v>0</v>
      </c>
      <c r="K116" s="53">
        <v>0</v>
      </c>
      <c r="L116" s="53">
        <v>0</v>
      </c>
      <c r="M116" s="53">
        <v>0</v>
      </c>
      <c r="N116" s="53">
        <v>0</v>
      </c>
      <c r="O116" s="53">
        <v>0</v>
      </c>
      <c r="P116" s="53">
        <v>0</v>
      </c>
      <c r="Q116" s="53">
        <v>0</v>
      </c>
      <c r="R116" s="53">
        <v>0</v>
      </c>
      <c r="S116" s="53">
        <v>0</v>
      </c>
      <c r="T116" s="53">
        <v>0</v>
      </c>
      <c r="U116" s="53">
        <v>0</v>
      </c>
      <c r="V116" s="53">
        <v>0</v>
      </c>
      <c r="W116" s="53">
        <v>0</v>
      </c>
      <c r="X116" s="53">
        <v>0</v>
      </c>
      <c r="Y116" s="53">
        <v>0</v>
      </c>
      <c r="Z116" s="53">
        <v>0</v>
      </c>
      <c r="AA116" s="53">
        <v>0</v>
      </c>
      <c r="AB116" s="53">
        <v>0</v>
      </c>
      <c r="AC116" s="53">
        <v>0</v>
      </c>
      <c r="AD116" s="53">
        <v>0</v>
      </c>
      <c r="AE116" s="53">
        <v>0</v>
      </c>
      <c r="AF116" s="53">
        <v>0</v>
      </c>
      <c r="AG116" s="53">
        <v>0</v>
      </c>
      <c r="AH116" s="53">
        <v>0</v>
      </c>
      <c r="AI116" s="53">
        <v>0</v>
      </c>
      <c r="AJ116" s="53">
        <v>0</v>
      </c>
      <c r="AK116" s="53">
        <v>0</v>
      </c>
      <c r="AL116" s="53">
        <v>0</v>
      </c>
      <c r="AM116" s="53">
        <v>0</v>
      </c>
      <c r="AN116" s="53">
        <v>0</v>
      </c>
      <c r="AO116" s="53">
        <v>0</v>
      </c>
      <c r="AP116" s="53">
        <v>0</v>
      </c>
      <c r="AQ116" s="53">
        <v>0</v>
      </c>
      <c r="AR116" s="53">
        <v>0</v>
      </c>
      <c r="AS116" s="53">
        <v>0</v>
      </c>
      <c r="AT116" s="53">
        <v>0</v>
      </c>
      <c r="AU116" s="53">
        <v>0</v>
      </c>
      <c r="AV116" s="53">
        <v>0</v>
      </c>
      <c r="AW116" s="53">
        <v>0</v>
      </c>
      <c r="AX116" s="53">
        <v>0</v>
      </c>
      <c r="AY116" s="53">
        <v>0</v>
      </c>
      <c r="AZ116" s="53">
        <v>0</v>
      </c>
      <c r="BA116" s="53">
        <v>0</v>
      </c>
    </row>
    <row r="117" spans="1:53">
      <c r="A117" s="52" t="s">
        <v>912</v>
      </c>
      <c r="B117" s="53">
        <v>0</v>
      </c>
      <c r="C117" s="53">
        <v>0</v>
      </c>
      <c r="D117" s="53">
        <v>0</v>
      </c>
      <c r="E117" s="53">
        <v>0</v>
      </c>
      <c r="F117" s="53">
        <v>0</v>
      </c>
      <c r="G117" s="53">
        <v>0</v>
      </c>
      <c r="H117" s="53">
        <v>0</v>
      </c>
      <c r="I117" s="53">
        <v>0</v>
      </c>
      <c r="J117" s="53">
        <v>0</v>
      </c>
      <c r="K117" s="53">
        <v>0</v>
      </c>
      <c r="L117" s="53">
        <v>0</v>
      </c>
      <c r="M117" s="53">
        <v>0</v>
      </c>
      <c r="N117" s="53">
        <v>0</v>
      </c>
      <c r="O117" s="53">
        <v>0</v>
      </c>
      <c r="P117" s="53">
        <v>0</v>
      </c>
      <c r="Q117" s="53">
        <v>0</v>
      </c>
      <c r="R117" s="53">
        <v>0</v>
      </c>
      <c r="S117" s="53">
        <v>0</v>
      </c>
      <c r="T117" s="53">
        <v>0</v>
      </c>
      <c r="U117" s="53">
        <v>0</v>
      </c>
      <c r="V117" s="53">
        <v>0</v>
      </c>
      <c r="W117" s="53">
        <v>0</v>
      </c>
      <c r="X117" s="53">
        <v>0</v>
      </c>
      <c r="Y117" s="53">
        <v>0</v>
      </c>
      <c r="Z117" s="53">
        <v>0</v>
      </c>
      <c r="AA117" s="53">
        <v>0</v>
      </c>
      <c r="AB117" s="53">
        <v>0</v>
      </c>
      <c r="AC117" s="53">
        <v>0</v>
      </c>
      <c r="AD117" s="53">
        <v>0</v>
      </c>
      <c r="AE117" s="53">
        <v>0</v>
      </c>
      <c r="AF117" s="53">
        <v>0</v>
      </c>
      <c r="AG117" s="53">
        <v>0</v>
      </c>
      <c r="AH117" s="53">
        <v>0</v>
      </c>
      <c r="AI117" s="53">
        <v>0</v>
      </c>
      <c r="AJ117" s="53">
        <v>0</v>
      </c>
      <c r="AK117" s="53">
        <v>0</v>
      </c>
      <c r="AL117" s="53">
        <v>0</v>
      </c>
      <c r="AM117" s="53">
        <v>0</v>
      </c>
      <c r="AN117" s="53">
        <v>0</v>
      </c>
      <c r="AO117" s="53">
        <v>0</v>
      </c>
      <c r="AP117" s="53">
        <v>0</v>
      </c>
      <c r="AQ117" s="53">
        <v>0</v>
      </c>
      <c r="AR117" s="53">
        <v>0</v>
      </c>
      <c r="AS117" s="53">
        <v>0</v>
      </c>
      <c r="AT117" s="53">
        <v>0</v>
      </c>
      <c r="AU117" s="53">
        <v>0</v>
      </c>
      <c r="AV117" s="53">
        <v>0</v>
      </c>
      <c r="AW117" s="53">
        <v>0</v>
      </c>
      <c r="AX117" s="53">
        <v>0</v>
      </c>
      <c r="AY117" s="53">
        <v>0</v>
      </c>
      <c r="AZ117" s="53">
        <v>0</v>
      </c>
      <c r="BA117" s="53">
        <v>0</v>
      </c>
    </row>
    <row r="118" spans="1:53">
      <c r="A118" s="52" t="s">
        <v>913</v>
      </c>
      <c r="B118" s="53">
        <v>0</v>
      </c>
      <c r="C118" s="53">
        <v>0</v>
      </c>
      <c r="D118" s="53">
        <v>0</v>
      </c>
      <c r="E118" s="53">
        <v>0</v>
      </c>
      <c r="F118" s="53">
        <v>0</v>
      </c>
      <c r="G118" s="53">
        <v>0</v>
      </c>
      <c r="H118" s="53">
        <v>0</v>
      </c>
      <c r="I118" s="53">
        <v>0</v>
      </c>
      <c r="J118" s="53">
        <v>0</v>
      </c>
      <c r="K118" s="53">
        <v>0</v>
      </c>
      <c r="L118" s="53">
        <v>0</v>
      </c>
      <c r="M118" s="53">
        <v>0</v>
      </c>
      <c r="N118" s="53">
        <v>0</v>
      </c>
      <c r="O118" s="53">
        <v>0</v>
      </c>
      <c r="P118" s="53">
        <v>0</v>
      </c>
      <c r="Q118" s="53">
        <v>0</v>
      </c>
      <c r="R118" s="53">
        <v>0</v>
      </c>
      <c r="S118" s="53">
        <v>0</v>
      </c>
      <c r="T118" s="53">
        <v>0</v>
      </c>
      <c r="U118" s="53">
        <v>0</v>
      </c>
      <c r="V118" s="53">
        <v>0</v>
      </c>
      <c r="W118" s="53">
        <v>0</v>
      </c>
      <c r="X118" s="53">
        <v>0</v>
      </c>
      <c r="Y118" s="53">
        <v>0</v>
      </c>
      <c r="Z118" s="53">
        <v>0</v>
      </c>
      <c r="AA118" s="53">
        <v>0</v>
      </c>
      <c r="AB118" s="53">
        <v>0</v>
      </c>
      <c r="AC118" s="53">
        <v>0</v>
      </c>
      <c r="AD118" s="53">
        <v>0</v>
      </c>
      <c r="AE118" s="53">
        <v>0</v>
      </c>
      <c r="AF118" s="53">
        <v>0</v>
      </c>
      <c r="AG118" s="53">
        <v>0</v>
      </c>
      <c r="AH118" s="53">
        <v>0</v>
      </c>
      <c r="AI118" s="53">
        <v>0</v>
      </c>
      <c r="AJ118" s="53">
        <v>0</v>
      </c>
      <c r="AK118" s="53">
        <v>0</v>
      </c>
      <c r="AL118" s="53">
        <v>0</v>
      </c>
      <c r="AM118" s="53">
        <v>0</v>
      </c>
      <c r="AN118" s="53">
        <v>0</v>
      </c>
      <c r="AO118" s="53">
        <v>0</v>
      </c>
      <c r="AP118" s="53">
        <v>0</v>
      </c>
      <c r="AQ118" s="53">
        <v>0</v>
      </c>
      <c r="AR118" s="53">
        <v>0</v>
      </c>
      <c r="AS118" s="53">
        <v>0</v>
      </c>
      <c r="AT118" s="53">
        <v>0</v>
      </c>
      <c r="AU118" s="53">
        <v>0</v>
      </c>
      <c r="AV118" s="53">
        <v>0</v>
      </c>
      <c r="AW118" s="53">
        <v>0</v>
      </c>
      <c r="AX118" s="53">
        <v>0</v>
      </c>
      <c r="AY118" s="53">
        <v>0</v>
      </c>
      <c r="AZ118" s="53">
        <v>0</v>
      </c>
      <c r="BA118" s="53">
        <v>0</v>
      </c>
    </row>
    <row r="119" spans="1:53">
      <c r="A119" s="52" t="s">
        <v>914</v>
      </c>
      <c r="B119" s="53">
        <v>0</v>
      </c>
      <c r="C119" s="53">
        <v>0</v>
      </c>
      <c r="D119" s="53">
        <v>0</v>
      </c>
      <c r="E119" s="53">
        <v>0</v>
      </c>
      <c r="F119" s="53">
        <v>0</v>
      </c>
      <c r="G119" s="53">
        <v>0</v>
      </c>
      <c r="H119" s="53">
        <v>0</v>
      </c>
      <c r="I119" s="53">
        <v>0</v>
      </c>
      <c r="J119" s="53">
        <v>0</v>
      </c>
      <c r="K119" s="53">
        <v>0</v>
      </c>
      <c r="L119" s="53">
        <v>0</v>
      </c>
      <c r="M119" s="53">
        <v>0</v>
      </c>
      <c r="N119" s="53">
        <v>0</v>
      </c>
      <c r="O119" s="53">
        <v>0</v>
      </c>
      <c r="P119" s="53">
        <v>0</v>
      </c>
      <c r="Q119" s="53">
        <v>0</v>
      </c>
      <c r="R119" s="53">
        <v>0</v>
      </c>
      <c r="S119" s="53">
        <v>0</v>
      </c>
      <c r="T119" s="53">
        <v>0</v>
      </c>
      <c r="U119" s="53">
        <v>0</v>
      </c>
      <c r="V119" s="53">
        <v>0</v>
      </c>
      <c r="W119" s="53">
        <v>0</v>
      </c>
      <c r="X119" s="53">
        <v>0</v>
      </c>
      <c r="Y119" s="53">
        <v>0</v>
      </c>
      <c r="Z119" s="53">
        <v>0</v>
      </c>
      <c r="AA119" s="53">
        <v>0</v>
      </c>
      <c r="AB119" s="53">
        <v>0</v>
      </c>
      <c r="AC119" s="53">
        <v>0</v>
      </c>
      <c r="AD119" s="53">
        <v>0</v>
      </c>
      <c r="AE119" s="53">
        <v>0</v>
      </c>
      <c r="AF119" s="53">
        <v>0</v>
      </c>
      <c r="AG119" s="53">
        <v>0</v>
      </c>
      <c r="AH119" s="53">
        <v>0</v>
      </c>
      <c r="AI119" s="53">
        <v>0</v>
      </c>
      <c r="AJ119" s="53">
        <v>0</v>
      </c>
      <c r="AK119" s="53">
        <v>0</v>
      </c>
      <c r="AL119" s="53">
        <v>0</v>
      </c>
      <c r="AM119" s="53">
        <v>0</v>
      </c>
      <c r="AN119" s="53">
        <v>0</v>
      </c>
      <c r="AO119" s="53">
        <v>0</v>
      </c>
      <c r="AP119" s="53">
        <v>0</v>
      </c>
      <c r="AQ119" s="53">
        <v>0</v>
      </c>
      <c r="AR119" s="53">
        <v>0</v>
      </c>
      <c r="AS119" s="53">
        <v>0</v>
      </c>
      <c r="AT119" s="53">
        <v>0</v>
      </c>
      <c r="AU119" s="53">
        <v>0</v>
      </c>
      <c r="AV119" s="53">
        <v>0</v>
      </c>
      <c r="AW119" s="53">
        <v>0</v>
      </c>
      <c r="AX119" s="53">
        <v>0</v>
      </c>
      <c r="AY119" s="53">
        <v>0</v>
      </c>
      <c r="AZ119" s="53">
        <v>0</v>
      </c>
      <c r="BA119" s="53">
        <v>0</v>
      </c>
    </row>
    <row r="120" spans="1:53">
      <c r="A120" s="52" t="s">
        <v>915</v>
      </c>
      <c r="B120" s="53">
        <v>54151.63</v>
      </c>
      <c r="C120" s="53">
        <v>54151.63</v>
      </c>
      <c r="D120" s="53">
        <v>54151.63</v>
      </c>
      <c r="E120" s="53">
        <v>54151.63</v>
      </c>
      <c r="F120" s="53">
        <v>54151.63</v>
      </c>
      <c r="G120" s="53">
        <v>54151.62</v>
      </c>
      <c r="H120" s="53">
        <v>-439667.46</v>
      </c>
      <c r="I120" s="53">
        <v>54151.62</v>
      </c>
      <c r="J120" s="53">
        <v>54151.63</v>
      </c>
      <c r="K120" s="53">
        <v>54151.62</v>
      </c>
      <c r="L120" s="53">
        <v>54151.62</v>
      </c>
      <c r="M120" s="53">
        <v>-1948981.98999999</v>
      </c>
      <c r="N120" s="53">
        <v>-1847133.1899999899</v>
      </c>
      <c r="O120" s="53">
        <v>54151.63</v>
      </c>
      <c r="P120" s="53">
        <v>54151.63</v>
      </c>
      <c r="Q120" s="53">
        <v>54151.63</v>
      </c>
      <c r="R120" s="53">
        <v>54151.63</v>
      </c>
      <c r="S120" s="53">
        <v>54151.63</v>
      </c>
      <c r="T120" s="53">
        <v>54151.62</v>
      </c>
      <c r="U120" s="53">
        <v>-439667.46</v>
      </c>
      <c r="V120" s="53">
        <v>54151.62</v>
      </c>
      <c r="W120" s="53">
        <v>54151.63</v>
      </c>
      <c r="X120" s="53">
        <v>54151.62</v>
      </c>
      <c r="Y120" s="53">
        <v>54151.62</v>
      </c>
      <c r="Z120" s="53">
        <v>-1948981.98999999</v>
      </c>
      <c r="AA120" s="53">
        <v>-1847133.1899999899</v>
      </c>
      <c r="AB120" s="53">
        <v>54151.63</v>
      </c>
      <c r="AC120" s="53">
        <v>54151.63</v>
      </c>
      <c r="AD120" s="53">
        <v>54151.63</v>
      </c>
      <c r="AE120" s="53">
        <v>54151.63</v>
      </c>
      <c r="AF120" s="53">
        <v>54151.63</v>
      </c>
      <c r="AG120" s="53">
        <v>54151.62</v>
      </c>
      <c r="AH120" s="53">
        <v>-439667.46</v>
      </c>
      <c r="AI120" s="53">
        <v>54151.62</v>
      </c>
      <c r="AJ120" s="53">
        <v>54151.63</v>
      </c>
      <c r="AK120" s="53">
        <v>54151.62</v>
      </c>
      <c r="AL120" s="53">
        <v>54151.62</v>
      </c>
      <c r="AM120" s="53">
        <v>-1948981.98999999</v>
      </c>
      <c r="AN120" s="53">
        <v>-1847133.1899999899</v>
      </c>
      <c r="AO120" s="53">
        <v>54151.63</v>
      </c>
      <c r="AP120" s="53">
        <v>54151.63</v>
      </c>
      <c r="AQ120" s="53">
        <v>54151.63</v>
      </c>
      <c r="AR120" s="53">
        <v>54151.63</v>
      </c>
      <c r="AS120" s="53">
        <v>54151.63</v>
      </c>
      <c r="AT120" s="53">
        <v>54151.62</v>
      </c>
      <c r="AU120" s="53">
        <v>-439667.46</v>
      </c>
      <c r="AV120" s="53">
        <v>54151.62</v>
      </c>
      <c r="AW120" s="53">
        <v>54151.63</v>
      </c>
      <c r="AX120" s="53">
        <v>54151.62</v>
      </c>
      <c r="AY120" s="53">
        <v>54151.62</v>
      </c>
      <c r="AZ120" s="53">
        <v>-1948981.98999999</v>
      </c>
      <c r="BA120" s="53">
        <v>-1847133.1899999899</v>
      </c>
    </row>
    <row r="121" spans="1:53">
      <c r="A121" s="52" t="s">
        <v>916</v>
      </c>
      <c r="B121" s="53">
        <v>0</v>
      </c>
      <c r="C121" s="53">
        <v>0</v>
      </c>
      <c r="D121" s="53">
        <v>0</v>
      </c>
      <c r="E121" s="53">
        <v>0</v>
      </c>
      <c r="F121" s="53">
        <v>0</v>
      </c>
      <c r="G121" s="53">
        <v>0</v>
      </c>
      <c r="H121" s="53">
        <v>0</v>
      </c>
      <c r="I121" s="53">
        <v>0</v>
      </c>
      <c r="J121" s="53">
        <v>0</v>
      </c>
      <c r="K121" s="53">
        <v>0</v>
      </c>
      <c r="L121" s="53">
        <v>0</v>
      </c>
      <c r="M121" s="53">
        <v>0</v>
      </c>
      <c r="N121" s="53">
        <v>0</v>
      </c>
      <c r="O121" s="53">
        <v>0</v>
      </c>
      <c r="P121" s="53">
        <v>0</v>
      </c>
      <c r="Q121" s="53">
        <v>0</v>
      </c>
      <c r="R121" s="53">
        <v>0</v>
      </c>
      <c r="S121" s="53">
        <v>0</v>
      </c>
      <c r="T121" s="53">
        <v>0</v>
      </c>
      <c r="U121" s="53">
        <v>0</v>
      </c>
      <c r="V121" s="53">
        <v>0</v>
      </c>
      <c r="W121" s="53">
        <v>0</v>
      </c>
      <c r="X121" s="53">
        <v>0</v>
      </c>
      <c r="Y121" s="53">
        <v>0</v>
      </c>
      <c r="Z121" s="53">
        <v>0</v>
      </c>
      <c r="AA121" s="53">
        <v>0</v>
      </c>
      <c r="AB121" s="53">
        <v>0</v>
      </c>
      <c r="AC121" s="53">
        <v>0</v>
      </c>
      <c r="AD121" s="53">
        <v>0</v>
      </c>
      <c r="AE121" s="53">
        <v>0</v>
      </c>
      <c r="AF121" s="53">
        <v>0</v>
      </c>
      <c r="AG121" s="53">
        <v>0</v>
      </c>
      <c r="AH121" s="53">
        <v>0</v>
      </c>
      <c r="AI121" s="53">
        <v>0</v>
      </c>
      <c r="AJ121" s="53">
        <v>0</v>
      </c>
      <c r="AK121" s="53">
        <v>0</v>
      </c>
      <c r="AL121" s="53">
        <v>0</v>
      </c>
      <c r="AM121" s="53">
        <v>0</v>
      </c>
      <c r="AN121" s="53">
        <v>0</v>
      </c>
      <c r="AO121" s="53">
        <v>0</v>
      </c>
      <c r="AP121" s="53">
        <v>0</v>
      </c>
      <c r="AQ121" s="53">
        <v>0</v>
      </c>
      <c r="AR121" s="53">
        <v>0</v>
      </c>
      <c r="AS121" s="53">
        <v>0</v>
      </c>
      <c r="AT121" s="53">
        <v>0</v>
      </c>
      <c r="AU121" s="53">
        <v>0</v>
      </c>
      <c r="AV121" s="53">
        <v>0</v>
      </c>
      <c r="AW121" s="53">
        <v>0</v>
      </c>
      <c r="AX121" s="53">
        <v>0</v>
      </c>
      <c r="AY121" s="53">
        <v>0</v>
      </c>
      <c r="AZ121" s="53">
        <v>0</v>
      </c>
      <c r="BA121" s="53">
        <v>0</v>
      </c>
    </row>
    <row r="122" spans="1:53">
      <c r="A122" s="52" t="s">
        <v>917</v>
      </c>
      <c r="B122" s="53">
        <v>0</v>
      </c>
      <c r="C122" s="53">
        <v>0</v>
      </c>
      <c r="D122" s="53">
        <v>0</v>
      </c>
      <c r="E122" s="53">
        <v>0</v>
      </c>
      <c r="F122" s="53">
        <v>0</v>
      </c>
      <c r="G122" s="53">
        <v>0</v>
      </c>
      <c r="H122" s="53">
        <v>0</v>
      </c>
      <c r="I122" s="53">
        <v>0</v>
      </c>
      <c r="J122" s="53">
        <v>0</v>
      </c>
      <c r="K122" s="53">
        <v>0</v>
      </c>
      <c r="L122" s="53">
        <v>0</v>
      </c>
      <c r="M122" s="53">
        <v>0</v>
      </c>
      <c r="N122" s="53">
        <v>0</v>
      </c>
      <c r="O122" s="53">
        <v>0</v>
      </c>
      <c r="P122" s="53">
        <v>0</v>
      </c>
      <c r="Q122" s="53">
        <v>0</v>
      </c>
      <c r="R122" s="53">
        <v>0</v>
      </c>
      <c r="S122" s="53">
        <v>0</v>
      </c>
      <c r="T122" s="53">
        <v>0</v>
      </c>
      <c r="U122" s="53">
        <v>0</v>
      </c>
      <c r="V122" s="53">
        <v>0</v>
      </c>
      <c r="W122" s="53">
        <v>0</v>
      </c>
      <c r="X122" s="53">
        <v>0</v>
      </c>
      <c r="Y122" s="53">
        <v>0</v>
      </c>
      <c r="Z122" s="53">
        <v>0</v>
      </c>
      <c r="AA122" s="53">
        <v>0</v>
      </c>
      <c r="AB122" s="53">
        <v>0</v>
      </c>
      <c r="AC122" s="53">
        <v>0</v>
      </c>
      <c r="AD122" s="53">
        <v>0</v>
      </c>
      <c r="AE122" s="53">
        <v>0</v>
      </c>
      <c r="AF122" s="53">
        <v>0</v>
      </c>
      <c r="AG122" s="53">
        <v>0</v>
      </c>
      <c r="AH122" s="53">
        <v>0</v>
      </c>
      <c r="AI122" s="53">
        <v>0</v>
      </c>
      <c r="AJ122" s="53">
        <v>0</v>
      </c>
      <c r="AK122" s="53">
        <v>0</v>
      </c>
      <c r="AL122" s="53">
        <v>0</v>
      </c>
      <c r="AM122" s="53">
        <v>0</v>
      </c>
      <c r="AN122" s="53">
        <v>0</v>
      </c>
      <c r="AO122" s="53">
        <v>0</v>
      </c>
      <c r="AP122" s="53">
        <v>0</v>
      </c>
      <c r="AQ122" s="53">
        <v>0</v>
      </c>
      <c r="AR122" s="53">
        <v>0</v>
      </c>
      <c r="AS122" s="53">
        <v>0</v>
      </c>
      <c r="AT122" s="53">
        <v>0</v>
      </c>
      <c r="AU122" s="53">
        <v>0</v>
      </c>
      <c r="AV122" s="53">
        <v>0</v>
      </c>
      <c r="AW122" s="53">
        <v>0</v>
      </c>
      <c r="AX122" s="53">
        <v>0</v>
      </c>
      <c r="AY122" s="53">
        <v>0</v>
      </c>
      <c r="AZ122" s="53">
        <v>0</v>
      </c>
      <c r="BA122" s="53">
        <v>0</v>
      </c>
    </row>
    <row r="123" spans="1:53">
      <c r="A123" s="52" t="s">
        <v>918</v>
      </c>
      <c r="B123" s="53">
        <v>0</v>
      </c>
      <c r="C123" s="53">
        <v>0</v>
      </c>
      <c r="D123" s="53">
        <v>0</v>
      </c>
      <c r="E123" s="53">
        <v>0</v>
      </c>
      <c r="F123" s="53">
        <v>0</v>
      </c>
      <c r="G123" s="53">
        <v>0</v>
      </c>
      <c r="H123" s="53">
        <v>0</v>
      </c>
      <c r="I123" s="53">
        <v>0</v>
      </c>
      <c r="J123" s="53">
        <v>0</v>
      </c>
      <c r="K123" s="53">
        <v>0</v>
      </c>
      <c r="L123" s="53">
        <v>0</v>
      </c>
      <c r="M123" s="53">
        <v>0</v>
      </c>
      <c r="N123" s="53">
        <v>0</v>
      </c>
      <c r="O123" s="53">
        <v>0</v>
      </c>
      <c r="P123" s="53">
        <v>0</v>
      </c>
      <c r="Q123" s="53">
        <v>0</v>
      </c>
      <c r="R123" s="53">
        <v>0</v>
      </c>
      <c r="S123" s="53">
        <v>0</v>
      </c>
      <c r="T123" s="53">
        <v>0</v>
      </c>
      <c r="U123" s="53">
        <v>0</v>
      </c>
      <c r="V123" s="53">
        <v>0</v>
      </c>
      <c r="W123" s="53">
        <v>0</v>
      </c>
      <c r="X123" s="53">
        <v>0</v>
      </c>
      <c r="Y123" s="53">
        <v>0</v>
      </c>
      <c r="Z123" s="53">
        <v>0</v>
      </c>
      <c r="AA123" s="53">
        <v>0</v>
      </c>
      <c r="AB123" s="53">
        <v>0</v>
      </c>
      <c r="AC123" s="53">
        <v>0</v>
      </c>
      <c r="AD123" s="53">
        <v>0</v>
      </c>
      <c r="AE123" s="53">
        <v>0</v>
      </c>
      <c r="AF123" s="53">
        <v>0</v>
      </c>
      <c r="AG123" s="53">
        <v>0</v>
      </c>
      <c r="AH123" s="53">
        <v>0</v>
      </c>
      <c r="AI123" s="53">
        <v>0</v>
      </c>
      <c r="AJ123" s="53">
        <v>0</v>
      </c>
      <c r="AK123" s="53">
        <v>0</v>
      </c>
      <c r="AL123" s="53">
        <v>0</v>
      </c>
      <c r="AM123" s="53">
        <v>0</v>
      </c>
      <c r="AN123" s="53">
        <v>0</v>
      </c>
      <c r="AO123" s="53">
        <v>0</v>
      </c>
      <c r="AP123" s="53">
        <v>0</v>
      </c>
      <c r="AQ123" s="53">
        <v>0</v>
      </c>
      <c r="AR123" s="53">
        <v>0</v>
      </c>
      <c r="AS123" s="53">
        <v>0</v>
      </c>
      <c r="AT123" s="53">
        <v>0</v>
      </c>
      <c r="AU123" s="53">
        <v>0</v>
      </c>
      <c r="AV123" s="53">
        <v>0</v>
      </c>
      <c r="AW123" s="53">
        <v>0</v>
      </c>
      <c r="AX123" s="53">
        <v>0</v>
      </c>
      <c r="AY123" s="53">
        <v>0</v>
      </c>
      <c r="AZ123" s="53">
        <v>0</v>
      </c>
      <c r="BA123" s="53">
        <v>0</v>
      </c>
    </row>
    <row r="124" spans="1:53">
      <c r="A124" s="52" t="s">
        <v>919</v>
      </c>
      <c r="B124" s="53">
        <v>0</v>
      </c>
      <c r="C124" s="53">
        <v>0</v>
      </c>
      <c r="D124" s="53">
        <v>0</v>
      </c>
      <c r="E124" s="53">
        <v>0</v>
      </c>
      <c r="F124" s="53">
        <v>0</v>
      </c>
      <c r="G124" s="53">
        <v>0</v>
      </c>
      <c r="H124" s="53">
        <v>0</v>
      </c>
      <c r="I124" s="53">
        <v>0</v>
      </c>
      <c r="J124" s="53">
        <v>0</v>
      </c>
      <c r="K124" s="53">
        <v>0</v>
      </c>
      <c r="L124" s="53">
        <v>0</v>
      </c>
      <c r="M124" s="53">
        <v>0</v>
      </c>
      <c r="N124" s="53">
        <v>0</v>
      </c>
      <c r="O124" s="53">
        <v>0</v>
      </c>
      <c r="P124" s="53">
        <v>0</v>
      </c>
      <c r="Q124" s="53">
        <v>0</v>
      </c>
      <c r="R124" s="53">
        <v>0</v>
      </c>
      <c r="S124" s="53">
        <v>0</v>
      </c>
      <c r="T124" s="53">
        <v>0</v>
      </c>
      <c r="U124" s="53">
        <v>0</v>
      </c>
      <c r="V124" s="53">
        <v>0</v>
      </c>
      <c r="W124" s="53">
        <v>0</v>
      </c>
      <c r="X124" s="53">
        <v>0</v>
      </c>
      <c r="Y124" s="53">
        <v>0</v>
      </c>
      <c r="Z124" s="53">
        <v>0</v>
      </c>
      <c r="AA124" s="53">
        <v>0</v>
      </c>
      <c r="AB124" s="53">
        <v>0</v>
      </c>
      <c r="AC124" s="53">
        <v>0</v>
      </c>
      <c r="AD124" s="53">
        <v>0</v>
      </c>
      <c r="AE124" s="53">
        <v>0</v>
      </c>
      <c r="AF124" s="53">
        <v>0</v>
      </c>
      <c r="AG124" s="53">
        <v>0</v>
      </c>
      <c r="AH124" s="53">
        <v>0</v>
      </c>
      <c r="AI124" s="53">
        <v>0</v>
      </c>
      <c r="AJ124" s="53">
        <v>0</v>
      </c>
      <c r="AK124" s="53">
        <v>0</v>
      </c>
      <c r="AL124" s="53">
        <v>0</v>
      </c>
      <c r="AM124" s="53">
        <v>0</v>
      </c>
      <c r="AN124" s="53">
        <v>0</v>
      </c>
      <c r="AO124" s="53">
        <v>0</v>
      </c>
      <c r="AP124" s="53">
        <v>0</v>
      </c>
      <c r="AQ124" s="53">
        <v>0</v>
      </c>
      <c r="AR124" s="53">
        <v>0</v>
      </c>
      <c r="AS124" s="53">
        <v>0</v>
      </c>
      <c r="AT124" s="53">
        <v>0</v>
      </c>
      <c r="AU124" s="53">
        <v>0</v>
      </c>
      <c r="AV124" s="53">
        <v>0</v>
      </c>
      <c r="AW124" s="53">
        <v>0</v>
      </c>
      <c r="AX124" s="53">
        <v>0</v>
      </c>
      <c r="AY124" s="53">
        <v>0</v>
      </c>
      <c r="AZ124" s="53">
        <v>0</v>
      </c>
      <c r="BA124" s="53">
        <v>0</v>
      </c>
    </row>
    <row r="125" spans="1:53">
      <c r="A125" s="52" t="s">
        <v>920</v>
      </c>
      <c r="B125" s="53">
        <v>0</v>
      </c>
      <c r="C125" s="53">
        <v>0</v>
      </c>
      <c r="D125" s="53">
        <v>0</v>
      </c>
      <c r="E125" s="53">
        <v>0</v>
      </c>
      <c r="F125" s="53">
        <v>0</v>
      </c>
      <c r="G125" s="53">
        <v>0</v>
      </c>
      <c r="H125" s="53">
        <v>0</v>
      </c>
      <c r="I125" s="53">
        <v>0</v>
      </c>
      <c r="J125" s="53">
        <v>0</v>
      </c>
      <c r="K125" s="53">
        <v>0</v>
      </c>
      <c r="L125" s="53">
        <v>0</v>
      </c>
      <c r="M125" s="53">
        <v>0</v>
      </c>
      <c r="N125" s="53">
        <v>0</v>
      </c>
      <c r="O125" s="53">
        <v>0</v>
      </c>
      <c r="P125" s="53">
        <v>0</v>
      </c>
      <c r="Q125" s="53">
        <v>0</v>
      </c>
      <c r="R125" s="53">
        <v>0</v>
      </c>
      <c r="S125" s="53">
        <v>0</v>
      </c>
      <c r="T125" s="53">
        <v>0</v>
      </c>
      <c r="U125" s="53">
        <v>0</v>
      </c>
      <c r="V125" s="53">
        <v>0</v>
      </c>
      <c r="W125" s="53">
        <v>0</v>
      </c>
      <c r="X125" s="53">
        <v>0</v>
      </c>
      <c r="Y125" s="53">
        <v>0</v>
      </c>
      <c r="Z125" s="53">
        <v>0</v>
      </c>
      <c r="AA125" s="53">
        <v>0</v>
      </c>
      <c r="AB125" s="53">
        <v>0</v>
      </c>
      <c r="AC125" s="53">
        <v>0</v>
      </c>
      <c r="AD125" s="53">
        <v>0</v>
      </c>
      <c r="AE125" s="53">
        <v>0</v>
      </c>
      <c r="AF125" s="53">
        <v>0</v>
      </c>
      <c r="AG125" s="53">
        <v>0</v>
      </c>
      <c r="AH125" s="53">
        <v>0</v>
      </c>
      <c r="AI125" s="53">
        <v>0</v>
      </c>
      <c r="AJ125" s="53">
        <v>0</v>
      </c>
      <c r="AK125" s="53">
        <v>0</v>
      </c>
      <c r="AL125" s="53">
        <v>0</v>
      </c>
      <c r="AM125" s="53">
        <v>0</v>
      </c>
      <c r="AN125" s="53">
        <v>0</v>
      </c>
      <c r="AO125" s="53">
        <v>0</v>
      </c>
      <c r="AP125" s="53">
        <v>0</v>
      </c>
      <c r="AQ125" s="53">
        <v>0</v>
      </c>
      <c r="AR125" s="53">
        <v>0</v>
      </c>
      <c r="AS125" s="53">
        <v>0</v>
      </c>
      <c r="AT125" s="53">
        <v>0</v>
      </c>
      <c r="AU125" s="53">
        <v>0</v>
      </c>
      <c r="AV125" s="53">
        <v>0</v>
      </c>
      <c r="AW125" s="53">
        <v>0</v>
      </c>
      <c r="AX125" s="53">
        <v>0</v>
      </c>
      <c r="AY125" s="53">
        <v>0</v>
      </c>
      <c r="AZ125" s="53">
        <v>0</v>
      </c>
      <c r="BA125" s="53">
        <v>0</v>
      </c>
    </row>
    <row r="126" spans="1:53">
      <c r="A126" s="236" t="s">
        <v>921</v>
      </c>
      <c r="B126" s="53">
        <v>54151.63</v>
      </c>
      <c r="C126" s="53">
        <v>54151.63</v>
      </c>
      <c r="D126" s="53">
        <v>54151.63</v>
      </c>
      <c r="E126" s="53">
        <v>54151.63</v>
      </c>
      <c r="F126" s="53">
        <v>54151.63</v>
      </c>
      <c r="G126" s="53">
        <v>54151.62</v>
      </c>
      <c r="H126" s="53">
        <v>-439667.46</v>
      </c>
      <c r="I126" s="53">
        <v>54151.62</v>
      </c>
      <c r="J126" s="53">
        <v>54151.63</v>
      </c>
      <c r="K126" s="53">
        <v>54151.62</v>
      </c>
      <c r="L126" s="53">
        <v>54151.62</v>
      </c>
      <c r="M126" s="53">
        <v>-1948981.98999999</v>
      </c>
      <c r="N126" s="53">
        <v>-1847133.1899999899</v>
      </c>
      <c r="O126" s="53">
        <v>54151.63</v>
      </c>
      <c r="P126" s="53">
        <v>54151.63</v>
      </c>
      <c r="Q126" s="53">
        <v>54151.63</v>
      </c>
      <c r="R126" s="53">
        <v>54151.63</v>
      </c>
      <c r="S126" s="53">
        <v>54151.63</v>
      </c>
      <c r="T126" s="53">
        <v>54151.62</v>
      </c>
      <c r="U126" s="53">
        <v>-439667.46</v>
      </c>
      <c r="V126" s="53">
        <v>54151.62</v>
      </c>
      <c r="W126" s="53">
        <v>54151.63</v>
      </c>
      <c r="X126" s="53">
        <v>54151.62</v>
      </c>
      <c r="Y126" s="53">
        <v>54151.62</v>
      </c>
      <c r="Z126" s="53">
        <v>-1948981.98999999</v>
      </c>
      <c r="AA126" s="53">
        <v>-1847133.1899999899</v>
      </c>
      <c r="AB126" s="53">
        <v>54151.63</v>
      </c>
      <c r="AC126" s="53">
        <v>54151.63</v>
      </c>
      <c r="AD126" s="53">
        <v>54151.63</v>
      </c>
      <c r="AE126" s="53">
        <v>54151.63</v>
      </c>
      <c r="AF126" s="53">
        <v>54151.63</v>
      </c>
      <c r="AG126" s="53">
        <v>54151.62</v>
      </c>
      <c r="AH126" s="53">
        <v>-439667.46</v>
      </c>
      <c r="AI126" s="53">
        <v>54151.62</v>
      </c>
      <c r="AJ126" s="53">
        <v>54151.63</v>
      </c>
      <c r="AK126" s="53">
        <v>54151.62</v>
      </c>
      <c r="AL126" s="53">
        <v>54151.62</v>
      </c>
      <c r="AM126" s="53">
        <v>-1948981.98999999</v>
      </c>
      <c r="AN126" s="53">
        <v>-1847133.1899999899</v>
      </c>
      <c r="AO126" s="53">
        <v>54151.63</v>
      </c>
      <c r="AP126" s="53">
        <v>54151.63</v>
      </c>
      <c r="AQ126" s="53">
        <v>54151.63</v>
      </c>
      <c r="AR126" s="53">
        <v>54151.63</v>
      </c>
      <c r="AS126" s="53">
        <v>54151.63</v>
      </c>
      <c r="AT126" s="53">
        <v>54151.62</v>
      </c>
      <c r="AU126" s="53">
        <v>-439667.46</v>
      </c>
      <c r="AV126" s="53">
        <v>54151.62</v>
      </c>
      <c r="AW126" s="53">
        <v>54151.63</v>
      </c>
      <c r="AX126" s="53">
        <v>54151.62</v>
      </c>
      <c r="AY126" s="53">
        <v>54151.62</v>
      </c>
      <c r="AZ126" s="53">
        <v>-1948981.98999999</v>
      </c>
      <c r="BA126" s="53">
        <v>-1847133.1899999899</v>
      </c>
    </row>
    <row r="127" spans="1:53">
      <c r="A127" s="231" t="s">
        <v>922</v>
      </c>
      <c r="B127" s="53"/>
      <c r="C127" s="53"/>
      <c r="D127" s="53"/>
      <c r="E127" s="53"/>
      <c r="F127" s="53"/>
      <c r="G127" s="53"/>
      <c r="H127" s="53"/>
      <c r="I127" s="53"/>
      <c r="J127" s="53"/>
      <c r="K127" s="53"/>
      <c r="L127" s="53"/>
      <c r="M127" s="53"/>
      <c r="N127" s="53"/>
      <c r="O127" s="53"/>
      <c r="P127" s="53"/>
      <c r="Q127" s="53"/>
      <c r="R127" s="53"/>
      <c r="S127" s="53"/>
      <c r="T127" s="53"/>
      <c r="U127" s="53"/>
      <c r="V127" s="53"/>
      <c r="W127" s="53"/>
      <c r="X127" s="53"/>
      <c r="Y127" s="53"/>
      <c r="Z127" s="53"/>
      <c r="AA127" s="53"/>
      <c r="AB127" s="53"/>
      <c r="AC127" s="53"/>
      <c r="AD127" s="53"/>
      <c r="AE127" s="53"/>
      <c r="AF127" s="53"/>
      <c r="AG127" s="53"/>
      <c r="AH127" s="53"/>
      <c r="AI127" s="53"/>
      <c r="AJ127" s="53"/>
      <c r="AK127" s="53"/>
      <c r="AL127" s="53"/>
      <c r="AM127" s="53"/>
      <c r="AN127" s="53"/>
      <c r="AO127" s="53"/>
      <c r="AP127" s="53"/>
      <c r="AQ127" s="53"/>
      <c r="AR127" s="53"/>
      <c r="AS127" s="53"/>
      <c r="AT127" s="53"/>
      <c r="AU127" s="53"/>
      <c r="AV127" s="53"/>
      <c r="AW127" s="53"/>
      <c r="AX127" s="53"/>
      <c r="AY127" s="53"/>
      <c r="AZ127" s="53"/>
      <c r="BA127" s="53"/>
    </row>
    <row r="128" spans="1:53">
      <c r="A128" s="52" t="s">
        <v>923</v>
      </c>
      <c r="B128" s="53">
        <v>755051.48</v>
      </c>
      <c r="C128" s="53">
        <v>744437.51</v>
      </c>
      <c r="D128" s="53">
        <v>718110.57</v>
      </c>
      <c r="E128" s="53">
        <v>752066.16</v>
      </c>
      <c r="F128" s="53">
        <v>1128355.95999999</v>
      </c>
      <c r="G128" s="53">
        <v>763296.71</v>
      </c>
      <c r="H128" s="53">
        <v>741727.84</v>
      </c>
      <c r="I128" s="53">
        <v>757378.41</v>
      </c>
      <c r="J128" s="53">
        <v>753125.83</v>
      </c>
      <c r="K128" s="53">
        <v>754431.72</v>
      </c>
      <c r="L128" s="53">
        <v>1132131.57</v>
      </c>
      <c r="M128" s="53">
        <v>513467.58999999898</v>
      </c>
      <c r="N128" s="53">
        <v>9513581.3499999996</v>
      </c>
      <c r="O128" s="53">
        <v>755051.48</v>
      </c>
      <c r="P128" s="53">
        <v>744437.51</v>
      </c>
      <c r="Q128" s="53">
        <v>718110.57</v>
      </c>
      <c r="R128" s="53">
        <v>752066.16</v>
      </c>
      <c r="S128" s="53">
        <v>1128355.95999999</v>
      </c>
      <c r="T128" s="53">
        <v>763296.71</v>
      </c>
      <c r="U128" s="53">
        <v>741727.84</v>
      </c>
      <c r="V128" s="53">
        <v>757378.41</v>
      </c>
      <c r="W128" s="53">
        <v>753125.83</v>
      </c>
      <c r="X128" s="53">
        <v>754431.72</v>
      </c>
      <c r="Y128" s="53">
        <v>1132131.57</v>
      </c>
      <c r="Z128" s="53">
        <v>513467.58999999898</v>
      </c>
      <c r="AA128" s="53">
        <v>9513581.3499999996</v>
      </c>
      <c r="AB128" s="53">
        <v>755051.48</v>
      </c>
      <c r="AC128" s="53">
        <v>744437.51</v>
      </c>
      <c r="AD128" s="53">
        <v>718110.57</v>
      </c>
      <c r="AE128" s="53">
        <v>752066.16</v>
      </c>
      <c r="AF128" s="53">
        <v>1128355.95999999</v>
      </c>
      <c r="AG128" s="53">
        <v>763296.71</v>
      </c>
      <c r="AH128" s="53">
        <v>741727.84</v>
      </c>
      <c r="AI128" s="53">
        <v>757378.41</v>
      </c>
      <c r="AJ128" s="53">
        <v>753125.83</v>
      </c>
      <c r="AK128" s="53">
        <v>754431.72</v>
      </c>
      <c r="AL128" s="53">
        <v>1132131.57</v>
      </c>
      <c r="AM128" s="53">
        <v>513467.58999999898</v>
      </c>
      <c r="AN128" s="53">
        <v>9513581.3499999996</v>
      </c>
      <c r="AO128" s="53">
        <v>755051.48</v>
      </c>
      <c r="AP128" s="53">
        <v>744437.51</v>
      </c>
      <c r="AQ128" s="53">
        <v>718110.57</v>
      </c>
      <c r="AR128" s="53">
        <v>752066.16</v>
      </c>
      <c r="AS128" s="53">
        <v>1128355.95999999</v>
      </c>
      <c r="AT128" s="53">
        <v>763296.71</v>
      </c>
      <c r="AU128" s="53">
        <v>741727.84</v>
      </c>
      <c r="AV128" s="53">
        <v>757378.41</v>
      </c>
      <c r="AW128" s="53">
        <v>753125.83</v>
      </c>
      <c r="AX128" s="53">
        <v>754431.72</v>
      </c>
      <c r="AY128" s="53">
        <v>1132131.57</v>
      </c>
      <c r="AZ128" s="53">
        <v>513467.58999999898</v>
      </c>
      <c r="BA128" s="53">
        <v>9513581.3499999996</v>
      </c>
    </row>
    <row r="129" spans="1:53">
      <c r="A129" s="234" t="s">
        <v>924</v>
      </c>
      <c r="B129" s="53">
        <v>22637.645937985199</v>
      </c>
      <c r="C129" s="53">
        <v>22637.645937985199</v>
      </c>
      <c r="D129" s="53">
        <v>22637.645937985199</v>
      </c>
      <c r="E129" s="53">
        <v>22637.645937985199</v>
      </c>
      <c r="F129" s="53">
        <v>22637.645937985199</v>
      </c>
      <c r="G129" s="53">
        <v>22637.645937985199</v>
      </c>
      <c r="H129" s="53">
        <v>22637.645937985199</v>
      </c>
      <c r="I129" s="53">
        <v>22637.645937985199</v>
      </c>
      <c r="J129" s="53">
        <v>22637.645937985199</v>
      </c>
      <c r="K129" s="53">
        <v>22637.645937985199</v>
      </c>
      <c r="L129" s="53">
        <v>22637.645937985199</v>
      </c>
      <c r="M129" s="53">
        <v>22637.645937985199</v>
      </c>
      <c r="N129" s="53">
        <v>271651.75125582202</v>
      </c>
      <c r="O129" s="53">
        <v>39801.005492600802</v>
      </c>
      <c r="P129" s="53">
        <v>39801.005492600802</v>
      </c>
      <c r="Q129" s="53">
        <v>39801.005492600802</v>
      </c>
      <c r="R129" s="53">
        <v>39801.005492600802</v>
      </c>
      <c r="S129" s="53">
        <v>39801.005492600802</v>
      </c>
      <c r="T129" s="53">
        <v>39801.005492600802</v>
      </c>
      <c r="U129" s="53">
        <v>39801.005492600802</v>
      </c>
      <c r="V129" s="53">
        <v>39801.005492600802</v>
      </c>
      <c r="W129" s="53">
        <v>39801.005492600802</v>
      </c>
      <c r="X129" s="53">
        <v>39801.005492600802</v>
      </c>
      <c r="Y129" s="53">
        <v>39801.005492600802</v>
      </c>
      <c r="Z129" s="53">
        <v>39801.005492600802</v>
      </c>
      <c r="AA129" s="53">
        <v>477612.06591120898</v>
      </c>
      <c r="AB129" s="53">
        <v>58027.059791688</v>
      </c>
      <c r="AC129" s="53">
        <v>58027.059791688</v>
      </c>
      <c r="AD129" s="53">
        <v>58027.059791688</v>
      </c>
      <c r="AE129" s="53">
        <v>58027.059791688</v>
      </c>
      <c r="AF129" s="53">
        <v>58027.059791688</v>
      </c>
      <c r="AG129" s="53">
        <v>58027.059791688</v>
      </c>
      <c r="AH129" s="53">
        <v>58027.059791688</v>
      </c>
      <c r="AI129" s="53">
        <v>58027.059791688</v>
      </c>
      <c r="AJ129" s="53">
        <v>58027.059791688</v>
      </c>
      <c r="AK129" s="53">
        <v>58027.059791688</v>
      </c>
      <c r="AL129" s="53">
        <v>58027.059791688</v>
      </c>
      <c r="AM129" s="53">
        <v>58027.059791688</v>
      </c>
      <c r="AN129" s="53">
        <v>696324.71750025498</v>
      </c>
      <c r="AO129" s="53">
        <v>76160.157599653103</v>
      </c>
      <c r="AP129" s="53">
        <v>76160.157599653103</v>
      </c>
      <c r="AQ129" s="53">
        <v>76160.157599653103</v>
      </c>
      <c r="AR129" s="53">
        <v>76160.157599653103</v>
      </c>
      <c r="AS129" s="53">
        <v>76160.157599653103</v>
      </c>
      <c r="AT129" s="53">
        <v>76160.157599653103</v>
      </c>
      <c r="AU129" s="53">
        <v>76160.157599653103</v>
      </c>
      <c r="AV129" s="53">
        <v>76160.157599653103</v>
      </c>
      <c r="AW129" s="53">
        <v>76160.157599653103</v>
      </c>
      <c r="AX129" s="53">
        <v>76160.157599653103</v>
      </c>
      <c r="AY129" s="53">
        <v>76160.157599653103</v>
      </c>
      <c r="AZ129" s="53">
        <v>76160.157599653103</v>
      </c>
      <c r="BA129" s="53">
        <v>913921.89119583694</v>
      </c>
    </row>
    <row r="130" spans="1:53">
      <c r="A130" s="52" t="s">
        <v>925</v>
      </c>
      <c r="B130" s="53">
        <v>0</v>
      </c>
      <c r="C130" s="53">
        <v>0</v>
      </c>
      <c r="D130" s="53">
        <v>0</v>
      </c>
      <c r="E130" s="53">
        <v>0</v>
      </c>
      <c r="F130" s="53">
        <v>0</v>
      </c>
      <c r="G130" s="53">
        <v>0</v>
      </c>
      <c r="H130" s="53">
        <v>0</v>
      </c>
      <c r="I130" s="53">
        <v>0</v>
      </c>
      <c r="J130" s="53">
        <v>0</v>
      </c>
      <c r="K130" s="53">
        <v>0</v>
      </c>
      <c r="L130" s="53">
        <v>0</v>
      </c>
      <c r="M130" s="53">
        <v>0</v>
      </c>
      <c r="N130" s="53">
        <v>0</v>
      </c>
      <c r="O130" s="53">
        <v>0</v>
      </c>
      <c r="P130" s="53">
        <v>0</v>
      </c>
      <c r="Q130" s="53">
        <v>0</v>
      </c>
      <c r="R130" s="53">
        <v>0</v>
      </c>
      <c r="S130" s="53">
        <v>0</v>
      </c>
      <c r="T130" s="53">
        <v>0</v>
      </c>
      <c r="U130" s="53">
        <v>0</v>
      </c>
      <c r="V130" s="53">
        <v>0</v>
      </c>
      <c r="W130" s="53">
        <v>0</v>
      </c>
      <c r="X130" s="53">
        <v>0</v>
      </c>
      <c r="Y130" s="53">
        <v>0</v>
      </c>
      <c r="Z130" s="53">
        <v>0</v>
      </c>
      <c r="AA130" s="53">
        <v>0</v>
      </c>
      <c r="AB130" s="53">
        <v>0</v>
      </c>
      <c r="AC130" s="53">
        <v>0</v>
      </c>
      <c r="AD130" s="53">
        <v>0</v>
      </c>
      <c r="AE130" s="53">
        <v>0</v>
      </c>
      <c r="AF130" s="53">
        <v>0</v>
      </c>
      <c r="AG130" s="53">
        <v>0</v>
      </c>
      <c r="AH130" s="53">
        <v>0</v>
      </c>
      <c r="AI130" s="53">
        <v>0</v>
      </c>
      <c r="AJ130" s="53">
        <v>0</v>
      </c>
      <c r="AK130" s="53">
        <v>0</v>
      </c>
      <c r="AL130" s="53">
        <v>0</v>
      </c>
      <c r="AM130" s="53">
        <v>0</v>
      </c>
      <c r="AN130" s="53">
        <v>0</v>
      </c>
      <c r="AO130" s="53">
        <v>0</v>
      </c>
      <c r="AP130" s="53">
        <v>0</v>
      </c>
      <c r="AQ130" s="53">
        <v>0</v>
      </c>
      <c r="AR130" s="53">
        <v>0</v>
      </c>
      <c r="AS130" s="53">
        <v>0</v>
      </c>
      <c r="AT130" s="53">
        <v>0</v>
      </c>
      <c r="AU130" s="53">
        <v>0</v>
      </c>
      <c r="AV130" s="53">
        <v>0</v>
      </c>
      <c r="AW130" s="53">
        <v>0</v>
      </c>
      <c r="AX130" s="53">
        <v>0</v>
      </c>
      <c r="AY130" s="53">
        <v>0</v>
      </c>
      <c r="AZ130" s="53">
        <v>0</v>
      </c>
      <c r="BA130" s="53">
        <v>0</v>
      </c>
    </row>
    <row r="131" spans="1:53">
      <c r="A131" s="52" t="s">
        <v>926</v>
      </c>
      <c r="B131" s="53">
        <v>117619.41999999899</v>
      </c>
      <c r="C131" s="53">
        <v>116648.41999999899</v>
      </c>
      <c r="D131" s="53">
        <v>121823.22</v>
      </c>
      <c r="E131" s="53">
        <v>121775.219999999</v>
      </c>
      <c r="F131" s="53">
        <v>121852.219999999</v>
      </c>
      <c r="G131" s="53">
        <v>121804.22</v>
      </c>
      <c r="H131" s="53">
        <v>121882.22</v>
      </c>
      <c r="I131" s="53">
        <v>121897.219999999</v>
      </c>
      <c r="J131" s="53">
        <v>121847.22</v>
      </c>
      <c r="K131" s="53">
        <v>121928.22</v>
      </c>
      <c r="L131" s="53">
        <v>121877.22</v>
      </c>
      <c r="M131" s="53">
        <v>121959.22</v>
      </c>
      <c r="N131" s="53">
        <v>1452914.03999999</v>
      </c>
      <c r="O131" s="53">
        <v>117619.41999999899</v>
      </c>
      <c r="P131" s="53">
        <v>116648.41999999899</v>
      </c>
      <c r="Q131" s="53">
        <v>121823.22</v>
      </c>
      <c r="R131" s="53">
        <v>121775.219999999</v>
      </c>
      <c r="S131" s="53">
        <v>121852.219999999</v>
      </c>
      <c r="T131" s="53">
        <v>121804.22</v>
      </c>
      <c r="U131" s="53">
        <v>121882.22</v>
      </c>
      <c r="V131" s="53">
        <v>121897.219999999</v>
      </c>
      <c r="W131" s="53">
        <v>121847.22</v>
      </c>
      <c r="X131" s="53">
        <v>121928.22</v>
      </c>
      <c r="Y131" s="53">
        <v>121877.22</v>
      </c>
      <c r="Z131" s="53">
        <v>121959.22</v>
      </c>
      <c r="AA131" s="53">
        <v>1452914.03999999</v>
      </c>
      <c r="AB131" s="53">
        <v>117619.41999999899</v>
      </c>
      <c r="AC131" s="53">
        <v>116648.41999999899</v>
      </c>
      <c r="AD131" s="53">
        <v>121823.22</v>
      </c>
      <c r="AE131" s="53">
        <v>121775.219999999</v>
      </c>
      <c r="AF131" s="53">
        <v>121852.219999999</v>
      </c>
      <c r="AG131" s="53">
        <v>121804.22</v>
      </c>
      <c r="AH131" s="53">
        <v>121882.22</v>
      </c>
      <c r="AI131" s="53">
        <v>121897.219999999</v>
      </c>
      <c r="AJ131" s="53">
        <v>121847.22</v>
      </c>
      <c r="AK131" s="53">
        <v>121928.22</v>
      </c>
      <c r="AL131" s="53">
        <v>121877.22</v>
      </c>
      <c r="AM131" s="53">
        <v>121959.22</v>
      </c>
      <c r="AN131" s="53">
        <v>1452914.03999999</v>
      </c>
      <c r="AO131" s="53">
        <v>117619.41999999899</v>
      </c>
      <c r="AP131" s="53">
        <v>116648.41999999899</v>
      </c>
      <c r="AQ131" s="53">
        <v>121823.22</v>
      </c>
      <c r="AR131" s="53">
        <v>121775.219999999</v>
      </c>
      <c r="AS131" s="53">
        <v>121852.219999999</v>
      </c>
      <c r="AT131" s="53">
        <v>121804.22</v>
      </c>
      <c r="AU131" s="53">
        <v>121882.22</v>
      </c>
      <c r="AV131" s="53">
        <v>121897.219999999</v>
      </c>
      <c r="AW131" s="53">
        <v>121847.22</v>
      </c>
      <c r="AX131" s="53">
        <v>121928.22</v>
      </c>
      <c r="AY131" s="53">
        <v>121877.22</v>
      </c>
      <c r="AZ131" s="53">
        <v>121959.22</v>
      </c>
      <c r="BA131" s="53">
        <v>1452914.03999999</v>
      </c>
    </row>
    <row r="132" spans="1:53">
      <c r="A132" s="52" t="s">
        <v>927</v>
      </c>
      <c r="B132" s="53">
        <v>0</v>
      </c>
      <c r="C132" s="53">
        <v>0</v>
      </c>
      <c r="D132" s="53">
        <v>0</v>
      </c>
      <c r="E132" s="53">
        <v>0</v>
      </c>
      <c r="F132" s="53">
        <v>0</v>
      </c>
      <c r="G132" s="53">
        <v>0</v>
      </c>
      <c r="H132" s="53">
        <v>0</v>
      </c>
      <c r="I132" s="53">
        <v>0</v>
      </c>
      <c r="J132" s="53">
        <v>0</v>
      </c>
      <c r="K132" s="53">
        <v>0</v>
      </c>
      <c r="L132" s="53">
        <v>0</v>
      </c>
      <c r="M132" s="53">
        <v>0</v>
      </c>
      <c r="N132" s="53">
        <v>0</v>
      </c>
      <c r="O132" s="53">
        <v>0</v>
      </c>
      <c r="P132" s="53">
        <v>0</v>
      </c>
      <c r="Q132" s="53">
        <v>0</v>
      </c>
      <c r="R132" s="53">
        <v>0</v>
      </c>
      <c r="S132" s="53">
        <v>0</v>
      </c>
      <c r="T132" s="53">
        <v>0</v>
      </c>
      <c r="U132" s="53">
        <v>0</v>
      </c>
      <c r="V132" s="53">
        <v>0</v>
      </c>
      <c r="W132" s="53">
        <v>0</v>
      </c>
      <c r="X132" s="53">
        <v>0</v>
      </c>
      <c r="Y132" s="53">
        <v>0</v>
      </c>
      <c r="Z132" s="53">
        <v>0</v>
      </c>
      <c r="AA132" s="53">
        <v>0</v>
      </c>
      <c r="AB132" s="53">
        <v>0</v>
      </c>
      <c r="AC132" s="53">
        <v>0</v>
      </c>
      <c r="AD132" s="53">
        <v>0</v>
      </c>
      <c r="AE132" s="53">
        <v>0</v>
      </c>
      <c r="AF132" s="53">
        <v>0</v>
      </c>
      <c r="AG132" s="53">
        <v>0</v>
      </c>
      <c r="AH132" s="53">
        <v>0</v>
      </c>
      <c r="AI132" s="53">
        <v>0</v>
      </c>
      <c r="AJ132" s="53">
        <v>0</v>
      </c>
      <c r="AK132" s="53">
        <v>0</v>
      </c>
      <c r="AL132" s="53">
        <v>0</v>
      </c>
      <c r="AM132" s="53">
        <v>0</v>
      </c>
      <c r="AN132" s="53">
        <v>0</v>
      </c>
      <c r="AO132" s="53">
        <v>0</v>
      </c>
      <c r="AP132" s="53">
        <v>0</v>
      </c>
      <c r="AQ132" s="53">
        <v>0</v>
      </c>
      <c r="AR132" s="53">
        <v>0</v>
      </c>
      <c r="AS132" s="53">
        <v>0</v>
      </c>
      <c r="AT132" s="53">
        <v>0</v>
      </c>
      <c r="AU132" s="53">
        <v>0</v>
      </c>
      <c r="AV132" s="53">
        <v>0</v>
      </c>
      <c r="AW132" s="53">
        <v>0</v>
      </c>
      <c r="AX132" s="53">
        <v>0</v>
      </c>
      <c r="AY132" s="53">
        <v>0</v>
      </c>
      <c r="AZ132" s="53">
        <v>0</v>
      </c>
      <c r="BA132" s="53">
        <v>0</v>
      </c>
    </row>
    <row r="133" spans="1:53">
      <c r="A133" s="52" t="s">
        <v>928</v>
      </c>
      <c r="B133" s="53">
        <v>156764.57999999999</v>
      </c>
      <c r="C133" s="53">
        <v>150458.5</v>
      </c>
      <c r="D133" s="53">
        <v>185206.91999999899</v>
      </c>
      <c r="E133" s="53">
        <v>155263.19999999899</v>
      </c>
      <c r="F133" s="53">
        <v>151784.01</v>
      </c>
      <c r="G133" s="53">
        <v>192114.29</v>
      </c>
      <c r="H133" s="53">
        <v>161838.08999999901</v>
      </c>
      <c r="I133" s="53">
        <v>160885.47</v>
      </c>
      <c r="J133" s="53">
        <v>189964.43</v>
      </c>
      <c r="K133" s="53">
        <v>178876.05999999901</v>
      </c>
      <c r="L133" s="53">
        <v>147205.23000000001</v>
      </c>
      <c r="M133" s="53">
        <v>196914.50999999899</v>
      </c>
      <c r="N133" s="53">
        <v>2027275.28999999</v>
      </c>
      <c r="O133" s="53">
        <v>156764.57999999999</v>
      </c>
      <c r="P133" s="53">
        <v>150458.5</v>
      </c>
      <c r="Q133" s="53">
        <v>185206.91999999899</v>
      </c>
      <c r="R133" s="53">
        <v>155263.19999999899</v>
      </c>
      <c r="S133" s="53">
        <v>151784.01</v>
      </c>
      <c r="T133" s="53">
        <v>192114.29</v>
      </c>
      <c r="U133" s="53">
        <v>161838.08999999901</v>
      </c>
      <c r="V133" s="53">
        <v>160885.47</v>
      </c>
      <c r="W133" s="53">
        <v>189964.43</v>
      </c>
      <c r="X133" s="53">
        <v>178876.05999999901</v>
      </c>
      <c r="Y133" s="53">
        <v>147205.23000000001</v>
      </c>
      <c r="Z133" s="53">
        <v>196914.50999999899</v>
      </c>
      <c r="AA133" s="53">
        <v>2027275.28999999</v>
      </c>
      <c r="AB133" s="53">
        <v>156764.57999999999</v>
      </c>
      <c r="AC133" s="53">
        <v>150458.5</v>
      </c>
      <c r="AD133" s="53">
        <v>185206.91999999899</v>
      </c>
      <c r="AE133" s="53">
        <v>155263.19999999899</v>
      </c>
      <c r="AF133" s="53">
        <v>151784.01</v>
      </c>
      <c r="AG133" s="53">
        <v>192114.29</v>
      </c>
      <c r="AH133" s="53">
        <v>161838.08999999901</v>
      </c>
      <c r="AI133" s="53">
        <v>160885.47</v>
      </c>
      <c r="AJ133" s="53">
        <v>189964.43</v>
      </c>
      <c r="AK133" s="53">
        <v>178876.05999999901</v>
      </c>
      <c r="AL133" s="53">
        <v>147205.23000000001</v>
      </c>
      <c r="AM133" s="53">
        <v>196914.50999999899</v>
      </c>
      <c r="AN133" s="53">
        <v>2027275.28999999</v>
      </c>
      <c r="AO133" s="53">
        <v>156764.57999999999</v>
      </c>
      <c r="AP133" s="53">
        <v>150458.5</v>
      </c>
      <c r="AQ133" s="53">
        <v>185206.91999999899</v>
      </c>
      <c r="AR133" s="53">
        <v>155263.19999999899</v>
      </c>
      <c r="AS133" s="53">
        <v>151784.01</v>
      </c>
      <c r="AT133" s="53">
        <v>192114.29</v>
      </c>
      <c r="AU133" s="53">
        <v>161838.08999999901</v>
      </c>
      <c r="AV133" s="53">
        <v>160885.47</v>
      </c>
      <c r="AW133" s="53">
        <v>189964.43</v>
      </c>
      <c r="AX133" s="53">
        <v>178876.05999999901</v>
      </c>
      <c r="AY133" s="53">
        <v>147205.23000000001</v>
      </c>
      <c r="AZ133" s="53">
        <v>196914.50999999899</v>
      </c>
      <c r="BA133" s="53">
        <v>2027275.28999999</v>
      </c>
    </row>
    <row r="134" spans="1:53">
      <c r="A134" s="52" t="s">
        <v>929</v>
      </c>
      <c r="B134" s="53">
        <v>286</v>
      </c>
      <c r="C134" s="53">
        <v>262</v>
      </c>
      <c r="D134" s="53">
        <v>347</v>
      </c>
      <c r="E134" s="53">
        <v>346</v>
      </c>
      <c r="F134" s="53">
        <v>348</v>
      </c>
      <c r="G134" s="53">
        <v>347</v>
      </c>
      <c r="H134" s="53">
        <v>349</v>
      </c>
      <c r="I134" s="53">
        <v>350</v>
      </c>
      <c r="J134" s="53">
        <v>348</v>
      </c>
      <c r="K134" s="53">
        <v>351</v>
      </c>
      <c r="L134" s="53">
        <v>349</v>
      </c>
      <c r="M134" s="53">
        <v>352</v>
      </c>
      <c r="N134" s="53">
        <v>4035</v>
      </c>
      <c r="O134" s="53">
        <v>286</v>
      </c>
      <c r="P134" s="53">
        <v>262</v>
      </c>
      <c r="Q134" s="53">
        <v>347</v>
      </c>
      <c r="R134" s="53">
        <v>346</v>
      </c>
      <c r="S134" s="53">
        <v>348</v>
      </c>
      <c r="T134" s="53">
        <v>347</v>
      </c>
      <c r="U134" s="53">
        <v>349</v>
      </c>
      <c r="V134" s="53">
        <v>350</v>
      </c>
      <c r="W134" s="53">
        <v>348</v>
      </c>
      <c r="X134" s="53">
        <v>351</v>
      </c>
      <c r="Y134" s="53">
        <v>349</v>
      </c>
      <c r="Z134" s="53">
        <v>352</v>
      </c>
      <c r="AA134" s="53">
        <v>4035</v>
      </c>
      <c r="AB134" s="53">
        <v>286</v>
      </c>
      <c r="AC134" s="53">
        <v>262</v>
      </c>
      <c r="AD134" s="53">
        <v>347</v>
      </c>
      <c r="AE134" s="53">
        <v>346</v>
      </c>
      <c r="AF134" s="53">
        <v>348</v>
      </c>
      <c r="AG134" s="53">
        <v>347</v>
      </c>
      <c r="AH134" s="53">
        <v>349</v>
      </c>
      <c r="AI134" s="53">
        <v>350</v>
      </c>
      <c r="AJ134" s="53">
        <v>348</v>
      </c>
      <c r="AK134" s="53">
        <v>351</v>
      </c>
      <c r="AL134" s="53">
        <v>349</v>
      </c>
      <c r="AM134" s="53">
        <v>352</v>
      </c>
      <c r="AN134" s="53">
        <v>4035</v>
      </c>
      <c r="AO134" s="53">
        <v>286</v>
      </c>
      <c r="AP134" s="53">
        <v>262</v>
      </c>
      <c r="AQ134" s="53">
        <v>347</v>
      </c>
      <c r="AR134" s="53">
        <v>346</v>
      </c>
      <c r="AS134" s="53">
        <v>348</v>
      </c>
      <c r="AT134" s="53">
        <v>347</v>
      </c>
      <c r="AU134" s="53">
        <v>349</v>
      </c>
      <c r="AV134" s="53">
        <v>350</v>
      </c>
      <c r="AW134" s="53">
        <v>348</v>
      </c>
      <c r="AX134" s="53">
        <v>351</v>
      </c>
      <c r="AY134" s="53">
        <v>349</v>
      </c>
      <c r="AZ134" s="53">
        <v>352</v>
      </c>
      <c r="BA134" s="53">
        <v>4035</v>
      </c>
    </row>
    <row r="135" spans="1:53">
      <c r="A135" s="52" t="s">
        <v>930</v>
      </c>
      <c r="B135" s="53">
        <v>82592.75</v>
      </c>
      <c r="C135" s="53">
        <v>27284.019999999899</v>
      </c>
      <c r="D135" s="53">
        <v>29198.769999999899</v>
      </c>
      <c r="E135" s="53">
        <v>185576.3</v>
      </c>
      <c r="F135" s="53">
        <v>49863.589999999902</v>
      </c>
      <c r="G135" s="53">
        <v>29464.9899999999</v>
      </c>
      <c r="H135" s="53">
        <v>36356.349999999897</v>
      </c>
      <c r="I135" s="53">
        <v>29438.560000000001</v>
      </c>
      <c r="J135" s="53">
        <v>88048.36</v>
      </c>
      <c r="K135" s="53">
        <v>36246.999999999898</v>
      </c>
      <c r="L135" s="53">
        <v>29321.609999999899</v>
      </c>
      <c r="M135" s="53">
        <v>34524.069999999898</v>
      </c>
      <c r="N135" s="53">
        <v>657916.36999999895</v>
      </c>
      <c r="O135" s="53">
        <v>82592.75</v>
      </c>
      <c r="P135" s="53">
        <v>27284.019999999899</v>
      </c>
      <c r="Q135" s="53">
        <v>29198.769999999899</v>
      </c>
      <c r="R135" s="53">
        <v>185576.3</v>
      </c>
      <c r="S135" s="53">
        <v>49863.589999999902</v>
      </c>
      <c r="T135" s="53">
        <v>29464.9899999999</v>
      </c>
      <c r="U135" s="53">
        <v>36356.349999999897</v>
      </c>
      <c r="V135" s="53">
        <v>29438.560000000001</v>
      </c>
      <c r="W135" s="53">
        <v>88048.36</v>
      </c>
      <c r="X135" s="53">
        <v>36246.999999999898</v>
      </c>
      <c r="Y135" s="53">
        <v>29321.609999999899</v>
      </c>
      <c r="Z135" s="53">
        <v>34524.069999999898</v>
      </c>
      <c r="AA135" s="53">
        <v>657916.36999999895</v>
      </c>
      <c r="AB135" s="53">
        <v>82592.75</v>
      </c>
      <c r="AC135" s="53">
        <v>27284.019999999899</v>
      </c>
      <c r="AD135" s="53">
        <v>29198.769999999899</v>
      </c>
      <c r="AE135" s="53">
        <v>185576.3</v>
      </c>
      <c r="AF135" s="53">
        <v>49863.589999999902</v>
      </c>
      <c r="AG135" s="53">
        <v>29464.9899999999</v>
      </c>
      <c r="AH135" s="53">
        <v>36356.349999999897</v>
      </c>
      <c r="AI135" s="53">
        <v>29438.560000000001</v>
      </c>
      <c r="AJ135" s="53">
        <v>88048.36</v>
      </c>
      <c r="AK135" s="53">
        <v>36246.999999999898</v>
      </c>
      <c r="AL135" s="53">
        <v>29321.609999999899</v>
      </c>
      <c r="AM135" s="53">
        <v>34524.069999999898</v>
      </c>
      <c r="AN135" s="53">
        <v>657916.36999999895</v>
      </c>
      <c r="AO135" s="53">
        <v>82592.75</v>
      </c>
      <c r="AP135" s="53">
        <v>27284.019999999899</v>
      </c>
      <c r="AQ135" s="53">
        <v>29198.769999999899</v>
      </c>
      <c r="AR135" s="53">
        <v>185576.3</v>
      </c>
      <c r="AS135" s="53">
        <v>49863.589999999902</v>
      </c>
      <c r="AT135" s="53">
        <v>29464.9899999999</v>
      </c>
      <c r="AU135" s="53">
        <v>36356.349999999897</v>
      </c>
      <c r="AV135" s="53">
        <v>29438.560000000001</v>
      </c>
      <c r="AW135" s="53">
        <v>88048.36</v>
      </c>
      <c r="AX135" s="53">
        <v>36246.999999999898</v>
      </c>
      <c r="AY135" s="53">
        <v>29321.609999999899</v>
      </c>
      <c r="AZ135" s="53">
        <v>34524.069999999898</v>
      </c>
      <c r="BA135" s="53">
        <v>657916.36999999895</v>
      </c>
    </row>
    <row r="136" spans="1:53">
      <c r="A136" s="52" t="s">
        <v>931</v>
      </c>
      <c r="B136" s="53">
        <v>4636490.2824999997</v>
      </c>
      <c r="C136" s="53">
        <v>885844.91249999905</v>
      </c>
      <c r="D136" s="53">
        <v>1462506.6424999901</v>
      </c>
      <c r="E136" s="53">
        <v>1169551.2424999999</v>
      </c>
      <c r="F136" s="53">
        <v>2783483.7024999899</v>
      </c>
      <c r="G136" s="53">
        <v>1389982.3525</v>
      </c>
      <c r="H136" s="53">
        <v>1124411.4824999999</v>
      </c>
      <c r="I136" s="53">
        <v>1432969.28249999</v>
      </c>
      <c r="J136" s="53">
        <v>1292634.9624999899</v>
      </c>
      <c r="K136" s="53">
        <v>1430971.61249999</v>
      </c>
      <c r="L136" s="53">
        <v>957080.242499999</v>
      </c>
      <c r="M136" s="53">
        <v>1414404.56249999</v>
      </c>
      <c r="N136" s="53">
        <v>19980331.279999901</v>
      </c>
      <c r="O136" s="53">
        <v>5127569.11583333</v>
      </c>
      <c r="P136" s="53">
        <v>1376923.7458333301</v>
      </c>
      <c r="Q136" s="53">
        <v>1953585.4758333301</v>
      </c>
      <c r="R136" s="53">
        <v>1660630.0758333299</v>
      </c>
      <c r="S136" s="53">
        <v>3274562.5358333299</v>
      </c>
      <c r="T136" s="53">
        <v>1881061.18583333</v>
      </c>
      <c r="U136" s="53">
        <v>1615490.3158333299</v>
      </c>
      <c r="V136" s="53">
        <v>1924048.11583333</v>
      </c>
      <c r="W136" s="53">
        <v>1783713.7958333299</v>
      </c>
      <c r="X136" s="53">
        <v>1922050.44583333</v>
      </c>
      <c r="Y136" s="53">
        <v>1448159.0758333299</v>
      </c>
      <c r="Z136" s="53">
        <v>1905483.39583333</v>
      </c>
      <c r="AA136" s="53">
        <v>25873277.279999901</v>
      </c>
      <c r="AB136" s="53">
        <v>5465290.11583333</v>
      </c>
      <c r="AC136" s="53">
        <v>1714644.7458333301</v>
      </c>
      <c r="AD136" s="53">
        <v>2291306.4758333298</v>
      </c>
      <c r="AE136" s="53">
        <v>1998351.0758333299</v>
      </c>
      <c r="AF136" s="53">
        <v>3612283.5358333299</v>
      </c>
      <c r="AG136" s="53">
        <v>2218782.1858333298</v>
      </c>
      <c r="AH136" s="53">
        <v>1953211.3158333299</v>
      </c>
      <c r="AI136" s="53">
        <v>2261769.11583333</v>
      </c>
      <c r="AJ136" s="53">
        <v>2121434.7958333301</v>
      </c>
      <c r="AK136" s="53">
        <v>2259771.44583333</v>
      </c>
      <c r="AL136" s="53">
        <v>1785880.0758333299</v>
      </c>
      <c r="AM136" s="53">
        <v>2243204.3958333302</v>
      </c>
      <c r="AN136" s="53">
        <v>29925929.280000001</v>
      </c>
      <c r="AO136" s="53">
        <v>5790493.1158333197</v>
      </c>
      <c r="AP136" s="53">
        <v>2039847.7458333201</v>
      </c>
      <c r="AQ136" s="53">
        <v>2616509.4758333201</v>
      </c>
      <c r="AR136" s="53">
        <v>2323554.0758333202</v>
      </c>
      <c r="AS136" s="53">
        <v>3937486.5358333201</v>
      </c>
      <c r="AT136" s="53">
        <v>2543985.18583332</v>
      </c>
      <c r="AU136" s="53">
        <v>2278414.3158333199</v>
      </c>
      <c r="AV136" s="53">
        <v>2586972.1158333202</v>
      </c>
      <c r="AW136" s="53">
        <v>2446637.7958333199</v>
      </c>
      <c r="AX136" s="53">
        <v>2584974.4458333198</v>
      </c>
      <c r="AY136" s="53">
        <v>2111083.0758333202</v>
      </c>
      <c r="AZ136" s="53">
        <v>2568407.39583332</v>
      </c>
      <c r="BA136" s="53">
        <v>33828365.279999897</v>
      </c>
    </row>
    <row r="137" spans="1:53">
      <c r="A137" s="234" t="s">
        <v>932</v>
      </c>
      <c r="B137" s="53">
        <v>17073.506129507401</v>
      </c>
      <c r="C137" s="53">
        <v>17073.506129507401</v>
      </c>
      <c r="D137" s="53">
        <v>17073.506129507401</v>
      </c>
      <c r="E137" s="53">
        <v>17073.506129507401</v>
      </c>
      <c r="F137" s="53">
        <v>17073.506129507401</v>
      </c>
      <c r="G137" s="53">
        <v>17073.506129507401</v>
      </c>
      <c r="H137" s="53">
        <v>17073.506129507401</v>
      </c>
      <c r="I137" s="53">
        <v>17073.506129507401</v>
      </c>
      <c r="J137" s="53">
        <v>17073.506129507401</v>
      </c>
      <c r="K137" s="53">
        <v>17073.506129507401</v>
      </c>
      <c r="L137" s="53">
        <v>17073.506129507401</v>
      </c>
      <c r="M137" s="53">
        <v>17073.506129507401</v>
      </c>
      <c r="N137" s="53">
        <v>204882.07355408801</v>
      </c>
      <c r="O137" s="53">
        <v>54671.979219333603</v>
      </c>
      <c r="P137" s="53">
        <v>54671.979219333603</v>
      </c>
      <c r="Q137" s="53">
        <v>54671.979219333603</v>
      </c>
      <c r="R137" s="53">
        <v>54671.979219333603</v>
      </c>
      <c r="S137" s="53">
        <v>54671.979219333603</v>
      </c>
      <c r="T137" s="53">
        <v>54671.979219333603</v>
      </c>
      <c r="U137" s="53">
        <v>54671.979219333603</v>
      </c>
      <c r="V137" s="53">
        <v>54671.979219333603</v>
      </c>
      <c r="W137" s="53">
        <v>54671.979219333603</v>
      </c>
      <c r="X137" s="53">
        <v>54671.979219333603</v>
      </c>
      <c r="Y137" s="53">
        <v>54671.979219333603</v>
      </c>
      <c r="Z137" s="53">
        <v>54671.979219333603</v>
      </c>
      <c r="AA137" s="53">
        <v>656063.75063200295</v>
      </c>
      <c r="AB137" s="53">
        <v>104426.603246281</v>
      </c>
      <c r="AC137" s="53">
        <v>104426.603246281</v>
      </c>
      <c r="AD137" s="53">
        <v>104426.603246281</v>
      </c>
      <c r="AE137" s="53">
        <v>104426.603246281</v>
      </c>
      <c r="AF137" s="53">
        <v>104426.603246281</v>
      </c>
      <c r="AG137" s="53">
        <v>104426.603246281</v>
      </c>
      <c r="AH137" s="53">
        <v>104426.603246281</v>
      </c>
      <c r="AI137" s="53">
        <v>104426.603246281</v>
      </c>
      <c r="AJ137" s="53">
        <v>104426.603246281</v>
      </c>
      <c r="AK137" s="53">
        <v>104426.603246281</v>
      </c>
      <c r="AL137" s="53">
        <v>104426.603246281</v>
      </c>
      <c r="AM137" s="53">
        <v>104426.603246281</v>
      </c>
      <c r="AN137" s="53">
        <v>1253119.2389553699</v>
      </c>
      <c r="AO137" s="53">
        <v>168299.88771812199</v>
      </c>
      <c r="AP137" s="53">
        <v>168299.88771812199</v>
      </c>
      <c r="AQ137" s="53">
        <v>168299.88771812199</v>
      </c>
      <c r="AR137" s="53">
        <v>168299.88771812199</v>
      </c>
      <c r="AS137" s="53">
        <v>168299.88771812199</v>
      </c>
      <c r="AT137" s="53">
        <v>168299.88771812199</v>
      </c>
      <c r="AU137" s="53">
        <v>168299.88771812199</v>
      </c>
      <c r="AV137" s="53">
        <v>168299.88771812199</v>
      </c>
      <c r="AW137" s="53">
        <v>168299.88771812199</v>
      </c>
      <c r="AX137" s="53">
        <v>168299.88771812199</v>
      </c>
      <c r="AY137" s="53">
        <v>168299.88771812199</v>
      </c>
      <c r="AZ137" s="53">
        <v>168299.88771812199</v>
      </c>
      <c r="BA137" s="53">
        <v>2019598.6526174599</v>
      </c>
    </row>
    <row r="138" spans="1:53">
      <c r="A138" s="52" t="s">
        <v>933</v>
      </c>
      <c r="B138" s="53">
        <v>0</v>
      </c>
      <c r="C138" s="53">
        <v>0</v>
      </c>
      <c r="D138" s="53">
        <v>0</v>
      </c>
      <c r="E138" s="53">
        <v>0</v>
      </c>
      <c r="F138" s="53">
        <v>0</v>
      </c>
      <c r="G138" s="53">
        <v>0</v>
      </c>
      <c r="H138" s="53">
        <v>0</v>
      </c>
      <c r="I138" s="53">
        <v>0</v>
      </c>
      <c r="J138" s="53">
        <v>0</v>
      </c>
      <c r="K138" s="53">
        <v>0</v>
      </c>
      <c r="L138" s="53">
        <v>0</v>
      </c>
      <c r="M138" s="53">
        <v>0</v>
      </c>
      <c r="N138" s="53">
        <v>0</v>
      </c>
      <c r="O138" s="53">
        <v>0</v>
      </c>
      <c r="P138" s="53">
        <v>0</v>
      </c>
      <c r="Q138" s="53">
        <v>0</v>
      </c>
      <c r="R138" s="53">
        <v>0</v>
      </c>
      <c r="S138" s="53">
        <v>0</v>
      </c>
      <c r="T138" s="53">
        <v>0</v>
      </c>
      <c r="U138" s="53">
        <v>0</v>
      </c>
      <c r="V138" s="53">
        <v>0</v>
      </c>
      <c r="W138" s="53">
        <v>0</v>
      </c>
      <c r="X138" s="53">
        <v>0</v>
      </c>
      <c r="Y138" s="53">
        <v>0</v>
      </c>
      <c r="Z138" s="53">
        <v>0</v>
      </c>
      <c r="AA138" s="53">
        <v>0</v>
      </c>
      <c r="AB138" s="53">
        <v>0</v>
      </c>
      <c r="AC138" s="53">
        <v>0</v>
      </c>
      <c r="AD138" s="53">
        <v>0</v>
      </c>
      <c r="AE138" s="53">
        <v>0</v>
      </c>
      <c r="AF138" s="53">
        <v>0</v>
      </c>
      <c r="AG138" s="53">
        <v>0</v>
      </c>
      <c r="AH138" s="53">
        <v>0</v>
      </c>
      <c r="AI138" s="53">
        <v>0</v>
      </c>
      <c r="AJ138" s="53">
        <v>0</v>
      </c>
      <c r="AK138" s="53">
        <v>0</v>
      </c>
      <c r="AL138" s="53">
        <v>0</v>
      </c>
      <c r="AM138" s="53">
        <v>0</v>
      </c>
      <c r="AN138" s="53">
        <v>0</v>
      </c>
      <c r="AO138" s="53">
        <v>0</v>
      </c>
      <c r="AP138" s="53">
        <v>0</v>
      </c>
      <c r="AQ138" s="53">
        <v>0</v>
      </c>
      <c r="AR138" s="53">
        <v>0</v>
      </c>
      <c r="AS138" s="53">
        <v>0</v>
      </c>
      <c r="AT138" s="53">
        <v>0</v>
      </c>
      <c r="AU138" s="53">
        <v>0</v>
      </c>
      <c r="AV138" s="53">
        <v>0</v>
      </c>
      <c r="AW138" s="53">
        <v>0</v>
      </c>
      <c r="AX138" s="53">
        <v>0</v>
      </c>
      <c r="AY138" s="53">
        <v>0</v>
      </c>
      <c r="AZ138" s="53">
        <v>0</v>
      </c>
      <c r="BA138" s="53">
        <v>0</v>
      </c>
    </row>
    <row r="139" spans="1:53">
      <c r="A139" s="52" t="s">
        <v>934</v>
      </c>
      <c r="B139" s="53">
        <v>5788515.6645674901</v>
      </c>
      <c r="C139" s="53">
        <v>1964646.51456749</v>
      </c>
      <c r="D139" s="53">
        <v>2556904.27456749</v>
      </c>
      <c r="E139" s="53">
        <v>2424289.27456749</v>
      </c>
      <c r="F139" s="53">
        <v>4275398.6345674898</v>
      </c>
      <c r="G139" s="53">
        <v>2536720.7145674899</v>
      </c>
      <c r="H139" s="53">
        <v>2226276.1345674898</v>
      </c>
      <c r="I139" s="53">
        <v>2542630.0945674898</v>
      </c>
      <c r="J139" s="53">
        <v>2485679.9545674901</v>
      </c>
      <c r="K139" s="53">
        <v>2562516.7645674902</v>
      </c>
      <c r="L139" s="53">
        <v>2427676.02456749</v>
      </c>
      <c r="M139" s="53">
        <v>2321333.1045674901</v>
      </c>
      <c r="N139" s="53">
        <v>34112587.1548099</v>
      </c>
      <c r="O139" s="53">
        <v>6334356.3305452596</v>
      </c>
      <c r="P139" s="53">
        <v>2510487.1805452602</v>
      </c>
      <c r="Q139" s="53">
        <v>3102744.94054526</v>
      </c>
      <c r="R139" s="53">
        <v>2970129.94054526</v>
      </c>
      <c r="S139" s="53">
        <v>4821239.3005452603</v>
      </c>
      <c r="T139" s="53">
        <v>3082561.3805452599</v>
      </c>
      <c r="U139" s="53">
        <v>2772116.8005452598</v>
      </c>
      <c r="V139" s="53">
        <v>3088470.7605452598</v>
      </c>
      <c r="W139" s="53">
        <v>3031520.6205452601</v>
      </c>
      <c r="X139" s="53">
        <v>3108357.4305452602</v>
      </c>
      <c r="Y139" s="53">
        <v>2973516.69054526</v>
      </c>
      <c r="Z139" s="53">
        <v>2867173.77054526</v>
      </c>
      <c r="AA139" s="53">
        <v>40662675.146543197</v>
      </c>
      <c r="AB139" s="53">
        <v>6740058.0088713001</v>
      </c>
      <c r="AC139" s="53">
        <v>2916188.8588712998</v>
      </c>
      <c r="AD139" s="53">
        <v>3508446.6188713</v>
      </c>
      <c r="AE139" s="53">
        <v>3375831.6188713</v>
      </c>
      <c r="AF139" s="53">
        <v>5226940.9788712999</v>
      </c>
      <c r="AG139" s="53">
        <v>3488263.0588713</v>
      </c>
      <c r="AH139" s="53">
        <v>3177818.4788712999</v>
      </c>
      <c r="AI139" s="53">
        <v>3494172.4388712998</v>
      </c>
      <c r="AJ139" s="53">
        <v>3437222.2988713002</v>
      </c>
      <c r="AK139" s="53">
        <v>3514059.1088712998</v>
      </c>
      <c r="AL139" s="53">
        <v>3379218.3688713</v>
      </c>
      <c r="AM139" s="53">
        <v>3272875.4488713001</v>
      </c>
      <c r="AN139" s="53">
        <v>45531095.286455601</v>
      </c>
      <c r="AO139" s="53">
        <v>7147267.3911511004</v>
      </c>
      <c r="AP139" s="53">
        <v>3323398.2411511</v>
      </c>
      <c r="AQ139" s="53">
        <v>3915656.0011510998</v>
      </c>
      <c r="AR139" s="53">
        <v>3783041.0011510998</v>
      </c>
      <c r="AS139" s="53">
        <v>5634150.3611510899</v>
      </c>
      <c r="AT139" s="53">
        <v>3895472.4411511002</v>
      </c>
      <c r="AU139" s="53">
        <v>3585027.8611511001</v>
      </c>
      <c r="AV139" s="53">
        <v>3901381.8211511001</v>
      </c>
      <c r="AW139" s="53">
        <v>3844431.6811511</v>
      </c>
      <c r="AX139" s="53">
        <v>3921268.4911511</v>
      </c>
      <c r="AY139" s="53">
        <v>3786427.7511510998</v>
      </c>
      <c r="AZ139" s="53">
        <v>3680084.8311510901</v>
      </c>
      <c r="BA139" s="53">
        <v>50417607.873813197</v>
      </c>
    </row>
    <row r="140" spans="1:53">
      <c r="A140" s="231" t="s">
        <v>935</v>
      </c>
      <c r="B140" s="53"/>
      <c r="C140" s="53"/>
      <c r="D140" s="53"/>
      <c r="E140" s="53"/>
      <c r="F140" s="53"/>
      <c r="G140" s="53"/>
      <c r="H140" s="53"/>
      <c r="I140" s="53"/>
      <c r="J140" s="53"/>
      <c r="K140" s="53"/>
      <c r="L140" s="53"/>
      <c r="M140" s="53"/>
      <c r="N140" s="53"/>
      <c r="O140" s="53"/>
      <c r="P140" s="53"/>
      <c r="Q140" s="53"/>
      <c r="R140" s="53"/>
      <c r="S140" s="53"/>
      <c r="T140" s="53"/>
      <c r="U140" s="53"/>
      <c r="V140" s="53"/>
      <c r="W140" s="53"/>
      <c r="X140" s="53"/>
      <c r="Y140" s="53"/>
      <c r="Z140" s="53"/>
      <c r="AA140" s="53"/>
      <c r="AB140" s="53"/>
      <c r="AC140" s="53"/>
      <c r="AD140" s="53"/>
      <c r="AE140" s="53"/>
      <c r="AF140" s="53"/>
      <c r="AG140" s="53"/>
      <c r="AH140" s="53"/>
      <c r="AI140" s="53"/>
      <c r="AJ140" s="53"/>
      <c r="AK140" s="53"/>
      <c r="AL140" s="53"/>
      <c r="AM140" s="53"/>
      <c r="AN140" s="53"/>
      <c r="AO140" s="53"/>
      <c r="AP140" s="53"/>
      <c r="AQ140" s="53"/>
      <c r="AR140" s="53"/>
      <c r="AS140" s="53"/>
      <c r="AT140" s="53"/>
      <c r="AU140" s="53"/>
      <c r="AV140" s="53"/>
      <c r="AW140" s="53"/>
      <c r="AX140" s="53"/>
      <c r="AY140" s="53"/>
      <c r="AZ140" s="53"/>
      <c r="BA140" s="53"/>
    </row>
    <row r="141" spans="1:53">
      <c r="A141" s="52" t="s">
        <v>936</v>
      </c>
      <c r="B141" s="53">
        <v>1587213.4866666601</v>
      </c>
      <c r="C141" s="53">
        <v>1577304.8466666599</v>
      </c>
      <c r="D141" s="53">
        <v>1602841.95666666</v>
      </c>
      <c r="E141" s="53">
        <v>1604806.3066666599</v>
      </c>
      <c r="F141" s="53">
        <v>1779619.63666666</v>
      </c>
      <c r="G141" s="53">
        <v>1608579.96666666</v>
      </c>
      <c r="H141" s="53">
        <v>1601806.7466666601</v>
      </c>
      <c r="I141" s="53">
        <v>1604730.6066666599</v>
      </c>
      <c r="J141" s="53">
        <v>1604399.7866666601</v>
      </c>
      <c r="K141" s="53">
        <v>1595037.40666666</v>
      </c>
      <c r="L141" s="53">
        <v>1764997.89666666</v>
      </c>
      <c r="M141" s="53">
        <v>1616380.64666666</v>
      </c>
      <c r="N141" s="53">
        <v>19547719.289999999</v>
      </c>
      <c r="O141" s="53">
        <v>1459713.4866666601</v>
      </c>
      <c r="P141" s="53">
        <v>1449804.8466666599</v>
      </c>
      <c r="Q141" s="53">
        <v>1475341.95666666</v>
      </c>
      <c r="R141" s="53">
        <v>1477306.3066666599</v>
      </c>
      <c r="S141" s="53">
        <v>1652119.63666666</v>
      </c>
      <c r="T141" s="53">
        <v>1481079.96666666</v>
      </c>
      <c r="U141" s="53">
        <v>1474306.7466666601</v>
      </c>
      <c r="V141" s="53">
        <v>1477230.6066666599</v>
      </c>
      <c r="W141" s="53">
        <v>1476899.7866666601</v>
      </c>
      <c r="X141" s="53">
        <v>1467537.40666666</v>
      </c>
      <c r="Y141" s="53">
        <v>1637497.89666666</v>
      </c>
      <c r="Z141" s="53">
        <v>1488880.64666666</v>
      </c>
      <c r="AA141" s="53">
        <v>18017719.289999999</v>
      </c>
      <c r="AB141" s="53">
        <v>1459713.4866666601</v>
      </c>
      <c r="AC141" s="53">
        <v>1449804.8466666599</v>
      </c>
      <c r="AD141" s="53">
        <v>1475341.95666666</v>
      </c>
      <c r="AE141" s="53">
        <v>1477306.3066666599</v>
      </c>
      <c r="AF141" s="53">
        <v>1652119.63666666</v>
      </c>
      <c r="AG141" s="53">
        <v>1481079.96666666</v>
      </c>
      <c r="AH141" s="53">
        <v>1474306.7466666601</v>
      </c>
      <c r="AI141" s="53">
        <v>1477230.6066666599</v>
      </c>
      <c r="AJ141" s="53">
        <v>1476899.7866666601</v>
      </c>
      <c r="AK141" s="53">
        <v>1467537.40666666</v>
      </c>
      <c r="AL141" s="53">
        <v>1637497.89666666</v>
      </c>
      <c r="AM141" s="53">
        <v>1488880.64666666</v>
      </c>
      <c r="AN141" s="53">
        <v>18017719.289999999</v>
      </c>
      <c r="AO141" s="53">
        <v>1459713.4866666601</v>
      </c>
      <c r="AP141" s="53">
        <v>1449804.8466666599</v>
      </c>
      <c r="AQ141" s="53">
        <v>1475341.95666666</v>
      </c>
      <c r="AR141" s="53">
        <v>1477306.3066666599</v>
      </c>
      <c r="AS141" s="53">
        <v>1652119.63666666</v>
      </c>
      <c r="AT141" s="53">
        <v>1481079.96666666</v>
      </c>
      <c r="AU141" s="53">
        <v>1474306.7466666601</v>
      </c>
      <c r="AV141" s="53">
        <v>1477230.6066666599</v>
      </c>
      <c r="AW141" s="53">
        <v>1476899.7866666601</v>
      </c>
      <c r="AX141" s="53">
        <v>1467537.40666666</v>
      </c>
      <c r="AY141" s="53">
        <v>1637497.89666666</v>
      </c>
      <c r="AZ141" s="53">
        <v>1488880.64666666</v>
      </c>
      <c r="BA141" s="53">
        <v>18017719.289999999</v>
      </c>
    </row>
    <row r="142" spans="1:53">
      <c r="A142" s="234" t="s">
        <v>937</v>
      </c>
      <c r="B142" s="53">
        <v>37264.867209038799</v>
      </c>
      <c r="C142" s="53">
        <v>37264.867209038799</v>
      </c>
      <c r="D142" s="53">
        <v>37264.867209038799</v>
      </c>
      <c r="E142" s="53">
        <v>37264.867209038799</v>
      </c>
      <c r="F142" s="53">
        <v>37264.867209038799</v>
      </c>
      <c r="G142" s="53">
        <v>37264.867209038799</v>
      </c>
      <c r="H142" s="53">
        <v>37264.867209038799</v>
      </c>
      <c r="I142" s="53">
        <v>37264.867209038799</v>
      </c>
      <c r="J142" s="53">
        <v>37264.867209038799</v>
      </c>
      <c r="K142" s="53">
        <v>37264.867209038799</v>
      </c>
      <c r="L142" s="53">
        <v>37264.867209038799</v>
      </c>
      <c r="M142" s="53">
        <v>37264.867209038799</v>
      </c>
      <c r="N142" s="53">
        <v>447178.40650846501</v>
      </c>
      <c r="O142" s="53">
        <v>63695.351349466502</v>
      </c>
      <c r="P142" s="53">
        <v>63695.351349466502</v>
      </c>
      <c r="Q142" s="53">
        <v>63695.351349466502</v>
      </c>
      <c r="R142" s="53">
        <v>63695.351349466502</v>
      </c>
      <c r="S142" s="53">
        <v>63695.351349466502</v>
      </c>
      <c r="T142" s="53">
        <v>63695.351349466502</v>
      </c>
      <c r="U142" s="53">
        <v>63695.351349466502</v>
      </c>
      <c r="V142" s="53">
        <v>63695.351349466502</v>
      </c>
      <c r="W142" s="53">
        <v>63695.351349466502</v>
      </c>
      <c r="X142" s="53">
        <v>63695.351349466502</v>
      </c>
      <c r="Y142" s="53">
        <v>63695.351349466502</v>
      </c>
      <c r="Z142" s="53">
        <v>63695.351349466502</v>
      </c>
      <c r="AA142" s="53">
        <v>764344.21619359695</v>
      </c>
      <c r="AB142" s="53">
        <v>95106.339927333102</v>
      </c>
      <c r="AC142" s="53">
        <v>95106.339927333102</v>
      </c>
      <c r="AD142" s="53">
        <v>95106.339927333102</v>
      </c>
      <c r="AE142" s="53">
        <v>95106.339927333102</v>
      </c>
      <c r="AF142" s="53">
        <v>95106.339927333102</v>
      </c>
      <c r="AG142" s="53">
        <v>95106.339927333102</v>
      </c>
      <c r="AH142" s="53">
        <v>95106.339927333102</v>
      </c>
      <c r="AI142" s="53">
        <v>95106.339927333102</v>
      </c>
      <c r="AJ142" s="53">
        <v>95106.339927333102</v>
      </c>
      <c r="AK142" s="53">
        <v>95106.339927333102</v>
      </c>
      <c r="AL142" s="53">
        <v>95106.339927333102</v>
      </c>
      <c r="AM142" s="53">
        <v>95106.339927333102</v>
      </c>
      <c r="AN142" s="53">
        <v>1141276.0791279899</v>
      </c>
      <c r="AO142" s="53">
        <v>127011.014078309</v>
      </c>
      <c r="AP142" s="53">
        <v>127011.014078309</v>
      </c>
      <c r="AQ142" s="53">
        <v>127011.014078309</v>
      </c>
      <c r="AR142" s="53">
        <v>127011.014078309</v>
      </c>
      <c r="AS142" s="53">
        <v>127011.014078309</v>
      </c>
      <c r="AT142" s="53">
        <v>127011.014078309</v>
      </c>
      <c r="AU142" s="53">
        <v>127011.014078309</v>
      </c>
      <c r="AV142" s="53">
        <v>127011.014078309</v>
      </c>
      <c r="AW142" s="53">
        <v>127011.014078309</v>
      </c>
      <c r="AX142" s="53">
        <v>127011.014078309</v>
      </c>
      <c r="AY142" s="53">
        <v>127011.014078309</v>
      </c>
      <c r="AZ142" s="53">
        <v>127011.014078309</v>
      </c>
      <c r="BA142" s="53">
        <v>1524132.1689397199</v>
      </c>
    </row>
    <row r="143" spans="1:53">
      <c r="A143" s="52" t="s">
        <v>938</v>
      </c>
      <c r="B143" s="53">
        <v>0</v>
      </c>
      <c r="C143" s="53">
        <v>0</v>
      </c>
      <c r="D143" s="53">
        <v>0</v>
      </c>
      <c r="E143" s="53">
        <v>0</v>
      </c>
      <c r="F143" s="53">
        <v>0</v>
      </c>
      <c r="G143" s="53">
        <v>0</v>
      </c>
      <c r="H143" s="53">
        <v>0</v>
      </c>
      <c r="I143" s="53">
        <v>0</v>
      </c>
      <c r="J143" s="53">
        <v>0</v>
      </c>
      <c r="K143" s="53">
        <v>0</v>
      </c>
      <c r="L143" s="53">
        <v>0</v>
      </c>
      <c r="M143" s="53">
        <v>0</v>
      </c>
      <c r="N143" s="53">
        <v>0</v>
      </c>
      <c r="O143" s="53">
        <v>0</v>
      </c>
      <c r="P143" s="53">
        <v>0</v>
      </c>
      <c r="Q143" s="53">
        <v>0</v>
      </c>
      <c r="R143" s="53">
        <v>0</v>
      </c>
      <c r="S143" s="53">
        <v>0</v>
      </c>
      <c r="T143" s="53">
        <v>0</v>
      </c>
      <c r="U143" s="53">
        <v>0</v>
      </c>
      <c r="V143" s="53">
        <v>0</v>
      </c>
      <c r="W143" s="53">
        <v>0</v>
      </c>
      <c r="X143" s="53">
        <v>0</v>
      </c>
      <c r="Y143" s="53">
        <v>0</v>
      </c>
      <c r="Z143" s="53">
        <v>0</v>
      </c>
      <c r="AA143" s="53">
        <v>0</v>
      </c>
      <c r="AB143" s="53">
        <v>0</v>
      </c>
      <c r="AC143" s="53">
        <v>0</v>
      </c>
      <c r="AD143" s="53">
        <v>0</v>
      </c>
      <c r="AE143" s="53">
        <v>0</v>
      </c>
      <c r="AF143" s="53">
        <v>0</v>
      </c>
      <c r="AG143" s="53">
        <v>0</v>
      </c>
      <c r="AH143" s="53">
        <v>0</v>
      </c>
      <c r="AI143" s="53">
        <v>0</v>
      </c>
      <c r="AJ143" s="53">
        <v>0</v>
      </c>
      <c r="AK143" s="53">
        <v>0</v>
      </c>
      <c r="AL143" s="53">
        <v>0</v>
      </c>
      <c r="AM143" s="53">
        <v>0</v>
      </c>
      <c r="AN143" s="53">
        <v>0</v>
      </c>
      <c r="AO143" s="53">
        <v>0</v>
      </c>
      <c r="AP143" s="53">
        <v>0</v>
      </c>
      <c r="AQ143" s="53">
        <v>0</v>
      </c>
      <c r="AR143" s="53">
        <v>0</v>
      </c>
      <c r="AS143" s="53">
        <v>0</v>
      </c>
      <c r="AT143" s="53">
        <v>0</v>
      </c>
      <c r="AU143" s="53">
        <v>0</v>
      </c>
      <c r="AV143" s="53">
        <v>0</v>
      </c>
      <c r="AW143" s="53">
        <v>0</v>
      </c>
      <c r="AX143" s="53">
        <v>0</v>
      </c>
      <c r="AY143" s="53">
        <v>0</v>
      </c>
      <c r="AZ143" s="53">
        <v>0</v>
      </c>
      <c r="BA143" s="53">
        <v>0</v>
      </c>
    </row>
    <row r="144" spans="1:53">
      <c r="A144" s="52" t="s">
        <v>939</v>
      </c>
      <c r="B144" s="53">
        <v>356562.55333333299</v>
      </c>
      <c r="C144" s="53">
        <v>533128.09333333303</v>
      </c>
      <c r="D144" s="53">
        <v>3819230.7133333301</v>
      </c>
      <c r="E144" s="53">
        <v>1421723.12333333</v>
      </c>
      <c r="F144" s="53">
        <v>779725.68333333195</v>
      </c>
      <c r="G144" s="53">
        <v>522017.82333333202</v>
      </c>
      <c r="H144" s="53">
        <v>345821.40333333297</v>
      </c>
      <c r="I144" s="53">
        <v>1127632.6433333301</v>
      </c>
      <c r="J144" s="53">
        <v>704615.42333333299</v>
      </c>
      <c r="K144" s="53">
        <v>682616.09333333303</v>
      </c>
      <c r="L144" s="53">
        <v>1358049.2733333299</v>
      </c>
      <c r="M144" s="53">
        <v>466215.613333332</v>
      </c>
      <c r="N144" s="53">
        <v>12117338.439999999</v>
      </c>
      <c r="O144" s="53">
        <v>403395.88666666602</v>
      </c>
      <c r="P144" s="53">
        <v>579961.42666666699</v>
      </c>
      <c r="Q144" s="53">
        <v>3866064.0466666599</v>
      </c>
      <c r="R144" s="53">
        <v>1468556.45666666</v>
      </c>
      <c r="S144" s="53">
        <v>826559.01666666695</v>
      </c>
      <c r="T144" s="53">
        <v>568851.15666666697</v>
      </c>
      <c r="U144" s="53">
        <v>392654.73666666698</v>
      </c>
      <c r="V144" s="53">
        <v>1174465.97666666</v>
      </c>
      <c r="W144" s="53">
        <v>751448.75666666694</v>
      </c>
      <c r="X144" s="53">
        <v>729449.42666666699</v>
      </c>
      <c r="Y144" s="53">
        <v>1404882.6066666599</v>
      </c>
      <c r="Z144" s="53">
        <v>513048.94666666701</v>
      </c>
      <c r="AA144" s="53">
        <v>12679338.439999999</v>
      </c>
      <c r="AB144" s="53">
        <v>403395.88666666602</v>
      </c>
      <c r="AC144" s="53">
        <v>579961.42666666699</v>
      </c>
      <c r="AD144" s="53">
        <v>3866064.0466666599</v>
      </c>
      <c r="AE144" s="53">
        <v>1468556.45666666</v>
      </c>
      <c r="AF144" s="53">
        <v>826559.01666666695</v>
      </c>
      <c r="AG144" s="53">
        <v>568851.15666666697</v>
      </c>
      <c r="AH144" s="53">
        <v>392654.73666666698</v>
      </c>
      <c r="AI144" s="53">
        <v>1174465.97666666</v>
      </c>
      <c r="AJ144" s="53">
        <v>751448.75666666694</v>
      </c>
      <c r="AK144" s="53">
        <v>729449.42666666699</v>
      </c>
      <c r="AL144" s="53">
        <v>1404882.6066666599</v>
      </c>
      <c r="AM144" s="53">
        <v>513048.94666666701</v>
      </c>
      <c r="AN144" s="53">
        <v>12679338.439999999</v>
      </c>
      <c r="AO144" s="53">
        <v>403395.88666666602</v>
      </c>
      <c r="AP144" s="53">
        <v>579961.42666666699</v>
      </c>
      <c r="AQ144" s="53">
        <v>3866064.0466666599</v>
      </c>
      <c r="AR144" s="53">
        <v>1468556.45666666</v>
      </c>
      <c r="AS144" s="53">
        <v>826559.01666666695</v>
      </c>
      <c r="AT144" s="53">
        <v>568851.15666666697</v>
      </c>
      <c r="AU144" s="53">
        <v>392654.73666666698</v>
      </c>
      <c r="AV144" s="53">
        <v>1174465.97666666</v>
      </c>
      <c r="AW144" s="53">
        <v>751448.75666666694</v>
      </c>
      <c r="AX144" s="53">
        <v>729449.42666666699</v>
      </c>
      <c r="AY144" s="53">
        <v>1404882.6066666599</v>
      </c>
      <c r="AZ144" s="53">
        <v>513048.94666666701</v>
      </c>
      <c r="BA144" s="53">
        <v>12679338.439999999</v>
      </c>
    </row>
    <row r="145" spans="1:53">
      <c r="A145" s="234" t="s">
        <v>940</v>
      </c>
      <c r="B145" s="53">
        <v>23099.933101892901</v>
      </c>
      <c r="C145" s="53">
        <v>23099.933101892901</v>
      </c>
      <c r="D145" s="53">
        <v>23099.933101892901</v>
      </c>
      <c r="E145" s="53">
        <v>23099.933101892901</v>
      </c>
      <c r="F145" s="53">
        <v>23099.933101892901</v>
      </c>
      <c r="G145" s="53">
        <v>23099.933101892901</v>
      </c>
      <c r="H145" s="53">
        <v>23099.933101892901</v>
      </c>
      <c r="I145" s="53">
        <v>23099.933101892901</v>
      </c>
      <c r="J145" s="53">
        <v>23099.933101892901</v>
      </c>
      <c r="K145" s="53">
        <v>23099.933101892901</v>
      </c>
      <c r="L145" s="53">
        <v>23099.933101892901</v>
      </c>
      <c r="M145" s="53">
        <v>23099.933101892901</v>
      </c>
      <c r="N145" s="53">
        <v>277199.19722271402</v>
      </c>
      <c r="O145" s="53">
        <v>44823.371028031797</v>
      </c>
      <c r="P145" s="53">
        <v>44823.371028031797</v>
      </c>
      <c r="Q145" s="53">
        <v>44823.371028031797</v>
      </c>
      <c r="R145" s="53">
        <v>44823.371028031797</v>
      </c>
      <c r="S145" s="53">
        <v>44823.371028031797</v>
      </c>
      <c r="T145" s="53">
        <v>44823.371028031797</v>
      </c>
      <c r="U145" s="53">
        <v>44823.371028031797</v>
      </c>
      <c r="V145" s="53">
        <v>44823.371028031797</v>
      </c>
      <c r="W145" s="53">
        <v>44823.371028031797</v>
      </c>
      <c r="X145" s="53">
        <v>44823.371028031797</v>
      </c>
      <c r="Y145" s="53">
        <v>44823.371028031797</v>
      </c>
      <c r="Z145" s="53">
        <v>44823.371028031797</v>
      </c>
      <c r="AA145" s="53">
        <v>537880.45233638096</v>
      </c>
      <c r="AB145" s="53">
        <v>66927.753303250705</v>
      </c>
      <c r="AC145" s="53">
        <v>66927.753303250705</v>
      </c>
      <c r="AD145" s="53">
        <v>66927.753303250705</v>
      </c>
      <c r="AE145" s="53">
        <v>66927.753303250705</v>
      </c>
      <c r="AF145" s="53">
        <v>66927.753303250705</v>
      </c>
      <c r="AG145" s="53">
        <v>66927.753303250705</v>
      </c>
      <c r="AH145" s="53">
        <v>66927.753303250705</v>
      </c>
      <c r="AI145" s="53">
        <v>66927.753303250705</v>
      </c>
      <c r="AJ145" s="53">
        <v>66927.753303250705</v>
      </c>
      <c r="AK145" s="53">
        <v>66927.753303250705</v>
      </c>
      <c r="AL145" s="53">
        <v>66927.753303250705</v>
      </c>
      <c r="AM145" s="53">
        <v>66927.753303250705</v>
      </c>
      <c r="AN145" s="53">
        <v>803133.03963900905</v>
      </c>
      <c r="AO145" s="53">
        <v>89379.549497160202</v>
      </c>
      <c r="AP145" s="53">
        <v>89379.549497160202</v>
      </c>
      <c r="AQ145" s="53">
        <v>89379.549497160202</v>
      </c>
      <c r="AR145" s="53">
        <v>89379.549497160202</v>
      </c>
      <c r="AS145" s="53">
        <v>89379.549497160202</v>
      </c>
      <c r="AT145" s="53">
        <v>89379.549497160202</v>
      </c>
      <c r="AU145" s="53">
        <v>89379.549497160202</v>
      </c>
      <c r="AV145" s="53">
        <v>89379.549497160202</v>
      </c>
      <c r="AW145" s="53">
        <v>89379.549497160202</v>
      </c>
      <c r="AX145" s="53">
        <v>89379.549497160202</v>
      </c>
      <c r="AY145" s="53">
        <v>89379.549497160202</v>
      </c>
      <c r="AZ145" s="53">
        <v>89379.549497160202</v>
      </c>
      <c r="BA145" s="53">
        <v>1072554.5939659199</v>
      </c>
    </row>
    <row r="146" spans="1:53">
      <c r="A146" s="52" t="s">
        <v>941</v>
      </c>
      <c r="B146" s="53">
        <v>0</v>
      </c>
      <c r="C146" s="53">
        <v>0</v>
      </c>
      <c r="D146" s="53">
        <v>0</v>
      </c>
      <c r="E146" s="53">
        <v>0</v>
      </c>
      <c r="F146" s="53">
        <v>0</v>
      </c>
      <c r="G146" s="53">
        <v>0</v>
      </c>
      <c r="H146" s="53">
        <v>0</v>
      </c>
      <c r="I146" s="53">
        <v>0</v>
      </c>
      <c r="J146" s="53">
        <v>0</v>
      </c>
      <c r="K146" s="53">
        <v>0</v>
      </c>
      <c r="L146" s="53">
        <v>0</v>
      </c>
      <c r="M146" s="53">
        <v>0</v>
      </c>
      <c r="N146" s="53">
        <v>0</v>
      </c>
      <c r="O146" s="53">
        <v>0</v>
      </c>
      <c r="P146" s="53">
        <v>0</v>
      </c>
      <c r="Q146" s="53">
        <v>0</v>
      </c>
      <c r="R146" s="53">
        <v>0</v>
      </c>
      <c r="S146" s="53">
        <v>0</v>
      </c>
      <c r="T146" s="53">
        <v>0</v>
      </c>
      <c r="U146" s="53">
        <v>0</v>
      </c>
      <c r="V146" s="53">
        <v>0</v>
      </c>
      <c r="W146" s="53">
        <v>0</v>
      </c>
      <c r="X146" s="53">
        <v>0</v>
      </c>
      <c r="Y146" s="53">
        <v>0</v>
      </c>
      <c r="Z146" s="53">
        <v>0</v>
      </c>
      <c r="AA146" s="53">
        <v>0</v>
      </c>
      <c r="AB146" s="53">
        <v>0</v>
      </c>
      <c r="AC146" s="53">
        <v>0</v>
      </c>
      <c r="AD146" s="53">
        <v>0</v>
      </c>
      <c r="AE146" s="53">
        <v>0</v>
      </c>
      <c r="AF146" s="53">
        <v>0</v>
      </c>
      <c r="AG146" s="53">
        <v>0</v>
      </c>
      <c r="AH146" s="53">
        <v>0</v>
      </c>
      <c r="AI146" s="53">
        <v>0</v>
      </c>
      <c r="AJ146" s="53">
        <v>0</v>
      </c>
      <c r="AK146" s="53">
        <v>0</v>
      </c>
      <c r="AL146" s="53">
        <v>0</v>
      </c>
      <c r="AM146" s="53">
        <v>0</v>
      </c>
      <c r="AN146" s="53">
        <v>0</v>
      </c>
      <c r="AO146" s="53">
        <v>0</v>
      </c>
      <c r="AP146" s="53">
        <v>0</v>
      </c>
      <c r="AQ146" s="53">
        <v>0</v>
      </c>
      <c r="AR146" s="53">
        <v>0</v>
      </c>
      <c r="AS146" s="53">
        <v>0</v>
      </c>
      <c r="AT146" s="53">
        <v>0</v>
      </c>
      <c r="AU146" s="53">
        <v>0</v>
      </c>
      <c r="AV146" s="53">
        <v>0</v>
      </c>
      <c r="AW146" s="53">
        <v>0</v>
      </c>
      <c r="AX146" s="53">
        <v>0</v>
      </c>
      <c r="AY146" s="53">
        <v>0</v>
      </c>
      <c r="AZ146" s="53">
        <v>0</v>
      </c>
      <c r="BA146" s="53">
        <v>0</v>
      </c>
    </row>
    <row r="147" spans="1:53">
      <c r="A147" s="52" t="s">
        <v>942</v>
      </c>
      <c r="B147" s="53">
        <v>16750.480000001</v>
      </c>
      <c r="C147" s="53">
        <v>660353.82000000204</v>
      </c>
      <c r="D147" s="53">
        <v>2483156.27</v>
      </c>
      <c r="E147" s="53">
        <v>3233623.86</v>
      </c>
      <c r="F147" s="53">
        <v>1061426.53</v>
      </c>
      <c r="G147" s="53">
        <v>243941.17000000199</v>
      </c>
      <c r="H147" s="53">
        <v>-1118802.3499999901</v>
      </c>
      <c r="I147" s="53">
        <v>-1167006.6299999999</v>
      </c>
      <c r="J147" s="53">
        <v>1056933.79</v>
      </c>
      <c r="K147" s="53">
        <v>2006978.93</v>
      </c>
      <c r="L147" s="53">
        <v>-269791.92999999801</v>
      </c>
      <c r="M147" s="53">
        <v>-919080.36999999895</v>
      </c>
      <c r="N147" s="53">
        <v>7288483.5700000096</v>
      </c>
      <c r="O147" s="53">
        <v>97417.146666670902</v>
      </c>
      <c r="P147" s="53">
        <v>741020.48666667205</v>
      </c>
      <c r="Q147" s="53">
        <v>2563822.9366666698</v>
      </c>
      <c r="R147" s="53">
        <v>3314290.5266666701</v>
      </c>
      <c r="S147" s="53">
        <v>1142093.19666667</v>
      </c>
      <c r="T147" s="53">
        <v>324607.83666667202</v>
      </c>
      <c r="U147" s="53">
        <v>-1038135.68333333</v>
      </c>
      <c r="V147" s="53">
        <v>-1086339.9633333299</v>
      </c>
      <c r="W147" s="53">
        <v>1137600.45666667</v>
      </c>
      <c r="X147" s="53">
        <v>2087645.5966666699</v>
      </c>
      <c r="Y147" s="53">
        <v>-189125.26333332801</v>
      </c>
      <c r="Z147" s="53">
        <v>-838413.70333332999</v>
      </c>
      <c r="AA147" s="53">
        <v>8256483.5700000497</v>
      </c>
      <c r="AB147" s="53">
        <v>97417.146666670902</v>
      </c>
      <c r="AC147" s="53">
        <v>741020.48666667205</v>
      </c>
      <c r="AD147" s="53">
        <v>2563822.9366666698</v>
      </c>
      <c r="AE147" s="53">
        <v>3314290.5266666701</v>
      </c>
      <c r="AF147" s="53">
        <v>1142093.19666667</v>
      </c>
      <c r="AG147" s="53">
        <v>324607.83666667202</v>
      </c>
      <c r="AH147" s="53">
        <v>-1038135.68333333</v>
      </c>
      <c r="AI147" s="53">
        <v>-1086339.9633333299</v>
      </c>
      <c r="AJ147" s="53">
        <v>1137600.45666667</v>
      </c>
      <c r="AK147" s="53">
        <v>2087645.5966666699</v>
      </c>
      <c r="AL147" s="53">
        <v>-189125.26333332801</v>
      </c>
      <c r="AM147" s="53">
        <v>-838413.70333332999</v>
      </c>
      <c r="AN147" s="53">
        <v>8256483.5700000497</v>
      </c>
      <c r="AO147" s="53">
        <v>97417.146666670902</v>
      </c>
      <c r="AP147" s="53">
        <v>741020.48666667205</v>
      </c>
      <c r="AQ147" s="53">
        <v>2563822.9366666698</v>
      </c>
      <c r="AR147" s="53">
        <v>3314290.5266666701</v>
      </c>
      <c r="AS147" s="53">
        <v>1142093.19666667</v>
      </c>
      <c r="AT147" s="53">
        <v>324607.83666667202</v>
      </c>
      <c r="AU147" s="53">
        <v>-1038135.68333333</v>
      </c>
      <c r="AV147" s="53">
        <v>-1086339.9633333299</v>
      </c>
      <c r="AW147" s="53">
        <v>1137600.45666667</v>
      </c>
      <c r="AX147" s="53">
        <v>2087645.5966666699</v>
      </c>
      <c r="AY147" s="53">
        <v>-189125.26333332801</v>
      </c>
      <c r="AZ147" s="53">
        <v>-838413.70333332999</v>
      </c>
      <c r="BA147" s="53">
        <v>8256483.5700000497</v>
      </c>
    </row>
    <row r="148" spans="1:53">
      <c r="A148" s="234" t="s">
        <v>943</v>
      </c>
      <c r="B148" s="53">
        <v>13894.427700844701</v>
      </c>
      <c r="C148" s="53">
        <v>13894.427700844701</v>
      </c>
      <c r="D148" s="53">
        <v>13894.427700844701</v>
      </c>
      <c r="E148" s="53">
        <v>13894.427700844701</v>
      </c>
      <c r="F148" s="53">
        <v>13894.427700844701</v>
      </c>
      <c r="G148" s="53">
        <v>13894.427700844701</v>
      </c>
      <c r="H148" s="53">
        <v>13894.427700844701</v>
      </c>
      <c r="I148" s="53">
        <v>13894.427700844701</v>
      </c>
      <c r="J148" s="53">
        <v>13894.427700844701</v>
      </c>
      <c r="K148" s="53">
        <v>13894.427700844701</v>
      </c>
      <c r="L148" s="53">
        <v>13894.427700844701</v>
      </c>
      <c r="M148" s="53">
        <v>13894.427700844701</v>
      </c>
      <c r="N148" s="53">
        <v>166733.13241013599</v>
      </c>
      <c r="O148" s="53">
        <v>29187.912933804499</v>
      </c>
      <c r="P148" s="53">
        <v>29187.912933804499</v>
      </c>
      <c r="Q148" s="53">
        <v>29187.912933804499</v>
      </c>
      <c r="R148" s="53">
        <v>29187.912933804499</v>
      </c>
      <c r="S148" s="53">
        <v>29187.912933804499</v>
      </c>
      <c r="T148" s="53">
        <v>29187.912933804499</v>
      </c>
      <c r="U148" s="53">
        <v>29187.912933804499</v>
      </c>
      <c r="V148" s="53">
        <v>29187.912933804499</v>
      </c>
      <c r="W148" s="53">
        <v>29187.912933804499</v>
      </c>
      <c r="X148" s="53">
        <v>29187.912933804499</v>
      </c>
      <c r="Y148" s="53">
        <v>29187.912933804499</v>
      </c>
      <c r="Z148" s="53">
        <v>29187.912933804499</v>
      </c>
      <c r="AA148" s="53">
        <v>350254.95520565403</v>
      </c>
      <c r="AB148" s="53">
        <v>43581.760841877702</v>
      </c>
      <c r="AC148" s="53">
        <v>43581.760841877702</v>
      </c>
      <c r="AD148" s="53">
        <v>43581.760841877702</v>
      </c>
      <c r="AE148" s="53">
        <v>43581.760841877702</v>
      </c>
      <c r="AF148" s="53">
        <v>43581.760841877702</v>
      </c>
      <c r="AG148" s="53">
        <v>43581.760841877702</v>
      </c>
      <c r="AH148" s="53">
        <v>43581.760841877702</v>
      </c>
      <c r="AI148" s="53">
        <v>43581.760841877702</v>
      </c>
      <c r="AJ148" s="53">
        <v>43581.760841877702</v>
      </c>
      <c r="AK148" s="53">
        <v>43581.760841877702</v>
      </c>
      <c r="AL148" s="53">
        <v>43581.760841877702</v>
      </c>
      <c r="AM148" s="53">
        <v>43581.760841877702</v>
      </c>
      <c r="AN148" s="53">
        <v>522981.13010253198</v>
      </c>
      <c r="AO148" s="53">
        <v>58201.836429354698</v>
      </c>
      <c r="AP148" s="53">
        <v>58201.836429354698</v>
      </c>
      <c r="AQ148" s="53">
        <v>58201.836429354698</v>
      </c>
      <c r="AR148" s="53">
        <v>58201.836429354698</v>
      </c>
      <c r="AS148" s="53">
        <v>58201.836429354698</v>
      </c>
      <c r="AT148" s="53">
        <v>58201.836429354698</v>
      </c>
      <c r="AU148" s="53">
        <v>58201.836429354698</v>
      </c>
      <c r="AV148" s="53">
        <v>58201.836429354698</v>
      </c>
      <c r="AW148" s="53">
        <v>58201.836429354698</v>
      </c>
      <c r="AX148" s="53">
        <v>58201.836429354698</v>
      </c>
      <c r="AY148" s="53">
        <v>58201.836429354698</v>
      </c>
      <c r="AZ148" s="53">
        <v>58201.836429354698</v>
      </c>
      <c r="BA148" s="53">
        <v>698422.037152256</v>
      </c>
    </row>
    <row r="149" spans="1:53">
      <c r="A149" s="52" t="s">
        <v>944</v>
      </c>
      <c r="B149" s="53">
        <v>2958028.0166666699</v>
      </c>
      <c r="C149" s="53">
        <v>2917165.45666666</v>
      </c>
      <c r="D149" s="53">
        <v>3323702.4666666598</v>
      </c>
      <c r="E149" s="53">
        <v>2852395.6066666599</v>
      </c>
      <c r="F149" s="53">
        <v>3220883.8066666699</v>
      </c>
      <c r="G149" s="53">
        <v>2963907.8366666599</v>
      </c>
      <c r="H149" s="53">
        <v>3014601.38666667</v>
      </c>
      <c r="I149" s="53">
        <v>3124067.9666666598</v>
      </c>
      <c r="J149" s="53">
        <v>3101399.5766666601</v>
      </c>
      <c r="K149" s="53">
        <v>3075891.6066666599</v>
      </c>
      <c r="L149" s="53">
        <v>3515159.1266666702</v>
      </c>
      <c r="M149" s="53">
        <v>3220233.89666666</v>
      </c>
      <c r="N149" s="53">
        <v>37287436.75</v>
      </c>
      <c r="O149" s="53">
        <v>2958028.0166666699</v>
      </c>
      <c r="P149" s="53">
        <v>2917165.45666666</v>
      </c>
      <c r="Q149" s="53">
        <v>3323702.4666666598</v>
      </c>
      <c r="R149" s="53">
        <v>2852395.6066666599</v>
      </c>
      <c r="S149" s="53">
        <v>3220883.8066666699</v>
      </c>
      <c r="T149" s="53">
        <v>2963907.8366666599</v>
      </c>
      <c r="U149" s="53">
        <v>3014601.38666667</v>
      </c>
      <c r="V149" s="53">
        <v>3124067.9666666598</v>
      </c>
      <c r="W149" s="53">
        <v>3101399.5766666601</v>
      </c>
      <c r="X149" s="53">
        <v>3075891.6066666599</v>
      </c>
      <c r="Y149" s="53">
        <v>3515159.1266666702</v>
      </c>
      <c r="Z149" s="53">
        <v>3220233.89666666</v>
      </c>
      <c r="AA149" s="53">
        <v>37287436.75</v>
      </c>
      <c r="AB149" s="53">
        <v>2958028.0166666699</v>
      </c>
      <c r="AC149" s="53">
        <v>2917165.45666666</v>
      </c>
      <c r="AD149" s="53">
        <v>3323702.4666666598</v>
      </c>
      <c r="AE149" s="53">
        <v>2852395.6066666599</v>
      </c>
      <c r="AF149" s="53">
        <v>3220883.8066666699</v>
      </c>
      <c r="AG149" s="53">
        <v>2963907.8366666599</v>
      </c>
      <c r="AH149" s="53">
        <v>3014601.38666667</v>
      </c>
      <c r="AI149" s="53">
        <v>3124067.9666666598</v>
      </c>
      <c r="AJ149" s="53">
        <v>3101399.5766666601</v>
      </c>
      <c r="AK149" s="53">
        <v>3075891.6066666599</v>
      </c>
      <c r="AL149" s="53">
        <v>3515159.1266666702</v>
      </c>
      <c r="AM149" s="53">
        <v>3220233.89666666</v>
      </c>
      <c r="AN149" s="53">
        <v>37287436.75</v>
      </c>
      <c r="AO149" s="53">
        <v>2958028.0166666699</v>
      </c>
      <c r="AP149" s="53">
        <v>2917165.45666666</v>
      </c>
      <c r="AQ149" s="53">
        <v>3323702.4666666598</v>
      </c>
      <c r="AR149" s="53">
        <v>2852395.6066666599</v>
      </c>
      <c r="AS149" s="53">
        <v>3220883.8066666699</v>
      </c>
      <c r="AT149" s="53">
        <v>2963907.8366666599</v>
      </c>
      <c r="AU149" s="53">
        <v>3014601.38666667</v>
      </c>
      <c r="AV149" s="53">
        <v>3124067.9666666598</v>
      </c>
      <c r="AW149" s="53">
        <v>3101399.5766666601</v>
      </c>
      <c r="AX149" s="53">
        <v>3075891.6066666599</v>
      </c>
      <c r="AY149" s="53">
        <v>3515159.1266666702</v>
      </c>
      <c r="AZ149" s="53">
        <v>3220233.89666666</v>
      </c>
      <c r="BA149" s="53">
        <v>37287436.75</v>
      </c>
    </row>
    <row r="150" spans="1:53">
      <c r="A150" s="235" t="s">
        <v>945</v>
      </c>
      <c r="B150" s="53">
        <v>126.323333333333</v>
      </c>
      <c r="C150" s="53">
        <v>126.323333333333</v>
      </c>
      <c r="D150" s="53">
        <v>126.323333333333</v>
      </c>
      <c r="E150" s="53">
        <v>126.323333333333</v>
      </c>
      <c r="F150" s="53">
        <v>126.323333333333</v>
      </c>
      <c r="G150" s="53">
        <v>126.323333333333</v>
      </c>
      <c r="H150" s="53">
        <v>126.323333333333</v>
      </c>
      <c r="I150" s="53">
        <v>126.323333333333</v>
      </c>
      <c r="J150" s="53">
        <v>126.323333333333</v>
      </c>
      <c r="K150" s="53">
        <v>126.323333333333</v>
      </c>
      <c r="L150" s="53">
        <v>126.323333333333</v>
      </c>
      <c r="M150" s="53">
        <v>126.323333333333</v>
      </c>
      <c r="N150" s="53">
        <v>1515.8799999999901</v>
      </c>
      <c r="O150" s="53">
        <v>126.323333333333</v>
      </c>
      <c r="P150" s="53">
        <v>126.323333333333</v>
      </c>
      <c r="Q150" s="53">
        <v>126.323333333333</v>
      </c>
      <c r="R150" s="53">
        <v>126.323333333333</v>
      </c>
      <c r="S150" s="53">
        <v>126.323333333333</v>
      </c>
      <c r="T150" s="53">
        <v>126.323333333333</v>
      </c>
      <c r="U150" s="53">
        <v>126.323333333333</v>
      </c>
      <c r="V150" s="53">
        <v>126.323333333333</v>
      </c>
      <c r="W150" s="53">
        <v>126.323333333333</v>
      </c>
      <c r="X150" s="53">
        <v>126.323333333333</v>
      </c>
      <c r="Y150" s="53">
        <v>126.323333333333</v>
      </c>
      <c r="Z150" s="53">
        <v>126.323333333333</v>
      </c>
      <c r="AA150" s="53">
        <v>1515.8799999999901</v>
      </c>
      <c r="AB150" s="53">
        <v>126.323333333333</v>
      </c>
      <c r="AC150" s="53">
        <v>126.323333333333</v>
      </c>
      <c r="AD150" s="53">
        <v>126.323333333333</v>
      </c>
      <c r="AE150" s="53">
        <v>126.323333333333</v>
      </c>
      <c r="AF150" s="53">
        <v>126.323333333333</v>
      </c>
      <c r="AG150" s="53">
        <v>126.323333333333</v>
      </c>
      <c r="AH150" s="53">
        <v>126.323333333333</v>
      </c>
      <c r="AI150" s="53">
        <v>126.323333333333</v>
      </c>
      <c r="AJ150" s="53">
        <v>126.323333333333</v>
      </c>
      <c r="AK150" s="53">
        <v>126.323333333333</v>
      </c>
      <c r="AL150" s="53">
        <v>126.323333333333</v>
      </c>
      <c r="AM150" s="53">
        <v>126.323333333333</v>
      </c>
      <c r="AN150" s="53">
        <v>1515.8799999999901</v>
      </c>
      <c r="AO150" s="53">
        <v>126.323333333333</v>
      </c>
      <c r="AP150" s="53">
        <v>126.323333333333</v>
      </c>
      <c r="AQ150" s="53">
        <v>126.323333333333</v>
      </c>
      <c r="AR150" s="53">
        <v>126.323333333333</v>
      </c>
      <c r="AS150" s="53">
        <v>126.323333333333</v>
      </c>
      <c r="AT150" s="53">
        <v>126.323333333333</v>
      </c>
      <c r="AU150" s="53">
        <v>126.323333333333</v>
      </c>
      <c r="AV150" s="53">
        <v>126.323333333333</v>
      </c>
      <c r="AW150" s="53">
        <v>126.323333333333</v>
      </c>
      <c r="AX150" s="53">
        <v>126.323333333333</v>
      </c>
      <c r="AY150" s="53">
        <v>126.323333333333</v>
      </c>
      <c r="AZ150" s="53">
        <v>126.323333333333</v>
      </c>
      <c r="BA150" s="53">
        <v>1515.8799999999901</v>
      </c>
    </row>
    <row r="151" spans="1:53">
      <c r="A151" s="234" t="s">
        <v>946</v>
      </c>
      <c r="B151" s="53">
        <v>71083.043420058399</v>
      </c>
      <c r="C151" s="53">
        <v>71083.043420058399</v>
      </c>
      <c r="D151" s="53">
        <v>71083.043420058399</v>
      </c>
      <c r="E151" s="53">
        <v>71083.043420058399</v>
      </c>
      <c r="F151" s="53">
        <v>71083.043420058399</v>
      </c>
      <c r="G151" s="53">
        <v>71083.043420058399</v>
      </c>
      <c r="H151" s="53">
        <v>71083.043420058399</v>
      </c>
      <c r="I151" s="53">
        <v>71083.043420058399</v>
      </c>
      <c r="J151" s="53">
        <v>71083.043420058399</v>
      </c>
      <c r="K151" s="53">
        <v>71083.043420058399</v>
      </c>
      <c r="L151" s="53">
        <v>71083.043420058399</v>
      </c>
      <c r="M151" s="53">
        <v>71083.043420058399</v>
      </c>
      <c r="N151" s="53">
        <v>852996.52104070003</v>
      </c>
      <c r="O151" s="53">
        <v>131816.70479406501</v>
      </c>
      <c r="P151" s="53">
        <v>131816.70479406501</v>
      </c>
      <c r="Q151" s="53">
        <v>131816.70479406501</v>
      </c>
      <c r="R151" s="53">
        <v>131816.70479406501</v>
      </c>
      <c r="S151" s="53">
        <v>131816.70479406501</v>
      </c>
      <c r="T151" s="53">
        <v>131816.70479406501</v>
      </c>
      <c r="U151" s="53">
        <v>131816.70479406501</v>
      </c>
      <c r="V151" s="53">
        <v>131816.70479406501</v>
      </c>
      <c r="W151" s="53">
        <v>131816.70479406501</v>
      </c>
      <c r="X151" s="53">
        <v>131816.70479406501</v>
      </c>
      <c r="Y151" s="53">
        <v>131816.70479406501</v>
      </c>
      <c r="Z151" s="53">
        <v>131816.70479406501</v>
      </c>
      <c r="AA151" s="53">
        <v>1581800.45752878</v>
      </c>
      <c r="AB151" s="53">
        <v>196821.338899016</v>
      </c>
      <c r="AC151" s="53">
        <v>196821.338899016</v>
      </c>
      <c r="AD151" s="53">
        <v>196821.338899016</v>
      </c>
      <c r="AE151" s="53">
        <v>196821.338899016</v>
      </c>
      <c r="AF151" s="53">
        <v>196821.338899016</v>
      </c>
      <c r="AG151" s="53">
        <v>196821.338899016</v>
      </c>
      <c r="AH151" s="53">
        <v>196821.338899016</v>
      </c>
      <c r="AI151" s="53">
        <v>196821.338899016</v>
      </c>
      <c r="AJ151" s="53">
        <v>196821.338899016</v>
      </c>
      <c r="AK151" s="53">
        <v>196821.338899016</v>
      </c>
      <c r="AL151" s="53">
        <v>196821.338899016</v>
      </c>
      <c r="AM151" s="53">
        <v>196821.338899016</v>
      </c>
      <c r="AN151" s="53">
        <v>2361856.06678819</v>
      </c>
      <c r="AO151" s="53">
        <v>262847.64890453097</v>
      </c>
      <c r="AP151" s="53">
        <v>262847.64890453097</v>
      </c>
      <c r="AQ151" s="53">
        <v>262847.64890453097</v>
      </c>
      <c r="AR151" s="53">
        <v>262847.64890453097</v>
      </c>
      <c r="AS151" s="53">
        <v>262847.64890453097</v>
      </c>
      <c r="AT151" s="53">
        <v>262847.64890453097</v>
      </c>
      <c r="AU151" s="53">
        <v>262847.64890453097</v>
      </c>
      <c r="AV151" s="53">
        <v>262847.64890453097</v>
      </c>
      <c r="AW151" s="53">
        <v>262847.64890453097</v>
      </c>
      <c r="AX151" s="53">
        <v>262847.64890453097</v>
      </c>
      <c r="AY151" s="53">
        <v>262847.64890453097</v>
      </c>
      <c r="AZ151" s="53">
        <v>262847.64890453097</v>
      </c>
      <c r="BA151" s="53">
        <v>3154171.7868543798</v>
      </c>
    </row>
    <row r="152" spans="1:53">
      <c r="A152" s="52" t="s">
        <v>947</v>
      </c>
      <c r="B152" s="53">
        <v>0</v>
      </c>
      <c r="C152" s="53">
        <v>0</v>
      </c>
      <c r="D152" s="53">
        <v>0</v>
      </c>
      <c r="E152" s="53">
        <v>0</v>
      </c>
      <c r="F152" s="53">
        <v>0</v>
      </c>
      <c r="G152" s="53">
        <v>0</v>
      </c>
      <c r="H152" s="53">
        <v>0</v>
      </c>
      <c r="I152" s="53">
        <v>0</v>
      </c>
      <c r="J152" s="53">
        <v>0</v>
      </c>
      <c r="K152" s="53">
        <v>0</v>
      </c>
      <c r="L152" s="53">
        <v>0</v>
      </c>
      <c r="M152" s="53">
        <v>0</v>
      </c>
      <c r="N152" s="53">
        <v>0</v>
      </c>
      <c r="O152" s="53">
        <v>0</v>
      </c>
      <c r="P152" s="53">
        <v>0</v>
      </c>
      <c r="Q152" s="53">
        <v>0</v>
      </c>
      <c r="R152" s="53">
        <v>0</v>
      </c>
      <c r="S152" s="53">
        <v>0</v>
      </c>
      <c r="T152" s="53">
        <v>0</v>
      </c>
      <c r="U152" s="53">
        <v>0</v>
      </c>
      <c r="V152" s="53">
        <v>0</v>
      </c>
      <c r="W152" s="53">
        <v>0</v>
      </c>
      <c r="X152" s="53">
        <v>0</v>
      </c>
      <c r="Y152" s="53">
        <v>0</v>
      </c>
      <c r="Z152" s="53">
        <v>0</v>
      </c>
      <c r="AA152" s="53">
        <v>0</v>
      </c>
      <c r="AB152" s="53">
        <v>0</v>
      </c>
      <c r="AC152" s="53">
        <v>0</v>
      </c>
      <c r="AD152" s="53">
        <v>0</v>
      </c>
      <c r="AE152" s="53">
        <v>0</v>
      </c>
      <c r="AF152" s="53">
        <v>0</v>
      </c>
      <c r="AG152" s="53">
        <v>0</v>
      </c>
      <c r="AH152" s="53">
        <v>0</v>
      </c>
      <c r="AI152" s="53">
        <v>0</v>
      </c>
      <c r="AJ152" s="53">
        <v>0</v>
      </c>
      <c r="AK152" s="53">
        <v>0</v>
      </c>
      <c r="AL152" s="53">
        <v>0</v>
      </c>
      <c r="AM152" s="53">
        <v>0</v>
      </c>
      <c r="AN152" s="53">
        <v>0</v>
      </c>
      <c r="AO152" s="53">
        <v>0</v>
      </c>
      <c r="AP152" s="53">
        <v>0</v>
      </c>
      <c r="AQ152" s="53">
        <v>0</v>
      </c>
      <c r="AR152" s="53">
        <v>0</v>
      </c>
      <c r="AS152" s="53">
        <v>0</v>
      </c>
      <c r="AT152" s="53">
        <v>0</v>
      </c>
      <c r="AU152" s="53">
        <v>0</v>
      </c>
      <c r="AV152" s="53">
        <v>0</v>
      </c>
      <c r="AW152" s="53">
        <v>0</v>
      </c>
      <c r="AX152" s="53">
        <v>0</v>
      </c>
      <c r="AY152" s="53">
        <v>0</v>
      </c>
      <c r="AZ152" s="53">
        <v>0</v>
      </c>
      <c r="BA152" s="53">
        <v>0</v>
      </c>
    </row>
    <row r="153" spans="1:53">
      <c r="A153" s="52" t="s">
        <v>948</v>
      </c>
      <c r="B153" s="53">
        <v>0</v>
      </c>
      <c r="C153" s="53">
        <v>0</v>
      </c>
      <c r="D153" s="53">
        <v>0</v>
      </c>
      <c r="E153" s="53">
        <v>0</v>
      </c>
      <c r="F153" s="53">
        <v>0</v>
      </c>
      <c r="G153" s="53">
        <v>0</v>
      </c>
      <c r="H153" s="53">
        <v>0</v>
      </c>
      <c r="I153" s="53">
        <v>0</v>
      </c>
      <c r="J153" s="53">
        <v>0</v>
      </c>
      <c r="K153" s="53">
        <v>0</v>
      </c>
      <c r="L153" s="53">
        <v>0</v>
      </c>
      <c r="M153" s="53">
        <v>0</v>
      </c>
      <c r="N153" s="53">
        <v>0</v>
      </c>
      <c r="O153" s="53">
        <v>-9.0949470177292807E-9</v>
      </c>
      <c r="P153" s="53">
        <v>9.7770680440589703E-9</v>
      </c>
      <c r="Q153" s="53">
        <v>9.7770680440589703E-9</v>
      </c>
      <c r="R153" s="53">
        <v>9.7770680440589703E-9</v>
      </c>
      <c r="S153" s="53">
        <v>7.95807864051312E-10</v>
      </c>
      <c r="T153" s="53">
        <v>9.0949470177292803E-10</v>
      </c>
      <c r="U153" s="53">
        <v>0</v>
      </c>
      <c r="V153" s="53">
        <v>7.95807864051312E-10</v>
      </c>
      <c r="W153" s="53">
        <v>0</v>
      </c>
      <c r="X153" s="53">
        <v>9.7770680440589703E-9</v>
      </c>
      <c r="Y153" s="53">
        <v>0</v>
      </c>
      <c r="Z153" s="53">
        <v>0</v>
      </c>
      <c r="AA153" s="53">
        <v>3.2514435588382098E-8</v>
      </c>
      <c r="AB153" s="53">
        <v>0</v>
      </c>
      <c r="AC153" s="53">
        <v>9.7770680440589703E-9</v>
      </c>
      <c r="AD153" s="53">
        <v>9.7770680440589703E-9</v>
      </c>
      <c r="AE153" s="53">
        <v>9.7770680440589703E-9</v>
      </c>
      <c r="AF153" s="53">
        <v>7.95807864051312E-10</v>
      </c>
      <c r="AG153" s="53">
        <v>9.0949470177292803E-10</v>
      </c>
      <c r="AH153" s="53">
        <v>0</v>
      </c>
      <c r="AI153" s="53">
        <v>7.95807864051312E-10</v>
      </c>
      <c r="AJ153" s="53">
        <v>0</v>
      </c>
      <c r="AK153" s="53">
        <v>9.7770680440589703E-9</v>
      </c>
      <c r="AL153" s="53">
        <v>0</v>
      </c>
      <c r="AM153" s="53">
        <v>0</v>
      </c>
      <c r="AN153" s="53">
        <v>4.1609382606111401E-8</v>
      </c>
      <c r="AO153" s="53">
        <v>0</v>
      </c>
      <c r="AP153" s="53">
        <v>9.7770680440589703E-9</v>
      </c>
      <c r="AQ153" s="53">
        <v>9.7770680440589703E-9</v>
      </c>
      <c r="AR153" s="53">
        <v>9.7770680440589703E-9</v>
      </c>
      <c r="AS153" s="53">
        <v>9.7770680440589703E-9</v>
      </c>
      <c r="AT153" s="53">
        <v>9.7770680440589703E-9</v>
      </c>
      <c r="AU153" s="53">
        <v>0</v>
      </c>
      <c r="AV153" s="53">
        <v>9.7770680440589703E-9</v>
      </c>
      <c r="AW153" s="53">
        <v>0</v>
      </c>
      <c r="AX153" s="53">
        <v>9.7770680440589703E-9</v>
      </c>
      <c r="AY153" s="53">
        <v>0</v>
      </c>
      <c r="AZ153" s="53">
        <v>0</v>
      </c>
      <c r="BA153" s="53">
        <v>6.8439476308412797E-8</v>
      </c>
    </row>
    <row r="154" spans="1:53">
      <c r="A154" s="235" t="s">
        <v>949</v>
      </c>
      <c r="B154" s="53">
        <v>0</v>
      </c>
      <c r="C154" s="53">
        <v>0</v>
      </c>
      <c r="D154" s="53">
        <v>0</v>
      </c>
      <c r="E154" s="53">
        <v>0</v>
      </c>
      <c r="F154" s="53">
        <v>0</v>
      </c>
      <c r="G154" s="53">
        <v>0</v>
      </c>
      <c r="H154" s="53">
        <v>0</v>
      </c>
      <c r="I154" s="53">
        <v>0</v>
      </c>
      <c r="J154" s="53">
        <v>0</v>
      </c>
      <c r="K154" s="53">
        <v>0</v>
      </c>
      <c r="L154" s="53">
        <v>0</v>
      </c>
      <c r="M154" s="53">
        <v>0</v>
      </c>
      <c r="N154" s="53">
        <v>0</v>
      </c>
      <c r="O154" s="53">
        <v>0</v>
      </c>
      <c r="P154" s="53">
        <v>0</v>
      </c>
      <c r="Q154" s="53">
        <v>0</v>
      </c>
      <c r="R154" s="53">
        <v>0</v>
      </c>
      <c r="S154" s="53">
        <v>0</v>
      </c>
      <c r="T154" s="53">
        <v>0</v>
      </c>
      <c r="U154" s="53">
        <v>0</v>
      </c>
      <c r="V154" s="53">
        <v>0</v>
      </c>
      <c r="W154" s="53">
        <v>0</v>
      </c>
      <c r="X154" s="53">
        <v>0</v>
      </c>
      <c r="Y154" s="53">
        <v>0</v>
      </c>
      <c r="Z154" s="53">
        <v>0</v>
      </c>
      <c r="AA154" s="53">
        <v>0</v>
      </c>
      <c r="AB154" s="53">
        <v>0</v>
      </c>
      <c r="AC154" s="53">
        <v>0</v>
      </c>
      <c r="AD154" s="53">
        <v>0</v>
      </c>
      <c r="AE154" s="53">
        <v>0</v>
      </c>
      <c r="AF154" s="53">
        <v>0</v>
      </c>
      <c r="AG154" s="53">
        <v>0</v>
      </c>
      <c r="AH154" s="53">
        <v>0</v>
      </c>
      <c r="AI154" s="53">
        <v>0</v>
      </c>
      <c r="AJ154" s="53">
        <v>0</v>
      </c>
      <c r="AK154" s="53">
        <v>0</v>
      </c>
      <c r="AL154" s="53">
        <v>0</v>
      </c>
      <c r="AM154" s="53">
        <v>0</v>
      </c>
      <c r="AN154" s="53">
        <v>0</v>
      </c>
      <c r="AO154" s="53">
        <v>0</v>
      </c>
      <c r="AP154" s="53">
        <v>0</v>
      </c>
      <c r="AQ154" s="53">
        <v>0</v>
      </c>
      <c r="AR154" s="53">
        <v>0</v>
      </c>
      <c r="AS154" s="53">
        <v>0</v>
      </c>
      <c r="AT154" s="53">
        <v>0</v>
      </c>
      <c r="AU154" s="53">
        <v>0</v>
      </c>
      <c r="AV154" s="53">
        <v>0</v>
      </c>
      <c r="AW154" s="53">
        <v>0</v>
      </c>
      <c r="AX154" s="53">
        <v>0</v>
      </c>
      <c r="AY154" s="53">
        <v>0</v>
      </c>
      <c r="AZ154" s="53">
        <v>0</v>
      </c>
      <c r="BA154" s="53">
        <v>0</v>
      </c>
    </row>
    <row r="155" spans="1:53">
      <c r="A155" s="52" t="s">
        <v>950</v>
      </c>
      <c r="B155" s="53">
        <v>5064023.1314318301</v>
      </c>
      <c r="C155" s="53">
        <v>5833420.8114318298</v>
      </c>
      <c r="D155" s="53">
        <v>11374400.0014318</v>
      </c>
      <c r="E155" s="53">
        <v>9258017.4914318398</v>
      </c>
      <c r="F155" s="53">
        <v>6987124.2514318395</v>
      </c>
      <c r="G155" s="53">
        <v>5483915.3914318299</v>
      </c>
      <c r="H155" s="53">
        <v>3988895.78143183</v>
      </c>
      <c r="I155" s="53">
        <v>4834893.1814318299</v>
      </c>
      <c r="J155" s="53">
        <v>6612817.1714318302</v>
      </c>
      <c r="K155" s="53">
        <v>7505992.6314318404</v>
      </c>
      <c r="L155" s="53">
        <v>6513882.9614318302</v>
      </c>
      <c r="M155" s="53">
        <v>4529218.3814318301</v>
      </c>
      <c r="N155" s="53">
        <v>77986601.187181994</v>
      </c>
      <c r="O155" s="53">
        <v>5188204.2001053598</v>
      </c>
      <c r="P155" s="53">
        <v>5957601.88010538</v>
      </c>
      <c r="Q155" s="53">
        <v>11498581.070105299</v>
      </c>
      <c r="R155" s="53">
        <v>9382198.5601053797</v>
      </c>
      <c r="S155" s="53">
        <v>7111305.3201053701</v>
      </c>
      <c r="T155" s="53">
        <v>5608096.4601053698</v>
      </c>
      <c r="U155" s="53">
        <v>4113076.8501053699</v>
      </c>
      <c r="V155" s="53">
        <v>4959074.2501053698</v>
      </c>
      <c r="W155" s="53">
        <v>6736998.2401053701</v>
      </c>
      <c r="X155" s="53">
        <v>7630173.7001053803</v>
      </c>
      <c r="Y155" s="53">
        <v>6638064.0301053701</v>
      </c>
      <c r="Z155" s="53">
        <v>4653399.45010537</v>
      </c>
      <c r="AA155" s="53">
        <v>79476774.011264503</v>
      </c>
      <c r="AB155" s="53">
        <v>5321118.0529714804</v>
      </c>
      <c r="AC155" s="53">
        <v>6090515.7329714904</v>
      </c>
      <c r="AD155" s="53">
        <v>11631494.9229714</v>
      </c>
      <c r="AE155" s="53">
        <v>9515112.4129714891</v>
      </c>
      <c r="AF155" s="53">
        <v>7244219.1729714796</v>
      </c>
      <c r="AG155" s="53">
        <v>5741010.3129714802</v>
      </c>
      <c r="AH155" s="53">
        <v>4245990.7029714799</v>
      </c>
      <c r="AI155" s="53">
        <v>5091988.1029714802</v>
      </c>
      <c r="AJ155" s="53">
        <v>6869912.0929714805</v>
      </c>
      <c r="AK155" s="53">
        <v>7763087.5529714897</v>
      </c>
      <c r="AL155" s="53">
        <v>6770977.8829714796</v>
      </c>
      <c r="AM155" s="53">
        <v>4786313.3029714804</v>
      </c>
      <c r="AN155" s="53">
        <v>81071740.245657802</v>
      </c>
      <c r="AO155" s="53">
        <v>5456120.9089093599</v>
      </c>
      <c r="AP155" s="53">
        <v>6225518.5889093699</v>
      </c>
      <c r="AQ155" s="53">
        <v>11766497.7789093</v>
      </c>
      <c r="AR155" s="53">
        <v>9650115.2689093705</v>
      </c>
      <c r="AS155" s="53">
        <v>7379222.0289093703</v>
      </c>
      <c r="AT155" s="53">
        <v>5876013.16890937</v>
      </c>
      <c r="AU155" s="53">
        <v>4380993.5589093603</v>
      </c>
      <c r="AV155" s="53">
        <v>5226990.95890937</v>
      </c>
      <c r="AW155" s="53">
        <v>7004914.94890936</v>
      </c>
      <c r="AX155" s="53">
        <v>7898090.4089093702</v>
      </c>
      <c r="AY155" s="53">
        <v>6905980.73890936</v>
      </c>
      <c r="AZ155" s="53">
        <v>4921316.1589093599</v>
      </c>
      <c r="BA155" s="53">
        <v>82691774.516912401</v>
      </c>
    </row>
    <row r="156" spans="1:53">
      <c r="A156" s="236" t="s">
        <v>951</v>
      </c>
      <c r="B156" s="53">
        <v>10852538.7959993</v>
      </c>
      <c r="C156" s="53">
        <v>7798067.3259993298</v>
      </c>
      <c r="D156" s="53">
        <v>13931304.2759993</v>
      </c>
      <c r="E156" s="53">
        <v>11682306.7659993</v>
      </c>
      <c r="F156" s="53">
        <v>11262522.8859993</v>
      </c>
      <c r="G156" s="53">
        <v>8020636.1059993301</v>
      </c>
      <c r="H156" s="53">
        <v>6215171.9159993296</v>
      </c>
      <c r="I156" s="53">
        <v>7377523.27599933</v>
      </c>
      <c r="J156" s="53">
        <v>9098497.1259993296</v>
      </c>
      <c r="K156" s="53">
        <v>10068509.395999299</v>
      </c>
      <c r="L156" s="53">
        <v>8941558.9859993309</v>
      </c>
      <c r="M156" s="53">
        <v>6850551.4859993197</v>
      </c>
      <c r="N156" s="53">
        <v>112099188.34199201</v>
      </c>
      <c r="O156" s="53">
        <v>11522560.530650601</v>
      </c>
      <c r="P156" s="53">
        <v>8468089.0606506504</v>
      </c>
      <c r="Q156" s="53">
        <v>14601326.010650599</v>
      </c>
      <c r="R156" s="53">
        <v>12352328.5006506</v>
      </c>
      <c r="S156" s="53">
        <v>11932544.620650601</v>
      </c>
      <c r="T156" s="53">
        <v>8690657.8406506404</v>
      </c>
      <c r="U156" s="53">
        <v>6885193.65065064</v>
      </c>
      <c r="V156" s="53">
        <v>8047545.0106506404</v>
      </c>
      <c r="W156" s="53">
        <v>9768518.86065064</v>
      </c>
      <c r="X156" s="53">
        <v>10738531.1306506</v>
      </c>
      <c r="Y156" s="53">
        <v>9611580.7206506394</v>
      </c>
      <c r="Z156" s="53">
        <v>7520573.2206506403</v>
      </c>
      <c r="AA156" s="53">
        <v>120139449.15780701</v>
      </c>
      <c r="AB156" s="53">
        <v>12061176.0618427</v>
      </c>
      <c r="AC156" s="53">
        <v>9006704.5918428004</v>
      </c>
      <c r="AD156" s="53">
        <v>15139941.541842701</v>
      </c>
      <c r="AE156" s="53">
        <v>12890944.031842699</v>
      </c>
      <c r="AF156" s="53">
        <v>12471160.1518427</v>
      </c>
      <c r="AG156" s="53">
        <v>9229273.3718427904</v>
      </c>
      <c r="AH156" s="53">
        <v>7423809.1818427797</v>
      </c>
      <c r="AI156" s="53">
        <v>8586160.5418427903</v>
      </c>
      <c r="AJ156" s="53">
        <v>10307134.391842701</v>
      </c>
      <c r="AK156" s="53">
        <v>11277146.661842801</v>
      </c>
      <c r="AL156" s="53">
        <v>10150196.2518427</v>
      </c>
      <c r="AM156" s="53">
        <v>8059188.75184278</v>
      </c>
      <c r="AN156" s="53">
        <v>126602835.532113</v>
      </c>
      <c r="AO156" s="53">
        <v>12603388.300060401</v>
      </c>
      <c r="AP156" s="53">
        <v>9548916.8300604708</v>
      </c>
      <c r="AQ156" s="53">
        <v>15682153.780060399</v>
      </c>
      <c r="AR156" s="53">
        <v>13433156.2700604</v>
      </c>
      <c r="AS156" s="53">
        <v>13013372.390060401</v>
      </c>
      <c r="AT156" s="53">
        <v>9771485.6100604702</v>
      </c>
      <c r="AU156" s="53">
        <v>7966021.4200604605</v>
      </c>
      <c r="AV156" s="53">
        <v>9128372.7800604701</v>
      </c>
      <c r="AW156" s="53">
        <v>10849346.630060401</v>
      </c>
      <c r="AX156" s="53">
        <v>11819358.9000604</v>
      </c>
      <c r="AY156" s="53">
        <v>10692408.4900604</v>
      </c>
      <c r="AZ156" s="53">
        <v>8601400.9900604598</v>
      </c>
      <c r="BA156" s="53">
        <v>133109382.390725</v>
      </c>
    </row>
    <row r="157" spans="1:53">
      <c r="A157" s="231" t="s">
        <v>952</v>
      </c>
      <c r="B157" s="53"/>
      <c r="C157" s="53"/>
      <c r="D157" s="53"/>
      <c r="E157" s="53"/>
      <c r="F157" s="53"/>
      <c r="G157" s="53"/>
      <c r="H157" s="53"/>
      <c r="I157" s="53"/>
      <c r="J157" s="53"/>
      <c r="K157" s="53"/>
      <c r="L157" s="53"/>
      <c r="M157" s="53"/>
      <c r="N157" s="53"/>
      <c r="O157" s="53"/>
      <c r="P157" s="53"/>
      <c r="Q157" s="53"/>
      <c r="R157" s="53"/>
      <c r="S157" s="53"/>
      <c r="T157" s="53"/>
      <c r="U157" s="53"/>
      <c r="V157" s="53"/>
      <c r="W157" s="53"/>
      <c r="X157" s="53"/>
      <c r="Y157" s="53"/>
      <c r="Z157" s="53"/>
      <c r="AA157" s="53"/>
      <c r="AB157" s="53"/>
      <c r="AC157" s="53"/>
      <c r="AD157" s="53"/>
      <c r="AE157" s="53"/>
      <c r="AF157" s="53"/>
      <c r="AG157" s="53"/>
      <c r="AH157" s="53"/>
      <c r="AI157" s="53"/>
      <c r="AJ157" s="53"/>
      <c r="AK157" s="53"/>
      <c r="AL157" s="53"/>
      <c r="AM157" s="53"/>
      <c r="AN157" s="53"/>
      <c r="AO157" s="53"/>
      <c r="AP157" s="53"/>
      <c r="AQ157" s="53"/>
      <c r="AR157" s="53"/>
      <c r="AS157" s="53"/>
      <c r="AT157" s="53"/>
      <c r="AU157" s="53"/>
      <c r="AV157" s="53"/>
      <c r="AW157" s="53"/>
      <c r="AX157" s="53"/>
      <c r="AY157" s="53"/>
      <c r="AZ157" s="53"/>
      <c r="BA157" s="53"/>
    </row>
    <row r="158" spans="1:53">
      <c r="A158" s="52" t="s">
        <v>953</v>
      </c>
      <c r="B158" s="53">
        <v>0</v>
      </c>
      <c r="C158" s="53">
        <v>0</v>
      </c>
      <c r="D158" s="53">
        <v>0</v>
      </c>
      <c r="E158" s="53">
        <v>0</v>
      </c>
      <c r="F158" s="53">
        <v>0</v>
      </c>
      <c r="G158" s="53">
        <v>0</v>
      </c>
      <c r="H158" s="53">
        <v>0</v>
      </c>
      <c r="I158" s="53">
        <v>0</v>
      </c>
      <c r="J158" s="53">
        <v>0</v>
      </c>
      <c r="K158" s="53">
        <v>0</v>
      </c>
      <c r="L158" s="53">
        <v>0</v>
      </c>
      <c r="M158" s="53">
        <v>0</v>
      </c>
      <c r="N158" s="53">
        <v>0</v>
      </c>
      <c r="O158" s="53">
        <v>0</v>
      </c>
      <c r="P158" s="53">
        <v>0</v>
      </c>
      <c r="Q158" s="53">
        <v>0</v>
      </c>
      <c r="R158" s="53">
        <v>0</v>
      </c>
      <c r="S158" s="53">
        <v>0</v>
      </c>
      <c r="T158" s="53">
        <v>0</v>
      </c>
      <c r="U158" s="53">
        <v>0</v>
      </c>
      <c r="V158" s="53">
        <v>0</v>
      </c>
      <c r="W158" s="53">
        <v>0</v>
      </c>
      <c r="X158" s="53">
        <v>0</v>
      </c>
      <c r="Y158" s="53">
        <v>0</v>
      </c>
      <c r="Z158" s="53">
        <v>0</v>
      </c>
      <c r="AA158" s="53">
        <v>0</v>
      </c>
      <c r="AB158" s="53">
        <v>0</v>
      </c>
      <c r="AC158" s="53">
        <v>0</v>
      </c>
      <c r="AD158" s="53">
        <v>0</v>
      </c>
      <c r="AE158" s="53">
        <v>0</v>
      </c>
      <c r="AF158" s="53">
        <v>0</v>
      </c>
      <c r="AG158" s="53">
        <v>0</v>
      </c>
      <c r="AH158" s="53">
        <v>0</v>
      </c>
      <c r="AI158" s="53">
        <v>0</v>
      </c>
      <c r="AJ158" s="53">
        <v>0</v>
      </c>
      <c r="AK158" s="53">
        <v>0</v>
      </c>
      <c r="AL158" s="53">
        <v>0</v>
      </c>
      <c r="AM158" s="53">
        <v>0</v>
      </c>
      <c r="AN158" s="53">
        <v>0</v>
      </c>
      <c r="AO158" s="53">
        <v>0</v>
      </c>
      <c r="AP158" s="53">
        <v>0</v>
      </c>
      <c r="AQ158" s="53">
        <v>0</v>
      </c>
      <c r="AR158" s="53">
        <v>0</v>
      </c>
      <c r="AS158" s="53">
        <v>0</v>
      </c>
      <c r="AT158" s="53">
        <v>0</v>
      </c>
      <c r="AU158" s="53">
        <v>0</v>
      </c>
      <c r="AV158" s="53">
        <v>0</v>
      </c>
      <c r="AW158" s="53">
        <v>0</v>
      </c>
      <c r="AX158" s="53">
        <v>0</v>
      </c>
      <c r="AY158" s="53">
        <v>0</v>
      </c>
      <c r="AZ158" s="53">
        <v>0</v>
      </c>
      <c r="BA158" s="53">
        <v>0</v>
      </c>
    </row>
    <row r="159" spans="1:53">
      <c r="A159" s="52" t="s">
        <v>954</v>
      </c>
      <c r="B159" s="53">
        <v>25977.261666749899</v>
      </c>
      <c r="C159" s="53">
        <v>10340.2216667499</v>
      </c>
      <c r="D159" s="53">
        <v>24624.90166675</v>
      </c>
      <c r="E159" s="53">
        <v>29992.121666750001</v>
      </c>
      <c r="F159" s="53">
        <v>12725.451666749999</v>
      </c>
      <c r="G159" s="53">
        <v>67314.841666749999</v>
      </c>
      <c r="H159" s="53">
        <v>27064.011666750001</v>
      </c>
      <c r="I159" s="53">
        <v>19930.011666750001</v>
      </c>
      <c r="J159" s="53">
        <v>21337.441666750001</v>
      </c>
      <c r="K159" s="53">
        <v>28463.531666750001</v>
      </c>
      <c r="L159" s="53">
        <v>20405.341666749999</v>
      </c>
      <c r="M159" s="53">
        <v>99311.861666749901</v>
      </c>
      <c r="N159" s="53">
        <v>387487.00000100001</v>
      </c>
      <c r="O159" s="53">
        <v>25977.261666749899</v>
      </c>
      <c r="P159" s="53">
        <v>10340.2216667499</v>
      </c>
      <c r="Q159" s="53">
        <v>24624.90166675</v>
      </c>
      <c r="R159" s="53">
        <v>29992.121666750001</v>
      </c>
      <c r="S159" s="53">
        <v>12725.451666749999</v>
      </c>
      <c r="T159" s="53">
        <v>67314.841666749999</v>
      </c>
      <c r="U159" s="53">
        <v>27064.011666750001</v>
      </c>
      <c r="V159" s="53">
        <v>19930.011666750001</v>
      </c>
      <c r="W159" s="53">
        <v>21337.441666750001</v>
      </c>
      <c r="X159" s="53">
        <v>28463.531666750001</v>
      </c>
      <c r="Y159" s="53">
        <v>20405.341666749999</v>
      </c>
      <c r="Z159" s="53">
        <v>99311.861666749901</v>
      </c>
      <c r="AA159" s="53">
        <v>387487.00000100001</v>
      </c>
      <c r="AB159" s="53">
        <v>25977.261666749899</v>
      </c>
      <c r="AC159" s="53">
        <v>10340.2216667499</v>
      </c>
      <c r="AD159" s="53">
        <v>24624.90166675</v>
      </c>
      <c r="AE159" s="53">
        <v>29992.121666750001</v>
      </c>
      <c r="AF159" s="53">
        <v>12725.451666749999</v>
      </c>
      <c r="AG159" s="53">
        <v>67314.841666749999</v>
      </c>
      <c r="AH159" s="53">
        <v>27064.011666750001</v>
      </c>
      <c r="AI159" s="53">
        <v>19930.011666750001</v>
      </c>
      <c r="AJ159" s="53">
        <v>21337.441666750001</v>
      </c>
      <c r="AK159" s="53">
        <v>28463.531666750001</v>
      </c>
      <c r="AL159" s="53">
        <v>20405.341666749999</v>
      </c>
      <c r="AM159" s="53">
        <v>99311.861666749901</v>
      </c>
      <c r="AN159" s="53">
        <v>387487.00000100001</v>
      </c>
      <c r="AO159" s="53">
        <v>25977.261666749899</v>
      </c>
      <c r="AP159" s="53">
        <v>10340.2216667499</v>
      </c>
      <c r="AQ159" s="53">
        <v>24624.90166675</v>
      </c>
      <c r="AR159" s="53">
        <v>29992.121666750001</v>
      </c>
      <c r="AS159" s="53">
        <v>12725.451666749999</v>
      </c>
      <c r="AT159" s="53">
        <v>67314.841666749999</v>
      </c>
      <c r="AU159" s="53">
        <v>27064.011666750001</v>
      </c>
      <c r="AV159" s="53">
        <v>19930.011666750001</v>
      </c>
      <c r="AW159" s="53">
        <v>21337.441666750001</v>
      </c>
      <c r="AX159" s="53">
        <v>28463.531666750001</v>
      </c>
      <c r="AY159" s="53">
        <v>20405.341666749999</v>
      </c>
      <c r="AZ159" s="53">
        <v>99311.861666749901</v>
      </c>
      <c r="BA159" s="53">
        <v>387487.00000100001</v>
      </c>
    </row>
    <row r="160" spans="1:53">
      <c r="A160" s="52" t="s">
        <v>955</v>
      </c>
      <c r="B160" s="53">
        <v>171007.84833325</v>
      </c>
      <c r="C160" s="53">
        <v>171007.84833325</v>
      </c>
      <c r="D160" s="53">
        <v>171007.84833325</v>
      </c>
      <c r="E160" s="53">
        <v>171007.84833325</v>
      </c>
      <c r="F160" s="53">
        <v>171007.84833325</v>
      </c>
      <c r="G160" s="53">
        <v>171007.84833325</v>
      </c>
      <c r="H160" s="53">
        <v>171007.84833325</v>
      </c>
      <c r="I160" s="53">
        <v>171007.84833325</v>
      </c>
      <c r="J160" s="53">
        <v>171007.84833325</v>
      </c>
      <c r="K160" s="53">
        <v>171007.84833325</v>
      </c>
      <c r="L160" s="53">
        <v>171007.84833325</v>
      </c>
      <c r="M160" s="53">
        <v>171007.84833325</v>
      </c>
      <c r="N160" s="53">
        <v>2052094.1799989999</v>
      </c>
      <c r="O160" s="53">
        <v>171007.84833325</v>
      </c>
      <c r="P160" s="53">
        <v>171007.84833325</v>
      </c>
      <c r="Q160" s="53">
        <v>171007.84833325</v>
      </c>
      <c r="R160" s="53">
        <v>171007.84833325</v>
      </c>
      <c r="S160" s="53">
        <v>171007.84833325</v>
      </c>
      <c r="T160" s="53">
        <v>171007.84833325</v>
      </c>
      <c r="U160" s="53">
        <v>171007.84833325</v>
      </c>
      <c r="V160" s="53">
        <v>171007.84833325</v>
      </c>
      <c r="W160" s="53">
        <v>171007.84833325</v>
      </c>
      <c r="X160" s="53">
        <v>171007.84833325</v>
      </c>
      <c r="Y160" s="53">
        <v>171007.84833325</v>
      </c>
      <c r="Z160" s="53">
        <v>171007.84833325</v>
      </c>
      <c r="AA160" s="53">
        <v>2052094.1799989999</v>
      </c>
      <c r="AB160" s="53">
        <v>171007.84833325</v>
      </c>
      <c r="AC160" s="53">
        <v>171007.84833325</v>
      </c>
      <c r="AD160" s="53">
        <v>171007.84833325</v>
      </c>
      <c r="AE160" s="53">
        <v>171007.84833325</v>
      </c>
      <c r="AF160" s="53">
        <v>171007.84833325</v>
      </c>
      <c r="AG160" s="53">
        <v>171007.84833325</v>
      </c>
      <c r="AH160" s="53">
        <v>171007.84833325</v>
      </c>
      <c r="AI160" s="53">
        <v>171007.84833325</v>
      </c>
      <c r="AJ160" s="53">
        <v>171007.84833325</v>
      </c>
      <c r="AK160" s="53">
        <v>171007.84833325</v>
      </c>
      <c r="AL160" s="53">
        <v>171007.84833325</v>
      </c>
      <c r="AM160" s="53">
        <v>171007.84833325</v>
      </c>
      <c r="AN160" s="53">
        <v>2052094.1799989999</v>
      </c>
      <c r="AO160" s="53">
        <v>171007.84833325</v>
      </c>
      <c r="AP160" s="53">
        <v>171007.84833325</v>
      </c>
      <c r="AQ160" s="53">
        <v>171007.84833325</v>
      </c>
      <c r="AR160" s="53">
        <v>171007.84833325</v>
      </c>
      <c r="AS160" s="53">
        <v>171007.84833325</v>
      </c>
      <c r="AT160" s="53">
        <v>171007.84833325</v>
      </c>
      <c r="AU160" s="53">
        <v>171007.84833325</v>
      </c>
      <c r="AV160" s="53">
        <v>171007.84833325</v>
      </c>
      <c r="AW160" s="53">
        <v>171007.84833325</v>
      </c>
      <c r="AX160" s="53">
        <v>171007.84833325</v>
      </c>
      <c r="AY160" s="53">
        <v>171007.84833325</v>
      </c>
      <c r="AZ160" s="53">
        <v>171007.84833325</v>
      </c>
      <c r="BA160" s="53">
        <v>2052094.1799989999</v>
      </c>
    </row>
    <row r="161" spans="1:53">
      <c r="A161" s="52" t="s">
        <v>956</v>
      </c>
      <c r="B161" s="53">
        <v>-642557.08999991603</v>
      </c>
      <c r="C161" s="53">
        <v>-376047.72999991802</v>
      </c>
      <c r="D161" s="53">
        <v>-131798.459999916</v>
      </c>
      <c r="E161" s="53">
        <v>-545421.87999991805</v>
      </c>
      <c r="F161" s="53">
        <v>-637781.28999991703</v>
      </c>
      <c r="G161" s="53">
        <v>-271854.81999991601</v>
      </c>
      <c r="H161" s="53">
        <v>-59279.449999918099</v>
      </c>
      <c r="I161" s="53">
        <v>-83609.229999916293</v>
      </c>
      <c r="J161" s="53">
        <v>203914.92000008101</v>
      </c>
      <c r="K161" s="53">
        <v>-59392.869999916002</v>
      </c>
      <c r="L161" s="53">
        <v>609893.65000008105</v>
      </c>
      <c r="M161" s="53">
        <v>-58159.929999914297</v>
      </c>
      <c r="N161" s="53">
        <v>-2052094.1799989999</v>
      </c>
      <c r="O161" s="53">
        <v>-642557.08999991603</v>
      </c>
      <c r="P161" s="53">
        <v>-376047.72999991802</v>
      </c>
      <c r="Q161" s="53">
        <v>-131798.459999916</v>
      </c>
      <c r="R161" s="53">
        <v>-545421.87999991805</v>
      </c>
      <c r="S161" s="53">
        <v>-637781.28999991703</v>
      </c>
      <c r="T161" s="53">
        <v>-271854.81999991601</v>
      </c>
      <c r="U161" s="53">
        <v>-59279.449999918099</v>
      </c>
      <c r="V161" s="53">
        <v>-83609.229999916293</v>
      </c>
      <c r="W161" s="53">
        <v>203914.92000008101</v>
      </c>
      <c r="X161" s="53">
        <v>-59392.869999916002</v>
      </c>
      <c r="Y161" s="53">
        <v>609893.65000008105</v>
      </c>
      <c r="Z161" s="53">
        <v>-58159.929999914297</v>
      </c>
      <c r="AA161" s="53">
        <v>-2052094.1799989999</v>
      </c>
      <c r="AB161" s="53">
        <v>-642557.08999991603</v>
      </c>
      <c r="AC161" s="53">
        <v>-376047.72999991802</v>
      </c>
      <c r="AD161" s="53">
        <v>-131798.459999916</v>
      </c>
      <c r="AE161" s="53">
        <v>-545421.87999991805</v>
      </c>
      <c r="AF161" s="53">
        <v>-637781.28999991703</v>
      </c>
      <c r="AG161" s="53">
        <v>-271854.81999991601</v>
      </c>
      <c r="AH161" s="53">
        <v>-59279.449999918099</v>
      </c>
      <c r="AI161" s="53">
        <v>-83609.229999916293</v>
      </c>
      <c r="AJ161" s="53">
        <v>203914.92000008101</v>
      </c>
      <c r="AK161" s="53">
        <v>-59392.869999916002</v>
      </c>
      <c r="AL161" s="53">
        <v>609893.65000008105</v>
      </c>
      <c r="AM161" s="53">
        <v>-58159.929999914297</v>
      </c>
      <c r="AN161" s="53">
        <v>-2052094.1799989999</v>
      </c>
      <c r="AO161" s="53">
        <v>-642557.08999991603</v>
      </c>
      <c r="AP161" s="53">
        <v>-376047.72999991802</v>
      </c>
      <c r="AQ161" s="53">
        <v>-131798.459999916</v>
      </c>
      <c r="AR161" s="53">
        <v>-545421.87999991805</v>
      </c>
      <c r="AS161" s="53">
        <v>-637781.28999991703</v>
      </c>
      <c r="AT161" s="53">
        <v>-271854.81999991601</v>
      </c>
      <c r="AU161" s="53">
        <v>-59279.449999918099</v>
      </c>
      <c r="AV161" s="53">
        <v>-83609.229999916293</v>
      </c>
      <c r="AW161" s="53">
        <v>203914.92000008101</v>
      </c>
      <c r="AX161" s="53">
        <v>-59392.869999916002</v>
      </c>
      <c r="AY161" s="53">
        <v>609893.65000008105</v>
      </c>
      <c r="AZ161" s="53">
        <v>-58159.929999914297</v>
      </c>
      <c r="BA161" s="53">
        <v>-2052094.1799989999</v>
      </c>
    </row>
    <row r="162" spans="1:53">
      <c r="A162" s="52" t="s">
        <v>957</v>
      </c>
      <c r="B162" s="53">
        <v>-471549.24166666501</v>
      </c>
      <c r="C162" s="53">
        <v>-205039.881666667</v>
      </c>
      <c r="D162" s="53">
        <v>39209.3883333345</v>
      </c>
      <c r="E162" s="53">
        <v>-374414.03166666703</v>
      </c>
      <c r="F162" s="53">
        <v>-466773.44166666601</v>
      </c>
      <c r="G162" s="53">
        <v>-100846.97166666501</v>
      </c>
      <c r="H162" s="53">
        <v>111728.39833333201</v>
      </c>
      <c r="I162" s="53">
        <v>87398.618333334496</v>
      </c>
      <c r="J162" s="53">
        <v>374922.76833333197</v>
      </c>
      <c r="K162" s="53">
        <v>111614.978333334</v>
      </c>
      <c r="L162" s="53">
        <v>780901.49833333201</v>
      </c>
      <c r="M162" s="53">
        <v>112847.918333336</v>
      </c>
      <c r="N162" s="53">
        <v>5.4569682106375603E-9</v>
      </c>
      <c r="O162" s="53">
        <v>-471549.24166666501</v>
      </c>
      <c r="P162" s="53">
        <v>-205039.881666667</v>
      </c>
      <c r="Q162" s="53">
        <v>39209.3883333345</v>
      </c>
      <c r="R162" s="53">
        <v>-374414.03166666703</v>
      </c>
      <c r="S162" s="53">
        <v>-466773.44166666601</v>
      </c>
      <c r="T162" s="53">
        <v>-100846.97166666501</v>
      </c>
      <c r="U162" s="53">
        <v>111728.39833333201</v>
      </c>
      <c r="V162" s="53">
        <v>87398.618333334496</v>
      </c>
      <c r="W162" s="53">
        <v>374922.76833333197</v>
      </c>
      <c r="X162" s="53">
        <v>111614.978333334</v>
      </c>
      <c r="Y162" s="53">
        <v>780901.49833333201</v>
      </c>
      <c r="Z162" s="53">
        <v>112847.918333336</v>
      </c>
      <c r="AA162" s="53">
        <v>5.4569682106375603E-9</v>
      </c>
      <c r="AB162" s="53">
        <v>-471549.24166666501</v>
      </c>
      <c r="AC162" s="53">
        <v>-205039.881666667</v>
      </c>
      <c r="AD162" s="53">
        <v>39209.3883333345</v>
      </c>
      <c r="AE162" s="53">
        <v>-374414.03166666703</v>
      </c>
      <c r="AF162" s="53">
        <v>-466773.44166666601</v>
      </c>
      <c r="AG162" s="53">
        <v>-100846.97166666501</v>
      </c>
      <c r="AH162" s="53">
        <v>111728.39833333201</v>
      </c>
      <c r="AI162" s="53">
        <v>87398.618333334496</v>
      </c>
      <c r="AJ162" s="53">
        <v>374922.76833333197</v>
      </c>
      <c r="AK162" s="53">
        <v>111614.978333334</v>
      </c>
      <c r="AL162" s="53">
        <v>780901.49833333201</v>
      </c>
      <c r="AM162" s="53">
        <v>112847.918333336</v>
      </c>
      <c r="AN162" s="53">
        <v>5.4569682106375603E-9</v>
      </c>
      <c r="AO162" s="53">
        <v>-471549.24166666501</v>
      </c>
      <c r="AP162" s="53">
        <v>-205039.881666667</v>
      </c>
      <c r="AQ162" s="53">
        <v>39209.3883333345</v>
      </c>
      <c r="AR162" s="53">
        <v>-374414.03166666703</v>
      </c>
      <c r="AS162" s="53">
        <v>-466773.44166666601</v>
      </c>
      <c r="AT162" s="53">
        <v>-100846.97166666501</v>
      </c>
      <c r="AU162" s="53">
        <v>111728.39833333201</v>
      </c>
      <c r="AV162" s="53">
        <v>87398.618333334496</v>
      </c>
      <c r="AW162" s="53">
        <v>374922.76833333197</v>
      </c>
      <c r="AX162" s="53">
        <v>111614.978333334</v>
      </c>
      <c r="AY162" s="53">
        <v>780901.49833333201</v>
      </c>
      <c r="AZ162" s="53">
        <v>112847.918333336</v>
      </c>
      <c r="BA162" s="53">
        <v>5.4569682106375603E-9</v>
      </c>
    </row>
    <row r="163" spans="1:53">
      <c r="A163" s="236" t="s">
        <v>958</v>
      </c>
      <c r="B163" s="53">
        <v>-445571.97999991698</v>
      </c>
      <c r="C163" s="53">
        <v>-194699.65999991799</v>
      </c>
      <c r="D163" s="53">
        <v>63834.2900000843</v>
      </c>
      <c r="E163" s="53">
        <v>-344421.90999991703</v>
      </c>
      <c r="F163" s="53">
        <v>-454047.98999991699</v>
      </c>
      <c r="G163" s="53">
        <v>-33532.129999915902</v>
      </c>
      <c r="H163" s="53">
        <v>138792.410000081</v>
      </c>
      <c r="I163" s="53">
        <v>107328.63000008299</v>
      </c>
      <c r="J163" s="53">
        <v>396260.21000008</v>
      </c>
      <c r="K163" s="53">
        <v>140078.510000084</v>
      </c>
      <c r="L163" s="53">
        <v>801306.84000008099</v>
      </c>
      <c r="M163" s="53">
        <v>212159.78000008501</v>
      </c>
      <c r="N163" s="53">
        <v>387487.00000099599</v>
      </c>
      <c r="O163" s="53">
        <v>-445571.97999991698</v>
      </c>
      <c r="P163" s="53">
        <v>-194699.65999991799</v>
      </c>
      <c r="Q163" s="53">
        <v>63834.2900000843</v>
      </c>
      <c r="R163" s="53">
        <v>-344421.90999991703</v>
      </c>
      <c r="S163" s="53">
        <v>-454047.98999991699</v>
      </c>
      <c r="T163" s="53">
        <v>-33532.129999915902</v>
      </c>
      <c r="U163" s="53">
        <v>138792.410000081</v>
      </c>
      <c r="V163" s="53">
        <v>107328.63000008299</v>
      </c>
      <c r="W163" s="53">
        <v>396260.21000008</v>
      </c>
      <c r="X163" s="53">
        <v>140078.510000084</v>
      </c>
      <c r="Y163" s="53">
        <v>801306.84000008099</v>
      </c>
      <c r="Z163" s="53">
        <v>212159.78000008501</v>
      </c>
      <c r="AA163" s="53">
        <v>387487.00000099599</v>
      </c>
      <c r="AB163" s="53">
        <v>-445571.97999991698</v>
      </c>
      <c r="AC163" s="53">
        <v>-194699.65999991799</v>
      </c>
      <c r="AD163" s="53">
        <v>63834.2900000843</v>
      </c>
      <c r="AE163" s="53">
        <v>-344421.90999991703</v>
      </c>
      <c r="AF163" s="53">
        <v>-454047.98999991699</v>
      </c>
      <c r="AG163" s="53">
        <v>-33532.129999915902</v>
      </c>
      <c r="AH163" s="53">
        <v>138792.410000081</v>
      </c>
      <c r="AI163" s="53">
        <v>107328.63000008299</v>
      </c>
      <c r="AJ163" s="53">
        <v>396260.21000008</v>
      </c>
      <c r="AK163" s="53">
        <v>140078.510000084</v>
      </c>
      <c r="AL163" s="53">
        <v>801306.84000008099</v>
      </c>
      <c r="AM163" s="53">
        <v>212159.78000008501</v>
      </c>
      <c r="AN163" s="53">
        <v>387487.00000099599</v>
      </c>
      <c r="AO163" s="53">
        <v>-445571.97999991698</v>
      </c>
      <c r="AP163" s="53">
        <v>-194699.65999991799</v>
      </c>
      <c r="AQ163" s="53">
        <v>63834.2900000843</v>
      </c>
      <c r="AR163" s="53">
        <v>-344421.90999991703</v>
      </c>
      <c r="AS163" s="53">
        <v>-454047.98999991699</v>
      </c>
      <c r="AT163" s="53">
        <v>-33532.129999915902</v>
      </c>
      <c r="AU163" s="53">
        <v>138792.410000081</v>
      </c>
      <c r="AV163" s="53">
        <v>107328.63000008299</v>
      </c>
      <c r="AW163" s="53">
        <v>396260.21000008</v>
      </c>
      <c r="AX163" s="53">
        <v>140078.510000084</v>
      </c>
      <c r="AY163" s="53">
        <v>801306.84000008099</v>
      </c>
      <c r="AZ163" s="53">
        <v>212159.78000008501</v>
      </c>
      <c r="BA163" s="53">
        <v>387487.00000099599</v>
      </c>
    </row>
    <row r="164" spans="1:53">
      <c r="A164" s="231" t="s">
        <v>959</v>
      </c>
      <c r="B164" s="53"/>
      <c r="C164" s="53"/>
      <c r="D164" s="53"/>
      <c r="E164" s="53"/>
      <c r="F164" s="53"/>
      <c r="G164" s="53"/>
      <c r="H164" s="53"/>
      <c r="I164" s="53"/>
      <c r="J164" s="53"/>
      <c r="K164" s="53"/>
      <c r="L164" s="53"/>
      <c r="M164" s="53"/>
      <c r="N164" s="53"/>
      <c r="O164" s="53"/>
      <c r="P164" s="53"/>
      <c r="Q164" s="53"/>
      <c r="R164" s="53"/>
      <c r="S164" s="53"/>
      <c r="T164" s="53"/>
      <c r="U164" s="53"/>
      <c r="V164" s="53"/>
      <c r="W164" s="53"/>
      <c r="X164" s="53"/>
      <c r="Y164" s="53"/>
      <c r="Z164" s="53"/>
      <c r="AA164" s="53"/>
      <c r="AB164" s="53"/>
      <c r="AC164" s="53"/>
      <c r="AD164" s="53"/>
      <c r="AE164" s="53"/>
      <c r="AF164" s="53"/>
      <c r="AG164" s="53"/>
      <c r="AH164" s="53"/>
      <c r="AI164" s="53"/>
      <c r="AJ164" s="53"/>
      <c r="AK164" s="53"/>
      <c r="AL164" s="53"/>
      <c r="AM164" s="53"/>
      <c r="AN164" s="53"/>
      <c r="AO164" s="53"/>
      <c r="AP164" s="53"/>
      <c r="AQ164" s="53"/>
      <c r="AR164" s="53"/>
      <c r="AS164" s="53"/>
      <c r="AT164" s="53"/>
      <c r="AU164" s="53"/>
      <c r="AV164" s="53"/>
      <c r="AW164" s="53"/>
      <c r="AX164" s="53"/>
      <c r="AY164" s="53"/>
      <c r="AZ164" s="53"/>
      <c r="BA164" s="53"/>
    </row>
    <row r="165" spans="1:53">
      <c r="A165" s="52" t="s">
        <v>960</v>
      </c>
      <c r="B165" s="53">
        <v>0</v>
      </c>
      <c r="C165" s="53">
        <v>0</v>
      </c>
      <c r="D165" s="53">
        <v>0</v>
      </c>
      <c r="E165" s="53">
        <v>0</v>
      </c>
      <c r="F165" s="53">
        <v>0</v>
      </c>
      <c r="G165" s="53">
        <v>0</v>
      </c>
      <c r="H165" s="53">
        <v>0</v>
      </c>
      <c r="I165" s="53">
        <v>0</v>
      </c>
      <c r="J165" s="53">
        <v>0</v>
      </c>
      <c r="K165" s="53">
        <v>0</v>
      </c>
      <c r="L165" s="53">
        <v>0</v>
      </c>
      <c r="M165" s="53">
        <v>0</v>
      </c>
      <c r="N165" s="53">
        <v>0</v>
      </c>
      <c r="O165" s="53">
        <v>0</v>
      </c>
      <c r="P165" s="53">
        <v>0</v>
      </c>
      <c r="Q165" s="53">
        <v>0</v>
      </c>
      <c r="R165" s="53">
        <v>0</v>
      </c>
      <c r="S165" s="53">
        <v>0</v>
      </c>
      <c r="T165" s="53">
        <v>0</v>
      </c>
      <c r="U165" s="53">
        <v>0</v>
      </c>
      <c r="V165" s="53">
        <v>0</v>
      </c>
      <c r="W165" s="53">
        <v>0</v>
      </c>
      <c r="X165" s="53">
        <v>0</v>
      </c>
      <c r="Y165" s="53">
        <v>0</v>
      </c>
      <c r="Z165" s="53">
        <v>0</v>
      </c>
      <c r="AA165" s="53">
        <v>0</v>
      </c>
      <c r="AB165" s="53">
        <v>0</v>
      </c>
      <c r="AC165" s="53">
        <v>0</v>
      </c>
      <c r="AD165" s="53">
        <v>0</v>
      </c>
      <c r="AE165" s="53">
        <v>0</v>
      </c>
      <c r="AF165" s="53">
        <v>0</v>
      </c>
      <c r="AG165" s="53">
        <v>0</v>
      </c>
      <c r="AH165" s="53">
        <v>0</v>
      </c>
      <c r="AI165" s="53">
        <v>0</v>
      </c>
      <c r="AJ165" s="53">
        <v>0</v>
      </c>
      <c r="AK165" s="53">
        <v>0</v>
      </c>
      <c r="AL165" s="53">
        <v>0</v>
      </c>
      <c r="AM165" s="53">
        <v>0</v>
      </c>
      <c r="AN165" s="53">
        <v>0</v>
      </c>
      <c r="AO165" s="53">
        <v>0</v>
      </c>
      <c r="AP165" s="53">
        <v>0</v>
      </c>
      <c r="AQ165" s="53">
        <v>0</v>
      </c>
      <c r="AR165" s="53">
        <v>0</v>
      </c>
      <c r="AS165" s="53">
        <v>0</v>
      </c>
      <c r="AT165" s="53">
        <v>0</v>
      </c>
      <c r="AU165" s="53">
        <v>0</v>
      </c>
      <c r="AV165" s="53">
        <v>0</v>
      </c>
      <c r="AW165" s="53">
        <v>0</v>
      </c>
      <c r="AX165" s="53">
        <v>0</v>
      </c>
      <c r="AY165" s="53">
        <v>0</v>
      </c>
      <c r="AZ165" s="53">
        <v>0</v>
      </c>
      <c r="BA165" s="53">
        <v>0</v>
      </c>
    </row>
    <row r="166" spans="1:53">
      <c r="A166" s="52" t="s">
        <v>961</v>
      </c>
      <c r="B166" s="53">
        <v>0</v>
      </c>
      <c r="C166" s="53">
        <v>0</v>
      </c>
      <c r="D166" s="53">
        <v>0</v>
      </c>
      <c r="E166" s="53">
        <v>0</v>
      </c>
      <c r="F166" s="53">
        <v>0</v>
      </c>
      <c r="G166" s="53">
        <v>0</v>
      </c>
      <c r="H166" s="53">
        <v>0</v>
      </c>
      <c r="I166" s="53">
        <v>0</v>
      </c>
      <c r="J166" s="53">
        <v>0</v>
      </c>
      <c r="K166" s="53">
        <v>0</v>
      </c>
      <c r="L166" s="53">
        <v>0</v>
      </c>
      <c r="M166" s="53">
        <v>0</v>
      </c>
      <c r="N166" s="53">
        <v>0</v>
      </c>
      <c r="O166" s="53">
        <v>0</v>
      </c>
      <c r="P166" s="53">
        <v>0</v>
      </c>
      <c r="Q166" s="53">
        <v>0</v>
      </c>
      <c r="R166" s="53">
        <v>0</v>
      </c>
      <c r="S166" s="53">
        <v>0</v>
      </c>
      <c r="T166" s="53">
        <v>0</v>
      </c>
      <c r="U166" s="53">
        <v>0</v>
      </c>
      <c r="V166" s="53">
        <v>0</v>
      </c>
      <c r="W166" s="53">
        <v>0</v>
      </c>
      <c r="X166" s="53">
        <v>0</v>
      </c>
      <c r="Y166" s="53">
        <v>0</v>
      </c>
      <c r="Z166" s="53">
        <v>0</v>
      </c>
      <c r="AA166" s="53">
        <v>0</v>
      </c>
      <c r="AB166" s="53">
        <v>0</v>
      </c>
      <c r="AC166" s="53">
        <v>0</v>
      </c>
      <c r="AD166" s="53">
        <v>0</v>
      </c>
      <c r="AE166" s="53">
        <v>0</v>
      </c>
      <c r="AF166" s="53">
        <v>0</v>
      </c>
      <c r="AG166" s="53">
        <v>0</v>
      </c>
      <c r="AH166" s="53">
        <v>0</v>
      </c>
      <c r="AI166" s="53">
        <v>0</v>
      </c>
      <c r="AJ166" s="53">
        <v>0</v>
      </c>
      <c r="AK166" s="53">
        <v>0</v>
      </c>
      <c r="AL166" s="53">
        <v>0</v>
      </c>
      <c r="AM166" s="53">
        <v>0</v>
      </c>
      <c r="AN166" s="53">
        <v>0</v>
      </c>
      <c r="AO166" s="53">
        <v>0</v>
      </c>
      <c r="AP166" s="53">
        <v>0</v>
      </c>
      <c r="AQ166" s="53">
        <v>0</v>
      </c>
      <c r="AR166" s="53">
        <v>0</v>
      </c>
      <c r="AS166" s="53">
        <v>0</v>
      </c>
      <c r="AT166" s="53">
        <v>0</v>
      </c>
      <c r="AU166" s="53">
        <v>0</v>
      </c>
      <c r="AV166" s="53">
        <v>0</v>
      </c>
      <c r="AW166" s="53">
        <v>0</v>
      </c>
      <c r="AX166" s="53">
        <v>0</v>
      </c>
      <c r="AY166" s="53">
        <v>0</v>
      </c>
      <c r="AZ166" s="53">
        <v>0</v>
      </c>
      <c r="BA166" s="53">
        <v>0</v>
      </c>
    </row>
    <row r="167" spans="1:53">
      <c r="A167" s="52" t="s">
        <v>962</v>
      </c>
      <c r="B167" s="53">
        <v>0</v>
      </c>
      <c r="C167" s="53">
        <v>0</v>
      </c>
      <c r="D167" s="53">
        <v>0</v>
      </c>
      <c r="E167" s="53">
        <v>0</v>
      </c>
      <c r="F167" s="53">
        <v>0</v>
      </c>
      <c r="G167" s="53">
        <v>0</v>
      </c>
      <c r="H167" s="53">
        <v>0</v>
      </c>
      <c r="I167" s="53">
        <v>0</v>
      </c>
      <c r="J167" s="53">
        <v>0</v>
      </c>
      <c r="K167" s="53">
        <v>0</v>
      </c>
      <c r="L167" s="53">
        <v>0</v>
      </c>
      <c r="M167" s="53">
        <v>0</v>
      </c>
      <c r="N167" s="53">
        <v>0</v>
      </c>
      <c r="O167" s="53">
        <v>0</v>
      </c>
      <c r="P167" s="53">
        <v>0</v>
      </c>
      <c r="Q167" s="53">
        <v>0</v>
      </c>
      <c r="R167" s="53">
        <v>0</v>
      </c>
      <c r="S167" s="53">
        <v>0</v>
      </c>
      <c r="T167" s="53">
        <v>0</v>
      </c>
      <c r="U167" s="53">
        <v>0</v>
      </c>
      <c r="V167" s="53">
        <v>0</v>
      </c>
      <c r="W167" s="53">
        <v>0</v>
      </c>
      <c r="X167" s="53">
        <v>0</v>
      </c>
      <c r="Y167" s="53">
        <v>0</v>
      </c>
      <c r="Z167" s="53">
        <v>0</v>
      </c>
      <c r="AA167" s="53">
        <v>0</v>
      </c>
      <c r="AB167" s="53">
        <v>0</v>
      </c>
      <c r="AC167" s="53">
        <v>0</v>
      </c>
      <c r="AD167" s="53">
        <v>0</v>
      </c>
      <c r="AE167" s="53">
        <v>0</v>
      </c>
      <c r="AF167" s="53">
        <v>0</v>
      </c>
      <c r="AG167" s="53">
        <v>0</v>
      </c>
      <c r="AH167" s="53">
        <v>0</v>
      </c>
      <c r="AI167" s="53">
        <v>0</v>
      </c>
      <c r="AJ167" s="53">
        <v>0</v>
      </c>
      <c r="AK167" s="53">
        <v>0</v>
      </c>
      <c r="AL167" s="53">
        <v>0</v>
      </c>
      <c r="AM167" s="53">
        <v>0</v>
      </c>
      <c r="AN167" s="53">
        <v>0</v>
      </c>
      <c r="AO167" s="53">
        <v>0</v>
      </c>
      <c r="AP167" s="53">
        <v>0</v>
      </c>
      <c r="AQ167" s="53">
        <v>0</v>
      </c>
      <c r="AR167" s="53">
        <v>0</v>
      </c>
      <c r="AS167" s="53">
        <v>0</v>
      </c>
      <c r="AT167" s="53">
        <v>0</v>
      </c>
      <c r="AU167" s="53">
        <v>0</v>
      </c>
      <c r="AV167" s="53">
        <v>0</v>
      </c>
      <c r="AW167" s="53">
        <v>0</v>
      </c>
      <c r="AX167" s="53">
        <v>0</v>
      </c>
      <c r="AY167" s="53">
        <v>0</v>
      </c>
      <c r="AZ167" s="53">
        <v>0</v>
      </c>
      <c r="BA167" s="53">
        <v>0</v>
      </c>
    </row>
    <row r="168" spans="1:53">
      <c r="A168" s="52" t="s">
        <v>963</v>
      </c>
      <c r="B168" s="53">
        <v>0</v>
      </c>
      <c r="C168" s="53">
        <v>0</v>
      </c>
      <c r="D168" s="53">
        <v>0</v>
      </c>
      <c r="E168" s="53">
        <v>0</v>
      </c>
      <c r="F168" s="53">
        <v>0</v>
      </c>
      <c r="G168" s="53">
        <v>0</v>
      </c>
      <c r="H168" s="53">
        <v>0</v>
      </c>
      <c r="I168" s="53">
        <v>0</v>
      </c>
      <c r="J168" s="53">
        <v>0</v>
      </c>
      <c r="K168" s="53">
        <v>0</v>
      </c>
      <c r="L168" s="53">
        <v>0</v>
      </c>
      <c r="M168" s="53">
        <v>0</v>
      </c>
      <c r="N168" s="53">
        <v>0</v>
      </c>
      <c r="O168" s="53">
        <v>0</v>
      </c>
      <c r="P168" s="53">
        <v>0</v>
      </c>
      <c r="Q168" s="53">
        <v>0</v>
      </c>
      <c r="R168" s="53">
        <v>0</v>
      </c>
      <c r="S168" s="53">
        <v>0</v>
      </c>
      <c r="T168" s="53">
        <v>0</v>
      </c>
      <c r="U168" s="53">
        <v>0</v>
      </c>
      <c r="V168" s="53">
        <v>0</v>
      </c>
      <c r="W168" s="53">
        <v>0</v>
      </c>
      <c r="X168" s="53">
        <v>0</v>
      </c>
      <c r="Y168" s="53">
        <v>0</v>
      </c>
      <c r="Z168" s="53">
        <v>0</v>
      </c>
      <c r="AA168" s="53">
        <v>0</v>
      </c>
      <c r="AB168" s="53">
        <v>0</v>
      </c>
      <c r="AC168" s="53">
        <v>0</v>
      </c>
      <c r="AD168" s="53">
        <v>0</v>
      </c>
      <c r="AE168" s="53">
        <v>0</v>
      </c>
      <c r="AF168" s="53">
        <v>0</v>
      </c>
      <c r="AG168" s="53">
        <v>0</v>
      </c>
      <c r="AH168" s="53">
        <v>0</v>
      </c>
      <c r="AI168" s="53">
        <v>0</v>
      </c>
      <c r="AJ168" s="53">
        <v>0</v>
      </c>
      <c r="AK168" s="53">
        <v>0</v>
      </c>
      <c r="AL168" s="53">
        <v>0</v>
      </c>
      <c r="AM168" s="53">
        <v>0</v>
      </c>
      <c r="AN168" s="53">
        <v>0</v>
      </c>
      <c r="AO168" s="53">
        <v>0</v>
      </c>
      <c r="AP168" s="53">
        <v>0</v>
      </c>
      <c r="AQ168" s="53">
        <v>0</v>
      </c>
      <c r="AR168" s="53">
        <v>0</v>
      </c>
      <c r="AS168" s="53">
        <v>0</v>
      </c>
      <c r="AT168" s="53">
        <v>0</v>
      </c>
      <c r="AU168" s="53">
        <v>0</v>
      </c>
      <c r="AV168" s="53">
        <v>0</v>
      </c>
      <c r="AW168" s="53">
        <v>0</v>
      </c>
      <c r="AX168" s="53">
        <v>0</v>
      </c>
      <c r="AY168" s="53">
        <v>0</v>
      </c>
      <c r="AZ168" s="53">
        <v>0</v>
      </c>
      <c r="BA168" s="53">
        <v>0</v>
      </c>
    </row>
    <row r="169" spans="1:53">
      <c r="A169" s="52" t="s">
        <v>964</v>
      </c>
      <c r="B169" s="53">
        <v>0</v>
      </c>
      <c r="C169" s="53">
        <v>0</v>
      </c>
      <c r="D169" s="53">
        <v>0</v>
      </c>
      <c r="E169" s="53">
        <v>0</v>
      </c>
      <c r="F169" s="53">
        <v>0</v>
      </c>
      <c r="G169" s="53">
        <v>0</v>
      </c>
      <c r="H169" s="53">
        <v>0</v>
      </c>
      <c r="I169" s="53">
        <v>0</v>
      </c>
      <c r="J169" s="53">
        <v>0</v>
      </c>
      <c r="K169" s="53">
        <v>0</v>
      </c>
      <c r="L169" s="53">
        <v>0</v>
      </c>
      <c r="M169" s="53">
        <v>0</v>
      </c>
      <c r="N169" s="53">
        <v>0</v>
      </c>
      <c r="O169" s="53">
        <v>0</v>
      </c>
      <c r="P169" s="53">
        <v>0</v>
      </c>
      <c r="Q169" s="53">
        <v>0</v>
      </c>
      <c r="R169" s="53">
        <v>0</v>
      </c>
      <c r="S169" s="53">
        <v>0</v>
      </c>
      <c r="T169" s="53">
        <v>0</v>
      </c>
      <c r="U169" s="53">
        <v>0</v>
      </c>
      <c r="V169" s="53">
        <v>0</v>
      </c>
      <c r="W169" s="53">
        <v>0</v>
      </c>
      <c r="X169" s="53">
        <v>0</v>
      </c>
      <c r="Y169" s="53">
        <v>0</v>
      </c>
      <c r="Z169" s="53">
        <v>0</v>
      </c>
      <c r="AA169" s="53">
        <v>0</v>
      </c>
      <c r="AB169" s="53">
        <v>0</v>
      </c>
      <c r="AC169" s="53">
        <v>0</v>
      </c>
      <c r="AD169" s="53">
        <v>0</v>
      </c>
      <c r="AE169" s="53">
        <v>0</v>
      </c>
      <c r="AF169" s="53">
        <v>0</v>
      </c>
      <c r="AG169" s="53">
        <v>0</v>
      </c>
      <c r="AH169" s="53">
        <v>0</v>
      </c>
      <c r="AI169" s="53">
        <v>0</v>
      </c>
      <c r="AJ169" s="53">
        <v>0</v>
      </c>
      <c r="AK169" s="53">
        <v>0</v>
      </c>
      <c r="AL169" s="53">
        <v>0</v>
      </c>
      <c r="AM169" s="53">
        <v>0</v>
      </c>
      <c r="AN169" s="53">
        <v>0</v>
      </c>
      <c r="AO169" s="53">
        <v>0</v>
      </c>
      <c r="AP169" s="53">
        <v>0</v>
      </c>
      <c r="AQ169" s="53">
        <v>0</v>
      </c>
      <c r="AR169" s="53">
        <v>0</v>
      </c>
      <c r="AS169" s="53">
        <v>0</v>
      </c>
      <c r="AT169" s="53">
        <v>0</v>
      </c>
      <c r="AU169" s="53">
        <v>0</v>
      </c>
      <c r="AV169" s="53">
        <v>0</v>
      </c>
      <c r="AW169" s="53">
        <v>0</v>
      </c>
      <c r="AX169" s="53">
        <v>0</v>
      </c>
      <c r="AY169" s="53">
        <v>0</v>
      </c>
      <c r="AZ169" s="53">
        <v>0</v>
      </c>
      <c r="BA169" s="53">
        <v>0</v>
      </c>
    </row>
    <row r="170" spans="1:53">
      <c r="A170" s="52" t="s">
        <v>965</v>
      </c>
      <c r="B170" s="53">
        <v>0</v>
      </c>
      <c r="C170" s="53">
        <v>0</v>
      </c>
      <c r="D170" s="53">
        <v>0</v>
      </c>
      <c r="E170" s="53">
        <v>0</v>
      </c>
      <c r="F170" s="53">
        <v>0</v>
      </c>
      <c r="G170" s="53">
        <v>0</v>
      </c>
      <c r="H170" s="53">
        <v>0</v>
      </c>
      <c r="I170" s="53">
        <v>0</v>
      </c>
      <c r="J170" s="53">
        <v>0</v>
      </c>
      <c r="K170" s="53">
        <v>0</v>
      </c>
      <c r="L170" s="53">
        <v>0</v>
      </c>
      <c r="M170" s="53">
        <v>0</v>
      </c>
      <c r="N170" s="53">
        <v>0</v>
      </c>
      <c r="O170" s="53">
        <v>0</v>
      </c>
      <c r="P170" s="53">
        <v>0</v>
      </c>
      <c r="Q170" s="53">
        <v>0</v>
      </c>
      <c r="R170" s="53">
        <v>0</v>
      </c>
      <c r="S170" s="53">
        <v>0</v>
      </c>
      <c r="T170" s="53">
        <v>0</v>
      </c>
      <c r="U170" s="53">
        <v>0</v>
      </c>
      <c r="V170" s="53">
        <v>0</v>
      </c>
      <c r="W170" s="53">
        <v>0</v>
      </c>
      <c r="X170" s="53">
        <v>0</v>
      </c>
      <c r="Y170" s="53">
        <v>0</v>
      </c>
      <c r="Z170" s="53">
        <v>0</v>
      </c>
      <c r="AA170" s="53">
        <v>0</v>
      </c>
      <c r="AB170" s="53">
        <v>0</v>
      </c>
      <c r="AC170" s="53">
        <v>0</v>
      </c>
      <c r="AD170" s="53">
        <v>0</v>
      </c>
      <c r="AE170" s="53">
        <v>0</v>
      </c>
      <c r="AF170" s="53">
        <v>0</v>
      </c>
      <c r="AG170" s="53">
        <v>0</v>
      </c>
      <c r="AH170" s="53">
        <v>0</v>
      </c>
      <c r="AI170" s="53">
        <v>0</v>
      </c>
      <c r="AJ170" s="53">
        <v>0</v>
      </c>
      <c r="AK170" s="53">
        <v>0</v>
      </c>
      <c r="AL170" s="53">
        <v>0</v>
      </c>
      <c r="AM170" s="53">
        <v>0</v>
      </c>
      <c r="AN170" s="53">
        <v>0</v>
      </c>
      <c r="AO170" s="53">
        <v>0</v>
      </c>
      <c r="AP170" s="53">
        <v>0</v>
      </c>
      <c r="AQ170" s="53">
        <v>0</v>
      </c>
      <c r="AR170" s="53">
        <v>0</v>
      </c>
      <c r="AS170" s="53">
        <v>0</v>
      </c>
      <c r="AT170" s="53">
        <v>0</v>
      </c>
      <c r="AU170" s="53">
        <v>0</v>
      </c>
      <c r="AV170" s="53">
        <v>0</v>
      </c>
      <c r="AW170" s="53">
        <v>0</v>
      </c>
      <c r="AX170" s="53">
        <v>0</v>
      </c>
      <c r="AY170" s="53">
        <v>0</v>
      </c>
      <c r="AZ170" s="53">
        <v>0</v>
      </c>
      <c r="BA170" s="53">
        <v>0</v>
      </c>
    </row>
    <row r="171" spans="1:53">
      <c r="A171" s="52" t="s">
        <v>966</v>
      </c>
      <c r="B171" s="53">
        <v>0</v>
      </c>
      <c r="C171" s="53">
        <v>0</v>
      </c>
      <c r="D171" s="53">
        <v>0</v>
      </c>
      <c r="E171" s="53">
        <v>0</v>
      </c>
      <c r="F171" s="53">
        <v>0</v>
      </c>
      <c r="G171" s="53">
        <v>0</v>
      </c>
      <c r="H171" s="53">
        <v>0</v>
      </c>
      <c r="I171" s="53">
        <v>0</v>
      </c>
      <c r="J171" s="53">
        <v>0</v>
      </c>
      <c r="K171" s="53">
        <v>0</v>
      </c>
      <c r="L171" s="53">
        <v>0</v>
      </c>
      <c r="M171" s="53">
        <v>0</v>
      </c>
      <c r="N171" s="53">
        <v>0</v>
      </c>
      <c r="O171" s="53">
        <v>0</v>
      </c>
      <c r="P171" s="53">
        <v>0</v>
      </c>
      <c r="Q171" s="53">
        <v>0</v>
      </c>
      <c r="R171" s="53">
        <v>0</v>
      </c>
      <c r="S171" s="53">
        <v>0</v>
      </c>
      <c r="T171" s="53">
        <v>0</v>
      </c>
      <c r="U171" s="53">
        <v>0</v>
      </c>
      <c r="V171" s="53">
        <v>0</v>
      </c>
      <c r="W171" s="53">
        <v>0</v>
      </c>
      <c r="X171" s="53">
        <v>0</v>
      </c>
      <c r="Y171" s="53">
        <v>0</v>
      </c>
      <c r="Z171" s="53">
        <v>0</v>
      </c>
      <c r="AA171" s="53">
        <v>0</v>
      </c>
      <c r="AB171" s="53">
        <v>0</v>
      </c>
      <c r="AC171" s="53">
        <v>0</v>
      </c>
      <c r="AD171" s="53">
        <v>0</v>
      </c>
      <c r="AE171" s="53">
        <v>0</v>
      </c>
      <c r="AF171" s="53">
        <v>0</v>
      </c>
      <c r="AG171" s="53">
        <v>0</v>
      </c>
      <c r="AH171" s="53">
        <v>0</v>
      </c>
      <c r="AI171" s="53">
        <v>0</v>
      </c>
      <c r="AJ171" s="53">
        <v>0</v>
      </c>
      <c r="AK171" s="53">
        <v>0</v>
      </c>
      <c r="AL171" s="53">
        <v>0</v>
      </c>
      <c r="AM171" s="53">
        <v>0</v>
      </c>
      <c r="AN171" s="53">
        <v>0</v>
      </c>
      <c r="AO171" s="53">
        <v>0</v>
      </c>
      <c r="AP171" s="53">
        <v>0</v>
      </c>
      <c r="AQ171" s="53">
        <v>0</v>
      </c>
      <c r="AR171" s="53">
        <v>0</v>
      </c>
      <c r="AS171" s="53">
        <v>0</v>
      </c>
      <c r="AT171" s="53">
        <v>0</v>
      </c>
      <c r="AU171" s="53">
        <v>0</v>
      </c>
      <c r="AV171" s="53">
        <v>0</v>
      </c>
      <c r="AW171" s="53">
        <v>0</v>
      </c>
      <c r="AX171" s="53">
        <v>0</v>
      </c>
      <c r="AY171" s="53">
        <v>0</v>
      </c>
      <c r="AZ171" s="53">
        <v>0</v>
      </c>
      <c r="BA171" s="53">
        <v>0</v>
      </c>
    </row>
    <row r="172" spans="1:53">
      <c r="A172" s="236" t="s">
        <v>967</v>
      </c>
      <c r="B172" s="53">
        <v>0</v>
      </c>
      <c r="C172" s="53">
        <v>0</v>
      </c>
      <c r="D172" s="53">
        <v>0</v>
      </c>
      <c r="E172" s="53">
        <v>0</v>
      </c>
      <c r="F172" s="53">
        <v>0</v>
      </c>
      <c r="G172" s="53">
        <v>0</v>
      </c>
      <c r="H172" s="53">
        <v>0</v>
      </c>
      <c r="I172" s="53">
        <v>0</v>
      </c>
      <c r="J172" s="53">
        <v>0</v>
      </c>
      <c r="K172" s="53">
        <v>0</v>
      </c>
      <c r="L172" s="53">
        <v>0</v>
      </c>
      <c r="M172" s="53">
        <v>0</v>
      </c>
      <c r="N172" s="53">
        <v>0</v>
      </c>
      <c r="O172" s="53">
        <v>0</v>
      </c>
      <c r="P172" s="53">
        <v>0</v>
      </c>
      <c r="Q172" s="53">
        <v>0</v>
      </c>
      <c r="R172" s="53">
        <v>0</v>
      </c>
      <c r="S172" s="53">
        <v>0</v>
      </c>
      <c r="T172" s="53">
        <v>0</v>
      </c>
      <c r="U172" s="53">
        <v>0</v>
      </c>
      <c r="V172" s="53">
        <v>0</v>
      </c>
      <c r="W172" s="53">
        <v>0</v>
      </c>
      <c r="X172" s="53">
        <v>0</v>
      </c>
      <c r="Y172" s="53">
        <v>0</v>
      </c>
      <c r="Z172" s="53">
        <v>0</v>
      </c>
      <c r="AA172" s="53">
        <v>0</v>
      </c>
      <c r="AB172" s="53">
        <v>0</v>
      </c>
      <c r="AC172" s="53">
        <v>0</v>
      </c>
      <c r="AD172" s="53">
        <v>0</v>
      </c>
      <c r="AE172" s="53">
        <v>0</v>
      </c>
      <c r="AF172" s="53">
        <v>0</v>
      </c>
      <c r="AG172" s="53">
        <v>0</v>
      </c>
      <c r="AH172" s="53">
        <v>0</v>
      </c>
      <c r="AI172" s="53">
        <v>0</v>
      </c>
      <c r="AJ172" s="53">
        <v>0</v>
      </c>
      <c r="AK172" s="53">
        <v>0</v>
      </c>
      <c r="AL172" s="53">
        <v>0</v>
      </c>
      <c r="AM172" s="53">
        <v>0</v>
      </c>
      <c r="AN172" s="53">
        <v>0</v>
      </c>
      <c r="AO172" s="53">
        <v>0</v>
      </c>
      <c r="AP172" s="53">
        <v>0</v>
      </c>
      <c r="AQ172" s="53">
        <v>0</v>
      </c>
      <c r="AR172" s="53">
        <v>0</v>
      </c>
      <c r="AS172" s="53">
        <v>0</v>
      </c>
      <c r="AT172" s="53">
        <v>0</v>
      </c>
      <c r="AU172" s="53">
        <v>0</v>
      </c>
      <c r="AV172" s="53">
        <v>0</v>
      </c>
      <c r="AW172" s="53">
        <v>0</v>
      </c>
      <c r="AX172" s="53">
        <v>0</v>
      </c>
      <c r="AY172" s="53">
        <v>0</v>
      </c>
      <c r="AZ172" s="53">
        <v>0</v>
      </c>
      <c r="BA172" s="53">
        <v>0</v>
      </c>
    </row>
    <row r="173" spans="1:53">
      <c r="A173" s="231" t="s">
        <v>968</v>
      </c>
      <c r="B173" s="53"/>
      <c r="C173" s="53"/>
      <c r="D173" s="53"/>
      <c r="E173" s="53"/>
      <c r="F173" s="53"/>
      <c r="G173" s="53"/>
      <c r="H173" s="53"/>
      <c r="I173" s="53"/>
      <c r="J173" s="53"/>
      <c r="K173" s="53"/>
      <c r="L173" s="53"/>
      <c r="M173" s="53"/>
      <c r="N173" s="53"/>
      <c r="O173" s="53"/>
      <c r="P173" s="53"/>
      <c r="Q173" s="53"/>
      <c r="R173" s="53"/>
      <c r="S173" s="53"/>
      <c r="T173" s="53"/>
      <c r="U173" s="53"/>
      <c r="V173" s="53"/>
      <c r="W173" s="53"/>
      <c r="X173" s="53"/>
      <c r="Y173" s="53"/>
      <c r="Z173" s="53"/>
      <c r="AA173" s="53"/>
      <c r="AB173" s="53"/>
      <c r="AC173" s="53"/>
      <c r="AD173" s="53"/>
      <c r="AE173" s="53"/>
      <c r="AF173" s="53"/>
      <c r="AG173" s="53"/>
      <c r="AH173" s="53"/>
      <c r="AI173" s="53"/>
      <c r="AJ173" s="53"/>
      <c r="AK173" s="53"/>
      <c r="AL173" s="53"/>
      <c r="AM173" s="53"/>
      <c r="AN173" s="53"/>
      <c r="AO173" s="53"/>
      <c r="AP173" s="53"/>
      <c r="AQ173" s="53"/>
      <c r="AR173" s="53"/>
      <c r="AS173" s="53"/>
      <c r="AT173" s="53"/>
      <c r="AU173" s="53"/>
      <c r="AV173" s="53"/>
      <c r="AW173" s="53"/>
      <c r="AX173" s="53"/>
      <c r="AY173" s="53"/>
      <c r="AZ173" s="53"/>
      <c r="BA173" s="53"/>
    </row>
    <row r="174" spans="1:53">
      <c r="A174" s="52" t="s">
        <v>969</v>
      </c>
      <c r="B174" s="53">
        <v>58674.7</v>
      </c>
      <c r="C174" s="53">
        <v>58661.7</v>
      </c>
      <c r="D174" s="53">
        <v>61265.77</v>
      </c>
      <c r="E174" s="53">
        <v>61265.77</v>
      </c>
      <c r="F174" s="53">
        <v>61266.77</v>
      </c>
      <c r="G174" s="53">
        <v>61265.77</v>
      </c>
      <c r="H174" s="53">
        <v>61266.77</v>
      </c>
      <c r="I174" s="53">
        <v>61267.77</v>
      </c>
      <c r="J174" s="53">
        <v>61266.77</v>
      </c>
      <c r="K174" s="53">
        <v>61267.77</v>
      </c>
      <c r="L174" s="53">
        <v>61266.77</v>
      </c>
      <c r="M174" s="53">
        <v>61267.77</v>
      </c>
      <c r="N174" s="53">
        <v>730004.1</v>
      </c>
      <c r="O174" s="53">
        <v>58674.7</v>
      </c>
      <c r="P174" s="53">
        <v>58661.7</v>
      </c>
      <c r="Q174" s="53">
        <v>61265.77</v>
      </c>
      <c r="R174" s="53">
        <v>61265.77</v>
      </c>
      <c r="S174" s="53">
        <v>61266.77</v>
      </c>
      <c r="T174" s="53">
        <v>61265.77</v>
      </c>
      <c r="U174" s="53">
        <v>61266.77</v>
      </c>
      <c r="V174" s="53">
        <v>61267.77</v>
      </c>
      <c r="W174" s="53">
        <v>61266.77</v>
      </c>
      <c r="X174" s="53">
        <v>61267.77</v>
      </c>
      <c r="Y174" s="53">
        <v>61266.77</v>
      </c>
      <c r="Z174" s="53">
        <v>61267.77</v>
      </c>
      <c r="AA174" s="53">
        <v>730004.1</v>
      </c>
      <c r="AB174" s="53">
        <v>58674.7</v>
      </c>
      <c r="AC174" s="53">
        <v>58661.7</v>
      </c>
      <c r="AD174" s="53">
        <v>61265.77</v>
      </c>
      <c r="AE174" s="53">
        <v>61265.77</v>
      </c>
      <c r="AF174" s="53">
        <v>61266.77</v>
      </c>
      <c r="AG174" s="53">
        <v>61265.77</v>
      </c>
      <c r="AH174" s="53">
        <v>61266.77</v>
      </c>
      <c r="AI174" s="53">
        <v>61267.77</v>
      </c>
      <c r="AJ174" s="53">
        <v>61266.77</v>
      </c>
      <c r="AK174" s="53">
        <v>61267.77</v>
      </c>
      <c r="AL174" s="53">
        <v>61266.77</v>
      </c>
      <c r="AM174" s="53">
        <v>61267.77</v>
      </c>
      <c r="AN174" s="53">
        <v>730004.1</v>
      </c>
      <c r="AO174" s="53">
        <v>58674.7</v>
      </c>
      <c r="AP174" s="53">
        <v>58661.7</v>
      </c>
      <c r="AQ174" s="53">
        <v>61265.77</v>
      </c>
      <c r="AR174" s="53">
        <v>61265.77</v>
      </c>
      <c r="AS174" s="53">
        <v>61266.77</v>
      </c>
      <c r="AT174" s="53">
        <v>61265.77</v>
      </c>
      <c r="AU174" s="53">
        <v>61266.77</v>
      </c>
      <c r="AV174" s="53">
        <v>61267.77</v>
      </c>
      <c r="AW174" s="53">
        <v>61266.77</v>
      </c>
      <c r="AX174" s="53">
        <v>61267.77</v>
      </c>
      <c r="AY174" s="53">
        <v>61266.77</v>
      </c>
      <c r="AZ174" s="53">
        <v>61267.77</v>
      </c>
      <c r="BA174" s="53">
        <v>730004.1</v>
      </c>
    </row>
    <row r="175" spans="1:53">
      <c r="A175" s="52" t="s">
        <v>970</v>
      </c>
      <c r="B175" s="53">
        <v>0</v>
      </c>
      <c r="C175" s="53">
        <v>0</v>
      </c>
      <c r="D175" s="53">
        <v>0</v>
      </c>
      <c r="E175" s="53">
        <v>0</v>
      </c>
      <c r="F175" s="53">
        <v>0</v>
      </c>
      <c r="G175" s="53">
        <v>0</v>
      </c>
      <c r="H175" s="53">
        <v>0</v>
      </c>
      <c r="I175" s="53">
        <v>0</v>
      </c>
      <c r="J175" s="53">
        <v>0</v>
      </c>
      <c r="K175" s="53">
        <v>0</v>
      </c>
      <c r="L175" s="53">
        <v>0</v>
      </c>
      <c r="M175" s="53">
        <v>0</v>
      </c>
      <c r="N175" s="53">
        <v>0</v>
      </c>
      <c r="O175" s="53">
        <v>0</v>
      </c>
      <c r="P175" s="53">
        <v>0</v>
      </c>
      <c r="Q175" s="53">
        <v>0</v>
      </c>
      <c r="R175" s="53">
        <v>0</v>
      </c>
      <c r="S175" s="53">
        <v>0</v>
      </c>
      <c r="T175" s="53">
        <v>0</v>
      </c>
      <c r="U175" s="53">
        <v>0</v>
      </c>
      <c r="V175" s="53">
        <v>0</v>
      </c>
      <c r="W175" s="53">
        <v>0</v>
      </c>
      <c r="X175" s="53">
        <v>0</v>
      </c>
      <c r="Y175" s="53">
        <v>0</v>
      </c>
      <c r="Z175" s="53">
        <v>0</v>
      </c>
      <c r="AA175" s="53">
        <v>0</v>
      </c>
      <c r="AB175" s="53">
        <v>0</v>
      </c>
      <c r="AC175" s="53">
        <v>0</v>
      </c>
      <c r="AD175" s="53">
        <v>0</v>
      </c>
      <c r="AE175" s="53">
        <v>0</v>
      </c>
      <c r="AF175" s="53">
        <v>0</v>
      </c>
      <c r="AG175" s="53">
        <v>0</v>
      </c>
      <c r="AH175" s="53">
        <v>0</v>
      </c>
      <c r="AI175" s="53">
        <v>0</v>
      </c>
      <c r="AJ175" s="53">
        <v>0</v>
      </c>
      <c r="AK175" s="53">
        <v>0</v>
      </c>
      <c r="AL175" s="53">
        <v>0</v>
      </c>
      <c r="AM175" s="53">
        <v>0</v>
      </c>
      <c r="AN175" s="53">
        <v>0</v>
      </c>
      <c r="AO175" s="53">
        <v>0</v>
      </c>
      <c r="AP175" s="53">
        <v>0</v>
      </c>
      <c r="AQ175" s="53">
        <v>0</v>
      </c>
      <c r="AR175" s="53">
        <v>0</v>
      </c>
      <c r="AS175" s="53">
        <v>0</v>
      </c>
      <c r="AT175" s="53">
        <v>0</v>
      </c>
      <c r="AU175" s="53">
        <v>0</v>
      </c>
      <c r="AV175" s="53">
        <v>0</v>
      </c>
      <c r="AW175" s="53">
        <v>0</v>
      </c>
      <c r="AX175" s="53">
        <v>0</v>
      </c>
      <c r="AY175" s="53">
        <v>0</v>
      </c>
      <c r="AZ175" s="53">
        <v>0</v>
      </c>
      <c r="BA175" s="53">
        <v>0</v>
      </c>
    </row>
    <row r="176" spans="1:53">
      <c r="A176" s="52" t="s">
        <v>971</v>
      </c>
      <c r="B176" s="53">
        <v>0</v>
      </c>
      <c r="C176" s="53">
        <v>0</v>
      </c>
      <c r="D176" s="53">
        <v>0</v>
      </c>
      <c r="E176" s="53">
        <v>0</v>
      </c>
      <c r="F176" s="53">
        <v>0</v>
      </c>
      <c r="G176" s="53">
        <v>0</v>
      </c>
      <c r="H176" s="53">
        <v>0</v>
      </c>
      <c r="I176" s="53">
        <v>0</v>
      </c>
      <c r="J176" s="53">
        <v>0</v>
      </c>
      <c r="K176" s="53">
        <v>0</v>
      </c>
      <c r="L176" s="53">
        <v>0</v>
      </c>
      <c r="M176" s="53">
        <v>0</v>
      </c>
      <c r="N176" s="53">
        <v>0</v>
      </c>
      <c r="O176" s="53">
        <v>0</v>
      </c>
      <c r="P176" s="53">
        <v>0</v>
      </c>
      <c r="Q176" s="53">
        <v>0</v>
      </c>
      <c r="R176" s="53">
        <v>0</v>
      </c>
      <c r="S176" s="53">
        <v>0</v>
      </c>
      <c r="T176" s="53">
        <v>0</v>
      </c>
      <c r="U176" s="53">
        <v>0</v>
      </c>
      <c r="V176" s="53">
        <v>0</v>
      </c>
      <c r="W176" s="53">
        <v>0</v>
      </c>
      <c r="X176" s="53">
        <v>0</v>
      </c>
      <c r="Y176" s="53">
        <v>0</v>
      </c>
      <c r="Z176" s="53">
        <v>0</v>
      </c>
      <c r="AA176" s="53">
        <v>0</v>
      </c>
      <c r="AB176" s="53">
        <v>0</v>
      </c>
      <c r="AC176" s="53">
        <v>0</v>
      </c>
      <c r="AD176" s="53">
        <v>0</v>
      </c>
      <c r="AE176" s="53">
        <v>0</v>
      </c>
      <c r="AF176" s="53">
        <v>0</v>
      </c>
      <c r="AG176" s="53">
        <v>0</v>
      </c>
      <c r="AH176" s="53">
        <v>0</v>
      </c>
      <c r="AI176" s="53">
        <v>0</v>
      </c>
      <c r="AJ176" s="53">
        <v>0</v>
      </c>
      <c r="AK176" s="53">
        <v>0</v>
      </c>
      <c r="AL176" s="53">
        <v>0</v>
      </c>
      <c r="AM176" s="53">
        <v>0</v>
      </c>
      <c r="AN176" s="53">
        <v>0</v>
      </c>
      <c r="AO176" s="53">
        <v>0</v>
      </c>
      <c r="AP176" s="53">
        <v>0</v>
      </c>
      <c r="AQ176" s="53">
        <v>0</v>
      </c>
      <c r="AR176" s="53">
        <v>0</v>
      </c>
      <c r="AS176" s="53">
        <v>0</v>
      </c>
      <c r="AT176" s="53">
        <v>0</v>
      </c>
      <c r="AU176" s="53">
        <v>0</v>
      </c>
      <c r="AV176" s="53">
        <v>0</v>
      </c>
      <c r="AW176" s="53">
        <v>0</v>
      </c>
      <c r="AX176" s="53">
        <v>0</v>
      </c>
      <c r="AY176" s="53">
        <v>0</v>
      </c>
      <c r="AZ176" s="53">
        <v>0</v>
      </c>
      <c r="BA176" s="53">
        <v>0</v>
      </c>
    </row>
    <row r="177" spans="1:53">
      <c r="A177" s="52" t="s">
        <v>972</v>
      </c>
      <c r="B177" s="53">
        <v>0</v>
      </c>
      <c r="C177" s="53">
        <v>0</v>
      </c>
      <c r="D177" s="53">
        <v>0</v>
      </c>
      <c r="E177" s="53">
        <v>0</v>
      </c>
      <c r="F177" s="53">
        <v>0</v>
      </c>
      <c r="G177" s="53">
        <v>0</v>
      </c>
      <c r="H177" s="53">
        <v>0</v>
      </c>
      <c r="I177" s="53">
        <v>0</v>
      </c>
      <c r="J177" s="53">
        <v>0</v>
      </c>
      <c r="K177" s="53">
        <v>0</v>
      </c>
      <c r="L177" s="53">
        <v>0</v>
      </c>
      <c r="M177" s="53">
        <v>0</v>
      </c>
      <c r="N177" s="53">
        <v>0</v>
      </c>
      <c r="O177" s="53">
        <v>0</v>
      </c>
      <c r="P177" s="53">
        <v>0</v>
      </c>
      <c r="Q177" s="53">
        <v>0</v>
      </c>
      <c r="R177" s="53">
        <v>0</v>
      </c>
      <c r="S177" s="53">
        <v>0</v>
      </c>
      <c r="T177" s="53">
        <v>0</v>
      </c>
      <c r="U177" s="53">
        <v>0</v>
      </c>
      <c r="V177" s="53">
        <v>0</v>
      </c>
      <c r="W177" s="53">
        <v>0</v>
      </c>
      <c r="X177" s="53">
        <v>0</v>
      </c>
      <c r="Y177" s="53">
        <v>0</v>
      </c>
      <c r="Z177" s="53">
        <v>0</v>
      </c>
      <c r="AA177" s="53">
        <v>0</v>
      </c>
      <c r="AB177" s="53">
        <v>0</v>
      </c>
      <c r="AC177" s="53">
        <v>0</v>
      </c>
      <c r="AD177" s="53">
        <v>0</v>
      </c>
      <c r="AE177" s="53">
        <v>0</v>
      </c>
      <c r="AF177" s="53">
        <v>0</v>
      </c>
      <c r="AG177" s="53">
        <v>0</v>
      </c>
      <c r="AH177" s="53">
        <v>0</v>
      </c>
      <c r="AI177" s="53">
        <v>0</v>
      </c>
      <c r="AJ177" s="53">
        <v>0</v>
      </c>
      <c r="AK177" s="53">
        <v>0</v>
      </c>
      <c r="AL177" s="53">
        <v>0</v>
      </c>
      <c r="AM177" s="53">
        <v>0</v>
      </c>
      <c r="AN177" s="53">
        <v>0</v>
      </c>
      <c r="AO177" s="53">
        <v>0</v>
      </c>
      <c r="AP177" s="53">
        <v>0</v>
      </c>
      <c r="AQ177" s="53">
        <v>0</v>
      </c>
      <c r="AR177" s="53">
        <v>0</v>
      </c>
      <c r="AS177" s="53">
        <v>0</v>
      </c>
      <c r="AT177" s="53">
        <v>0</v>
      </c>
      <c r="AU177" s="53">
        <v>0</v>
      </c>
      <c r="AV177" s="53">
        <v>0</v>
      </c>
      <c r="AW177" s="53">
        <v>0</v>
      </c>
      <c r="AX177" s="53">
        <v>0</v>
      </c>
      <c r="AY177" s="53">
        <v>0</v>
      </c>
      <c r="AZ177" s="53">
        <v>0</v>
      </c>
      <c r="BA177" s="53">
        <v>0</v>
      </c>
    </row>
    <row r="178" spans="1:53">
      <c r="A178" s="52" t="s">
        <v>973</v>
      </c>
      <c r="B178" s="53">
        <v>0</v>
      </c>
      <c r="C178" s="53">
        <v>0</v>
      </c>
      <c r="D178" s="53">
        <v>0</v>
      </c>
      <c r="E178" s="53">
        <v>0</v>
      </c>
      <c r="F178" s="53">
        <v>0</v>
      </c>
      <c r="G178" s="53">
        <v>0</v>
      </c>
      <c r="H178" s="53">
        <v>0</v>
      </c>
      <c r="I178" s="53">
        <v>0</v>
      </c>
      <c r="J178" s="53">
        <v>0</v>
      </c>
      <c r="K178" s="53">
        <v>0</v>
      </c>
      <c r="L178" s="53">
        <v>0</v>
      </c>
      <c r="M178" s="53">
        <v>0</v>
      </c>
      <c r="N178" s="53">
        <v>0</v>
      </c>
      <c r="O178" s="53">
        <v>0</v>
      </c>
      <c r="P178" s="53">
        <v>0</v>
      </c>
      <c r="Q178" s="53">
        <v>0</v>
      </c>
      <c r="R178" s="53">
        <v>0</v>
      </c>
      <c r="S178" s="53">
        <v>0</v>
      </c>
      <c r="T178" s="53">
        <v>0</v>
      </c>
      <c r="U178" s="53">
        <v>0</v>
      </c>
      <c r="V178" s="53">
        <v>0</v>
      </c>
      <c r="W178" s="53">
        <v>0</v>
      </c>
      <c r="X178" s="53">
        <v>0</v>
      </c>
      <c r="Y178" s="53">
        <v>0</v>
      </c>
      <c r="Z178" s="53">
        <v>0</v>
      </c>
      <c r="AA178" s="53">
        <v>0</v>
      </c>
      <c r="AB178" s="53">
        <v>0</v>
      </c>
      <c r="AC178" s="53">
        <v>0</v>
      </c>
      <c r="AD178" s="53">
        <v>0</v>
      </c>
      <c r="AE178" s="53">
        <v>0</v>
      </c>
      <c r="AF178" s="53">
        <v>0</v>
      </c>
      <c r="AG178" s="53">
        <v>0</v>
      </c>
      <c r="AH178" s="53">
        <v>0</v>
      </c>
      <c r="AI178" s="53">
        <v>0</v>
      </c>
      <c r="AJ178" s="53">
        <v>0</v>
      </c>
      <c r="AK178" s="53">
        <v>0</v>
      </c>
      <c r="AL178" s="53">
        <v>0</v>
      </c>
      <c r="AM178" s="53">
        <v>0</v>
      </c>
      <c r="AN178" s="53">
        <v>0</v>
      </c>
      <c r="AO178" s="53">
        <v>0</v>
      </c>
      <c r="AP178" s="53">
        <v>0</v>
      </c>
      <c r="AQ178" s="53">
        <v>0</v>
      </c>
      <c r="AR178" s="53">
        <v>0</v>
      </c>
      <c r="AS178" s="53">
        <v>0</v>
      </c>
      <c r="AT178" s="53">
        <v>0</v>
      </c>
      <c r="AU178" s="53">
        <v>0</v>
      </c>
      <c r="AV178" s="53">
        <v>0</v>
      </c>
      <c r="AW178" s="53">
        <v>0</v>
      </c>
      <c r="AX178" s="53">
        <v>0</v>
      </c>
      <c r="AY178" s="53">
        <v>0</v>
      </c>
      <c r="AZ178" s="53">
        <v>0</v>
      </c>
      <c r="BA178" s="53">
        <v>0</v>
      </c>
    </row>
    <row r="179" spans="1:53">
      <c r="A179" s="52" t="s">
        <v>974</v>
      </c>
      <c r="B179" s="53">
        <v>0</v>
      </c>
      <c r="C179" s="53">
        <v>0</v>
      </c>
      <c r="D179" s="53">
        <v>0</v>
      </c>
      <c r="E179" s="53">
        <v>0</v>
      </c>
      <c r="F179" s="53">
        <v>0</v>
      </c>
      <c r="G179" s="53">
        <v>0</v>
      </c>
      <c r="H179" s="53">
        <v>0</v>
      </c>
      <c r="I179" s="53">
        <v>0</v>
      </c>
      <c r="J179" s="53">
        <v>0</v>
      </c>
      <c r="K179" s="53">
        <v>0</v>
      </c>
      <c r="L179" s="53">
        <v>0</v>
      </c>
      <c r="M179" s="53">
        <v>0</v>
      </c>
      <c r="N179" s="53">
        <v>0</v>
      </c>
      <c r="O179" s="53">
        <v>0</v>
      </c>
      <c r="P179" s="53">
        <v>0</v>
      </c>
      <c r="Q179" s="53">
        <v>0</v>
      </c>
      <c r="R179" s="53">
        <v>0</v>
      </c>
      <c r="S179" s="53">
        <v>0</v>
      </c>
      <c r="T179" s="53">
        <v>0</v>
      </c>
      <c r="U179" s="53">
        <v>0</v>
      </c>
      <c r="V179" s="53">
        <v>0</v>
      </c>
      <c r="W179" s="53">
        <v>0</v>
      </c>
      <c r="X179" s="53">
        <v>0</v>
      </c>
      <c r="Y179" s="53">
        <v>0</v>
      </c>
      <c r="Z179" s="53">
        <v>0</v>
      </c>
      <c r="AA179" s="53">
        <v>0</v>
      </c>
      <c r="AB179" s="53">
        <v>0</v>
      </c>
      <c r="AC179" s="53">
        <v>0</v>
      </c>
      <c r="AD179" s="53">
        <v>0</v>
      </c>
      <c r="AE179" s="53">
        <v>0</v>
      </c>
      <c r="AF179" s="53">
        <v>0</v>
      </c>
      <c r="AG179" s="53">
        <v>0</v>
      </c>
      <c r="AH179" s="53">
        <v>0</v>
      </c>
      <c r="AI179" s="53">
        <v>0</v>
      </c>
      <c r="AJ179" s="53">
        <v>0</v>
      </c>
      <c r="AK179" s="53">
        <v>0</v>
      </c>
      <c r="AL179" s="53">
        <v>0</v>
      </c>
      <c r="AM179" s="53">
        <v>0</v>
      </c>
      <c r="AN179" s="53">
        <v>0</v>
      </c>
      <c r="AO179" s="53">
        <v>0</v>
      </c>
      <c r="AP179" s="53">
        <v>0</v>
      </c>
      <c r="AQ179" s="53">
        <v>0</v>
      </c>
      <c r="AR179" s="53">
        <v>0</v>
      </c>
      <c r="AS179" s="53">
        <v>0</v>
      </c>
      <c r="AT179" s="53">
        <v>0</v>
      </c>
      <c r="AU179" s="53">
        <v>0</v>
      </c>
      <c r="AV179" s="53">
        <v>0</v>
      </c>
      <c r="AW179" s="53">
        <v>0</v>
      </c>
      <c r="AX179" s="53">
        <v>0</v>
      </c>
      <c r="AY179" s="53">
        <v>0</v>
      </c>
      <c r="AZ179" s="53">
        <v>0</v>
      </c>
      <c r="BA179" s="53">
        <v>0</v>
      </c>
    </row>
    <row r="180" spans="1:53">
      <c r="A180" s="52" t="s">
        <v>975</v>
      </c>
      <c r="B180" s="53">
        <v>0</v>
      </c>
      <c r="C180" s="53">
        <v>0</v>
      </c>
      <c r="D180" s="53">
        <v>0</v>
      </c>
      <c r="E180" s="53">
        <v>0</v>
      </c>
      <c r="F180" s="53">
        <v>0</v>
      </c>
      <c r="G180" s="53">
        <v>0</v>
      </c>
      <c r="H180" s="53">
        <v>0</v>
      </c>
      <c r="I180" s="53">
        <v>0</v>
      </c>
      <c r="J180" s="53">
        <v>0</v>
      </c>
      <c r="K180" s="53">
        <v>0</v>
      </c>
      <c r="L180" s="53">
        <v>0</v>
      </c>
      <c r="M180" s="53">
        <v>0</v>
      </c>
      <c r="N180" s="53">
        <v>0</v>
      </c>
      <c r="O180" s="53">
        <v>0</v>
      </c>
      <c r="P180" s="53">
        <v>0</v>
      </c>
      <c r="Q180" s="53">
        <v>0</v>
      </c>
      <c r="R180" s="53">
        <v>0</v>
      </c>
      <c r="S180" s="53">
        <v>0</v>
      </c>
      <c r="T180" s="53">
        <v>0</v>
      </c>
      <c r="U180" s="53">
        <v>0</v>
      </c>
      <c r="V180" s="53">
        <v>0</v>
      </c>
      <c r="W180" s="53">
        <v>0</v>
      </c>
      <c r="X180" s="53">
        <v>0</v>
      </c>
      <c r="Y180" s="53">
        <v>0</v>
      </c>
      <c r="Z180" s="53">
        <v>0</v>
      </c>
      <c r="AA180" s="53">
        <v>0</v>
      </c>
      <c r="AB180" s="53">
        <v>0</v>
      </c>
      <c r="AC180" s="53">
        <v>0</v>
      </c>
      <c r="AD180" s="53">
        <v>0</v>
      </c>
      <c r="AE180" s="53">
        <v>0</v>
      </c>
      <c r="AF180" s="53">
        <v>0</v>
      </c>
      <c r="AG180" s="53">
        <v>0</v>
      </c>
      <c r="AH180" s="53">
        <v>0</v>
      </c>
      <c r="AI180" s="53">
        <v>0</v>
      </c>
      <c r="AJ180" s="53">
        <v>0</v>
      </c>
      <c r="AK180" s="53">
        <v>0</v>
      </c>
      <c r="AL180" s="53">
        <v>0</v>
      </c>
      <c r="AM180" s="53">
        <v>0</v>
      </c>
      <c r="AN180" s="53">
        <v>0</v>
      </c>
      <c r="AO180" s="53">
        <v>0</v>
      </c>
      <c r="AP180" s="53">
        <v>0</v>
      </c>
      <c r="AQ180" s="53">
        <v>0</v>
      </c>
      <c r="AR180" s="53">
        <v>0</v>
      </c>
      <c r="AS180" s="53">
        <v>0</v>
      </c>
      <c r="AT180" s="53">
        <v>0</v>
      </c>
      <c r="AU180" s="53">
        <v>0</v>
      </c>
      <c r="AV180" s="53">
        <v>0</v>
      </c>
      <c r="AW180" s="53">
        <v>0</v>
      </c>
      <c r="AX180" s="53">
        <v>0</v>
      </c>
      <c r="AY180" s="53">
        <v>0</v>
      </c>
      <c r="AZ180" s="53">
        <v>0</v>
      </c>
      <c r="BA180" s="53">
        <v>0</v>
      </c>
    </row>
    <row r="181" spans="1:53">
      <c r="A181" s="52" t="s">
        <v>976</v>
      </c>
      <c r="B181" s="53">
        <v>0</v>
      </c>
      <c r="C181" s="53">
        <v>0</v>
      </c>
      <c r="D181" s="53">
        <v>0</v>
      </c>
      <c r="E181" s="53">
        <v>0</v>
      </c>
      <c r="F181" s="53">
        <v>0</v>
      </c>
      <c r="G181" s="53">
        <v>0</v>
      </c>
      <c r="H181" s="53">
        <v>0</v>
      </c>
      <c r="I181" s="53">
        <v>0</v>
      </c>
      <c r="J181" s="53">
        <v>0</v>
      </c>
      <c r="K181" s="53">
        <v>0</v>
      </c>
      <c r="L181" s="53">
        <v>0</v>
      </c>
      <c r="M181" s="53">
        <v>0</v>
      </c>
      <c r="N181" s="53">
        <v>0</v>
      </c>
      <c r="O181" s="53">
        <v>0</v>
      </c>
      <c r="P181" s="53">
        <v>0</v>
      </c>
      <c r="Q181" s="53">
        <v>0</v>
      </c>
      <c r="R181" s="53">
        <v>0</v>
      </c>
      <c r="S181" s="53">
        <v>0</v>
      </c>
      <c r="T181" s="53">
        <v>0</v>
      </c>
      <c r="U181" s="53">
        <v>0</v>
      </c>
      <c r="V181" s="53">
        <v>0</v>
      </c>
      <c r="W181" s="53">
        <v>0</v>
      </c>
      <c r="X181" s="53">
        <v>0</v>
      </c>
      <c r="Y181" s="53">
        <v>0</v>
      </c>
      <c r="Z181" s="53">
        <v>0</v>
      </c>
      <c r="AA181" s="53">
        <v>0</v>
      </c>
      <c r="AB181" s="53">
        <v>0</v>
      </c>
      <c r="AC181" s="53">
        <v>0</v>
      </c>
      <c r="AD181" s="53">
        <v>0</v>
      </c>
      <c r="AE181" s="53">
        <v>0</v>
      </c>
      <c r="AF181" s="53">
        <v>0</v>
      </c>
      <c r="AG181" s="53">
        <v>0</v>
      </c>
      <c r="AH181" s="53">
        <v>0</v>
      </c>
      <c r="AI181" s="53">
        <v>0</v>
      </c>
      <c r="AJ181" s="53">
        <v>0</v>
      </c>
      <c r="AK181" s="53">
        <v>0</v>
      </c>
      <c r="AL181" s="53">
        <v>0</v>
      </c>
      <c r="AM181" s="53">
        <v>0</v>
      </c>
      <c r="AN181" s="53">
        <v>0</v>
      </c>
      <c r="AO181" s="53">
        <v>0</v>
      </c>
      <c r="AP181" s="53">
        <v>0</v>
      </c>
      <c r="AQ181" s="53">
        <v>0</v>
      </c>
      <c r="AR181" s="53">
        <v>0</v>
      </c>
      <c r="AS181" s="53">
        <v>0</v>
      </c>
      <c r="AT181" s="53">
        <v>0</v>
      </c>
      <c r="AU181" s="53">
        <v>0</v>
      </c>
      <c r="AV181" s="53">
        <v>0</v>
      </c>
      <c r="AW181" s="53">
        <v>0</v>
      </c>
      <c r="AX181" s="53">
        <v>0</v>
      </c>
      <c r="AY181" s="53">
        <v>0</v>
      </c>
      <c r="AZ181" s="53">
        <v>0</v>
      </c>
      <c r="BA181" s="53">
        <v>0</v>
      </c>
    </row>
    <row r="182" spans="1:53">
      <c r="A182" s="52" t="s">
        <v>977</v>
      </c>
      <c r="B182" s="53">
        <v>0</v>
      </c>
      <c r="C182" s="53">
        <v>0</v>
      </c>
      <c r="D182" s="53">
        <v>0</v>
      </c>
      <c r="E182" s="53">
        <v>0</v>
      </c>
      <c r="F182" s="53">
        <v>0</v>
      </c>
      <c r="G182" s="53">
        <v>0</v>
      </c>
      <c r="H182" s="53">
        <v>0</v>
      </c>
      <c r="I182" s="53">
        <v>0</v>
      </c>
      <c r="J182" s="53">
        <v>0</v>
      </c>
      <c r="K182" s="53">
        <v>0</v>
      </c>
      <c r="L182" s="53">
        <v>0</v>
      </c>
      <c r="M182" s="53">
        <v>0</v>
      </c>
      <c r="N182" s="53">
        <v>0</v>
      </c>
      <c r="O182" s="53">
        <v>0</v>
      </c>
      <c r="P182" s="53">
        <v>0</v>
      </c>
      <c r="Q182" s="53">
        <v>0</v>
      </c>
      <c r="R182" s="53">
        <v>0</v>
      </c>
      <c r="S182" s="53">
        <v>0</v>
      </c>
      <c r="T182" s="53">
        <v>0</v>
      </c>
      <c r="U182" s="53">
        <v>0</v>
      </c>
      <c r="V182" s="53">
        <v>0</v>
      </c>
      <c r="W182" s="53">
        <v>0</v>
      </c>
      <c r="X182" s="53">
        <v>0</v>
      </c>
      <c r="Y182" s="53">
        <v>0</v>
      </c>
      <c r="Z182" s="53">
        <v>0</v>
      </c>
      <c r="AA182" s="53">
        <v>0</v>
      </c>
      <c r="AB182" s="53">
        <v>0</v>
      </c>
      <c r="AC182" s="53">
        <v>0</v>
      </c>
      <c r="AD182" s="53">
        <v>0</v>
      </c>
      <c r="AE182" s="53">
        <v>0</v>
      </c>
      <c r="AF182" s="53">
        <v>0</v>
      </c>
      <c r="AG182" s="53">
        <v>0</v>
      </c>
      <c r="AH182" s="53">
        <v>0</v>
      </c>
      <c r="AI182" s="53">
        <v>0</v>
      </c>
      <c r="AJ182" s="53">
        <v>0</v>
      </c>
      <c r="AK182" s="53">
        <v>0</v>
      </c>
      <c r="AL182" s="53">
        <v>0</v>
      </c>
      <c r="AM182" s="53">
        <v>0</v>
      </c>
      <c r="AN182" s="53">
        <v>0</v>
      </c>
      <c r="AO182" s="53">
        <v>0</v>
      </c>
      <c r="AP182" s="53">
        <v>0</v>
      </c>
      <c r="AQ182" s="53">
        <v>0</v>
      </c>
      <c r="AR182" s="53">
        <v>0</v>
      </c>
      <c r="AS182" s="53">
        <v>0</v>
      </c>
      <c r="AT182" s="53">
        <v>0</v>
      </c>
      <c r="AU182" s="53">
        <v>0</v>
      </c>
      <c r="AV182" s="53">
        <v>0</v>
      </c>
      <c r="AW182" s="53">
        <v>0</v>
      </c>
      <c r="AX182" s="53">
        <v>0</v>
      </c>
      <c r="AY182" s="53">
        <v>0</v>
      </c>
      <c r="AZ182" s="53">
        <v>0</v>
      </c>
      <c r="BA182" s="53">
        <v>0</v>
      </c>
    </row>
    <row r="183" spans="1:53">
      <c r="A183" s="236" t="s">
        <v>978</v>
      </c>
      <c r="B183" s="53">
        <v>58674.7</v>
      </c>
      <c r="C183" s="53">
        <v>58661.7</v>
      </c>
      <c r="D183" s="53">
        <v>61265.77</v>
      </c>
      <c r="E183" s="53">
        <v>61265.77</v>
      </c>
      <c r="F183" s="53">
        <v>61266.77</v>
      </c>
      <c r="G183" s="53">
        <v>61265.77</v>
      </c>
      <c r="H183" s="53">
        <v>61266.77</v>
      </c>
      <c r="I183" s="53">
        <v>61267.77</v>
      </c>
      <c r="J183" s="53">
        <v>61266.77</v>
      </c>
      <c r="K183" s="53">
        <v>61267.77</v>
      </c>
      <c r="L183" s="53">
        <v>61266.77</v>
      </c>
      <c r="M183" s="53">
        <v>61267.77</v>
      </c>
      <c r="N183" s="53">
        <v>730004.1</v>
      </c>
      <c r="O183" s="53">
        <v>58674.7</v>
      </c>
      <c r="P183" s="53">
        <v>58661.7</v>
      </c>
      <c r="Q183" s="53">
        <v>61265.77</v>
      </c>
      <c r="R183" s="53">
        <v>61265.77</v>
      </c>
      <c r="S183" s="53">
        <v>61266.77</v>
      </c>
      <c r="T183" s="53">
        <v>61265.77</v>
      </c>
      <c r="U183" s="53">
        <v>61266.77</v>
      </c>
      <c r="V183" s="53">
        <v>61267.77</v>
      </c>
      <c r="W183" s="53">
        <v>61266.77</v>
      </c>
      <c r="X183" s="53">
        <v>61267.77</v>
      </c>
      <c r="Y183" s="53">
        <v>61266.77</v>
      </c>
      <c r="Z183" s="53">
        <v>61267.77</v>
      </c>
      <c r="AA183" s="53">
        <v>730004.1</v>
      </c>
      <c r="AB183" s="53">
        <v>58674.7</v>
      </c>
      <c r="AC183" s="53">
        <v>58661.7</v>
      </c>
      <c r="AD183" s="53">
        <v>61265.77</v>
      </c>
      <c r="AE183" s="53">
        <v>61265.77</v>
      </c>
      <c r="AF183" s="53">
        <v>61266.77</v>
      </c>
      <c r="AG183" s="53">
        <v>61265.77</v>
      </c>
      <c r="AH183" s="53">
        <v>61266.77</v>
      </c>
      <c r="AI183" s="53">
        <v>61267.77</v>
      </c>
      <c r="AJ183" s="53">
        <v>61266.77</v>
      </c>
      <c r="AK183" s="53">
        <v>61267.77</v>
      </c>
      <c r="AL183" s="53">
        <v>61266.77</v>
      </c>
      <c r="AM183" s="53">
        <v>61267.77</v>
      </c>
      <c r="AN183" s="53">
        <v>730004.1</v>
      </c>
      <c r="AO183" s="53">
        <v>58674.7</v>
      </c>
      <c r="AP183" s="53">
        <v>58661.7</v>
      </c>
      <c r="AQ183" s="53">
        <v>61265.77</v>
      </c>
      <c r="AR183" s="53">
        <v>61265.77</v>
      </c>
      <c r="AS183" s="53">
        <v>61266.77</v>
      </c>
      <c r="AT183" s="53">
        <v>61265.77</v>
      </c>
      <c r="AU183" s="53">
        <v>61266.77</v>
      </c>
      <c r="AV183" s="53">
        <v>61267.77</v>
      </c>
      <c r="AW183" s="53">
        <v>61266.77</v>
      </c>
      <c r="AX183" s="53">
        <v>61267.77</v>
      </c>
      <c r="AY183" s="53">
        <v>61266.77</v>
      </c>
      <c r="AZ183" s="53">
        <v>61267.77</v>
      </c>
      <c r="BA183" s="53">
        <v>730004.1</v>
      </c>
    </row>
    <row r="184" spans="1:53">
      <c r="A184" s="236" t="s">
        <v>979</v>
      </c>
      <c r="B184" s="53">
        <v>15243997.4722383</v>
      </c>
      <c r="C184" s="53">
        <v>14834888.3922382</v>
      </c>
      <c r="D184" s="53">
        <v>22341549.972238299</v>
      </c>
      <c r="E184" s="53">
        <v>17458892.102238301</v>
      </c>
      <c r="F184" s="53">
        <v>16651559.102238201</v>
      </c>
      <c r="G184" s="53">
        <v>11241235.9922383</v>
      </c>
      <c r="H184" s="53">
        <v>9252170.3622382991</v>
      </c>
      <c r="I184" s="53">
        <v>11069747.9622382</v>
      </c>
      <c r="J184" s="53">
        <v>12930311.092238201</v>
      </c>
      <c r="K184" s="53">
        <v>13620824.382238301</v>
      </c>
      <c r="L184" s="53">
        <v>14384745.8022383</v>
      </c>
      <c r="M184" s="53">
        <v>7741620.5922382995</v>
      </c>
      <c r="N184" s="53">
        <v>166771543.226859</v>
      </c>
      <c r="O184" s="53">
        <v>17591617.4043466</v>
      </c>
      <c r="P184" s="53">
        <v>13900753.3243466</v>
      </c>
      <c r="Q184" s="53">
        <v>16485830.9043466</v>
      </c>
      <c r="R184" s="53">
        <v>14192734.034346599</v>
      </c>
      <c r="S184" s="53">
        <v>17501892.034346599</v>
      </c>
      <c r="T184" s="53">
        <v>14639540.9243466</v>
      </c>
      <c r="U184" s="53">
        <v>14173119.294346601</v>
      </c>
      <c r="V184" s="53">
        <v>15185330.8943466</v>
      </c>
      <c r="W184" s="53">
        <v>15403942.024346599</v>
      </c>
      <c r="X184" s="53">
        <v>14857827.3143466</v>
      </c>
      <c r="Y184" s="53">
        <v>17581393.734346598</v>
      </c>
      <c r="Z184" s="53">
        <v>12388417.524346599</v>
      </c>
      <c r="AA184" s="53">
        <v>183902399.412159</v>
      </c>
      <c r="AB184" s="53">
        <v>17994852.568121601</v>
      </c>
      <c r="AC184" s="53">
        <v>14303988.488121601</v>
      </c>
      <c r="AD184" s="53">
        <v>16889066.068121601</v>
      </c>
      <c r="AE184" s="53">
        <v>14595969.1981216</v>
      </c>
      <c r="AF184" s="53">
        <v>17905127.1981216</v>
      </c>
      <c r="AG184" s="53">
        <v>15042776.0881216</v>
      </c>
      <c r="AH184" s="53">
        <v>14576354.4581216</v>
      </c>
      <c r="AI184" s="53">
        <v>15588566.058121599</v>
      </c>
      <c r="AJ184" s="53">
        <v>15807177.1881216</v>
      </c>
      <c r="AK184" s="53">
        <v>15261062.478121599</v>
      </c>
      <c r="AL184" s="53">
        <v>17984628.898121599</v>
      </c>
      <c r="AM184" s="53">
        <v>12791652.6881216</v>
      </c>
      <c r="AN184" s="53">
        <v>188741221.37745899</v>
      </c>
      <c r="AO184" s="53">
        <v>18299231.324058399</v>
      </c>
      <c r="AP184" s="53">
        <v>14608367.2440584</v>
      </c>
      <c r="AQ184" s="53">
        <v>17193444.824058399</v>
      </c>
      <c r="AR184" s="53">
        <v>14900347.954058399</v>
      </c>
      <c r="AS184" s="53">
        <v>18209505.954058401</v>
      </c>
      <c r="AT184" s="53">
        <v>15347154.8440584</v>
      </c>
      <c r="AU184" s="53">
        <v>14880733.214058399</v>
      </c>
      <c r="AV184" s="53">
        <v>15892944.814058401</v>
      </c>
      <c r="AW184" s="53">
        <v>16111555.9440584</v>
      </c>
      <c r="AX184" s="53">
        <v>15565441.234058401</v>
      </c>
      <c r="AY184" s="53">
        <v>18289007.654058401</v>
      </c>
      <c r="AZ184" s="53">
        <v>13096031.4440584</v>
      </c>
      <c r="BA184" s="53">
        <v>192393766.44870001</v>
      </c>
    </row>
    <row r="185" spans="1:53">
      <c r="A185" s="231" t="s">
        <v>980</v>
      </c>
      <c r="B185" s="53"/>
      <c r="C185" s="53"/>
      <c r="D185" s="53"/>
      <c r="E185" s="53"/>
      <c r="F185" s="53"/>
      <c r="G185" s="53"/>
      <c r="H185" s="53"/>
      <c r="I185" s="53"/>
      <c r="J185" s="53"/>
      <c r="K185" s="53"/>
      <c r="L185" s="53"/>
      <c r="M185" s="53"/>
      <c r="N185" s="53"/>
      <c r="O185" s="53"/>
      <c r="P185" s="53"/>
      <c r="Q185" s="53"/>
      <c r="R185" s="53"/>
      <c r="S185" s="53"/>
      <c r="T185" s="53"/>
      <c r="U185" s="53"/>
      <c r="V185" s="53"/>
      <c r="W185" s="53"/>
      <c r="X185" s="53"/>
      <c r="Y185" s="53"/>
      <c r="Z185" s="53"/>
      <c r="AA185" s="53"/>
      <c r="AB185" s="53"/>
      <c r="AC185" s="53"/>
      <c r="AD185" s="53"/>
      <c r="AE185" s="53"/>
      <c r="AF185" s="53"/>
      <c r="AG185" s="53"/>
      <c r="AH185" s="53"/>
      <c r="AI185" s="53"/>
      <c r="AJ185" s="53"/>
      <c r="AK185" s="53"/>
      <c r="AL185" s="53"/>
      <c r="AM185" s="53"/>
      <c r="AN185" s="53"/>
      <c r="AO185" s="53"/>
      <c r="AP185" s="53"/>
      <c r="AQ185" s="53"/>
      <c r="AR185" s="53"/>
      <c r="AS185" s="53"/>
      <c r="AT185" s="53"/>
      <c r="AU185" s="53"/>
      <c r="AV185" s="53"/>
      <c r="AW185" s="53"/>
      <c r="AX185" s="53"/>
      <c r="AY185" s="53"/>
      <c r="AZ185" s="53"/>
      <c r="BA185" s="53"/>
    </row>
    <row r="186" spans="1:53">
      <c r="A186" s="52" t="s">
        <v>981</v>
      </c>
      <c r="B186" s="53"/>
      <c r="C186" s="53"/>
      <c r="D186" s="53"/>
      <c r="E186" s="53"/>
      <c r="F186" s="53"/>
      <c r="G186" s="53"/>
      <c r="H186" s="53"/>
      <c r="I186" s="53"/>
      <c r="J186" s="53"/>
      <c r="K186" s="53"/>
      <c r="L186" s="53"/>
      <c r="M186" s="53"/>
      <c r="N186" s="53"/>
      <c r="O186" s="53"/>
      <c r="P186" s="53"/>
      <c r="Q186" s="53"/>
      <c r="R186" s="53"/>
      <c r="S186" s="53"/>
      <c r="T186" s="53"/>
      <c r="U186" s="53"/>
      <c r="V186" s="53"/>
      <c r="W186" s="53"/>
      <c r="X186" s="53"/>
      <c r="Y186" s="53"/>
      <c r="Z186" s="53"/>
      <c r="AA186" s="53"/>
      <c r="AB186" s="53"/>
      <c r="AC186" s="53"/>
      <c r="AD186" s="53"/>
      <c r="AE186" s="53"/>
      <c r="AF186" s="53"/>
      <c r="AG186" s="53"/>
      <c r="AH186" s="53"/>
      <c r="AI186" s="53"/>
      <c r="AJ186" s="53"/>
      <c r="AK186" s="53"/>
      <c r="AL186" s="53"/>
      <c r="AM186" s="53"/>
      <c r="AN186" s="53"/>
      <c r="AO186" s="53"/>
      <c r="AP186" s="53"/>
      <c r="AQ186" s="53"/>
      <c r="AR186" s="53"/>
      <c r="AS186" s="53"/>
      <c r="AT186" s="53"/>
      <c r="AU186" s="53"/>
      <c r="AV186" s="53"/>
      <c r="AW186" s="53"/>
      <c r="AX186" s="53"/>
      <c r="AY186" s="53"/>
      <c r="AZ186" s="53"/>
      <c r="BA186" s="53"/>
    </row>
    <row r="187" spans="1:53">
      <c r="A187" s="52" t="s">
        <v>982</v>
      </c>
      <c r="B187" s="53">
        <v>3307.5099999999902</v>
      </c>
      <c r="C187" s="53">
        <v>3307.5099999999902</v>
      </c>
      <c r="D187" s="53">
        <v>3423.2599999999902</v>
      </c>
      <c r="E187" s="53">
        <v>3423.2599999999902</v>
      </c>
      <c r="F187" s="53">
        <v>3423.2599999999902</v>
      </c>
      <c r="G187" s="53">
        <v>3423.2599999999902</v>
      </c>
      <c r="H187" s="53">
        <v>3423.2599999999902</v>
      </c>
      <c r="I187" s="53">
        <v>3423.2599999999902</v>
      </c>
      <c r="J187" s="53">
        <v>3423.2599999999902</v>
      </c>
      <c r="K187" s="53">
        <v>3423.2599999999902</v>
      </c>
      <c r="L187" s="53">
        <v>3423.2599999999902</v>
      </c>
      <c r="M187" s="53">
        <v>3423.2599999999902</v>
      </c>
      <c r="N187" s="53">
        <v>40847.619999999901</v>
      </c>
      <c r="O187" s="53">
        <v>3307.5099999999902</v>
      </c>
      <c r="P187" s="53">
        <v>3307.5099999999902</v>
      </c>
      <c r="Q187" s="53">
        <v>3423.2599999999902</v>
      </c>
      <c r="R187" s="53">
        <v>3423.2599999999902</v>
      </c>
      <c r="S187" s="53">
        <v>3423.2599999999902</v>
      </c>
      <c r="T187" s="53">
        <v>3423.2599999999902</v>
      </c>
      <c r="U187" s="53">
        <v>3423.2599999999902</v>
      </c>
      <c r="V187" s="53">
        <v>3423.2599999999902</v>
      </c>
      <c r="W187" s="53">
        <v>3423.2599999999902</v>
      </c>
      <c r="X187" s="53">
        <v>3423.2599999999902</v>
      </c>
      <c r="Y187" s="53">
        <v>3423.2599999999902</v>
      </c>
      <c r="Z187" s="53">
        <v>3423.2599999999902</v>
      </c>
      <c r="AA187" s="53">
        <v>40847.619999999901</v>
      </c>
      <c r="AB187" s="53">
        <v>3307.5099999999902</v>
      </c>
      <c r="AC187" s="53">
        <v>3307.5099999999902</v>
      </c>
      <c r="AD187" s="53">
        <v>3423.2599999999902</v>
      </c>
      <c r="AE187" s="53">
        <v>3423.2599999999902</v>
      </c>
      <c r="AF187" s="53">
        <v>3423.2599999999902</v>
      </c>
      <c r="AG187" s="53">
        <v>3423.2599999999902</v>
      </c>
      <c r="AH187" s="53">
        <v>3423.2599999999902</v>
      </c>
      <c r="AI187" s="53">
        <v>3423.2599999999902</v>
      </c>
      <c r="AJ187" s="53">
        <v>3423.2599999999902</v>
      </c>
      <c r="AK187" s="53">
        <v>3423.2599999999902</v>
      </c>
      <c r="AL187" s="53">
        <v>3423.2599999999902</v>
      </c>
      <c r="AM187" s="53">
        <v>3423.2599999999902</v>
      </c>
      <c r="AN187" s="53">
        <v>40847.619999999901</v>
      </c>
      <c r="AO187" s="53">
        <v>3307.5099999999902</v>
      </c>
      <c r="AP187" s="53">
        <v>3307.5099999999902</v>
      </c>
      <c r="AQ187" s="53">
        <v>3423.2599999999902</v>
      </c>
      <c r="AR187" s="53">
        <v>3423.2599999999902</v>
      </c>
      <c r="AS187" s="53">
        <v>3423.2599999999902</v>
      </c>
      <c r="AT187" s="53">
        <v>3423.2599999999902</v>
      </c>
      <c r="AU187" s="53">
        <v>3423.2599999999902</v>
      </c>
      <c r="AV187" s="53">
        <v>3423.2599999999902</v>
      </c>
      <c r="AW187" s="53">
        <v>3423.2599999999902</v>
      </c>
      <c r="AX187" s="53">
        <v>3423.2599999999902</v>
      </c>
      <c r="AY187" s="53">
        <v>3423.2599999999902</v>
      </c>
      <c r="AZ187" s="53">
        <v>3423.2599999999902</v>
      </c>
      <c r="BA187" s="53">
        <v>40847.619999999901</v>
      </c>
    </row>
    <row r="188" spans="1:53">
      <c r="A188" s="52" t="s">
        <v>983</v>
      </c>
      <c r="B188" s="53">
        <v>3307.5099999999902</v>
      </c>
      <c r="C188" s="53">
        <v>3307.5099999999902</v>
      </c>
      <c r="D188" s="53">
        <v>3423.2599999999902</v>
      </c>
      <c r="E188" s="53">
        <v>3423.2599999999902</v>
      </c>
      <c r="F188" s="53">
        <v>3423.2599999999902</v>
      </c>
      <c r="G188" s="53">
        <v>3423.2599999999902</v>
      </c>
      <c r="H188" s="53">
        <v>3423.2599999999902</v>
      </c>
      <c r="I188" s="53">
        <v>3423.2599999999902</v>
      </c>
      <c r="J188" s="53">
        <v>3423.2599999999902</v>
      </c>
      <c r="K188" s="53">
        <v>3423.2599999999902</v>
      </c>
      <c r="L188" s="53">
        <v>3423.2599999999902</v>
      </c>
      <c r="M188" s="53">
        <v>3423.2599999999902</v>
      </c>
      <c r="N188" s="53">
        <v>40847.619999999901</v>
      </c>
      <c r="O188" s="53">
        <v>3307.5099999999902</v>
      </c>
      <c r="P188" s="53">
        <v>3307.5099999999902</v>
      </c>
      <c r="Q188" s="53">
        <v>3423.2599999999902</v>
      </c>
      <c r="R188" s="53">
        <v>3423.2599999999902</v>
      </c>
      <c r="S188" s="53">
        <v>3423.2599999999902</v>
      </c>
      <c r="T188" s="53">
        <v>3423.2599999999902</v>
      </c>
      <c r="U188" s="53">
        <v>3423.2599999999902</v>
      </c>
      <c r="V188" s="53">
        <v>3423.2599999999902</v>
      </c>
      <c r="W188" s="53">
        <v>3423.2599999999902</v>
      </c>
      <c r="X188" s="53">
        <v>3423.2599999999902</v>
      </c>
      <c r="Y188" s="53">
        <v>3423.2599999999902</v>
      </c>
      <c r="Z188" s="53">
        <v>3423.2599999999902</v>
      </c>
      <c r="AA188" s="53">
        <v>40847.619999999901</v>
      </c>
      <c r="AB188" s="53">
        <v>3307.5099999999902</v>
      </c>
      <c r="AC188" s="53">
        <v>3307.5099999999902</v>
      </c>
      <c r="AD188" s="53">
        <v>3423.2599999999902</v>
      </c>
      <c r="AE188" s="53">
        <v>3423.2599999999902</v>
      </c>
      <c r="AF188" s="53">
        <v>3423.2599999999902</v>
      </c>
      <c r="AG188" s="53">
        <v>3423.2599999999902</v>
      </c>
      <c r="AH188" s="53">
        <v>3423.2599999999902</v>
      </c>
      <c r="AI188" s="53">
        <v>3423.2599999999902</v>
      </c>
      <c r="AJ188" s="53">
        <v>3423.2599999999902</v>
      </c>
      <c r="AK188" s="53">
        <v>3423.2599999999902</v>
      </c>
      <c r="AL188" s="53">
        <v>3423.2599999999902</v>
      </c>
      <c r="AM188" s="53">
        <v>3423.2599999999902</v>
      </c>
      <c r="AN188" s="53">
        <v>40847.619999999901</v>
      </c>
      <c r="AO188" s="53">
        <v>3307.5099999999902</v>
      </c>
      <c r="AP188" s="53">
        <v>3307.5099999999902</v>
      </c>
      <c r="AQ188" s="53">
        <v>3423.2599999999902</v>
      </c>
      <c r="AR188" s="53">
        <v>3423.2599999999902</v>
      </c>
      <c r="AS188" s="53">
        <v>3423.2599999999902</v>
      </c>
      <c r="AT188" s="53">
        <v>3423.2599999999902</v>
      </c>
      <c r="AU188" s="53">
        <v>3423.2599999999902</v>
      </c>
      <c r="AV188" s="53">
        <v>3423.2599999999902</v>
      </c>
      <c r="AW188" s="53">
        <v>3423.2599999999902</v>
      </c>
      <c r="AX188" s="53">
        <v>3423.2599999999902</v>
      </c>
      <c r="AY188" s="53">
        <v>3423.2599999999902</v>
      </c>
      <c r="AZ188" s="53">
        <v>3423.2599999999902</v>
      </c>
      <c r="BA188" s="53">
        <v>40847.619999999901</v>
      </c>
    </row>
    <row r="189" spans="1:53">
      <c r="A189" s="52" t="s">
        <v>984</v>
      </c>
      <c r="B189" s="53"/>
      <c r="C189" s="53"/>
      <c r="D189" s="53"/>
      <c r="E189" s="53"/>
      <c r="F189" s="53"/>
      <c r="G189" s="53"/>
      <c r="H189" s="53"/>
      <c r="I189" s="53"/>
      <c r="J189" s="53"/>
      <c r="K189" s="53"/>
      <c r="L189" s="53"/>
      <c r="M189" s="53"/>
      <c r="N189" s="53"/>
      <c r="O189" s="53"/>
      <c r="P189" s="53"/>
      <c r="Q189" s="53"/>
      <c r="R189" s="53"/>
      <c r="S189" s="53"/>
      <c r="T189" s="53"/>
      <c r="U189" s="53"/>
      <c r="V189" s="53"/>
      <c r="W189" s="53"/>
      <c r="X189" s="53"/>
      <c r="Y189" s="53"/>
      <c r="Z189" s="53"/>
      <c r="AA189" s="53"/>
      <c r="AB189" s="53"/>
      <c r="AC189" s="53"/>
      <c r="AD189" s="53"/>
      <c r="AE189" s="53"/>
      <c r="AF189" s="53"/>
      <c r="AG189" s="53"/>
      <c r="AH189" s="53"/>
      <c r="AI189" s="53"/>
      <c r="AJ189" s="53"/>
      <c r="AK189" s="53"/>
      <c r="AL189" s="53"/>
      <c r="AM189" s="53"/>
      <c r="AN189" s="53"/>
      <c r="AO189" s="53"/>
      <c r="AP189" s="53"/>
      <c r="AQ189" s="53"/>
      <c r="AR189" s="53"/>
      <c r="AS189" s="53"/>
      <c r="AT189" s="53"/>
      <c r="AU189" s="53"/>
      <c r="AV189" s="53"/>
      <c r="AW189" s="53"/>
      <c r="AX189" s="53"/>
      <c r="AY189" s="53"/>
      <c r="AZ189" s="53"/>
      <c r="BA189" s="53"/>
    </row>
    <row r="190" spans="1:53">
      <c r="A190" s="234" t="s">
        <v>985</v>
      </c>
      <c r="B190" s="53">
        <v>58362.088036496199</v>
      </c>
      <c r="C190" s="53">
        <v>58362.088036496199</v>
      </c>
      <c r="D190" s="53">
        <v>58362.088036496199</v>
      </c>
      <c r="E190" s="53">
        <v>58362.088036496199</v>
      </c>
      <c r="F190" s="53">
        <v>58362.088036496199</v>
      </c>
      <c r="G190" s="53">
        <v>58362.088036496199</v>
      </c>
      <c r="H190" s="53">
        <v>58362.088036496199</v>
      </c>
      <c r="I190" s="53">
        <v>58362.088036496199</v>
      </c>
      <c r="J190" s="53">
        <v>58362.088036496199</v>
      </c>
      <c r="K190" s="53">
        <v>58362.088036496199</v>
      </c>
      <c r="L190" s="53">
        <v>58362.088036496199</v>
      </c>
      <c r="M190" s="53">
        <v>58362.088036496199</v>
      </c>
      <c r="N190" s="53">
        <v>700345.05643795396</v>
      </c>
      <c r="O190" s="53">
        <v>110239.475638163</v>
      </c>
      <c r="P190" s="53">
        <v>110239.475638163</v>
      </c>
      <c r="Q190" s="53">
        <v>110239.475638163</v>
      </c>
      <c r="R190" s="53">
        <v>110239.475638163</v>
      </c>
      <c r="S190" s="53">
        <v>110239.475638163</v>
      </c>
      <c r="T190" s="53">
        <v>110239.475638163</v>
      </c>
      <c r="U190" s="53">
        <v>110239.475638163</v>
      </c>
      <c r="V190" s="53">
        <v>110239.475638163</v>
      </c>
      <c r="W190" s="53">
        <v>110239.475638163</v>
      </c>
      <c r="X190" s="53">
        <v>110239.475638163</v>
      </c>
      <c r="Y190" s="53">
        <v>110239.475638163</v>
      </c>
      <c r="Z190" s="53">
        <v>110239.475638163</v>
      </c>
      <c r="AA190" s="53">
        <v>1322873.70765796</v>
      </c>
      <c r="AB190" s="53">
        <v>167317.95027392599</v>
      </c>
      <c r="AC190" s="53">
        <v>167317.95027392599</v>
      </c>
      <c r="AD190" s="53">
        <v>167317.95027392599</v>
      </c>
      <c r="AE190" s="53">
        <v>167317.95027392599</v>
      </c>
      <c r="AF190" s="53">
        <v>167317.95027392599</v>
      </c>
      <c r="AG190" s="53">
        <v>167317.95027392599</v>
      </c>
      <c r="AH190" s="53">
        <v>167317.95027392599</v>
      </c>
      <c r="AI190" s="53">
        <v>167317.95027392599</v>
      </c>
      <c r="AJ190" s="53">
        <v>167317.95027392599</v>
      </c>
      <c r="AK190" s="53">
        <v>167317.95027392599</v>
      </c>
      <c r="AL190" s="53">
        <v>167317.95027392599</v>
      </c>
      <c r="AM190" s="53">
        <v>167317.95027392599</v>
      </c>
      <c r="AN190" s="53">
        <v>2007815.4032871099</v>
      </c>
      <c r="AO190" s="53">
        <v>225015.626601011</v>
      </c>
      <c r="AP190" s="53">
        <v>225015.626601011</v>
      </c>
      <c r="AQ190" s="53">
        <v>225015.626601011</v>
      </c>
      <c r="AR190" s="53">
        <v>225015.626601011</v>
      </c>
      <c r="AS190" s="53">
        <v>225015.626601011</v>
      </c>
      <c r="AT190" s="53">
        <v>225015.626601011</v>
      </c>
      <c r="AU190" s="53">
        <v>225015.626601011</v>
      </c>
      <c r="AV190" s="53">
        <v>225015.626601011</v>
      </c>
      <c r="AW190" s="53">
        <v>225015.626601011</v>
      </c>
      <c r="AX190" s="53">
        <v>225015.626601011</v>
      </c>
      <c r="AY190" s="53">
        <v>225015.626601011</v>
      </c>
      <c r="AZ190" s="53">
        <v>225015.626601011</v>
      </c>
      <c r="BA190" s="53">
        <v>2700187.51921213</v>
      </c>
    </row>
    <row r="191" spans="1:53">
      <c r="A191" s="52" t="s">
        <v>986</v>
      </c>
      <c r="B191" s="53">
        <v>104565.45</v>
      </c>
      <c r="C191" s="53">
        <v>96882.97</v>
      </c>
      <c r="D191" s="53">
        <v>1207968.55999999</v>
      </c>
      <c r="E191" s="53">
        <v>107773.67</v>
      </c>
      <c r="F191" s="53">
        <v>99326.71</v>
      </c>
      <c r="G191" s="53">
        <v>1221359.5999999901</v>
      </c>
      <c r="H191" s="53">
        <v>105988.47</v>
      </c>
      <c r="I191" s="53">
        <v>102383.2</v>
      </c>
      <c r="J191" s="53">
        <v>1198247.6099999901</v>
      </c>
      <c r="K191" s="53">
        <v>106761.62</v>
      </c>
      <c r="L191" s="53">
        <v>102658.69</v>
      </c>
      <c r="M191" s="53">
        <v>1237150.3799999999</v>
      </c>
      <c r="N191" s="53">
        <v>5691066.9299999997</v>
      </c>
      <c r="O191" s="53">
        <v>104565.45</v>
      </c>
      <c r="P191" s="53">
        <v>96882.97</v>
      </c>
      <c r="Q191" s="53">
        <v>1207968.55999999</v>
      </c>
      <c r="R191" s="53">
        <v>107773.67</v>
      </c>
      <c r="S191" s="53">
        <v>99326.71</v>
      </c>
      <c r="T191" s="53">
        <v>1221359.5999999901</v>
      </c>
      <c r="U191" s="53">
        <v>105988.47</v>
      </c>
      <c r="V191" s="53">
        <v>102383.2</v>
      </c>
      <c r="W191" s="53">
        <v>1198247.6099999901</v>
      </c>
      <c r="X191" s="53">
        <v>106761.62</v>
      </c>
      <c r="Y191" s="53">
        <v>102658.69</v>
      </c>
      <c r="Z191" s="53">
        <v>1237150.3799999999</v>
      </c>
      <c r="AA191" s="53">
        <v>5691066.9299999997</v>
      </c>
      <c r="AB191" s="53">
        <v>104565.45</v>
      </c>
      <c r="AC191" s="53">
        <v>96882.97</v>
      </c>
      <c r="AD191" s="53">
        <v>1207968.55999999</v>
      </c>
      <c r="AE191" s="53">
        <v>107773.67</v>
      </c>
      <c r="AF191" s="53">
        <v>99326.71</v>
      </c>
      <c r="AG191" s="53">
        <v>1221359.5999999901</v>
      </c>
      <c r="AH191" s="53">
        <v>105988.47</v>
      </c>
      <c r="AI191" s="53">
        <v>102383.2</v>
      </c>
      <c r="AJ191" s="53">
        <v>1198247.6099999901</v>
      </c>
      <c r="AK191" s="53">
        <v>106761.62</v>
      </c>
      <c r="AL191" s="53">
        <v>102658.69</v>
      </c>
      <c r="AM191" s="53">
        <v>1237150.3799999999</v>
      </c>
      <c r="AN191" s="53">
        <v>5691066.9299999997</v>
      </c>
      <c r="AO191" s="53">
        <v>104565.45</v>
      </c>
      <c r="AP191" s="53">
        <v>96882.97</v>
      </c>
      <c r="AQ191" s="53">
        <v>1207968.55999999</v>
      </c>
      <c r="AR191" s="53">
        <v>107773.67</v>
      </c>
      <c r="AS191" s="53">
        <v>99326.71</v>
      </c>
      <c r="AT191" s="53">
        <v>1221359.5999999901</v>
      </c>
      <c r="AU191" s="53">
        <v>105988.47</v>
      </c>
      <c r="AV191" s="53">
        <v>102383.2</v>
      </c>
      <c r="AW191" s="53">
        <v>1198247.6099999901</v>
      </c>
      <c r="AX191" s="53">
        <v>106761.62</v>
      </c>
      <c r="AY191" s="53">
        <v>102658.69</v>
      </c>
      <c r="AZ191" s="53">
        <v>1237150.3799999999</v>
      </c>
      <c r="BA191" s="53">
        <v>5691066.9299999997</v>
      </c>
    </row>
    <row r="192" spans="1:53">
      <c r="A192" s="52" t="s">
        <v>987</v>
      </c>
      <c r="B192" s="53">
        <v>354937.69</v>
      </c>
      <c r="C192" s="53">
        <v>273250.34999999998</v>
      </c>
      <c r="D192" s="53">
        <v>318313.99</v>
      </c>
      <c r="E192" s="53">
        <v>293716.63999999902</v>
      </c>
      <c r="F192" s="53">
        <v>285735.59999999998</v>
      </c>
      <c r="G192" s="53">
        <v>311820.37</v>
      </c>
      <c r="H192" s="53">
        <v>291128.56</v>
      </c>
      <c r="I192" s="53">
        <v>287427.62</v>
      </c>
      <c r="J192" s="53">
        <v>288400.06</v>
      </c>
      <c r="K192" s="53">
        <v>292085.17</v>
      </c>
      <c r="L192" s="53">
        <v>287797.64999999898</v>
      </c>
      <c r="M192" s="53">
        <v>327091.86</v>
      </c>
      <c r="N192" s="53">
        <v>3611705.5599999898</v>
      </c>
      <c r="O192" s="53">
        <v>354937.69</v>
      </c>
      <c r="P192" s="53">
        <v>273250.34999999998</v>
      </c>
      <c r="Q192" s="53">
        <v>318313.99</v>
      </c>
      <c r="R192" s="53">
        <v>293716.63999999902</v>
      </c>
      <c r="S192" s="53">
        <v>285735.59999999998</v>
      </c>
      <c r="T192" s="53">
        <v>311820.37</v>
      </c>
      <c r="U192" s="53">
        <v>291128.56</v>
      </c>
      <c r="V192" s="53">
        <v>287427.62</v>
      </c>
      <c r="W192" s="53">
        <v>288400.06</v>
      </c>
      <c r="X192" s="53">
        <v>292085.17</v>
      </c>
      <c r="Y192" s="53">
        <v>287797.64999999898</v>
      </c>
      <c r="Z192" s="53">
        <v>327091.86</v>
      </c>
      <c r="AA192" s="53">
        <v>3611705.5599999898</v>
      </c>
      <c r="AB192" s="53">
        <v>354937.69</v>
      </c>
      <c r="AC192" s="53">
        <v>273250.34999999998</v>
      </c>
      <c r="AD192" s="53">
        <v>318313.99</v>
      </c>
      <c r="AE192" s="53">
        <v>293716.63999999902</v>
      </c>
      <c r="AF192" s="53">
        <v>285735.59999999998</v>
      </c>
      <c r="AG192" s="53">
        <v>311820.37</v>
      </c>
      <c r="AH192" s="53">
        <v>291128.56</v>
      </c>
      <c r="AI192" s="53">
        <v>287427.62</v>
      </c>
      <c r="AJ192" s="53">
        <v>288400.06</v>
      </c>
      <c r="AK192" s="53">
        <v>292085.17</v>
      </c>
      <c r="AL192" s="53">
        <v>287797.64999999898</v>
      </c>
      <c r="AM192" s="53">
        <v>327091.86</v>
      </c>
      <c r="AN192" s="53">
        <v>3611705.5599999898</v>
      </c>
      <c r="AO192" s="53">
        <v>354937.69</v>
      </c>
      <c r="AP192" s="53">
        <v>273250.34999999998</v>
      </c>
      <c r="AQ192" s="53">
        <v>318313.99</v>
      </c>
      <c r="AR192" s="53">
        <v>293716.63999999902</v>
      </c>
      <c r="AS192" s="53">
        <v>285735.59999999998</v>
      </c>
      <c r="AT192" s="53">
        <v>311820.37</v>
      </c>
      <c r="AU192" s="53">
        <v>291128.56</v>
      </c>
      <c r="AV192" s="53">
        <v>287427.62</v>
      </c>
      <c r="AW192" s="53">
        <v>288400.06</v>
      </c>
      <c r="AX192" s="53">
        <v>292085.17</v>
      </c>
      <c r="AY192" s="53">
        <v>287797.64999999898</v>
      </c>
      <c r="AZ192" s="53">
        <v>327091.86</v>
      </c>
      <c r="BA192" s="53">
        <v>3611705.5599999898</v>
      </c>
    </row>
    <row r="193" spans="1:53">
      <c r="A193" s="52" t="s">
        <v>988</v>
      </c>
      <c r="B193" s="53">
        <v>113688.54</v>
      </c>
      <c r="C193" s="53">
        <v>105938.05</v>
      </c>
      <c r="D193" s="53">
        <v>118078.269999999</v>
      </c>
      <c r="E193" s="53">
        <v>116864.62</v>
      </c>
      <c r="F193" s="53">
        <v>108324.46</v>
      </c>
      <c r="G193" s="53">
        <v>135446.32</v>
      </c>
      <c r="H193" s="53">
        <v>115239.99</v>
      </c>
      <c r="I193" s="53">
        <v>111653.85</v>
      </c>
      <c r="J193" s="53">
        <v>112395.96</v>
      </c>
      <c r="K193" s="53">
        <v>115976.45</v>
      </c>
      <c r="L193" s="53">
        <v>111910.439999999</v>
      </c>
      <c r="M193" s="53">
        <v>151340.97999999899</v>
      </c>
      <c r="N193" s="53">
        <v>1416857.93</v>
      </c>
      <c r="O193" s="53">
        <v>113688.54</v>
      </c>
      <c r="P193" s="53">
        <v>105938.05</v>
      </c>
      <c r="Q193" s="53">
        <v>118078.269999999</v>
      </c>
      <c r="R193" s="53">
        <v>116864.62</v>
      </c>
      <c r="S193" s="53">
        <v>108324.46</v>
      </c>
      <c r="T193" s="53">
        <v>135446.32</v>
      </c>
      <c r="U193" s="53">
        <v>115239.99</v>
      </c>
      <c r="V193" s="53">
        <v>111653.85</v>
      </c>
      <c r="W193" s="53">
        <v>112395.96</v>
      </c>
      <c r="X193" s="53">
        <v>115976.45</v>
      </c>
      <c r="Y193" s="53">
        <v>111910.439999999</v>
      </c>
      <c r="Z193" s="53">
        <v>151340.97999999899</v>
      </c>
      <c r="AA193" s="53">
        <v>1416857.93</v>
      </c>
      <c r="AB193" s="53">
        <v>113688.54</v>
      </c>
      <c r="AC193" s="53">
        <v>105938.05</v>
      </c>
      <c r="AD193" s="53">
        <v>118078.269999999</v>
      </c>
      <c r="AE193" s="53">
        <v>116864.62</v>
      </c>
      <c r="AF193" s="53">
        <v>108324.46</v>
      </c>
      <c r="AG193" s="53">
        <v>135446.32</v>
      </c>
      <c r="AH193" s="53">
        <v>115239.99</v>
      </c>
      <c r="AI193" s="53">
        <v>111653.85</v>
      </c>
      <c r="AJ193" s="53">
        <v>112395.96</v>
      </c>
      <c r="AK193" s="53">
        <v>115976.45</v>
      </c>
      <c r="AL193" s="53">
        <v>111910.439999999</v>
      </c>
      <c r="AM193" s="53">
        <v>151340.97999999899</v>
      </c>
      <c r="AN193" s="53">
        <v>1416857.93</v>
      </c>
      <c r="AO193" s="53">
        <v>113688.54</v>
      </c>
      <c r="AP193" s="53">
        <v>105938.05</v>
      </c>
      <c r="AQ193" s="53">
        <v>118078.269999999</v>
      </c>
      <c r="AR193" s="53">
        <v>116864.62</v>
      </c>
      <c r="AS193" s="53">
        <v>108324.46</v>
      </c>
      <c r="AT193" s="53">
        <v>135446.32</v>
      </c>
      <c r="AU193" s="53">
        <v>115239.99</v>
      </c>
      <c r="AV193" s="53">
        <v>111653.85</v>
      </c>
      <c r="AW193" s="53">
        <v>112395.96</v>
      </c>
      <c r="AX193" s="53">
        <v>115976.45</v>
      </c>
      <c r="AY193" s="53">
        <v>111910.439999999</v>
      </c>
      <c r="AZ193" s="53">
        <v>151340.97999999899</v>
      </c>
      <c r="BA193" s="53">
        <v>1416857.93</v>
      </c>
    </row>
    <row r="194" spans="1:53">
      <c r="A194" s="52" t="s">
        <v>989</v>
      </c>
      <c r="B194" s="53">
        <v>25068.6499999999</v>
      </c>
      <c r="C194" s="53">
        <v>25068.6499999999</v>
      </c>
      <c r="D194" s="53">
        <v>25946.05</v>
      </c>
      <c r="E194" s="53">
        <v>25946.05</v>
      </c>
      <c r="F194" s="53">
        <v>25946.05</v>
      </c>
      <c r="G194" s="53">
        <v>25946.05</v>
      </c>
      <c r="H194" s="53">
        <v>25946.05</v>
      </c>
      <c r="I194" s="53">
        <v>25946.05</v>
      </c>
      <c r="J194" s="53">
        <v>25946.05</v>
      </c>
      <c r="K194" s="53">
        <v>25946.05</v>
      </c>
      <c r="L194" s="53">
        <v>25946.05</v>
      </c>
      <c r="M194" s="53">
        <v>25946.05</v>
      </c>
      <c r="N194" s="53">
        <v>309597.8</v>
      </c>
      <c r="O194" s="53">
        <v>25068.6499999999</v>
      </c>
      <c r="P194" s="53">
        <v>25068.6499999999</v>
      </c>
      <c r="Q194" s="53">
        <v>25946.05</v>
      </c>
      <c r="R194" s="53">
        <v>25946.05</v>
      </c>
      <c r="S194" s="53">
        <v>25946.05</v>
      </c>
      <c r="T194" s="53">
        <v>25946.05</v>
      </c>
      <c r="U194" s="53">
        <v>25946.05</v>
      </c>
      <c r="V194" s="53">
        <v>25946.05</v>
      </c>
      <c r="W194" s="53">
        <v>25946.05</v>
      </c>
      <c r="X194" s="53">
        <v>25946.05</v>
      </c>
      <c r="Y194" s="53">
        <v>25946.05</v>
      </c>
      <c r="Z194" s="53">
        <v>25946.05</v>
      </c>
      <c r="AA194" s="53">
        <v>309597.8</v>
      </c>
      <c r="AB194" s="53">
        <v>25068.6499999999</v>
      </c>
      <c r="AC194" s="53">
        <v>25068.6499999999</v>
      </c>
      <c r="AD194" s="53">
        <v>25946.05</v>
      </c>
      <c r="AE194" s="53">
        <v>25946.05</v>
      </c>
      <c r="AF194" s="53">
        <v>25946.05</v>
      </c>
      <c r="AG194" s="53">
        <v>25946.05</v>
      </c>
      <c r="AH194" s="53">
        <v>25946.05</v>
      </c>
      <c r="AI194" s="53">
        <v>25946.05</v>
      </c>
      <c r="AJ194" s="53">
        <v>25946.05</v>
      </c>
      <c r="AK194" s="53">
        <v>25946.05</v>
      </c>
      <c r="AL194" s="53">
        <v>25946.05</v>
      </c>
      <c r="AM194" s="53">
        <v>25946.05</v>
      </c>
      <c r="AN194" s="53">
        <v>309597.8</v>
      </c>
      <c r="AO194" s="53">
        <v>25068.6499999999</v>
      </c>
      <c r="AP194" s="53">
        <v>25068.6499999999</v>
      </c>
      <c r="AQ194" s="53">
        <v>25946.05</v>
      </c>
      <c r="AR194" s="53">
        <v>25946.05</v>
      </c>
      <c r="AS194" s="53">
        <v>25946.05</v>
      </c>
      <c r="AT194" s="53">
        <v>25946.05</v>
      </c>
      <c r="AU194" s="53">
        <v>25946.05</v>
      </c>
      <c r="AV194" s="53">
        <v>25946.05</v>
      </c>
      <c r="AW194" s="53">
        <v>25946.05</v>
      </c>
      <c r="AX194" s="53">
        <v>25946.05</v>
      </c>
      <c r="AY194" s="53">
        <v>25946.05</v>
      </c>
      <c r="AZ194" s="53">
        <v>25946.05</v>
      </c>
      <c r="BA194" s="53">
        <v>309597.8</v>
      </c>
    </row>
    <row r="195" spans="1:53">
      <c r="A195" s="52" t="s">
        <v>990</v>
      </c>
      <c r="B195" s="53">
        <v>0</v>
      </c>
      <c r="C195" s="53">
        <v>0</v>
      </c>
      <c r="D195" s="53">
        <v>0</v>
      </c>
      <c r="E195" s="53">
        <v>0</v>
      </c>
      <c r="F195" s="53">
        <v>0</v>
      </c>
      <c r="G195" s="53">
        <v>0</v>
      </c>
      <c r="H195" s="53">
        <v>0</v>
      </c>
      <c r="I195" s="53">
        <v>0</v>
      </c>
      <c r="J195" s="53">
        <v>0</v>
      </c>
      <c r="K195" s="53">
        <v>0</v>
      </c>
      <c r="L195" s="53">
        <v>0</v>
      </c>
      <c r="M195" s="53">
        <v>0</v>
      </c>
      <c r="N195" s="53">
        <v>0</v>
      </c>
      <c r="O195" s="53">
        <v>0</v>
      </c>
      <c r="P195" s="53">
        <v>0</v>
      </c>
      <c r="Q195" s="53">
        <v>0</v>
      </c>
      <c r="R195" s="53">
        <v>0</v>
      </c>
      <c r="S195" s="53">
        <v>0</v>
      </c>
      <c r="T195" s="53">
        <v>0</v>
      </c>
      <c r="U195" s="53">
        <v>0</v>
      </c>
      <c r="V195" s="53">
        <v>0</v>
      </c>
      <c r="W195" s="53">
        <v>0</v>
      </c>
      <c r="X195" s="53">
        <v>0</v>
      </c>
      <c r="Y195" s="53">
        <v>0</v>
      </c>
      <c r="Z195" s="53">
        <v>0</v>
      </c>
      <c r="AA195" s="53">
        <v>0</v>
      </c>
      <c r="AB195" s="53">
        <v>0</v>
      </c>
      <c r="AC195" s="53">
        <v>0</v>
      </c>
      <c r="AD195" s="53">
        <v>0</v>
      </c>
      <c r="AE195" s="53">
        <v>0</v>
      </c>
      <c r="AF195" s="53">
        <v>0</v>
      </c>
      <c r="AG195" s="53">
        <v>0</v>
      </c>
      <c r="AH195" s="53">
        <v>0</v>
      </c>
      <c r="AI195" s="53">
        <v>0</v>
      </c>
      <c r="AJ195" s="53">
        <v>0</v>
      </c>
      <c r="AK195" s="53">
        <v>0</v>
      </c>
      <c r="AL195" s="53">
        <v>0</v>
      </c>
      <c r="AM195" s="53">
        <v>0</v>
      </c>
      <c r="AN195" s="53">
        <v>0</v>
      </c>
      <c r="AO195" s="53">
        <v>0</v>
      </c>
      <c r="AP195" s="53">
        <v>0</v>
      </c>
      <c r="AQ195" s="53">
        <v>0</v>
      </c>
      <c r="AR195" s="53">
        <v>0</v>
      </c>
      <c r="AS195" s="53">
        <v>0</v>
      </c>
      <c r="AT195" s="53">
        <v>0</v>
      </c>
      <c r="AU195" s="53">
        <v>0</v>
      </c>
      <c r="AV195" s="53">
        <v>0</v>
      </c>
      <c r="AW195" s="53">
        <v>0</v>
      </c>
      <c r="AX195" s="53">
        <v>0</v>
      </c>
      <c r="AY195" s="53">
        <v>0</v>
      </c>
      <c r="AZ195" s="53">
        <v>0</v>
      </c>
      <c r="BA195" s="53">
        <v>0</v>
      </c>
    </row>
    <row r="196" spans="1:53">
      <c r="A196" s="52" t="s">
        <v>991</v>
      </c>
      <c r="B196" s="53">
        <v>0</v>
      </c>
      <c r="C196" s="53">
        <v>0</v>
      </c>
      <c r="D196" s="53">
        <v>0</v>
      </c>
      <c r="E196" s="53">
        <v>0</v>
      </c>
      <c r="F196" s="53">
        <v>0</v>
      </c>
      <c r="G196" s="53">
        <v>0</v>
      </c>
      <c r="H196" s="53">
        <v>0</v>
      </c>
      <c r="I196" s="53">
        <v>0</v>
      </c>
      <c r="J196" s="53">
        <v>0</v>
      </c>
      <c r="K196" s="53">
        <v>0</v>
      </c>
      <c r="L196" s="53">
        <v>0</v>
      </c>
      <c r="M196" s="53">
        <v>0</v>
      </c>
      <c r="N196" s="53">
        <v>0</v>
      </c>
      <c r="O196" s="53">
        <v>0</v>
      </c>
      <c r="P196" s="53">
        <v>0</v>
      </c>
      <c r="Q196" s="53">
        <v>0</v>
      </c>
      <c r="R196" s="53">
        <v>0</v>
      </c>
      <c r="S196" s="53">
        <v>0</v>
      </c>
      <c r="T196" s="53">
        <v>0</v>
      </c>
      <c r="U196" s="53">
        <v>0</v>
      </c>
      <c r="V196" s="53">
        <v>0</v>
      </c>
      <c r="W196" s="53">
        <v>0</v>
      </c>
      <c r="X196" s="53">
        <v>0</v>
      </c>
      <c r="Y196" s="53">
        <v>0</v>
      </c>
      <c r="Z196" s="53">
        <v>0</v>
      </c>
      <c r="AA196" s="53">
        <v>0</v>
      </c>
      <c r="AB196" s="53">
        <v>0</v>
      </c>
      <c r="AC196" s="53">
        <v>0</v>
      </c>
      <c r="AD196" s="53">
        <v>0</v>
      </c>
      <c r="AE196" s="53">
        <v>0</v>
      </c>
      <c r="AF196" s="53">
        <v>0</v>
      </c>
      <c r="AG196" s="53">
        <v>0</v>
      </c>
      <c r="AH196" s="53">
        <v>0</v>
      </c>
      <c r="AI196" s="53">
        <v>0</v>
      </c>
      <c r="AJ196" s="53">
        <v>0</v>
      </c>
      <c r="AK196" s="53">
        <v>0</v>
      </c>
      <c r="AL196" s="53">
        <v>0</v>
      </c>
      <c r="AM196" s="53">
        <v>0</v>
      </c>
      <c r="AN196" s="53">
        <v>0</v>
      </c>
      <c r="AO196" s="53">
        <v>0</v>
      </c>
      <c r="AP196" s="53">
        <v>0</v>
      </c>
      <c r="AQ196" s="53">
        <v>0</v>
      </c>
      <c r="AR196" s="53">
        <v>0</v>
      </c>
      <c r="AS196" s="53">
        <v>0</v>
      </c>
      <c r="AT196" s="53">
        <v>0</v>
      </c>
      <c r="AU196" s="53">
        <v>0</v>
      </c>
      <c r="AV196" s="53">
        <v>0</v>
      </c>
      <c r="AW196" s="53">
        <v>0</v>
      </c>
      <c r="AX196" s="53">
        <v>0</v>
      </c>
      <c r="AY196" s="53">
        <v>0</v>
      </c>
      <c r="AZ196" s="53">
        <v>0</v>
      </c>
      <c r="BA196" s="53">
        <v>0</v>
      </c>
    </row>
    <row r="197" spans="1:53">
      <c r="A197" s="52" t="s">
        <v>992</v>
      </c>
      <c r="B197" s="53">
        <v>27396.18</v>
      </c>
      <c r="C197" s="53">
        <v>27396.18</v>
      </c>
      <c r="D197" s="53">
        <v>27396.18</v>
      </c>
      <c r="E197" s="53">
        <v>27396.18</v>
      </c>
      <c r="F197" s="53">
        <v>27396.18</v>
      </c>
      <c r="G197" s="53">
        <v>27396.18</v>
      </c>
      <c r="H197" s="53">
        <v>27396.18</v>
      </c>
      <c r="I197" s="53">
        <v>27396.18</v>
      </c>
      <c r="J197" s="53">
        <v>27396.18</v>
      </c>
      <c r="K197" s="53">
        <v>27396.18</v>
      </c>
      <c r="L197" s="53">
        <v>27396.18</v>
      </c>
      <c r="M197" s="53">
        <v>27396.18</v>
      </c>
      <c r="N197" s="53">
        <v>328754.15999999997</v>
      </c>
      <c r="O197" s="53">
        <v>27396.18</v>
      </c>
      <c r="P197" s="53">
        <v>27396.18</v>
      </c>
      <c r="Q197" s="53">
        <v>27396.18</v>
      </c>
      <c r="R197" s="53">
        <v>27396.18</v>
      </c>
      <c r="S197" s="53">
        <v>27396.18</v>
      </c>
      <c r="T197" s="53">
        <v>27396.18</v>
      </c>
      <c r="U197" s="53">
        <v>27396.18</v>
      </c>
      <c r="V197" s="53">
        <v>27396.18</v>
      </c>
      <c r="W197" s="53">
        <v>27396.18</v>
      </c>
      <c r="X197" s="53">
        <v>27396.18</v>
      </c>
      <c r="Y197" s="53">
        <v>27396.18</v>
      </c>
      <c r="Z197" s="53">
        <v>27396.18</v>
      </c>
      <c r="AA197" s="53">
        <v>328754.15999999997</v>
      </c>
      <c r="AB197" s="53">
        <v>27396.18</v>
      </c>
      <c r="AC197" s="53">
        <v>27396.18</v>
      </c>
      <c r="AD197" s="53">
        <v>27396.18</v>
      </c>
      <c r="AE197" s="53">
        <v>27396.18</v>
      </c>
      <c r="AF197" s="53">
        <v>27396.18</v>
      </c>
      <c r="AG197" s="53">
        <v>27396.18</v>
      </c>
      <c r="AH197" s="53">
        <v>27396.18</v>
      </c>
      <c r="AI197" s="53">
        <v>27396.18</v>
      </c>
      <c r="AJ197" s="53">
        <v>27396.18</v>
      </c>
      <c r="AK197" s="53">
        <v>27396.18</v>
      </c>
      <c r="AL197" s="53">
        <v>27396.18</v>
      </c>
      <c r="AM197" s="53">
        <v>27396.18</v>
      </c>
      <c r="AN197" s="53">
        <v>328754.15999999997</v>
      </c>
      <c r="AO197" s="53">
        <v>27396.18</v>
      </c>
      <c r="AP197" s="53">
        <v>27396.18</v>
      </c>
      <c r="AQ197" s="53">
        <v>27396.18</v>
      </c>
      <c r="AR197" s="53">
        <v>27396.18</v>
      </c>
      <c r="AS197" s="53">
        <v>27396.18</v>
      </c>
      <c r="AT197" s="53">
        <v>27396.18</v>
      </c>
      <c r="AU197" s="53">
        <v>27396.18</v>
      </c>
      <c r="AV197" s="53">
        <v>27396.18</v>
      </c>
      <c r="AW197" s="53">
        <v>27396.18</v>
      </c>
      <c r="AX197" s="53">
        <v>27396.18</v>
      </c>
      <c r="AY197" s="53">
        <v>27396.18</v>
      </c>
      <c r="AZ197" s="53">
        <v>27396.18</v>
      </c>
      <c r="BA197" s="53">
        <v>328754.15999999997</v>
      </c>
    </row>
    <row r="198" spans="1:53">
      <c r="A198" s="52" t="s">
        <v>993</v>
      </c>
      <c r="B198" s="53">
        <v>0</v>
      </c>
      <c r="C198" s="53">
        <v>0</v>
      </c>
      <c r="D198" s="53">
        <v>0</v>
      </c>
      <c r="E198" s="53">
        <v>0</v>
      </c>
      <c r="F198" s="53">
        <v>0</v>
      </c>
      <c r="G198" s="53">
        <v>0</v>
      </c>
      <c r="H198" s="53">
        <v>0</v>
      </c>
      <c r="I198" s="53">
        <v>0</v>
      </c>
      <c r="J198" s="53">
        <v>0</v>
      </c>
      <c r="K198" s="53">
        <v>0</v>
      </c>
      <c r="L198" s="53">
        <v>0</v>
      </c>
      <c r="M198" s="53">
        <v>0</v>
      </c>
      <c r="N198" s="53">
        <v>0</v>
      </c>
      <c r="O198" s="53">
        <v>0</v>
      </c>
      <c r="P198" s="53">
        <v>0</v>
      </c>
      <c r="Q198" s="53">
        <v>0</v>
      </c>
      <c r="R198" s="53">
        <v>0</v>
      </c>
      <c r="S198" s="53">
        <v>0</v>
      </c>
      <c r="T198" s="53">
        <v>0</v>
      </c>
      <c r="U198" s="53">
        <v>0</v>
      </c>
      <c r="V198" s="53">
        <v>0</v>
      </c>
      <c r="W198" s="53">
        <v>0</v>
      </c>
      <c r="X198" s="53">
        <v>0</v>
      </c>
      <c r="Y198" s="53">
        <v>0</v>
      </c>
      <c r="Z198" s="53">
        <v>0</v>
      </c>
      <c r="AA198" s="53">
        <v>0</v>
      </c>
      <c r="AB198" s="53">
        <v>0</v>
      </c>
      <c r="AC198" s="53">
        <v>0</v>
      </c>
      <c r="AD198" s="53">
        <v>0</v>
      </c>
      <c r="AE198" s="53">
        <v>0</v>
      </c>
      <c r="AF198" s="53">
        <v>0</v>
      </c>
      <c r="AG198" s="53">
        <v>0</v>
      </c>
      <c r="AH198" s="53">
        <v>0</v>
      </c>
      <c r="AI198" s="53">
        <v>0</v>
      </c>
      <c r="AJ198" s="53">
        <v>0</v>
      </c>
      <c r="AK198" s="53">
        <v>0</v>
      </c>
      <c r="AL198" s="53">
        <v>0</v>
      </c>
      <c r="AM198" s="53">
        <v>0</v>
      </c>
      <c r="AN198" s="53">
        <v>0</v>
      </c>
      <c r="AO198" s="53">
        <v>0</v>
      </c>
      <c r="AP198" s="53">
        <v>0</v>
      </c>
      <c r="AQ198" s="53">
        <v>0</v>
      </c>
      <c r="AR198" s="53">
        <v>0</v>
      </c>
      <c r="AS198" s="53">
        <v>0</v>
      </c>
      <c r="AT198" s="53">
        <v>0</v>
      </c>
      <c r="AU198" s="53">
        <v>0</v>
      </c>
      <c r="AV198" s="53">
        <v>0</v>
      </c>
      <c r="AW198" s="53">
        <v>0</v>
      </c>
      <c r="AX198" s="53">
        <v>0</v>
      </c>
      <c r="AY198" s="53">
        <v>0</v>
      </c>
      <c r="AZ198" s="53">
        <v>0</v>
      </c>
      <c r="BA198" s="53">
        <v>0</v>
      </c>
    </row>
    <row r="199" spans="1:53">
      <c r="A199" s="52" t="s">
        <v>994</v>
      </c>
      <c r="B199" s="53">
        <v>684018.59803649597</v>
      </c>
      <c r="C199" s="53">
        <v>586898.28803649603</v>
      </c>
      <c r="D199" s="53">
        <v>1756065.13803649</v>
      </c>
      <c r="E199" s="53">
        <v>630059.24803649599</v>
      </c>
      <c r="F199" s="53">
        <v>605091.08803649596</v>
      </c>
      <c r="G199" s="53">
        <v>1780330.6080364899</v>
      </c>
      <c r="H199" s="53">
        <v>624061.33803649596</v>
      </c>
      <c r="I199" s="53">
        <v>613168.98803649598</v>
      </c>
      <c r="J199" s="53">
        <v>1710747.94803649</v>
      </c>
      <c r="K199" s="53">
        <v>626527.55803649605</v>
      </c>
      <c r="L199" s="53">
        <v>614071.09803649597</v>
      </c>
      <c r="M199" s="53">
        <v>1827287.5380364901</v>
      </c>
      <c r="N199" s="53">
        <v>12058327.436437899</v>
      </c>
      <c r="O199" s="53">
        <v>735895.98563816305</v>
      </c>
      <c r="P199" s="53">
        <v>638775.67563816404</v>
      </c>
      <c r="Q199" s="53">
        <v>1807942.5256381601</v>
      </c>
      <c r="R199" s="53">
        <v>681936.63563816401</v>
      </c>
      <c r="S199" s="53">
        <v>656968.47563816397</v>
      </c>
      <c r="T199" s="53">
        <v>1832207.99563816</v>
      </c>
      <c r="U199" s="53">
        <v>675938.72563816397</v>
      </c>
      <c r="V199" s="53">
        <v>665046.375638164</v>
      </c>
      <c r="W199" s="53">
        <v>1762625.3356381599</v>
      </c>
      <c r="X199" s="53">
        <v>678404.94563816395</v>
      </c>
      <c r="Y199" s="53">
        <v>665948.48563816305</v>
      </c>
      <c r="Z199" s="53">
        <v>1879164.92563816</v>
      </c>
      <c r="AA199" s="53">
        <v>12680856.087657901</v>
      </c>
      <c r="AB199" s="53">
        <v>792974.46027392498</v>
      </c>
      <c r="AC199" s="53">
        <v>695854.15027392597</v>
      </c>
      <c r="AD199" s="53">
        <v>1865021.0002739199</v>
      </c>
      <c r="AE199" s="53">
        <v>739015.11027392501</v>
      </c>
      <c r="AF199" s="53">
        <v>714046.95027392602</v>
      </c>
      <c r="AG199" s="53">
        <v>1889286.4702739201</v>
      </c>
      <c r="AH199" s="53">
        <v>733017.20027392497</v>
      </c>
      <c r="AI199" s="53">
        <v>722124.850273925</v>
      </c>
      <c r="AJ199" s="53">
        <v>1819703.81027392</v>
      </c>
      <c r="AK199" s="53">
        <v>735483.42027392599</v>
      </c>
      <c r="AL199" s="53">
        <v>723026.96027392498</v>
      </c>
      <c r="AM199" s="53">
        <v>1936243.40027392</v>
      </c>
      <c r="AN199" s="53">
        <v>13365797.7832871</v>
      </c>
      <c r="AO199" s="53">
        <v>850672.13660100999</v>
      </c>
      <c r="AP199" s="53">
        <v>753551.82660101098</v>
      </c>
      <c r="AQ199" s="53">
        <v>1922718.6766010099</v>
      </c>
      <c r="AR199" s="53">
        <v>796712.78660101094</v>
      </c>
      <c r="AS199" s="53">
        <v>771744.62660101103</v>
      </c>
      <c r="AT199" s="53">
        <v>1946984.1466010101</v>
      </c>
      <c r="AU199" s="53">
        <v>790714.87660101103</v>
      </c>
      <c r="AV199" s="53">
        <v>779822.52660101</v>
      </c>
      <c r="AW199" s="53">
        <v>1877401.48660101</v>
      </c>
      <c r="AX199" s="53">
        <v>793181.096601011</v>
      </c>
      <c r="AY199" s="53">
        <v>780724.63660100999</v>
      </c>
      <c r="AZ199" s="53">
        <v>1993941.07660101</v>
      </c>
      <c r="BA199" s="53">
        <v>14058169.8992121</v>
      </c>
    </row>
    <row r="200" spans="1:53">
      <c r="A200" s="52" t="s">
        <v>995</v>
      </c>
      <c r="B200" s="53"/>
      <c r="C200" s="53"/>
      <c r="D200" s="53"/>
      <c r="E200" s="53"/>
      <c r="F200" s="53"/>
      <c r="G200" s="53"/>
      <c r="H200" s="53"/>
      <c r="I200" s="53"/>
      <c r="J200" s="53"/>
      <c r="K200" s="53"/>
      <c r="L200" s="53"/>
      <c r="M200" s="53"/>
      <c r="N200" s="53"/>
      <c r="O200" s="53"/>
      <c r="P200" s="53"/>
      <c r="Q200" s="53"/>
      <c r="R200" s="53"/>
      <c r="S200" s="53"/>
      <c r="T200" s="53"/>
      <c r="U200" s="53"/>
      <c r="V200" s="53"/>
      <c r="W200" s="53"/>
      <c r="X200" s="53"/>
      <c r="Y200" s="53"/>
      <c r="Z200" s="53"/>
      <c r="AA200" s="53"/>
      <c r="AB200" s="53"/>
      <c r="AC200" s="53"/>
      <c r="AD200" s="53"/>
      <c r="AE200" s="53"/>
      <c r="AF200" s="53"/>
      <c r="AG200" s="53"/>
      <c r="AH200" s="53"/>
      <c r="AI200" s="53"/>
      <c r="AJ200" s="53"/>
      <c r="AK200" s="53"/>
      <c r="AL200" s="53"/>
      <c r="AM200" s="53"/>
      <c r="AN200" s="53"/>
      <c r="AO200" s="53"/>
      <c r="AP200" s="53"/>
      <c r="AQ200" s="53"/>
      <c r="AR200" s="53"/>
      <c r="AS200" s="53"/>
      <c r="AT200" s="53"/>
      <c r="AU200" s="53"/>
      <c r="AV200" s="53"/>
      <c r="AW200" s="53"/>
      <c r="AX200" s="53"/>
      <c r="AY200" s="53"/>
      <c r="AZ200" s="53"/>
      <c r="BA200" s="53"/>
    </row>
    <row r="201" spans="1:53">
      <c r="A201" s="52" t="s">
        <v>996</v>
      </c>
      <c r="B201" s="53">
        <v>40848.11</v>
      </c>
      <c r="C201" s="53">
        <v>23876.289999999899</v>
      </c>
      <c r="D201" s="53">
        <v>58348.18</v>
      </c>
      <c r="E201" s="53">
        <v>105338.06</v>
      </c>
      <c r="F201" s="53">
        <v>311581.24</v>
      </c>
      <c r="G201" s="53">
        <v>178592.44</v>
      </c>
      <c r="H201" s="53">
        <v>90890.709999999905</v>
      </c>
      <c r="I201" s="53">
        <v>22215.75</v>
      </c>
      <c r="J201" s="53">
        <v>45007.27</v>
      </c>
      <c r="K201" s="53">
        <v>31440.21</v>
      </c>
      <c r="L201" s="53">
        <v>33166.33</v>
      </c>
      <c r="M201" s="53">
        <v>41729.279999999999</v>
      </c>
      <c r="N201" s="53">
        <v>983033.87</v>
      </c>
      <c r="O201" s="53">
        <v>40848.11</v>
      </c>
      <c r="P201" s="53">
        <v>23876.289999999899</v>
      </c>
      <c r="Q201" s="53">
        <v>58348.18</v>
      </c>
      <c r="R201" s="53">
        <v>105338.06</v>
      </c>
      <c r="S201" s="53">
        <v>311581.24</v>
      </c>
      <c r="T201" s="53">
        <v>178592.44</v>
      </c>
      <c r="U201" s="53">
        <v>90890.709999999905</v>
      </c>
      <c r="V201" s="53">
        <v>22215.75</v>
      </c>
      <c r="W201" s="53">
        <v>45007.27</v>
      </c>
      <c r="X201" s="53">
        <v>31440.21</v>
      </c>
      <c r="Y201" s="53">
        <v>33166.33</v>
      </c>
      <c r="Z201" s="53">
        <v>41729.279999999999</v>
      </c>
      <c r="AA201" s="53">
        <v>983033.87</v>
      </c>
      <c r="AB201" s="53">
        <v>40848.11</v>
      </c>
      <c r="AC201" s="53">
        <v>23876.289999999899</v>
      </c>
      <c r="AD201" s="53">
        <v>58348.18</v>
      </c>
      <c r="AE201" s="53">
        <v>105338.06</v>
      </c>
      <c r="AF201" s="53">
        <v>311581.24</v>
      </c>
      <c r="AG201" s="53">
        <v>178592.44</v>
      </c>
      <c r="AH201" s="53">
        <v>90890.709999999905</v>
      </c>
      <c r="AI201" s="53">
        <v>22215.75</v>
      </c>
      <c r="AJ201" s="53">
        <v>45007.27</v>
      </c>
      <c r="AK201" s="53">
        <v>31440.21</v>
      </c>
      <c r="AL201" s="53">
        <v>33166.33</v>
      </c>
      <c r="AM201" s="53">
        <v>41729.279999999999</v>
      </c>
      <c r="AN201" s="53">
        <v>983033.87</v>
      </c>
      <c r="AO201" s="53">
        <v>40848.11</v>
      </c>
      <c r="AP201" s="53">
        <v>23876.289999999899</v>
      </c>
      <c r="AQ201" s="53">
        <v>58348.18</v>
      </c>
      <c r="AR201" s="53">
        <v>105338.06</v>
      </c>
      <c r="AS201" s="53">
        <v>311581.24</v>
      </c>
      <c r="AT201" s="53">
        <v>178592.44</v>
      </c>
      <c r="AU201" s="53">
        <v>90890.709999999905</v>
      </c>
      <c r="AV201" s="53">
        <v>22215.75</v>
      </c>
      <c r="AW201" s="53">
        <v>45007.27</v>
      </c>
      <c r="AX201" s="53">
        <v>31440.21</v>
      </c>
      <c r="AY201" s="53">
        <v>33166.33</v>
      </c>
      <c r="AZ201" s="53">
        <v>41729.279999999999</v>
      </c>
      <c r="BA201" s="53">
        <v>983033.87</v>
      </c>
    </row>
    <row r="202" spans="1:53">
      <c r="A202" s="52" t="s">
        <v>997</v>
      </c>
      <c r="B202" s="53">
        <v>40848.11</v>
      </c>
      <c r="C202" s="53">
        <v>23876.289999999899</v>
      </c>
      <c r="D202" s="53">
        <v>58348.18</v>
      </c>
      <c r="E202" s="53">
        <v>105338.06</v>
      </c>
      <c r="F202" s="53">
        <v>311581.24</v>
      </c>
      <c r="G202" s="53">
        <v>178592.44</v>
      </c>
      <c r="H202" s="53">
        <v>90890.709999999905</v>
      </c>
      <c r="I202" s="53">
        <v>22215.75</v>
      </c>
      <c r="J202" s="53">
        <v>45007.27</v>
      </c>
      <c r="K202" s="53">
        <v>31440.21</v>
      </c>
      <c r="L202" s="53">
        <v>33166.33</v>
      </c>
      <c r="M202" s="53">
        <v>41729.279999999999</v>
      </c>
      <c r="N202" s="53">
        <v>983033.87</v>
      </c>
      <c r="O202" s="53">
        <v>40848.11</v>
      </c>
      <c r="P202" s="53">
        <v>23876.289999999899</v>
      </c>
      <c r="Q202" s="53">
        <v>58348.18</v>
      </c>
      <c r="R202" s="53">
        <v>105338.06</v>
      </c>
      <c r="S202" s="53">
        <v>311581.24</v>
      </c>
      <c r="T202" s="53">
        <v>178592.44</v>
      </c>
      <c r="U202" s="53">
        <v>90890.709999999905</v>
      </c>
      <c r="V202" s="53">
        <v>22215.75</v>
      </c>
      <c r="W202" s="53">
        <v>45007.27</v>
      </c>
      <c r="X202" s="53">
        <v>31440.21</v>
      </c>
      <c r="Y202" s="53">
        <v>33166.33</v>
      </c>
      <c r="Z202" s="53">
        <v>41729.279999999999</v>
      </c>
      <c r="AA202" s="53">
        <v>983033.87</v>
      </c>
      <c r="AB202" s="53">
        <v>40848.11</v>
      </c>
      <c r="AC202" s="53">
        <v>23876.289999999899</v>
      </c>
      <c r="AD202" s="53">
        <v>58348.18</v>
      </c>
      <c r="AE202" s="53">
        <v>105338.06</v>
      </c>
      <c r="AF202" s="53">
        <v>311581.24</v>
      </c>
      <c r="AG202" s="53">
        <v>178592.44</v>
      </c>
      <c r="AH202" s="53">
        <v>90890.709999999905</v>
      </c>
      <c r="AI202" s="53">
        <v>22215.75</v>
      </c>
      <c r="AJ202" s="53">
        <v>45007.27</v>
      </c>
      <c r="AK202" s="53">
        <v>31440.21</v>
      </c>
      <c r="AL202" s="53">
        <v>33166.33</v>
      </c>
      <c r="AM202" s="53">
        <v>41729.279999999999</v>
      </c>
      <c r="AN202" s="53">
        <v>983033.87</v>
      </c>
      <c r="AO202" s="53">
        <v>40848.11</v>
      </c>
      <c r="AP202" s="53">
        <v>23876.289999999899</v>
      </c>
      <c r="AQ202" s="53">
        <v>58348.18</v>
      </c>
      <c r="AR202" s="53">
        <v>105338.06</v>
      </c>
      <c r="AS202" s="53">
        <v>311581.24</v>
      </c>
      <c r="AT202" s="53">
        <v>178592.44</v>
      </c>
      <c r="AU202" s="53">
        <v>90890.709999999905</v>
      </c>
      <c r="AV202" s="53">
        <v>22215.75</v>
      </c>
      <c r="AW202" s="53">
        <v>45007.27</v>
      </c>
      <c r="AX202" s="53">
        <v>31440.21</v>
      </c>
      <c r="AY202" s="53">
        <v>33166.33</v>
      </c>
      <c r="AZ202" s="53">
        <v>41729.279999999999</v>
      </c>
      <c r="BA202" s="53">
        <v>983033.87</v>
      </c>
    </row>
    <row r="203" spans="1:53">
      <c r="A203" s="52" t="s">
        <v>998</v>
      </c>
      <c r="B203" s="53"/>
      <c r="C203" s="53"/>
      <c r="D203" s="53"/>
      <c r="E203" s="53"/>
      <c r="F203" s="53"/>
      <c r="G203" s="53"/>
      <c r="H203" s="53"/>
      <c r="I203" s="53"/>
      <c r="J203" s="53"/>
      <c r="K203" s="53"/>
      <c r="L203" s="53"/>
      <c r="M203" s="53"/>
      <c r="N203" s="53"/>
      <c r="O203" s="53"/>
      <c r="P203" s="53"/>
      <c r="Q203" s="53"/>
      <c r="R203" s="53"/>
      <c r="S203" s="53"/>
      <c r="T203" s="53"/>
      <c r="U203" s="53"/>
      <c r="V203" s="53"/>
      <c r="W203" s="53"/>
      <c r="X203" s="53"/>
      <c r="Y203" s="53"/>
      <c r="Z203" s="53"/>
      <c r="AA203" s="53"/>
      <c r="AB203" s="53"/>
      <c r="AC203" s="53"/>
      <c r="AD203" s="53"/>
      <c r="AE203" s="53"/>
      <c r="AF203" s="53"/>
      <c r="AG203" s="53"/>
      <c r="AH203" s="53"/>
      <c r="AI203" s="53"/>
      <c r="AJ203" s="53"/>
      <c r="AK203" s="53"/>
      <c r="AL203" s="53"/>
      <c r="AM203" s="53"/>
      <c r="AN203" s="53"/>
      <c r="AO203" s="53"/>
      <c r="AP203" s="53"/>
      <c r="AQ203" s="53"/>
      <c r="AR203" s="53"/>
      <c r="AS203" s="53"/>
      <c r="AT203" s="53"/>
      <c r="AU203" s="53"/>
      <c r="AV203" s="53"/>
      <c r="AW203" s="53"/>
      <c r="AX203" s="53"/>
      <c r="AY203" s="53"/>
      <c r="AZ203" s="53"/>
      <c r="BA203" s="53"/>
    </row>
    <row r="204" spans="1:53">
      <c r="A204" s="52" t="s">
        <v>999</v>
      </c>
      <c r="B204" s="53">
        <v>128504.50999999901</v>
      </c>
      <c r="C204" s="53">
        <v>133238.96</v>
      </c>
      <c r="D204" s="53">
        <v>134184.44</v>
      </c>
      <c r="E204" s="53">
        <v>134886.44999999899</v>
      </c>
      <c r="F204" s="53">
        <v>134958.64000000001</v>
      </c>
      <c r="G204" s="53">
        <v>134894.49</v>
      </c>
      <c r="H204" s="53">
        <v>134821.74</v>
      </c>
      <c r="I204" s="53">
        <v>134033.46</v>
      </c>
      <c r="J204" s="53">
        <v>135129.79999999999</v>
      </c>
      <c r="K204" s="53">
        <v>134846.22</v>
      </c>
      <c r="L204" s="53">
        <v>135181.09</v>
      </c>
      <c r="M204" s="53">
        <v>135694.75</v>
      </c>
      <c r="N204" s="53">
        <v>1610374.54999999</v>
      </c>
      <c r="O204" s="53">
        <v>128504.50999999901</v>
      </c>
      <c r="P204" s="53">
        <v>133238.96</v>
      </c>
      <c r="Q204" s="53">
        <v>134184.44</v>
      </c>
      <c r="R204" s="53">
        <v>134886.44999999899</v>
      </c>
      <c r="S204" s="53">
        <v>134958.64000000001</v>
      </c>
      <c r="T204" s="53">
        <v>134894.49</v>
      </c>
      <c r="U204" s="53">
        <v>134821.74</v>
      </c>
      <c r="V204" s="53">
        <v>134033.46</v>
      </c>
      <c r="W204" s="53">
        <v>135129.79999999999</v>
      </c>
      <c r="X204" s="53">
        <v>134846.22</v>
      </c>
      <c r="Y204" s="53">
        <v>135181.09</v>
      </c>
      <c r="Z204" s="53">
        <v>135694.75</v>
      </c>
      <c r="AA204" s="53">
        <v>1610374.54999999</v>
      </c>
      <c r="AB204" s="53">
        <v>128504.50999999901</v>
      </c>
      <c r="AC204" s="53">
        <v>133238.96</v>
      </c>
      <c r="AD204" s="53">
        <v>134184.44</v>
      </c>
      <c r="AE204" s="53">
        <v>134886.44999999899</v>
      </c>
      <c r="AF204" s="53">
        <v>134958.64000000001</v>
      </c>
      <c r="AG204" s="53">
        <v>134894.49</v>
      </c>
      <c r="AH204" s="53">
        <v>134821.74</v>
      </c>
      <c r="AI204" s="53">
        <v>134033.46</v>
      </c>
      <c r="AJ204" s="53">
        <v>135129.79999999999</v>
      </c>
      <c r="AK204" s="53">
        <v>134846.22</v>
      </c>
      <c r="AL204" s="53">
        <v>135181.09</v>
      </c>
      <c r="AM204" s="53">
        <v>135694.75</v>
      </c>
      <c r="AN204" s="53">
        <v>1610374.54999999</v>
      </c>
      <c r="AO204" s="53">
        <v>128504.50999999901</v>
      </c>
      <c r="AP204" s="53">
        <v>133238.96</v>
      </c>
      <c r="AQ204" s="53">
        <v>134184.44</v>
      </c>
      <c r="AR204" s="53">
        <v>134886.44999999899</v>
      </c>
      <c r="AS204" s="53">
        <v>134958.64000000001</v>
      </c>
      <c r="AT204" s="53">
        <v>134894.49</v>
      </c>
      <c r="AU204" s="53">
        <v>134821.74</v>
      </c>
      <c r="AV204" s="53">
        <v>134033.46</v>
      </c>
      <c r="AW204" s="53">
        <v>135129.79999999999</v>
      </c>
      <c r="AX204" s="53">
        <v>134846.22</v>
      </c>
      <c r="AY204" s="53">
        <v>135181.09</v>
      </c>
      <c r="AZ204" s="53">
        <v>135694.75</v>
      </c>
      <c r="BA204" s="53">
        <v>1610374.54999999</v>
      </c>
    </row>
    <row r="205" spans="1:53">
      <c r="A205" s="52" t="s">
        <v>1000</v>
      </c>
      <c r="B205" s="53">
        <v>128504.50999999901</v>
      </c>
      <c r="C205" s="53">
        <v>133238.96</v>
      </c>
      <c r="D205" s="53">
        <v>134184.44</v>
      </c>
      <c r="E205" s="53">
        <v>134886.44999999899</v>
      </c>
      <c r="F205" s="53">
        <v>134958.64000000001</v>
      </c>
      <c r="G205" s="53">
        <v>134894.49</v>
      </c>
      <c r="H205" s="53">
        <v>134821.74</v>
      </c>
      <c r="I205" s="53">
        <v>134033.46</v>
      </c>
      <c r="J205" s="53">
        <v>135129.79999999999</v>
      </c>
      <c r="K205" s="53">
        <v>134846.22</v>
      </c>
      <c r="L205" s="53">
        <v>135181.09</v>
      </c>
      <c r="M205" s="53">
        <v>135694.75</v>
      </c>
      <c r="N205" s="53">
        <v>1610374.54999999</v>
      </c>
      <c r="O205" s="53">
        <v>128504.50999999901</v>
      </c>
      <c r="P205" s="53">
        <v>133238.96</v>
      </c>
      <c r="Q205" s="53">
        <v>134184.44</v>
      </c>
      <c r="R205" s="53">
        <v>134886.44999999899</v>
      </c>
      <c r="S205" s="53">
        <v>134958.64000000001</v>
      </c>
      <c r="T205" s="53">
        <v>134894.49</v>
      </c>
      <c r="U205" s="53">
        <v>134821.74</v>
      </c>
      <c r="V205" s="53">
        <v>134033.46</v>
      </c>
      <c r="W205" s="53">
        <v>135129.79999999999</v>
      </c>
      <c r="X205" s="53">
        <v>134846.22</v>
      </c>
      <c r="Y205" s="53">
        <v>135181.09</v>
      </c>
      <c r="Z205" s="53">
        <v>135694.75</v>
      </c>
      <c r="AA205" s="53">
        <v>1610374.54999999</v>
      </c>
      <c r="AB205" s="53">
        <v>128504.50999999901</v>
      </c>
      <c r="AC205" s="53">
        <v>133238.96</v>
      </c>
      <c r="AD205" s="53">
        <v>134184.44</v>
      </c>
      <c r="AE205" s="53">
        <v>134886.44999999899</v>
      </c>
      <c r="AF205" s="53">
        <v>134958.64000000001</v>
      </c>
      <c r="AG205" s="53">
        <v>134894.49</v>
      </c>
      <c r="AH205" s="53">
        <v>134821.74</v>
      </c>
      <c r="AI205" s="53">
        <v>134033.46</v>
      </c>
      <c r="AJ205" s="53">
        <v>135129.79999999999</v>
      </c>
      <c r="AK205" s="53">
        <v>134846.22</v>
      </c>
      <c r="AL205" s="53">
        <v>135181.09</v>
      </c>
      <c r="AM205" s="53">
        <v>135694.75</v>
      </c>
      <c r="AN205" s="53">
        <v>1610374.54999999</v>
      </c>
      <c r="AO205" s="53">
        <v>128504.50999999901</v>
      </c>
      <c r="AP205" s="53">
        <v>133238.96</v>
      </c>
      <c r="AQ205" s="53">
        <v>134184.44</v>
      </c>
      <c r="AR205" s="53">
        <v>134886.44999999899</v>
      </c>
      <c r="AS205" s="53">
        <v>134958.64000000001</v>
      </c>
      <c r="AT205" s="53">
        <v>134894.49</v>
      </c>
      <c r="AU205" s="53">
        <v>134821.74</v>
      </c>
      <c r="AV205" s="53">
        <v>134033.46</v>
      </c>
      <c r="AW205" s="53">
        <v>135129.79999999999</v>
      </c>
      <c r="AX205" s="53">
        <v>134846.22</v>
      </c>
      <c r="AY205" s="53">
        <v>135181.09</v>
      </c>
      <c r="AZ205" s="53">
        <v>135694.75</v>
      </c>
      <c r="BA205" s="53">
        <v>1610374.54999999</v>
      </c>
    </row>
    <row r="206" spans="1:53">
      <c r="A206" s="52" t="s">
        <v>1001</v>
      </c>
      <c r="B206" s="53"/>
      <c r="C206" s="53"/>
      <c r="D206" s="53"/>
      <c r="E206" s="53"/>
      <c r="F206" s="53"/>
      <c r="G206" s="53"/>
      <c r="H206" s="53"/>
      <c r="I206" s="53"/>
      <c r="J206" s="53"/>
      <c r="K206" s="53"/>
      <c r="L206" s="53"/>
      <c r="M206" s="53"/>
      <c r="N206" s="53"/>
      <c r="O206" s="53"/>
      <c r="P206" s="53"/>
      <c r="Q206" s="53"/>
      <c r="R206" s="53"/>
      <c r="S206" s="53"/>
      <c r="T206" s="53"/>
      <c r="U206" s="53"/>
      <c r="V206" s="53"/>
      <c r="W206" s="53"/>
      <c r="X206" s="53"/>
      <c r="Y206" s="53"/>
      <c r="Z206" s="53"/>
      <c r="AA206" s="53"/>
      <c r="AB206" s="53"/>
      <c r="AC206" s="53"/>
      <c r="AD206" s="53"/>
      <c r="AE206" s="53"/>
      <c r="AF206" s="53"/>
      <c r="AG206" s="53"/>
      <c r="AH206" s="53"/>
      <c r="AI206" s="53"/>
      <c r="AJ206" s="53"/>
      <c r="AK206" s="53"/>
      <c r="AL206" s="53"/>
      <c r="AM206" s="53"/>
      <c r="AN206" s="53"/>
      <c r="AO206" s="53"/>
      <c r="AP206" s="53"/>
      <c r="AQ206" s="53"/>
      <c r="AR206" s="53"/>
      <c r="AS206" s="53"/>
      <c r="AT206" s="53"/>
      <c r="AU206" s="53"/>
      <c r="AV206" s="53"/>
      <c r="AW206" s="53"/>
      <c r="AX206" s="53"/>
      <c r="AY206" s="53"/>
      <c r="AZ206" s="53"/>
      <c r="BA206" s="53"/>
    </row>
    <row r="207" spans="1:53">
      <c r="A207" s="52" t="s">
        <v>1002</v>
      </c>
      <c r="B207" s="53">
        <v>689815.58</v>
      </c>
      <c r="C207" s="53">
        <v>689815.58</v>
      </c>
      <c r="D207" s="53">
        <v>689815.58</v>
      </c>
      <c r="E207" s="53">
        <v>689815.58</v>
      </c>
      <c r="F207" s="53">
        <v>689815.58</v>
      </c>
      <c r="G207" s="53">
        <v>689815.58</v>
      </c>
      <c r="H207" s="53">
        <v>689815.58</v>
      </c>
      <c r="I207" s="53">
        <v>689815.58</v>
      </c>
      <c r="J207" s="53">
        <v>689815.58</v>
      </c>
      <c r="K207" s="53">
        <v>689815.58</v>
      </c>
      <c r="L207" s="53">
        <v>689815.58</v>
      </c>
      <c r="M207" s="53">
        <v>689815.58</v>
      </c>
      <c r="N207" s="53">
        <v>8277786.96</v>
      </c>
      <c r="O207" s="53">
        <v>-0.42000000007646998</v>
      </c>
      <c r="P207" s="53">
        <v>-0.42000000007646998</v>
      </c>
      <c r="Q207" s="53">
        <v>-0.42000000007646998</v>
      </c>
      <c r="R207" s="53">
        <v>-0.42000000007646998</v>
      </c>
      <c r="S207" s="53">
        <v>-0.42000000007646998</v>
      </c>
      <c r="T207" s="53">
        <v>-0.42000000007646998</v>
      </c>
      <c r="U207" s="53">
        <v>-0.42000000007646998</v>
      </c>
      <c r="V207" s="53">
        <v>-0.42000000007646998</v>
      </c>
      <c r="W207" s="53">
        <v>-0.42000000007646998</v>
      </c>
      <c r="X207" s="53">
        <v>-0.42000000007646998</v>
      </c>
      <c r="Y207" s="53">
        <v>-0.42000000007646998</v>
      </c>
      <c r="Z207" s="53">
        <v>-0.42000000007646998</v>
      </c>
      <c r="AA207" s="53">
        <v>-5.0400000009176402</v>
      </c>
      <c r="AB207" s="53">
        <v>-0.42000000007646998</v>
      </c>
      <c r="AC207" s="53">
        <v>-0.42000000007646998</v>
      </c>
      <c r="AD207" s="53">
        <v>-0.42000000007646998</v>
      </c>
      <c r="AE207" s="53">
        <v>-0.42000000007646998</v>
      </c>
      <c r="AF207" s="53">
        <v>-0.42000000007646998</v>
      </c>
      <c r="AG207" s="53">
        <v>-0.42000000007646998</v>
      </c>
      <c r="AH207" s="53">
        <v>-0.42000000007646998</v>
      </c>
      <c r="AI207" s="53">
        <v>-0.42000000007646998</v>
      </c>
      <c r="AJ207" s="53">
        <v>-0.42000000007646998</v>
      </c>
      <c r="AK207" s="53">
        <v>-0.42000000007646998</v>
      </c>
      <c r="AL207" s="53">
        <v>-0.42000000007646998</v>
      </c>
      <c r="AM207" s="53">
        <v>-0.42000000007646998</v>
      </c>
      <c r="AN207" s="53">
        <v>-5.0400000009176402</v>
      </c>
      <c r="AO207" s="53">
        <v>-0.42000000007646998</v>
      </c>
      <c r="AP207" s="53">
        <v>-0.42000000007646998</v>
      </c>
      <c r="AQ207" s="53">
        <v>-0.42000000007646998</v>
      </c>
      <c r="AR207" s="53">
        <v>-0.42000000007646998</v>
      </c>
      <c r="AS207" s="53">
        <v>-0.42000000007646998</v>
      </c>
      <c r="AT207" s="53">
        <v>-0.42000000007646998</v>
      </c>
      <c r="AU207" s="53">
        <v>-0.42000000007646998</v>
      </c>
      <c r="AV207" s="53">
        <v>-0.42000000007646998</v>
      </c>
      <c r="AW207" s="53">
        <v>-0.42000000007646998</v>
      </c>
      <c r="AX207" s="53">
        <v>-0.42000000007646998</v>
      </c>
      <c r="AY207" s="53">
        <v>-0.42000000007646998</v>
      </c>
      <c r="AZ207" s="53">
        <v>-0.42000000007646998</v>
      </c>
      <c r="BA207" s="53">
        <v>-5.0400000009176402</v>
      </c>
    </row>
    <row r="208" spans="1:53">
      <c r="A208" s="52" t="s">
        <v>1003</v>
      </c>
      <c r="B208" s="53">
        <v>0</v>
      </c>
      <c r="C208" s="53">
        <v>0</v>
      </c>
      <c r="D208" s="53">
        <v>0</v>
      </c>
      <c r="E208" s="53">
        <v>0</v>
      </c>
      <c r="F208" s="53">
        <v>0</v>
      </c>
      <c r="G208" s="53">
        <v>0</v>
      </c>
      <c r="H208" s="53">
        <v>0</v>
      </c>
      <c r="I208" s="53">
        <v>0</v>
      </c>
      <c r="J208" s="53">
        <v>0</v>
      </c>
      <c r="K208" s="53">
        <v>0</v>
      </c>
      <c r="L208" s="53">
        <v>0</v>
      </c>
      <c r="M208" s="53">
        <v>0</v>
      </c>
      <c r="N208" s="53">
        <v>0</v>
      </c>
      <c r="O208" s="53">
        <v>0</v>
      </c>
      <c r="P208" s="53">
        <v>0</v>
      </c>
      <c r="Q208" s="53">
        <v>0</v>
      </c>
      <c r="R208" s="53">
        <v>0</v>
      </c>
      <c r="S208" s="53">
        <v>0</v>
      </c>
      <c r="T208" s="53">
        <v>0</v>
      </c>
      <c r="U208" s="53">
        <v>0</v>
      </c>
      <c r="V208" s="53">
        <v>0</v>
      </c>
      <c r="W208" s="53">
        <v>0</v>
      </c>
      <c r="X208" s="53">
        <v>0</v>
      </c>
      <c r="Y208" s="53">
        <v>0</v>
      </c>
      <c r="Z208" s="53">
        <v>0</v>
      </c>
      <c r="AA208" s="53">
        <v>0</v>
      </c>
      <c r="AB208" s="53">
        <v>0</v>
      </c>
      <c r="AC208" s="53">
        <v>0</v>
      </c>
      <c r="AD208" s="53">
        <v>0</v>
      </c>
      <c r="AE208" s="53">
        <v>0</v>
      </c>
      <c r="AF208" s="53">
        <v>0</v>
      </c>
      <c r="AG208" s="53">
        <v>0</v>
      </c>
      <c r="AH208" s="53">
        <v>0</v>
      </c>
      <c r="AI208" s="53">
        <v>0</v>
      </c>
      <c r="AJ208" s="53">
        <v>0</v>
      </c>
      <c r="AK208" s="53">
        <v>0</v>
      </c>
      <c r="AL208" s="53">
        <v>0</v>
      </c>
      <c r="AM208" s="53">
        <v>0</v>
      </c>
      <c r="AN208" s="53">
        <v>0</v>
      </c>
      <c r="AO208" s="53">
        <v>0</v>
      </c>
      <c r="AP208" s="53">
        <v>0</v>
      </c>
      <c r="AQ208" s="53">
        <v>0</v>
      </c>
      <c r="AR208" s="53">
        <v>0</v>
      </c>
      <c r="AS208" s="53">
        <v>0</v>
      </c>
      <c r="AT208" s="53">
        <v>0</v>
      </c>
      <c r="AU208" s="53">
        <v>0</v>
      </c>
      <c r="AV208" s="53">
        <v>0</v>
      </c>
      <c r="AW208" s="53">
        <v>0</v>
      </c>
      <c r="AX208" s="53">
        <v>0</v>
      </c>
      <c r="AY208" s="53">
        <v>0</v>
      </c>
      <c r="AZ208" s="53">
        <v>0</v>
      </c>
      <c r="BA208" s="53">
        <v>0</v>
      </c>
    </row>
    <row r="209" spans="1:53">
      <c r="A209" s="52" t="s">
        <v>1004</v>
      </c>
      <c r="B209" s="53">
        <v>689815.58</v>
      </c>
      <c r="C209" s="53">
        <v>689815.58</v>
      </c>
      <c r="D209" s="53">
        <v>689815.58</v>
      </c>
      <c r="E209" s="53">
        <v>689815.58</v>
      </c>
      <c r="F209" s="53">
        <v>689815.58</v>
      </c>
      <c r="G209" s="53">
        <v>689815.58</v>
      </c>
      <c r="H209" s="53">
        <v>689815.58</v>
      </c>
      <c r="I209" s="53">
        <v>689815.58</v>
      </c>
      <c r="J209" s="53">
        <v>689815.58</v>
      </c>
      <c r="K209" s="53">
        <v>689815.58</v>
      </c>
      <c r="L209" s="53">
        <v>689815.58</v>
      </c>
      <c r="M209" s="53">
        <v>689815.58</v>
      </c>
      <c r="N209" s="53">
        <v>8277786.96</v>
      </c>
      <c r="O209" s="53">
        <v>-0.42000000007646998</v>
      </c>
      <c r="P209" s="53">
        <v>-0.42000000007646998</v>
      </c>
      <c r="Q209" s="53">
        <v>-0.42000000007646998</v>
      </c>
      <c r="R209" s="53">
        <v>-0.42000000007646998</v>
      </c>
      <c r="S209" s="53">
        <v>-0.42000000007646998</v>
      </c>
      <c r="T209" s="53">
        <v>-0.42000000007646998</v>
      </c>
      <c r="U209" s="53">
        <v>-0.42000000007646998</v>
      </c>
      <c r="V209" s="53">
        <v>-0.42000000007646998</v>
      </c>
      <c r="W209" s="53">
        <v>-0.42000000007646998</v>
      </c>
      <c r="X209" s="53">
        <v>-0.42000000007646998</v>
      </c>
      <c r="Y209" s="53">
        <v>-0.42000000007646998</v>
      </c>
      <c r="Z209" s="53">
        <v>-0.42000000007646998</v>
      </c>
      <c r="AA209" s="53">
        <v>-5.0400000009176402</v>
      </c>
      <c r="AB209" s="53">
        <v>-0.42000000007646998</v>
      </c>
      <c r="AC209" s="53">
        <v>-0.42000000007646998</v>
      </c>
      <c r="AD209" s="53">
        <v>-0.42000000007646998</v>
      </c>
      <c r="AE209" s="53">
        <v>-0.42000000007646998</v>
      </c>
      <c r="AF209" s="53">
        <v>-0.42000000007646998</v>
      </c>
      <c r="AG209" s="53">
        <v>-0.42000000007646998</v>
      </c>
      <c r="AH209" s="53">
        <v>-0.42000000007646998</v>
      </c>
      <c r="AI209" s="53">
        <v>-0.42000000007646998</v>
      </c>
      <c r="AJ209" s="53">
        <v>-0.42000000007646998</v>
      </c>
      <c r="AK209" s="53">
        <v>-0.42000000007646998</v>
      </c>
      <c r="AL209" s="53">
        <v>-0.42000000007646998</v>
      </c>
      <c r="AM209" s="53">
        <v>-0.42000000007646998</v>
      </c>
      <c r="AN209" s="53">
        <v>-5.0400000009176402</v>
      </c>
      <c r="AO209" s="53">
        <v>-0.42000000007646998</v>
      </c>
      <c r="AP209" s="53">
        <v>-0.42000000007646998</v>
      </c>
      <c r="AQ209" s="53">
        <v>-0.42000000007646998</v>
      </c>
      <c r="AR209" s="53">
        <v>-0.42000000007646998</v>
      </c>
      <c r="AS209" s="53">
        <v>-0.42000000007646998</v>
      </c>
      <c r="AT209" s="53">
        <v>-0.42000000007646998</v>
      </c>
      <c r="AU209" s="53">
        <v>-0.42000000007646998</v>
      </c>
      <c r="AV209" s="53">
        <v>-0.42000000007646998</v>
      </c>
      <c r="AW209" s="53">
        <v>-0.42000000007646998</v>
      </c>
      <c r="AX209" s="53">
        <v>-0.42000000007646998</v>
      </c>
      <c r="AY209" s="53">
        <v>-0.42000000007646998</v>
      </c>
      <c r="AZ209" s="53">
        <v>-0.42000000007646998</v>
      </c>
      <c r="BA209" s="53">
        <v>-5.0400000009176402</v>
      </c>
    </row>
    <row r="210" spans="1:53">
      <c r="A210" s="52" t="s">
        <v>1005</v>
      </c>
      <c r="B210" s="53"/>
      <c r="C210" s="53"/>
      <c r="D210" s="53"/>
      <c r="E210" s="53"/>
      <c r="F210" s="53"/>
      <c r="G210" s="53"/>
      <c r="H210" s="53"/>
      <c r="I210" s="53"/>
      <c r="J210" s="53"/>
      <c r="K210" s="53"/>
      <c r="L210" s="53"/>
      <c r="M210" s="53"/>
      <c r="N210" s="53"/>
      <c r="O210" s="53"/>
      <c r="P210" s="53"/>
      <c r="Q210" s="53"/>
      <c r="R210" s="53"/>
      <c r="S210" s="53"/>
      <c r="T210" s="53"/>
      <c r="U210" s="53"/>
      <c r="V210" s="53"/>
      <c r="W210" s="53"/>
      <c r="X210" s="53"/>
      <c r="Y210" s="53"/>
      <c r="Z210" s="53"/>
      <c r="AA210" s="53"/>
      <c r="AB210" s="53"/>
      <c r="AC210" s="53"/>
      <c r="AD210" s="53"/>
      <c r="AE210" s="53"/>
      <c r="AF210" s="53"/>
      <c r="AG210" s="53"/>
      <c r="AH210" s="53"/>
      <c r="AI210" s="53"/>
      <c r="AJ210" s="53"/>
      <c r="AK210" s="53"/>
      <c r="AL210" s="53"/>
      <c r="AM210" s="53"/>
      <c r="AN210" s="53"/>
      <c r="AO210" s="53"/>
      <c r="AP210" s="53"/>
      <c r="AQ210" s="53"/>
      <c r="AR210" s="53"/>
      <c r="AS210" s="53"/>
      <c r="AT210" s="53"/>
      <c r="AU210" s="53"/>
      <c r="AV210" s="53"/>
      <c r="AW210" s="53"/>
      <c r="AX210" s="53"/>
      <c r="AY210" s="53"/>
      <c r="AZ210" s="53"/>
      <c r="BA210" s="53"/>
    </row>
    <row r="211" spans="1:53">
      <c r="A211" s="52" t="s">
        <v>1006</v>
      </c>
      <c r="B211" s="53">
        <v>720405.58333333302</v>
      </c>
      <c r="C211" s="53">
        <v>740326.28333333298</v>
      </c>
      <c r="D211" s="53">
        <v>528320.87333333294</v>
      </c>
      <c r="E211" s="53">
        <v>636309.91333333298</v>
      </c>
      <c r="F211" s="53">
        <v>665678.16333333298</v>
      </c>
      <c r="G211" s="53">
        <v>532785.55333333299</v>
      </c>
      <c r="H211" s="53">
        <v>649454.29333333299</v>
      </c>
      <c r="I211" s="53">
        <v>525744.83333333302</v>
      </c>
      <c r="J211" s="53">
        <v>464175.39333333197</v>
      </c>
      <c r="K211" s="53">
        <v>772464.46333333198</v>
      </c>
      <c r="L211" s="53">
        <v>548315.683333333</v>
      </c>
      <c r="M211" s="53">
        <v>608146.33333333302</v>
      </c>
      <c r="N211" s="53">
        <v>7392127.3699999899</v>
      </c>
      <c r="O211" s="53">
        <v>720405.58333333302</v>
      </c>
      <c r="P211" s="53">
        <v>740326.28333333298</v>
      </c>
      <c r="Q211" s="53">
        <v>528320.87333333294</v>
      </c>
      <c r="R211" s="53">
        <v>636309.91333333298</v>
      </c>
      <c r="S211" s="53">
        <v>665678.16333333298</v>
      </c>
      <c r="T211" s="53">
        <v>532785.55333333299</v>
      </c>
      <c r="U211" s="53">
        <v>649454.29333333299</v>
      </c>
      <c r="V211" s="53">
        <v>525744.83333333302</v>
      </c>
      <c r="W211" s="53">
        <v>464175.39333333197</v>
      </c>
      <c r="X211" s="53">
        <v>772464.46333333198</v>
      </c>
      <c r="Y211" s="53">
        <v>548315.683333333</v>
      </c>
      <c r="Z211" s="53">
        <v>608146.33333333302</v>
      </c>
      <c r="AA211" s="53">
        <v>7392127.3699999899</v>
      </c>
      <c r="AB211" s="53">
        <v>720405.58333333302</v>
      </c>
      <c r="AC211" s="53">
        <v>740326.28333333298</v>
      </c>
      <c r="AD211" s="53">
        <v>528320.87333333294</v>
      </c>
      <c r="AE211" s="53">
        <v>636309.91333333298</v>
      </c>
      <c r="AF211" s="53">
        <v>665678.16333333298</v>
      </c>
      <c r="AG211" s="53">
        <v>532785.55333333299</v>
      </c>
      <c r="AH211" s="53">
        <v>649454.29333333299</v>
      </c>
      <c r="AI211" s="53">
        <v>525744.83333333302</v>
      </c>
      <c r="AJ211" s="53">
        <v>464175.39333333197</v>
      </c>
      <c r="AK211" s="53">
        <v>772464.46333333198</v>
      </c>
      <c r="AL211" s="53">
        <v>548315.683333333</v>
      </c>
      <c r="AM211" s="53">
        <v>608146.33333333302</v>
      </c>
      <c r="AN211" s="53">
        <v>7392127.3699999899</v>
      </c>
      <c r="AO211" s="53">
        <v>720405.58333333302</v>
      </c>
      <c r="AP211" s="53">
        <v>740326.28333333298</v>
      </c>
      <c r="AQ211" s="53">
        <v>528320.87333333294</v>
      </c>
      <c r="AR211" s="53">
        <v>636309.91333333298</v>
      </c>
      <c r="AS211" s="53">
        <v>665678.16333333298</v>
      </c>
      <c r="AT211" s="53">
        <v>532785.55333333299</v>
      </c>
      <c r="AU211" s="53">
        <v>649454.29333333299</v>
      </c>
      <c r="AV211" s="53">
        <v>525744.83333333302</v>
      </c>
      <c r="AW211" s="53">
        <v>464175.39333333197</v>
      </c>
      <c r="AX211" s="53">
        <v>772464.46333333198</v>
      </c>
      <c r="AY211" s="53">
        <v>548315.683333333</v>
      </c>
      <c r="AZ211" s="53">
        <v>608146.33333333302</v>
      </c>
      <c r="BA211" s="53">
        <v>7392127.3699999899</v>
      </c>
    </row>
    <row r="212" spans="1:53">
      <c r="A212" s="52" t="s">
        <v>1007</v>
      </c>
      <c r="B212" s="53">
        <v>-150984.01999999999</v>
      </c>
      <c r="C212" s="53">
        <v>-157629.01999999999</v>
      </c>
      <c r="D212" s="53">
        <v>-205754.84</v>
      </c>
      <c r="E212" s="53">
        <v>-282727.83999999898</v>
      </c>
      <c r="F212" s="53">
        <v>-582957.84</v>
      </c>
      <c r="G212" s="53">
        <v>-442381.84</v>
      </c>
      <c r="H212" s="53">
        <v>-370950.83999999898</v>
      </c>
      <c r="I212" s="53">
        <v>-290040.84000000003</v>
      </c>
      <c r="J212" s="53">
        <v>-292991.83999999898</v>
      </c>
      <c r="K212" s="53">
        <v>-267828.83999999898</v>
      </c>
      <c r="L212" s="53">
        <v>-201435.84</v>
      </c>
      <c r="M212" s="53">
        <v>-160118.84</v>
      </c>
      <c r="N212" s="53">
        <v>-3405802.44</v>
      </c>
      <c r="O212" s="53">
        <v>-285895.01999999897</v>
      </c>
      <c r="P212" s="53">
        <v>-285895.01999999897</v>
      </c>
      <c r="Q212" s="53">
        <v>-285837.83999999898</v>
      </c>
      <c r="R212" s="53">
        <v>-285837.83999999898</v>
      </c>
      <c r="S212" s="53">
        <v>-285837.83999999898</v>
      </c>
      <c r="T212" s="53">
        <v>-285837.83999999898</v>
      </c>
      <c r="U212" s="53">
        <v>-285837.83999999898</v>
      </c>
      <c r="V212" s="53">
        <v>-285837.83999999898</v>
      </c>
      <c r="W212" s="53">
        <v>-285837.83999999898</v>
      </c>
      <c r="X212" s="53">
        <v>-285837.83999999898</v>
      </c>
      <c r="Y212" s="53">
        <v>-285837.83999999898</v>
      </c>
      <c r="Z212" s="53">
        <v>-285837.83999999898</v>
      </c>
      <c r="AA212" s="53">
        <v>-3430168.44</v>
      </c>
      <c r="AB212" s="53">
        <v>-284903.01999999897</v>
      </c>
      <c r="AC212" s="53">
        <v>-284903.01999999897</v>
      </c>
      <c r="AD212" s="53">
        <v>-284845.83999999898</v>
      </c>
      <c r="AE212" s="53">
        <v>-284845.83999999898</v>
      </c>
      <c r="AF212" s="53">
        <v>-284845.83999999898</v>
      </c>
      <c r="AG212" s="53">
        <v>-284845.83999999898</v>
      </c>
      <c r="AH212" s="53">
        <v>-284845.83999999898</v>
      </c>
      <c r="AI212" s="53">
        <v>-284845.83999999898</v>
      </c>
      <c r="AJ212" s="53">
        <v>-284845.83999999898</v>
      </c>
      <c r="AK212" s="53">
        <v>-284845.83999999898</v>
      </c>
      <c r="AL212" s="53">
        <v>-284845.83999999898</v>
      </c>
      <c r="AM212" s="53">
        <v>-284845.83999999898</v>
      </c>
      <c r="AN212" s="53">
        <v>-3418264.4399999902</v>
      </c>
      <c r="AO212" s="53">
        <v>-284903.01999999897</v>
      </c>
      <c r="AP212" s="53">
        <v>-284903.01999999897</v>
      </c>
      <c r="AQ212" s="53">
        <v>-284845.83999999898</v>
      </c>
      <c r="AR212" s="53">
        <v>-284845.83999999898</v>
      </c>
      <c r="AS212" s="53">
        <v>-284845.83999999898</v>
      </c>
      <c r="AT212" s="53">
        <v>-284845.83999999898</v>
      </c>
      <c r="AU212" s="53">
        <v>-284845.83999999898</v>
      </c>
      <c r="AV212" s="53">
        <v>-284845.83999999898</v>
      </c>
      <c r="AW212" s="53">
        <v>-284845.83999999898</v>
      </c>
      <c r="AX212" s="53">
        <v>-284845.83999999898</v>
      </c>
      <c r="AY212" s="53">
        <v>-284845.83999999898</v>
      </c>
      <c r="AZ212" s="53">
        <v>-284845.83999999898</v>
      </c>
      <c r="BA212" s="53">
        <v>-3418264.4399999902</v>
      </c>
    </row>
    <row r="213" spans="1:53">
      <c r="A213" s="52" t="s">
        <v>1008</v>
      </c>
      <c r="B213" s="53">
        <v>569421.56333333196</v>
      </c>
      <c r="C213" s="53">
        <v>582697.26333333296</v>
      </c>
      <c r="D213" s="53">
        <v>322566.03333333298</v>
      </c>
      <c r="E213" s="53">
        <v>353582.07333333301</v>
      </c>
      <c r="F213" s="53">
        <v>82720.323333332999</v>
      </c>
      <c r="G213" s="53">
        <v>90403.713333332897</v>
      </c>
      <c r="H213" s="53">
        <v>278503.45333333302</v>
      </c>
      <c r="I213" s="53">
        <v>235703.993333333</v>
      </c>
      <c r="J213" s="53">
        <v>171183.55333333299</v>
      </c>
      <c r="K213" s="53">
        <v>504635.62333333201</v>
      </c>
      <c r="L213" s="53">
        <v>346879.84333333297</v>
      </c>
      <c r="M213" s="53">
        <v>448027.493333333</v>
      </c>
      <c r="N213" s="53">
        <v>3986324.9299999899</v>
      </c>
      <c r="O213" s="53">
        <v>434510.56333333201</v>
      </c>
      <c r="P213" s="53">
        <v>454431.26333333302</v>
      </c>
      <c r="Q213" s="53">
        <v>242483.03333333301</v>
      </c>
      <c r="R213" s="53">
        <v>350472.07333333301</v>
      </c>
      <c r="S213" s="53">
        <v>379840.32333333301</v>
      </c>
      <c r="T213" s="53">
        <v>246947.713333333</v>
      </c>
      <c r="U213" s="53">
        <v>363616.45333333203</v>
      </c>
      <c r="V213" s="53">
        <v>239906.993333333</v>
      </c>
      <c r="W213" s="53">
        <v>178337.55333333201</v>
      </c>
      <c r="X213" s="53">
        <v>486626.62333333201</v>
      </c>
      <c r="Y213" s="53">
        <v>262477.84333333297</v>
      </c>
      <c r="Z213" s="53">
        <v>322308.493333333</v>
      </c>
      <c r="AA213" s="53">
        <v>3961958.9299999899</v>
      </c>
      <c r="AB213" s="53">
        <v>435502.56333333201</v>
      </c>
      <c r="AC213" s="53">
        <v>455423.26333333302</v>
      </c>
      <c r="AD213" s="53">
        <v>243475.03333333301</v>
      </c>
      <c r="AE213" s="53">
        <v>351464.07333333301</v>
      </c>
      <c r="AF213" s="53">
        <v>380832.32333333301</v>
      </c>
      <c r="AG213" s="53">
        <v>247939.713333333</v>
      </c>
      <c r="AH213" s="53">
        <v>364608.45333333302</v>
      </c>
      <c r="AI213" s="53">
        <v>240898.993333333</v>
      </c>
      <c r="AJ213" s="53">
        <v>179329.55333333299</v>
      </c>
      <c r="AK213" s="53">
        <v>487618.62333333201</v>
      </c>
      <c r="AL213" s="53">
        <v>263469.84333333297</v>
      </c>
      <c r="AM213" s="53">
        <v>323300.493333333</v>
      </c>
      <c r="AN213" s="53">
        <v>3973862.9299999899</v>
      </c>
      <c r="AO213" s="53">
        <v>435502.56333333201</v>
      </c>
      <c r="AP213" s="53">
        <v>455423.26333333302</v>
      </c>
      <c r="AQ213" s="53">
        <v>243475.03333333301</v>
      </c>
      <c r="AR213" s="53">
        <v>351464.07333333301</v>
      </c>
      <c r="AS213" s="53">
        <v>380832.32333333301</v>
      </c>
      <c r="AT213" s="53">
        <v>247939.713333333</v>
      </c>
      <c r="AU213" s="53">
        <v>364608.45333333302</v>
      </c>
      <c r="AV213" s="53">
        <v>240898.993333333</v>
      </c>
      <c r="AW213" s="53">
        <v>179329.55333333299</v>
      </c>
      <c r="AX213" s="53">
        <v>487618.62333333201</v>
      </c>
      <c r="AY213" s="53">
        <v>263469.84333333297</v>
      </c>
      <c r="AZ213" s="53">
        <v>323300.493333333</v>
      </c>
      <c r="BA213" s="53">
        <v>3973862.9299999899</v>
      </c>
    </row>
    <row r="214" spans="1:53">
      <c r="A214" s="52" t="s">
        <v>1009</v>
      </c>
      <c r="B214" s="53"/>
      <c r="C214" s="53"/>
      <c r="D214" s="53"/>
      <c r="E214" s="53"/>
      <c r="F214" s="53"/>
      <c r="G214" s="53"/>
      <c r="H214" s="53"/>
      <c r="I214" s="53"/>
      <c r="J214" s="53"/>
      <c r="K214" s="53"/>
      <c r="L214" s="53"/>
      <c r="M214" s="53"/>
      <c r="N214" s="53"/>
      <c r="O214" s="53"/>
      <c r="P214" s="53"/>
      <c r="Q214" s="53"/>
      <c r="R214" s="53"/>
      <c r="S214" s="53"/>
      <c r="T214" s="53"/>
      <c r="U214" s="53"/>
      <c r="V214" s="53"/>
      <c r="W214" s="53"/>
      <c r="X214" s="53"/>
      <c r="Y214" s="53"/>
      <c r="Z214" s="53"/>
      <c r="AA214" s="53"/>
      <c r="AB214" s="53"/>
      <c r="AC214" s="53"/>
      <c r="AD214" s="53"/>
      <c r="AE214" s="53"/>
      <c r="AF214" s="53"/>
      <c r="AG214" s="53"/>
      <c r="AH214" s="53"/>
      <c r="AI214" s="53"/>
      <c r="AJ214" s="53"/>
      <c r="AK214" s="53"/>
      <c r="AL214" s="53"/>
      <c r="AM214" s="53"/>
      <c r="AN214" s="53"/>
      <c r="AO214" s="53"/>
      <c r="AP214" s="53"/>
      <c r="AQ214" s="53"/>
      <c r="AR214" s="53"/>
      <c r="AS214" s="53"/>
      <c r="AT214" s="53"/>
      <c r="AU214" s="53"/>
      <c r="AV214" s="53"/>
      <c r="AW214" s="53"/>
      <c r="AX214" s="53"/>
      <c r="AY214" s="53"/>
      <c r="AZ214" s="53"/>
      <c r="BA214" s="53"/>
    </row>
    <row r="215" spans="1:53">
      <c r="A215" s="52" t="s">
        <v>1010</v>
      </c>
      <c r="B215" s="53">
        <v>329967.42</v>
      </c>
      <c r="C215" s="53">
        <v>10123.950000000001</v>
      </c>
      <c r="D215" s="53">
        <v>10195.869999999901</v>
      </c>
      <c r="E215" s="53">
        <v>10258.719999999999</v>
      </c>
      <c r="F215" s="53">
        <v>10240.32</v>
      </c>
      <c r="G215" s="53">
        <v>10242.01</v>
      </c>
      <c r="H215" s="53">
        <v>10192.799999999999</v>
      </c>
      <c r="I215" s="53">
        <v>10128.75</v>
      </c>
      <c r="J215" s="53">
        <v>10213.530000000001</v>
      </c>
      <c r="K215" s="53">
        <v>10241.64</v>
      </c>
      <c r="L215" s="53">
        <v>10246.64</v>
      </c>
      <c r="M215" s="53">
        <v>10270.299999999999</v>
      </c>
      <c r="N215" s="53">
        <v>442321.95</v>
      </c>
      <c r="O215" s="53">
        <v>329967.42</v>
      </c>
      <c r="P215" s="53">
        <v>10123.950000000001</v>
      </c>
      <c r="Q215" s="53">
        <v>10195.869999999901</v>
      </c>
      <c r="R215" s="53">
        <v>10258.719999999999</v>
      </c>
      <c r="S215" s="53">
        <v>10240.32</v>
      </c>
      <c r="T215" s="53">
        <v>10242.01</v>
      </c>
      <c r="U215" s="53">
        <v>10192.799999999999</v>
      </c>
      <c r="V215" s="53">
        <v>10128.75</v>
      </c>
      <c r="W215" s="53">
        <v>10213.530000000001</v>
      </c>
      <c r="X215" s="53">
        <v>10241.64</v>
      </c>
      <c r="Y215" s="53">
        <v>10246.64</v>
      </c>
      <c r="Z215" s="53">
        <v>10270.299999999999</v>
      </c>
      <c r="AA215" s="53">
        <v>442321.95</v>
      </c>
      <c r="AB215" s="53">
        <v>329967.42</v>
      </c>
      <c r="AC215" s="53">
        <v>10123.950000000001</v>
      </c>
      <c r="AD215" s="53">
        <v>10195.869999999901</v>
      </c>
      <c r="AE215" s="53">
        <v>10258.719999999999</v>
      </c>
      <c r="AF215" s="53">
        <v>10240.32</v>
      </c>
      <c r="AG215" s="53">
        <v>10242.01</v>
      </c>
      <c r="AH215" s="53">
        <v>10192.799999999999</v>
      </c>
      <c r="AI215" s="53">
        <v>10128.75</v>
      </c>
      <c r="AJ215" s="53">
        <v>10213.530000000001</v>
      </c>
      <c r="AK215" s="53">
        <v>10241.64</v>
      </c>
      <c r="AL215" s="53">
        <v>10246.64</v>
      </c>
      <c r="AM215" s="53">
        <v>10270.299999999999</v>
      </c>
      <c r="AN215" s="53">
        <v>442321.95</v>
      </c>
      <c r="AO215" s="53">
        <v>329967.42</v>
      </c>
      <c r="AP215" s="53">
        <v>10123.950000000001</v>
      </c>
      <c r="AQ215" s="53">
        <v>10195.869999999901</v>
      </c>
      <c r="AR215" s="53">
        <v>10258.719999999999</v>
      </c>
      <c r="AS215" s="53">
        <v>10240.32</v>
      </c>
      <c r="AT215" s="53">
        <v>10242.01</v>
      </c>
      <c r="AU215" s="53">
        <v>10192.799999999999</v>
      </c>
      <c r="AV215" s="53">
        <v>10128.75</v>
      </c>
      <c r="AW215" s="53">
        <v>10213.530000000001</v>
      </c>
      <c r="AX215" s="53">
        <v>10241.64</v>
      </c>
      <c r="AY215" s="53">
        <v>10246.64</v>
      </c>
      <c r="AZ215" s="53">
        <v>10270.299999999999</v>
      </c>
      <c r="BA215" s="53">
        <v>442321.95</v>
      </c>
    </row>
    <row r="216" spans="1:53">
      <c r="A216" s="52" t="s">
        <v>1011</v>
      </c>
      <c r="B216" s="53">
        <v>329967.42</v>
      </c>
      <c r="C216" s="53">
        <v>10123.950000000001</v>
      </c>
      <c r="D216" s="53">
        <v>10195.869999999901</v>
      </c>
      <c r="E216" s="53">
        <v>10258.719999999999</v>
      </c>
      <c r="F216" s="53">
        <v>10240.32</v>
      </c>
      <c r="G216" s="53">
        <v>10242.01</v>
      </c>
      <c r="H216" s="53">
        <v>10192.799999999999</v>
      </c>
      <c r="I216" s="53">
        <v>10128.75</v>
      </c>
      <c r="J216" s="53">
        <v>10213.530000000001</v>
      </c>
      <c r="K216" s="53">
        <v>10241.64</v>
      </c>
      <c r="L216" s="53">
        <v>10246.64</v>
      </c>
      <c r="M216" s="53">
        <v>10270.299999999999</v>
      </c>
      <c r="N216" s="53">
        <v>442321.95</v>
      </c>
      <c r="O216" s="53">
        <v>329967.42</v>
      </c>
      <c r="P216" s="53">
        <v>10123.950000000001</v>
      </c>
      <c r="Q216" s="53">
        <v>10195.869999999901</v>
      </c>
      <c r="R216" s="53">
        <v>10258.719999999999</v>
      </c>
      <c r="S216" s="53">
        <v>10240.32</v>
      </c>
      <c r="T216" s="53">
        <v>10242.01</v>
      </c>
      <c r="U216" s="53">
        <v>10192.799999999999</v>
      </c>
      <c r="V216" s="53">
        <v>10128.75</v>
      </c>
      <c r="W216" s="53">
        <v>10213.530000000001</v>
      </c>
      <c r="X216" s="53">
        <v>10241.64</v>
      </c>
      <c r="Y216" s="53">
        <v>10246.64</v>
      </c>
      <c r="Z216" s="53">
        <v>10270.299999999999</v>
      </c>
      <c r="AA216" s="53">
        <v>442321.95</v>
      </c>
      <c r="AB216" s="53">
        <v>329967.42</v>
      </c>
      <c r="AC216" s="53">
        <v>10123.950000000001</v>
      </c>
      <c r="AD216" s="53">
        <v>10195.869999999901</v>
      </c>
      <c r="AE216" s="53">
        <v>10258.719999999999</v>
      </c>
      <c r="AF216" s="53">
        <v>10240.32</v>
      </c>
      <c r="AG216" s="53">
        <v>10242.01</v>
      </c>
      <c r="AH216" s="53">
        <v>10192.799999999999</v>
      </c>
      <c r="AI216" s="53">
        <v>10128.75</v>
      </c>
      <c r="AJ216" s="53">
        <v>10213.530000000001</v>
      </c>
      <c r="AK216" s="53">
        <v>10241.64</v>
      </c>
      <c r="AL216" s="53">
        <v>10246.64</v>
      </c>
      <c r="AM216" s="53">
        <v>10270.299999999999</v>
      </c>
      <c r="AN216" s="53">
        <v>442321.95</v>
      </c>
      <c r="AO216" s="53">
        <v>329967.42</v>
      </c>
      <c r="AP216" s="53">
        <v>10123.950000000001</v>
      </c>
      <c r="AQ216" s="53">
        <v>10195.869999999901</v>
      </c>
      <c r="AR216" s="53">
        <v>10258.719999999999</v>
      </c>
      <c r="AS216" s="53">
        <v>10240.32</v>
      </c>
      <c r="AT216" s="53">
        <v>10242.01</v>
      </c>
      <c r="AU216" s="53">
        <v>10192.799999999999</v>
      </c>
      <c r="AV216" s="53">
        <v>10128.75</v>
      </c>
      <c r="AW216" s="53">
        <v>10213.530000000001</v>
      </c>
      <c r="AX216" s="53">
        <v>10241.64</v>
      </c>
      <c r="AY216" s="53">
        <v>10246.64</v>
      </c>
      <c r="AZ216" s="53">
        <v>10270.299999999999</v>
      </c>
      <c r="BA216" s="53">
        <v>442321.95</v>
      </c>
    </row>
    <row r="217" spans="1:53">
      <c r="A217" s="236" t="s">
        <v>1012</v>
      </c>
      <c r="B217" s="53">
        <v>2445883.29136982</v>
      </c>
      <c r="C217" s="53">
        <v>2029957.8413698201</v>
      </c>
      <c r="D217" s="53">
        <v>2974598.50136982</v>
      </c>
      <c r="E217" s="53">
        <v>1927363.3913698201</v>
      </c>
      <c r="F217" s="53">
        <v>1837830.4513698199</v>
      </c>
      <c r="G217" s="53">
        <v>2887702.1013698201</v>
      </c>
      <c r="H217" s="53">
        <v>1831708.8813698201</v>
      </c>
      <c r="I217" s="53">
        <v>1708489.78136982</v>
      </c>
      <c r="J217" s="53">
        <v>2765520.9413698199</v>
      </c>
      <c r="K217" s="53">
        <v>2000930.0913698201</v>
      </c>
      <c r="L217" s="53">
        <v>1832783.8413698201</v>
      </c>
      <c r="M217" s="53">
        <v>3156248.2013698202</v>
      </c>
      <c r="N217" s="53">
        <v>27399017.3164379</v>
      </c>
      <c r="O217" s="53">
        <v>1673033.6789714899</v>
      </c>
      <c r="P217" s="53">
        <v>1263753.2289714899</v>
      </c>
      <c r="Q217" s="53">
        <v>2256576.8889714899</v>
      </c>
      <c r="R217" s="53">
        <v>1286314.77897149</v>
      </c>
      <c r="S217" s="53">
        <v>1497011.83897149</v>
      </c>
      <c r="T217" s="53">
        <v>2406307.4889714899</v>
      </c>
      <c r="U217" s="53">
        <v>1278883.26897149</v>
      </c>
      <c r="V217" s="53">
        <v>1074754.1689714901</v>
      </c>
      <c r="W217" s="53">
        <v>2134736.3289714898</v>
      </c>
      <c r="X217" s="53">
        <v>1344982.4789714899</v>
      </c>
      <c r="Y217" s="53">
        <v>1110443.2289714899</v>
      </c>
      <c r="Z217" s="53">
        <v>2392590.58897149</v>
      </c>
      <c r="AA217" s="53">
        <v>19719387.967657901</v>
      </c>
      <c r="AB217" s="53">
        <v>1731104.15360725</v>
      </c>
      <c r="AC217" s="53">
        <v>1321823.70360725</v>
      </c>
      <c r="AD217" s="53">
        <v>2314647.3636072502</v>
      </c>
      <c r="AE217" s="53">
        <v>1344385.2536072501</v>
      </c>
      <c r="AF217" s="53">
        <v>1555082.3136072501</v>
      </c>
      <c r="AG217" s="53">
        <v>2464377.9636072498</v>
      </c>
      <c r="AH217" s="53">
        <v>1336953.74360725</v>
      </c>
      <c r="AI217" s="53">
        <v>1132824.6436072499</v>
      </c>
      <c r="AJ217" s="53">
        <v>2192806.8036072501</v>
      </c>
      <c r="AK217" s="53">
        <v>1403052.95360725</v>
      </c>
      <c r="AL217" s="53">
        <v>1168513.70360725</v>
      </c>
      <c r="AM217" s="53">
        <v>2450661.0636072499</v>
      </c>
      <c r="AN217" s="53">
        <v>20416233.663287099</v>
      </c>
      <c r="AO217" s="53">
        <v>1788801.82993434</v>
      </c>
      <c r="AP217" s="53">
        <v>1379521.37993434</v>
      </c>
      <c r="AQ217" s="53">
        <v>2372345.0399343399</v>
      </c>
      <c r="AR217" s="53">
        <v>1402082.9299343401</v>
      </c>
      <c r="AS217" s="53">
        <v>1612779.9899343399</v>
      </c>
      <c r="AT217" s="53">
        <v>2522075.63993434</v>
      </c>
      <c r="AU217" s="53">
        <v>1394651.4199343401</v>
      </c>
      <c r="AV217" s="53">
        <v>1190522.31993434</v>
      </c>
      <c r="AW217" s="53">
        <v>2250504.4799343399</v>
      </c>
      <c r="AX217" s="53">
        <v>1460750.62993434</v>
      </c>
      <c r="AY217" s="53">
        <v>1226211.37993434</v>
      </c>
      <c r="AZ217" s="53">
        <v>2508358.7399343401</v>
      </c>
      <c r="BA217" s="53">
        <v>21108605.779212099</v>
      </c>
    </row>
    <row r="218" spans="1:53">
      <c r="A218" s="231" t="s">
        <v>1013</v>
      </c>
      <c r="B218" s="53"/>
      <c r="C218" s="53"/>
      <c r="D218" s="53"/>
      <c r="E218" s="53"/>
      <c r="F218" s="53"/>
      <c r="G218" s="53"/>
      <c r="H218" s="53"/>
      <c r="I218" s="53"/>
      <c r="J218" s="53"/>
      <c r="K218" s="53"/>
      <c r="L218" s="53"/>
      <c r="M218" s="53"/>
      <c r="N218" s="53"/>
      <c r="O218" s="53"/>
      <c r="P218" s="53"/>
      <c r="Q218" s="53"/>
      <c r="R218" s="53"/>
      <c r="S218" s="53"/>
      <c r="T218" s="53"/>
      <c r="U218" s="53"/>
      <c r="V218" s="53"/>
      <c r="W218" s="53"/>
      <c r="X218" s="53"/>
      <c r="Y218" s="53"/>
      <c r="Z218" s="53"/>
      <c r="AA218" s="53"/>
      <c r="AB218" s="53"/>
      <c r="AC218" s="53"/>
      <c r="AD218" s="53"/>
      <c r="AE218" s="53"/>
      <c r="AF218" s="53"/>
      <c r="AG218" s="53"/>
      <c r="AH218" s="53"/>
      <c r="AI218" s="53"/>
      <c r="AJ218" s="53"/>
      <c r="AK218" s="53"/>
      <c r="AL218" s="53"/>
      <c r="AM218" s="53"/>
      <c r="AN218" s="53"/>
      <c r="AO218" s="53"/>
      <c r="AP218" s="53"/>
      <c r="AQ218" s="53"/>
      <c r="AR218" s="53"/>
      <c r="AS218" s="53"/>
      <c r="AT218" s="53"/>
      <c r="AU218" s="53"/>
      <c r="AV218" s="53"/>
      <c r="AW218" s="53"/>
      <c r="AX218" s="53"/>
      <c r="AY218" s="53"/>
      <c r="AZ218" s="53"/>
      <c r="BA218" s="53"/>
    </row>
    <row r="219" spans="1:53">
      <c r="A219" s="52" t="s">
        <v>1014</v>
      </c>
      <c r="B219" s="53"/>
      <c r="C219" s="53"/>
      <c r="D219" s="53"/>
      <c r="E219" s="53"/>
      <c r="F219" s="53"/>
      <c r="G219" s="53"/>
      <c r="H219" s="53"/>
      <c r="I219" s="53"/>
      <c r="J219" s="53"/>
      <c r="K219" s="53"/>
      <c r="L219" s="53"/>
      <c r="M219" s="53"/>
      <c r="N219" s="53"/>
      <c r="O219" s="53"/>
      <c r="P219" s="53"/>
      <c r="Q219" s="53"/>
      <c r="R219" s="53"/>
      <c r="S219" s="53"/>
      <c r="T219" s="53"/>
      <c r="U219" s="53"/>
      <c r="V219" s="53"/>
      <c r="W219" s="53"/>
      <c r="X219" s="53"/>
      <c r="Y219" s="53"/>
      <c r="Z219" s="53"/>
      <c r="AA219" s="53"/>
      <c r="AB219" s="53"/>
      <c r="AC219" s="53"/>
      <c r="AD219" s="53"/>
      <c r="AE219" s="53"/>
      <c r="AF219" s="53"/>
      <c r="AG219" s="53"/>
      <c r="AH219" s="53"/>
      <c r="AI219" s="53"/>
      <c r="AJ219" s="53"/>
      <c r="AK219" s="53"/>
      <c r="AL219" s="53"/>
      <c r="AM219" s="53"/>
      <c r="AN219" s="53"/>
      <c r="AO219" s="53"/>
      <c r="AP219" s="53"/>
      <c r="AQ219" s="53"/>
      <c r="AR219" s="53"/>
      <c r="AS219" s="53"/>
      <c r="AT219" s="53"/>
      <c r="AU219" s="53"/>
      <c r="AV219" s="53"/>
      <c r="AW219" s="53"/>
      <c r="AX219" s="53"/>
      <c r="AY219" s="53"/>
      <c r="AZ219" s="53"/>
      <c r="BA219" s="53"/>
    </row>
    <row r="220" spans="1:53">
      <c r="A220" s="52" t="s">
        <v>1015</v>
      </c>
      <c r="B220" s="53">
        <v>0</v>
      </c>
      <c r="C220" s="53">
        <v>0</v>
      </c>
      <c r="D220" s="53">
        <v>0</v>
      </c>
      <c r="E220" s="53">
        <v>0</v>
      </c>
      <c r="F220" s="53">
        <v>0</v>
      </c>
      <c r="G220" s="53">
        <v>0</v>
      </c>
      <c r="H220" s="53">
        <v>0</v>
      </c>
      <c r="I220" s="53">
        <v>0</v>
      </c>
      <c r="J220" s="53">
        <v>0</v>
      </c>
      <c r="K220" s="53">
        <v>0</v>
      </c>
      <c r="L220" s="53">
        <v>0</v>
      </c>
      <c r="M220" s="53">
        <v>0</v>
      </c>
      <c r="N220" s="53">
        <v>0</v>
      </c>
      <c r="O220" s="53">
        <v>0</v>
      </c>
      <c r="P220" s="53">
        <v>0</v>
      </c>
      <c r="Q220" s="53">
        <v>0</v>
      </c>
      <c r="R220" s="53">
        <v>0</v>
      </c>
      <c r="S220" s="53">
        <v>0</v>
      </c>
      <c r="T220" s="53">
        <v>0</v>
      </c>
      <c r="U220" s="53">
        <v>0</v>
      </c>
      <c r="V220" s="53">
        <v>0</v>
      </c>
      <c r="W220" s="53">
        <v>0</v>
      </c>
      <c r="X220" s="53">
        <v>0</v>
      </c>
      <c r="Y220" s="53">
        <v>0</v>
      </c>
      <c r="Z220" s="53">
        <v>0</v>
      </c>
      <c r="AA220" s="53">
        <v>0</v>
      </c>
      <c r="AB220" s="53">
        <v>0</v>
      </c>
      <c r="AC220" s="53">
        <v>0</v>
      </c>
      <c r="AD220" s="53">
        <v>0</v>
      </c>
      <c r="AE220" s="53">
        <v>0</v>
      </c>
      <c r="AF220" s="53">
        <v>0</v>
      </c>
      <c r="AG220" s="53">
        <v>0</v>
      </c>
      <c r="AH220" s="53">
        <v>0</v>
      </c>
      <c r="AI220" s="53">
        <v>0</v>
      </c>
      <c r="AJ220" s="53">
        <v>0</v>
      </c>
      <c r="AK220" s="53">
        <v>0</v>
      </c>
      <c r="AL220" s="53">
        <v>0</v>
      </c>
      <c r="AM220" s="53">
        <v>0</v>
      </c>
      <c r="AN220" s="53">
        <v>0</v>
      </c>
      <c r="AO220" s="53">
        <v>0</v>
      </c>
      <c r="AP220" s="53">
        <v>0</v>
      </c>
      <c r="AQ220" s="53">
        <v>0</v>
      </c>
      <c r="AR220" s="53">
        <v>0</v>
      </c>
      <c r="AS220" s="53">
        <v>0</v>
      </c>
      <c r="AT220" s="53">
        <v>0</v>
      </c>
      <c r="AU220" s="53">
        <v>0</v>
      </c>
      <c r="AV220" s="53">
        <v>0</v>
      </c>
      <c r="AW220" s="53">
        <v>0</v>
      </c>
      <c r="AX220" s="53">
        <v>0</v>
      </c>
      <c r="AY220" s="53">
        <v>0</v>
      </c>
      <c r="AZ220" s="53">
        <v>0</v>
      </c>
      <c r="BA220" s="53">
        <v>0</v>
      </c>
    </row>
    <row r="221" spans="1:53">
      <c r="A221" s="52" t="s">
        <v>1016</v>
      </c>
      <c r="B221" s="53">
        <v>0</v>
      </c>
      <c r="C221" s="53">
        <v>0</v>
      </c>
      <c r="D221" s="53">
        <v>0</v>
      </c>
      <c r="E221" s="53">
        <v>0</v>
      </c>
      <c r="F221" s="53">
        <v>0</v>
      </c>
      <c r="G221" s="53">
        <v>0</v>
      </c>
      <c r="H221" s="53">
        <v>0</v>
      </c>
      <c r="I221" s="53">
        <v>0</v>
      </c>
      <c r="J221" s="53">
        <v>0</v>
      </c>
      <c r="K221" s="53">
        <v>0</v>
      </c>
      <c r="L221" s="53">
        <v>0</v>
      </c>
      <c r="M221" s="53">
        <v>0</v>
      </c>
      <c r="N221" s="53">
        <v>0</v>
      </c>
      <c r="O221" s="53">
        <v>0</v>
      </c>
      <c r="P221" s="53">
        <v>0</v>
      </c>
      <c r="Q221" s="53">
        <v>0</v>
      </c>
      <c r="R221" s="53">
        <v>0</v>
      </c>
      <c r="S221" s="53">
        <v>0</v>
      </c>
      <c r="T221" s="53">
        <v>0</v>
      </c>
      <c r="U221" s="53">
        <v>0</v>
      </c>
      <c r="V221" s="53">
        <v>0</v>
      </c>
      <c r="W221" s="53">
        <v>0</v>
      </c>
      <c r="X221" s="53">
        <v>0</v>
      </c>
      <c r="Y221" s="53">
        <v>0</v>
      </c>
      <c r="Z221" s="53">
        <v>0</v>
      </c>
      <c r="AA221" s="53">
        <v>0</v>
      </c>
      <c r="AB221" s="53">
        <v>0</v>
      </c>
      <c r="AC221" s="53">
        <v>0</v>
      </c>
      <c r="AD221" s="53">
        <v>0</v>
      </c>
      <c r="AE221" s="53">
        <v>0</v>
      </c>
      <c r="AF221" s="53">
        <v>0</v>
      </c>
      <c r="AG221" s="53">
        <v>0</v>
      </c>
      <c r="AH221" s="53">
        <v>0</v>
      </c>
      <c r="AI221" s="53">
        <v>0</v>
      </c>
      <c r="AJ221" s="53">
        <v>0</v>
      </c>
      <c r="AK221" s="53">
        <v>0</v>
      </c>
      <c r="AL221" s="53">
        <v>0</v>
      </c>
      <c r="AM221" s="53">
        <v>0</v>
      </c>
      <c r="AN221" s="53">
        <v>0</v>
      </c>
      <c r="AO221" s="53">
        <v>0</v>
      </c>
      <c r="AP221" s="53">
        <v>0</v>
      </c>
      <c r="AQ221" s="53">
        <v>0</v>
      </c>
      <c r="AR221" s="53">
        <v>0</v>
      </c>
      <c r="AS221" s="53">
        <v>0</v>
      </c>
      <c r="AT221" s="53">
        <v>0</v>
      </c>
      <c r="AU221" s="53">
        <v>0</v>
      </c>
      <c r="AV221" s="53">
        <v>0</v>
      </c>
      <c r="AW221" s="53">
        <v>0</v>
      </c>
      <c r="AX221" s="53">
        <v>0</v>
      </c>
      <c r="AY221" s="53">
        <v>0</v>
      </c>
      <c r="AZ221" s="53">
        <v>0</v>
      </c>
      <c r="BA221" s="53">
        <v>0</v>
      </c>
    </row>
    <row r="222" spans="1:53">
      <c r="A222" s="52" t="s">
        <v>1017</v>
      </c>
      <c r="B222" s="53"/>
      <c r="C222" s="53"/>
      <c r="D222" s="53"/>
      <c r="E222" s="53"/>
      <c r="F222" s="53"/>
      <c r="G222" s="53"/>
      <c r="H222" s="53"/>
      <c r="I222" s="53"/>
      <c r="J222" s="53"/>
      <c r="K222" s="53"/>
      <c r="L222" s="53"/>
      <c r="M222" s="53"/>
      <c r="N222" s="53"/>
      <c r="O222" s="53"/>
      <c r="P222" s="53"/>
      <c r="Q222" s="53"/>
      <c r="R222" s="53"/>
      <c r="S222" s="53"/>
      <c r="T222" s="53"/>
      <c r="U222" s="53"/>
      <c r="V222" s="53"/>
      <c r="W222" s="53"/>
      <c r="X222" s="53"/>
      <c r="Y222" s="53"/>
      <c r="Z222" s="53"/>
      <c r="AA222" s="53"/>
      <c r="AB222" s="53"/>
      <c r="AC222" s="53"/>
      <c r="AD222" s="53"/>
      <c r="AE222" s="53"/>
      <c r="AF222" s="53"/>
      <c r="AG222" s="53"/>
      <c r="AH222" s="53"/>
      <c r="AI222" s="53"/>
      <c r="AJ222" s="53"/>
      <c r="AK222" s="53"/>
      <c r="AL222" s="53"/>
      <c r="AM222" s="53"/>
      <c r="AN222" s="53"/>
      <c r="AO222" s="53"/>
      <c r="AP222" s="53"/>
      <c r="AQ222" s="53"/>
      <c r="AR222" s="53"/>
      <c r="AS222" s="53"/>
      <c r="AT222" s="53"/>
      <c r="AU222" s="53"/>
      <c r="AV222" s="53"/>
      <c r="AW222" s="53"/>
      <c r="AX222" s="53"/>
      <c r="AY222" s="53"/>
      <c r="AZ222" s="53"/>
      <c r="BA222" s="53"/>
    </row>
    <row r="223" spans="1:53">
      <c r="A223" s="52" t="s">
        <v>1018</v>
      </c>
      <c r="B223" s="53">
        <v>22355.55</v>
      </c>
      <c r="C223" s="53">
        <v>27447.139999999901</v>
      </c>
      <c r="D223" s="53">
        <v>21467.759999999998</v>
      </c>
      <c r="E223" s="53">
        <v>44412.27</v>
      </c>
      <c r="F223" s="53">
        <v>30614.74</v>
      </c>
      <c r="G223" s="53">
        <v>85501.54</v>
      </c>
      <c r="H223" s="53">
        <v>39557.69</v>
      </c>
      <c r="I223" s="53">
        <v>30840.339999999898</v>
      </c>
      <c r="J223" s="53">
        <v>38355.279999999999</v>
      </c>
      <c r="K223" s="53">
        <v>32194.539999999899</v>
      </c>
      <c r="L223" s="53">
        <v>30825.21</v>
      </c>
      <c r="M223" s="53">
        <v>36448.31</v>
      </c>
      <c r="N223" s="53">
        <v>440020.37</v>
      </c>
      <c r="O223" s="53">
        <v>22355.55</v>
      </c>
      <c r="P223" s="53">
        <v>27447.139999999901</v>
      </c>
      <c r="Q223" s="53">
        <v>21467.759999999998</v>
      </c>
      <c r="R223" s="53">
        <v>44412.27</v>
      </c>
      <c r="S223" s="53">
        <v>30614.74</v>
      </c>
      <c r="T223" s="53">
        <v>85501.54</v>
      </c>
      <c r="U223" s="53">
        <v>39557.69</v>
      </c>
      <c r="V223" s="53">
        <v>30840.339999999898</v>
      </c>
      <c r="W223" s="53">
        <v>38355.279999999999</v>
      </c>
      <c r="X223" s="53">
        <v>32194.539999999899</v>
      </c>
      <c r="Y223" s="53">
        <v>30825.21</v>
      </c>
      <c r="Z223" s="53">
        <v>36448.31</v>
      </c>
      <c r="AA223" s="53">
        <v>440020.37</v>
      </c>
      <c r="AB223" s="53">
        <v>22355.55</v>
      </c>
      <c r="AC223" s="53">
        <v>27447.139999999901</v>
      </c>
      <c r="AD223" s="53">
        <v>21467.759999999998</v>
      </c>
      <c r="AE223" s="53">
        <v>44412.27</v>
      </c>
      <c r="AF223" s="53">
        <v>30614.74</v>
      </c>
      <c r="AG223" s="53">
        <v>85501.54</v>
      </c>
      <c r="AH223" s="53">
        <v>39557.69</v>
      </c>
      <c r="AI223" s="53">
        <v>30840.339999999898</v>
      </c>
      <c r="AJ223" s="53">
        <v>38355.279999999999</v>
      </c>
      <c r="AK223" s="53">
        <v>32194.539999999899</v>
      </c>
      <c r="AL223" s="53">
        <v>30825.21</v>
      </c>
      <c r="AM223" s="53">
        <v>36448.31</v>
      </c>
      <c r="AN223" s="53">
        <v>440020.37</v>
      </c>
      <c r="AO223" s="53">
        <v>22355.55</v>
      </c>
      <c r="AP223" s="53">
        <v>27447.139999999901</v>
      </c>
      <c r="AQ223" s="53">
        <v>21467.759999999998</v>
      </c>
      <c r="AR223" s="53">
        <v>44412.27</v>
      </c>
      <c r="AS223" s="53">
        <v>30614.74</v>
      </c>
      <c r="AT223" s="53">
        <v>85501.54</v>
      </c>
      <c r="AU223" s="53">
        <v>39557.69</v>
      </c>
      <c r="AV223" s="53">
        <v>30840.339999999898</v>
      </c>
      <c r="AW223" s="53">
        <v>38355.279999999999</v>
      </c>
      <c r="AX223" s="53">
        <v>32194.539999999899</v>
      </c>
      <c r="AY223" s="53">
        <v>30825.21</v>
      </c>
      <c r="AZ223" s="53">
        <v>36448.31</v>
      </c>
      <c r="BA223" s="53">
        <v>440020.37</v>
      </c>
    </row>
    <row r="224" spans="1:53">
      <c r="A224" s="52" t="s">
        <v>1019</v>
      </c>
      <c r="B224" s="53">
        <v>0</v>
      </c>
      <c r="C224" s="53">
        <v>0</v>
      </c>
      <c r="D224" s="53">
        <v>0</v>
      </c>
      <c r="E224" s="53">
        <v>0</v>
      </c>
      <c r="F224" s="53">
        <v>0</v>
      </c>
      <c r="G224" s="53">
        <v>0</v>
      </c>
      <c r="H224" s="53">
        <v>0</v>
      </c>
      <c r="I224" s="53">
        <v>0</v>
      </c>
      <c r="J224" s="53">
        <v>0</v>
      </c>
      <c r="K224" s="53">
        <v>0</v>
      </c>
      <c r="L224" s="53">
        <v>0</v>
      </c>
      <c r="M224" s="53">
        <v>0</v>
      </c>
      <c r="N224" s="53">
        <v>0</v>
      </c>
      <c r="O224" s="53">
        <v>0</v>
      </c>
      <c r="P224" s="53">
        <v>0</v>
      </c>
      <c r="Q224" s="53">
        <v>0</v>
      </c>
      <c r="R224" s="53">
        <v>0</v>
      </c>
      <c r="S224" s="53">
        <v>0</v>
      </c>
      <c r="T224" s="53">
        <v>0</v>
      </c>
      <c r="U224" s="53">
        <v>0</v>
      </c>
      <c r="V224" s="53">
        <v>0</v>
      </c>
      <c r="W224" s="53">
        <v>0</v>
      </c>
      <c r="X224" s="53">
        <v>0</v>
      </c>
      <c r="Y224" s="53">
        <v>0</v>
      </c>
      <c r="Z224" s="53">
        <v>0</v>
      </c>
      <c r="AA224" s="53">
        <v>0</v>
      </c>
      <c r="AB224" s="53">
        <v>0</v>
      </c>
      <c r="AC224" s="53">
        <v>0</v>
      </c>
      <c r="AD224" s="53">
        <v>0</v>
      </c>
      <c r="AE224" s="53">
        <v>0</v>
      </c>
      <c r="AF224" s="53">
        <v>0</v>
      </c>
      <c r="AG224" s="53">
        <v>0</v>
      </c>
      <c r="AH224" s="53">
        <v>0</v>
      </c>
      <c r="AI224" s="53">
        <v>0</v>
      </c>
      <c r="AJ224" s="53">
        <v>0</v>
      </c>
      <c r="AK224" s="53">
        <v>0</v>
      </c>
      <c r="AL224" s="53">
        <v>0</v>
      </c>
      <c r="AM224" s="53">
        <v>0</v>
      </c>
      <c r="AN224" s="53">
        <v>0</v>
      </c>
      <c r="AO224" s="53">
        <v>0</v>
      </c>
      <c r="AP224" s="53">
        <v>0</v>
      </c>
      <c r="AQ224" s="53">
        <v>0</v>
      </c>
      <c r="AR224" s="53">
        <v>0</v>
      </c>
      <c r="AS224" s="53">
        <v>0</v>
      </c>
      <c r="AT224" s="53">
        <v>0</v>
      </c>
      <c r="AU224" s="53">
        <v>0</v>
      </c>
      <c r="AV224" s="53">
        <v>0</v>
      </c>
      <c r="AW224" s="53">
        <v>0</v>
      </c>
      <c r="AX224" s="53">
        <v>0</v>
      </c>
      <c r="AY224" s="53">
        <v>0</v>
      </c>
      <c r="AZ224" s="53">
        <v>0</v>
      </c>
      <c r="BA224" s="53">
        <v>0</v>
      </c>
    </row>
    <row r="225" spans="1:53">
      <c r="A225" s="52" t="s">
        <v>1020</v>
      </c>
      <c r="B225" s="53">
        <v>594628.48</v>
      </c>
      <c r="C225" s="53">
        <v>205515.11</v>
      </c>
      <c r="D225" s="53">
        <v>213541.83999999901</v>
      </c>
      <c r="E225" s="53">
        <v>227797.68</v>
      </c>
      <c r="F225" s="53">
        <v>224474.53999999899</v>
      </c>
      <c r="G225" s="53">
        <v>244341.399999999</v>
      </c>
      <c r="H225" s="53">
        <v>206986.56999999899</v>
      </c>
      <c r="I225" s="53">
        <v>228729.94</v>
      </c>
      <c r="J225" s="53">
        <v>227305.63</v>
      </c>
      <c r="K225" s="53">
        <v>245231.49999999901</v>
      </c>
      <c r="L225" s="53">
        <v>206836.13</v>
      </c>
      <c r="M225" s="53">
        <v>212107.35</v>
      </c>
      <c r="N225" s="53">
        <v>3037496.17</v>
      </c>
      <c r="O225" s="53">
        <v>594628.48</v>
      </c>
      <c r="P225" s="53">
        <v>205515.11</v>
      </c>
      <c r="Q225" s="53">
        <v>213541.83999999901</v>
      </c>
      <c r="R225" s="53">
        <v>227797.68</v>
      </c>
      <c r="S225" s="53">
        <v>224474.53999999899</v>
      </c>
      <c r="T225" s="53">
        <v>244341.399999999</v>
      </c>
      <c r="U225" s="53">
        <v>206986.56999999899</v>
      </c>
      <c r="V225" s="53">
        <v>228729.94</v>
      </c>
      <c r="W225" s="53">
        <v>227305.63</v>
      </c>
      <c r="X225" s="53">
        <v>245231.49999999901</v>
      </c>
      <c r="Y225" s="53">
        <v>206836.13</v>
      </c>
      <c r="Z225" s="53">
        <v>212107.35</v>
      </c>
      <c r="AA225" s="53">
        <v>3037496.17</v>
      </c>
      <c r="AB225" s="53">
        <v>594628.48</v>
      </c>
      <c r="AC225" s="53">
        <v>205515.11</v>
      </c>
      <c r="AD225" s="53">
        <v>213541.83999999901</v>
      </c>
      <c r="AE225" s="53">
        <v>227797.68</v>
      </c>
      <c r="AF225" s="53">
        <v>224474.53999999899</v>
      </c>
      <c r="AG225" s="53">
        <v>244341.399999999</v>
      </c>
      <c r="AH225" s="53">
        <v>206986.56999999899</v>
      </c>
      <c r="AI225" s="53">
        <v>228729.94</v>
      </c>
      <c r="AJ225" s="53">
        <v>227305.63</v>
      </c>
      <c r="AK225" s="53">
        <v>245231.49999999901</v>
      </c>
      <c r="AL225" s="53">
        <v>206836.13</v>
      </c>
      <c r="AM225" s="53">
        <v>212107.35</v>
      </c>
      <c r="AN225" s="53">
        <v>3037496.17</v>
      </c>
      <c r="AO225" s="53">
        <v>594628.48</v>
      </c>
      <c r="AP225" s="53">
        <v>205515.11</v>
      </c>
      <c r="AQ225" s="53">
        <v>213541.83999999901</v>
      </c>
      <c r="AR225" s="53">
        <v>227797.68</v>
      </c>
      <c r="AS225" s="53">
        <v>224474.53999999899</v>
      </c>
      <c r="AT225" s="53">
        <v>244341.399999999</v>
      </c>
      <c r="AU225" s="53">
        <v>206986.56999999899</v>
      </c>
      <c r="AV225" s="53">
        <v>228729.94</v>
      </c>
      <c r="AW225" s="53">
        <v>227305.63</v>
      </c>
      <c r="AX225" s="53">
        <v>245231.49999999901</v>
      </c>
      <c r="AY225" s="53">
        <v>206836.13</v>
      </c>
      <c r="AZ225" s="53">
        <v>212107.35</v>
      </c>
      <c r="BA225" s="53">
        <v>3037496.17</v>
      </c>
    </row>
    <row r="226" spans="1:53">
      <c r="A226" s="52" t="s">
        <v>1021</v>
      </c>
      <c r="B226" s="53">
        <v>0</v>
      </c>
      <c r="C226" s="53">
        <v>0</v>
      </c>
      <c r="D226" s="53">
        <v>0</v>
      </c>
      <c r="E226" s="53">
        <v>0</v>
      </c>
      <c r="F226" s="53">
        <v>0</v>
      </c>
      <c r="G226" s="53">
        <v>0</v>
      </c>
      <c r="H226" s="53">
        <v>0</v>
      </c>
      <c r="I226" s="53">
        <v>0</v>
      </c>
      <c r="J226" s="53">
        <v>0</v>
      </c>
      <c r="K226" s="53">
        <v>0</v>
      </c>
      <c r="L226" s="53">
        <v>0</v>
      </c>
      <c r="M226" s="53">
        <v>0</v>
      </c>
      <c r="N226" s="53">
        <v>0</v>
      </c>
      <c r="O226" s="53">
        <v>0</v>
      </c>
      <c r="P226" s="53">
        <v>0</v>
      </c>
      <c r="Q226" s="53">
        <v>0</v>
      </c>
      <c r="R226" s="53">
        <v>0</v>
      </c>
      <c r="S226" s="53">
        <v>0</v>
      </c>
      <c r="T226" s="53">
        <v>0</v>
      </c>
      <c r="U226" s="53">
        <v>0</v>
      </c>
      <c r="V226" s="53">
        <v>0</v>
      </c>
      <c r="W226" s="53">
        <v>0</v>
      </c>
      <c r="X226" s="53">
        <v>0</v>
      </c>
      <c r="Y226" s="53">
        <v>0</v>
      </c>
      <c r="Z226" s="53">
        <v>0</v>
      </c>
      <c r="AA226" s="53">
        <v>0</v>
      </c>
      <c r="AB226" s="53">
        <v>0</v>
      </c>
      <c r="AC226" s="53">
        <v>0</v>
      </c>
      <c r="AD226" s="53">
        <v>0</v>
      </c>
      <c r="AE226" s="53">
        <v>0</v>
      </c>
      <c r="AF226" s="53">
        <v>0</v>
      </c>
      <c r="AG226" s="53">
        <v>0</v>
      </c>
      <c r="AH226" s="53">
        <v>0</v>
      </c>
      <c r="AI226" s="53">
        <v>0</v>
      </c>
      <c r="AJ226" s="53">
        <v>0</v>
      </c>
      <c r="AK226" s="53">
        <v>0</v>
      </c>
      <c r="AL226" s="53">
        <v>0</v>
      </c>
      <c r="AM226" s="53">
        <v>0</v>
      </c>
      <c r="AN226" s="53">
        <v>0</v>
      </c>
      <c r="AO226" s="53">
        <v>0</v>
      </c>
      <c r="AP226" s="53">
        <v>0</v>
      </c>
      <c r="AQ226" s="53">
        <v>0</v>
      </c>
      <c r="AR226" s="53">
        <v>0</v>
      </c>
      <c r="AS226" s="53">
        <v>0</v>
      </c>
      <c r="AT226" s="53">
        <v>0</v>
      </c>
      <c r="AU226" s="53">
        <v>0</v>
      </c>
      <c r="AV226" s="53">
        <v>0</v>
      </c>
      <c r="AW226" s="53">
        <v>0</v>
      </c>
      <c r="AX226" s="53">
        <v>0</v>
      </c>
      <c r="AY226" s="53">
        <v>0</v>
      </c>
      <c r="AZ226" s="53">
        <v>0</v>
      </c>
      <c r="BA226" s="53">
        <v>0</v>
      </c>
    </row>
    <row r="227" spans="1:53">
      <c r="A227" s="52" t="s">
        <v>1022</v>
      </c>
      <c r="B227" s="53">
        <v>616984.03</v>
      </c>
      <c r="C227" s="53">
        <v>232962.24999999901</v>
      </c>
      <c r="D227" s="53">
        <v>235009.59999999899</v>
      </c>
      <c r="E227" s="53">
        <v>272209.95</v>
      </c>
      <c r="F227" s="53">
        <v>255089.28</v>
      </c>
      <c r="G227" s="53">
        <v>329842.94</v>
      </c>
      <c r="H227" s="53">
        <v>246544.25999999899</v>
      </c>
      <c r="I227" s="53">
        <v>259570.28</v>
      </c>
      <c r="J227" s="53">
        <v>265660.90999999997</v>
      </c>
      <c r="K227" s="53">
        <v>277426.03999999998</v>
      </c>
      <c r="L227" s="53">
        <v>237661.34</v>
      </c>
      <c r="M227" s="53">
        <v>248555.65999999901</v>
      </c>
      <c r="N227" s="53">
        <v>3477516.5399999898</v>
      </c>
      <c r="O227" s="53">
        <v>616984.03</v>
      </c>
      <c r="P227" s="53">
        <v>232962.24999999901</v>
      </c>
      <c r="Q227" s="53">
        <v>235009.59999999899</v>
      </c>
      <c r="R227" s="53">
        <v>272209.95</v>
      </c>
      <c r="S227" s="53">
        <v>255089.28</v>
      </c>
      <c r="T227" s="53">
        <v>329842.94</v>
      </c>
      <c r="U227" s="53">
        <v>246544.25999999899</v>
      </c>
      <c r="V227" s="53">
        <v>259570.28</v>
      </c>
      <c r="W227" s="53">
        <v>265660.90999999997</v>
      </c>
      <c r="X227" s="53">
        <v>277426.03999999998</v>
      </c>
      <c r="Y227" s="53">
        <v>237661.34</v>
      </c>
      <c r="Z227" s="53">
        <v>248555.65999999901</v>
      </c>
      <c r="AA227" s="53">
        <v>3477516.5399999898</v>
      </c>
      <c r="AB227" s="53">
        <v>616984.03</v>
      </c>
      <c r="AC227" s="53">
        <v>232962.24999999901</v>
      </c>
      <c r="AD227" s="53">
        <v>235009.59999999899</v>
      </c>
      <c r="AE227" s="53">
        <v>272209.95</v>
      </c>
      <c r="AF227" s="53">
        <v>255089.28</v>
      </c>
      <c r="AG227" s="53">
        <v>329842.94</v>
      </c>
      <c r="AH227" s="53">
        <v>246544.25999999899</v>
      </c>
      <c r="AI227" s="53">
        <v>259570.28</v>
      </c>
      <c r="AJ227" s="53">
        <v>265660.90999999997</v>
      </c>
      <c r="AK227" s="53">
        <v>277426.03999999998</v>
      </c>
      <c r="AL227" s="53">
        <v>237661.34</v>
      </c>
      <c r="AM227" s="53">
        <v>248555.65999999901</v>
      </c>
      <c r="AN227" s="53">
        <v>3477516.5399999898</v>
      </c>
      <c r="AO227" s="53">
        <v>616984.03</v>
      </c>
      <c r="AP227" s="53">
        <v>232962.24999999901</v>
      </c>
      <c r="AQ227" s="53">
        <v>235009.59999999899</v>
      </c>
      <c r="AR227" s="53">
        <v>272209.95</v>
      </c>
      <c r="AS227" s="53">
        <v>255089.28</v>
      </c>
      <c r="AT227" s="53">
        <v>329842.94</v>
      </c>
      <c r="AU227" s="53">
        <v>246544.25999999899</v>
      </c>
      <c r="AV227" s="53">
        <v>259570.28</v>
      </c>
      <c r="AW227" s="53">
        <v>265660.90999999997</v>
      </c>
      <c r="AX227" s="53">
        <v>277426.03999999998</v>
      </c>
      <c r="AY227" s="53">
        <v>237661.34</v>
      </c>
      <c r="AZ227" s="53">
        <v>248555.65999999901</v>
      </c>
      <c r="BA227" s="53">
        <v>3477516.5399999898</v>
      </c>
    </row>
    <row r="228" spans="1:53">
      <c r="A228" s="52" t="s">
        <v>1023</v>
      </c>
      <c r="B228" s="53"/>
      <c r="C228" s="53"/>
      <c r="D228" s="53"/>
      <c r="E228" s="53"/>
      <c r="F228" s="53"/>
      <c r="G228" s="53"/>
      <c r="H228" s="53"/>
      <c r="I228" s="53"/>
      <c r="J228" s="53"/>
      <c r="K228" s="53"/>
      <c r="L228" s="53"/>
      <c r="M228" s="53"/>
      <c r="N228" s="53"/>
      <c r="O228" s="53"/>
      <c r="P228" s="53"/>
      <c r="Q228" s="53"/>
      <c r="R228" s="53"/>
      <c r="S228" s="53"/>
      <c r="T228" s="53"/>
      <c r="U228" s="53"/>
      <c r="V228" s="53"/>
      <c r="W228" s="53"/>
      <c r="X228" s="53"/>
      <c r="Y228" s="53"/>
      <c r="Z228" s="53"/>
      <c r="AA228" s="53"/>
      <c r="AB228" s="53"/>
      <c r="AC228" s="53"/>
      <c r="AD228" s="53"/>
      <c r="AE228" s="53"/>
      <c r="AF228" s="53"/>
      <c r="AG228" s="53"/>
      <c r="AH228" s="53"/>
      <c r="AI228" s="53"/>
      <c r="AJ228" s="53"/>
      <c r="AK228" s="53"/>
      <c r="AL228" s="53"/>
      <c r="AM228" s="53"/>
      <c r="AN228" s="53"/>
      <c r="AO228" s="53"/>
      <c r="AP228" s="53"/>
      <c r="AQ228" s="53"/>
      <c r="AR228" s="53"/>
      <c r="AS228" s="53"/>
      <c r="AT228" s="53"/>
      <c r="AU228" s="53"/>
      <c r="AV228" s="53"/>
      <c r="AW228" s="53"/>
      <c r="AX228" s="53"/>
      <c r="AY228" s="53"/>
      <c r="AZ228" s="53"/>
      <c r="BA228" s="53"/>
    </row>
    <row r="229" spans="1:53">
      <c r="A229" s="234" t="s">
        <v>1024</v>
      </c>
      <c r="B229" s="53">
        <v>26246.1062635038</v>
      </c>
      <c r="C229" s="53">
        <v>26246.1062635038</v>
      </c>
      <c r="D229" s="53">
        <v>26246.1062635038</v>
      </c>
      <c r="E229" s="53">
        <v>26246.1062635038</v>
      </c>
      <c r="F229" s="53">
        <v>26246.1062635038</v>
      </c>
      <c r="G229" s="53">
        <v>26246.1062635038</v>
      </c>
      <c r="H229" s="53">
        <v>26246.1062635038</v>
      </c>
      <c r="I229" s="53">
        <v>26246.1062635038</v>
      </c>
      <c r="J229" s="53">
        <v>26246.1062635038</v>
      </c>
      <c r="K229" s="53">
        <v>26246.1062635038</v>
      </c>
      <c r="L229" s="53">
        <v>26246.1062635038</v>
      </c>
      <c r="M229" s="53">
        <v>26246.1062635038</v>
      </c>
      <c r="N229" s="53">
        <v>314953.27516204503</v>
      </c>
      <c r="O229" s="53">
        <v>66127.885036836306</v>
      </c>
      <c r="P229" s="53">
        <v>66127.885036836306</v>
      </c>
      <c r="Q229" s="53">
        <v>66127.885036836306</v>
      </c>
      <c r="R229" s="53">
        <v>66127.885036836306</v>
      </c>
      <c r="S229" s="53">
        <v>66127.885036836306</v>
      </c>
      <c r="T229" s="53">
        <v>66127.885036836306</v>
      </c>
      <c r="U229" s="53">
        <v>66127.885036836306</v>
      </c>
      <c r="V229" s="53">
        <v>66127.885036836306</v>
      </c>
      <c r="W229" s="53">
        <v>66127.885036836306</v>
      </c>
      <c r="X229" s="53">
        <v>66127.885036836306</v>
      </c>
      <c r="Y229" s="53">
        <v>66127.885036836306</v>
      </c>
      <c r="Z229" s="53">
        <v>66127.885036836306</v>
      </c>
      <c r="AA229" s="53">
        <v>793534.62044203503</v>
      </c>
      <c r="AB229" s="53">
        <v>100261.856776074</v>
      </c>
      <c r="AC229" s="53">
        <v>100261.856776074</v>
      </c>
      <c r="AD229" s="53">
        <v>100261.856776074</v>
      </c>
      <c r="AE229" s="53">
        <v>100261.856776074</v>
      </c>
      <c r="AF229" s="53">
        <v>100261.856776074</v>
      </c>
      <c r="AG229" s="53">
        <v>100261.856776074</v>
      </c>
      <c r="AH229" s="53">
        <v>100261.856776074</v>
      </c>
      <c r="AI229" s="53">
        <v>100261.856776074</v>
      </c>
      <c r="AJ229" s="53">
        <v>100261.856776074</v>
      </c>
      <c r="AK229" s="53">
        <v>100261.856776074</v>
      </c>
      <c r="AL229" s="53">
        <v>100261.856776074</v>
      </c>
      <c r="AM229" s="53">
        <v>100261.856776074</v>
      </c>
      <c r="AN229" s="53">
        <v>1203142.2813128801</v>
      </c>
      <c r="AO229" s="53">
        <v>135042.53682398901</v>
      </c>
      <c r="AP229" s="53">
        <v>135042.53682398901</v>
      </c>
      <c r="AQ229" s="53">
        <v>135042.53682398901</v>
      </c>
      <c r="AR229" s="53">
        <v>135042.53682398901</v>
      </c>
      <c r="AS229" s="53">
        <v>135042.53682398901</v>
      </c>
      <c r="AT229" s="53">
        <v>135042.53682398901</v>
      </c>
      <c r="AU229" s="53">
        <v>135042.53682398901</v>
      </c>
      <c r="AV229" s="53">
        <v>135042.53682398901</v>
      </c>
      <c r="AW229" s="53">
        <v>135042.53682398901</v>
      </c>
      <c r="AX229" s="53">
        <v>135042.53682398901</v>
      </c>
      <c r="AY229" s="53">
        <v>135042.53682398901</v>
      </c>
      <c r="AZ229" s="53">
        <v>135042.53682398901</v>
      </c>
      <c r="BA229" s="53">
        <v>1620510.44188786</v>
      </c>
    </row>
    <row r="230" spans="1:53">
      <c r="A230" s="52" t="s">
        <v>1025</v>
      </c>
      <c r="B230" s="53">
        <v>226677.183333333</v>
      </c>
      <c r="C230" s="53">
        <v>227524.773333333</v>
      </c>
      <c r="D230" s="53">
        <v>197473.45333333299</v>
      </c>
      <c r="E230" s="53">
        <v>193965.97333333301</v>
      </c>
      <c r="F230" s="53">
        <v>253694.11333333299</v>
      </c>
      <c r="G230" s="53">
        <v>204748.463333333</v>
      </c>
      <c r="H230" s="53">
        <v>186615.26333333299</v>
      </c>
      <c r="I230" s="53">
        <v>212464.42333333299</v>
      </c>
      <c r="J230" s="53">
        <v>256667.85333333301</v>
      </c>
      <c r="K230" s="53">
        <v>196748.58333333299</v>
      </c>
      <c r="L230" s="53">
        <v>192605.773333333</v>
      </c>
      <c r="M230" s="53">
        <v>253283.54333333299</v>
      </c>
      <c r="N230" s="53">
        <v>2602469.3999999901</v>
      </c>
      <c r="O230" s="53">
        <v>226677.183333333</v>
      </c>
      <c r="P230" s="53">
        <v>227524.773333333</v>
      </c>
      <c r="Q230" s="53">
        <v>197473.45333333299</v>
      </c>
      <c r="R230" s="53">
        <v>193965.97333333301</v>
      </c>
      <c r="S230" s="53">
        <v>253694.11333333299</v>
      </c>
      <c r="T230" s="53">
        <v>204748.463333333</v>
      </c>
      <c r="U230" s="53">
        <v>186615.26333333299</v>
      </c>
      <c r="V230" s="53">
        <v>212464.42333333299</v>
      </c>
      <c r="W230" s="53">
        <v>256667.85333333301</v>
      </c>
      <c r="X230" s="53">
        <v>196748.58333333299</v>
      </c>
      <c r="Y230" s="53">
        <v>192605.773333333</v>
      </c>
      <c r="Z230" s="53">
        <v>253283.54333333299</v>
      </c>
      <c r="AA230" s="53">
        <v>2602469.3999999901</v>
      </c>
      <c r="AB230" s="53">
        <v>226677.183333333</v>
      </c>
      <c r="AC230" s="53">
        <v>227524.773333333</v>
      </c>
      <c r="AD230" s="53">
        <v>197473.45333333299</v>
      </c>
      <c r="AE230" s="53">
        <v>193965.97333333301</v>
      </c>
      <c r="AF230" s="53">
        <v>253694.11333333299</v>
      </c>
      <c r="AG230" s="53">
        <v>204748.463333333</v>
      </c>
      <c r="AH230" s="53">
        <v>186615.26333333299</v>
      </c>
      <c r="AI230" s="53">
        <v>212464.42333333299</v>
      </c>
      <c r="AJ230" s="53">
        <v>256667.85333333301</v>
      </c>
      <c r="AK230" s="53">
        <v>196748.58333333299</v>
      </c>
      <c r="AL230" s="53">
        <v>192605.773333333</v>
      </c>
      <c r="AM230" s="53">
        <v>253283.54333333299</v>
      </c>
      <c r="AN230" s="53">
        <v>2602469.3999999901</v>
      </c>
      <c r="AO230" s="53">
        <v>226677.183333333</v>
      </c>
      <c r="AP230" s="53">
        <v>227524.773333333</v>
      </c>
      <c r="AQ230" s="53">
        <v>197473.45333333299</v>
      </c>
      <c r="AR230" s="53">
        <v>193965.97333333301</v>
      </c>
      <c r="AS230" s="53">
        <v>253694.11333333299</v>
      </c>
      <c r="AT230" s="53">
        <v>204748.463333333</v>
      </c>
      <c r="AU230" s="53">
        <v>186615.26333333299</v>
      </c>
      <c r="AV230" s="53">
        <v>212464.42333333299</v>
      </c>
      <c r="AW230" s="53">
        <v>256667.85333333301</v>
      </c>
      <c r="AX230" s="53">
        <v>196748.58333333299</v>
      </c>
      <c r="AY230" s="53">
        <v>192605.773333333</v>
      </c>
      <c r="AZ230" s="53">
        <v>253283.54333333299</v>
      </c>
      <c r="BA230" s="53">
        <v>2602469.3999999901</v>
      </c>
    </row>
    <row r="231" spans="1:53">
      <c r="A231" s="52" t="s">
        <v>1026</v>
      </c>
      <c r="B231" s="53">
        <v>260007.709999999</v>
      </c>
      <c r="C231" s="53">
        <v>358415.68</v>
      </c>
      <c r="D231" s="53">
        <v>380162.24</v>
      </c>
      <c r="E231" s="53">
        <v>475825.04</v>
      </c>
      <c r="F231" s="53">
        <v>523629.82999999903</v>
      </c>
      <c r="G231" s="53">
        <v>580971.44999999995</v>
      </c>
      <c r="H231" s="53">
        <v>399223.06</v>
      </c>
      <c r="I231" s="53">
        <v>359535.61</v>
      </c>
      <c r="J231" s="53">
        <v>375183.8</v>
      </c>
      <c r="K231" s="53">
        <v>366638.98</v>
      </c>
      <c r="L231" s="53">
        <v>348322.07999999903</v>
      </c>
      <c r="M231" s="53">
        <v>366151.24</v>
      </c>
      <c r="N231" s="53">
        <v>4794066.72</v>
      </c>
      <c r="O231" s="53">
        <v>260007.709999999</v>
      </c>
      <c r="P231" s="53">
        <v>358415.68</v>
      </c>
      <c r="Q231" s="53">
        <v>380162.24</v>
      </c>
      <c r="R231" s="53">
        <v>475825.04</v>
      </c>
      <c r="S231" s="53">
        <v>523629.82999999903</v>
      </c>
      <c r="T231" s="53">
        <v>580971.44999999995</v>
      </c>
      <c r="U231" s="53">
        <v>399223.06</v>
      </c>
      <c r="V231" s="53">
        <v>359535.61</v>
      </c>
      <c r="W231" s="53">
        <v>375183.8</v>
      </c>
      <c r="X231" s="53">
        <v>366638.98</v>
      </c>
      <c r="Y231" s="53">
        <v>348322.07999999903</v>
      </c>
      <c r="Z231" s="53">
        <v>366151.24</v>
      </c>
      <c r="AA231" s="53">
        <v>4794066.72</v>
      </c>
      <c r="AB231" s="53">
        <v>260007.709999999</v>
      </c>
      <c r="AC231" s="53">
        <v>358415.68</v>
      </c>
      <c r="AD231" s="53">
        <v>380162.24</v>
      </c>
      <c r="AE231" s="53">
        <v>475825.04</v>
      </c>
      <c r="AF231" s="53">
        <v>523629.82999999903</v>
      </c>
      <c r="AG231" s="53">
        <v>580971.44999999995</v>
      </c>
      <c r="AH231" s="53">
        <v>399223.06</v>
      </c>
      <c r="AI231" s="53">
        <v>359535.61</v>
      </c>
      <c r="AJ231" s="53">
        <v>375183.8</v>
      </c>
      <c r="AK231" s="53">
        <v>366638.98</v>
      </c>
      <c r="AL231" s="53">
        <v>348322.07999999903</v>
      </c>
      <c r="AM231" s="53">
        <v>366151.24</v>
      </c>
      <c r="AN231" s="53">
        <v>4794066.72</v>
      </c>
      <c r="AO231" s="53">
        <v>260007.709999999</v>
      </c>
      <c r="AP231" s="53">
        <v>358415.68</v>
      </c>
      <c r="AQ231" s="53">
        <v>380162.24</v>
      </c>
      <c r="AR231" s="53">
        <v>475825.04</v>
      </c>
      <c r="AS231" s="53">
        <v>523629.82999999903</v>
      </c>
      <c r="AT231" s="53">
        <v>580971.44999999995</v>
      </c>
      <c r="AU231" s="53">
        <v>399223.06</v>
      </c>
      <c r="AV231" s="53">
        <v>359535.61</v>
      </c>
      <c r="AW231" s="53">
        <v>375183.8</v>
      </c>
      <c r="AX231" s="53">
        <v>366638.98</v>
      </c>
      <c r="AY231" s="53">
        <v>348322.07999999903</v>
      </c>
      <c r="AZ231" s="53">
        <v>366151.24</v>
      </c>
      <c r="BA231" s="53">
        <v>4794066.72</v>
      </c>
    </row>
    <row r="232" spans="1:53">
      <c r="A232" s="52" t="s">
        <v>1027</v>
      </c>
      <c r="B232" s="53">
        <v>512930.99959683599</v>
      </c>
      <c r="C232" s="53">
        <v>612186.55959683598</v>
      </c>
      <c r="D232" s="53">
        <v>603881.79959683598</v>
      </c>
      <c r="E232" s="53">
        <v>696037.11959683604</v>
      </c>
      <c r="F232" s="53">
        <v>803570.04959683598</v>
      </c>
      <c r="G232" s="53">
        <v>811966.019596837</v>
      </c>
      <c r="H232" s="53">
        <v>612084.42959683598</v>
      </c>
      <c r="I232" s="53">
        <v>598246.13959683594</v>
      </c>
      <c r="J232" s="53">
        <v>658097.75959683605</v>
      </c>
      <c r="K232" s="53">
        <v>589633.66959683597</v>
      </c>
      <c r="L232" s="53">
        <v>567173.95959683601</v>
      </c>
      <c r="M232" s="53">
        <v>645680.88959683594</v>
      </c>
      <c r="N232" s="53">
        <v>7711489.3951620404</v>
      </c>
      <c r="O232" s="53">
        <v>552812.77837016899</v>
      </c>
      <c r="P232" s="53">
        <v>652068.33837016905</v>
      </c>
      <c r="Q232" s="53">
        <v>643763.57837016904</v>
      </c>
      <c r="R232" s="53">
        <v>735918.89837016899</v>
      </c>
      <c r="S232" s="53">
        <v>843451.82837016904</v>
      </c>
      <c r="T232" s="53">
        <v>851847.79837016901</v>
      </c>
      <c r="U232" s="53">
        <v>651966.20837016904</v>
      </c>
      <c r="V232" s="53">
        <v>638127.91837016901</v>
      </c>
      <c r="W232" s="53">
        <v>697979.538370169</v>
      </c>
      <c r="X232" s="53">
        <v>629515.44837016903</v>
      </c>
      <c r="Y232" s="53">
        <v>607055.73837016895</v>
      </c>
      <c r="Z232" s="53">
        <v>685562.66837016901</v>
      </c>
      <c r="AA232" s="53">
        <v>8190070.7404420301</v>
      </c>
      <c r="AB232" s="53">
        <v>586946.75010940596</v>
      </c>
      <c r="AC232" s="53">
        <v>686202.31010940694</v>
      </c>
      <c r="AD232" s="53">
        <v>677897.55010940705</v>
      </c>
      <c r="AE232" s="53">
        <v>770052.870109407</v>
      </c>
      <c r="AF232" s="53">
        <v>877585.80010940705</v>
      </c>
      <c r="AG232" s="53">
        <v>885981.77010940702</v>
      </c>
      <c r="AH232" s="53">
        <v>686100.18010940705</v>
      </c>
      <c r="AI232" s="53">
        <v>672261.89010940702</v>
      </c>
      <c r="AJ232" s="53">
        <v>732113.51010940701</v>
      </c>
      <c r="AK232" s="53">
        <v>663649.42010940704</v>
      </c>
      <c r="AL232" s="53">
        <v>641189.71010940697</v>
      </c>
      <c r="AM232" s="53">
        <v>719696.64010940702</v>
      </c>
      <c r="AN232" s="53">
        <v>8599678.4013128802</v>
      </c>
      <c r="AO232" s="53">
        <v>621727.43015732197</v>
      </c>
      <c r="AP232" s="53">
        <v>720982.99015732203</v>
      </c>
      <c r="AQ232" s="53">
        <v>712678.23015732202</v>
      </c>
      <c r="AR232" s="53">
        <v>804833.55015732197</v>
      </c>
      <c r="AS232" s="53">
        <v>912366.48015732202</v>
      </c>
      <c r="AT232" s="53">
        <v>920762.45015732199</v>
      </c>
      <c r="AU232" s="53">
        <v>720880.86015732202</v>
      </c>
      <c r="AV232" s="53">
        <v>707042.57015732198</v>
      </c>
      <c r="AW232" s="53">
        <v>766894.19015732198</v>
      </c>
      <c r="AX232" s="53">
        <v>698430.10015732201</v>
      </c>
      <c r="AY232" s="53">
        <v>675970.39015732205</v>
      </c>
      <c r="AZ232" s="53">
        <v>754477.32015732198</v>
      </c>
      <c r="BA232" s="53">
        <v>9017046.5618878603</v>
      </c>
    </row>
    <row r="233" spans="1:53">
      <c r="A233" s="52" t="s">
        <v>1028</v>
      </c>
      <c r="B233" s="53"/>
      <c r="C233" s="53"/>
      <c r="D233" s="53"/>
      <c r="E233" s="53"/>
      <c r="F233" s="53"/>
      <c r="G233" s="53"/>
      <c r="H233" s="53"/>
      <c r="I233" s="53"/>
      <c r="J233" s="53"/>
      <c r="K233" s="53"/>
      <c r="L233" s="53"/>
      <c r="M233" s="53"/>
      <c r="N233" s="53"/>
      <c r="O233" s="53"/>
      <c r="P233" s="53"/>
      <c r="Q233" s="53"/>
      <c r="R233" s="53"/>
      <c r="S233" s="53"/>
      <c r="T233" s="53"/>
      <c r="U233" s="53"/>
      <c r="V233" s="53"/>
      <c r="W233" s="53"/>
      <c r="X233" s="53"/>
      <c r="Y233" s="53"/>
      <c r="Z233" s="53"/>
      <c r="AA233" s="53"/>
      <c r="AB233" s="53"/>
      <c r="AC233" s="53"/>
      <c r="AD233" s="53"/>
      <c r="AE233" s="53"/>
      <c r="AF233" s="53"/>
      <c r="AG233" s="53"/>
      <c r="AH233" s="53"/>
      <c r="AI233" s="53"/>
      <c r="AJ233" s="53"/>
      <c r="AK233" s="53"/>
      <c r="AL233" s="53"/>
      <c r="AM233" s="53"/>
      <c r="AN233" s="53"/>
      <c r="AO233" s="53"/>
      <c r="AP233" s="53"/>
      <c r="AQ233" s="53"/>
      <c r="AR233" s="53"/>
      <c r="AS233" s="53"/>
      <c r="AT233" s="53"/>
      <c r="AU233" s="53"/>
      <c r="AV233" s="53"/>
      <c r="AW233" s="53"/>
      <c r="AX233" s="53"/>
      <c r="AY233" s="53"/>
      <c r="AZ233" s="53"/>
      <c r="BA233" s="53"/>
    </row>
    <row r="234" spans="1:53">
      <c r="A234" s="52" t="s">
        <v>1029</v>
      </c>
      <c r="B234" s="53">
        <v>80129.6899999999</v>
      </c>
      <c r="C234" s="53">
        <v>80841.98</v>
      </c>
      <c r="D234" s="53">
        <v>84055.12</v>
      </c>
      <c r="E234" s="53">
        <v>101933.52</v>
      </c>
      <c r="F234" s="53">
        <v>83509.969999999899</v>
      </c>
      <c r="G234" s="53">
        <v>135630.25999999899</v>
      </c>
      <c r="H234" s="53">
        <v>90654.350000000195</v>
      </c>
      <c r="I234" s="53">
        <v>86406.140000000203</v>
      </c>
      <c r="J234" s="53">
        <v>93776.409999999902</v>
      </c>
      <c r="K234" s="53">
        <v>86871.82</v>
      </c>
      <c r="L234" s="53">
        <v>92106.61</v>
      </c>
      <c r="M234" s="53">
        <v>116733.3</v>
      </c>
      <c r="N234" s="53">
        <v>1132649.17</v>
      </c>
      <c r="O234" s="53">
        <v>132057.68999999901</v>
      </c>
      <c r="P234" s="53">
        <v>126124.97999999901</v>
      </c>
      <c r="Q234" s="53">
        <v>81155.119999999704</v>
      </c>
      <c r="R234" s="53">
        <v>22060.5199999998</v>
      </c>
      <c r="S234" s="53">
        <v>-296593.03000000003</v>
      </c>
      <c r="T234" s="53">
        <v>-103896.74</v>
      </c>
      <c r="U234" s="53">
        <v>-77441.649999999805</v>
      </c>
      <c r="V234" s="53">
        <v>-779.85999999987098</v>
      </c>
      <c r="W234" s="53">
        <v>3639.4099999998798</v>
      </c>
      <c r="X234" s="53">
        <v>21897.82</v>
      </c>
      <c r="Y234" s="53">
        <v>93525.61</v>
      </c>
      <c r="Z234" s="53">
        <v>159469.29999999999</v>
      </c>
      <c r="AA234" s="53">
        <v>161219.16999999899</v>
      </c>
      <c r="AB234" s="53">
        <v>131690.68999999901</v>
      </c>
      <c r="AC234" s="53">
        <v>125757.97999999901</v>
      </c>
      <c r="AD234" s="53">
        <v>80788.119999999806</v>
      </c>
      <c r="AE234" s="53">
        <v>21693.519999999899</v>
      </c>
      <c r="AF234" s="53">
        <v>-296960.03000000003</v>
      </c>
      <c r="AG234" s="53">
        <v>-104263.74</v>
      </c>
      <c r="AH234" s="53">
        <v>-77808.649999999805</v>
      </c>
      <c r="AI234" s="53">
        <v>-1146.8599999998301</v>
      </c>
      <c r="AJ234" s="53">
        <v>3272.4099999999198</v>
      </c>
      <c r="AK234" s="53">
        <v>21530.82</v>
      </c>
      <c r="AL234" s="53">
        <v>93158.61</v>
      </c>
      <c r="AM234" s="53">
        <v>159102.29999999999</v>
      </c>
      <c r="AN234" s="53">
        <v>156815.16999999899</v>
      </c>
      <c r="AO234" s="53">
        <v>133098.68999999901</v>
      </c>
      <c r="AP234" s="53">
        <v>127165.98</v>
      </c>
      <c r="AQ234" s="53">
        <v>82196.12</v>
      </c>
      <c r="AR234" s="53">
        <v>23101.52</v>
      </c>
      <c r="AS234" s="53">
        <v>-295552.02999999898</v>
      </c>
      <c r="AT234" s="53">
        <v>-102855.739999999</v>
      </c>
      <c r="AU234" s="53">
        <v>-76400.649999999805</v>
      </c>
      <c r="AV234" s="53">
        <v>261.140000000295</v>
      </c>
      <c r="AW234" s="53">
        <v>4680.4100000000499</v>
      </c>
      <c r="AX234" s="53">
        <v>22938.82</v>
      </c>
      <c r="AY234" s="53">
        <v>94566.61</v>
      </c>
      <c r="AZ234" s="53">
        <v>160510.29999999999</v>
      </c>
      <c r="BA234" s="53">
        <v>173711.17</v>
      </c>
    </row>
    <row r="235" spans="1:53">
      <c r="A235" s="52" t="s">
        <v>1030</v>
      </c>
      <c r="B235" s="53">
        <v>80129.6899999999</v>
      </c>
      <c r="C235" s="53">
        <v>80841.98</v>
      </c>
      <c r="D235" s="53">
        <v>84055.12</v>
      </c>
      <c r="E235" s="53">
        <v>101933.52</v>
      </c>
      <c r="F235" s="53">
        <v>83509.969999999899</v>
      </c>
      <c r="G235" s="53">
        <v>135630.25999999899</v>
      </c>
      <c r="H235" s="53">
        <v>90654.350000000195</v>
      </c>
      <c r="I235" s="53">
        <v>86406.140000000203</v>
      </c>
      <c r="J235" s="53">
        <v>93776.409999999902</v>
      </c>
      <c r="K235" s="53">
        <v>86871.82</v>
      </c>
      <c r="L235" s="53">
        <v>92106.61</v>
      </c>
      <c r="M235" s="53">
        <v>116733.3</v>
      </c>
      <c r="N235" s="53">
        <v>1132649.17</v>
      </c>
      <c r="O235" s="53">
        <v>132057.68999999901</v>
      </c>
      <c r="P235" s="53">
        <v>126124.97999999901</v>
      </c>
      <c r="Q235" s="53">
        <v>81155.119999999704</v>
      </c>
      <c r="R235" s="53">
        <v>22060.5199999998</v>
      </c>
      <c r="S235" s="53">
        <v>-296593.03000000003</v>
      </c>
      <c r="T235" s="53">
        <v>-103896.74</v>
      </c>
      <c r="U235" s="53">
        <v>-77441.649999999805</v>
      </c>
      <c r="V235" s="53">
        <v>-779.85999999987098</v>
      </c>
      <c r="W235" s="53">
        <v>3639.4099999998798</v>
      </c>
      <c r="X235" s="53">
        <v>21897.82</v>
      </c>
      <c r="Y235" s="53">
        <v>93525.61</v>
      </c>
      <c r="Z235" s="53">
        <v>159469.29999999999</v>
      </c>
      <c r="AA235" s="53">
        <v>161219.16999999899</v>
      </c>
      <c r="AB235" s="53">
        <v>131690.68999999901</v>
      </c>
      <c r="AC235" s="53">
        <v>125757.97999999901</v>
      </c>
      <c r="AD235" s="53">
        <v>80788.119999999806</v>
      </c>
      <c r="AE235" s="53">
        <v>21693.519999999899</v>
      </c>
      <c r="AF235" s="53">
        <v>-296960.03000000003</v>
      </c>
      <c r="AG235" s="53">
        <v>-104263.74</v>
      </c>
      <c r="AH235" s="53">
        <v>-77808.649999999805</v>
      </c>
      <c r="AI235" s="53">
        <v>-1146.8599999998301</v>
      </c>
      <c r="AJ235" s="53">
        <v>3272.4099999999198</v>
      </c>
      <c r="AK235" s="53">
        <v>21530.82</v>
      </c>
      <c r="AL235" s="53">
        <v>93158.61</v>
      </c>
      <c r="AM235" s="53">
        <v>159102.29999999999</v>
      </c>
      <c r="AN235" s="53">
        <v>156815.16999999899</v>
      </c>
      <c r="AO235" s="53">
        <v>133098.68999999901</v>
      </c>
      <c r="AP235" s="53">
        <v>127165.98</v>
      </c>
      <c r="AQ235" s="53">
        <v>82196.12</v>
      </c>
      <c r="AR235" s="53">
        <v>23101.52</v>
      </c>
      <c r="AS235" s="53">
        <v>-295552.02999999898</v>
      </c>
      <c r="AT235" s="53">
        <v>-102855.739999999</v>
      </c>
      <c r="AU235" s="53">
        <v>-76400.649999999805</v>
      </c>
      <c r="AV235" s="53">
        <v>261.140000000295</v>
      </c>
      <c r="AW235" s="53">
        <v>4680.4100000000499</v>
      </c>
      <c r="AX235" s="53">
        <v>22938.82</v>
      </c>
      <c r="AY235" s="53">
        <v>94566.61</v>
      </c>
      <c r="AZ235" s="53">
        <v>160510.29999999999</v>
      </c>
      <c r="BA235" s="53">
        <v>173711.17</v>
      </c>
    </row>
    <row r="236" spans="1:53">
      <c r="A236" s="52" t="s">
        <v>1031</v>
      </c>
      <c r="B236" s="53"/>
      <c r="C236" s="53"/>
      <c r="D236" s="53"/>
      <c r="E236" s="53"/>
      <c r="F236" s="53"/>
      <c r="G236" s="53"/>
      <c r="H236" s="53"/>
      <c r="I236" s="53"/>
      <c r="J236" s="53"/>
      <c r="K236" s="53"/>
      <c r="L236" s="53"/>
      <c r="M236" s="53"/>
      <c r="N236" s="53"/>
      <c r="O236" s="53"/>
      <c r="P236" s="53"/>
      <c r="Q236" s="53"/>
      <c r="R236" s="53"/>
      <c r="S236" s="53"/>
      <c r="T236" s="53"/>
      <c r="U236" s="53"/>
      <c r="V236" s="53"/>
      <c r="W236" s="53"/>
      <c r="X236" s="53"/>
      <c r="Y236" s="53"/>
      <c r="Z236" s="53"/>
      <c r="AA236" s="53"/>
      <c r="AB236" s="53"/>
      <c r="AC236" s="53"/>
      <c r="AD236" s="53"/>
      <c r="AE236" s="53"/>
      <c r="AF236" s="53"/>
      <c r="AG236" s="53"/>
      <c r="AH236" s="53"/>
      <c r="AI236" s="53"/>
      <c r="AJ236" s="53"/>
      <c r="AK236" s="53"/>
      <c r="AL236" s="53"/>
      <c r="AM236" s="53"/>
      <c r="AN236" s="53"/>
      <c r="AO236" s="53"/>
      <c r="AP236" s="53"/>
      <c r="AQ236" s="53"/>
      <c r="AR236" s="53"/>
      <c r="AS236" s="53"/>
      <c r="AT236" s="53"/>
      <c r="AU236" s="53"/>
      <c r="AV236" s="53"/>
      <c r="AW236" s="53"/>
      <c r="AX236" s="53"/>
      <c r="AY236" s="53"/>
      <c r="AZ236" s="53"/>
      <c r="BA236" s="53"/>
    </row>
    <row r="237" spans="1:53">
      <c r="A237" s="52" t="s">
        <v>1032</v>
      </c>
      <c r="B237" s="53">
        <v>0</v>
      </c>
      <c r="C237" s="53">
        <v>0</v>
      </c>
      <c r="D237" s="53">
        <v>0</v>
      </c>
      <c r="E237" s="53">
        <v>0</v>
      </c>
      <c r="F237" s="53">
        <v>0</v>
      </c>
      <c r="G237" s="53">
        <v>0</v>
      </c>
      <c r="H237" s="53">
        <v>0</v>
      </c>
      <c r="I237" s="53">
        <v>0</v>
      </c>
      <c r="J237" s="53">
        <v>0</v>
      </c>
      <c r="K237" s="53">
        <v>0</v>
      </c>
      <c r="L237" s="53">
        <v>0</v>
      </c>
      <c r="M237" s="53">
        <v>0</v>
      </c>
      <c r="N237" s="53">
        <v>0</v>
      </c>
      <c r="O237" s="53">
        <v>0</v>
      </c>
      <c r="P237" s="53">
        <v>0</v>
      </c>
      <c r="Q237" s="53">
        <v>0</v>
      </c>
      <c r="R237" s="53">
        <v>0</v>
      </c>
      <c r="S237" s="53">
        <v>0</v>
      </c>
      <c r="T237" s="53">
        <v>0</v>
      </c>
      <c r="U237" s="53">
        <v>0</v>
      </c>
      <c r="V237" s="53">
        <v>0</v>
      </c>
      <c r="W237" s="53">
        <v>0</v>
      </c>
      <c r="X237" s="53">
        <v>0</v>
      </c>
      <c r="Y237" s="53">
        <v>0</v>
      </c>
      <c r="Z237" s="53">
        <v>0</v>
      </c>
      <c r="AA237" s="53">
        <v>0</v>
      </c>
      <c r="AB237" s="53">
        <v>0</v>
      </c>
      <c r="AC237" s="53">
        <v>0</v>
      </c>
      <c r="AD237" s="53">
        <v>0</v>
      </c>
      <c r="AE237" s="53">
        <v>0</v>
      </c>
      <c r="AF237" s="53">
        <v>0</v>
      </c>
      <c r="AG237" s="53">
        <v>0</v>
      </c>
      <c r="AH237" s="53">
        <v>0</v>
      </c>
      <c r="AI237" s="53">
        <v>0</v>
      </c>
      <c r="AJ237" s="53">
        <v>0</v>
      </c>
      <c r="AK237" s="53">
        <v>0</v>
      </c>
      <c r="AL237" s="53">
        <v>0</v>
      </c>
      <c r="AM237" s="53">
        <v>0</v>
      </c>
      <c r="AN237" s="53">
        <v>0</v>
      </c>
      <c r="AO237" s="53">
        <v>0</v>
      </c>
      <c r="AP237" s="53">
        <v>0</v>
      </c>
      <c r="AQ237" s="53">
        <v>0</v>
      </c>
      <c r="AR237" s="53">
        <v>0</v>
      </c>
      <c r="AS237" s="53">
        <v>0</v>
      </c>
      <c r="AT237" s="53">
        <v>0</v>
      </c>
      <c r="AU237" s="53">
        <v>0</v>
      </c>
      <c r="AV237" s="53">
        <v>0</v>
      </c>
      <c r="AW237" s="53">
        <v>0</v>
      </c>
      <c r="AX237" s="53">
        <v>0</v>
      </c>
      <c r="AY237" s="53">
        <v>0</v>
      </c>
      <c r="AZ237" s="53">
        <v>0</v>
      </c>
      <c r="BA237" s="53">
        <v>0</v>
      </c>
    </row>
    <row r="238" spans="1:53">
      <c r="A238" s="52" t="s">
        <v>1033</v>
      </c>
      <c r="B238" s="53">
        <v>0</v>
      </c>
      <c r="C238" s="53">
        <v>0</v>
      </c>
      <c r="D238" s="53">
        <v>0</v>
      </c>
      <c r="E238" s="53">
        <v>0</v>
      </c>
      <c r="F238" s="53">
        <v>0</v>
      </c>
      <c r="G238" s="53">
        <v>0</v>
      </c>
      <c r="H238" s="53">
        <v>0</v>
      </c>
      <c r="I238" s="53">
        <v>0</v>
      </c>
      <c r="J238" s="53">
        <v>0</v>
      </c>
      <c r="K238" s="53">
        <v>0</v>
      </c>
      <c r="L238" s="53">
        <v>0</v>
      </c>
      <c r="M238" s="53">
        <v>0</v>
      </c>
      <c r="N238" s="53">
        <v>0</v>
      </c>
      <c r="O238" s="53">
        <v>0</v>
      </c>
      <c r="P238" s="53">
        <v>0</v>
      </c>
      <c r="Q238" s="53">
        <v>0</v>
      </c>
      <c r="R238" s="53">
        <v>0</v>
      </c>
      <c r="S238" s="53">
        <v>0</v>
      </c>
      <c r="T238" s="53">
        <v>0</v>
      </c>
      <c r="U238" s="53">
        <v>0</v>
      </c>
      <c r="V238" s="53">
        <v>0</v>
      </c>
      <c r="W238" s="53">
        <v>0</v>
      </c>
      <c r="X238" s="53">
        <v>0</v>
      </c>
      <c r="Y238" s="53">
        <v>0</v>
      </c>
      <c r="Z238" s="53">
        <v>0</v>
      </c>
      <c r="AA238" s="53">
        <v>0</v>
      </c>
      <c r="AB238" s="53">
        <v>0</v>
      </c>
      <c r="AC238" s="53">
        <v>0</v>
      </c>
      <c r="AD238" s="53">
        <v>0</v>
      </c>
      <c r="AE238" s="53">
        <v>0</v>
      </c>
      <c r="AF238" s="53">
        <v>0</v>
      </c>
      <c r="AG238" s="53">
        <v>0</v>
      </c>
      <c r="AH238" s="53">
        <v>0</v>
      </c>
      <c r="AI238" s="53">
        <v>0</v>
      </c>
      <c r="AJ238" s="53">
        <v>0</v>
      </c>
      <c r="AK238" s="53">
        <v>0</v>
      </c>
      <c r="AL238" s="53">
        <v>0</v>
      </c>
      <c r="AM238" s="53">
        <v>0</v>
      </c>
      <c r="AN238" s="53">
        <v>0</v>
      </c>
      <c r="AO238" s="53">
        <v>0</v>
      </c>
      <c r="AP238" s="53">
        <v>0</v>
      </c>
      <c r="AQ238" s="53">
        <v>0</v>
      </c>
      <c r="AR238" s="53">
        <v>0</v>
      </c>
      <c r="AS238" s="53">
        <v>0</v>
      </c>
      <c r="AT238" s="53">
        <v>0</v>
      </c>
      <c r="AU238" s="53">
        <v>0</v>
      </c>
      <c r="AV238" s="53">
        <v>0</v>
      </c>
      <c r="AW238" s="53">
        <v>0</v>
      </c>
      <c r="AX238" s="53">
        <v>0</v>
      </c>
      <c r="AY238" s="53">
        <v>0</v>
      </c>
      <c r="AZ238" s="53">
        <v>0</v>
      </c>
      <c r="BA238" s="53">
        <v>0</v>
      </c>
    </row>
    <row r="239" spans="1:53">
      <c r="A239" s="52" t="s">
        <v>1034</v>
      </c>
      <c r="B239" s="53"/>
      <c r="C239" s="53"/>
      <c r="D239" s="53"/>
      <c r="E239" s="53"/>
      <c r="F239" s="53"/>
      <c r="G239" s="53"/>
      <c r="H239" s="53"/>
      <c r="I239" s="53"/>
      <c r="J239" s="53"/>
      <c r="K239" s="53"/>
      <c r="L239" s="53"/>
      <c r="M239" s="53"/>
      <c r="N239" s="53"/>
      <c r="O239" s="53"/>
      <c r="P239" s="53"/>
      <c r="Q239" s="53"/>
      <c r="R239" s="53"/>
      <c r="S239" s="53"/>
      <c r="T239" s="53"/>
      <c r="U239" s="53"/>
      <c r="V239" s="53"/>
      <c r="W239" s="53"/>
      <c r="X239" s="53"/>
      <c r="Y239" s="53"/>
      <c r="Z239" s="53"/>
      <c r="AA239" s="53"/>
      <c r="AB239" s="53"/>
      <c r="AC239" s="53"/>
      <c r="AD239" s="53"/>
      <c r="AE239" s="53"/>
      <c r="AF239" s="53"/>
      <c r="AG239" s="53"/>
      <c r="AH239" s="53"/>
      <c r="AI239" s="53"/>
      <c r="AJ239" s="53"/>
      <c r="AK239" s="53"/>
      <c r="AL239" s="53"/>
      <c r="AM239" s="53"/>
      <c r="AN239" s="53"/>
      <c r="AO239" s="53"/>
      <c r="AP239" s="53"/>
      <c r="AQ239" s="53"/>
      <c r="AR239" s="53"/>
      <c r="AS239" s="53"/>
      <c r="AT239" s="53"/>
      <c r="AU239" s="53"/>
      <c r="AV239" s="53"/>
      <c r="AW239" s="53"/>
      <c r="AX239" s="53"/>
      <c r="AY239" s="53"/>
      <c r="AZ239" s="53"/>
      <c r="BA239" s="53"/>
    </row>
    <row r="240" spans="1:53">
      <c r="A240" s="52" t="s">
        <v>1035</v>
      </c>
      <c r="B240" s="53">
        <v>0</v>
      </c>
      <c r="C240" s="53">
        <v>0</v>
      </c>
      <c r="D240" s="53">
        <v>0</v>
      </c>
      <c r="E240" s="53">
        <v>0</v>
      </c>
      <c r="F240" s="53">
        <v>0</v>
      </c>
      <c r="G240" s="53">
        <v>0</v>
      </c>
      <c r="H240" s="53">
        <v>0</v>
      </c>
      <c r="I240" s="53">
        <v>0</v>
      </c>
      <c r="J240" s="53">
        <v>0</v>
      </c>
      <c r="K240" s="53">
        <v>0</v>
      </c>
      <c r="L240" s="53">
        <v>0</v>
      </c>
      <c r="M240" s="53">
        <v>0</v>
      </c>
      <c r="N240" s="53">
        <v>0</v>
      </c>
      <c r="O240" s="53">
        <v>0</v>
      </c>
      <c r="P240" s="53">
        <v>0</v>
      </c>
      <c r="Q240" s="53">
        <v>0</v>
      </c>
      <c r="R240" s="53">
        <v>0</v>
      </c>
      <c r="S240" s="53">
        <v>0</v>
      </c>
      <c r="T240" s="53">
        <v>0</v>
      </c>
      <c r="U240" s="53">
        <v>0</v>
      </c>
      <c r="V240" s="53">
        <v>0</v>
      </c>
      <c r="W240" s="53">
        <v>0</v>
      </c>
      <c r="X240" s="53">
        <v>0</v>
      </c>
      <c r="Y240" s="53">
        <v>0</v>
      </c>
      <c r="Z240" s="53">
        <v>0</v>
      </c>
      <c r="AA240" s="53">
        <v>0</v>
      </c>
      <c r="AB240" s="53">
        <v>0</v>
      </c>
      <c r="AC240" s="53">
        <v>0</v>
      </c>
      <c r="AD240" s="53">
        <v>0</v>
      </c>
      <c r="AE240" s="53">
        <v>0</v>
      </c>
      <c r="AF240" s="53">
        <v>0</v>
      </c>
      <c r="AG240" s="53">
        <v>0</v>
      </c>
      <c r="AH240" s="53">
        <v>0</v>
      </c>
      <c r="AI240" s="53">
        <v>0</v>
      </c>
      <c r="AJ240" s="53">
        <v>0</v>
      </c>
      <c r="AK240" s="53">
        <v>0</v>
      </c>
      <c r="AL240" s="53">
        <v>0</v>
      </c>
      <c r="AM240" s="53">
        <v>0</v>
      </c>
      <c r="AN240" s="53">
        <v>0</v>
      </c>
      <c r="AO240" s="53">
        <v>0</v>
      </c>
      <c r="AP240" s="53">
        <v>0</v>
      </c>
      <c r="AQ240" s="53">
        <v>0</v>
      </c>
      <c r="AR240" s="53">
        <v>0</v>
      </c>
      <c r="AS240" s="53">
        <v>0</v>
      </c>
      <c r="AT240" s="53">
        <v>0</v>
      </c>
      <c r="AU240" s="53">
        <v>0</v>
      </c>
      <c r="AV240" s="53">
        <v>0</v>
      </c>
      <c r="AW240" s="53">
        <v>0</v>
      </c>
      <c r="AX240" s="53">
        <v>0</v>
      </c>
      <c r="AY240" s="53">
        <v>0</v>
      </c>
      <c r="AZ240" s="53">
        <v>0</v>
      </c>
      <c r="BA240" s="53">
        <v>0</v>
      </c>
    </row>
    <row r="241" spans="1:53">
      <c r="A241" s="52" t="s">
        <v>1036</v>
      </c>
      <c r="B241" s="53">
        <v>0</v>
      </c>
      <c r="C241" s="53">
        <v>0</v>
      </c>
      <c r="D241" s="53">
        <v>0</v>
      </c>
      <c r="E241" s="53">
        <v>0</v>
      </c>
      <c r="F241" s="53">
        <v>0</v>
      </c>
      <c r="G241" s="53">
        <v>0</v>
      </c>
      <c r="H241" s="53">
        <v>0</v>
      </c>
      <c r="I241" s="53">
        <v>0</v>
      </c>
      <c r="J241" s="53">
        <v>0</v>
      </c>
      <c r="K241" s="53">
        <v>0</v>
      </c>
      <c r="L241" s="53">
        <v>0</v>
      </c>
      <c r="M241" s="53">
        <v>0</v>
      </c>
      <c r="N241" s="53">
        <v>0</v>
      </c>
      <c r="O241" s="53">
        <v>0</v>
      </c>
      <c r="P241" s="53">
        <v>0</v>
      </c>
      <c r="Q241" s="53">
        <v>0</v>
      </c>
      <c r="R241" s="53">
        <v>0</v>
      </c>
      <c r="S241" s="53">
        <v>0</v>
      </c>
      <c r="T241" s="53">
        <v>0</v>
      </c>
      <c r="U241" s="53">
        <v>0</v>
      </c>
      <c r="V241" s="53">
        <v>0</v>
      </c>
      <c r="W241" s="53">
        <v>0</v>
      </c>
      <c r="X241" s="53">
        <v>0</v>
      </c>
      <c r="Y241" s="53">
        <v>0</v>
      </c>
      <c r="Z241" s="53">
        <v>0</v>
      </c>
      <c r="AA241" s="53">
        <v>0</v>
      </c>
      <c r="AB241" s="53">
        <v>0</v>
      </c>
      <c r="AC241" s="53">
        <v>0</v>
      </c>
      <c r="AD241" s="53">
        <v>0</v>
      </c>
      <c r="AE241" s="53">
        <v>0</v>
      </c>
      <c r="AF241" s="53">
        <v>0</v>
      </c>
      <c r="AG241" s="53">
        <v>0</v>
      </c>
      <c r="AH241" s="53">
        <v>0</v>
      </c>
      <c r="AI241" s="53">
        <v>0</v>
      </c>
      <c r="AJ241" s="53">
        <v>0</v>
      </c>
      <c r="AK241" s="53">
        <v>0</v>
      </c>
      <c r="AL241" s="53">
        <v>0</v>
      </c>
      <c r="AM241" s="53">
        <v>0</v>
      </c>
      <c r="AN241" s="53">
        <v>0</v>
      </c>
      <c r="AO241" s="53">
        <v>0</v>
      </c>
      <c r="AP241" s="53">
        <v>0</v>
      </c>
      <c r="AQ241" s="53">
        <v>0</v>
      </c>
      <c r="AR241" s="53">
        <v>0</v>
      </c>
      <c r="AS241" s="53">
        <v>0</v>
      </c>
      <c r="AT241" s="53">
        <v>0</v>
      </c>
      <c r="AU241" s="53">
        <v>0</v>
      </c>
      <c r="AV241" s="53">
        <v>0</v>
      </c>
      <c r="AW241" s="53">
        <v>0</v>
      </c>
      <c r="AX241" s="53">
        <v>0</v>
      </c>
      <c r="AY241" s="53">
        <v>0</v>
      </c>
      <c r="AZ241" s="53">
        <v>0</v>
      </c>
      <c r="BA241" s="53">
        <v>0</v>
      </c>
    </row>
    <row r="242" spans="1:53">
      <c r="A242" s="236" t="s">
        <v>1037</v>
      </c>
      <c r="B242" s="53">
        <v>1210044.71959683</v>
      </c>
      <c r="C242" s="53">
        <v>925990.78959683597</v>
      </c>
      <c r="D242" s="53">
        <v>922946.51959683595</v>
      </c>
      <c r="E242" s="53">
        <v>1070180.5895968301</v>
      </c>
      <c r="F242" s="53">
        <v>1142169.29959683</v>
      </c>
      <c r="G242" s="53">
        <v>1277439.21959683</v>
      </c>
      <c r="H242" s="53">
        <v>949283.03959683597</v>
      </c>
      <c r="I242" s="53">
        <v>944222.55959683703</v>
      </c>
      <c r="J242" s="53">
        <v>1017535.0795968299</v>
      </c>
      <c r="K242" s="53">
        <v>953931.529596837</v>
      </c>
      <c r="L242" s="53">
        <v>896941.90959683596</v>
      </c>
      <c r="M242" s="53">
        <v>1010969.84959683</v>
      </c>
      <c r="N242" s="53">
        <v>12321655.105162</v>
      </c>
      <c r="O242" s="53">
        <v>1301854.4983701601</v>
      </c>
      <c r="P242" s="53">
        <v>1011155.5683701599</v>
      </c>
      <c r="Q242" s="53">
        <v>959928.29837016901</v>
      </c>
      <c r="R242" s="53">
        <v>1030189.36837016</v>
      </c>
      <c r="S242" s="53">
        <v>801948.07837016904</v>
      </c>
      <c r="T242" s="53">
        <v>1077793.9983701601</v>
      </c>
      <c r="U242" s="53">
        <v>821068.81837016903</v>
      </c>
      <c r="V242" s="53">
        <v>896918.33837016905</v>
      </c>
      <c r="W242" s="53">
        <v>967279.85837016895</v>
      </c>
      <c r="X242" s="53">
        <v>928839.30837016902</v>
      </c>
      <c r="Y242" s="53">
        <v>938242.68837016902</v>
      </c>
      <c r="Z242" s="53">
        <v>1093587.62837016</v>
      </c>
      <c r="AA242" s="53">
        <v>11828806.450441999</v>
      </c>
      <c r="AB242" s="53">
        <v>1335621.4701094001</v>
      </c>
      <c r="AC242" s="53">
        <v>1044922.5401094001</v>
      </c>
      <c r="AD242" s="53">
        <v>993695.27010940597</v>
      </c>
      <c r="AE242" s="53">
        <v>1063956.3401094</v>
      </c>
      <c r="AF242" s="53">
        <v>835715.050109406</v>
      </c>
      <c r="AG242" s="53">
        <v>1111560.9701094001</v>
      </c>
      <c r="AH242" s="53">
        <v>854835.79010940704</v>
      </c>
      <c r="AI242" s="53">
        <v>930685.31010940694</v>
      </c>
      <c r="AJ242" s="53">
        <v>1001046.8301094</v>
      </c>
      <c r="AK242" s="53">
        <v>962606.28010940703</v>
      </c>
      <c r="AL242" s="53">
        <v>972009.66010940704</v>
      </c>
      <c r="AM242" s="53">
        <v>1127354.6001094</v>
      </c>
      <c r="AN242" s="53">
        <v>12234010.111312799</v>
      </c>
      <c r="AO242" s="53">
        <v>1371810.1501573201</v>
      </c>
      <c r="AP242" s="53">
        <v>1081111.2201573199</v>
      </c>
      <c r="AQ242" s="53">
        <v>1029883.95015732</v>
      </c>
      <c r="AR242" s="53">
        <v>1100145.02015732</v>
      </c>
      <c r="AS242" s="53">
        <v>871903.73015732097</v>
      </c>
      <c r="AT242" s="53">
        <v>1147749.6501573201</v>
      </c>
      <c r="AU242" s="53">
        <v>891024.47015732201</v>
      </c>
      <c r="AV242" s="53">
        <v>966873.99015732203</v>
      </c>
      <c r="AW242" s="53">
        <v>1037235.5101573199</v>
      </c>
      <c r="AX242" s="53">
        <v>998794.960157322</v>
      </c>
      <c r="AY242" s="53">
        <v>1008198.34015732</v>
      </c>
      <c r="AZ242" s="53">
        <v>1163543.28015732</v>
      </c>
      <c r="BA242" s="53">
        <v>12668274.2718878</v>
      </c>
    </row>
    <row r="243" spans="1:53">
      <c r="A243" s="236" t="s">
        <v>1038</v>
      </c>
      <c r="B243" s="53">
        <v>3655928.01096666</v>
      </c>
      <c r="C243" s="53">
        <v>2955948.6309666601</v>
      </c>
      <c r="D243" s="53">
        <v>3897545.0209666602</v>
      </c>
      <c r="E243" s="53">
        <v>2997543.9809666602</v>
      </c>
      <c r="F243" s="53">
        <v>2979999.7509666602</v>
      </c>
      <c r="G243" s="53">
        <v>4165141.32096666</v>
      </c>
      <c r="H243" s="53">
        <v>2780991.9209666601</v>
      </c>
      <c r="I243" s="53">
        <v>2652712.3409666601</v>
      </c>
      <c r="J243" s="53">
        <v>3783056.0209666602</v>
      </c>
      <c r="K243" s="53">
        <v>2954861.6209666599</v>
      </c>
      <c r="L243" s="53">
        <v>2729725.7509666602</v>
      </c>
      <c r="M243" s="53">
        <v>4167218.05096666</v>
      </c>
      <c r="N243" s="53">
        <v>39720672.421599902</v>
      </c>
      <c r="O243" s="53">
        <v>2974888.17734166</v>
      </c>
      <c r="P243" s="53">
        <v>2274908.7973416601</v>
      </c>
      <c r="Q243" s="53">
        <v>3216505.1873416598</v>
      </c>
      <c r="R243" s="53">
        <v>2316504.1473416602</v>
      </c>
      <c r="S243" s="53">
        <v>2298959.9173416598</v>
      </c>
      <c r="T243" s="53">
        <v>3484101.4873416601</v>
      </c>
      <c r="U243" s="53">
        <v>2099952.0873416602</v>
      </c>
      <c r="V243" s="53">
        <v>1971672.5073416601</v>
      </c>
      <c r="W243" s="53">
        <v>3102016.1873416598</v>
      </c>
      <c r="X243" s="53">
        <v>2273821.7873416599</v>
      </c>
      <c r="Y243" s="53">
        <v>2048685.91734166</v>
      </c>
      <c r="Z243" s="53">
        <v>3486178.2173416601</v>
      </c>
      <c r="AA243" s="53">
        <v>31548194.418099899</v>
      </c>
      <c r="AB243" s="53">
        <v>3066725.6237166598</v>
      </c>
      <c r="AC243" s="53">
        <v>2366746.24371666</v>
      </c>
      <c r="AD243" s="53">
        <v>3308342.6337166601</v>
      </c>
      <c r="AE243" s="53">
        <v>2408341.59371666</v>
      </c>
      <c r="AF243" s="53">
        <v>2390797.3637166601</v>
      </c>
      <c r="AG243" s="53">
        <v>3575938.9337166599</v>
      </c>
      <c r="AH243" s="53">
        <v>2191789.53371666</v>
      </c>
      <c r="AI243" s="53">
        <v>2063509.9537166599</v>
      </c>
      <c r="AJ243" s="53">
        <v>3193853.6337166601</v>
      </c>
      <c r="AK243" s="53">
        <v>2365659.2337166602</v>
      </c>
      <c r="AL243" s="53">
        <v>2140523.3637166601</v>
      </c>
      <c r="AM243" s="53">
        <v>3578015.6637166599</v>
      </c>
      <c r="AN243" s="53">
        <v>32650243.774599999</v>
      </c>
      <c r="AO243" s="53">
        <v>3160611.9800916598</v>
      </c>
      <c r="AP243" s="53">
        <v>2460632.6000916599</v>
      </c>
      <c r="AQ243" s="53">
        <v>3402228.9900916601</v>
      </c>
      <c r="AR243" s="53">
        <v>2502227.95009166</v>
      </c>
      <c r="AS243" s="53">
        <v>2484683.72009166</v>
      </c>
      <c r="AT243" s="53">
        <v>3669825.2900916599</v>
      </c>
      <c r="AU243" s="53">
        <v>2285675.89009166</v>
      </c>
      <c r="AV243" s="53">
        <v>2157396.3100916599</v>
      </c>
      <c r="AW243" s="53">
        <v>3287739.9900916601</v>
      </c>
      <c r="AX243" s="53">
        <v>2459545.5900916602</v>
      </c>
      <c r="AY243" s="53">
        <v>2234409.72009166</v>
      </c>
      <c r="AZ243" s="53">
        <v>3671902.0200916599</v>
      </c>
      <c r="BA243" s="53">
        <v>33776880.051099896</v>
      </c>
    </row>
    <row r="244" spans="1:53">
      <c r="A244" s="231" t="s">
        <v>1039</v>
      </c>
      <c r="B244" s="53"/>
      <c r="C244" s="53"/>
      <c r="D244" s="53"/>
      <c r="E244" s="53"/>
      <c r="F244" s="53"/>
      <c r="G244" s="53"/>
      <c r="H244" s="53"/>
      <c r="I244" s="53"/>
      <c r="J244" s="53"/>
      <c r="K244" s="53"/>
      <c r="L244" s="53"/>
      <c r="M244" s="53"/>
      <c r="N244" s="53"/>
      <c r="O244" s="53"/>
      <c r="P244" s="53"/>
      <c r="Q244" s="53"/>
      <c r="R244" s="53"/>
      <c r="S244" s="53"/>
      <c r="T244" s="53"/>
      <c r="U244" s="53"/>
      <c r="V244" s="53"/>
      <c r="W244" s="53"/>
      <c r="X244" s="53"/>
      <c r="Y244" s="53"/>
      <c r="Z244" s="53"/>
      <c r="AA244" s="53"/>
      <c r="AB244" s="53"/>
      <c r="AC244" s="53"/>
      <c r="AD244" s="53"/>
      <c r="AE244" s="53"/>
      <c r="AF244" s="53"/>
      <c r="AG244" s="53"/>
      <c r="AH244" s="53"/>
      <c r="AI244" s="53"/>
      <c r="AJ244" s="53"/>
      <c r="AK244" s="53"/>
      <c r="AL244" s="53"/>
      <c r="AM244" s="53"/>
      <c r="AN244" s="53"/>
      <c r="AO244" s="53"/>
      <c r="AP244" s="53"/>
      <c r="AQ244" s="53"/>
      <c r="AR244" s="53"/>
      <c r="AS244" s="53"/>
      <c r="AT244" s="53"/>
      <c r="AU244" s="53"/>
      <c r="AV244" s="53"/>
      <c r="AW244" s="53"/>
      <c r="AX244" s="53"/>
      <c r="AY244" s="53"/>
      <c r="AZ244" s="53"/>
      <c r="BA244" s="53"/>
    </row>
    <row r="245" spans="1:53">
      <c r="A245" s="52" t="s">
        <v>1040</v>
      </c>
      <c r="B245" s="53"/>
      <c r="C245" s="53"/>
      <c r="D245" s="53"/>
      <c r="E245" s="53"/>
      <c r="F245" s="53"/>
      <c r="G245" s="53"/>
      <c r="H245" s="53"/>
      <c r="I245" s="53"/>
      <c r="J245" s="53"/>
      <c r="K245" s="53"/>
      <c r="L245" s="53"/>
      <c r="M245" s="53"/>
      <c r="N245" s="53"/>
      <c r="O245" s="53"/>
      <c r="P245" s="53"/>
      <c r="Q245" s="53"/>
      <c r="R245" s="53"/>
      <c r="S245" s="53"/>
      <c r="T245" s="53"/>
      <c r="U245" s="53"/>
      <c r="V245" s="53"/>
      <c r="W245" s="53"/>
      <c r="X245" s="53"/>
      <c r="Y245" s="53"/>
      <c r="Z245" s="53"/>
      <c r="AA245" s="53"/>
      <c r="AB245" s="53"/>
      <c r="AC245" s="53"/>
      <c r="AD245" s="53"/>
      <c r="AE245" s="53"/>
      <c r="AF245" s="53"/>
      <c r="AG245" s="53"/>
      <c r="AH245" s="53"/>
      <c r="AI245" s="53"/>
      <c r="AJ245" s="53"/>
      <c r="AK245" s="53"/>
      <c r="AL245" s="53"/>
      <c r="AM245" s="53"/>
      <c r="AN245" s="53"/>
      <c r="AO245" s="53"/>
      <c r="AP245" s="53"/>
      <c r="AQ245" s="53"/>
      <c r="AR245" s="53"/>
      <c r="AS245" s="53"/>
      <c r="AT245" s="53"/>
      <c r="AU245" s="53"/>
      <c r="AV245" s="53"/>
      <c r="AW245" s="53"/>
      <c r="AX245" s="53"/>
      <c r="AY245" s="53"/>
      <c r="AZ245" s="53"/>
      <c r="BA245" s="53"/>
    </row>
    <row r="246" spans="1:53">
      <c r="A246" s="52" t="s">
        <v>1041</v>
      </c>
      <c r="B246" s="53">
        <v>153070.29</v>
      </c>
      <c r="C246" s="53">
        <v>78329.87</v>
      </c>
      <c r="D246" s="53">
        <v>163975.079999999</v>
      </c>
      <c r="E246" s="53">
        <v>168164.99</v>
      </c>
      <c r="F246" s="53">
        <v>168567.28999999899</v>
      </c>
      <c r="G246" s="53">
        <v>150373.54999999999</v>
      </c>
      <c r="H246" s="53">
        <v>193627.639999999</v>
      </c>
      <c r="I246" s="53">
        <v>218492.31999999899</v>
      </c>
      <c r="J246" s="53">
        <v>218492.31999999899</v>
      </c>
      <c r="K246" s="53">
        <v>193868.639999999</v>
      </c>
      <c r="L246" s="53">
        <v>153640.28999999899</v>
      </c>
      <c r="M246" s="53">
        <v>153070.72</v>
      </c>
      <c r="N246" s="53">
        <v>2013673</v>
      </c>
      <c r="O246" s="53">
        <v>153070.29</v>
      </c>
      <c r="P246" s="53">
        <v>78329.87</v>
      </c>
      <c r="Q246" s="53">
        <v>163975.079999999</v>
      </c>
      <c r="R246" s="53">
        <v>168164.99</v>
      </c>
      <c r="S246" s="53">
        <v>168567.28999999899</v>
      </c>
      <c r="T246" s="53">
        <v>150373.54999999999</v>
      </c>
      <c r="U246" s="53">
        <v>193627.639999999</v>
      </c>
      <c r="V246" s="53">
        <v>218492.31999999899</v>
      </c>
      <c r="W246" s="53">
        <v>218492.31999999899</v>
      </c>
      <c r="X246" s="53">
        <v>193868.639999999</v>
      </c>
      <c r="Y246" s="53">
        <v>153640.28999999899</v>
      </c>
      <c r="Z246" s="53">
        <v>153070.72</v>
      </c>
      <c r="AA246" s="53">
        <v>2013673</v>
      </c>
      <c r="AB246" s="53">
        <v>153070.29</v>
      </c>
      <c r="AC246" s="53">
        <v>78329.87</v>
      </c>
      <c r="AD246" s="53">
        <v>163975.079999999</v>
      </c>
      <c r="AE246" s="53">
        <v>168164.99</v>
      </c>
      <c r="AF246" s="53">
        <v>168567.28999999899</v>
      </c>
      <c r="AG246" s="53">
        <v>150373.54999999999</v>
      </c>
      <c r="AH246" s="53">
        <v>193627.639999999</v>
      </c>
      <c r="AI246" s="53">
        <v>218492.31999999899</v>
      </c>
      <c r="AJ246" s="53">
        <v>218492.31999999899</v>
      </c>
      <c r="AK246" s="53">
        <v>193868.639999999</v>
      </c>
      <c r="AL246" s="53">
        <v>153640.28999999899</v>
      </c>
      <c r="AM246" s="53">
        <v>153070.72</v>
      </c>
      <c r="AN246" s="53">
        <v>2013673</v>
      </c>
      <c r="AO246" s="53">
        <v>153070.29</v>
      </c>
      <c r="AP246" s="53">
        <v>78329.87</v>
      </c>
      <c r="AQ246" s="53">
        <v>163975.079999999</v>
      </c>
      <c r="AR246" s="53">
        <v>168164.99</v>
      </c>
      <c r="AS246" s="53">
        <v>168567.28999999899</v>
      </c>
      <c r="AT246" s="53">
        <v>150373.54999999999</v>
      </c>
      <c r="AU246" s="53">
        <v>193627.639999999</v>
      </c>
      <c r="AV246" s="53">
        <v>218492.31999999899</v>
      </c>
      <c r="AW246" s="53">
        <v>218492.31999999899</v>
      </c>
      <c r="AX246" s="53">
        <v>193868.639999999</v>
      </c>
      <c r="AY246" s="53">
        <v>153640.28999999899</v>
      </c>
      <c r="AZ246" s="53">
        <v>153070.72</v>
      </c>
      <c r="BA246" s="53">
        <v>2013673</v>
      </c>
    </row>
    <row r="247" spans="1:53">
      <c r="A247" s="234" t="s">
        <v>1042</v>
      </c>
      <c r="B247" s="53">
        <v>4241.7812532630196</v>
      </c>
      <c r="C247" s="53">
        <v>4241.7812532630196</v>
      </c>
      <c r="D247" s="53">
        <v>4241.7812532630196</v>
      </c>
      <c r="E247" s="53">
        <v>4241.7812532630196</v>
      </c>
      <c r="F247" s="53">
        <v>4241.7812532630196</v>
      </c>
      <c r="G247" s="53">
        <v>4241.7812532630196</v>
      </c>
      <c r="H247" s="53">
        <v>4241.7812532630196</v>
      </c>
      <c r="I247" s="53">
        <v>4241.7812532630196</v>
      </c>
      <c r="J247" s="53">
        <v>4241.7812532630196</v>
      </c>
      <c r="K247" s="53">
        <v>4241.7812532630196</v>
      </c>
      <c r="L247" s="53">
        <v>4241.7812532630196</v>
      </c>
      <c r="M247" s="53">
        <v>4241.7812532630196</v>
      </c>
      <c r="N247" s="53">
        <v>50901.375039156199</v>
      </c>
      <c r="O247" s="53">
        <v>8448.8230023173692</v>
      </c>
      <c r="P247" s="53">
        <v>8448.8230023173692</v>
      </c>
      <c r="Q247" s="53">
        <v>8448.8230023173692</v>
      </c>
      <c r="R247" s="53">
        <v>8448.8230023173692</v>
      </c>
      <c r="S247" s="53">
        <v>8448.8230023173692</v>
      </c>
      <c r="T247" s="53">
        <v>8448.8230023173692</v>
      </c>
      <c r="U247" s="53">
        <v>8448.8230023173692</v>
      </c>
      <c r="V247" s="53">
        <v>8448.8230023173692</v>
      </c>
      <c r="W247" s="53">
        <v>8448.8230023173692</v>
      </c>
      <c r="X247" s="53">
        <v>8448.8230023173692</v>
      </c>
      <c r="Y247" s="53">
        <v>8448.8230023173692</v>
      </c>
      <c r="Z247" s="53">
        <v>8448.8230023173692</v>
      </c>
      <c r="AA247" s="53">
        <v>101385.876027808</v>
      </c>
      <c r="AB247" s="53">
        <v>12526.366487019801</v>
      </c>
      <c r="AC247" s="53">
        <v>12526.366487019801</v>
      </c>
      <c r="AD247" s="53">
        <v>12526.366487019801</v>
      </c>
      <c r="AE247" s="53">
        <v>12526.366487019801</v>
      </c>
      <c r="AF247" s="53">
        <v>12526.366487019801</v>
      </c>
      <c r="AG247" s="53">
        <v>12526.366487019801</v>
      </c>
      <c r="AH247" s="53">
        <v>12526.366487019801</v>
      </c>
      <c r="AI247" s="53">
        <v>12526.366487019801</v>
      </c>
      <c r="AJ247" s="53">
        <v>12526.366487019801</v>
      </c>
      <c r="AK247" s="53">
        <v>12526.366487019801</v>
      </c>
      <c r="AL247" s="53">
        <v>12526.366487019801</v>
      </c>
      <c r="AM247" s="53">
        <v>12526.366487019801</v>
      </c>
      <c r="AN247" s="53">
        <v>150316.397844238</v>
      </c>
      <c r="AO247" s="53">
        <v>16266.647484565799</v>
      </c>
      <c r="AP247" s="53">
        <v>16266.647484565799</v>
      </c>
      <c r="AQ247" s="53">
        <v>16266.647484565799</v>
      </c>
      <c r="AR247" s="53">
        <v>16266.647484565799</v>
      </c>
      <c r="AS247" s="53">
        <v>16266.647484565799</v>
      </c>
      <c r="AT247" s="53">
        <v>16266.647484565799</v>
      </c>
      <c r="AU247" s="53">
        <v>16266.647484565799</v>
      </c>
      <c r="AV247" s="53">
        <v>16266.647484565799</v>
      </c>
      <c r="AW247" s="53">
        <v>16266.647484565799</v>
      </c>
      <c r="AX247" s="53">
        <v>16266.647484565799</v>
      </c>
      <c r="AY247" s="53">
        <v>16266.647484565799</v>
      </c>
      <c r="AZ247" s="53">
        <v>16266.647484565799</v>
      </c>
      <c r="BA247" s="53">
        <v>195199.769814789</v>
      </c>
    </row>
    <row r="248" spans="1:53">
      <c r="A248" s="52" t="s">
        <v>1043</v>
      </c>
      <c r="B248" s="53">
        <v>0</v>
      </c>
      <c r="C248" s="53">
        <v>0</v>
      </c>
      <c r="D248" s="53">
        <v>0</v>
      </c>
      <c r="E248" s="53">
        <v>0</v>
      </c>
      <c r="F248" s="53">
        <v>0</v>
      </c>
      <c r="G248" s="53">
        <v>0</v>
      </c>
      <c r="H248" s="53">
        <v>0</v>
      </c>
      <c r="I248" s="53">
        <v>0</v>
      </c>
      <c r="J248" s="53">
        <v>0</v>
      </c>
      <c r="K248" s="53">
        <v>0</v>
      </c>
      <c r="L248" s="53">
        <v>0</v>
      </c>
      <c r="M248" s="53">
        <v>0</v>
      </c>
      <c r="N248" s="53">
        <v>0</v>
      </c>
      <c r="O248" s="53">
        <v>0</v>
      </c>
      <c r="P248" s="53">
        <v>0</v>
      </c>
      <c r="Q248" s="53">
        <v>0</v>
      </c>
      <c r="R248" s="53">
        <v>0</v>
      </c>
      <c r="S248" s="53">
        <v>0</v>
      </c>
      <c r="T248" s="53">
        <v>0</v>
      </c>
      <c r="U248" s="53">
        <v>0</v>
      </c>
      <c r="V248" s="53">
        <v>0</v>
      </c>
      <c r="W248" s="53">
        <v>0</v>
      </c>
      <c r="X248" s="53">
        <v>0</v>
      </c>
      <c r="Y248" s="53">
        <v>0</v>
      </c>
      <c r="Z248" s="53">
        <v>0</v>
      </c>
      <c r="AA248" s="53">
        <v>0</v>
      </c>
      <c r="AB248" s="53">
        <v>0</v>
      </c>
      <c r="AC248" s="53">
        <v>0</v>
      </c>
      <c r="AD248" s="53">
        <v>0</v>
      </c>
      <c r="AE248" s="53">
        <v>0</v>
      </c>
      <c r="AF248" s="53">
        <v>0</v>
      </c>
      <c r="AG248" s="53">
        <v>0</v>
      </c>
      <c r="AH248" s="53">
        <v>0</v>
      </c>
      <c r="AI248" s="53">
        <v>0</v>
      </c>
      <c r="AJ248" s="53">
        <v>0</v>
      </c>
      <c r="AK248" s="53">
        <v>0</v>
      </c>
      <c r="AL248" s="53">
        <v>0</v>
      </c>
      <c r="AM248" s="53">
        <v>0</v>
      </c>
      <c r="AN248" s="53">
        <v>0</v>
      </c>
      <c r="AO248" s="53">
        <v>0</v>
      </c>
      <c r="AP248" s="53">
        <v>0</v>
      </c>
      <c r="AQ248" s="53">
        <v>0</v>
      </c>
      <c r="AR248" s="53">
        <v>0</v>
      </c>
      <c r="AS248" s="53">
        <v>0</v>
      </c>
      <c r="AT248" s="53">
        <v>0</v>
      </c>
      <c r="AU248" s="53">
        <v>0</v>
      </c>
      <c r="AV248" s="53">
        <v>0</v>
      </c>
      <c r="AW248" s="53">
        <v>0</v>
      </c>
      <c r="AX248" s="53">
        <v>0</v>
      </c>
      <c r="AY248" s="53">
        <v>0</v>
      </c>
      <c r="AZ248" s="53">
        <v>0</v>
      </c>
      <c r="BA248" s="53">
        <v>0</v>
      </c>
    </row>
    <row r="249" spans="1:53">
      <c r="A249" s="52" t="s">
        <v>1044</v>
      </c>
      <c r="B249" s="53">
        <v>0</v>
      </c>
      <c r="C249" s="53">
        <v>0</v>
      </c>
      <c r="D249" s="53">
        <v>0</v>
      </c>
      <c r="E249" s="53">
        <v>0</v>
      </c>
      <c r="F249" s="53">
        <v>0</v>
      </c>
      <c r="G249" s="53">
        <v>0</v>
      </c>
      <c r="H249" s="53">
        <v>0</v>
      </c>
      <c r="I249" s="53">
        <v>0</v>
      </c>
      <c r="J249" s="53">
        <v>0</v>
      </c>
      <c r="K249" s="53">
        <v>0</v>
      </c>
      <c r="L249" s="53">
        <v>0</v>
      </c>
      <c r="M249" s="53">
        <v>0</v>
      </c>
      <c r="N249" s="53">
        <v>0</v>
      </c>
      <c r="O249" s="53">
        <v>0</v>
      </c>
      <c r="P249" s="53">
        <v>0</v>
      </c>
      <c r="Q249" s="53">
        <v>0</v>
      </c>
      <c r="R249" s="53">
        <v>0</v>
      </c>
      <c r="S249" s="53">
        <v>0</v>
      </c>
      <c r="T249" s="53">
        <v>0</v>
      </c>
      <c r="U249" s="53">
        <v>0</v>
      </c>
      <c r="V249" s="53">
        <v>0</v>
      </c>
      <c r="W249" s="53">
        <v>0</v>
      </c>
      <c r="X249" s="53">
        <v>0</v>
      </c>
      <c r="Y249" s="53">
        <v>0</v>
      </c>
      <c r="Z249" s="53">
        <v>0</v>
      </c>
      <c r="AA249" s="53">
        <v>0</v>
      </c>
      <c r="AB249" s="53">
        <v>0</v>
      </c>
      <c r="AC249" s="53">
        <v>0</v>
      </c>
      <c r="AD249" s="53">
        <v>0</v>
      </c>
      <c r="AE249" s="53">
        <v>0</v>
      </c>
      <c r="AF249" s="53">
        <v>0</v>
      </c>
      <c r="AG249" s="53">
        <v>0</v>
      </c>
      <c r="AH249" s="53">
        <v>0</v>
      </c>
      <c r="AI249" s="53">
        <v>0</v>
      </c>
      <c r="AJ249" s="53">
        <v>0</v>
      </c>
      <c r="AK249" s="53">
        <v>0</v>
      </c>
      <c r="AL249" s="53">
        <v>0</v>
      </c>
      <c r="AM249" s="53">
        <v>0</v>
      </c>
      <c r="AN249" s="53">
        <v>0</v>
      </c>
      <c r="AO249" s="53">
        <v>0</v>
      </c>
      <c r="AP249" s="53">
        <v>0</v>
      </c>
      <c r="AQ249" s="53">
        <v>0</v>
      </c>
      <c r="AR249" s="53">
        <v>0</v>
      </c>
      <c r="AS249" s="53">
        <v>0</v>
      </c>
      <c r="AT249" s="53">
        <v>0</v>
      </c>
      <c r="AU249" s="53">
        <v>0</v>
      </c>
      <c r="AV249" s="53">
        <v>0</v>
      </c>
      <c r="AW249" s="53">
        <v>0</v>
      </c>
      <c r="AX249" s="53">
        <v>0</v>
      </c>
      <c r="AY249" s="53">
        <v>0</v>
      </c>
      <c r="AZ249" s="53">
        <v>0</v>
      </c>
      <c r="BA249" s="53">
        <v>0</v>
      </c>
    </row>
    <row r="250" spans="1:53">
      <c r="A250" s="52" t="s">
        <v>1045</v>
      </c>
      <c r="B250" s="53">
        <v>157312.07125326301</v>
      </c>
      <c r="C250" s="53">
        <v>82571.651253263</v>
      </c>
      <c r="D250" s="53">
        <v>168216.861253262</v>
      </c>
      <c r="E250" s="53">
        <v>172406.771253263</v>
      </c>
      <c r="F250" s="53">
        <v>172809.07125326301</v>
      </c>
      <c r="G250" s="53">
        <v>154615.33125326299</v>
      </c>
      <c r="H250" s="53">
        <v>197869.42125326299</v>
      </c>
      <c r="I250" s="53">
        <v>222734.10125326199</v>
      </c>
      <c r="J250" s="53">
        <v>222734.10125326199</v>
      </c>
      <c r="K250" s="53">
        <v>198110.42125326299</v>
      </c>
      <c r="L250" s="53">
        <v>157882.07125326301</v>
      </c>
      <c r="M250" s="53">
        <v>157312.50125326301</v>
      </c>
      <c r="N250" s="53">
        <v>2064574.37503915</v>
      </c>
      <c r="O250" s="53">
        <v>161519.113002317</v>
      </c>
      <c r="P250" s="53">
        <v>86778.693002317304</v>
      </c>
      <c r="Q250" s="53">
        <v>172423.90300231701</v>
      </c>
      <c r="R250" s="53">
        <v>176613.81300231701</v>
      </c>
      <c r="S250" s="53">
        <v>177016.113002317</v>
      </c>
      <c r="T250" s="53">
        <v>158822.37300231701</v>
      </c>
      <c r="U250" s="53">
        <v>202076.463002317</v>
      </c>
      <c r="V250" s="53">
        <v>226941.143002317</v>
      </c>
      <c r="W250" s="53">
        <v>226941.143002317</v>
      </c>
      <c r="X250" s="53">
        <v>202317.463002317</v>
      </c>
      <c r="Y250" s="53">
        <v>162089.113002317</v>
      </c>
      <c r="Z250" s="53">
        <v>161519.54300231699</v>
      </c>
      <c r="AA250" s="53">
        <v>2115058.8760278001</v>
      </c>
      <c r="AB250" s="53">
        <v>165596.656487019</v>
      </c>
      <c r="AC250" s="53">
        <v>90856.236487019894</v>
      </c>
      <c r="AD250" s="53">
        <v>176501.44648701901</v>
      </c>
      <c r="AE250" s="53">
        <v>180691.35648701899</v>
      </c>
      <c r="AF250" s="53">
        <v>181093.656487019</v>
      </c>
      <c r="AG250" s="53">
        <v>162899.91648701901</v>
      </c>
      <c r="AH250" s="53">
        <v>206154.00648701901</v>
      </c>
      <c r="AI250" s="53">
        <v>231018.686487019</v>
      </c>
      <c r="AJ250" s="53">
        <v>231018.686487019</v>
      </c>
      <c r="AK250" s="53">
        <v>206395.00648701901</v>
      </c>
      <c r="AL250" s="53">
        <v>166166.656487019</v>
      </c>
      <c r="AM250" s="53">
        <v>165597.086487019</v>
      </c>
      <c r="AN250" s="53">
        <v>2163989.3978442298</v>
      </c>
      <c r="AO250" s="53">
        <v>169336.93748456499</v>
      </c>
      <c r="AP250" s="53">
        <v>94596.517484565702</v>
      </c>
      <c r="AQ250" s="53">
        <v>180241.727484565</v>
      </c>
      <c r="AR250" s="53">
        <v>184431.637484565</v>
      </c>
      <c r="AS250" s="53">
        <v>184833.93748456499</v>
      </c>
      <c r="AT250" s="53">
        <v>166640.197484565</v>
      </c>
      <c r="AU250" s="53">
        <v>209894.28748456499</v>
      </c>
      <c r="AV250" s="53">
        <v>234758.96748456499</v>
      </c>
      <c r="AW250" s="53">
        <v>234758.96748456499</v>
      </c>
      <c r="AX250" s="53">
        <v>210135.28748456499</v>
      </c>
      <c r="AY250" s="53">
        <v>169906.93748456499</v>
      </c>
      <c r="AZ250" s="53">
        <v>169337.36748456501</v>
      </c>
      <c r="BA250" s="53">
        <v>2208872.76981478</v>
      </c>
    </row>
    <row r="251" spans="1:53">
      <c r="A251" s="52" t="s">
        <v>1046</v>
      </c>
      <c r="B251" s="53"/>
      <c r="C251" s="53"/>
      <c r="D251" s="53"/>
      <c r="E251" s="53"/>
      <c r="F251" s="53"/>
      <c r="G251" s="53"/>
      <c r="H251" s="53"/>
      <c r="I251" s="53"/>
      <c r="J251" s="53"/>
      <c r="K251" s="53"/>
      <c r="L251" s="53"/>
      <c r="M251" s="53"/>
      <c r="N251" s="53"/>
      <c r="O251" s="53"/>
      <c r="P251" s="53"/>
      <c r="Q251" s="53"/>
      <c r="R251" s="53"/>
      <c r="S251" s="53"/>
      <c r="T251" s="53"/>
      <c r="U251" s="53"/>
      <c r="V251" s="53"/>
      <c r="W251" s="53"/>
      <c r="X251" s="53"/>
      <c r="Y251" s="53"/>
      <c r="Z251" s="53"/>
      <c r="AA251" s="53"/>
      <c r="AB251" s="53"/>
      <c r="AC251" s="53"/>
      <c r="AD251" s="53"/>
      <c r="AE251" s="53"/>
      <c r="AF251" s="53"/>
      <c r="AG251" s="53"/>
      <c r="AH251" s="53"/>
      <c r="AI251" s="53"/>
      <c r="AJ251" s="53"/>
      <c r="AK251" s="53"/>
      <c r="AL251" s="53"/>
      <c r="AM251" s="53"/>
      <c r="AN251" s="53"/>
      <c r="AO251" s="53"/>
      <c r="AP251" s="53"/>
      <c r="AQ251" s="53"/>
      <c r="AR251" s="53"/>
      <c r="AS251" s="53"/>
      <c r="AT251" s="53"/>
      <c r="AU251" s="53"/>
      <c r="AV251" s="53"/>
      <c r="AW251" s="53"/>
      <c r="AX251" s="53"/>
      <c r="AY251" s="53"/>
      <c r="AZ251" s="53"/>
      <c r="BA251" s="53"/>
    </row>
    <row r="252" spans="1:53">
      <c r="A252" s="52" t="s">
        <v>1047</v>
      </c>
      <c r="B252" s="53">
        <v>318936.82999999903</v>
      </c>
      <c r="C252" s="53">
        <v>318936.82999999903</v>
      </c>
      <c r="D252" s="53">
        <v>321128.59999999998</v>
      </c>
      <c r="E252" s="53">
        <v>321128.59999999998</v>
      </c>
      <c r="F252" s="53">
        <v>420973.859999999</v>
      </c>
      <c r="G252" s="53">
        <v>321128.59999999998</v>
      </c>
      <c r="H252" s="53">
        <v>321128.59999999998</v>
      </c>
      <c r="I252" s="53">
        <v>321128.59999999998</v>
      </c>
      <c r="J252" s="53">
        <v>321128.59999999998</v>
      </c>
      <c r="K252" s="53">
        <v>321128.59999999998</v>
      </c>
      <c r="L252" s="53">
        <v>420973.859999999</v>
      </c>
      <c r="M252" s="53">
        <v>327280.55999999901</v>
      </c>
      <c r="N252" s="53">
        <v>4055002.1399999899</v>
      </c>
      <c r="O252" s="53">
        <v>318936.82999999903</v>
      </c>
      <c r="P252" s="53">
        <v>318936.82999999903</v>
      </c>
      <c r="Q252" s="53">
        <v>321128.59999999998</v>
      </c>
      <c r="R252" s="53">
        <v>321128.59999999998</v>
      </c>
      <c r="S252" s="53">
        <v>420973.859999999</v>
      </c>
      <c r="T252" s="53">
        <v>321128.59999999998</v>
      </c>
      <c r="U252" s="53">
        <v>321128.59999999998</v>
      </c>
      <c r="V252" s="53">
        <v>321128.59999999998</v>
      </c>
      <c r="W252" s="53">
        <v>321128.59999999998</v>
      </c>
      <c r="X252" s="53">
        <v>321128.59999999998</v>
      </c>
      <c r="Y252" s="53">
        <v>420973.859999999</v>
      </c>
      <c r="Z252" s="53">
        <v>327280.55999999901</v>
      </c>
      <c r="AA252" s="53">
        <v>4055002.1399999899</v>
      </c>
      <c r="AB252" s="53">
        <v>318936.82999999903</v>
      </c>
      <c r="AC252" s="53">
        <v>318936.82999999903</v>
      </c>
      <c r="AD252" s="53">
        <v>321128.59999999998</v>
      </c>
      <c r="AE252" s="53">
        <v>321128.59999999998</v>
      </c>
      <c r="AF252" s="53">
        <v>420973.859999999</v>
      </c>
      <c r="AG252" s="53">
        <v>321128.59999999998</v>
      </c>
      <c r="AH252" s="53">
        <v>321128.59999999998</v>
      </c>
      <c r="AI252" s="53">
        <v>321128.59999999998</v>
      </c>
      <c r="AJ252" s="53">
        <v>321128.59999999998</v>
      </c>
      <c r="AK252" s="53">
        <v>321128.59999999998</v>
      </c>
      <c r="AL252" s="53">
        <v>420973.859999999</v>
      </c>
      <c r="AM252" s="53">
        <v>327280.55999999901</v>
      </c>
      <c r="AN252" s="53">
        <v>4055002.1399999899</v>
      </c>
      <c r="AO252" s="53">
        <v>318936.82999999903</v>
      </c>
      <c r="AP252" s="53">
        <v>318936.82999999903</v>
      </c>
      <c r="AQ252" s="53">
        <v>321128.59999999998</v>
      </c>
      <c r="AR252" s="53">
        <v>321128.59999999998</v>
      </c>
      <c r="AS252" s="53">
        <v>420973.859999999</v>
      </c>
      <c r="AT252" s="53">
        <v>321128.59999999998</v>
      </c>
      <c r="AU252" s="53">
        <v>321128.59999999998</v>
      </c>
      <c r="AV252" s="53">
        <v>321128.59999999998</v>
      </c>
      <c r="AW252" s="53">
        <v>321128.59999999998</v>
      </c>
      <c r="AX252" s="53">
        <v>321128.59999999998</v>
      </c>
      <c r="AY252" s="53">
        <v>420973.859999999</v>
      </c>
      <c r="AZ252" s="53">
        <v>327280.55999999901</v>
      </c>
      <c r="BA252" s="53">
        <v>4055002.1399999899</v>
      </c>
    </row>
    <row r="253" spans="1:53">
      <c r="A253" s="234" t="s">
        <v>1048</v>
      </c>
      <c r="B253" s="53">
        <v>8541.8198781000592</v>
      </c>
      <c r="C253" s="53">
        <v>8541.8198781000592</v>
      </c>
      <c r="D253" s="53">
        <v>8541.8198781000592</v>
      </c>
      <c r="E253" s="53">
        <v>8541.8198781000592</v>
      </c>
      <c r="F253" s="53">
        <v>8541.8198781000592</v>
      </c>
      <c r="G253" s="53">
        <v>8541.8198781000592</v>
      </c>
      <c r="H253" s="53">
        <v>8541.8198781000592</v>
      </c>
      <c r="I253" s="53">
        <v>8541.8198781000592</v>
      </c>
      <c r="J253" s="53">
        <v>8541.8198781000592</v>
      </c>
      <c r="K253" s="53">
        <v>8541.8198781000592</v>
      </c>
      <c r="L253" s="53">
        <v>8541.8198781000592</v>
      </c>
      <c r="M253" s="53">
        <v>8541.8198781000592</v>
      </c>
      <c r="N253" s="53">
        <v>102501.8385372</v>
      </c>
      <c r="O253" s="53">
        <v>17013.683629307299</v>
      </c>
      <c r="P253" s="53">
        <v>17013.683629307299</v>
      </c>
      <c r="Q253" s="53">
        <v>17013.683629307299</v>
      </c>
      <c r="R253" s="53">
        <v>17013.683629307299</v>
      </c>
      <c r="S253" s="53">
        <v>17013.683629307299</v>
      </c>
      <c r="T253" s="53">
        <v>17013.683629307299</v>
      </c>
      <c r="U253" s="53">
        <v>17013.683629307299</v>
      </c>
      <c r="V253" s="53">
        <v>17013.683629307299</v>
      </c>
      <c r="W253" s="53">
        <v>17013.683629307299</v>
      </c>
      <c r="X253" s="53">
        <v>17013.683629307299</v>
      </c>
      <c r="Y253" s="53">
        <v>17013.683629307299</v>
      </c>
      <c r="Z253" s="53">
        <v>17013.683629307299</v>
      </c>
      <c r="AA253" s="53">
        <v>204164.20355168701</v>
      </c>
      <c r="AB253" s="53">
        <v>25224.772299817199</v>
      </c>
      <c r="AC253" s="53">
        <v>25224.772299817199</v>
      </c>
      <c r="AD253" s="53">
        <v>25224.772299817199</v>
      </c>
      <c r="AE253" s="53">
        <v>25224.772299817199</v>
      </c>
      <c r="AF253" s="53">
        <v>25224.772299817199</v>
      </c>
      <c r="AG253" s="53">
        <v>25224.772299817199</v>
      </c>
      <c r="AH253" s="53">
        <v>25224.772299817199</v>
      </c>
      <c r="AI253" s="53">
        <v>25224.772299817199</v>
      </c>
      <c r="AJ253" s="53">
        <v>25224.772299817199</v>
      </c>
      <c r="AK253" s="53">
        <v>25224.772299817199</v>
      </c>
      <c r="AL253" s="53">
        <v>25224.772299817199</v>
      </c>
      <c r="AM253" s="53">
        <v>25224.772299817199</v>
      </c>
      <c r="AN253" s="53">
        <v>302697.267597806</v>
      </c>
      <c r="AO253" s="53">
        <v>32756.7039735547</v>
      </c>
      <c r="AP253" s="53">
        <v>32756.7039735547</v>
      </c>
      <c r="AQ253" s="53">
        <v>32756.7039735547</v>
      </c>
      <c r="AR253" s="53">
        <v>32756.7039735547</v>
      </c>
      <c r="AS253" s="53">
        <v>32756.7039735547</v>
      </c>
      <c r="AT253" s="53">
        <v>32756.7039735547</v>
      </c>
      <c r="AU253" s="53">
        <v>32756.7039735547</v>
      </c>
      <c r="AV253" s="53">
        <v>32756.7039735547</v>
      </c>
      <c r="AW253" s="53">
        <v>32756.7039735547</v>
      </c>
      <c r="AX253" s="53">
        <v>32756.7039735547</v>
      </c>
      <c r="AY253" s="53">
        <v>32756.7039735547</v>
      </c>
      <c r="AZ253" s="53">
        <v>32756.7039735547</v>
      </c>
      <c r="BA253" s="53">
        <v>393080.447682656</v>
      </c>
    </row>
    <row r="254" spans="1:53">
      <c r="A254" s="52" t="s">
        <v>1049</v>
      </c>
      <c r="B254" s="53">
        <v>327478.64987810003</v>
      </c>
      <c r="C254" s="53">
        <v>327478.64987810003</v>
      </c>
      <c r="D254" s="53">
        <v>329670.41987809999</v>
      </c>
      <c r="E254" s="53">
        <v>329670.41987809999</v>
      </c>
      <c r="F254" s="53">
        <v>429515.6798781</v>
      </c>
      <c r="G254" s="53">
        <v>329670.41987809999</v>
      </c>
      <c r="H254" s="53">
        <v>329670.41987809999</v>
      </c>
      <c r="I254" s="53">
        <v>329670.41987809999</v>
      </c>
      <c r="J254" s="53">
        <v>329670.41987809999</v>
      </c>
      <c r="K254" s="53">
        <v>329670.41987809999</v>
      </c>
      <c r="L254" s="53">
        <v>429515.6798781</v>
      </c>
      <c r="M254" s="53">
        <v>335822.37987810001</v>
      </c>
      <c r="N254" s="53">
        <v>4157503.9785371898</v>
      </c>
      <c r="O254" s="53">
        <v>335950.51362930698</v>
      </c>
      <c r="P254" s="53">
        <v>335950.51362930698</v>
      </c>
      <c r="Q254" s="53">
        <v>338142.283629307</v>
      </c>
      <c r="R254" s="53">
        <v>338142.283629307</v>
      </c>
      <c r="S254" s="53">
        <v>437987.54362930701</v>
      </c>
      <c r="T254" s="53">
        <v>338142.283629307</v>
      </c>
      <c r="U254" s="53">
        <v>338142.283629307</v>
      </c>
      <c r="V254" s="53">
        <v>338142.283629307</v>
      </c>
      <c r="W254" s="53">
        <v>338142.283629307</v>
      </c>
      <c r="X254" s="53">
        <v>338142.283629307</v>
      </c>
      <c r="Y254" s="53">
        <v>437987.54362930701</v>
      </c>
      <c r="Z254" s="53">
        <v>344294.24362930702</v>
      </c>
      <c r="AA254" s="53">
        <v>4259166.3435516804</v>
      </c>
      <c r="AB254" s="53">
        <v>344161.60229981702</v>
      </c>
      <c r="AC254" s="53">
        <v>344161.60229981702</v>
      </c>
      <c r="AD254" s="53">
        <v>346353.37229981698</v>
      </c>
      <c r="AE254" s="53">
        <v>346353.37229981698</v>
      </c>
      <c r="AF254" s="53">
        <v>446198.63229981699</v>
      </c>
      <c r="AG254" s="53">
        <v>346353.37229981698</v>
      </c>
      <c r="AH254" s="53">
        <v>346353.37229981698</v>
      </c>
      <c r="AI254" s="53">
        <v>346353.37229981698</v>
      </c>
      <c r="AJ254" s="53">
        <v>346353.37229981698</v>
      </c>
      <c r="AK254" s="53">
        <v>346353.37229981698</v>
      </c>
      <c r="AL254" s="53">
        <v>446198.63229981699</v>
      </c>
      <c r="AM254" s="53">
        <v>352505.332299817</v>
      </c>
      <c r="AN254" s="53">
        <v>4357699.4075977998</v>
      </c>
      <c r="AO254" s="53">
        <v>351693.53397355397</v>
      </c>
      <c r="AP254" s="53">
        <v>351693.53397355397</v>
      </c>
      <c r="AQ254" s="53">
        <v>353885.30397355399</v>
      </c>
      <c r="AR254" s="53">
        <v>353885.30397355399</v>
      </c>
      <c r="AS254" s="53">
        <v>453730.563973554</v>
      </c>
      <c r="AT254" s="53">
        <v>353885.30397355399</v>
      </c>
      <c r="AU254" s="53">
        <v>353885.30397355399</v>
      </c>
      <c r="AV254" s="53">
        <v>353885.30397355399</v>
      </c>
      <c r="AW254" s="53">
        <v>353885.30397355399</v>
      </c>
      <c r="AX254" s="53">
        <v>353885.30397355399</v>
      </c>
      <c r="AY254" s="53">
        <v>453730.563973554</v>
      </c>
      <c r="AZ254" s="53">
        <v>360037.26397355401</v>
      </c>
      <c r="BA254" s="53">
        <v>4448082.5876826504</v>
      </c>
    </row>
    <row r="255" spans="1:53">
      <c r="A255" s="52" t="s">
        <v>1050</v>
      </c>
      <c r="B255" s="53"/>
      <c r="C255" s="53"/>
      <c r="D255" s="53"/>
      <c r="E255" s="53"/>
      <c r="F255" s="53"/>
      <c r="G255" s="53"/>
      <c r="H255" s="53"/>
      <c r="I255" s="53"/>
      <c r="J255" s="53"/>
      <c r="K255" s="53"/>
      <c r="L255" s="53"/>
      <c r="M255" s="53"/>
      <c r="N255" s="53"/>
      <c r="O255" s="53"/>
      <c r="P255" s="53"/>
      <c r="Q255" s="53"/>
      <c r="R255" s="53"/>
      <c r="S255" s="53"/>
      <c r="T255" s="53"/>
      <c r="U255" s="53"/>
      <c r="V255" s="53"/>
      <c r="W255" s="53"/>
      <c r="X255" s="53"/>
      <c r="Y255" s="53"/>
      <c r="Z255" s="53"/>
      <c r="AA255" s="53"/>
      <c r="AB255" s="53"/>
      <c r="AC255" s="53"/>
      <c r="AD255" s="53"/>
      <c r="AE255" s="53"/>
      <c r="AF255" s="53"/>
      <c r="AG255" s="53"/>
      <c r="AH255" s="53"/>
      <c r="AI255" s="53"/>
      <c r="AJ255" s="53"/>
      <c r="AK255" s="53"/>
      <c r="AL255" s="53"/>
      <c r="AM255" s="53"/>
      <c r="AN255" s="53"/>
      <c r="AO255" s="53"/>
      <c r="AP255" s="53"/>
      <c r="AQ255" s="53"/>
      <c r="AR255" s="53"/>
      <c r="AS255" s="53"/>
      <c r="AT255" s="53"/>
      <c r="AU255" s="53"/>
      <c r="AV255" s="53"/>
      <c r="AW255" s="53"/>
      <c r="AX255" s="53"/>
      <c r="AY255" s="53"/>
      <c r="AZ255" s="53"/>
      <c r="BA255" s="53"/>
    </row>
    <row r="256" spans="1:53">
      <c r="A256" s="52" t="s">
        <v>1051</v>
      </c>
      <c r="B256" s="53">
        <v>83363.86</v>
      </c>
      <c r="C256" s="53">
        <v>54129.71</v>
      </c>
      <c r="D256" s="53">
        <v>99039.81</v>
      </c>
      <c r="E256" s="53">
        <v>71548.56</v>
      </c>
      <c r="F256" s="53">
        <v>82270.509999999995</v>
      </c>
      <c r="G256" s="53">
        <v>64592.77</v>
      </c>
      <c r="H256" s="53">
        <v>69874.77</v>
      </c>
      <c r="I256" s="53">
        <v>55597.14</v>
      </c>
      <c r="J256" s="53">
        <v>83112.539999999994</v>
      </c>
      <c r="K256" s="53">
        <v>70884.27</v>
      </c>
      <c r="L256" s="53">
        <v>70241.820000000007</v>
      </c>
      <c r="M256" s="53">
        <v>86506.46</v>
      </c>
      <c r="N256" s="53">
        <v>891162.22</v>
      </c>
      <c r="O256" s="53">
        <v>83363.86</v>
      </c>
      <c r="P256" s="53">
        <v>54129.71</v>
      </c>
      <c r="Q256" s="53">
        <v>99039.81</v>
      </c>
      <c r="R256" s="53">
        <v>71548.56</v>
      </c>
      <c r="S256" s="53">
        <v>82270.509999999995</v>
      </c>
      <c r="T256" s="53">
        <v>64592.77</v>
      </c>
      <c r="U256" s="53">
        <v>69874.77</v>
      </c>
      <c r="V256" s="53">
        <v>55597.14</v>
      </c>
      <c r="W256" s="53">
        <v>83112.539999999994</v>
      </c>
      <c r="X256" s="53">
        <v>70884.27</v>
      </c>
      <c r="Y256" s="53">
        <v>70241.820000000007</v>
      </c>
      <c r="Z256" s="53">
        <v>86506.46</v>
      </c>
      <c r="AA256" s="53">
        <v>891162.22</v>
      </c>
      <c r="AB256" s="53">
        <v>83363.86</v>
      </c>
      <c r="AC256" s="53">
        <v>54129.71</v>
      </c>
      <c r="AD256" s="53">
        <v>99039.81</v>
      </c>
      <c r="AE256" s="53">
        <v>71548.56</v>
      </c>
      <c r="AF256" s="53">
        <v>82270.509999999995</v>
      </c>
      <c r="AG256" s="53">
        <v>64592.77</v>
      </c>
      <c r="AH256" s="53">
        <v>69874.77</v>
      </c>
      <c r="AI256" s="53">
        <v>55597.14</v>
      </c>
      <c r="AJ256" s="53">
        <v>83112.539999999994</v>
      </c>
      <c r="AK256" s="53">
        <v>70884.27</v>
      </c>
      <c r="AL256" s="53">
        <v>70241.820000000007</v>
      </c>
      <c r="AM256" s="53">
        <v>86506.46</v>
      </c>
      <c r="AN256" s="53">
        <v>891162.22</v>
      </c>
      <c r="AO256" s="53">
        <v>83363.86</v>
      </c>
      <c r="AP256" s="53">
        <v>54129.71</v>
      </c>
      <c r="AQ256" s="53">
        <v>99039.81</v>
      </c>
      <c r="AR256" s="53">
        <v>71548.56</v>
      </c>
      <c r="AS256" s="53">
        <v>82270.509999999995</v>
      </c>
      <c r="AT256" s="53">
        <v>64592.77</v>
      </c>
      <c r="AU256" s="53">
        <v>69874.77</v>
      </c>
      <c r="AV256" s="53">
        <v>55597.14</v>
      </c>
      <c r="AW256" s="53">
        <v>83112.539999999994</v>
      </c>
      <c r="AX256" s="53">
        <v>70884.27</v>
      </c>
      <c r="AY256" s="53">
        <v>70241.820000000007</v>
      </c>
      <c r="AZ256" s="53">
        <v>86506.46</v>
      </c>
      <c r="BA256" s="53">
        <v>891162.22</v>
      </c>
    </row>
    <row r="257" spans="1:53">
      <c r="A257" s="52" t="s">
        <v>1052</v>
      </c>
      <c r="B257" s="53">
        <v>0</v>
      </c>
      <c r="C257" s="53">
        <v>0</v>
      </c>
      <c r="D257" s="53">
        <v>0</v>
      </c>
      <c r="E257" s="53">
        <v>0</v>
      </c>
      <c r="F257" s="53">
        <v>0</v>
      </c>
      <c r="G257" s="53">
        <v>0</v>
      </c>
      <c r="H257" s="53">
        <v>0</v>
      </c>
      <c r="I257" s="53">
        <v>0</v>
      </c>
      <c r="J257" s="53">
        <v>0</v>
      </c>
      <c r="K257" s="53">
        <v>0</v>
      </c>
      <c r="L257" s="53">
        <v>0</v>
      </c>
      <c r="M257" s="53">
        <v>0</v>
      </c>
      <c r="N257" s="53">
        <v>0</v>
      </c>
      <c r="O257" s="53">
        <v>0</v>
      </c>
      <c r="P257" s="53">
        <v>0</v>
      </c>
      <c r="Q257" s="53">
        <v>0</v>
      </c>
      <c r="R257" s="53">
        <v>0</v>
      </c>
      <c r="S257" s="53">
        <v>0</v>
      </c>
      <c r="T257" s="53">
        <v>0</v>
      </c>
      <c r="U257" s="53">
        <v>0</v>
      </c>
      <c r="V257" s="53">
        <v>0</v>
      </c>
      <c r="W257" s="53">
        <v>0</v>
      </c>
      <c r="X257" s="53">
        <v>0</v>
      </c>
      <c r="Y257" s="53">
        <v>0</v>
      </c>
      <c r="Z257" s="53">
        <v>0</v>
      </c>
      <c r="AA257" s="53">
        <v>0</v>
      </c>
      <c r="AB257" s="53">
        <v>0</v>
      </c>
      <c r="AC257" s="53">
        <v>0</v>
      </c>
      <c r="AD257" s="53">
        <v>0</v>
      </c>
      <c r="AE257" s="53">
        <v>0</v>
      </c>
      <c r="AF257" s="53">
        <v>0</v>
      </c>
      <c r="AG257" s="53">
        <v>0</v>
      </c>
      <c r="AH257" s="53">
        <v>0</v>
      </c>
      <c r="AI257" s="53">
        <v>0</v>
      </c>
      <c r="AJ257" s="53">
        <v>0</v>
      </c>
      <c r="AK257" s="53">
        <v>0</v>
      </c>
      <c r="AL257" s="53">
        <v>0</v>
      </c>
      <c r="AM257" s="53">
        <v>0</v>
      </c>
      <c r="AN257" s="53">
        <v>0</v>
      </c>
      <c r="AO257" s="53">
        <v>0</v>
      </c>
      <c r="AP257" s="53">
        <v>0</v>
      </c>
      <c r="AQ257" s="53">
        <v>0</v>
      </c>
      <c r="AR257" s="53">
        <v>0</v>
      </c>
      <c r="AS257" s="53">
        <v>0</v>
      </c>
      <c r="AT257" s="53">
        <v>0</v>
      </c>
      <c r="AU257" s="53">
        <v>0</v>
      </c>
      <c r="AV257" s="53">
        <v>0</v>
      </c>
      <c r="AW257" s="53">
        <v>0</v>
      </c>
      <c r="AX257" s="53">
        <v>0</v>
      </c>
      <c r="AY257" s="53">
        <v>0</v>
      </c>
      <c r="AZ257" s="53">
        <v>0</v>
      </c>
      <c r="BA257" s="53">
        <v>0</v>
      </c>
    </row>
    <row r="258" spans="1:53">
      <c r="A258" s="52" t="s">
        <v>1053</v>
      </c>
      <c r="B258" s="53">
        <v>83363.86</v>
      </c>
      <c r="C258" s="53">
        <v>54129.71</v>
      </c>
      <c r="D258" s="53">
        <v>99039.81</v>
      </c>
      <c r="E258" s="53">
        <v>71548.56</v>
      </c>
      <c r="F258" s="53">
        <v>82270.509999999995</v>
      </c>
      <c r="G258" s="53">
        <v>64592.77</v>
      </c>
      <c r="H258" s="53">
        <v>69874.77</v>
      </c>
      <c r="I258" s="53">
        <v>55597.14</v>
      </c>
      <c r="J258" s="53">
        <v>83112.539999999994</v>
      </c>
      <c r="K258" s="53">
        <v>70884.27</v>
      </c>
      <c r="L258" s="53">
        <v>70241.820000000007</v>
      </c>
      <c r="M258" s="53">
        <v>86506.46</v>
      </c>
      <c r="N258" s="53">
        <v>891162.22</v>
      </c>
      <c r="O258" s="53">
        <v>83363.86</v>
      </c>
      <c r="P258" s="53">
        <v>54129.71</v>
      </c>
      <c r="Q258" s="53">
        <v>99039.81</v>
      </c>
      <c r="R258" s="53">
        <v>71548.56</v>
      </c>
      <c r="S258" s="53">
        <v>82270.509999999995</v>
      </c>
      <c r="T258" s="53">
        <v>64592.77</v>
      </c>
      <c r="U258" s="53">
        <v>69874.77</v>
      </c>
      <c r="V258" s="53">
        <v>55597.14</v>
      </c>
      <c r="W258" s="53">
        <v>83112.539999999994</v>
      </c>
      <c r="X258" s="53">
        <v>70884.27</v>
      </c>
      <c r="Y258" s="53">
        <v>70241.820000000007</v>
      </c>
      <c r="Z258" s="53">
        <v>86506.46</v>
      </c>
      <c r="AA258" s="53">
        <v>891162.22</v>
      </c>
      <c r="AB258" s="53">
        <v>83363.86</v>
      </c>
      <c r="AC258" s="53">
        <v>54129.71</v>
      </c>
      <c r="AD258" s="53">
        <v>99039.81</v>
      </c>
      <c r="AE258" s="53">
        <v>71548.56</v>
      </c>
      <c r="AF258" s="53">
        <v>82270.509999999995</v>
      </c>
      <c r="AG258" s="53">
        <v>64592.77</v>
      </c>
      <c r="AH258" s="53">
        <v>69874.77</v>
      </c>
      <c r="AI258" s="53">
        <v>55597.14</v>
      </c>
      <c r="AJ258" s="53">
        <v>83112.539999999994</v>
      </c>
      <c r="AK258" s="53">
        <v>70884.27</v>
      </c>
      <c r="AL258" s="53">
        <v>70241.820000000007</v>
      </c>
      <c r="AM258" s="53">
        <v>86506.46</v>
      </c>
      <c r="AN258" s="53">
        <v>891162.22</v>
      </c>
      <c r="AO258" s="53">
        <v>83363.86</v>
      </c>
      <c r="AP258" s="53">
        <v>54129.71</v>
      </c>
      <c r="AQ258" s="53">
        <v>99039.81</v>
      </c>
      <c r="AR258" s="53">
        <v>71548.56</v>
      </c>
      <c r="AS258" s="53">
        <v>82270.509999999995</v>
      </c>
      <c r="AT258" s="53">
        <v>64592.77</v>
      </c>
      <c r="AU258" s="53">
        <v>69874.77</v>
      </c>
      <c r="AV258" s="53">
        <v>55597.14</v>
      </c>
      <c r="AW258" s="53">
        <v>83112.539999999994</v>
      </c>
      <c r="AX258" s="53">
        <v>70884.27</v>
      </c>
      <c r="AY258" s="53">
        <v>70241.820000000007</v>
      </c>
      <c r="AZ258" s="53">
        <v>86506.46</v>
      </c>
      <c r="BA258" s="53">
        <v>891162.22</v>
      </c>
    </row>
    <row r="259" spans="1:53">
      <c r="A259" s="52" t="s">
        <v>1054</v>
      </c>
      <c r="B259" s="53"/>
      <c r="C259" s="53"/>
      <c r="D259" s="53"/>
      <c r="E259" s="53"/>
      <c r="F259" s="53"/>
      <c r="G259" s="53"/>
      <c r="H259" s="53"/>
      <c r="I259" s="53"/>
      <c r="J259" s="53"/>
      <c r="K259" s="53"/>
      <c r="L259" s="53"/>
      <c r="M259" s="53"/>
      <c r="N259" s="53"/>
      <c r="O259" s="53"/>
      <c r="P259" s="53"/>
      <c r="Q259" s="53"/>
      <c r="R259" s="53"/>
      <c r="S259" s="53"/>
      <c r="T259" s="53"/>
      <c r="U259" s="53"/>
      <c r="V259" s="53"/>
      <c r="W259" s="53"/>
      <c r="X259" s="53"/>
      <c r="Y259" s="53"/>
      <c r="Z259" s="53"/>
      <c r="AA259" s="53"/>
      <c r="AB259" s="53"/>
      <c r="AC259" s="53"/>
      <c r="AD259" s="53"/>
      <c r="AE259" s="53"/>
      <c r="AF259" s="53"/>
      <c r="AG259" s="53"/>
      <c r="AH259" s="53"/>
      <c r="AI259" s="53"/>
      <c r="AJ259" s="53"/>
      <c r="AK259" s="53"/>
      <c r="AL259" s="53"/>
      <c r="AM259" s="53"/>
      <c r="AN259" s="53"/>
      <c r="AO259" s="53"/>
      <c r="AP259" s="53"/>
      <c r="AQ259" s="53"/>
      <c r="AR259" s="53"/>
      <c r="AS259" s="53"/>
      <c r="AT259" s="53"/>
      <c r="AU259" s="53"/>
      <c r="AV259" s="53"/>
      <c r="AW259" s="53"/>
      <c r="AX259" s="53"/>
      <c r="AY259" s="53"/>
      <c r="AZ259" s="53"/>
      <c r="BA259" s="53"/>
    </row>
    <row r="260" spans="1:53">
      <c r="A260" s="52" t="s">
        <v>1055</v>
      </c>
      <c r="B260" s="53">
        <v>13445.299999999899</v>
      </c>
      <c r="C260" s="53">
        <v>13359.27</v>
      </c>
      <c r="D260" s="53">
        <v>13334.54</v>
      </c>
      <c r="E260" s="53">
        <v>13281.23</v>
      </c>
      <c r="F260" s="53">
        <v>13329.26</v>
      </c>
      <c r="G260" s="53">
        <v>19852.21</v>
      </c>
      <c r="H260" s="53">
        <v>13271.36</v>
      </c>
      <c r="I260" s="53">
        <v>13351.8499999999</v>
      </c>
      <c r="J260" s="53">
        <v>13308.35</v>
      </c>
      <c r="K260" s="53">
        <v>13331.05</v>
      </c>
      <c r="L260" s="53">
        <v>13430.57</v>
      </c>
      <c r="M260" s="53">
        <v>19953.240000000002</v>
      </c>
      <c r="N260" s="53">
        <v>173248.22999999899</v>
      </c>
      <c r="O260" s="53">
        <v>13445.299999999899</v>
      </c>
      <c r="P260" s="53">
        <v>13359.27</v>
      </c>
      <c r="Q260" s="53">
        <v>13334.54</v>
      </c>
      <c r="R260" s="53">
        <v>13281.23</v>
      </c>
      <c r="S260" s="53">
        <v>13329.26</v>
      </c>
      <c r="T260" s="53">
        <v>19852.21</v>
      </c>
      <c r="U260" s="53">
        <v>13271.36</v>
      </c>
      <c r="V260" s="53">
        <v>13351.8499999999</v>
      </c>
      <c r="W260" s="53">
        <v>13308.35</v>
      </c>
      <c r="X260" s="53">
        <v>13331.05</v>
      </c>
      <c r="Y260" s="53">
        <v>13430.57</v>
      </c>
      <c r="Z260" s="53">
        <v>19953.240000000002</v>
      </c>
      <c r="AA260" s="53">
        <v>173248.22999999899</v>
      </c>
      <c r="AB260" s="53">
        <v>13445.299999999899</v>
      </c>
      <c r="AC260" s="53">
        <v>13359.27</v>
      </c>
      <c r="AD260" s="53">
        <v>13334.54</v>
      </c>
      <c r="AE260" s="53">
        <v>13281.23</v>
      </c>
      <c r="AF260" s="53">
        <v>13329.26</v>
      </c>
      <c r="AG260" s="53">
        <v>19852.21</v>
      </c>
      <c r="AH260" s="53">
        <v>13271.36</v>
      </c>
      <c r="AI260" s="53">
        <v>13351.8499999999</v>
      </c>
      <c r="AJ260" s="53">
        <v>13308.35</v>
      </c>
      <c r="AK260" s="53">
        <v>13331.05</v>
      </c>
      <c r="AL260" s="53">
        <v>13430.57</v>
      </c>
      <c r="AM260" s="53">
        <v>19953.240000000002</v>
      </c>
      <c r="AN260" s="53">
        <v>173248.22999999899</v>
      </c>
      <c r="AO260" s="53">
        <v>13445.299999999899</v>
      </c>
      <c r="AP260" s="53">
        <v>13359.27</v>
      </c>
      <c r="AQ260" s="53">
        <v>13334.54</v>
      </c>
      <c r="AR260" s="53">
        <v>13281.23</v>
      </c>
      <c r="AS260" s="53">
        <v>13329.26</v>
      </c>
      <c r="AT260" s="53">
        <v>19852.21</v>
      </c>
      <c r="AU260" s="53">
        <v>13271.36</v>
      </c>
      <c r="AV260" s="53">
        <v>13351.8499999999</v>
      </c>
      <c r="AW260" s="53">
        <v>13308.35</v>
      </c>
      <c r="AX260" s="53">
        <v>13331.05</v>
      </c>
      <c r="AY260" s="53">
        <v>13430.57</v>
      </c>
      <c r="AZ260" s="53">
        <v>19953.240000000002</v>
      </c>
      <c r="BA260" s="53">
        <v>173248.22999999899</v>
      </c>
    </row>
    <row r="261" spans="1:53">
      <c r="A261" s="52" t="s">
        <v>1056</v>
      </c>
      <c r="B261" s="53">
        <v>30323.75</v>
      </c>
      <c r="C261" s="53">
        <v>30323.75</v>
      </c>
      <c r="D261" s="53">
        <v>30410.039999999899</v>
      </c>
      <c r="E261" s="53">
        <v>30410.039999999899</v>
      </c>
      <c r="F261" s="53">
        <v>31455.14</v>
      </c>
      <c r="G261" s="53">
        <v>30410.039999999899</v>
      </c>
      <c r="H261" s="53">
        <v>30410.039999999899</v>
      </c>
      <c r="I261" s="53">
        <v>30410.039999999899</v>
      </c>
      <c r="J261" s="53">
        <v>30410.039999999899</v>
      </c>
      <c r="K261" s="53">
        <v>30472.74</v>
      </c>
      <c r="L261" s="53">
        <v>31549.200000000001</v>
      </c>
      <c r="M261" s="53">
        <v>30472.74</v>
      </c>
      <c r="N261" s="53">
        <v>367057.55999999901</v>
      </c>
      <c r="O261" s="53">
        <v>30323.75</v>
      </c>
      <c r="P261" s="53">
        <v>30323.75</v>
      </c>
      <c r="Q261" s="53">
        <v>30410.039999999899</v>
      </c>
      <c r="R261" s="53">
        <v>30410.039999999899</v>
      </c>
      <c r="S261" s="53">
        <v>31455.14</v>
      </c>
      <c r="T261" s="53">
        <v>30410.039999999899</v>
      </c>
      <c r="U261" s="53">
        <v>30410.039999999899</v>
      </c>
      <c r="V261" s="53">
        <v>30410.039999999899</v>
      </c>
      <c r="W261" s="53">
        <v>30410.039999999899</v>
      </c>
      <c r="X261" s="53">
        <v>30472.74</v>
      </c>
      <c r="Y261" s="53">
        <v>31549.200000000001</v>
      </c>
      <c r="Z261" s="53">
        <v>30472.74</v>
      </c>
      <c r="AA261" s="53">
        <v>367057.55999999901</v>
      </c>
      <c r="AB261" s="53">
        <v>30323.75</v>
      </c>
      <c r="AC261" s="53">
        <v>30323.75</v>
      </c>
      <c r="AD261" s="53">
        <v>30410.039999999899</v>
      </c>
      <c r="AE261" s="53">
        <v>30410.039999999899</v>
      </c>
      <c r="AF261" s="53">
        <v>31455.14</v>
      </c>
      <c r="AG261" s="53">
        <v>30410.039999999899</v>
      </c>
      <c r="AH261" s="53">
        <v>30410.039999999899</v>
      </c>
      <c r="AI261" s="53">
        <v>30410.039999999899</v>
      </c>
      <c r="AJ261" s="53">
        <v>30410.039999999899</v>
      </c>
      <c r="AK261" s="53">
        <v>30472.74</v>
      </c>
      <c r="AL261" s="53">
        <v>31549.200000000001</v>
      </c>
      <c r="AM261" s="53">
        <v>30472.74</v>
      </c>
      <c r="AN261" s="53">
        <v>367057.55999999901</v>
      </c>
      <c r="AO261" s="53">
        <v>30323.75</v>
      </c>
      <c r="AP261" s="53">
        <v>30323.75</v>
      </c>
      <c r="AQ261" s="53">
        <v>30410.039999999899</v>
      </c>
      <c r="AR261" s="53">
        <v>30410.039999999899</v>
      </c>
      <c r="AS261" s="53">
        <v>31455.14</v>
      </c>
      <c r="AT261" s="53">
        <v>30410.039999999899</v>
      </c>
      <c r="AU261" s="53">
        <v>30410.039999999899</v>
      </c>
      <c r="AV261" s="53">
        <v>30410.039999999899</v>
      </c>
      <c r="AW261" s="53">
        <v>30410.039999999899</v>
      </c>
      <c r="AX261" s="53">
        <v>30472.74</v>
      </c>
      <c r="AY261" s="53">
        <v>31549.200000000001</v>
      </c>
      <c r="AZ261" s="53">
        <v>30472.74</v>
      </c>
      <c r="BA261" s="53">
        <v>367057.55999999901</v>
      </c>
    </row>
    <row r="262" spans="1:53">
      <c r="A262" s="52" t="s">
        <v>1057</v>
      </c>
      <c r="B262" s="53">
        <v>43769.05</v>
      </c>
      <c r="C262" s="53">
        <v>43683.02</v>
      </c>
      <c r="D262" s="53">
        <v>43744.58</v>
      </c>
      <c r="E262" s="53">
        <v>43691.27</v>
      </c>
      <c r="F262" s="53">
        <v>44784.4</v>
      </c>
      <c r="G262" s="53">
        <v>50262.249999999898</v>
      </c>
      <c r="H262" s="53">
        <v>43681.3999999999</v>
      </c>
      <c r="I262" s="53">
        <v>43761.889999999898</v>
      </c>
      <c r="J262" s="53">
        <v>43718.39</v>
      </c>
      <c r="K262" s="53">
        <v>43803.79</v>
      </c>
      <c r="L262" s="53">
        <v>44979.77</v>
      </c>
      <c r="M262" s="53">
        <v>50425.98</v>
      </c>
      <c r="N262" s="53">
        <v>540305.79</v>
      </c>
      <c r="O262" s="53">
        <v>43769.05</v>
      </c>
      <c r="P262" s="53">
        <v>43683.02</v>
      </c>
      <c r="Q262" s="53">
        <v>43744.58</v>
      </c>
      <c r="R262" s="53">
        <v>43691.27</v>
      </c>
      <c r="S262" s="53">
        <v>44784.4</v>
      </c>
      <c r="T262" s="53">
        <v>50262.249999999898</v>
      </c>
      <c r="U262" s="53">
        <v>43681.3999999999</v>
      </c>
      <c r="V262" s="53">
        <v>43761.889999999898</v>
      </c>
      <c r="W262" s="53">
        <v>43718.39</v>
      </c>
      <c r="X262" s="53">
        <v>43803.79</v>
      </c>
      <c r="Y262" s="53">
        <v>44979.77</v>
      </c>
      <c r="Z262" s="53">
        <v>50425.98</v>
      </c>
      <c r="AA262" s="53">
        <v>540305.79</v>
      </c>
      <c r="AB262" s="53">
        <v>43769.05</v>
      </c>
      <c r="AC262" s="53">
        <v>43683.02</v>
      </c>
      <c r="AD262" s="53">
        <v>43744.58</v>
      </c>
      <c r="AE262" s="53">
        <v>43691.27</v>
      </c>
      <c r="AF262" s="53">
        <v>44784.4</v>
      </c>
      <c r="AG262" s="53">
        <v>50262.249999999898</v>
      </c>
      <c r="AH262" s="53">
        <v>43681.3999999999</v>
      </c>
      <c r="AI262" s="53">
        <v>43761.889999999898</v>
      </c>
      <c r="AJ262" s="53">
        <v>43718.39</v>
      </c>
      <c r="AK262" s="53">
        <v>43803.79</v>
      </c>
      <c r="AL262" s="53">
        <v>44979.77</v>
      </c>
      <c r="AM262" s="53">
        <v>50425.98</v>
      </c>
      <c r="AN262" s="53">
        <v>540305.79</v>
      </c>
      <c r="AO262" s="53">
        <v>43769.05</v>
      </c>
      <c r="AP262" s="53">
        <v>43683.02</v>
      </c>
      <c r="AQ262" s="53">
        <v>43744.58</v>
      </c>
      <c r="AR262" s="53">
        <v>43691.27</v>
      </c>
      <c r="AS262" s="53">
        <v>44784.4</v>
      </c>
      <c r="AT262" s="53">
        <v>50262.249999999898</v>
      </c>
      <c r="AU262" s="53">
        <v>43681.3999999999</v>
      </c>
      <c r="AV262" s="53">
        <v>43761.889999999898</v>
      </c>
      <c r="AW262" s="53">
        <v>43718.39</v>
      </c>
      <c r="AX262" s="53">
        <v>43803.79</v>
      </c>
      <c r="AY262" s="53">
        <v>44979.77</v>
      </c>
      <c r="AZ262" s="53">
        <v>50425.98</v>
      </c>
      <c r="BA262" s="53">
        <v>540305.79</v>
      </c>
    </row>
    <row r="263" spans="1:53">
      <c r="A263" s="52" t="s">
        <v>1058</v>
      </c>
      <c r="B263" s="53"/>
      <c r="C263" s="53"/>
      <c r="D263" s="53"/>
      <c r="E263" s="53"/>
      <c r="F263" s="53"/>
      <c r="G263" s="53"/>
      <c r="H263" s="53"/>
      <c r="I263" s="53"/>
      <c r="J263" s="53"/>
      <c r="K263" s="53"/>
      <c r="L263" s="53"/>
      <c r="M263" s="53"/>
      <c r="N263" s="53"/>
      <c r="O263" s="53"/>
      <c r="P263" s="53"/>
      <c r="Q263" s="53"/>
      <c r="R263" s="53"/>
      <c r="S263" s="53"/>
      <c r="T263" s="53"/>
      <c r="U263" s="53"/>
      <c r="V263" s="53"/>
      <c r="W263" s="53"/>
      <c r="X263" s="53"/>
      <c r="Y263" s="53"/>
      <c r="Z263" s="53"/>
      <c r="AA263" s="53"/>
      <c r="AB263" s="53"/>
      <c r="AC263" s="53"/>
      <c r="AD263" s="53"/>
      <c r="AE263" s="53"/>
      <c r="AF263" s="53"/>
      <c r="AG263" s="53"/>
      <c r="AH263" s="53"/>
      <c r="AI263" s="53"/>
      <c r="AJ263" s="53"/>
      <c r="AK263" s="53"/>
      <c r="AL263" s="53"/>
      <c r="AM263" s="53"/>
      <c r="AN263" s="53"/>
      <c r="AO263" s="53"/>
      <c r="AP263" s="53"/>
      <c r="AQ263" s="53"/>
      <c r="AR263" s="53"/>
      <c r="AS263" s="53"/>
      <c r="AT263" s="53"/>
      <c r="AU263" s="53"/>
      <c r="AV263" s="53"/>
      <c r="AW263" s="53"/>
      <c r="AX263" s="53"/>
      <c r="AY263" s="53"/>
      <c r="AZ263" s="53"/>
      <c r="BA263" s="53"/>
    </row>
    <row r="264" spans="1:53">
      <c r="A264" s="52" t="s">
        <v>1059</v>
      </c>
      <c r="B264" s="53">
        <v>303282.86</v>
      </c>
      <c r="C264" s="53">
        <v>302854.16999999899</v>
      </c>
      <c r="D264" s="53">
        <v>302730.429999999</v>
      </c>
      <c r="E264" s="53">
        <v>302464.63999999902</v>
      </c>
      <c r="F264" s="53">
        <v>302704.45</v>
      </c>
      <c r="G264" s="53">
        <v>334830.83</v>
      </c>
      <c r="H264" s="53">
        <v>302415.52999999898</v>
      </c>
      <c r="I264" s="53">
        <v>302817.40000000002</v>
      </c>
      <c r="J264" s="53">
        <v>302600.39</v>
      </c>
      <c r="K264" s="53">
        <v>302713.14</v>
      </c>
      <c r="L264" s="53">
        <v>303209.12999999902</v>
      </c>
      <c r="M264" s="53">
        <v>335335.01</v>
      </c>
      <c r="N264" s="53">
        <v>3697957.9799999902</v>
      </c>
      <c r="O264" s="53">
        <v>303282.86</v>
      </c>
      <c r="P264" s="53">
        <v>302854.16999999899</v>
      </c>
      <c r="Q264" s="53">
        <v>302730.429999999</v>
      </c>
      <c r="R264" s="53">
        <v>302464.63999999902</v>
      </c>
      <c r="S264" s="53">
        <v>302704.45</v>
      </c>
      <c r="T264" s="53">
        <v>334830.83</v>
      </c>
      <c r="U264" s="53">
        <v>302415.52999999898</v>
      </c>
      <c r="V264" s="53">
        <v>302817.40000000002</v>
      </c>
      <c r="W264" s="53">
        <v>302600.39</v>
      </c>
      <c r="X264" s="53">
        <v>302713.14</v>
      </c>
      <c r="Y264" s="53">
        <v>303209.12999999902</v>
      </c>
      <c r="Z264" s="53">
        <v>335335.01</v>
      </c>
      <c r="AA264" s="53">
        <v>3697957.9799999902</v>
      </c>
      <c r="AB264" s="53">
        <v>303282.86</v>
      </c>
      <c r="AC264" s="53">
        <v>302854.16999999899</v>
      </c>
      <c r="AD264" s="53">
        <v>302730.429999999</v>
      </c>
      <c r="AE264" s="53">
        <v>302464.63999999902</v>
      </c>
      <c r="AF264" s="53">
        <v>302704.45</v>
      </c>
      <c r="AG264" s="53">
        <v>334830.83</v>
      </c>
      <c r="AH264" s="53">
        <v>302415.52999999898</v>
      </c>
      <c r="AI264" s="53">
        <v>302817.40000000002</v>
      </c>
      <c r="AJ264" s="53">
        <v>302600.39</v>
      </c>
      <c r="AK264" s="53">
        <v>302713.14</v>
      </c>
      <c r="AL264" s="53">
        <v>303209.12999999902</v>
      </c>
      <c r="AM264" s="53">
        <v>335335.01</v>
      </c>
      <c r="AN264" s="53">
        <v>3697957.9799999902</v>
      </c>
      <c r="AO264" s="53">
        <v>303282.86</v>
      </c>
      <c r="AP264" s="53">
        <v>302854.16999999899</v>
      </c>
      <c r="AQ264" s="53">
        <v>302730.429999999</v>
      </c>
      <c r="AR264" s="53">
        <v>302464.63999999902</v>
      </c>
      <c r="AS264" s="53">
        <v>302704.45</v>
      </c>
      <c r="AT264" s="53">
        <v>334830.83</v>
      </c>
      <c r="AU264" s="53">
        <v>302415.52999999898</v>
      </c>
      <c r="AV264" s="53">
        <v>302817.40000000002</v>
      </c>
      <c r="AW264" s="53">
        <v>302600.39</v>
      </c>
      <c r="AX264" s="53">
        <v>302713.14</v>
      </c>
      <c r="AY264" s="53">
        <v>303209.12999999902</v>
      </c>
      <c r="AZ264" s="53">
        <v>335335.01</v>
      </c>
      <c r="BA264" s="53">
        <v>3697957.9799999902</v>
      </c>
    </row>
    <row r="265" spans="1:53">
      <c r="A265" s="234" t="s">
        <v>1060</v>
      </c>
      <c r="B265" s="53">
        <v>7796.0737697155701</v>
      </c>
      <c r="C265" s="53">
        <v>7796.0737697155701</v>
      </c>
      <c r="D265" s="53">
        <v>7796.0737697155701</v>
      </c>
      <c r="E265" s="53">
        <v>7796.0737697155701</v>
      </c>
      <c r="F265" s="53">
        <v>7796.0737697155701</v>
      </c>
      <c r="G265" s="53">
        <v>7796.0737697155701</v>
      </c>
      <c r="H265" s="53">
        <v>7796.0737697155701</v>
      </c>
      <c r="I265" s="53">
        <v>7796.0737697155701</v>
      </c>
      <c r="J265" s="53">
        <v>7796.0737697155701</v>
      </c>
      <c r="K265" s="53">
        <v>7796.0737697155701</v>
      </c>
      <c r="L265" s="53">
        <v>7796.0737697155701</v>
      </c>
      <c r="M265" s="53">
        <v>7796.0737697155701</v>
      </c>
      <c r="N265" s="53">
        <v>93552.885236586793</v>
      </c>
      <c r="O265" s="53">
        <v>15528.298952867201</v>
      </c>
      <c r="P265" s="53">
        <v>15528.298952867201</v>
      </c>
      <c r="Q265" s="53">
        <v>15528.298952867201</v>
      </c>
      <c r="R265" s="53">
        <v>15528.298952867201</v>
      </c>
      <c r="S265" s="53">
        <v>15528.298952867201</v>
      </c>
      <c r="T265" s="53">
        <v>15528.298952867201</v>
      </c>
      <c r="U265" s="53">
        <v>15528.298952867201</v>
      </c>
      <c r="V265" s="53">
        <v>15528.298952867201</v>
      </c>
      <c r="W265" s="53">
        <v>15528.298952867201</v>
      </c>
      <c r="X265" s="53">
        <v>15528.298952867201</v>
      </c>
      <c r="Y265" s="53">
        <v>15528.298952867201</v>
      </c>
      <c r="Z265" s="53">
        <v>15528.298952867201</v>
      </c>
      <c r="AA265" s="53">
        <v>186339.58743440601</v>
      </c>
      <c r="AB265" s="53">
        <v>23022.516100795401</v>
      </c>
      <c r="AC265" s="53">
        <v>23022.516100795401</v>
      </c>
      <c r="AD265" s="53">
        <v>23022.516100795401</v>
      </c>
      <c r="AE265" s="53">
        <v>23022.516100795401</v>
      </c>
      <c r="AF265" s="53">
        <v>23022.516100795401</v>
      </c>
      <c r="AG265" s="53">
        <v>23022.516100795401</v>
      </c>
      <c r="AH265" s="53">
        <v>23022.516100795401</v>
      </c>
      <c r="AI265" s="53">
        <v>23022.516100795401</v>
      </c>
      <c r="AJ265" s="53">
        <v>23022.516100795401</v>
      </c>
      <c r="AK265" s="53">
        <v>23022.516100795401</v>
      </c>
      <c r="AL265" s="53">
        <v>23022.516100795401</v>
      </c>
      <c r="AM265" s="53">
        <v>23022.516100795401</v>
      </c>
      <c r="AN265" s="53">
        <v>276270.193209544</v>
      </c>
      <c r="AO265" s="53">
        <v>29896.8702542309</v>
      </c>
      <c r="AP265" s="53">
        <v>29896.8702542309</v>
      </c>
      <c r="AQ265" s="53">
        <v>29896.8702542309</v>
      </c>
      <c r="AR265" s="53">
        <v>29896.8702542309</v>
      </c>
      <c r="AS265" s="53">
        <v>29896.8702542309</v>
      </c>
      <c r="AT265" s="53">
        <v>29896.8702542309</v>
      </c>
      <c r="AU265" s="53">
        <v>29896.8702542309</v>
      </c>
      <c r="AV265" s="53">
        <v>29896.8702542309</v>
      </c>
      <c r="AW265" s="53">
        <v>29896.8702542309</v>
      </c>
      <c r="AX265" s="53">
        <v>29896.8702542309</v>
      </c>
      <c r="AY265" s="53">
        <v>29896.8702542309</v>
      </c>
      <c r="AZ265" s="53">
        <v>29896.8702542309</v>
      </c>
      <c r="BA265" s="53">
        <v>358762.44305076997</v>
      </c>
    </row>
    <row r="266" spans="1:53">
      <c r="A266" s="52" t="s">
        <v>1061</v>
      </c>
      <c r="B266" s="53">
        <v>214</v>
      </c>
      <c r="C266" s="53">
        <v>196</v>
      </c>
      <c r="D266" s="53">
        <v>260</v>
      </c>
      <c r="E266" s="53">
        <v>259</v>
      </c>
      <c r="F266" s="53">
        <v>261</v>
      </c>
      <c r="G266" s="53">
        <v>260</v>
      </c>
      <c r="H266" s="53">
        <v>261</v>
      </c>
      <c r="I266" s="53">
        <v>262</v>
      </c>
      <c r="J266" s="53">
        <v>261</v>
      </c>
      <c r="K266" s="53">
        <v>263</v>
      </c>
      <c r="L266" s="53">
        <v>261</v>
      </c>
      <c r="M266" s="53">
        <v>263</v>
      </c>
      <c r="N266" s="53">
        <v>3021</v>
      </c>
      <c r="O266" s="53">
        <v>214</v>
      </c>
      <c r="P266" s="53">
        <v>196</v>
      </c>
      <c r="Q266" s="53">
        <v>260</v>
      </c>
      <c r="R266" s="53">
        <v>259</v>
      </c>
      <c r="S266" s="53">
        <v>261</v>
      </c>
      <c r="T266" s="53">
        <v>260</v>
      </c>
      <c r="U266" s="53">
        <v>261</v>
      </c>
      <c r="V266" s="53">
        <v>262</v>
      </c>
      <c r="W266" s="53">
        <v>261</v>
      </c>
      <c r="X266" s="53">
        <v>263</v>
      </c>
      <c r="Y266" s="53">
        <v>261</v>
      </c>
      <c r="Z266" s="53">
        <v>263</v>
      </c>
      <c r="AA266" s="53">
        <v>3021</v>
      </c>
      <c r="AB266" s="53">
        <v>214</v>
      </c>
      <c r="AC266" s="53">
        <v>196</v>
      </c>
      <c r="AD266" s="53">
        <v>260</v>
      </c>
      <c r="AE266" s="53">
        <v>259</v>
      </c>
      <c r="AF266" s="53">
        <v>261</v>
      </c>
      <c r="AG266" s="53">
        <v>260</v>
      </c>
      <c r="AH266" s="53">
        <v>261</v>
      </c>
      <c r="AI266" s="53">
        <v>262</v>
      </c>
      <c r="AJ266" s="53">
        <v>261</v>
      </c>
      <c r="AK266" s="53">
        <v>263</v>
      </c>
      <c r="AL266" s="53">
        <v>261</v>
      </c>
      <c r="AM266" s="53">
        <v>263</v>
      </c>
      <c r="AN266" s="53">
        <v>3021</v>
      </c>
      <c r="AO266" s="53">
        <v>214</v>
      </c>
      <c r="AP266" s="53">
        <v>196</v>
      </c>
      <c r="AQ266" s="53">
        <v>260</v>
      </c>
      <c r="AR266" s="53">
        <v>259</v>
      </c>
      <c r="AS266" s="53">
        <v>261</v>
      </c>
      <c r="AT266" s="53">
        <v>260</v>
      </c>
      <c r="AU266" s="53">
        <v>261</v>
      </c>
      <c r="AV266" s="53">
        <v>262</v>
      </c>
      <c r="AW266" s="53">
        <v>261</v>
      </c>
      <c r="AX266" s="53">
        <v>263</v>
      </c>
      <c r="AY266" s="53">
        <v>261</v>
      </c>
      <c r="AZ266" s="53">
        <v>263</v>
      </c>
      <c r="BA266" s="53">
        <v>3021</v>
      </c>
    </row>
    <row r="267" spans="1:53">
      <c r="A267" s="52" t="s">
        <v>1062</v>
      </c>
      <c r="B267" s="53">
        <v>311292.93376971502</v>
      </c>
      <c r="C267" s="53">
        <v>310846.24376971502</v>
      </c>
      <c r="D267" s="53">
        <v>310786.50376971503</v>
      </c>
      <c r="E267" s="53">
        <v>310519.71376971499</v>
      </c>
      <c r="F267" s="53">
        <v>310761.52376971499</v>
      </c>
      <c r="G267" s="53">
        <v>342886.90376971499</v>
      </c>
      <c r="H267" s="53">
        <v>310472.603769715</v>
      </c>
      <c r="I267" s="53">
        <v>310875.473769715</v>
      </c>
      <c r="J267" s="53">
        <v>310657.46376971499</v>
      </c>
      <c r="K267" s="53">
        <v>310772.21376971499</v>
      </c>
      <c r="L267" s="53">
        <v>311266.20376971498</v>
      </c>
      <c r="M267" s="53">
        <v>343394.08376971498</v>
      </c>
      <c r="N267" s="53">
        <v>3794531.8652365799</v>
      </c>
      <c r="O267" s="53">
        <v>319025.15895286697</v>
      </c>
      <c r="P267" s="53">
        <v>318578.46895286703</v>
      </c>
      <c r="Q267" s="53">
        <v>318518.72895286698</v>
      </c>
      <c r="R267" s="53">
        <v>318251.938952867</v>
      </c>
      <c r="S267" s="53">
        <v>318493.748952867</v>
      </c>
      <c r="T267" s="53">
        <v>350619.128952867</v>
      </c>
      <c r="U267" s="53">
        <v>318204.82895286701</v>
      </c>
      <c r="V267" s="53">
        <v>318607.69895286701</v>
      </c>
      <c r="W267" s="53">
        <v>318389.688952867</v>
      </c>
      <c r="X267" s="53">
        <v>318504.438952867</v>
      </c>
      <c r="Y267" s="53">
        <v>318998.42895286699</v>
      </c>
      <c r="Z267" s="53">
        <v>351126.308952867</v>
      </c>
      <c r="AA267" s="53">
        <v>3887318.5674343999</v>
      </c>
      <c r="AB267" s="53">
        <v>326519.37610079499</v>
      </c>
      <c r="AC267" s="53">
        <v>326072.68610079499</v>
      </c>
      <c r="AD267" s="53">
        <v>326012.946100795</v>
      </c>
      <c r="AE267" s="53">
        <v>325746.15610079502</v>
      </c>
      <c r="AF267" s="53">
        <v>325987.96610079502</v>
      </c>
      <c r="AG267" s="53">
        <v>358113.34610079502</v>
      </c>
      <c r="AH267" s="53">
        <v>325699.04610079498</v>
      </c>
      <c r="AI267" s="53">
        <v>326101.91610079497</v>
      </c>
      <c r="AJ267" s="53">
        <v>325883.90610079502</v>
      </c>
      <c r="AK267" s="53">
        <v>325998.65610079502</v>
      </c>
      <c r="AL267" s="53">
        <v>326492.64610079501</v>
      </c>
      <c r="AM267" s="53">
        <v>358620.52610079502</v>
      </c>
      <c r="AN267" s="53">
        <v>3977249.1732095401</v>
      </c>
      <c r="AO267" s="53">
        <v>333393.73025422997</v>
      </c>
      <c r="AP267" s="53">
        <v>332947.04025423003</v>
      </c>
      <c r="AQ267" s="53">
        <v>332887.30025422998</v>
      </c>
      <c r="AR267" s="53">
        <v>332620.51025423</v>
      </c>
      <c r="AS267" s="53">
        <v>332862.32025423</v>
      </c>
      <c r="AT267" s="53">
        <v>364987.70025423</v>
      </c>
      <c r="AU267" s="53">
        <v>332573.40025423001</v>
      </c>
      <c r="AV267" s="53">
        <v>332976.27025423001</v>
      </c>
      <c r="AW267" s="53">
        <v>332758.26025423</v>
      </c>
      <c r="AX267" s="53">
        <v>332873.01025423</v>
      </c>
      <c r="AY267" s="53">
        <v>333367.00025422999</v>
      </c>
      <c r="AZ267" s="53">
        <v>365494.88025423</v>
      </c>
      <c r="BA267" s="53">
        <v>4059741.4230507701</v>
      </c>
    </row>
    <row r="268" spans="1:53">
      <c r="A268" s="52" t="s">
        <v>1063</v>
      </c>
      <c r="B268" s="53"/>
      <c r="C268" s="53"/>
      <c r="D268" s="53"/>
      <c r="E268" s="53"/>
      <c r="F268" s="53"/>
      <c r="G268" s="53"/>
      <c r="H268" s="53"/>
      <c r="I268" s="53"/>
      <c r="J268" s="53"/>
      <c r="K268" s="53"/>
      <c r="L268" s="53"/>
      <c r="M268" s="53"/>
      <c r="N268" s="53"/>
      <c r="O268" s="53"/>
      <c r="P268" s="53"/>
      <c r="Q268" s="53"/>
      <c r="R268" s="53"/>
      <c r="S268" s="53"/>
      <c r="T268" s="53"/>
      <c r="U268" s="53"/>
      <c r="V268" s="53"/>
      <c r="W268" s="53"/>
      <c r="X268" s="53"/>
      <c r="Y268" s="53"/>
      <c r="Z268" s="53"/>
      <c r="AA268" s="53"/>
      <c r="AB268" s="53"/>
      <c r="AC268" s="53"/>
      <c r="AD268" s="53"/>
      <c r="AE268" s="53"/>
      <c r="AF268" s="53"/>
      <c r="AG268" s="53"/>
      <c r="AH268" s="53"/>
      <c r="AI268" s="53"/>
      <c r="AJ268" s="53"/>
      <c r="AK268" s="53"/>
      <c r="AL268" s="53"/>
      <c r="AM268" s="53"/>
      <c r="AN268" s="53"/>
      <c r="AO268" s="53"/>
      <c r="AP268" s="53"/>
      <c r="AQ268" s="53"/>
      <c r="AR268" s="53"/>
      <c r="AS268" s="53"/>
      <c r="AT268" s="53"/>
      <c r="AU268" s="53"/>
      <c r="AV268" s="53"/>
      <c r="AW268" s="53"/>
      <c r="AX268" s="53"/>
      <c r="AY268" s="53"/>
      <c r="AZ268" s="53"/>
      <c r="BA268" s="53"/>
    </row>
    <row r="269" spans="1:53">
      <c r="A269" s="52" t="s">
        <v>1064</v>
      </c>
      <c r="B269" s="53">
        <v>0</v>
      </c>
      <c r="C269" s="53">
        <v>0</v>
      </c>
      <c r="D269" s="53">
        <v>0</v>
      </c>
      <c r="E269" s="53">
        <v>0</v>
      </c>
      <c r="F269" s="53">
        <v>0</v>
      </c>
      <c r="G269" s="53">
        <v>0</v>
      </c>
      <c r="H269" s="53">
        <v>0</v>
      </c>
      <c r="I269" s="53">
        <v>0</v>
      </c>
      <c r="J269" s="53">
        <v>0</v>
      </c>
      <c r="K269" s="53">
        <v>0</v>
      </c>
      <c r="L269" s="53">
        <v>0</v>
      </c>
      <c r="M269" s="53">
        <v>0</v>
      </c>
      <c r="N269" s="53">
        <v>0</v>
      </c>
      <c r="O269" s="53">
        <v>0</v>
      </c>
      <c r="P269" s="53">
        <v>0</v>
      </c>
      <c r="Q269" s="53">
        <v>0</v>
      </c>
      <c r="R269" s="53">
        <v>0</v>
      </c>
      <c r="S269" s="53">
        <v>0</v>
      </c>
      <c r="T269" s="53">
        <v>0</v>
      </c>
      <c r="U269" s="53">
        <v>0</v>
      </c>
      <c r="V269" s="53">
        <v>0</v>
      </c>
      <c r="W269" s="53">
        <v>0</v>
      </c>
      <c r="X269" s="53">
        <v>0</v>
      </c>
      <c r="Y269" s="53">
        <v>0</v>
      </c>
      <c r="Z269" s="53">
        <v>0</v>
      </c>
      <c r="AA269" s="53">
        <v>0</v>
      </c>
      <c r="AB269" s="53">
        <v>0</v>
      </c>
      <c r="AC269" s="53">
        <v>0</v>
      </c>
      <c r="AD269" s="53">
        <v>0</v>
      </c>
      <c r="AE269" s="53">
        <v>0</v>
      </c>
      <c r="AF269" s="53">
        <v>0</v>
      </c>
      <c r="AG269" s="53">
        <v>0</v>
      </c>
      <c r="AH269" s="53">
        <v>0</v>
      </c>
      <c r="AI269" s="53">
        <v>0</v>
      </c>
      <c r="AJ269" s="53">
        <v>0</v>
      </c>
      <c r="AK269" s="53">
        <v>0</v>
      </c>
      <c r="AL269" s="53">
        <v>0</v>
      </c>
      <c r="AM269" s="53">
        <v>0</v>
      </c>
      <c r="AN269" s="53">
        <v>0</v>
      </c>
      <c r="AO269" s="53">
        <v>0</v>
      </c>
      <c r="AP269" s="53">
        <v>0</v>
      </c>
      <c r="AQ269" s="53">
        <v>0</v>
      </c>
      <c r="AR269" s="53">
        <v>0</v>
      </c>
      <c r="AS269" s="53">
        <v>0</v>
      </c>
      <c r="AT269" s="53">
        <v>0</v>
      </c>
      <c r="AU269" s="53">
        <v>0</v>
      </c>
      <c r="AV269" s="53">
        <v>0</v>
      </c>
      <c r="AW269" s="53">
        <v>0</v>
      </c>
      <c r="AX269" s="53">
        <v>0</v>
      </c>
      <c r="AY269" s="53">
        <v>0</v>
      </c>
      <c r="AZ269" s="53">
        <v>0</v>
      </c>
      <c r="BA269" s="53">
        <v>0</v>
      </c>
    </row>
    <row r="270" spans="1:53">
      <c r="A270" s="52" t="s">
        <v>1065</v>
      </c>
      <c r="B270" s="53">
        <v>0</v>
      </c>
      <c r="C270" s="53">
        <v>0</v>
      </c>
      <c r="D270" s="53">
        <v>0</v>
      </c>
      <c r="E270" s="53">
        <v>0</v>
      </c>
      <c r="F270" s="53">
        <v>0</v>
      </c>
      <c r="G270" s="53">
        <v>0</v>
      </c>
      <c r="H270" s="53">
        <v>0</v>
      </c>
      <c r="I270" s="53">
        <v>0</v>
      </c>
      <c r="J270" s="53">
        <v>0</v>
      </c>
      <c r="K270" s="53">
        <v>0</v>
      </c>
      <c r="L270" s="53">
        <v>0</v>
      </c>
      <c r="M270" s="53">
        <v>0</v>
      </c>
      <c r="N270" s="53">
        <v>0</v>
      </c>
      <c r="O270" s="53">
        <v>0</v>
      </c>
      <c r="P270" s="53">
        <v>0</v>
      </c>
      <c r="Q270" s="53">
        <v>0</v>
      </c>
      <c r="R270" s="53">
        <v>0</v>
      </c>
      <c r="S270" s="53">
        <v>0</v>
      </c>
      <c r="T270" s="53">
        <v>0</v>
      </c>
      <c r="U270" s="53">
        <v>0</v>
      </c>
      <c r="V270" s="53">
        <v>0</v>
      </c>
      <c r="W270" s="53">
        <v>0</v>
      </c>
      <c r="X270" s="53">
        <v>0</v>
      </c>
      <c r="Y270" s="53">
        <v>0</v>
      </c>
      <c r="Z270" s="53">
        <v>0</v>
      </c>
      <c r="AA270" s="53">
        <v>0</v>
      </c>
      <c r="AB270" s="53">
        <v>0</v>
      </c>
      <c r="AC270" s="53">
        <v>0</v>
      </c>
      <c r="AD270" s="53">
        <v>0</v>
      </c>
      <c r="AE270" s="53">
        <v>0</v>
      </c>
      <c r="AF270" s="53">
        <v>0</v>
      </c>
      <c r="AG270" s="53">
        <v>0</v>
      </c>
      <c r="AH270" s="53">
        <v>0</v>
      </c>
      <c r="AI270" s="53">
        <v>0</v>
      </c>
      <c r="AJ270" s="53">
        <v>0</v>
      </c>
      <c r="AK270" s="53">
        <v>0</v>
      </c>
      <c r="AL270" s="53">
        <v>0</v>
      </c>
      <c r="AM270" s="53">
        <v>0</v>
      </c>
      <c r="AN270" s="53">
        <v>0</v>
      </c>
      <c r="AO270" s="53">
        <v>0</v>
      </c>
      <c r="AP270" s="53">
        <v>0</v>
      </c>
      <c r="AQ270" s="53">
        <v>0</v>
      </c>
      <c r="AR270" s="53">
        <v>0</v>
      </c>
      <c r="AS270" s="53">
        <v>0</v>
      </c>
      <c r="AT270" s="53">
        <v>0</v>
      </c>
      <c r="AU270" s="53">
        <v>0</v>
      </c>
      <c r="AV270" s="53">
        <v>0</v>
      </c>
      <c r="AW270" s="53">
        <v>0</v>
      </c>
      <c r="AX270" s="53">
        <v>0</v>
      </c>
      <c r="AY270" s="53">
        <v>0</v>
      </c>
      <c r="AZ270" s="53">
        <v>0</v>
      </c>
      <c r="BA270" s="53">
        <v>0</v>
      </c>
    </row>
    <row r="271" spans="1:53">
      <c r="A271" s="52" t="s">
        <v>1066</v>
      </c>
      <c r="B271" s="53"/>
      <c r="C271" s="53"/>
      <c r="D271" s="53"/>
      <c r="E271" s="53"/>
      <c r="F271" s="53"/>
      <c r="G271" s="53"/>
      <c r="H271" s="53"/>
      <c r="I271" s="53"/>
      <c r="J271" s="53"/>
      <c r="K271" s="53"/>
      <c r="L271" s="53"/>
      <c r="M271" s="53"/>
      <c r="N271" s="53"/>
      <c r="O271" s="53"/>
      <c r="P271" s="53"/>
      <c r="Q271" s="53"/>
      <c r="R271" s="53"/>
      <c r="S271" s="53"/>
      <c r="T271" s="53"/>
      <c r="U271" s="53"/>
      <c r="V271" s="53"/>
      <c r="W271" s="53"/>
      <c r="X271" s="53"/>
      <c r="Y271" s="53"/>
      <c r="Z271" s="53"/>
      <c r="AA271" s="53"/>
      <c r="AB271" s="53"/>
      <c r="AC271" s="53"/>
      <c r="AD271" s="53"/>
      <c r="AE271" s="53"/>
      <c r="AF271" s="53"/>
      <c r="AG271" s="53"/>
      <c r="AH271" s="53"/>
      <c r="AI271" s="53"/>
      <c r="AJ271" s="53"/>
      <c r="AK271" s="53"/>
      <c r="AL271" s="53"/>
      <c r="AM271" s="53"/>
      <c r="AN271" s="53"/>
      <c r="AO271" s="53"/>
      <c r="AP271" s="53"/>
      <c r="AQ271" s="53"/>
      <c r="AR271" s="53"/>
      <c r="AS271" s="53"/>
      <c r="AT271" s="53"/>
      <c r="AU271" s="53"/>
      <c r="AV271" s="53"/>
      <c r="AW271" s="53"/>
      <c r="AX271" s="53"/>
      <c r="AY271" s="53"/>
      <c r="AZ271" s="53"/>
      <c r="BA271" s="53"/>
    </row>
    <row r="272" spans="1:53">
      <c r="A272" s="52" t="s">
        <v>1067</v>
      </c>
      <c r="B272" s="53">
        <v>452891.86333333299</v>
      </c>
      <c r="C272" s="53">
        <v>479954.15333333297</v>
      </c>
      <c r="D272" s="53">
        <v>490670.05333333299</v>
      </c>
      <c r="E272" s="53">
        <v>478436.75333333301</v>
      </c>
      <c r="F272" s="53">
        <v>546995.933333333</v>
      </c>
      <c r="G272" s="53">
        <v>540799.59333333198</v>
      </c>
      <c r="H272" s="53">
        <v>532995.30333333299</v>
      </c>
      <c r="I272" s="53">
        <v>528264.21333333303</v>
      </c>
      <c r="J272" s="53">
        <v>521930.91333333199</v>
      </c>
      <c r="K272" s="53">
        <v>542772.33333333302</v>
      </c>
      <c r="L272" s="53">
        <v>507902.73333333299</v>
      </c>
      <c r="M272" s="53">
        <v>595135.16333333298</v>
      </c>
      <c r="N272" s="53">
        <v>6218749.0099999905</v>
      </c>
      <c r="O272" s="53">
        <v>452343.86333333299</v>
      </c>
      <c r="P272" s="53">
        <v>479406.15333333297</v>
      </c>
      <c r="Q272" s="53">
        <v>490122.05333333299</v>
      </c>
      <c r="R272" s="53">
        <v>477888.75333333301</v>
      </c>
      <c r="S272" s="53">
        <v>546447.933333333</v>
      </c>
      <c r="T272" s="53">
        <v>540251.59333333198</v>
      </c>
      <c r="U272" s="53">
        <v>532447.30333333299</v>
      </c>
      <c r="V272" s="53">
        <v>527716.21333333303</v>
      </c>
      <c r="W272" s="53">
        <v>521382.91333333199</v>
      </c>
      <c r="X272" s="53">
        <v>542224.33333333302</v>
      </c>
      <c r="Y272" s="53">
        <v>507354.73333333299</v>
      </c>
      <c r="Z272" s="53">
        <v>594587.16333333298</v>
      </c>
      <c r="AA272" s="53">
        <v>6212173.0099999905</v>
      </c>
      <c r="AB272" s="53">
        <v>453284.86333333299</v>
      </c>
      <c r="AC272" s="53">
        <v>480347.15333333297</v>
      </c>
      <c r="AD272" s="53">
        <v>491063.05333333299</v>
      </c>
      <c r="AE272" s="53">
        <v>478829.75333333301</v>
      </c>
      <c r="AF272" s="53">
        <v>547388.933333333</v>
      </c>
      <c r="AG272" s="53">
        <v>541192.59333333303</v>
      </c>
      <c r="AH272" s="53">
        <v>533388.30333333299</v>
      </c>
      <c r="AI272" s="53">
        <v>528657.21333333303</v>
      </c>
      <c r="AJ272" s="53">
        <v>522323.91333333199</v>
      </c>
      <c r="AK272" s="53">
        <v>543165.33333333302</v>
      </c>
      <c r="AL272" s="53">
        <v>508295.73333333299</v>
      </c>
      <c r="AM272" s="53">
        <v>595528.16333333298</v>
      </c>
      <c r="AN272" s="53">
        <v>6223465.0099999905</v>
      </c>
      <c r="AO272" s="53">
        <v>453641.86333333299</v>
      </c>
      <c r="AP272" s="53">
        <v>480704.15333333297</v>
      </c>
      <c r="AQ272" s="53">
        <v>491420.05333333299</v>
      </c>
      <c r="AR272" s="53">
        <v>479186.75333333301</v>
      </c>
      <c r="AS272" s="53">
        <v>547745.933333333</v>
      </c>
      <c r="AT272" s="53">
        <v>541549.59333333198</v>
      </c>
      <c r="AU272" s="53">
        <v>533745.30333333299</v>
      </c>
      <c r="AV272" s="53">
        <v>529014.21333333303</v>
      </c>
      <c r="AW272" s="53">
        <v>522680.91333333199</v>
      </c>
      <c r="AX272" s="53">
        <v>543522.33333333302</v>
      </c>
      <c r="AY272" s="53">
        <v>508652.73333333299</v>
      </c>
      <c r="AZ272" s="53">
        <v>595885.16333333298</v>
      </c>
      <c r="BA272" s="53">
        <v>6227749.0099999905</v>
      </c>
    </row>
    <row r="273" spans="1:53">
      <c r="A273" s="234" t="s">
        <v>1068</v>
      </c>
      <c r="B273" s="53">
        <v>13099.730179312101</v>
      </c>
      <c r="C273" s="53">
        <v>13099.730179312101</v>
      </c>
      <c r="D273" s="53">
        <v>13099.730179312101</v>
      </c>
      <c r="E273" s="53">
        <v>13099.730179312101</v>
      </c>
      <c r="F273" s="53">
        <v>13099.730179312101</v>
      </c>
      <c r="G273" s="53">
        <v>13099.730179312101</v>
      </c>
      <c r="H273" s="53">
        <v>13099.730179312101</v>
      </c>
      <c r="I273" s="53">
        <v>13099.730179312101</v>
      </c>
      <c r="J273" s="53">
        <v>13099.730179312101</v>
      </c>
      <c r="K273" s="53">
        <v>13099.730179312101</v>
      </c>
      <c r="L273" s="53">
        <v>13099.730179312101</v>
      </c>
      <c r="M273" s="53">
        <v>13099.730179312101</v>
      </c>
      <c r="N273" s="53">
        <v>157196.762151745</v>
      </c>
      <c r="O273" s="53">
        <v>26064.5845781629</v>
      </c>
      <c r="P273" s="53">
        <v>26064.5845781629</v>
      </c>
      <c r="Q273" s="53">
        <v>26064.5845781629</v>
      </c>
      <c r="R273" s="53">
        <v>26064.5845781629</v>
      </c>
      <c r="S273" s="53">
        <v>26064.5845781629</v>
      </c>
      <c r="T273" s="53">
        <v>26064.5845781629</v>
      </c>
      <c r="U273" s="53">
        <v>26064.5845781629</v>
      </c>
      <c r="V273" s="53">
        <v>26064.5845781629</v>
      </c>
      <c r="W273" s="53">
        <v>26064.5845781629</v>
      </c>
      <c r="X273" s="53">
        <v>26064.5845781629</v>
      </c>
      <c r="Y273" s="53">
        <v>26064.5845781629</v>
      </c>
      <c r="Z273" s="53">
        <v>26064.5845781629</v>
      </c>
      <c r="AA273" s="53">
        <v>312775.01493795402</v>
      </c>
      <c r="AB273" s="53">
        <v>38714.033278692499</v>
      </c>
      <c r="AC273" s="53">
        <v>38714.033278692499</v>
      </c>
      <c r="AD273" s="53">
        <v>38714.033278692499</v>
      </c>
      <c r="AE273" s="53">
        <v>38714.033278692499</v>
      </c>
      <c r="AF273" s="53">
        <v>38714.033278692499</v>
      </c>
      <c r="AG273" s="53">
        <v>38714.033278692499</v>
      </c>
      <c r="AH273" s="53">
        <v>38714.033278692499</v>
      </c>
      <c r="AI273" s="53">
        <v>38714.033278692499</v>
      </c>
      <c r="AJ273" s="53">
        <v>38714.033278692499</v>
      </c>
      <c r="AK273" s="53">
        <v>38714.033278692499</v>
      </c>
      <c r="AL273" s="53">
        <v>38714.033278692499</v>
      </c>
      <c r="AM273" s="53">
        <v>38714.033278692499</v>
      </c>
      <c r="AN273" s="53">
        <v>464568.39934431098</v>
      </c>
      <c r="AO273" s="53">
        <v>50308.3657416192</v>
      </c>
      <c r="AP273" s="53">
        <v>50308.3657416192</v>
      </c>
      <c r="AQ273" s="53">
        <v>50308.3657416192</v>
      </c>
      <c r="AR273" s="53">
        <v>50308.3657416192</v>
      </c>
      <c r="AS273" s="53">
        <v>50308.3657416192</v>
      </c>
      <c r="AT273" s="53">
        <v>50308.3657416192</v>
      </c>
      <c r="AU273" s="53">
        <v>50308.3657416192</v>
      </c>
      <c r="AV273" s="53">
        <v>50308.3657416192</v>
      </c>
      <c r="AW273" s="53">
        <v>50308.3657416192</v>
      </c>
      <c r="AX273" s="53">
        <v>50308.3657416192</v>
      </c>
      <c r="AY273" s="53">
        <v>50308.3657416192</v>
      </c>
      <c r="AZ273" s="53">
        <v>50308.3657416192</v>
      </c>
      <c r="BA273" s="53">
        <v>603700.38889943005</v>
      </c>
    </row>
    <row r="274" spans="1:53">
      <c r="A274" s="52" t="s">
        <v>1069</v>
      </c>
      <c r="B274" s="53">
        <v>465991.59351264499</v>
      </c>
      <c r="C274" s="53">
        <v>493053.88351264503</v>
      </c>
      <c r="D274" s="53">
        <v>503769.78351264499</v>
      </c>
      <c r="E274" s="53">
        <v>491536.48351264501</v>
      </c>
      <c r="F274" s="53">
        <v>560095.66351264506</v>
      </c>
      <c r="G274" s="53">
        <v>553899.32351264497</v>
      </c>
      <c r="H274" s="53">
        <v>546095.03351264505</v>
      </c>
      <c r="I274" s="53">
        <v>541363.94351264497</v>
      </c>
      <c r="J274" s="53">
        <v>535030.64351264504</v>
      </c>
      <c r="K274" s="53">
        <v>555872.06351264496</v>
      </c>
      <c r="L274" s="53">
        <v>521002.46351264499</v>
      </c>
      <c r="M274" s="53">
        <v>608234.89351264504</v>
      </c>
      <c r="N274" s="53">
        <v>6375945.7721517403</v>
      </c>
      <c r="O274" s="53">
        <v>478408.44791149598</v>
      </c>
      <c r="P274" s="53">
        <v>505470.73791149602</v>
      </c>
      <c r="Q274" s="53">
        <v>516186.63791149599</v>
      </c>
      <c r="R274" s="53">
        <v>503953.337911496</v>
      </c>
      <c r="S274" s="53">
        <v>572512.51791149599</v>
      </c>
      <c r="T274" s="53">
        <v>566316.17791149497</v>
      </c>
      <c r="U274" s="53">
        <v>558511.88791149599</v>
      </c>
      <c r="V274" s="53">
        <v>553780.79791149497</v>
      </c>
      <c r="W274" s="53">
        <v>547447.49791149504</v>
      </c>
      <c r="X274" s="53">
        <v>568288.91791149497</v>
      </c>
      <c r="Y274" s="53">
        <v>533419.31791149604</v>
      </c>
      <c r="Z274" s="53">
        <v>620651.74791149597</v>
      </c>
      <c r="AA274" s="53">
        <v>6524948.0249379501</v>
      </c>
      <c r="AB274" s="53">
        <v>491998.89661202498</v>
      </c>
      <c r="AC274" s="53">
        <v>519061.18661202502</v>
      </c>
      <c r="AD274" s="53">
        <v>529777.08661202504</v>
      </c>
      <c r="AE274" s="53">
        <v>517543.786612025</v>
      </c>
      <c r="AF274" s="53">
        <v>586102.96661202505</v>
      </c>
      <c r="AG274" s="53">
        <v>579906.62661202496</v>
      </c>
      <c r="AH274" s="53">
        <v>572102.33661202504</v>
      </c>
      <c r="AI274" s="53">
        <v>567371.24661202496</v>
      </c>
      <c r="AJ274" s="53">
        <v>561037.94661202503</v>
      </c>
      <c r="AK274" s="53">
        <v>581879.36661202495</v>
      </c>
      <c r="AL274" s="53">
        <v>547009.76661202498</v>
      </c>
      <c r="AM274" s="53">
        <v>634242.19661202503</v>
      </c>
      <c r="AN274" s="53">
        <v>6688033.4093442997</v>
      </c>
      <c r="AO274" s="53">
        <v>503950.22907495202</v>
      </c>
      <c r="AP274" s="53">
        <v>531012.519074952</v>
      </c>
      <c r="AQ274" s="53">
        <v>541728.41907495202</v>
      </c>
      <c r="AR274" s="53">
        <v>529495.11907495197</v>
      </c>
      <c r="AS274" s="53">
        <v>598054.29907495202</v>
      </c>
      <c r="AT274" s="53">
        <v>591857.95907495206</v>
      </c>
      <c r="AU274" s="53">
        <v>584053.66907495202</v>
      </c>
      <c r="AV274" s="53">
        <v>579322.57907495205</v>
      </c>
      <c r="AW274" s="53">
        <v>572989.27907495201</v>
      </c>
      <c r="AX274" s="53">
        <v>593830.69907495205</v>
      </c>
      <c r="AY274" s="53">
        <v>558961.09907495196</v>
      </c>
      <c r="AZ274" s="53">
        <v>646193.52907495201</v>
      </c>
      <c r="BA274" s="53">
        <v>6831449.3988994202</v>
      </c>
    </row>
    <row r="275" spans="1:53">
      <c r="A275" s="52" t="s">
        <v>1070</v>
      </c>
      <c r="B275" s="53"/>
      <c r="C275" s="53"/>
      <c r="D275" s="53"/>
      <c r="E275" s="53"/>
      <c r="F275" s="53"/>
      <c r="G275" s="53"/>
      <c r="H275" s="53"/>
      <c r="I275" s="53"/>
      <c r="J275" s="53"/>
      <c r="K275" s="53"/>
      <c r="L275" s="53"/>
      <c r="M275" s="53"/>
      <c r="N275" s="53"/>
      <c r="O275" s="53"/>
      <c r="P275" s="53"/>
      <c r="Q275" s="53"/>
      <c r="R275" s="53"/>
      <c r="S275" s="53"/>
      <c r="T275" s="53"/>
      <c r="U275" s="53"/>
      <c r="V275" s="53"/>
      <c r="W275" s="53"/>
      <c r="X275" s="53"/>
      <c r="Y275" s="53"/>
      <c r="Z275" s="53"/>
      <c r="AA275" s="53"/>
      <c r="AB275" s="53"/>
      <c r="AC275" s="53"/>
      <c r="AD275" s="53"/>
      <c r="AE275" s="53"/>
      <c r="AF275" s="53"/>
      <c r="AG275" s="53"/>
      <c r="AH275" s="53"/>
      <c r="AI275" s="53"/>
      <c r="AJ275" s="53"/>
      <c r="AK275" s="53"/>
      <c r="AL275" s="53"/>
      <c r="AM275" s="53"/>
      <c r="AN275" s="53"/>
      <c r="AO275" s="53"/>
      <c r="AP275" s="53"/>
      <c r="AQ275" s="53"/>
      <c r="AR275" s="53"/>
      <c r="AS275" s="53"/>
      <c r="AT275" s="53"/>
      <c r="AU275" s="53"/>
      <c r="AV275" s="53"/>
      <c r="AW275" s="53"/>
      <c r="AX275" s="53"/>
      <c r="AY275" s="53"/>
      <c r="AZ275" s="53"/>
      <c r="BA275" s="53"/>
    </row>
    <row r="276" spans="1:53">
      <c r="A276" s="52" t="s">
        <v>1071</v>
      </c>
      <c r="B276" s="53">
        <v>239652.64</v>
      </c>
      <c r="C276" s="53">
        <v>349335.74</v>
      </c>
      <c r="D276" s="53">
        <v>242555.68</v>
      </c>
      <c r="E276" s="53">
        <v>295472.25</v>
      </c>
      <c r="F276" s="53">
        <v>279025.33</v>
      </c>
      <c r="G276" s="53">
        <v>350770.44999999902</v>
      </c>
      <c r="H276" s="53">
        <v>292174.13999999902</v>
      </c>
      <c r="I276" s="53">
        <v>280549.26999999897</v>
      </c>
      <c r="J276" s="53">
        <v>250809.06</v>
      </c>
      <c r="K276" s="53">
        <v>292054.11</v>
      </c>
      <c r="L276" s="53">
        <v>245816.64</v>
      </c>
      <c r="M276" s="53">
        <v>356111.53</v>
      </c>
      <c r="N276" s="53">
        <v>3474326.84</v>
      </c>
      <c r="O276" s="53">
        <v>239652.64</v>
      </c>
      <c r="P276" s="53">
        <v>349335.74</v>
      </c>
      <c r="Q276" s="53">
        <v>242555.68</v>
      </c>
      <c r="R276" s="53">
        <v>295472.25</v>
      </c>
      <c r="S276" s="53">
        <v>279025.33</v>
      </c>
      <c r="T276" s="53">
        <v>350770.44999999902</v>
      </c>
      <c r="U276" s="53">
        <v>292174.13999999902</v>
      </c>
      <c r="V276" s="53">
        <v>280549.26999999897</v>
      </c>
      <c r="W276" s="53">
        <v>250809.06</v>
      </c>
      <c r="X276" s="53">
        <v>292054.11</v>
      </c>
      <c r="Y276" s="53">
        <v>245816.64</v>
      </c>
      <c r="Z276" s="53">
        <v>356111.53</v>
      </c>
      <c r="AA276" s="53">
        <v>3474326.84</v>
      </c>
      <c r="AB276" s="53">
        <v>239652.64</v>
      </c>
      <c r="AC276" s="53">
        <v>349335.74</v>
      </c>
      <c r="AD276" s="53">
        <v>242555.68</v>
      </c>
      <c r="AE276" s="53">
        <v>295472.25</v>
      </c>
      <c r="AF276" s="53">
        <v>279025.33</v>
      </c>
      <c r="AG276" s="53">
        <v>350770.44999999902</v>
      </c>
      <c r="AH276" s="53">
        <v>292174.13999999902</v>
      </c>
      <c r="AI276" s="53">
        <v>280549.26999999897</v>
      </c>
      <c r="AJ276" s="53">
        <v>250809.06</v>
      </c>
      <c r="AK276" s="53">
        <v>292054.11</v>
      </c>
      <c r="AL276" s="53">
        <v>245816.64</v>
      </c>
      <c r="AM276" s="53">
        <v>356111.53</v>
      </c>
      <c r="AN276" s="53">
        <v>3474326.84</v>
      </c>
      <c r="AO276" s="53">
        <v>239652.64</v>
      </c>
      <c r="AP276" s="53">
        <v>349335.74</v>
      </c>
      <c r="AQ276" s="53">
        <v>242555.68</v>
      </c>
      <c r="AR276" s="53">
        <v>295472.25</v>
      </c>
      <c r="AS276" s="53">
        <v>279025.33</v>
      </c>
      <c r="AT276" s="53">
        <v>350770.44999999902</v>
      </c>
      <c r="AU276" s="53">
        <v>292174.13999999902</v>
      </c>
      <c r="AV276" s="53">
        <v>280549.26999999897</v>
      </c>
      <c r="AW276" s="53">
        <v>250809.06</v>
      </c>
      <c r="AX276" s="53">
        <v>292054.11</v>
      </c>
      <c r="AY276" s="53">
        <v>245816.64</v>
      </c>
      <c r="AZ276" s="53">
        <v>356111.53</v>
      </c>
      <c r="BA276" s="53">
        <v>3474326.84</v>
      </c>
    </row>
    <row r="277" spans="1:53">
      <c r="A277" s="234" t="s">
        <v>1072</v>
      </c>
      <c r="B277" s="53">
        <v>7318.6333916284102</v>
      </c>
      <c r="C277" s="53">
        <v>7318.6333916284102</v>
      </c>
      <c r="D277" s="53">
        <v>7318.6333916284102</v>
      </c>
      <c r="E277" s="53">
        <v>7318.6333916284102</v>
      </c>
      <c r="F277" s="53">
        <v>7318.6333916284102</v>
      </c>
      <c r="G277" s="53">
        <v>7318.6333916284102</v>
      </c>
      <c r="H277" s="53">
        <v>7318.6333916284102</v>
      </c>
      <c r="I277" s="53">
        <v>7318.6333916284102</v>
      </c>
      <c r="J277" s="53">
        <v>7318.6333916284102</v>
      </c>
      <c r="K277" s="53">
        <v>7318.6333916284102</v>
      </c>
      <c r="L277" s="53">
        <v>7318.6333916284102</v>
      </c>
      <c r="M277" s="53">
        <v>7318.6333916284102</v>
      </c>
      <c r="N277" s="53">
        <v>87823.600699540897</v>
      </c>
      <c r="O277" s="53">
        <v>17547.175824025398</v>
      </c>
      <c r="P277" s="53">
        <v>17547.175824025398</v>
      </c>
      <c r="Q277" s="53">
        <v>17547.175824025398</v>
      </c>
      <c r="R277" s="53">
        <v>17547.175824025398</v>
      </c>
      <c r="S277" s="53">
        <v>17547.175824025398</v>
      </c>
      <c r="T277" s="53">
        <v>17547.175824025398</v>
      </c>
      <c r="U277" s="53">
        <v>17547.175824025398</v>
      </c>
      <c r="V277" s="53">
        <v>17547.175824025398</v>
      </c>
      <c r="W277" s="53">
        <v>17547.175824025398</v>
      </c>
      <c r="X277" s="53">
        <v>17547.175824025398</v>
      </c>
      <c r="Y277" s="53">
        <v>17547.175824025398</v>
      </c>
      <c r="Z277" s="53">
        <v>17547.175824025398</v>
      </c>
      <c r="AA277" s="53">
        <v>210566.109888304</v>
      </c>
      <c r="AB277" s="53">
        <v>26781.418614729799</v>
      </c>
      <c r="AC277" s="53">
        <v>26781.418614729799</v>
      </c>
      <c r="AD277" s="53">
        <v>26781.418614729799</v>
      </c>
      <c r="AE277" s="53">
        <v>26781.418614729799</v>
      </c>
      <c r="AF277" s="53">
        <v>26781.418614729799</v>
      </c>
      <c r="AG277" s="53">
        <v>26781.418614729799</v>
      </c>
      <c r="AH277" s="53">
        <v>26781.418614729799</v>
      </c>
      <c r="AI277" s="53">
        <v>26781.418614729799</v>
      </c>
      <c r="AJ277" s="53">
        <v>26781.418614729799</v>
      </c>
      <c r="AK277" s="53">
        <v>26781.418614729799</v>
      </c>
      <c r="AL277" s="53">
        <v>26781.418614729799</v>
      </c>
      <c r="AM277" s="53">
        <v>26781.418614729799</v>
      </c>
      <c r="AN277" s="53">
        <v>321377.02337675699</v>
      </c>
      <c r="AO277" s="53">
        <v>37041.830326220697</v>
      </c>
      <c r="AP277" s="53">
        <v>37041.830326220697</v>
      </c>
      <c r="AQ277" s="53">
        <v>37041.830326220697</v>
      </c>
      <c r="AR277" s="53">
        <v>37041.830326220697</v>
      </c>
      <c r="AS277" s="53">
        <v>37041.830326220697</v>
      </c>
      <c r="AT277" s="53">
        <v>37041.830326220697</v>
      </c>
      <c r="AU277" s="53">
        <v>37041.830326220697</v>
      </c>
      <c r="AV277" s="53">
        <v>37041.830326220697</v>
      </c>
      <c r="AW277" s="53">
        <v>37041.830326220697</v>
      </c>
      <c r="AX277" s="53">
        <v>37041.830326220697</v>
      </c>
      <c r="AY277" s="53">
        <v>37041.830326220697</v>
      </c>
      <c r="AZ277" s="53">
        <v>37041.830326220697</v>
      </c>
      <c r="BA277" s="53">
        <v>444501.96391464799</v>
      </c>
    </row>
    <row r="278" spans="1:53">
      <c r="A278" s="235" t="s">
        <v>1073</v>
      </c>
      <c r="B278" s="53">
        <v>0</v>
      </c>
      <c r="C278" s="53">
        <v>0</v>
      </c>
      <c r="D278" s="53">
        <v>0</v>
      </c>
      <c r="E278" s="53">
        <v>0</v>
      </c>
      <c r="F278" s="53">
        <v>0</v>
      </c>
      <c r="G278" s="53">
        <v>0</v>
      </c>
      <c r="H278" s="53">
        <v>0</v>
      </c>
      <c r="I278" s="53">
        <v>0</v>
      </c>
      <c r="J278" s="53">
        <v>0</v>
      </c>
      <c r="K278" s="53">
        <v>0</v>
      </c>
      <c r="L278" s="53">
        <v>0</v>
      </c>
      <c r="M278" s="53">
        <v>0</v>
      </c>
      <c r="N278" s="53">
        <v>0</v>
      </c>
      <c r="O278" s="53">
        <v>58985.55</v>
      </c>
      <c r="P278" s="53">
        <v>58985.55</v>
      </c>
      <c r="Q278" s="53">
        <v>58985.55</v>
      </c>
      <c r="R278" s="53">
        <v>58985.55</v>
      </c>
      <c r="S278" s="53">
        <v>58985.55</v>
      </c>
      <c r="T278" s="53">
        <v>58985.55</v>
      </c>
      <c r="U278" s="53">
        <v>58985.55</v>
      </c>
      <c r="V278" s="53">
        <v>58985.55</v>
      </c>
      <c r="W278" s="53">
        <v>58985.55</v>
      </c>
      <c r="X278" s="53">
        <v>58985.55</v>
      </c>
      <c r="Y278" s="53">
        <v>58985.55</v>
      </c>
      <c r="Z278" s="53">
        <v>58985.55</v>
      </c>
      <c r="AA278" s="53">
        <v>707826.6</v>
      </c>
      <c r="AB278" s="53">
        <v>69242.8</v>
      </c>
      <c r="AC278" s="53">
        <v>69242.8</v>
      </c>
      <c r="AD278" s="53">
        <v>69242.8</v>
      </c>
      <c r="AE278" s="53">
        <v>69242.8</v>
      </c>
      <c r="AF278" s="53">
        <v>69242.8</v>
      </c>
      <c r="AG278" s="53">
        <v>69242.8</v>
      </c>
      <c r="AH278" s="53">
        <v>69242.8</v>
      </c>
      <c r="AI278" s="53">
        <v>69242.8</v>
      </c>
      <c r="AJ278" s="53">
        <v>69242.8</v>
      </c>
      <c r="AK278" s="53">
        <v>69242.8</v>
      </c>
      <c r="AL278" s="53">
        <v>69242.8</v>
      </c>
      <c r="AM278" s="53">
        <v>69242.8</v>
      </c>
      <c r="AN278" s="53">
        <v>830913.6</v>
      </c>
      <c r="AO278" s="53">
        <v>92594.8</v>
      </c>
      <c r="AP278" s="53">
        <v>92594.8</v>
      </c>
      <c r="AQ278" s="53">
        <v>92594.8</v>
      </c>
      <c r="AR278" s="53">
        <v>92594.8</v>
      </c>
      <c r="AS278" s="53">
        <v>92594.8</v>
      </c>
      <c r="AT278" s="53">
        <v>92594.8</v>
      </c>
      <c r="AU278" s="53">
        <v>92594.8</v>
      </c>
      <c r="AV278" s="53">
        <v>92594.8</v>
      </c>
      <c r="AW278" s="53">
        <v>92594.8</v>
      </c>
      <c r="AX278" s="53">
        <v>92594.8</v>
      </c>
      <c r="AY278" s="53">
        <v>92594.8</v>
      </c>
      <c r="AZ278" s="53">
        <v>92594.8</v>
      </c>
      <c r="BA278" s="53">
        <v>1111137.5999999901</v>
      </c>
    </row>
    <row r="279" spans="1:53">
      <c r="A279" s="52" t="s">
        <v>1074</v>
      </c>
      <c r="B279" s="53">
        <v>246971.273391628</v>
      </c>
      <c r="C279" s="53">
        <v>356654.37339162797</v>
      </c>
      <c r="D279" s="53">
        <v>249874.31339162801</v>
      </c>
      <c r="E279" s="53">
        <v>302790.88339162798</v>
      </c>
      <c r="F279" s="53">
        <v>286343.963391628</v>
      </c>
      <c r="G279" s="53">
        <v>358089.083391628</v>
      </c>
      <c r="H279" s="53">
        <v>299492.773391628</v>
      </c>
      <c r="I279" s="53">
        <v>287867.903391628</v>
      </c>
      <c r="J279" s="53">
        <v>258127.69339162801</v>
      </c>
      <c r="K279" s="53">
        <v>299372.74339162803</v>
      </c>
      <c r="L279" s="53">
        <v>253135.273391628</v>
      </c>
      <c r="M279" s="53">
        <v>363430.16339162801</v>
      </c>
      <c r="N279" s="53">
        <v>3562150.4406995401</v>
      </c>
      <c r="O279" s="53">
        <v>316185.36582402501</v>
      </c>
      <c r="P279" s="53">
        <v>425868.46582402498</v>
      </c>
      <c r="Q279" s="53">
        <v>319088.40582402499</v>
      </c>
      <c r="R279" s="53">
        <v>372004.97582402499</v>
      </c>
      <c r="S279" s="53">
        <v>355558.05582402501</v>
      </c>
      <c r="T279" s="53">
        <v>427303.17582402501</v>
      </c>
      <c r="U279" s="53">
        <v>368706.86582402501</v>
      </c>
      <c r="V279" s="53">
        <v>357081.99582402501</v>
      </c>
      <c r="W279" s="53">
        <v>327341.78582402499</v>
      </c>
      <c r="X279" s="53">
        <v>368586.83582402498</v>
      </c>
      <c r="Y279" s="53">
        <v>322349.36582402501</v>
      </c>
      <c r="Z279" s="53">
        <v>432644.25582402502</v>
      </c>
      <c r="AA279" s="53">
        <v>4392719.5498882998</v>
      </c>
      <c r="AB279" s="53">
        <v>335676.85861472902</v>
      </c>
      <c r="AC279" s="53">
        <v>445359.958614729</v>
      </c>
      <c r="AD279" s="53">
        <v>338579.898614729</v>
      </c>
      <c r="AE279" s="53">
        <v>391496.468614729</v>
      </c>
      <c r="AF279" s="53">
        <v>375049.54861472902</v>
      </c>
      <c r="AG279" s="53">
        <v>446794.66861472902</v>
      </c>
      <c r="AH279" s="53">
        <v>388198.35861472902</v>
      </c>
      <c r="AI279" s="53">
        <v>376573.48861472902</v>
      </c>
      <c r="AJ279" s="53">
        <v>346833.278614729</v>
      </c>
      <c r="AK279" s="53">
        <v>388078.32861472899</v>
      </c>
      <c r="AL279" s="53">
        <v>341840.85861472902</v>
      </c>
      <c r="AM279" s="53">
        <v>452135.74861472897</v>
      </c>
      <c r="AN279" s="53">
        <v>4626617.4633767502</v>
      </c>
      <c r="AO279" s="53">
        <v>369289.27032622002</v>
      </c>
      <c r="AP279" s="53">
        <v>478972.37032622</v>
      </c>
      <c r="AQ279" s="53">
        <v>372192.31032622</v>
      </c>
      <c r="AR279" s="53">
        <v>425108.88032622001</v>
      </c>
      <c r="AS279" s="53">
        <v>408661.96032622003</v>
      </c>
      <c r="AT279" s="53">
        <v>480407.08032622002</v>
      </c>
      <c r="AU279" s="53">
        <v>421810.77032622002</v>
      </c>
      <c r="AV279" s="53">
        <v>410185.90032622003</v>
      </c>
      <c r="AW279" s="53">
        <v>380445.69032622001</v>
      </c>
      <c r="AX279" s="53">
        <v>421690.74032622</v>
      </c>
      <c r="AY279" s="53">
        <v>375453.27032622002</v>
      </c>
      <c r="AZ279" s="53">
        <v>485748.16032621998</v>
      </c>
      <c r="BA279" s="53">
        <v>5029966.4039146397</v>
      </c>
    </row>
    <row r="280" spans="1:53">
      <c r="A280" s="52" t="s">
        <v>1075</v>
      </c>
      <c r="B280" s="53"/>
      <c r="C280" s="53"/>
      <c r="D280" s="53"/>
      <c r="E280" s="53"/>
      <c r="F280" s="53"/>
      <c r="G280" s="53"/>
      <c r="H280" s="53"/>
      <c r="I280" s="53"/>
      <c r="J280" s="53"/>
      <c r="K280" s="53"/>
      <c r="L280" s="53"/>
      <c r="M280" s="53"/>
      <c r="N280" s="53"/>
      <c r="O280" s="53"/>
      <c r="P280" s="53"/>
      <c r="Q280" s="53"/>
      <c r="R280" s="53"/>
      <c r="S280" s="53"/>
      <c r="T280" s="53"/>
      <c r="U280" s="53"/>
      <c r="V280" s="53"/>
      <c r="W280" s="53"/>
      <c r="X280" s="53"/>
      <c r="Y280" s="53"/>
      <c r="Z280" s="53"/>
      <c r="AA280" s="53"/>
      <c r="AB280" s="53"/>
      <c r="AC280" s="53"/>
      <c r="AD280" s="53"/>
      <c r="AE280" s="53"/>
      <c r="AF280" s="53"/>
      <c r="AG280" s="53"/>
      <c r="AH280" s="53"/>
      <c r="AI280" s="53"/>
      <c r="AJ280" s="53"/>
      <c r="AK280" s="53"/>
      <c r="AL280" s="53"/>
      <c r="AM280" s="53"/>
      <c r="AN280" s="53"/>
      <c r="AO280" s="53"/>
      <c r="AP280" s="53"/>
      <c r="AQ280" s="53"/>
      <c r="AR280" s="53"/>
      <c r="AS280" s="53"/>
      <c r="AT280" s="53"/>
      <c r="AU280" s="53"/>
      <c r="AV280" s="53"/>
      <c r="AW280" s="53"/>
      <c r="AX280" s="53"/>
      <c r="AY280" s="53"/>
      <c r="AZ280" s="53"/>
      <c r="BA280" s="53"/>
    </row>
    <row r="281" spans="1:53">
      <c r="A281" s="52" t="s">
        <v>1076</v>
      </c>
      <c r="B281" s="53">
        <v>2691486.2433333299</v>
      </c>
      <c r="C281" s="53">
        <v>1946368.2433333299</v>
      </c>
      <c r="D281" s="53">
        <v>1996305.88333333</v>
      </c>
      <c r="E281" s="53">
        <v>1894933.08333333</v>
      </c>
      <c r="F281" s="53">
        <v>1933156.86333333</v>
      </c>
      <c r="G281" s="53">
        <v>1914833.88333333</v>
      </c>
      <c r="H281" s="53">
        <v>1717640.2233333299</v>
      </c>
      <c r="I281" s="53">
        <v>1631212.6833333301</v>
      </c>
      <c r="J281" s="53">
        <v>1752080.7133333299</v>
      </c>
      <c r="K281" s="53">
        <v>1791197.33333333</v>
      </c>
      <c r="L281" s="53">
        <v>1895421.9133333301</v>
      </c>
      <c r="M281" s="53">
        <v>2139071.1233333298</v>
      </c>
      <c r="N281" s="53">
        <v>23303708.190000001</v>
      </c>
      <c r="O281" s="53">
        <v>2500263.2433333299</v>
      </c>
      <c r="P281" s="53">
        <v>1893466.2433333299</v>
      </c>
      <c r="Q281" s="53">
        <v>1973567.88333333</v>
      </c>
      <c r="R281" s="53">
        <v>1883433.08333333</v>
      </c>
      <c r="S281" s="53">
        <v>1925984.86333333</v>
      </c>
      <c r="T281" s="53">
        <v>1865154.88333333</v>
      </c>
      <c r="U281" s="53">
        <v>1695522.2233333299</v>
      </c>
      <c r="V281" s="53">
        <v>1595626.6833333301</v>
      </c>
      <c r="W281" s="53">
        <v>1719085.7133333299</v>
      </c>
      <c r="X281" s="53">
        <v>1753952.33333333</v>
      </c>
      <c r="Y281" s="53">
        <v>1816554.9133333301</v>
      </c>
      <c r="Z281" s="53">
        <v>2127539.1233333298</v>
      </c>
      <c r="AA281" s="53">
        <v>22750151.190000001</v>
      </c>
      <c r="AB281" s="53">
        <v>2557802.2433333299</v>
      </c>
      <c r="AC281" s="53">
        <v>1951005.2433333299</v>
      </c>
      <c r="AD281" s="53">
        <v>2031106.88333333</v>
      </c>
      <c r="AE281" s="53">
        <v>1940972.08333333</v>
      </c>
      <c r="AF281" s="53">
        <v>1983523.86333333</v>
      </c>
      <c r="AG281" s="53">
        <v>1922693.88333333</v>
      </c>
      <c r="AH281" s="53">
        <v>1753061.2233333299</v>
      </c>
      <c r="AI281" s="53">
        <v>1653165.6833333301</v>
      </c>
      <c r="AJ281" s="53">
        <v>1776624.7133333299</v>
      </c>
      <c r="AK281" s="53">
        <v>1811491.33333333</v>
      </c>
      <c r="AL281" s="53">
        <v>1874093.9133333301</v>
      </c>
      <c r="AM281" s="53">
        <v>2185078.1233333298</v>
      </c>
      <c r="AN281" s="53">
        <v>23440619.190000001</v>
      </c>
      <c r="AO281" s="53">
        <v>2741579.2433333299</v>
      </c>
      <c r="AP281" s="53">
        <v>2134782.2433333299</v>
      </c>
      <c r="AQ281" s="53">
        <v>2214883.88333333</v>
      </c>
      <c r="AR281" s="53">
        <v>2124749.0833333302</v>
      </c>
      <c r="AS281" s="53">
        <v>2167300.86333333</v>
      </c>
      <c r="AT281" s="53">
        <v>2106470.88333333</v>
      </c>
      <c r="AU281" s="53">
        <v>1936838.2233333299</v>
      </c>
      <c r="AV281" s="53">
        <v>1836942.6833333301</v>
      </c>
      <c r="AW281" s="53">
        <v>1960401.7133333299</v>
      </c>
      <c r="AX281" s="53">
        <v>1995268.33333333</v>
      </c>
      <c r="AY281" s="53">
        <v>2057870.9133333301</v>
      </c>
      <c r="AZ281" s="53">
        <v>2368855.1233333298</v>
      </c>
      <c r="BA281" s="53">
        <v>25645943.189999901</v>
      </c>
    </row>
    <row r="282" spans="1:53">
      <c r="A282" s="234" t="s">
        <v>1077</v>
      </c>
      <c r="B282" s="53">
        <v>49089.019186260099</v>
      </c>
      <c r="C282" s="53">
        <v>49089.019186260099</v>
      </c>
      <c r="D282" s="53">
        <v>49089.019186260099</v>
      </c>
      <c r="E282" s="53">
        <v>49089.019186260099</v>
      </c>
      <c r="F282" s="53">
        <v>49089.019186260099</v>
      </c>
      <c r="G282" s="53">
        <v>49089.019186260099</v>
      </c>
      <c r="H282" s="53">
        <v>49089.019186260099</v>
      </c>
      <c r="I282" s="53">
        <v>49089.019186260099</v>
      </c>
      <c r="J282" s="53">
        <v>49089.019186260099</v>
      </c>
      <c r="K282" s="53">
        <v>49089.019186260099</v>
      </c>
      <c r="L282" s="53">
        <v>49089.019186260099</v>
      </c>
      <c r="M282" s="53">
        <v>49089.019186260099</v>
      </c>
      <c r="N282" s="53">
        <v>589068.23023512098</v>
      </c>
      <c r="O282" s="53">
        <v>95453.432945800902</v>
      </c>
      <c r="P282" s="53">
        <v>95453.432945800902</v>
      </c>
      <c r="Q282" s="53">
        <v>95453.432945800902</v>
      </c>
      <c r="R282" s="53">
        <v>95453.432945800902</v>
      </c>
      <c r="S282" s="53">
        <v>95453.432945800902</v>
      </c>
      <c r="T282" s="53">
        <v>95453.432945800902</v>
      </c>
      <c r="U282" s="53">
        <v>95453.432945800902</v>
      </c>
      <c r="V282" s="53">
        <v>95453.432945800902</v>
      </c>
      <c r="W282" s="53">
        <v>95453.432945800902</v>
      </c>
      <c r="X282" s="53">
        <v>95453.432945800902</v>
      </c>
      <c r="Y282" s="53">
        <v>95453.432945800902</v>
      </c>
      <c r="Z282" s="53">
        <v>95453.432945800902</v>
      </c>
      <c r="AA282" s="53">
        <v>1145441.1953496099</v>
      </c>
      <c r="AB282" s="53">
        <v>145816.022093265</v>
      </c>
      <c r="AC282" s="53">
        <v>145816.022093265</v>
      </c>
      <c r="AD282" s="53">
        <v>145816.022093265</v>
      </c>
      <c r="AE282" s="53">
        <v>145816.022093265</v>
      </c>
      <c r="AF282" s="53">
        <v>145816.022093265</v>
      </c>
      <c r="AG282" s="53">
        <v>145816.022093265</v>
      </c>
      <c r="AH282" s="53">
        <v>145816.022093265</v>
      </c>
      <c r="AI282" s="53">
        <v>145816.022093265</v>
      </c>
      <c r="AJ282" s="53">
        <v>145816.022093265</v>
      </c>
      <c r="AK282" s="53">
        <v>145816.022093265</v>
      </c>
      <c r="AL282" s="53">
        <v>145816.022093265</v>
      </c>
      <c r="AM282" s="53">
        <v>145816.022093265</v>
      </c>
      <c r="AN282" s="53">
        <v>1749792.2651191801</v>
      </c>
      <c r="AO282" s="53">
        <v>207170.43794147801</v>
      </c>
      <c r="AP282" s="53">
        <v>207170.43794147801</v>
      </c>
      <c r="AQ282" s="53">
        <v>207170.43794147801</v>
      </c>
      <c r="AR282" s="53">
        <v>207170.43794147801</v>
      </c>
      <c r="AS282" s="53">
        <v>207170.43794147801</v>
      </c>
      <c r="AT282" s="53">
        <v>207170.43794147801</v>
      </c>
      <c r="AU282" s="53">
        <v>207170.43794147801</v>
      </c>
      <c r="AV282" s="53">
        <v>207170.43794147801</v>
      </c>
      <c r="AW282" s="53">
        <v>207170.43794147801</v>
      </c>
      <c r="AX282" s="53">
        <v>207170.43794147801</v>
      </c>
      <c r="AY282" s="53">
        <v>207170.43794147801</v>
      </c>
      <c r="AZ282" s="53">
        <v>207170.43794147801</v>
      </c>
      <c r="BA282" s="53">
        <v>2486045.2552977302</v>
      </c>
    </row>
    <row r="283" spans="1:53">
      <c r="A283" s="52" t="s">
        <v>1078</v>
      </c>
      <c r="B283" s="53">
        <v>0</v>
      </c>
      <c r="C283" s="53">
        <v>0</v>
      </c>
      <c r="D283" s="53">
        <v>0</v>
      </c>
      <c r="E283" s="53">
        <v>0</v>
      </c>
      <c r="F283" s="53">
        <v>0</v>
      </c>
      <c r="G283" s="53">
        <v>0</v>
      </c>
      <c r="H283" s="53">
        <v>0</v>
      </c>
      <c r="I283" s="53">
        <v>0</v>
      </c>
      <c r="J283" s="53">
        <v>0</v>
      </c>
      <c r="K283" s="53">
        <v>0</v>
      </c>
      <c r="L283" s="53">
        <v>0</v>
      </c>
      <c r="M283" s="53">
        <v>0</v>
      </c>
      <c r="N283" s="53">
        <v>0</v>
      </c>
      <c r="O283" s="53">
        <v>0</v>
      </c>
      <c r="P283" s="53">
        <v>0</v>
      </c>
      <c r="Q283" s="53">
        <v>0</v>
      </c>
      <c r="R283" s="53">
        <v>0</v>
      </c>
      <c r="S283" s="53">
        <v>0</v>
      </c>
      <c r="T283" s="53">
        <v>0</v>
      </c>
      <c r="U283" s="53">
        <v>0</v>
      </c>
      <c r="V283" s="53">
        <v>0</v>
      </c>
      <c r="W283" s="53">
        <v>0</v>
      </c>
      <c r="X283" s="53">
        <v>0</v>
      </c>
      <c r="Y283" s="53">
        <v>0</v>
      </c>
      <c r="Z283" s="53">
        <v>0</v>
      </c>
      <c r="AA283" s="53">
        <v>0</v>
      </c>
      <c r="AB283" s="53">
        <v>0</v>
      </c>
      <c r="AC283" s="53">
        <v>0</v>
      </c>
      <c r="AD283" s="53">
        <v>0</v>
      </c>
      <c r="AE283" s="53">
        <v>0</v>
      </c>
      <c r="AF283" s="53">
        <v>0</v>
      </c>
      <c r="AG283" s="53">
        <v>0</v>
      </c>
      <c r="AH283" s="53">
        <v>0</v>
      </c>
      <c r="AI283" s="53">
        <v>0</v>
      </c>
      <c r="AJ283" s="53">
        <v>0</v>
      </c>
      <c r="AK283" s="53">
        <v>0</v>
      </c>
      <c r="AL283" s="53">
        <v>0</v>
      </c>
      <c r="AM283" s="53">
        <v>0</v>
      </c>
      <c r="AN283" s="53">
        <v>0</v>
      </c>
      <c r="AO283" s="53">
        <v>0</v>
      </c>
      <c r="AP283" s="53">
        <v>0</v>
      </c>
      <c r="AQ283" s="53">
        <v>0</v>
      </c>
      <c r="AR283" s="53">
        <v>0</v>
      </c>
      <c r="AS283" s="53">
        <v>0</v>
      </c>
      <c r="AT283" s="53">
        <v>0</v>
      </c>
      <c r="AU283" s="53">
        <v>0</v>
      </c>
      <c r="AV283" s="53">
        <v>0</v>
      </c>
      <c r="AW283" s="53">
        <v>0</v>
      </c>
      <c r="AX283" s="53">
        <v>0</v>
      </c>
      <c r="AY283" s="53">
        <v>0</v>
      </c>
      <c r="AZ283" s="53">
        <v>0</v>
      </c>
      <c r="BA283" s="53">
        <v>0</v>
      </c>
    </row>
    <row r="284" spans="1:53">
      <c r="A284" s="52" t="s">
        <v>1079</v>
      </c>
      <c r="B284" s="53">
        <v>0</v>
      </c>
      <c r="C284" s="53">
        <v>0</v>
      </c>
      <c r="D284" s="53">
        <v>0</v>
      </c>
      <c r="E284" s="53">
        <v>0</v>
      </c>
      <c r="F284" s="53">
        <v>0</v>
      </c>
      <c r="G284" s="53">
        <v>0</v>
      </c>
      <c r="H284" s="53">
        <v>0</v>
      </c>
      <c r="I284" s="53">
        <v>0</v>
      </c>
      <c r="J284" s="53">
        <v>0</v>
      </c>
      <c r="K284" s="53">
        <v>0</v>
      </c>
      <c r="L284" s="53">
        <v>0</v>
      </c>
      <c r="M284" s="53">
        <v>0</v>
      </c>
      <c r="N284" s="53">
        <v>0</v>
      </c>
      <c r="O284" s="53">
        <v>0</v>
      </c>
      <c r="P284" s="53">
        <v>0</v>
      </c>
      <c r="Q284" s="53">
        <v>0</v>
      </c>
      <c r="R284" s="53">
        <v>0</v>
      </c>
      <c r="S284" s="53">
        <v>0</v>
      </c>
      <c r="T284" s="53">
        <v>0</v>
      </c>
      <c r="U284" s="53">
        <v>0</v>
      </c>
      <c r="V284" s="53">
        <v>0</v>
      </c>
      <c r="W284" s="53">
        <v>0</v>
      </c>
      <c r="X284" s="53">
        <v>0</v>
      </c>
      <c r="Y284" s="53">
        <v>0</v>
      </c>
      <c r="Z284" s="53">
        <v>0</v>
      </c>
      <c r="AA284" s="53">
        <v>0</v>
      </c>
      <c r="AB284" s="53">
        <v>0</v>
      </c>
      <c r="AC284" s="53">
        <v>0</v>
      </c>
      <c r="AD284" s="53">
        <v>0</v>
      </c>
      <c r="AE284" s="53">
        <v>0</v>
      </c>
      <c r="AF284" s="53">
        <v>0</v>
      </c>
      <c r="AG284" s="53">
        <v>0</v>
      </c>
      <c r="AH284" s="53">
        <v>0</v>
      </c>
      <c r="AI284" s="53">
        <v>0</v>
      </c>
      <c r="AJ284" s="53">
        <v>0</v>
      </c>
      <c r="AK284" s="53">
        <v>0</v>
      </c>
      <c r="AL284" s="53">
        <v>0</v>
      </c>
      <c r="AM284" s="53">
        <v>0</v>
      </c>
      <c r="AN284" s="53">
        <v>0</v>
      </c>
      <c r="AO284" s="53">
        <v>0</v>
      </c>
      <c r="AP284" s="53">
        <v>0</v>
      </c>
      <c r="AQ284" s="53">
        <v>0</v>
      </c>
      <c r="AR284" s="53">
        <v>0</v>
      </c>
      <c r="AS284" s="53">
        <v>0</v>
      </c>
      <c r="AT284" s="53">
        <v>0</v>
      </c>
      <c r="AU284" s="53">
        <v>0</v>
      </c>
      <c r="AV284" s="53">
        <v>0</v>
      </c>
      <c r="AW284" s="53">
        <v>0</v>
      </c>
      <c r="AX284" s="53">
        <v>0</v>
      </c>
      <c r="AY284" s="53">
        <v>0</v>
      </c>
      <c r="AZ284" s="53">
        <v>0</v>
      </c>
      <c r="BA284" s="53">
        <v>0</v>
      </c>
    </row>
    <row r="285" spans="1:53">
      <c r="A285" s="52" t="s">
        <v>1080</v>
      </c>
      <c r="B285" s="53">
        <v>2740575.2625195901</v>
      </c>
      <c r="C285" s="53">
        <v>1995457.2625195901</v>
      </c>
      <c r="D285" s="53">
        <v>2045394.90251959</v>
      </c>
      <c r="E285" s="53">
        <v>1944022.1025195899</v>
      </c>
      <c r="F285" s="53">
        <v>1982245.88251959</v>
      </c>
      <c r="G285" s="53">
        <v>1963922.90251959</v>
      </c>
      <c r="H285" s="53">
        <v>1766729.2425195901</v>
      </c>
      <c r="I285" s="53">
        <v>1680301.70251959</v>
      </c>
      <c r="J285" s="53">
        <v>1801169.7325195901</v>
      </c>
      <c r="K285" s="53">
        <v>1840286.3525195899</v>
      </c>
      <c r="L285" s="53">
        <v>1944510.93251959</v>
      </c>
      <c r="M285" s="53">
        <v>2188160.14251959</v>
      </c>
      <c r="N285" s="53">
        <v>23892776.420235101</v>
      </c>
      <c r="O285" s="53">
        <v>2595716.6762791299</v>
      </c>
      <c r="P285" s="53">
        <v>1988919.6762791299</v>
      </c>
      <c r="Q285" s="53">
        <v>2069021.3162791301</v>
      </c>
      <c r="R285" s="53">
        <v>1978886.51627913</v>
      </c>
      <c r="S285" s="53">
        <v>2021438.29627913</v>
      </c>
      <c r="T285" s="53">
        <v>1960608.3162791301</v>
      </c>
      <c r="U285" s="53">
        <v>1790975.6562791299</v>
      </c>
      <c r="V285" s="53">
        <v>1691080.1162791301</v>
      </c>
      <c r="W285" s="53">
        <v>1814539.1462791299</v>
      </c>
      <c r="X285" s="53">
        <v>1849405.76627913</v>
      </c>
      <c r="Y285" s="53">
        <v>1912008.3462791301</v>
      </c>
      <c r="Z285" s="53">
        <v>2222992.5562791298</v>
      </c>
      <c r="AA285" s="53">
        <v>23895592.385349602</v>
      </c>
      <c r="AB285" s="53">
        <v>2703618.2654265901</v>
      </c>
      <c r="AC285" s="53">
        <v>2096821.2654265901</v>
      </c>
      <c r="AD285" s="53">
        <v>2176922.9054265898</v>
      </c>
      <c r="AE285" s="53">
        <v>2086788.10542659</v>
      </c>
      <c r="AF285" s="53">
        <v>2129339.8854265902</v>
      </c>
      <c r="AG285" s="53">
        <v>2068509.90542659</v>
      </c>
      <c r="AH285" s="53">
        <v>1898877.2454265901</v>
      </c>
      <c r="AI285" s="53">
        <v>1798981.7054265901</v>
      </c>
      <c r="AJ285" s="53">
        <v>1922440.7354265901</v>
      </c>
      <c r="AK285" s="53">
        <v>1957307.35542659</v>
      </c>
      <c r="AL285" s="53">
        <v>2019909.93542659</v>
      </c>
      <c r="AM285" s="53">
        <v>2330894.14542659</v>
      </c>
      <c r="AN285" s="53">
        <v>25190411.455119099</v>
      </c>
      <c r="AO285" s="53">
        <v>2948749.6812748099</v>
      </c>
      <c r="AP285" s="53">
        <v>2341952.6812748099</v>
      </c>
      <c r="AQ285" s="53">
        <v>2422054.32127481</v>
      </c>
      <c r="AR285" s="53">
        <v>2331919.5212748102</v>
      </c>
      <c r="AS285" s="53">
        <v>2374471.30127481</v>
      </c>
      <c r="AT285" s="53">
        <v>2313641.32127481</v>
      </c>
      <c r="AU285" s="53">
        <v>2144008.6612748099</v>
      </c>
      <c r="AV285" s="53">
        <v>2044113.1212748101</v>
      </c>
      <c r="AW285" s="53">
        <v>2167572.1512748101</v>
      </c>
      <c r="AX285" s="53">
        <v>2202438.7712748102</v>
      </c>
      <c r="AY285" s="53">
        <v>2265041.3512748098</v>
      </c>
      <c r="AZ285" s="53">
        <v>2576025.5612748102</v>
      </c>
      <c r="BA285" s="53">
        <v>28131988.445297699</v>
      </c>
    </row>
    <row r="286" spans="1:53">
      <c r="A286" s="52" t="s">
        <v>1081</v>
      </c>
      <c r="B286" s="53"/>
      <c r="C286" s="53"/>
      <c r="D286" s="53"/>
      <c r="E286" s="53"/>
      <c r="F286" s="53"/>
      <c r="G286" s="53"/>
      <c r="H286" s="53"/>
      <c r="I286" s="53"/>
      <c r="J286" s="53"/>
      <c r="K286" s="53"/>
      <c r="L286" s="53"/>
      <c r="M286" s="53"/>
      <c r="N286" s="53"/>
      <c r="O286" s="53"/>
      <c r="P286" s="53"/>
      <c r="Q286" s="53"/>
      <c r="R286" s="53"/>
      <c r="S286" s="53"/>
      <c r="T286" s="53"/>
      <c r="U286" s="53"/>
      <c r="V286" s="53"/>
      <c r="W286" s="53"/>
      <c r="X286" s="53"/>
      <c r="Y286" s="53"/>
      <c r="Z286" s="53"/>
      <c r="AA286" s="53"/>
      <c r="AB286" s="53"/>
      <c r="AC286" s="53"/>
      <c r="AD286" s="53"/>
      <c r="AE286" s="53"/>
      <c r="AF286" s="53"/>
      <c r="AG286" s="53"/>
      <c r="AH286" s="53"/>
      <c r="AI286" s="53"/>
      <c r="AJ286" s="53"/>
      <c r="AK286" s="53"/>
      <c r="AL286" s="53"/>
      <c r="AM286" s="53"/>
      <c r="AN286" s="53"/>
      <c r="AO286" s="53"/>
      <c r="AP286" s="53"/>
      <c r="AQ286" s="53"/>
      <c r="AR286" s="53"/>
      <c r="AS286" s="53"/>
      <c r="AT286" s="53"/>
      <c r="AU286" s="53"/>
      <c r="AV286" s="53"/>
      <c r="AW286" s="53"/>
      <c r="AX286" s="53"/>
      <c r="AY286" s="53"/>
      <c r="AZ286" s="53"/>
      <c r="BA286" s="53"/>
    </row>
    <row r="287" spans="1:53">
      <c r="A287" s="52" t="s">
        <v>1082</v>
      </c>
      <c r="B287" s="53">
        <v>83764.39</v>
      </c>
      <c r="C287" s="53">
        <v>83766.36</v>
      </c>
      <c r="D287" s="53">
        <v>83783.83</v>
      </c>
      <c r="E287" s="53">
        <v>83780.679999999993</v>
      </c>
      <c r="F287" s="53">
        <v>83783.820000000007</v>
      </c>
      <c r="G287" s="53">
        <v>83786.52</v>
      </c>
      <c r="H287" s="53">
        <v>83782.080000000002</v>
      </c>
      <c r="I287" s="53">
        <v>83785.37</v>
      </c>
      <c r="J287" s="53">
        <v>83784.44</v>
      </c>
      <c r="K287" s="53">
        <v>83785.72</v>
      </c>
      <c r="L287" s="53">
        <v>83782.86</v>
      </c>
      <c r="M287" s="53">
        <v>83779.11</v>
      </c>
      <c r="N287" s="53">
        <v>1005365.18</v>
      </c>
      <c r="O287" s="53">
        <v>83764.39</v>
      </c>
      <c r="P287" s="53">
        <v>83766.36</v>
      </c>
      <c r="Q287" s="53">
        <v>83783.83</v>
      </c>
      <c r="R287" s="53">
        <v>83780.679999999993</v>
      </c>
      <c r="S287" s="53">
        <v>83783.820000000007</v>
      </c>
      <c r="T287" s="53">
        <v>83786.52</v>
      </c>
      <c r="U287" s="53">
        <v>83782.080000000002</v>
      </c>
      <c r="V287" s="53">
        <v>83785.37</v>
      </c>
      <c r="W287" s="53">
        <v>83784.44</v>
      </c>
      <c r="X287" s="53">
        <v>83785.72</v>
      </c>
      <c r="Y287" s="53">
        <v>83782.86</v>
      </c>
      <c r="Z287" s="53">
        <v>83779.11</v>
      </c>
      <c r="AA287" s="53">
        <v>1005365.18</v>
      </c>
      <c r="AB287" s="53">
        <v>83764.39</v>
      </c>
      <c r="AC287" s="53">
        <v>83766.36</v>
      </c>
      <c r="AD287" s="53">
        <v>83783.83</v>
      </c>
      <c r="AE287" s="53">
        <v>83780.679999999993</v>
      </c>
      <c r="AF287" s="53">
        <v>83783.820000000007</v>
      </c>
      <c r="AG287" s="53">
        <v>83786.52</v>
      </c>
      <c r="AH287" s="53">
        <v>83782.080000000002</v>
      </c>
      <c r="AI287" s="53">
        <v>83785.37</v>
      </c>
      <c r="AJ287" s="53">
        <v>83784.44</v>
      </c>
      <c r="AK287" s="53">
        <v>83785.72</v>
      </c>
      <c r="AL287" s="53">
        <v>83782.86</v>
      </c>
      <c r="AM287" s="53">
        <v>83779.11</v>
      </c>
      <c r="AN287" s="53">
        <v>1005365.18</v>
      </c>
      <c r="AO287" s="53">
        <v>83764.39</v>
      </c>
      <c r="AP287" s="53">
        <v>83766.36</v>
      </c>
      <c r="AQ287" s="53">
        <v>83783.83</v>
      </c>
      <c r="AR287" s="53">
        <v>83780.679999999993</v>
      </c>
      <c r="AS287" s="53">
        <v>83783.820000000007</v>
      </c>
      <c r="AT287" s="53">
        <v>83786.52</v>
      </c>
      <c r="AU287" s="53">
        <v>83782.080000000002</v>
      </c>
      <c r="AV287" s="53">
        <v>83785.37</v>
      </c>
      <c r="AW287" s="53">
        <v>83784.44</v>
      </c>
      <c r="AX287" s="53">
        <v>83785.72</v>
      </c>
      <c r="AY287" s="53">
        <v>83782.86</v>
      </c>
      <c r="AZ287" s="53">
        <v>83779.11</v>
      </c>
      <c r="BA287" s="53">
        <v>1005365.18</v>
      </c>
    </row>
    <row r="288" spans="1:53">
      <c r="A288" s="52" t="s">
        <v>1083</v>
      </c>
      <c r="B288" s="53">
        <v>2117.7913063379201</v>
      </c>
      <c r="C288" s="53">
        <v>2117.7913063379201</v>
      </c>
      <c r="D288" s="53">
        <v>2117.7913063379201</v>
      </c>
      <c r="E288" s="53">
        <v>2117.7913063379201</v>
      </c>
      <c r="F288" s="53">
        <v>2117.7913063379201</v>
      </c>
      <c r="G288" s="53">
        <v>2117.7913063379201</v>
      </c>
      <c r="H288" s="53">
        <v>2117.7913063379201</v>
      </c>
      <c r="I288" s="53">
        <v>2117.7913063379201</v>
      </c>
      <c r="J288" s="53">
        <v>2117.7913063379201</v>
      </c>
      <c r="K288" s="53">
        <v>2117.7913063379201</v>
      </c>
      <c r="L288" s="53">
        <v>2117.7913063379201</v>
      </c>
      <c r="M288" s="53">
        <v>2117.7913063379201</v>
      </c>
      <c r="N288" s="53">
        <v>25413.495676055001</v>
      </c>
      <c r="O288" s="53">
        <v>4218.2382435047502</v>
      </c>
      <c r="P288" s="53">
        <v>4218.2382435047502</v>
      </c>
      <c r="Q288" s="53">
        <v>4218.2382435047502</v>
      </c>
      <c r="R288" s="53">
        <v>4218.2382435047502</v>
      </c>
      <c r="S288" s="53">
        <v>4218.2382435047502</v>
      </c>
      <c r="T288" s="53">
        <v>4218.2382435047502</v>
      </c>
      <c r="U288" s="53">
        <v>4218.2382435047502</v>
      </c>
      <c r="V288" s="53">
        <v>4218.2382435047502</v>
      </c>
      <c r="W288" s="53">
        <v>4218.2382435047502</v>
      </c>
      <c r="X288" s="53">
        <v>4218.2382435047502</v>
      </c>
      <c r="Y288" s="53">
        <v>4218.2382435047502</v>
      </c>
      <c r="Z288" s="53">
        <v>4218.2382435047502</v>
      </c>
      <c r="AA288" s="53">
        <v>50618.858922056999</v>
      </c>
      <c r="AB288" s="53">
        <v>6254.0306683203798</v>
      </c>
      <c r="AC288" s="53">
        <v>6254.0306683203798</v>
      </c>
      <c r="AD288" s="53">
        <v>6254.0306683203798</v>
      </c>
      <c r="AE288" s="53">
        <v>6254.0306683203798</v>
      </c>
      <c r="AF288" s="53">
        <v>6254.0306683203798</v>
      </c>
      <c r="AG288" s="53">
        <v>6254.0306683203798</v>
      </c>
      <c r="AH288" s="53">
        <v>6254.0306683203798</v>
      </c>
      <c r="AI288" s="53">
        <v>6254.0306683203798</v>
      </c>
      <c r="AJ288" s="53">
        <v>6254.0306683203798</v>
      </c>
      <c r="AK288" s="53">
        <v>6254.0306683203798</v>
      </c>
      <c r="AL288" s="53">
        <v>6254.0306683203798</v>
      </c>
      <c r="AM288" s="53">
        <v>6254.0306683203798</v>
      </c>
      <c r="AN288" s="53">
        <v>75048.368019844507</v>
      </c>
      <c r="AO288" s="53">
        <v>8121.4382753888203</v>
      </c>
      <c r="AP288" s="53">
        <v>8121.4382753888203</v>
      </c>
      <c r="AQ288" s="53">
        <v>8121.4382753888203</v>
      </c>
      <c r="AR288" s="53">
        <v>8121.4382753888203</v>
      </c>
      <c r="AS288" s="53">
        <v>8121.4382753888203</v>
      </c>
      <c r="AT288" s="53">
        <v>8121.4382753888203</v>
      </c>
      <c r="AU288" s="53">
        <v>8121.4382753888203</v>
      </c>
      <c r="AV288" s="53">
        <v>8121.4382753888203</v>
      </c>
      <c r="AW288" s="53">
        <v>8121.4382753888203</v>
      </c>
      <c r="AX288" s="53">
        <v>8121.4382753888203</v>
      </c>
      <c r="AY288" s="53">
        <v>8121.4382753888203</v>
      </c>
      <c r="AZ288" s="53">
        <v>8121.4382753888203</v>
      </c>
      <c r="BA288" s="53">
        <v>97457.259304665902</v>
      </c>
    </row>
    <row r="289" spans="1:53">
      <c r="A289" s="52" t="s">
        <v>1084</v>
      </c>
      <c r="B289" s="53">
        <v>85882.181306337894</v>
      </c>
      <c r="C289" s="53">
        <v>85884.151306337895</v>
      </c>
      <c r="D289" s="53">
        <v>85901.621306337896</v>
      </c>
      <c r="E289" s="53">
        <v>85898.471306337902</v>
      </c>
      <c r="F289" s="53">
        <v>85901.611306337902</v>
      </c>
      <c r="G289" s="53">
        <v>85904.311306337899</v>
      </c>
      <c r="H289" s="53">
        <v>85899.871306337896</v>
      </c>
      <c r="I289" s="53">
        <v>85903.161306337905</v>
      </c>
      <c r="J289" s="53">
        <v>85902.231306337897</v>
      </c>
      <c r="K289" s="53">
        <v>85903.511306337896</v>
      </c>
      <c r="L289" s="53">
        <v>85900.651306337895</v>
      </c>
      <c r="M289" s="53">
        <v>85896.901306337895</v>
      </c>
      <c r="N289" s="53">
        <v>1030778.67567605</v>
      </c>
      <c r="O289" s="53">
        <v>87982.628243504703</v>
      </c>
      <c r="P289" s="53">
        <v>87984.598243504704</v>
      </c>
      <c r="Q289" s="53">
        <v>88002.068243504706</v>
      </c>
      <c r="R289" s="53">
        <v>87998.918243504697</v>
      </c>
      <c r="S289" s="53">
        <v>88002.058243504696</v>
      </c>
      <c r="T289" s="53">
        <v>88004.758243504693</v>
      </c>
      <c r="U289" s="53">
        <v>88000.318243504706</v>
      </c>
      <c r="V289" s="53">
        <v>88003.608243504699</v>
      </c>
      <c r="W289" s="53">
        <v>88002.678243504706</v>
      </c>
      <c r="X289" s="53">
        <v>88003.958243504705</v>
      </c>
      <c r="Y289" s="53">
        <v>88001.098243504704</v>
      </c>
      <c r="Z289" s="53">
        <v>87997.348243504704</v>
      </c>
      <c r="AA289" s="53">
        <v>1055984.03892205</v>
      </c>
      <c r="AB289" s="53">
        <v>90018.420668320294</v>
      </c>
      <c r="AC289" s="53">
        <v>90020.390668320295</v>
      </c>
      <c r="AD289" s="53">
        <v>90037.860668320398</v>
      </c>
      <c r="AE289" s="53">
        <v>90034.710668320302</v>
      </c>
      <c r="AF289" s="53">
        <v>90037.850668320301</v>
      </c>
      <c r="AG289" s="53">
        <v>90040.550668320298</v>
      </c>
      <c r="AH289" s="53">
        <v>90036.110668320296</v>
      </c>
      <c r="AI289" s="53">
        <v>90039.400668320304</v>
      </c>
      <c r="AJ289" s="53">
        <v>90038.470668320297</v>
      </c>
      <c r="AK289" s="53">
        <v>90039.750668320296</v>
      </c>
      <c r="AL289" s="53">
        <v>90036.890668320295</v>
      </c>
      <c r="AM289" s="53">
        <v>90033.140668320295</v>
      </c>
      <c r="AN289" s="53">
        <v>1080413.5480198399</v>
      </c>
      <c r="AO289" s="53">
        <v>91885.828275388805</v>
      </c>
      <c r="AP289" s="53">
        <v>91887.798275388806</v>
      </c>
      <c r="AQ289" s="53">
        <v>91905.268275388793</v>
      </c>
      <c r="AR289" s="53">
        <v>91902.118275388799</v>
      </c>
      <c r="AS289" s="53">
        <v>91905.258275388798</v>
      </c>
      <c r="AT289" s="53">
        <v>91907.958275388795</v>
      </c>
      <c r="AU289" s="53">
        <v>91903.518275388793</v>
      </c>
      <c r="AV289" s="53">
        <v>91906.808275388801</v>
      </c>
      <c r="AW289" s="53">
        <v>91905.878275388794</v>
      </c>
      <c r="AX289" s="53">
        <v>91907.158275388807</v>
      </c>
      <c r="AY289" s="53">
        <v>91904.298275388806</v>
      </c>
      <c r="AZ289" s="53">
        <v>91900.548275388806</v>
      </c>
      <c r="BA289" s="53">
        <v>1102822.4393046601</v>
      </c>
    </row>
    <row r="290" spans="1:53">
      <c r="A290" s="236" t="s">
        <v>1085</v>
      </c>
      <c r="B290" s="53">
        <v>4462636.8756312802</v>
      </c>
      <c r="C290" s="53">
        <v>3749758.9456312801</v>
      </c>
      <c r="D290" s="53">
        <v>3836398.7956312802</v>
      </c>
      <c r="E290" s="53">
        <v>3752084.6756312801</v>
      </c>
      <c r="F290" s="53">
        <v>3954728.3056312799</v>
      </c>
      <c r="G290" s="53">
        <v>3903843.2956312802</v>
      </c>
      <c r="H290" s="53">
        <v>3649785.5356312799</v>
      </c>
      <c r="I290" s="53">
        <v>3558075.7356312801</v>
      </c>
      <c r="J290" s="53">
        <v>3670123.2156312801</v>
      </c>
      <c r="K290" s="53">
        <v>3734675.7856312799</v>
      </c>
      <c r="L290" s="53">
        <v>3818434.86563128</v>
      </c>
      <c r="M290" s="53">
        <v>4219183.5056312801</v>
      </c>
      <c r="N290" s="53">
        <v>46309729.537575401</v>
      </c>
      <c r="O290" s="53">
        <v>4421920.8138426496</v>
      </c>
      <c r="P290" s="53">
        <v>3847363.8838426499</v>
      </c>
      <c r="Q290" s="53">
        <v>3964167.73384265</v>
      </c>
      <c r="R290" s="53">
        <v>3891091.6138426499</v>
      </c>
      <c r="S290" s="53">
        <v>4098063.2438426502</v>
      </c>
      <c r="T290" s="53">
        <v>4004671.23384265</v>
      </c>
      <c r="U290" s="53">
        <v>3778174.4738426502</v>
      </c>
      <c r="V290" s="53">
        <v>3672996.6738426499</v>
      </c>
      <c r="W290" s="53">
        <v>3787635.1538426499</v>
      </c>
      <c r="X290" s="53">
        <v>3847937.7238426502</v>
      </c>
      <c r="Y290" s="53">
        <v>3890074.8038426498</v>
      </c>
      <c r="Z290" s="53">
        <v>4358158.4438426504</v>
      </c>
      <c r="AA290" s="53">
        <v>47562255.7961118</v>
      </c>
      <c r="AB290" s="53">
        <v>4584722.9862093003</v>
      </c>
      <c r="AC290" s="53">
        <v>4010166.0562093002</v>
      </c>
      <c r="AD290" s="53">
        <v>4126969.9062092998</v>
      </c>
      <c r="AE290" s="53">
        <v>4053893.7862093002</v>
      </c>
      <c r="AF290" s="53">
        <v>4260865.4162093</v>
      </c>
      <c r="AG290" s="53">
        <v>4167473.4062092998</v>
      </c>
      <c r="AH290" s="53">
        <v>3940976.6462093</v>
      </c>
      <c r="AI290" s="53">
        <v>3835798.8462093002</v>
      </c>
      <c r="AJ290" s="53">
        <v>3950437.3262093002</v>
      </c>
      <c r="AK290" s="53">
        <v>4010739.8962093</v>
      </c>
      <c r="AL290" s="53">
        <v>4052876.9762093001</v>
      </c>
      <c r="AM290" s="53">
        <v>4520960.6162093002</v>
      </c>
      <c r="AN290" s="53">
        <v>49515881.864511602</v>
      </c>
      <c r="AO290" s="53">
        <v>4895432.1206637202</v>
      </c>
      <c r="AP290" s="53">
        <v>4320875.1906637195</v>
      </c>
      <c r="AQ290" s="53">
        <v>4437679.0406637201</v>
      </c>
      <c r="AR290" s="53">
        <v>4364602.92066372</v>
      </c>
      <c r="AS290" s="53">
        <v>4571574.5506637199</v>
      </c>
      <c r="AT290" s="53">
        <v>4478182.5406637201</v>
      </c>
      <c r="AU290" s="53">
        <v>4251685.7806637203</v>
      </c>
      <c r="AV290" s="53">
        <v>4146507.9806637201</v>
      </c>
      <c r="AW290" s="53">
        <v>4261146.46066372</v>
      </c>
      <c r="AX290" s="53">
        <v>4321449.0306637203</v>
      </c>
      <c r="AY290" s="53">
        <v>4363586.1106637204</v>
      </c>
      <c r="AZ290" s="53">
        <v>4831669.7506637201</v>
      </c>
      <c r="BA290" s="53">
        <v>53244391.477964602</v>
      </c>
    </row>
    <row r="291" spans="1:53">
      <c r="A291" s="231" t="s">
        <v>1086</v>
      </c>
      <c r="B291" s="53"/>
      <c r="C291" s="53"/>
      <c r="D291" s="53"/>
      <c r="E291" s="53"/>
      <c r="F291" s="53"/>
      <c r="G291" s="53"/>
      <c r="H291" s="53"/>
      <c r="I291" s="53"/>
      <c r="J291" s="53"/>
      <c r="K291" s="53"/>
      <c r="L291" s="53"/>
      <c r="M291" s="53"/>
      <c r="N291" s="53"/>
      <c r="O291" s="53"/>
      <c r="P291" s="53"/>
      <c r="Q291" s="53"/>
      <c r="R291" s="53"/>
      <c r="S291" s="53"/>
      <c r="T291" s="53"/>
      <c r="U291" s="53"/>
      <c r="V291" s="53"/>
      <c r="W291" s="53"/>
      <c r="X291" s="53"/>
      <c r="Y291" s="53"/>
      <c r="Z291" s="53"/>
      <c r="AA291" s="53"/>
      <c r="AB291" s="53"/>
      <c r="AC291" s="53"/>
      <c r="AD291" s="53"/>
      <c r="AE291" s="53"/>
      <c r="AF291" s="53"/>
      <c r="AG291" s="53"/>
      <c r="AH291" s="53"/>
      <c r="AI291" s="53"/>
      <c r="AJ291" s="53"/>
      <c r="AK291" s="53"/>
      <c r="AL291" s="53"/>
      <c r="AM291" s="53"/>
      <c r="AN291" s="53"/>
      <c r="AO291" s="53"/>
      <c r="AP291" s="53"/>
      <c r="AQ291" s="53"/>
      <c r="AR291" s="53"/>
      <c r="AS291" s="53"/>
      <c r="AT291" s="53"/>
      <c r="AU291" s="53"/>
      <c r="AV291" s="53"/>
      <c r="AW291" s="53"/>
      <c r="AX291" s="53"/>
      <c r="AY291" s="53"/>
      <c r="AZ291" s="53"/>
      <c r="BA291" s="53"/>
    </row>
    <row r="292" spans="1:53">
      <c r="A292" s="52" t="s">
        <v>1087</v>
      </c>
      <c r="B292" s="53"/>
      <c r="C292" s="53"/>
      <c r="D292" s="53"/>
      <c r="E292" s="53"/>
      <c r="F292" s="53"/>
      <c r="G292" s="53"/>
      <c r="H292" s="53"/>
      <c r="I292" s="53"/>
      <c r="J292" s="53"/>
      <c r="K292" s="53"/>
      <c r="L292" s="53"/>
      <c r="M292" s="53"/>
      <c r="N292" s="53"/>
      <c r="O292" s="53"/>
      <c r="P292" s="53"/>
      <c r="Q292" s="53"/>
      <c r="R292" s="53"/>
      <c r="S292" s="53"/>
      <c r="T292" s="53"/>
      <c r="U292" s="53"/>
      <c r="V292" s="53"/>
      <c r="W292" s="53"/>
      <c r="X292" s="53"/>
      <c r="Y292" s="53"/>
      <c r="Z292" s="53"/>
      <c r="AA292" s="53"/>
      <c r="AB292" s="53"/>
      <c r="AC292" s="53"/>
      <c r="AD292" s="53"/>
      <c r="AE292" s="53"/>
      <c r="AF292" s="53"/>
      <c r="AG292" s="53"/>
      <c r="AH292" s="53"/>
      <c r="AI292" s="53"/>
      <c r="AJ292" s="53"/>
      <c r="AK292" s="53"/>
      <c r="AL292" s="53"/>
      <c r="AM292" s="53"/>
      <c r="AN292" s="53"/>
      <c r="AO292" s="53"/>
      <c r="AP292" s="53"/>
      <c r="AQ292" s="53"/>
      <c r="AR292" s="53"/>
      <c r="AS292" s="53"/>
      <c r="AT292" s="53"/>
      <c r="AU292" s="53"/>
      <c r="AV292" s="53"/>
      <c r="AW292" s="53"/>
      <c r="AX292" s="53"/>
      <c r="AY292" s="53"/>
      <c r="AZ292" s="53"/>
      <c r="BA292" s="53"/>
    </row>
    <row r="293" spans="1:53">
      <c r="A293" s="52" t="s">
        <v>1088</v>
      </c>
      <c r="B293" s="53">
        <v>0</v>
      </c>
      <c r="C293" s="53">
        <v>0</v>
      </c>
      <c r="D293" s="53">
        <v>0</v>
      </c>
      <c r="E293" s="53">
        <v>0</v>
      </c>
      <c r="F293" s="53">
        <v>0</v>
      </c>
      <c r="G293" s="53">
        <v>0</v>
      </c>
      <c r="H293" s="53">
        <v>0</v>
      </c>
      <c r="I293" s="53">
        <v>0</v>
      </c>
      <c r="J293" s="53">
        <v>0</v>
      </c>
      <c r="K293" s="53">
        <v>0</v>
      </c>
      <c r="L293" s="53">
        <v>0</v>
      </c>
      <c r="M293" s="53">
        <v>0</v>
      </c>
      <c r="N293" s="53">
        <v>0</v>
      </c>
      <c r="O293" s="53">
        <v>0</v>
      </c>
      <c r="P293" s="53">
        <v>0</v>
      </c>
      <c r="Q293" s="53">
        <v>0</v>
      </c>
      <c r="R293" s="53">
        <v>0</v>
      </c>
      <c r="S293" s="53">
        <v>0</v>
      </c>
      <c r="T293" s="53">
        <v>0</v>
      </c>
      <c r="U293" s="53">
        <v>0</v>
      </c>
      <c r="V293" s="53">
        <v>0</v>
      </c>
      <c r="W293" s="53">
        <v>0</v>
      </c>
      <c r="X293" s="53">
        <v>0</v>
      </c>
      <c r="Y293" s="53">
        <v>0</v>
      </c>
      <c r="Z293" s="53">
        <v>0</v>
      </c>
      <c r="AA293" s="53">
        <v>0</v>
      </c>
      <c r="AB293" s="53">
        <v>0</v>
      </c>
      <c r="AC293" s="53">
        <v>0</v>
      </c>
      <c r="AD293" s="53">
        <v>0</v>
      </c>
      <c r="AE293" s="53">
        <v>0</v>
      </c>
      <c r="AF293" s="53">
        <v>0</v>
      </c>
      <c r="AG293" s="53">
        <v>0</v>
      </c>
      <c r="AH293" s="53">
        <v>0</v>
      </c>
      <c r="AI293" s="53">
        <v>0</v>
      </c>
      <c r="AJ293" s="53">
        <v>0</v>
      </c>
      <c r="AK293" s="53">
        <v>0</v>
      </c>
      <c r="AL293" s="53">
        <v>0</v>
      </c>
      <c r="AM293" s="53">
        <v>0</v>
      </c>
      <c r="AN293" s="53">
        <v>0</v>
      </c>
      <c r="AO293" s="53">
        <v>0</v>
      </c>
      <c r="AP293" s="53">
        <v>0</v>
      </c>
      <c r="AQ293" s="53">
        <v>0</v>
      </c>
      <c r="AR293" s="53">
        <v>0</v>
      </c>
      <c r="AS293" s="53">
        <v>0</v>
      </c>
      <c r="AT293" s="53">
        <v>0</v>
      </c>
      <c r="AU293" s="53">
        <v>0</v>
      </c>
      <c r="AV293" s="53">
        <v>0</v>
      </c>
      <c r="AW293" s="53">
        <v>0</v>
      </c>
      <c r="AX293" s="53">
        <v>0</v>
      </c>
      <c r="AY293" s="53">
        <v>0</v>
      </c>
      <c r="AZ293" s="53">
        <v>0</v>
      </c>
      <c r="BA293" s="53">
        <v>0</v>
      </c>
    </row>
    <row r="294" spans="1:53">
      <c r="A294" s="52" t="s">
        <v>1089</v>
      </c>
      <c r="B294" s="53">
        <v>0</v>
      </c>
      <c r="C294" s="53">
        <v>0</v>
      </c>
      <c r="D294" s="53">
        <v>0</v>
      </c>
      <c r="E294" s="53">
        <v>0</v>
      </c>
      <c r="F294" s="53">
        <v>0</v>
      </c>
      <c r="G294" s="53">
        <v>0</v>
      </c>
      <c r="H294" s="53">
        <v>0</v>
      </c>
      <c r="I294" s="53">
        <v>0</v>
      </c>
      <c r="J294" s="53">
        <v>0</v>
      </c>
      <c r="K294" s="53">
        <v>0</v>
      </c>
      <c r="L294" s="53">
        <v>0</v>
      </c>
      <c r="M294" s="53">
        <v>0</v>
      </c>
      <c r="N294" s="53">
        <v>0</v>
      </c>
      <c r="O294" s="53">
        <v>0</v>
      </c>
      <c r="P294" s="53">
        <v>0</v>
      </c>
      <c r="Q294" s="53">
        <v>0</v>
      </c>
      <c r="R294" s="53">
        <v>0</v>
      </c>
      <c r="S294" s="53">
        <v>0</v>
      </c>
      <c r="T294" s="53">
        <v>0</v>
      </c>
      <c r="U294" s="53">
        <v>0</v>
      </c>
      <c r="V294" s="53">
        <v>0</v>
      </c>
      <c r="W294" s="53">
        <v>0</v>
      </c>
      <c r="X294" s="53">
        <v>0</v>
      </c>
      <c r="Y294" s="53">
        <v>0</v>
      </c>
      <c r="Z294" s="53">
        <v>0</v>
      </c>
      <c r="AA294" s="53">
        <v>0</v>
      </c>
      <c r="AB294" s="53">
        <v>0</v>
      </c>
      <c r="AC294" s="53">
        <v>0</v>
      </c>
      <c r="AD294" s="53">
        <v>0</v>
      </c>
      <c r="AE294" s="53">
        <v>0</v>
      </c>
      <c r="AF294" s="53">
        <v>0</v>
      </c>
      <c r="AG294" s="53">
        <v>0</v>
      </c>
      <c r="AH294" s="53">
        <v>0</v>
      </c>
      <c r="AI294" s="53">
        <v>0</v>
      </c>
      <c r="AJ294" s="53">
        <v>0</v>
      </c>
      <c r="AK294" s="53">
        <v>0</v>
      </c>
      <c r="AL294" s="53">
        <v>0</v>
      </c>
      <c r="AM294" s="53">
        <v>0</v>
      </c>
      <c r="AN294" s="53">
        <v>0</v>
      </c>
      <c r="AO294" s="53">
        <v>0</v>
      </c>
      <c r="AP294" s="53">
        <v>0</v>
      </c>
      <c r="AQ294" s="53">
        <v>0</v>
      </c>
      <c r="AR294" s="53">
        <v>0</v>
      </c>
      <c r="AS294" s="53">
        <v>0</v>
      </c>
      <c r="AT294" s="53">
        <v>0</v>
      </c>
      <c r="AU294" s="53">
        <v>0</v>
      </c>
      <c r="AV294" s="53">
        <v>0</v>
      </c>
      <c r="AW294" s="53">
        <v>0</v>
      </c>
      <c r="AX294" s="53">
        <v>0</v>
      </c>
      <c r="AY294" s="53">
        <v>0</v>
      </c>
      <c r="AZ294" s="53">
        <v>0</v>
      </c>
      <c r="BA294" s="53">
        <v>0</v>
      </c>
    </row>
    <row r="295" spans="1:53">
      <c r="A295" s="52" t="s">
        <v>1090</v>
      </c>
      <c r="B295" s="53"/>
      <c r="C295" s="53"/>
      <c r="D295" s="53"/>
      <c r="E295" s="53"/>
      <c r="F295" s="53"/>
      <c r="G295" s="53"/>
      <c r="H295" s="53"/>
      <c r="I295" s="53"/>
      <c r="J295" s="53"/>
      <c r="K295" s="53"/>
      <c r="L295" s="53"/>
      <c r="M295" s="53"/>
      <c r="N295" s="53"/>
      <c r="O295" s="53"/>
      <c r="P295" s="53"/>
      <c r="Q295" s="53"/>
      <c r="R295" s="53"/>
      <c r="S295" s="53"/>
      <c r="T295" s="53"/>
      <c r="U295" s="53"/>
      <c r="V295" s="53"/>
      <c r="W295" s="53"/>
      <c r="X295" s="53"/>
      <c r="Y295" s="53"/>
      <c r="Z295" s="53"/>
      <c r="AA295" s="53"/>
      <c r="AB295" s="53"/>
      <c r="AC295" s="53"/>
      <c r="AD295" s="53"/>
      <c r="AE295" s="53"/>
      <c r="AF295" s="53"/>
      <c r="AG295" s="53"/>
      <c r="AH295" s="53"/>
      <c r="AI295" s="53"/>
      <c r="AJ295" s="53"/>
      <c r="AK295" s="53"/>
      <c r="AL295" s="53"/>
      <c r="AM295" s="53"/>
      <c r="AN295" s="53"/>
      <c r="AO295" s="53"/>
      <c r="AP295" s="53"/>
      <c r="AQ295" s="53"/>
      <c r="AR295" s="53"/>
      <c r="AS295" s="53"/>
      <c r="AT295" s="53"/>
      <c r="AU295" s="53"/>
      <c r="AV295" s="53"/>
      <c r="AW295" s="53"/>
      <c r="AX295" s="53"/>
      <c r="AY295" s="53"/>
      <c r="AZ295" s="53"/>
      <c r="BA295" s="53"/>
    </row>
    <row r="296" spans="1:53">
      <c r="A296" s="52" t="s">
        <v>1091</v>
      </c>
      <c r="B296" s="53">
        <v>0</v>
      </c>
      <c r="C296" s="53">
        <v>0</v>
      </c>
      <c r="D296" s="53">
        <v>0</v>
      </c>
      <c r="E296" s="53">
        <v>0</v>
      </c>
      <c r="F296" s="53">
        <v>0</v>
      </c>
      <c r="G296" s="53">
        <v>0</v>
      </c>
      <c r="H296" s="53">
        <v>0</v>
      </c>
      <c r="I296" s="53">
        <v>0</v>
      </c>
      <c r="J296" s="53">
        <v>0</v>
      </c>
      <c r="K296" s="53">
        <v>0</v>
      </c>
      <c r="L296" s="53">
        <v>0</v>
      </c>
      <c r="M296" s="53">
        <v>0</v>
      </c>
      <c r="N296" s="53">
        <v>0</v>
      </c>
      <c r="O296" s="53">
        <v>0</v>
      </c>
      <c r="P296" s="53">
        <v>0</v>
      </c>
      <c r="Q296" s="53">
        <v>0</v>
      </c>
      <c r="R296" s="53">
        <v>0</v>
      </c>
      <c r="S296" s="53">
        <v>0</v>
      </c>
      <c r="T296" s="53">
        <v>0</v>
      </c>
      <c r="U296" s="53">
        <v>0</v>
      </c>
      <c r="V296" s="53">
        <v>0</v>
      </c>
      <c r="W296" s="53">
        <v>0</v>
      </c>
      <c r="X296" s="53">
        <v>0</v>
      </c>
      <c r="Y296" s="53">
        <v>0</v>
      </c>
      <c r="Z296" s="53">
        <v>0</v>
      </c>
      <c r="AA296" s="53">
        <v>0</v>
      </c>
      <c r="AB296" s="53">
        <v>0</v>
      </c>
      <c r="AC296" s="53">
        <v>0</v>
      </c>
      <c r="AD296" s="53">
        <v>0</v>
      </c>
      <c r="AE296" s="53">
        <v>0</v>
      </c>
      <c r="AF296" s="53">
        <v>0</v>
      </c>
      <c r="AG296" s="53">
        <v>0</v>
      </c>
      <c r="AH296" s="53">
        <v>0</v>
      </c>
      <c r="AI296" s="53">
        <v>0</v>
      </c>
      <c r="AJ296" s="53">
        <v>0</v>
      </c>
      <c r="AK296" s="53">
        <v>0</v>
      </c>
      <c r="AL296" s="53">
        <v>0</v>
      </c>
      <c r="AM296" s="53">
        <v>0</v>
      </c>
      <c r="AN296" s="53">
        <v>0</v>
      </c>
      <c r="AO296" s="53">
        <v>0</v>
      </c>
      <c r="AP296" s="53">
        <v>0</v>
      </c>
      <c r="AQ296" s="53">
        <v>0</v>
      </c>
      <c r="AR296" s="53">
        <v>0</v>
      </c>
      <c r="AS296" s="53">
        <v>0</v>
      </c>
      <c r="AT296" s="53">
        <v>0</v>
      </c>
      <c r="AU296" s="53">
        <v>0</v>
      </c>
      <c r="AV296" s="53">
        <v>0</v>
      </c>
      <c r="AW296" s="53">
        <v>0</v>
      </c>
      <c r="AX296" s="53">
        <v>0</v>
      </c>
      <c r="AY296" s="53">
        <v>0</v>
      </c>
      <c r="AZ296" s="53">
        <v>0</v>
      </c>
      <c r="BA296" s="53">
        <v>0</v>
      </c>
    </row>
    <row r="297" spans="1:53">
      <c r="A297" s="52" t="s">
        <v>1092</v>
      </c>
      <c r="B297" s="53">
        <v>0</v>
      </c>
      <c r="C297" s="53">
        <v>0</v>
      </c>
      <c r="D297" s="53">
        <v>0</v>
      </c>
      <c r="E297" s="53">
        <v>0</v>
      </c>
      <c r="F297" s="53">
        <v>0</v>
      </c>
      <c r="G297" s="53">
        <v>0</v>
      </c>
      <c r="H297" s="53">
        <v>0</v>
      </c>
      <c r="I297" s="53">
        <v>0</v>
      </c>
      <c r="J297" s="53">
        <v>0</v>
      </c>
      <c r="K297" s="53">
        <v>0</v>
      </c>
      <c r="L297" s="53">
        <v>0</v>
      </c>
      <c r="M297" s="53">
        <v>0</v>
      </c>
      <c r="N297" s="53">
        <v>0</v>
      </c>
      <c r="O297" s="53">
        <v>0</v>
      </c>
      <c r="P297" s="53">
        <v>0</v>
      </c>
      <c r="Q297" s="53">
        <v>0</v>
      </c>
      <c r="R297" s="53">
        <v>0</v>
      </c>
      <c r="S297" s="53">
        <v>0</v>
      </c>
      <c r="T297" s="53">
        <v>0</v>
      </c>
      <c r="U297" s="53">
        <v>0</v>
      </c>
      <c r="V297" s="53">
        <v>0</v>
      </c>
      <c r="W297" s="53">
        <v>0</v>
      </c>
      <c r="X297" s="53">
        <v>0</v>
      </c>
      <c r="Y297" s="53">
        <v>0</v>
      </c>
      <c r="Z297" s="53">
        <v>0</v>
      </c>
      <c r="AA297" s="53">
        <v>0</v>
      </c>
      <c r="AB297" s="53">
        <v>0</v>
      </c>
      <c r="AC297" s="53">
        <v>0</v>
      </c>
      <c r="AD297" s="53">
        <v>0</v>
      </c>
      <c r="AE297" s="53">
        <v>0</v>
      </c>
      <c r="AF297" s="53">
        <v>0</v>
      </c>
      <c r="AG297" s="53">
        <v>0</v>
      </c>
      <c r="AH297" s="53">
        <v>0</v>
      </c>
      <c r="AI297" s="53">
        <v>0</v>
      </c>
      <c r="AJ297" s="53">
        <v>0</v>
      </c>
      <c r="AK297" s="53">
        <v>0</v>
      </c>
      <c r="AL297" s="53">
        <v>0</v>
      </c>
      <c r="AM297" s="53">
        <v>0</v>
      </c>
      <c r="AN297" s="53">
        <v>0</v>
      </c>
      <c r="AO297" s="53">
        <v>0</v>
      </c>
      <c r="AP297" s="53">
        <v>0</v>
      </c>
      <c r="AQ297" s="53">
        <v>0</v>
      </c>
      <c r="AR297" s="53">
        <v>0</v>
      </c>
      <c r="AS297" s="53">
        <v>0</v>
      </c>
      <c r="AT297" s="53">
        <v>0</v>
      </c>
      <c r="AU297" s="53">
        <v>0</v>
      </c>
      <c r="AV297" s="53">
        <v>0</v>
      </c>
      <c r="AW297" s="53">
        <v>0</v>
      </c>
      <c r="AX297" s="53">
        <v>0</v>
      </c>
      <c r="AY297" s="53">
        <v>0</v>
      </c>
      <c r="AZ297" s="53">
        <v>0</v>
      </c>
      <c r="BA297" s="53">
        <v>0</v>
      </c>
    </row>
    <row r="298" spans="1:53">
      <c r="A298" s="52" t="s">
        <v>1093</v>
      </c>
      <c r="B298" s="53">
        <v>0</v>
      </c>
      <c r="C298" s="53">
        <v>0</v>
      </c>
      <c r="D298" s="53">
        <v>0</v>
      </c>
      <c r="E298" s="53">
        <v>0</v>
      </c>
      <c r="F298" s="53">
        <v>0</v>
      </c>
      <c r="G298" s="53">
        <v>0</v>
      </c>
      <c r="H298" s="53">
        <v>0</v>
      </c>
      <c r="I298" s="53">
        <v>0</v>
      </c>
      <c r="J298" s="53">
        <v>0</v>
      </c>
      <c r="K298" s="53">
        <v>0</v>
      </c>
      <c r="L298" s="53">
        <v>0</v>
      </c>
      <c r="M298" s="53">
        <v>0</v>
      </c>
      <c r="N298" s="53">
        <v>0</v>
      </c>
      <c r="O298" s="53">
        <v>0</v>
      </c>
      <c r="P298" s="53">
        <v>0</v>
      </c>
      <c r="Q298" s="53">
        <v>0</v>
      </c>
      <c r="R298" s="53">
        <v>0</v>
      </c>
      <c r="S298" s="53">
        <v>0</v>
      </c>
      <c r="T298" s="53">
        <v>0</v>
      </c>
      <c r="U298" s="53">
        <v>0</v>
      </c>
      <c r="V298" s="53">
        <v>0</v>
      </c>
      <c r="W298" s="53">
        <v>0</v>
      </c>
      <c r="X298" s="53">
        <v>0</v>
      </c>
      <c r="Y298" s="53">
        <v>0</v>
      </c>
      <c r="Z298" s="53">
        <v>0</v>
      </c>
      <c r="AA298" s="53">
        <v>0</v>
      </c>
      <c r="AB298" s="53">
        <v>0</v>
      </c>
      <c r="AC298" s="53">
        <v>0</v>
      </c>
      <c r="AD298" s="53">
        <v>0</v>
      </c>
      <c r="AE298" s="53">
        <v>0</v>
      </c>
      <c r="AF298" s="53">
        <v>0</v>
      </c>
      <c r="AG298" s="53">
        <v>0</v>
      </c>
      <c r="AH298" s="53">
        <v>0</v>
      </c>
      <c r="AI298" s="53">
        <v>0</v>
      </c>
      <c r="AJ298" s="53">
        <v>0</v>
      </c>
      <c r="AK298" s="53">
        <v>0</v>
      </c>
      <c r="AL298" s="53">
        <v>0</v>
      </c>
      <c r="AM298" s="53">
        <v>0</v>
      </c>
      <c r="AN298" s="53">
        <v>0</v>
      </c>
      <c r="AO298" s="53">
        <v>0</v>
      </c>
      <c r="AP298" s="53">
        <v>0</v>
      </c>
      <c r="AQ298" s="53">
        <v>0</v>
      </c>
      <c r="AR298" s="53">
        <v>0</v>
      </c>
      <c r="AS298" s="53">
        <v>0</v>
      </c>
      <c r="AT298" s="53">
        <v>0</v>
      </c>
      <c r="AU298" s="53">
        <v>0</v>
      </c>
      <c r="AV298" s="53">
        <v>0</v>
      </c>
      <c r="AW298" s="53">
        <v>0</v>
      </c>
      <c r="AX298" s="53">
        <v>0</v>
      </c>
      <c r="AY298" s="53">
        <v>0</v>
      </c>
      <c r="AZ298" s="53">
        <v>0</v>
      </c>
      <c r="BA298" s="53">
        <v>0</v>
      </c>
    </row>
    <row r="299" spans="1:53">
      <c r="A299" s="52" t="s">
        <v>1094</v>
      </c>
      <c r="B299" s="53"/>
      <c r="C299" s="53"/>
      <c r="D299" s="53"/>
      <c r="E299" s="53"/>
      <c r="F299" s="53"/>
      <c r="G299" s="53"/>
      <c r="H299" s="53"/>
      <c r="I299" s="53"/>
      <c r="J299" s="53"/>
      <c r="K299" s="53"/>
      <c r="L299" s="53"/>
      <c r="M299" s="53"/>
      <c r="N299" s="53"/>
      <c r="O299" s="53"/>
      <c r="P299" s="53"/>
      <c r="Q299" s="53"/>
      <c r="R299" s="53"/>
      <c r="S299" s="53"/>
      <c r="T299" s="53"/>
      <c r="U299" s="53"/>
      <c r="V299" s="53"/>
      <c r="W299" s="53"/>
      <c r="X299" s="53"/>
      <c r="Y299" s="53"/>
      <c r="Z299" s="53"/>
      <c r="AA299" s="53"/>
      <c r="AB299" s="53"/>
      <c r="AC299" s="53"/>
      <c r="AD299" s="53"/>
      <c r="AE299" s="53"/>
      <c r="AF299" s="53"/>
      <c r="AG299" s="53"/>
      <c r="AH299" s="53"/>
      <c r="AI299" s="53"/>
      <c r="AJ299" s="53"/>
      <c r="AK299" s="53"/>
      <c r="AL299" s="53"/>
      <c r="AM299" s="53"/>
      <c r="AN299" s="53"/>
      <c r="AO299" s="53"/>
      <c r="AP299" s="53"/>
      <c r="AQ299" s="53"/>
      <c r="AR299" s="53"/>
      <c r="AS299" s="53"/>
      <c r="AT299" s="53"/>
      <c r="AU299" s="53"/>
      <c r="AV299" s="53"/>
      <c r="AW299" s="53"/>
      <c r="AX299" s="53"/>
      <c r="AY299" s="53"/>
      <c r="AZ299" s="53"/>
      <c r="BA299" s="53"/>
    </row>
    <row r="300" spans="1:53">
      <c r="A300" s="52" t="s">
        <v>1095</v>
      </c>
      <c r="B300" s="53">
        <v>12138.23</v>
      </c>
      <c r="C300" s="53">
        <v>20909.95</v>
      </c>
      <c r="D300" s="53">
        <v>18780.319999999901</v>
      </c>
      <c r="E300" s="53">
        <v>21928.51</v>
      </c>
      <c r="F300" s="53">
        <v>17263.659999999902</v>
      </c>
      <c r="G300" s="53">
        <v>43822.479999999901</v>
      </c>
      <c r="H300" s="53">
        <v>21653.77</v>
      </c>
      <c r="I300" s="53">
        <v>15138.609999999901</v>
      </c>
      <c r="J300" s="53">
        <v>18031.75</v>
      </c>
      <c r="K300" s="53">
        <v>17532.62</v>
      </c>
      <c r="L300" s="53">
        <v>16944.019999999899</v>
      </c>
      <c r="M300" s="53">
        <v>15771.74</v>
      </c>
      <c r="N300" s="53">
        <v>239915.66</v>
      </c>
      <c r="O300" s="53">
        <v>12138.23</v>
      </c>
      <c r="P300" s="53">
        <v>20909.95</v>
      </c>
      <c r="Q300" s="53">
        <v>18780.319999999901</v>
      </c>
      <c r="R300" s="53">
        <v>21928.51</v>
      </c>
      <c r="S300" s="53">
        <v>17263.659999999902</v>
      </c>
      <c r="T300" s="53">
        <v>43822.479999999901</v>
      </c>
      <c r="U300" s="53">
        <v>21653.77</v>
      </c>
      <c r="V300" s="53">
        <v>15138.609999999901</v>
      </c>
      <c r="W300" s="53">
        <v>18031.75</v>
      </c>
      <c r="X300" s="53">
        <v>17532.62</v>
      </c>
      <c r="Y300" s="53">
        <v>16944.019999999899</v>
      </c>
      <c r="Z300" s="53">
        <v>15771.74</v>
      </c>
      <c r="AA300" s="53">
        <v>239915.66</v>
      </c>
      <c r="AB300" s="53">
        <v>12138.23</v>
      </c>
      <c r="AC300" s="53">
        <v>20909.95</v>
      </c>
      <c r="AD300" s="53">
        <v>18780.319999999901</v>
      </c>
      <c r="AE300" s="53">
        <v>21928.51</v>
      </c>
      <c r="AF300" s="53">
        <v>17263.659999999902</v>
      </c>
      <c r="AG300" s="53">
        <v>43822.479999999901</v>
      </c>
      <c r="AH300" s="53">
        <v>21653.77</v>
      </c>
      <c r="AI300" s="53">
        <v>15138.609999999901</v>
      </c>
      <c r="AJ300" s="53">
        <v>18031.75</v>
      </c>
      <c r="AK300" s="53">
        <v>17532.62</v>
      </c>
      <c r="AL300" s="53">
        <v>16944.019999999899</v>
      </c>
      <c r="AM300" s="53">
        <v>15771.74</v>
      </c>
      <c r="AN300" s="53">
        <v>239915.66</v>
      </c>
      <c r="AO300" s="53">
        <v>12138.23</v>
      </c>
      <c r="AP300" s="53">
        <v>20909.95</v>
      </c>
      <c r="AQ300" s="53">
        <v>18780.319999999901</v>
      </c>
      <c r="AR300" s="53">
        <v>21928.51</v>
      </c>
      <c r="AS300" s="53">
        <v>17263.659999999902</v>
      </c>
      <c r="AT300" s="53">
        <v>43822.479999999901</v>
      </c>
      <c r="AU300" s="53">
        <v>21653.77</v>
      </c>
      <c r="AV300" s="53">
        <v>15138.609999999901</v>
      </c>
      <c r="AW300" s="53">
        <v>18031.75</v>
      </c>
      <c r="AX300" s="53">
        <v>17532.62</v>
      </c>
      <c r="AY300" s="53">
        <v>16944.019999999899</v>
      </c>
      <c r="AZ300" s="53">
        <v>15771.74</v>
      </c>
      <c r="BA300" s="53">
        <v>239915.66</v>
      </c>
    </row>
    <row r="301" spans="1:53">
      <c r="A301" s="52" t="s">
        <v>1096</v>
      </c>
      <c r="B301" s="53">
        <v>0</v>
      </c>
      <c r="C301" s="53">
        <v>0</v>
      </c>
      <c r="D301" s="53">
        <v>0</v>
      </c>
      <c r="E301" s="53">
        <v>0</v>
      </c>
      <c r="F301" s="53">
        <v>0</v>
      </c>
      <c r="G301" s="53">
        <v>0</v>
      </c>
      <c r="H301" s="53">
        <v>0</v>
      </c>
      <c r="I301" s="53">
        <v>0</v>
      </c>
      <c r="J301" s="53">
        <v>0</v>
      </c>
      <c r="K301" s="53">
        <v>0</v>
      </c>
      <c r="L301" s="53">
        <v>0</v>
      </c>
      <c r="M301" s="53">
        <v>0</v>
      </c>
      <c r="N301" s="53">
        <v>0</v>
      </c>
      <c r="O301" s="53">
        <v>0</v>
      </c>
      <c r="P301" s="53">
        <v>0</v>
      </c>
      <c r="Q301" s="53">
        <v>0</v>
      </c>
      <c r="R301" s="53">
        <v>0</v>
      </c>
      <c r="S301" s="53">
        <v>0</v>
      </c>
      <c r="T301" s="53">
        <v>0</v>
      </c>
      <c r="U301" s="53">
        <v>0</v>
      </c>
      <c r="V301" s="53">
        <v>0</v>
      </c>
      <c r="W301" s="53">
        <v>0</v>
      </c>
      <c r="X301" s="53">
        <v>0</v>
      </c>
      <c r="Y301" s="53">
        <v>0</v>
      </c>
      <c r="Z301" s="53">
        <v>0</v>
      </c>
      <c r="AA301" s="53">
        <v>0</v>
      </c>
      <c r="AB301" s="53">
        <v>0</v>
      </c>
      <c r="AC301" s="53">
        <v>0</v>
      </c>
      <c r="AD301" s="53">
        <v>0</v>
      </c>
      <c r="AE301" s="53">
        <v>0</v>
      </c>
      <c r="AF301" s="53">
        <v>0</v>
      </c>
      <c r="AG301" s="53">
        <v>0</v>
      </c>
      <c r="AH301" s="53">
        <v>0</v>
      </c>
      <c r="AI301" s="53">
        <v>0</v>
      </c>
      <c r="AJ301" s="53">
        <v>0</v>
      </c>
      <c r="AK301" s="53">
        <v>0</v>
      </c>
      <c r="AL301" s="53">
        <v>0</v>
      </c>
      <c r="AM301" s="53">
        <v>0</v>
      </c>
      <c r="AN301" s="53">
        <v>0</v>
      </c>
      <c r="AO301" s="53">
        <v>0</v>
      </c>
      <c r="AP301" s="53">
        <v>0</v>
      </c>
      <c r="AQ301" s="53">
        <v>0</v>
      </c>
      <c r="AR301" s="53">
        <v>0</v>
      </c>
      <c r="AS301" s="53">
        <v>0</v>
      </c>
      <c r="AT301" s="53">
        <v>0</v>
      </c>
      <c r="AU301" s="53">
        <v>0</v>
      </c>
      <c r="AV301" s="53">
        <v>0</v>
      </c>
      <c r="AW301" s="53">
        <v>0</v>
      </c>
      <c r="AX301" s="53">
        <v>0</v>
      </c>
      <c r="AY301" s="53">
        <v>0</v>
      </c>
      <c r="AZ301" s="53">
        <v>0</v>
      </c>
      <c r="BA301" s="53">
        <v>0</v>
      </c>
    </row>
    <row r="302" spans="1:53">
      <c r="A302" s="52" t="s">
        <v>1097</v>
      </c>
      <c r="B302" s="53">
        <v>173450.97999999899</v>
      </c>
      <c r="C302" s="53">
        <v>286552.52</v>
      </c>
      <c r="D302" s="53">
        <v>248928.07</v>
      </c>
      <c r="E302" s="53">
        <v>290191.61</v>
      </c>
      <c r="F302" s="53">
        <v>278731.7</v>
      </c>
      <c r="G302" s="53">
        <v>252368.28</v>
      </c>
      <c r="H302" s="53">
        <v>133812.54999999999</v>
      </c>
      <c r="I302" s="53">
        <v>95022.53</v>
      </c>
      <c r="J302" s="53">
        <v>89597.14</v>
      </c>
      <c r="K302" s="53">
        <v>147360.97999999899</v>
      </c>
      <c r="L302" s="53">
        <v>212084</v>
      </c>
      <c r="M302" s="53">
        <v>226353.17</v>
      </c>
      <c r="N302" s="53">
        <v>2434453.5299999998</v>
      </c>
      <c r="O302" s="53">
        <v>173450.97999999899</v>
      </c>
      <c r="P302" s="53">
        <v>286552.52</v>
      </c>
      <c r="Q302" s="53">
        <v>248928.07</v>
      </c>
      <c r="R302" s="53">
        <v>290191.61</v>
      </c>
      <c r="S302" s="53">
        <v>278731.7</v>
      </c>
      <c r="T302" s="53">
        <v>252368.28</v>
      </c>
      <c r="U302" s="53">
        <v>133812.54999999999</v>
      </c>
      <c r="V302" s="53">
        <v>95022.53</v>
      </c>
      <c r="W302" s="53">
        <v>89597.14</v>
      </c>
      <c r="X302" s="53">
        <v>147360.97999999899</v>
      </c>
      <c r="Y302" s="53">
        <v>212084</v>
      </c>
      <c r="Z302" s="53">
        <v>226353.17</v>
      </c>
      <c r="AA302" s="53">
        <v>2434453.5299999998</v>
      </c>
      <c r="AB302" s="53">
        <v>173450.97999999899</v>
      </c>
      <c r="AC302" s="53">
        <v>286552.52</v>
      </c>
      <c r="AD302" s="53">
        <v>248928.07</v>
      </c>
      <c r="AE302" s="53">
        <v>290191.61</v>
      </c>
      <c r="AF302" s="53">
        <v>278731.7</v>
      </c>
      <c r="AG302" s="53">
        <v>252368.28</v>
      </c>
      <c r="AH302" s="53">
        <v>133812.54999999999</v>
      </c>
      <c r="AI302" s="53">
        <v>95022.53</v>
      </c>
      <c r="AJ302" s="53">
        <v>89597.14</v>
      </c>
      <c r="AK302" s="53">
        <v>147360.97999999899</v>
      </c>
      <c r="AL302" s="53">
        <v>212084</v>
      </c>
      <c r="AM302" s="53">
        <v>226353.17</v>
      </c>
      <c r="AN302" s="53">
        <v>2434453.5299999998</v>
      </c>
      <c r="AO302" s="53">
        <v>173450.97999999899</v>
      </c>
      <c r="AP302" s="53">
        <v>286552.52</v>
      </c>
      <c r="AQ302" s="53">
        <v>248928.07</v>
      </c>
      <c r="AR302" s="53">
        <v>290191.61</v>
      </c>
      <c r="AS302" s="53">
        <v>278731.7</v>
      </c>
      <c r="AT302" s="53">
        <v>252368.28</v>
      </c>
      <c r="AU302" s="53">
        <v>133812.54999999999</v>
      </c>
      <c r="AV302" s="53">
        <v>95022.53</v>
      </c>
      <c r="AW302" s="53">
        <v>89597.14</v>
      </c>
      <c r="AX302" s="53">
        <v>147360.97999999899</v>
      </c>
      <c r="AY302" s="53">
        <v>212084</v>
      </c>
      <c r="AZ302" s="53">
        <v>226353.17</v>
      </c>
      <c r="BA302" s="53">
        <v>2434453.5299999998</v>
      </c>
    </row>
    <row r="303" spans="1:53">
      <c r="A303" s="52" t="s">
        <v>1098</v>
      </c>
      <c r="B303" s="53">
        <v>185589.21</v>
      </c>
      <c r="C303" s="53">
        <v>307462.46999999997</v>
      </c>
      <c r="D303" s="53">
        <v>267708.39</v>
      </c>
      <c r="E303" s="53">
        <v>312120.12</v>
      </c>
      <c r="F303" s="53">
        <v>295995.36</v>
      </c>
      <c r="G303" s="53">
        <v>296190.76</v>
      </c>
      <c r="H303" s="53">
        <v>155466.32</v>
      </c>
      <c r="I303" s="53">
        <v>110161.14</v>
      </c>
      <c r="J303" s="53">
        <v>107628.89</v>
      </c>
      <c r="K303" s="53">
        <v>164893.6</v>
      </c>
      <c r="L303" s="53">
        <v>229028.02</v>
      </c>
      <c r="M303" s="53">
        <v>242124.91</v>
      </c>
      <c r="N303" s="53">
        <v>2674369.19</v>
      </c>
      <c r="O303" s="53">
        <v>185589.21</v>
      </c>
      <c r="P303" s="53">
        <v>307462.46999999997</v>
      </c>
      <c r="Q303" s="53">
        <v>267708.39</v>
      </c>
      <c r="R303" s="53">
        <v>312120.12</v>
      </c>
      <c r="S303" s="53">
        <v>295995.36</v>
      </c>
      <c r="T303" s="53">
        <v>296190.76</v>
      </c>
      <c r="U303" s="53">
        <v>155466.32</v>
      </c>
      <c r="V303" s="53">
        <v>110161.14</v>
      </c>
      <c r="W303" s="53">
        <v>107628.89</v>
      </c>
      <c r="X303" s="53">
        <v>164893.6</v>
      </c>
      <c r="Y303" s="53">
        <v>229028.02</v>
      </c>
      <c r="Z303" s="53">
        <v>242124.91</v>
      </c>
      <c r="AA303" s="53">
        <v>2674369.19</v>
      </c>
      <c r="AB303" s="53">
        <v>185589.21</v>
      </c>
      <c r="AC303" s="53">
        <v>307462.46999999997</v>
      </c>
      <c r="AD303" s="53">
        <v>267708.39</v>
      </c>
      <c r="AE303" s="53">
        <v>312120.12</v>
      </c>
      <c r="AF303" s="53">
        <v>295995.36</v>
      </c>
      <c r="AG303" s="53">
        <v>296190.76</v>
      </c>
      <c r="AH303" s="53">
        <v>155466.32</v>
      </c>
      <c r="AI303" s="53">
        <v>110161.14</v>
      </c>
      <c r="AJ303" s="53">
        <v>107628.89</v>
      </c>
      <c r="AK303" s="53">
        <v>164893.6</v>
      </c>
      <c r="AL303" s="53">
        <v>229028.02</v>
      </c>
      <c r="AM303" s="53">
        <v>242124.91</v>
      </c>
      <c r="AN303" s="53">
        <v>2674369.19</v>
      </c>
      <c r="AO303" s="53">
        <v>185589.21</v>
      </c>
      <c r="AP303" s="53">
        <v>307462.46999999997</v>
      </c>
      <c r="AQ303" s="53">
        <v>267708.39</v>
      </c>
      <c r="AR303" s="53">
        <v>312120.12</v>
      </c>
      <c r="AS303" s="53">
        <v>295995.36</v>
      </c>
      <c r="AT303" s="53">
        <v>296190.76</v>
      </c>
      <c r="AU303" s="53">
        <v>155466.32</v>
      </c>
      <c r="AV303" s="53">
        <v>110161.14</v>
      </c>
      <c r="AW303" s="53">
        <v>107628.89</v>
      </c>
      <c r="AX303" s="53">
        <v>164893.6</v>
      </c>
      <c r="AY303" s="53">
        <v>229028.02</v>
      </c>
      <c r="AZ303" s="53">
        <v>242124.91</v>
      </c>
      <c r="BA303" s="53">
        <v>2674369.19</v>
      </c>
    </row>
    <row r="304" spans="1:53">
      <c r="A304" s="52" t="s">
        <v>1099</v>
      </c>
      <c r="B304" s="53"/>
      <c r="C304" s="53"/>
      <c r="D304" s="53"/>
      <c r="E304" s="53"/>
      <c r="F304" s="53"/>
      <c r="G304" s="53"/>
      <c r="H304" s="53"/>
      <c r="I304" s="53"/>
      <c r="J304" s="53"/>
      <c r="K304" s="53"/>
      <c r="L304" s="53"/>
      <c r="M304" s="53"/>
      <c r="N304" s="53"/>
      <c r="O304" s="53"/>
      <c r="P304" s="53"/>
      <c r="Q304" s="53"/>
      <c r="R304" s="53"/>
      <c r="S304" s="53"/>
      <c r="T304" s="53"/>
      <c r="U304" s="53"/>
      <c r="V304" s="53"/>
      <c r="W304" s="53"/>
      <c r="X304" s="53"/>
      <c r="Y304" s="53"/>
      <c r="Z304" s="53"/>
      <c r="AA304" s="53"/>
      <c r="AB304" s="53"/>
      <c r="AC304" s="53"/>
      <c r="AD304" s="53"/>
      <c r="AE304" s="53"/>
      <c r="AF304" s="53"/>
      <c r="AG304" s="53"/>
      <c r="AH304" s="53"/>
      <c r="AI304" s="53"/>
      <c r="AJ304" s="53"/>
      <c r="AK304" s="53"/>
      <c r="AL304" s="53"/>
      <c r="AM304" s="53"/>
      <c r="AN304" s="53"/>
      <c r="AO304" s="53"/>
      <c r="AP304" s="53"/>
      <c r="AQ304" s="53"/>
      <c r="AR304" s="53"/>
      <c r="AS304" s="53"/>
      <c r="AT304" s="53"/>
      <c r="AU304" s="53"/>
      <c r="AV304" s="53"/>
      <c r="AW304" s="53"/>
      <c r="AX304" s="53"/>
      <c r="AY304" s="53"/>
      <c r="AZ304" s="53"/>
      <c r="BA304" s="53"/>
    </row>
    <row r="305" spans="1:53">
      <c r="A305" s="52" t="s">
        <v>1100</v>
      </c>
      <c r="B305" s="53">
        <v>1155870.44</v>
      </c>
      <c r="C305" s="53">
        <v>1295706.79999999</v>
      </c>
      <c r="D305" s="53">
        <v>1410269.55</v>
      </c>
      <c r="E305" s="53">
        <v>1377004.71999999</v>
      </c>
      <c r="F305" s="53">
        <v>1374227.93</v>
      </c>
      <c r="G305" s="53">
        <v>1626720.96999999</v>
      </c>
      <c r="H305" s="53">
        <v>1394452.8199999901</v>
      </c>
      <c r="I305" s="53">
        <v>1437581.76999999</v>
      </c>
      <c r="J305" s="53">
        <v>1683743.43</v>
      </c>
      <c r="K305" s="53">
        <v>1501587.46999999</v>
      </c>
      <c r="L305" s="53">
        <v>1402915.42</v>
      </c>
      <c r="M305" s="53">
        <v>1485505.25</v>
      </c>
      <c r="N305" s="53">
        <v>17145586.57</v>
      </c>
      <c r="O305" s="53">
        <v>1155870.44</v>
      </c>
      <c r="P305" s="53">
        <v>1295706.79999999</v>
      </c>
      <c r="Q305" s="53">
        <v>1410269.54999999</v>
      </c>
      <c r="R305" s="53">
        <v>1377004.71999999</v>
      </c>
      <c r="S305" s="53">
        <v>1374227.93</v>
      </c>
      <c r="T305" s="53">
        <v>1626720.96999999</v>
      </c>
      <c r="U305" s="53">
        <v>1394452.8199999901</v>
      </c>
      <c r="V305" s="53">
        <v>1437581.76999999</v>
      </c>
      <c r="W305" s="53">
        <v>1683743.43</v>
      </c>
      <c r="X305" s="53">
        <v>1501587.46999999</v>
      </c>
      <c r="Y305" s="53">
        <v>1402915.42</v>
      </c>
      <c r="Z305" s="53">
        <v>1485505.25</v>
      </c>
      <c r="AA305" s="53">
        <v>17145586.57</v>
      </c>
      <c r="AB305" s="53">
        <v>1155870.44</v>
      </c>
      <c r="AC305" s="53">
        <v>1295706.79999999</v>
      </c>
      <c r="AD305" s="53">
        <v>1410269.55</v>
      </c>
      <c r="AE305" s="53">
        <v>1377004.71999999</v>
      </c>
      <c r="AF305" s="53">
        <v>1374227.93</v>
      </c>
      <c r="AG305" s="53">
        <v>1626720.96999999</v>
      </c>
      <c r="AH305" s="53">
        <v>1394452.8199999901</v>
      </c>
      <c r="AI305" s="53">
        <v>1437581.76999999</v>
      </c>
      <c r="AJ305" s="53">
        <v>1683743.43</v>
      </c>
      <c r="AK305" s="53">
        <v>1501587.46999999</v>
      </c>
      <c r="AL305" s="53">
        <v>1402915.42</v>
      </c>
      <c r="AM305" s="53">
        <v>1485505.25</v>
      </c>
      <c r="AN305" s="53">
        <v>17145586.57</v>
      </c>
      <c r="AO305" s="53">
        <v>1155870.44</v>
      </c>
      <c r="AP305" s="53">
        <v>1295706.79999999</v>
      </c>
      <c r="AQ305" s="53">
        <v>1410269.55</v>
      </c>
      <c r="AR305" s="53">
        <v>1377004.71999999</v>
      </c>
      <c r="AS305" s="53">
        <v>1374227.93</v>
      </c>
      <c r="AT305" s="53">
        <v>1626720.96999999</v>
      </c>
      <c r="AU305" s="53">
        <v>1394452.8199999901</v>
      </c>
      <c r="AV305" s="53">
        <v>1437581.76999999</v>
      </c>
      <c r="AW305" s="53">
        <v>1683743.43</v>
      </c>
      <c r="AX305" s="53">
        <v>1501587.46999999</v>
      </c>
      <c r="AY305" s="53">
        <v>1402915.42</v>
      </c>
      <c r="AZ305" s="53">
        <v>1485505.25</v>
      </c>
      <c r="BA305" s="53">
        <v>17145586.57</v>
      </c>
    </row>
    <row r="306" spans="1:53">
      <c r="A306" s="52" t="s">
        <v>1101</v>
      </c>
      <c r="B306" s="53">
        <v>833333.33333333302</v>
      </c>
      <c r="C306" s="53">
        <v>833333.33333333302</v>
      </c>
      <c r="D306" s="53">
        <v>833333.33333333302</v>
      </c>
      <c r="E306" s="53">
        <v>833333.33333333302</v>
      </c>
      <c r="F306" s="53">
        <v>833333.33333333302</v>
      </c>
      <c r="G306" s="53">
        <v>833333.33333333302</v>
      </c>
      <c r="H306" s="53">
        <v>833333.33333333302</v>
      </c>
      <c r="I306" s="53">
        <v>833333.33333333302</v>
      </c>
      <c r="J306" s="53">
        <v>833333.33333333302</v>
      </c>
      <c r="K306" s="53">
        <v>833333.33333333302</v>
      </c>
      <c r="L306" s="53">
        <v>833333.33333333302</v>
      </c>
      <c r="M306" s="53">
        <v>833333.33333333302</v>
      </c>
      <c r="N306" s="53">
        <v>9999999.9999999907</v>
      </c>
      <c r="O306" s="53">
        <v>833333.33333333302</v>
      </c>
      <c r="P306" s="53">
        <v>833333.33333333302</v>
      </c>
      <c r="Q306" s="53">
        <v>833333.33333333302</v>
      </c>
      <c r="R306" s="53">
        <v>833333.33333333302</v>
      </c>
      <c r="S306" s="53">
        <v>833333.33333333302</v>
      </c>
      <c r="T306" s="53">
        <v>833333.33333333302</v>
      </c>
      <c r="U306" s="53">
        <v>833333.33333333302</v>
      </c>
      <c r="V306" s="53">
        <v>833333.33333333302</v>
      </c>
      <c r="W306" s="53">
        <v>833333.33333333302</v>
      </c>
      <c r="X306" s="53">
        <v>833333.33333333302</v>
      </c>
      <c r="Y306" s="53">
        <v>833333.33333333302</v>
      </c>
      <c r="Z306" s="53">
        <v>833333.33333333302</v>
      </c>
      <c r="AA306" s="53">
        <v>9999999.9999999907</v>
      </c>
      <c r="AB306" s="53">
        <v>833333.33333333302</v>
      </c>
      <c r="AC306" s="53">
        <v>833333.33333333302</v>
      </c>
      <c r="AD306" s="53">
        <v>833333.33333333302</v>
      </c>
      <c r="AE306" s="53">
        <v>833333.33333333302</v>
      </c>
      <c r="AF306" s="53">
        <v>833333.33333333302</v>
      </c>
      <c r="AG306" s="53">
        <v>833333.33333333302</v>
      </c>
      <c r="AH306" s="53">
        <v>833333.33333333302</v>
      </c>
      <c r="AI306" s="53">
        <v>833333.33333333302</v>
      </c>
      <c r="AJ306" s="53">
        <v>833333.33333333302</v>
      </c>
      <c r="AK306" s="53">
        <v>833333.33333333302</v>
      </c>
      <c r="AL306" s="53">
        <v>833333.33333333302</v>
      </c>
      <c r="AM306" s="53">
        <v>833333.33333333302</v>
      </c>
      <c r="AN306" s="53">
        <v>9999999.9999999907</v>
      </c>
      <c r="AO306" s="53">
        <v>833333.33333333302</v>
      </c>
      <c r="AP306" s="53">
        <v>833333.33333333302</v>
      </c>
      <c r="AQ306" s="53">
        <v>833333.33333333302</v>
      </c>
      <c r="AR306" s="53">
        <v>833333.33333333302</v>
      </c>
      <c r="AS306" s="53">
        <v>833333.33333333302</v>
      </c>
      <c r="AT306" s="53">
        <v>833333.33333333302</v>
      </c>
      <c r="AU306" s="53">
        <v>833333.33333333302</v>
      </c>
      <c r="AV306" s="53">
        <v>833333.33333333302</v>
      </c>
      <c r="AW306" s="53">
        <v>833333.33333333302</v>
      </c>
      <c r="AX306" s="53">
        <v>833333.33333333302</v>
      </c>
      <c r="AY306" s="53">
        <v>833333.33333333302</v>
      </c>
      <c r="AZ306" s="53">
        <v>833333.33333333302</v>
      </c>
      <c r="BA306" s="53">
        <v>9999999.9999999907</v>
      </c>
    </row>
    <row r="307" spans="1:53">
      <c r="A307" s="234" t="s">
        <v>1102</v>
      </c>
      <c r="B307" s="53">
        <v>40200.460258779902</v>
      </c>
      <c r="C307" s="53">
        <v>40200.460258779902</v>
      </c>
      <c r="D307" s="53">
        <v>40200.460258779902</v>
      </c>
      <c r="E307" s="53">
        <v>40200.460258779902</v>
      </c>
      <c r="F307" s="53">
        <v>40200.460258779902</v>
      </c>
      <c r="G307" s="53">
        <v>40200.460258779902</v>
      </c>
      <c r="H307" s="53">
        <v>40200.460258779902</v>
      </c>
      <c r="I307" s="53">
        <v>40200.460258779902</v>
      </c>
      <c r="J307" s="53">
        <v>40200.460258779902</v>
      </c>
      <c r="K307" s="53">
        <v>40200.460258779902</v>
      </c>
      <c r="L307" s="53">
        <v>40200.460258779902</v>
      </c>
      <c r="M307" s="53">
        <v>40200.460258779902</v>
      </c>
      <c r="N307" s="53">
        <v>482405.52310535801</v>
      </c>
      <c r="O307" s="53">
        <v>81259.9005237604</v>
      </c>
      <c r="P307" s="53">
        <v>81259.9005237604</v>
      </c>
      <c r="Q307" s="53">
        <v>81259.9005237604</v>
      </c>
      <c r="R307" s="53">
        <v>81259.9005237604</v>
      </c>
      <c r="S307" s="53">
        <v>81259.9005237604</v>
      </c>
      <c r="T307" s="53">
        <v>81259.9005237604</v>
      </c>
      <c r="U307" s="53">
        <v>81259.9005237604</v>
      </c>
      <c r="V307" s="53">
        <v>81259.9005237604</v>
      </c>
      <c r="W307" s="53">
        <v>81259.9005237604</v>
      </c>
      <c r="X307" s="53">
        <v>81259.9005237604</v>
      </c>
      <c r="Y307" s="53">
        <v>81259.9005237604</v>
      </c>
      <c r="Z307" s="53">
        <v>81259.9005237604</v>
      </c>
      <c r="AA307" s="53">
        <v>975118.80628512404</v>
      </c>
      <c r="AB307" s="53">
        <v>120653.79845099201</v>
      </c>
      <c r="AC307" s="53">
        <v>120653.79845099201</v>
      </c>
      <c r="AD307" s="53">
        <v>120653.79845099201</v>
      </c>
      <c r="AE307" s="53">
        <v>120653.79845099201</v>
      </c>
      <c r="AF307" s="53">
        <v>120653.79845099201</v>
      </c>
      <c r="AG307" s="53">
        <v>120653.79845099201</v>
      </c>
      <c r="AH307" s="53">
        <v>120653.79845099201</v>
      </c>
      <c r="AI307" s="53">
        <v>120653.79845099201</v>
      </c>
      <c r="AJ307" s="53">
        <v>120653.79845099201</v>
      </c>
      <c r="AK307" s="53">
        <v>120653.79845099201</v>
      </c>
      <c r="AL307" s="53">
        <v>120653.79845099201</v>
      </c>
      <c r="AM307" s="53">
        <v>120653.79845099201</v>
      </c>
      <c r="AN307" s="53">
        <v>1447845.5814119</v>
      </c>
      <c r="AO307" s="53">
        <v>156933.703041848</v>
      </c>
      <c r="AP307" s="53">
        <v>156933.703041848</v>
      </c>
      <c r="AQ307" s="53">
        <v>156933.703041848</v>
      </c>
      <c r="AR307" s="53">
        <v>156933.703041848</v>
      </c>
      <c r="AS307" s="53">
        <v>156933.703041848</v>
      </c>
      <c r="AT307" s="53">
        <v>156933.703041848</v>
      </c>
      <c r="AU307" s="53">
        <v>156933.703041848</v>
      </c>
      <c r="AV307" s="53">
        <v>156933.703041848</v>
      </c>
      <c r="AW307" s="53">
        <v>156933.703041848</v>
      </c>
      <c r="AX307" s="53">
        <v>156933.703041848</v>
      </c>
      <c r="AY307" s="53">
        <v>156933.703041848</v>
      </c>
      <c r="AZ307" s="53">
        <v>156933.703041848</v>
      </c>
      <c r="BA307" s="53">
        <v>1883204.4365021701</v>
      </c>
    </row>
    <row r="308" spans="1:53">
      <c r="A308" s="52" t="s">
        <v>1103</v>
      </c>
      <c r="B308" s="53">
        <v>-32213.919999997401</v>
      </c>
      <c r="C308" s="53">
        <v>-32395.3499999997</v>
      </c>
      <c r="D308" s="53">
        <v>-33499.419999999598</v>
      </c>
      <c r="E308" s="53">
        <v>-33508.450000000201</v>
      </c>
      <c r="F308" s="53">
        <v>-33585.1999999986</v>
      </c>
      <c r="G308" s="53">
        <v>-33503.709999999497</v>
      </c>
      <c r="H308" s="53">
        <v>-33488.8499999997</v>
      </c>
      <c r="I308" s="53">
        <v>-33486.709999999599</v>
      </c>
      <c r="J308" s="53">
        <v>-33494.709999999402</v>
      </c>
      <c r="K308" s="53">
        <v>-33479.8499999997</v>
      </c>
      <c r="L308" s="53">
        <v>-33581.499999999302</v>
      </c>
      <c r="M308" s="53">
        <v>-33474.85</v>
      </c>
      <c r="N308" s="53">
        <v>-399712.51999999298</v>
      </c>
      <c r="O308" s="53">
        <v>-32213.919999997401</v>
      </c>
      <c r="P308" s="53">
        <v>-32395.3499999997</v>
      </c>
      <c r="Q308" s="53">
        <v>-33499.419999999598</v>
      </c>
      <c r="R308" s="53">
        <v>-33508.450000000201</v>
      </c>
      <c r="S308" s="53">
        <v>-33585.1999999986</v>
      </c>
      <c r="T308" s="53">
        <v>-33503.709999999497</v>
      </c>
      <c r="U308" s="53">
        <v>-33488.8499999997</v>
      </c>
      <c r="V308" s="53">
        <v>-33486.709999999599</v>
      </c>
      <c r="W308" s="53">
        <v>-33494.709999999402</v>
      </c>
      <c r="X308" s="53">
        <v>-33479.8499999997</v>
      </c>
      <c r="Y308" s="53">
        <v>-33581.499999999302</v>
      </c>
      <c r="Z308" s="53">
        <v>-33474.85</v>
      </c>
      <c r="AA308" s="53">
        <v>-399712.51999999298</v>
      </c>
      <c r="AB308" s="53">
        <v>-32213.919999997401</v>
      </c>
      <c r="AC308" s="53">
        <v>-32395.3499999997</v>
      </c>
      <c r="AD308" s="53">
        <v>-33499.419999999598</v>
      </c>
      <c r="AE308" s="53">
        <v>-33508.450000000201</v>
      </c>
      <c r="AF308" s="53">
        <v>-33585.1999999986</v>
      </c>
      <c r="AG308" s="53">
        <v>-33503.709999999497</v>
      </c>
      <c r="AH308" s="53">
        <v>-33488.8499999997</v>
      </c>
      <c r="AI308" s="53">
        <v>-33486.709999999599</v>
      </c>
      <c r="AJ308" s="53">
        <v>-33494.709999999402</v>
      </c>
      <c r="AK308" s="53">
        <v>-33479.8499999997</v>
      </c>
      <c r="AL308" s="53">
        <v>-33581.499999999302</v>
      </c>
      <c r="AM308" s="53">
        <v>-33474.85</v>
      </c>
      <c r="AN308" s="53">
        <v>-399712.51999999298</v>
      </c>
      <c r="AO308" s="53">
        <v>-32213.919999997401</v>
      </c>
      <c r="AP308" s="53">
        <v>-32395.3499999997</v>
      </c>
      <c r="AQ308" s="53">
        <v>-33499.419999999598</v>
      </c>
      <c r="AR308" s="53">
        <v>-33508.450000000201</v>
      </c>
      <c r="AS308" s="53">
        <v>-33585.1999999986</v>
      </c>
      <c r="AT308" s="53">
        <v>-33503.709999999497</v>
      </c>
      <c r="AU308" s="53">
        <v>-33488.8499999997</v>
      </c>
      <c r="AV308" s="53">
        <v>-33486.709999999599</v>
      </c>
      <c r="AW308" s="53">
        <v>-33494.709999999402</v>
      </c>
      <c r="AX308" s="53">
        <v>-33479.8499999997</v>
      </c>
      <c r="AY308" s="53">
        <v>-33581.499999999302</v>
      </c>
      <c r="AZ308" s="53">
        <v>-33474.85</v>
      </c>
      <c r="BA308" s="53">
        <v>-399712.51999999298</v>
      </c>
    </row>
    <row r="309" spans="1:53">
      <c r="A309" s="52" t="s">
        <v>1104</v>
      </c>
      <c r="B309" s="53">
        <v>1997190.3135921101</v>
      </c>
      <c r="C309" s="53">
        <v>2136845.24359211</v>
      </c>
      <c r="D309" s="53">
        <v>2250303.9235921102</v>
      </c>
      <c r="E309" s="53">
        <v>2217030.0635921098</v>
      </c>
      <c r="F309" s="53">
        <v>2214176.5235921098</v>
      </c>
      <c r="G309" s="53">
        <v>2466751.0535921101</v>
      </c>
      <c r="H309" s="53">
        <v>2234497.76359211</v>
      </c>
      <c r="I309" s="53">
        <v>2277628.8535921099</v>
      </c>
      <c r="J309" s="53">
        <v>2523782.51359211</v>
      </c>
      <c r="K309" s="53">
        <v>2341641.4135921099</v>
      </c>
      <c r="L309" s="53">
        <v>2242867.7135921102</v>
      </c>
      <c r="M309" s="53">
        <v>2325564.1935921102</v>
      </c>
      <c r="N309" s="53">
        <v>27228279.573105302</v>
      </c>
      <c r="O309" s="53">
        <v>2038249.7538570899</v>
      </c>
      <c r="P309" s="53">
        <v>2177904.6838570898</v>
      </c>
      <c r="Q309" s="53">
        <v>2291363.36385709</v>
      </c>
      <c r="R309" s="53">
        <v>2258089.5038570901</v>
      </c>
      <c r="S309" s="53">
        <v>2255235.9638570901</v>
      </c>
      <c r="T309" s="53">
        <v>2507810.4938570899</v>
      </c>
      <c r="U309" s="53">
        <v>2275557.2038570899</v>
      </c>
      <c r="V309" s="53">
        <v>2318688.2938570902</v>
      </c>
      <c r="W309" s="53">
        <v>2564841.9538570899</v>
      </c>
      <c r="X309" s="53">
        <v>2382700.8538570902</v>
      </c>
      <c r="Y309" s="53">
        <v>2283927.15385709</v>
      </c>
      <c r="Z309" s="53">
        <v>2366623.63385709</v>
      </c>
      <c r="AA309" s="53">
        <v>27720992.856285099</v>
      </c>
      <c r="AB309" s="53">
        <v>2077643.6517843199</v>
      </c>
      <c r="AC309" s="53">
        <v>2217298.5817843201</v>
      </c>
      <c r="AD309" s="53">
        <v>2330757.2617843202</v>
      </c>
      <c r="AE309" s="53">
        <v>2297483.4017843199</v>
      </c>
      <c r="AF309" s="53">
        <v>2294629.8617843199</v>
      </c>
      <c r="AG309" s="53">
        <v>2547204.3917843201</v>
      </c>
      <c r="AH309" s="53">
        <v>2314951.1017843201</v>
      </c>
      <c r="AI309" s="53">
        <v>2358082.1917843199</v>
      </c>
      <c r="AJ309" s="53">
        <v>2604235.8517843201</v>
      </c>
      <c r="AK309" s="53">
        <v>2422094.75178432</v>
      </c>
      <c r="AL309" s="53">
        <v>2323321.0517843198</v>
      </c>
      <c r="AM309" s="53">
        <v>2406017.5317843198</v>
      </c>
      <c r="AN309" s="53">
        <v>28193719.631411899</v>
      </c>
      <c r="AO309" s="53">
        <v>2113923.5563751799</v>
      </c>
      <c r="AP309" s="53">
        <v>2253578.4863751801</v>
      </c>
      <c r="AQ309" s="53">
        <v>2367037.1663751798</v>
      </c>
      <c r="AR309" s="53">
        <v>2333763.3063751799</v>
      </c>
      <c r="AS309" s="53">
        <v>2330909.7663751799</v>
      </c>
      <c r="AT309" s="53">
        <v>2583484.2963751801</v>
      </c>
      <c r="AU309" s="53">
        <v>2351231.0063751801</v>
      </c>
      <c r="AV309" s="53">
        <v>2394362.0963751799</v>
      </c>
      <c r="AW309" s="53">
        <v>2640515.7563751801</v>
      </c>
      <c r="AX309" s="53">
        <v>2458374.65637518</v>
      </c>
      <c r="AY309" s="53">
        <v>2359600.9563751798</v>
      </c>
      <c r="AZ309" s="53">
        <v>2442297.4363751798</v>
      </c>
      <c r="BA309" s="53">
        <v>28629078.4865021</v>
      </c>
    </row>
    <row r="310" spans="1:53">
      <c r="A310" s="52" t="s">
        <v>1105</v>
      </c>
      <c r="B310" s="53"/>
      <c r="C310" s="53"/>
      <c r="D310" s="53"/>
      <c r="E310" s="53"/>
      <c r="F310" s="53"/>
      <c r="G310" s="53"/>
      <c r="H310" s="53"/>
      <c r="I310" s="53"/>
      <c r="J310" s="53"/>
      <c r="K310" s="53"/>
      <c r="L310" s="53"/>
      <c r="M310" s="53"/>
      <c r="N310" s="53"/>
      <c r="O310" s="53"/>
      <c r="P310" s="53"/>
      <c r="Q310" s="53"/>
      <c r="R310" s="53"/>
      <c r="S310" s="53"/>
      <c r="T310" s="53"/>
      <c r="U310" s="53"/>
      <c r="V310" s="53"/>
      <c r="W310" s="53"/>
      <c r="X310" s="53"/>
      <c r="Y310" s="53"/>
      <c r="Z310" s="53"/>
      <c r="AA310" s="53"/>
      <c r="AB310" s="53"/>
      <c r="AC310" s="53"/>
      <c r="AD310" s="53"/>
      <c r="AE310" s="53"/>
      <c r="AF310" s="53"/>
      <c r="AG310" s="53"/>
      <c r="AH310" s="53"/>
      <c r="AI310" s="53"/>
      <c r="AJ310" s="53"/>
      <c r="AK310" s="53"/>
      <c r="AL310" s="53"/>
      <c r="AM310" s="53"/>
      <c r="AN310" s="53"/>
      <c r="AO310" s="53"/>
      <c r="AP310" s="53"/>
      <c r="AQ310" s="53"/>
      <c r="AR310" s="53"/>
      <c r="AS310" s="53"/>
      <c r="AT310" s="53"/>
      <c r="AU310" s="53"/>
      <c r="AV310" s="53"/>
      <c r="AW310" s="53"/>
      <c r="AX310" s="53"/>
      <c r="AY310" s="53"/>
      <c r="AZ310" s="53"/>
      <c r="BA310" s="53"/>
    </row>
    <row r="311" spans="1:53">
      <c r="A311" s="52" t="s">
        <v>1106</v>
      </c>
      <c r="B311" s="53">
        <v>936205.69</v>
      </c>
      <c r="C311" s="53">
        <v>1027775.60999999</v>
      </c>
      <c r="D311" s="53">
        <v>985773.69</v>
      </c>
      <c r="E311" s="53">
        <v>1172711.5699999901</v>
      </c>
      <c r="F311" s="53">
        <v>1030835.09</v>
      </c>
      <c r="G311" s="53">
        <v>1909303.65</v>
      </c>
      <c r="H311" s="53">
        <v>2045283.58</v>
      </c>
      <c r="I311" s="53">
        <v>1994283.22</v>
      </c>
      <c r="J311" s="53">
        <v>1698088.29999999</v>
      </c>
      <c r="K311" s="53">
        <v>1282744.56</v>
      </c>
      <c r="L311" s="53">
        <v>1536103.87</v>
      </c>
      <c r="M311" s="53">
        <v>1574598.29</v>
      </c>
      <c r="N311" s="53">
        <v>17193707.1199999</v>
      </c>
      <c r="O311" s="53">
        <v>936205.69</v>
      </c>
      <c r="P311" s="53">
        <v>1027775.60999999</v>
      </c>
      <c r="Q311" s="53">
        <v>985773.69</v>
      </c>
      <c r="R311" s="53">
        <v>1172711.5699999901</v>
      </c>
      <c r="S311" s="53">
        <v>1030835.09</v>
      </c>
      <c r="T311" s="53">
        <v>1909303.65</v>
      </c>
      <c r="U311" s="53">
        <v>2045283.58</v>
      </c>
      <c r="V311" s="53">
        <v>1994283.22</v>
      </c>
      <c r="W311" s="53">
        <v>1698088.29999999</v>
      </c>
      <c r="X311" s="53">
        <v>1282744.56</v>
      </c>
      <c r="Y311" s="53">
        <v>1536103.87</v>
      </c>
      <c r="Z311" s="53">
        <v>1574598.29</v>
      </c>
      <c r="AA311" s="53">
        <v>17193707.1199999</v>
      </c>
      <c r="AB311" s="53">
        <v>936205.69</v>
      </c>
      <c r="AC311" s="53">
        <v>1027775.60999999</v>
      </c>
      <c r="AD311" s="53">
        <v>985773.69</v>
      </c>
      <c r="AE311" s="53">
        <v>1172711.5699999901</v>
      </c>
      <c r="AF311" s="53">
        <v>1030835.09</v>
      </c>
      <c r="AG311" s="53">
        <v>1909303.65</v>
      </c>
      <c r="AH311" s="53">
        <v>2045283.58</v>
      </c>
      <c r="AI311" s="53">
        <v>1994283.22</v>
      </c>
      <c r="AJ311" s="53">
        <v>1698088.29999999</v>
      </c>
      <c r="AK311" s="53">
        <v>1282744.56</v>
      </c>
      <c r="AL311" s="53">
        <v>1536103.87</v>
      </c>
      <c r="AM311" s="53">
        <v>1574598.29</v>
      </c>
      <c r="AN311" s="53">
        <v>17193707.1199999</v>
      </c>
      <c r="AO311" s="53">
        <v>936205.69</v>
      </c>
      <c r="AP311" s="53">
        <v>1027775.60999999</v>
      </c>
      <c r="AQ311" s="53">
        <v>985773.69</v>
      </c>
      <c r="AR311" s="53">
        <v>1172711.5699999901</v>
      </c>
      <c r="AS311" s="53">
        <v>1030835.09</v>
      </c>
      <c r="AT311" s="53">
        <v>1909303.65</v>
      </c>
      <c r="AU311" s="53">
        <v>2045283.58</v>
      </c>
      <c r="AV311" s="53">
        <v>1994283.22</v>
      </c>
      <c r="AW311" s="53">
        <v>1698088.29999999</v>
      </c>
      <c r="AX311" s="53">
        <v>1282744.56</v>
      </c>
      <c r="AY311" s="53">
        <v>1536103.87</v>
      </c>
      <c r="AZ311" s="53">
        <v>1574598.29</v>
      </c>
      <c r="BA311" s="53">
        <v>17193707.1199999</v>
      </c>
    </row>
    <row r="312" spans="1:53">
      <c r="A312" s="52" t="s">
        <v>1107</v>
      </c>
      <c r="B312" s="53">
        <v>-833333.33333333302</v>
      </c>
      <c r="C312" s="53">
        <v>-833333.33333333302</v>
      </c>
      <c r="D312" s="53">
        <v>-833333.33333333302</v>
      </c>
      <c r="E312" s="53">
        <v>-833333.33333333302</v>
      </c>
      <c r="F312" s="53">
        <v>-833333.33333333302</v>
      </c>
      <c r="G312" s="53">
        <v>-833333.33333333302</v>
      </c>
      <c r="H312" s="53">
        <v>-833333.33333333302</v>
      </c>
      <c r="I312" s="53">
        <v>-833333.33333333302</v>
      </c>
      <c r="J312" s="53">
        <v>-833333.33333333302</v>
      </c>
      <c r="K312" s="53">
        <v>-833333.33333333302</v>
      </c>
      <c r="L312" s="53">
        <v>-833333.33333333302</v>
      </c>
      <c r="M312" s="53">
        <v>-833333.33333333302</v>
      </c>
      <c r="N312" s="53">
        <v>-9999999.9999999907</v>
      </c>
      <c r="O312" s="53">
        <v>-833333.33333333302</v>
      </c>
      <c r="P312" s="53">
        <v>-833333.33333333302</v>
      </c>
      <c r="Q312" s="53">
        <v>-833333.33333333302</v>
      </c>
      <c r="R312" s="53">
        <v>-833333.33333333302</v>
      </c>
      <c r="S312" s="53">
        <v>-833333.33333333302</v>
      </c>
      <c r="T312" s="53">
        <v>-833333.33333333302</v>
      </c>
      <c r="U312" s="53">
        <v>-833333.33333333302</v>
      </c>
      <c r="V312" s="53">
        <v>-833333.33333333302</v>
      </c>
      <c r="W312" s="53">
        <v>-833333.33333333302</v>
      </c>
      <c r="X312" s="53">
        <v>-833333.33333333302</v>
      </c>
      <c r="Y312" s="53">
        <v>-833333.33333333302</v>
      </c>
      <c r="Z312" s="53">
        <v>-833333.33333333302</v>
      </c>
      <c r="AA312" s="53">
        <v>-9999999.9999999907</v>
      </c>
      <c r="AB312" s="53">
        <v>-833333.33333333302</v>
      </c>
      <c r="AC312" s="53">
        <v>-833333.33333333302</v>
      </c>
      <c r="AD312" s="53">
        <v>-833333.33333333302</v>
      </c>
      <c r="AE312" s="53">
        <v>-833333.33333333302</v>
      </c>
      <c r="AF312" s="53">
        <v>-833333.33333333302</v>
      </c>
      <c r="AG312" s="53">
        <v>-833333.33333333302</v>
      </c>
      <c r="AH312" s="53">
        <v>-833333.33333333302</v>
      </c>
      <c r="AI312" s="53">
        <v>-833333.33333333302</v>
      </c>
      <c r="AJ312" s="53">
        <v>-833333.33333333302</v>
      </c>
      <c r="AK312" s="53">
        <v>-833333.33333333302</v>
      </c>
      <c r="AL312" s="53">
        <v>-833333.33333333302</v>
      </c>
      <c r="AM312" s="53">
        <v>-833333.33333333302</v>
      </c>
      <c r="AN312" s="53">
        <v>-9999999.9999999907</v>
      </c>
      <c r="AO312" s="53">
        <v>-833333.33333333302</v>
      </c>
      <c r="AP312" s="53">
        <v>-833333.33333333302</v>
      </c>
      <c r="AQ312" s="53">
        <v>-833333.33333333302</v>
      </c>
      <c r="AR312" s="53">
        <v>-833333.33333333302</v>
      </c>
      <c r="AS312" s="53">
        <v>-833333.33333333302</v>
      </c>
      <c r="AT312" s="53">
        <v>-833333.33333333302</v>
      </c>
      <c r="AU312" s="53">
        <v>-833333.33333333302</v>
      </c>
      <c r="AV312" s="53">
        <v>-833333.33333333302</v>
      </c>
      <c r="AW312" s="53">
        <v>-833333.33333333302</v>
      </c>
      <c r="AX312" s="53">
        <v>-833333.33333333302</v>
      </c>
      <c r="AY312" s="53">
        <v>-833333.33333333302</v>
      </c>
      <c r="AZ312" s="53">
        <v>-833333.33333333302</v>
      </c>
      <c r="BA312" s="53">
        <v>-9999999.9999999907</v>
      </c>
    </row>
    <row r="313" spans="1:53">
      <c r="A313" s="234" t="s">
        <v>1108</v>
      </c>
      <c r="B313" s="53">
        <v>41275.536751015803</v>
      </c>
      <c r="C313" s="53">
        <v>41275.536751015803</v>
      </c>
      <c r="D313" s="53">
        <v>41275.536751015803</v>
      </c>
      <c r="E313" s="53">
        <v>41275.536751015803</v>
      </c>
      <c r="F313" s="53">
        <v>41275.536751015803</v>
      </c>
      <c r="G313" s="53">
        <v>41275.536751015803</v>
      </c>
      <c r="H313" s="53">
        <v>41275.536751015803</v>
      </c>
      <c r="I313" s="53">
        <v>41275.536751015803</v>
      </c>
      <c r="J313" s="53">
        <v>41275.536751015803</v>
      </c>
      <c r="K313" s="53">
        <v>41275.536751015803</v>
      </c>
      <c r="L313" s="53">
        <v>41275.536751015803</v>
      </c>
      <c r="M313" s="53">
        <v>41275.536751015803</v>
      </c>
      <c r="N313" s="53">
        <v>495306.44101218903</v>
      </c>
      <c r="O313" s="53">
        <v>83433.025116169607</v>
      </c>
      <c r="P313" s="53">
        <v>83433.025116169607</v>
      </c>
      <c r="Q313" s="53">
        <v>83433.025116169607</v>
      </c>
      <c r="R313" s="53">
        <v>83433.025116169607</v>
      </c>
      <c r="S313" s="53">
        <v>83433.025116169607</v>
      </c>
      <c r="T313" s="53">
        <v>83433.025116169607</v>
      </c>
      <c r="U313" s="53">
        <v>83433.025116169607</v>
      </c>
      <c r="V313" s="53">
        <v>83433.025116169607</v>
      </c>
      <c r="W313" s="53">
        <v>83433.025116169607</v>
      </c>
      <c r="X313" s="53">
        <v>83433.025116169607</v>
      </c>
      <c r="Y313" s="53">
        <v>83433.025116169607</v>
      </c>
      <c r="Z313" s="53">
        <v>83433.025116169607</v>
      </c>
      <c r="AA313" s="53">
        <v>1001196.30139403</v>
      </c>
      <c r="AB313" s="53">
        <v>123880.429727814</v>
      </c>
      <c r="AC313" s="53">
        <v>123880.429727814</v>
      </c>
      <c r="AD313" s="53">
        <v>123880.429727814</v>
      </c>
      <c r="AE313" s="53">
        <v>123880.429727814</v>
      </c>
      <c r="AF313" s="53">
        <v>123880.429727814</v>
      </c>
      <c r="AG313" s="53">
        <v>123880.429727814</v>
      </c>
      <c r="AH313" s="53">
        <v>123880.429727814</v>
      </c>
      <c r="AI313" s="53">
        <v>123880.429727814</v>
      </c>
      <c r="AJ313" s="53">
        <v>123880.429727814</v>
      </c>
      <c r="AK313" s="53">
        <v>123880.429727814</v>
      </c>
      <c r="AL313" s="53">
        <v>123880.429727814</v>
      </c>
      <c r="AM313" s="53">
        <v>123880.429727814</v>
      </c>
      <c r="AN313" s="53">
        <v>1486565.1567337599</v>
      </c>
      <c r="AO313" s="53">
        <v>161130.563821396</v>
      </c>
      <c r="AP313" s="53">
        <v>161130.563821396</v>
      </c>
      <c r="AQ313" s="53">
        <v>161130.563821396</v>
      </c>
      <c r="AR313" s="53">
        <v>161130.563821396</v>
      </c>
      <c r="AS313" s="53">
        <v>161130.563821396</v>
      </c>
      <c r="AT313" s="53">
        <v>161130.563821396</v>
      </c>
      <c r="AU313" s="53">
        <v>161130.563821396</v>
      </c>
      <c r="AV313" s="53">
        <v>161130.563821396</v>
      </c>
      <c r="AW313" s="53">
        <v>161130.563821396</v>
      </c>
      <c r="AX313" s="53">
        <v>161130.563821396</v>
      </c>
      <c r="AY313" s="53">
        <v>161130.563821396</v>
      </c>
      <c r="AZ313" s="53">
        <v>161130.563821396</v>
      </c>
      <c r="BA313" s="53">
        <v>1933566.7658567501</v>
      </c>
    </row>
    <row r="314" spans="1:53">
      <c r="A314" s="52" t="s">
        <v>1109</v>
      </c>
      <c r="B314" s="53">
        <v>144147.893417682</v>
      </c>
      <c r="C314" s="53">
        <v>235717.81341768199</v>
      </c>
      <c r="D314" s="53">
        <v>193715.893417682</v>
      </c>
      <c r="E314" s="53">
        <v>380653.77341768198</v>
      </c>
      <c r="F314" s="53">
        <v>238777.293417682</v>
      </c>
      <c r="G314" s="53">
        <v>1117245.8534176799</v>
      </c>
      <c r="H314" s="53">
        <v>1253225.7834176801</v>
      </c>
      <c r="I314" s="53">
        <v>1202225.42341768</v>
      </c>
      <c r="J314" s="53">
        <v>906030.50341768202</v>
      </c>
      <c r="K314" s="53">
        <v>490686.76341768203</v>
      </c>
      <c r="L314" s="53">
        <v>744046.07341768197</v>
      </c>
      <c r="M314" s="53">
        <v>782540.49341768201</v>
      </c>
      <c r="N314" s="53">
        <v>7689013.5610121898</v>
      </c>
      <c r="O314" s="53">
        <v>186305.38178283599</v>
      </c>
      <c r="P314" s="53">
        <v>277875.30178283597</v>
      </c>
      <c r="Q314" s="53">
        <v>235873.38178283599</v>
      </c>
      <c r="R314" s="53">
        <v>422811.26178283599</v>
      </c>
      <c r="S314" s="53">
        <v>280934.78178283601</v>
      </c>
      <c r="T314" s="53">
        <v>1159403.34178283</v>
      </c>
      <c r="U314" s="53">
        <v>1295383.2717828299</v>
      </c>
      <c r="V314" s="53">
        <v>1244382.91178283</v>
      </c>
      <c r="W314" s="53">
        <v>948187.99178283603</v>
      </c>
      <c r="X314" s="53">
        <v>532844.25178283604</v>
      </c>
      <c r="Y314" s="53">
        <v>786203.56178283598</v>
      </c>
      <c r="Z314" s="53">
        <v>824697.98178283602</v>
      </c>
      <c r="AA314" s="53">
        <v>8194903.4213940399</v>
      </c>
      <c r="AB314" s="53">
        <v>226752.78639448099</v>
      </c>
      <c r="AC314" s="53">
        <v>318322.70639448002</v>
      </c>
      <c r="AD314" s="53">
        <v>276320.78639448102</v>
      </c>
      <c r="AE314" s="53">
        <v>463258.66639447998</v>
      </c>
      <c r="AF314" s="53">
        <v>321382.18639448099</v>
      </c>
      <c r="AG314" s="53">
        <v>1199850.7463944801</v>
      </c>
      <c r="AH314" s="53">
        <v>1335830.67639448</v>
      </c>
      <c r="AI314" s="53">
        <v>1284830.3163944799</v>
      </c>
      <c r="AJ314" s="53">
        <v>988635.39639448095</v>
      </c>
      <c r="AK314" s="53">
        <v>573291.65639448096</v>
      </c>
      <c r="AL314" s="53">
        <v>826650.96639448102</v>
      </c>
      <c r="AM314" s="53">
        <v>865145.38639448094</v>
      </c>
      <c r="AN314" s="53">
        <v>8680272.2767337691</v>
      </c>
      <c r="AO314" s="53">
        <v>264002.92048806202</v>
      </c>
      <c r="AP314" s="53">
        <v>355572.84048806201</v>
      </c>
      <c r="AQ314" s="53">
        <v>313570.92048806202</v>
      </c>
      <c r="AR314" s="53">
        <v>500508.80048806203</v>
      </c>
      <c r="AS314" s="53">
        <v>358632.32048806298</v>
      </c>
      <c r="AT314" s="53">
        <v>1237100.8804880599</v>
      </c>
      <c r="AU314" s="53">
        <v>1373080.8104880599</v>
      </c>
      <c r="AV314" s="53">
        <v>1322080.45048806</v>
      </c>
      <c r="AW314" s="53">
        <v>1025885.53048806</v>
      </c>
      <c r="AX314" s="53">
        <v>610541.79048806301</v>
      </c>
      <c r="AY314" s="53">
        <v>863901.10048806295</v>
      </c>
      <c r="AZ314" s="53">
        <v>902395.52048806299</v>
      </c>
      <c r="BA314" s="53">
        <v>9127273.8858567495</v>
      </c>
    </row>
    <row r="315" spans="1:53">
      <c r="A315" s="52" t="s">
        <v>1110</v>
      </c>
      <c r="B315" s="53"/>
      <c r="C315" s="53"/>
      <c r="D315" s="53"/>
      <c r="E315" s="53"/>
      <c r="F315" s="53"/>
      <c r="G315" s="53"/>
      <c r="H315" s="53"/>
      <c r="I315" s="53"/>
      <c r="J315" s="53"/>
      <c r="K315" s="53"/>
      <c r="L315" s="53"/>
      <c r="M315" s="53"/>
      <c r="N315" s="53"/>
      <c r="O315" s="53"/>
      <c r="P315" s="53"/>
      <c r="Q315" s="53"/>
      <c r="R315" s="53"/>
      <c r="S315" s="53"/>
      <c r="T315" s="53"/>
      <c r="U315" s="53"/>
      <c r="V315" s="53"/>
      <c r="W315" s="53"/>
      <c r="X315" s="53"/>
      <c r="Y315" s="53"/>
      <c r="Z315" s="53"/>
      <c r="AA315" s="53"/>
      <c r="AB315" s="53"/>
      <c r="AC315" s="53"/>
      <c r="AD315" s="53"/>
      <c r="AE315" s="53"/>
      <c r="AF315" s="53"/>
      <c r="AG315" s="53"/>
      <c r="AH315" s="53"/>
      <c r="AI315" s="53"/>
      <c r="AJ315" s="53"/>
      <c r="AK315" s="53"/>
      <c r="AL315" s="53"/>
      <c r="AM315" s="53"/>
      <c r="AN315" s="53"/>
      <c r="AO315" s="53"/>
      <c r="AP315" s="53"/>
      <c r="AQ315" s="53"/>
      <c r="AR315" s="53"/>
      <c r="AS315" s="53"/>
      <c r="AT315" s="53"/>
      <c r="AU315" s="53"/>
      <c r="AV315" s="53"/>
      <c r="AW315" s="53"/>
      <c r="AX315" s="53"/>
      <c r="AY315" s="53"/>
      <c r="AZ315" s="53"/>
      <c r="BA315" s="53"/>
    </row>
    <row r="316" spans="1:53">
      <c r="A316" s="52" t="s">
        <v>1111</v>
      </c>
      <c r="B316" s="53">
        <v>16191.3299999999</v>
      </c>
      <c r="C316" s="53">
        <v>16075.33</v>
      </c>
      <c r="D316" s="53">
        <v>16338.05</v>
      </c>
      <c r="E316" s="53">
        <v>16332.05</v>
      </c>
      <c r="F316" s="53">
        <v>17906.52</v>
      </c>
      <c r="G316" s="53">
        <v>16336.049999999899</v>
      </c>
      <c r="H316" s="53">
        <v>16346.049999999899</v>
      </c>
      <c r="I316" s="53">
        <v>16347.05</v>
      </c>
      <c r="J316" s="53">
        <v>16340.049999999899</v>
      </c>
      <c r="K316" s="53">
        <v>16351.049999999899</v>
      </c>
      <c r="L316" s="53">
        <v>17908.52</v>
      </c>
      <c r="M316" s="53">
        <v>16463.560000000001</v>
      </c>
      <c r="N316" s="53">
        <v>198935.609999999</v>
      </c>
      <c r="O316" s="53">
        <v>16191.3299999999</v>
      </c>
      <c r="P316" s="53">
        <v>16075.33</v>
      </c>
      <c r="Q316" s="53">
        <v>16338.05</v>
      </c>
      <c r="R316" s="53">
        <v>16332.05</v>
      </c>
      <c r="S316" s="53">
        <v>17906.52</v>
      </c>
      <c r="T316" s="53">
        <v>16336.049999999899</v>
      </c>
      <c r="U316" s="53">
        <v>16346.049999999899</v>
      </c>
      <c r="V316" s="53">
        <v>16347.05</v>
      </c>
      <c r="W316" s="53">
        <v>16340.049999999899</v>
      </c>
      <c r="X316" s="53">
        <v>16351.049999999899</v>
      </c>
      <c r="Y316" s="53">
        <v>17908.52</v>
      </c>
      <c r="Z316" s="53">
        <v>16463.560000000001</v>
      </c>
      <c r="AA316" s="53">
        <v>198935.609999999</v>
      </c>
      <c r="AB316" s="53">
        <v>16191.3299999999</v>
      </c>
      <c r="AC316" s="53">
        <v>16075.33</v>
      </c>
      <c r="AD316" s="53">
        <v>16338.05</v>
      </c>
      <c r="AE316" s="53">
        <v>16332.05</v>
      </c>
      <c r="AF316" s="53">
        <v>17906.52</v>
      </c>
      <c r="AG316" s="53">
        <v>16336.049999999899</v>
      </c>
      <c r="AH316" s="53">
        <v>16346.049999999899</v>
      </c>
      <c r="AI316" s="53">
        <v>16347.05</v>
      </c>
      <c r="AJ316" s="53">
        <v>16340.049999999899</v>
      </c>
      <c r="AK316" s="53">
        <v>16351.049999999899</v>
      </c>
      <c r="AL316" s="53">
        <v>17908.52</v>
      </c>
      <c r="AM316" s="53">
        <v>16463.560000000001</v>
      </c>
      <c r="AN316" s="53">
        <v>198935.609999999</v>
      </c>
      <c r="AO316" s="53">
        <v>16191.3299999999</v>
      </c>
      <c r="AP316" s="53">
        <v>16075.33</v>
      </c>
      <c r="AQ316" s="53">
        <v>16338.05</v>
      </c>
      <c r="AR316" s="53">
        <v>16332.05</v>
      </c>
      <c r="AS316" s="53">
        <v>17906.52</v>
      </c>
      <c r="AT316" s="53">
        <v>16336.049999999899</v>
      </c>
      <c r="AU316" s="53">
        <v>16346.049999999899</v>
      </c>
      <c r="AV316" s="53">
        <v>16347.05</v>
      </c>
      <c r="AW316" s="53">
        <v>16340.049999999899</v>
      </c>
      <c r="AX316" s="53">
        <v>16351.049999999899</v>
      </c>
      <c r="AY316" s="53">
        <v>17908.52</v>
      </c>
      <c r="AZ316" s="53">
        <v>16463.560000000001</v>
      </c>
      <c r="BA316" s="53">
        <v>198935.609999999</v>
      </c>
    </row>
    <row r="317" spans="1:53">
      <c r="A317" s="52" t="s">
        <v>1112</v>
      </c>
      <c r="B317" s="53">
        <v>540.24999999999898</v>
      </c>
      <c r="C317" s="53">
        <v>544.30999999999995</v>
      </c>
      <c r="D317" s="53">
        <v>759.96</v>
      </c>
      <c r="E317" s="53">
        <v>577.27</v>
      </c>
      <c r="F317" s="53">
        <v>614.21</v>
      </c>
      <c r="G317" s="53">
        <v>556.98</v>
      </c>
      <c r="H317" s="53">
        <v>565.38</v>
      </c>
      <c r="I317" s="53">
        <v>567.44000000000005</v>
      </c>
      <c r="J317" s="53">
        <v>574.91</v>
      </c>
      <c r="K317" s="53">
        <v>554.45999999999901</v>
      </c>
      <c r="L317" s="53">
        <v>699.64</v>
      </c>
      <c r="M317" s="53">
        <v>687.66</v>
      </c>
      <c r="N317" s="53">
        <v>7242.47</v>
      </c>
      <c r="O317" s="53">
        <v>540.24999999999898</v>
      </c>
      <c r="P317" s="53">
        <v>544.30999999999995</v>
      </c>
      <c r="Q317" s="53">
        <v>759.96</v>
      </c>
      <c r="R317" s="53">
        <v>577.27</v>
      </c>
      <c r="S317" s="53">
        <v>614.21</v>
      </c>
      <c r="T317" s="53">
        <v>556.98</v>
      </c>
      <c r="U317" s="53">
        <v>565.38</v>
      </c>
      <c r="V317" s="53">
        <v>567.44000000000005</v>
      </c>
      <c r="W317" s="53">
        <v>574.91</v>
      </c>
      <c r="X317" s="53">
        <v>554.45999999999901</v>
      </c>
      <c r="Y317" s="53">
        <v>699.64</v>
      </c>
      <c r="Z317" s="53">
        <v>687.66</v>
      </c>
      <c r="AA317" s="53">
        <v>7242.47</v>
      </c>
      <c r="AB317" s="53">
        <v>540.24999999999898</v>
      </c>
      <c r="AC317" s="53">
        <v>544.30999999999995</v>
      </c>
      <c r="AD317" s="53">
        <v>759.96</v>
      </c>
      <c r="AE317" s="53">
        <v>577.27</v>
      </c>
      <c r="AF317" s="53">
        <v>614.21</v>
      </c>
      <c r="AG317" s="53">
        <v>556.98</v>
      </c>
      <c r="AH317" s="53">
        <v>565.38</v>
      </c>
      <c r="AI317" s="53">
        <v>567.44000000000005</v>
      </c>
      <c r="AJ317" s="53">
        <v>574.91</v>
      </c>
      <c r="AK317" s="53">
        <v>554.45999999999901</v>
      </c>
      <c r="AL317" s="53">
        <v>699.64</v>
      </c>
      <c r="AM317" s="53">
        <v>687.66</v>
      </c>
      <c r="AN317" s="53">
        <v>7242.47</v>
      </c>
      <c r="AO317" s="53">
        <v>540.24999999999898</v>
      </c>
      <c r="AP317" s="53">
        <v>544.30999999999995</v>
      </c>
      <c r="AQ317" s="53">
        <v>759.96</v>
      </c>
      <c r="AR317" s="53">
        <v>577.27</v>
      </c>
      <c r="AS317" s="53">
        <v>614.21</v>
      </c>
      <c r="AT317" s="53">
        <v>556.98</v>
      </c>
      <c r="AU317" s="53">
        <v>565.38</v>
      </c>
      <c r="AV317" s="53">
        <v>567.44000000000005</v>
      </c>
      <c r="AW317" s="53">
        <v>574.91</v>
      </c>
      <c r="AX317" s="53">
        <v>554.45999999999901</v>
      </c>
      <c r="AY317" s="53">
        <v>699.64</v>
      </c>
      <c r="AZ317" s="53">
        <v>687.66</v>
      </c>
      <c r="BA317" s="53">
        <v>7242.47</v>
      </c>
    </row>
    <row r="318" spans="1:53">
      <c r="A318" s="52" t="s">
        <v>1113</v>
      </c>
      <c r="B318" s="53">
        <v>16731.5799999999</v>
      </c>
      <c r="C318" s="53">
        <v>16619.64</v>
      </c>
      <c r="D318" s="53">
        <v>17098.009999999998</v>
      </c>
      <c r="E318" s="53">
        <v>16909.319999999901</v>
      </c>
      <c r="F318" s="53">
        <v>18520.73</v>
      </c>
      <c r="G318" s="53">
        <v>16893.029999999901</v>
      </c>
      <c r="H318" s="53">
        <v>16911.43</v>
      </c>
      <c r="I318" s="53">
        <v>16914.490000000002</v>
      </c>
      <c r="J318" s="53">
        <v>16914.959999999901</v>
      </c>
      <c r="K318" s="53">
        <v>16905.5099999999</v>
      </c>
      <c r="L318" s="53">
        <v>18608.16</v>
      </c>
      <c r="M318" s="53">
        <v>17151.22</v>
      </c>
      <c r="N318" s="53">
        <v>206178.08</v>
      </c>
      <c r="O318" s="53">
        <v>16731.5799999999</v>
      </c>
      <c r="P318" s="53">
        <v>16619.64</v>
      </c>
      <c r="Q318" s="53">
        <v>17098.009999999998</v>
      </c>
      <c r="R318" s="53">
        <v>16909.319999999901</v>
      </c>
      <c r="S318" s="53">
        <v>18520.73</v>
      </c>
      <c r="T318" s="53">
        <v>16893.029999999901</v>
      </c>
      <c r="U318" s="53">
        <v>16911.43</v>
      </c>
      <c r="V318" s="53">
        <v>16914.490000000002</v>
      </c>
      <c r="W318" s="53">
        <v>16914.959999999901</v>
      </c>
      <c r="X318" s="53">
        <v>16905.5099999999</v>
      </c>
      <c r="Y318" s="53">
        <v>18608.16</v>
      </c>
      <c r="Z318" s="53">
        <v>17151.22</v>
      </c>
      <c r="AA318" s="53">
        <v>206178.08</v>
      </c>
      <c r="AB318" s="53">
        <v>16731.5799999999</v>
      </c>
      <c r="AC318" s="53">
        <v>16619.64</v>
      </c>
      <c r="AD318" s="53">
        <v>17098.009999999998</v>
      </c>
      <c r="AE318" s="53">
        <v>16909.319999999901</v>
      </c>
      <c r="AF318" s="53">
        <v>18520.73</v>
      </c>
      <c r="AG318" s="53">
        <v>16893.029999999901</v>
      </c>
      <c r="AH318" s="53">
        <v>16911.43</v>
      </c>
      <c r="AI318" s="53">
        <v>16914.490000000002</v>
      </c>
      <c r="AJ318" s="53">
        <v>16914.959999999901</v>
      </c>
      <c r="AK318" s="53">
        <v>16905.5099999999</v>
      </c>
      <c r="AL318" s="53">
        <v>18608.16</v>
      </c>
      <c r="AM318" s="53">
        <v>17151.22</v>
      </c>
      <c r="AN318" s="53">
        <v>206178.08</v>
      </c>
      <c r="AO318" s="53">
        <v>16731.5799999999</v>
      </c>
      <c r="AP318" s="53">
        <v>16619.64</v>
      </c>
      <c r="AQ318" s="53">
        <v>17098.009999999998</v>
      </c>
      <c r="AR318" s="53">
        <v>16909.319999999901</v>
      </c>
      <c r="AS318" s="53">
        <v>18520.73</v>
      </c>
      <c r="AT318" s="53">
        <v>16893.029999999901</v>
      </c>
      <c r="AU318" s="53">
        <v>16911.43</v>
      </c>
      <c r="AV318" s="53">
        <v>16914.490000000002</v>
      </c>
      <c r="AW318" s="53">
        <v>16914.959999999901</v>
      </c>
      <c r="AX318" s="53">
        <v>16905.5099999999</v>
      </c>
      <c r="AY318" s="53">
        <v>18608.16</v>
      </c>
      <c r="AZ318" s="53">
        <v>17151.22</v>
      </c>
      <c r="BA318" s="53">
        <v>206178.08</v>
      </c>
    </row>
    <row r="319" spans="1:53">
      <c r="A319" s="52" t="s">
        <v>1114</v>
      </c>
      <c r="B319" s="53"/>
      <c r="C319" s="53"/>
      <c r="D319" s="53"/>
      <c r="E319" s="53"/>
      <c r="F319" s="53"/>
      <c r="G319" s="53"/>
      <c r="H319" s="53"/>
      <c r="I319" s="53"/>
      <c r="J319" s="53"/>
      <c r="K319" s="53"/>
      <c r="L319" s="53"/>
      <c r="M319" s="53"/>
      <c r="N319" s="53"/>
      <c r="O319" s="53"/>
      <c r="P319" s="53"/>
      <c r="Q319" s="53"/>
      <c r="R319" s="53"/>
      <c r="S319" s="53"/>
      <c r="T319" s="53"/>
      <c r="U319" s="53"/>
      <c r="V319" s="53"/>
      <c r="W319" s="53"/>
      <c r="X319" s="53"/>
      <c r="Y319" s="53"/>
      <c r="Z319" s="53"/>
      <c r="AA319" s="53"/>
      <c r="AB319" s="53"/>
      <c r="AC319" s="53"/>
      <c r="AD319" s="53"/>
      <c r="AE319" s="53"/>
      <c r="AF319" s="53"/>
      <c r="AG319" s="53"/>
      <c r="AH319" s="53"/>
      <c r="AI319" s="53"/>
      <c r="AJ319" s="53"/>
      <c r="AK319" s="53"/>
      <c r="AL319" s="53"/>
      <c r="AM319" s="53"/>
      <c r="AN319" s="53"/>
      <c r="AO319" s="53"/>
      <c r="AP319" s="53"/>
      <c r="AQ319" s="53"/>
      <c r="AR319" s="53"/>
      <c r="AS319" s="53"/>
      <c r="AT319" s="53"/>
      <c r="AU319" s="53"/>
      <c r="AV319" s="53"/>
      <c r="AW319" s="53"/>
      <c r="AX319" s="53"/>
      <c r="AY319" s="53"/>
      <c r="AZ319" s="53"/>
      <c r="BA319" s="53"/>
    </row>
    <row r="320" spans="1:53">
      <c r="A320" s="52" t="s">
        <v>1115</v>
      </c>
      <c r="B320" s="53">
        <v>716146.09</v>
      </c>
      <c r="C320" s="53">
        <v>711548.44</v>
      </c>
      <c r="D320" s="53">
        <v>710220.48</v>
      </c>
      <c r="E320" s="53">
        <v>707372.01</v>
      </c>
      <c r="F320" s="53">
        <v>552178.68999999994</v>
      </c>
      <c r="G320" s="53">
        <v>548096.64</v>
      </c>
      <c r="H320" s="53">
        <v>549767.95999999903</v>
      </c>
      <c r="I320" s="53">
        <v>553120.799999999</v>
      </c>
      <c r="J320" s="53">
        <v>708825.35</v>
      </c>
      <c r="K320" s="53">
        <v>710037.41</v>
      </c>
      <c r="L320" s="53">
        <v>715356.83</v>
      </c>
      <c r="M320" s="53">
        <v>708300.78</v>
      </c>
      <c r="N320" s="53">
        <v>7890971.4799999902</v>
      </c>
      <c r="O320" s="53">
        <v>587743.09</v>
      </c>
      <c r="P320" s="53">
        <v>583145.43999999994</v>
      </c>
      <c r="Q320" s="53">
        <v>580318.48</v>
      </c>
      <c r="R320" s="53">
        <v>577470.01</v>
      </c>
      <c r="S320" s="53">
        <v>573412.68999999994</v>
      </c>
      <c r="T320" s="53">
        <v>569330.64</v>
      </c>
      <c r="U320" s="53">
        <v>571001.96</v>
      </c>
      <c r="V320" s="53">
        <v>574354.799999999</v>
      </c>
      <c r="W320" s="53">
        <v>578923.35</v>
      </c>
      <c r="X320" s="53">
        <v>580135.41</v>
      </c>
      <c r="Y320" s="53">
        <v>585454.82999999996</v>
      </c>
      <c r="Z320" s="53">
        <v>578398.78</v>
      </c>
      <c r="AA320" s="53">
        <v>6939689.4800000004</v>
      </c>
      <c r="AB320" s="53">
        <v>589510.09</v>
      </c>
      <c r="AC320" s="53">
        <v>584912.43999999994</v>
      </c>
      <c r="AD320" s="53">
        <v>582085.48</v>
      </c>
      <c r="AE320" s="53">
        <v>579237.01</v>
      </c>
      <c r="AF320" s="53">
        <v>575179.68999999994</v>
      </c>
      <c r="AG320" s="53">
        <v>571097.64</v>
      </c>
      <c r="AH320" s="53">
        <v>572768.95999999903</v>
      </c>
      <c r="AI320" s="53">
        <v>576121.799999999</v>
      </c>
      <c r="AJ320" s="53">
        <v>580690.35</v>
      </c>
      <c r="AK320" s="53">
        <v>581902.41</v>
      </c>
      <c r="AL320" s="53">
        <v>587221.82999999996</v>
      </c>
      <c r="AM320" s="53">
        <v>580165.78</v>
      </c>
      <c r="AN320" s="53">
        <v>6960893.4799999902</v>
      </c>
      <c r="AO320" s="53">
        <v>591969.09</v>
      </c>
      <c r="AP320" s="53">
        <v>587371.43999999994</v>
      </c>
      <c r="AQ320" s="53">
        <v>584544.48</v>
      </c>
      <c r="AR320" s="53">
        <v>581696.01</v>
      </c>
      <c r="AS320" s="53">
        <v>577638.68999999994</v>
      </c>
      <c r="AT320" s="53">
        <v>573556.64</v>
      </c>
      <c r="AU320" s="53">
        <v>575227.96</v>
      </c>
      <c r="AV320" s="53">
        <v>578580.799999999</v>
      </c>
      <c r="AW320" s="53">
        <v>583149.35</v>
      </c>
      <c r="AX320" s="53">
        <v>584361.41</v>
      </c>
      <c r="AY320" s="53">
        <v>589680.82999999996</v>
      </c>
      <c r="AZ320" s="53">
        <v>582624.78</v>
      </c>
      <c r="BA320" s="53">
        <v>6990401.4800000004</v>
      </c>
    </row>
    <row r="321" spans="1:53">
      <c r="A321" s="52" t="s">
        <v>1116</v>
      </c>
      <c r="B321" s="53">
        <v>18943.214575587099</v>
      </c>
      <c r="C321" s="53">
        <v>18943.214575587099</v>
      </c>
      <c r="D321" s="53">
        <v>18943.214575587099</v>
      </c>
      <c r="E321" s="53">
        <v>18943.214575587099</v>
      </c>
      <c r="F321" s="53">
        <v>18943.214575587099</v>
      </c>
      <c r="G321" s="53">
        <v>18943.214575587099</v>
      </c>
      <c r="H321" s="53">
        <v>18943.214575587099</v>
      </c>
      <c r="I321" s="53">
        <v>18943.214575587099</v>
      </c>
      <c r="J321" s="53">
        <v>18943.214575587099</v>
      </c>
      <c r="K321" s="53">
        <v>18943.214575587099</v>
      </c>
      <c r="L321" s="53">
        <v>18943.214575587099</v>
      </c>
      <c r="M321" s="53">
        <v>18943.214575587099</v>
      </c>
      <c r="N321" s="53">
        <v>227318.574907045</v>
      </c>
      <c r="O321" s="53">
        <v>33675.069759084101</v>
      </c>
      <c r="P321" s="53">
        <v>33675.069759084101</v>
      </c>
      <c r="Q321" s="53">
        <v>33675.069759084101</v>
      </c>
      <c r="R321" s="53">
        <v>33675.069759084101</v>
      </c>
      <c r="S321" s="53">
        <v>33675.069759084101</v>
      </c>
      <c r="T321" s="53">
        <v>33675.069759084101</v>
      </c>
      <c r="U321" s="53">
        <v>33675.069759084101</v>
      </c>
      <c r="V321" s="53">
        <v>33675.069759084101</v>
      </c>
      <c r="W321" s="53">
        <v>33675.069759084101</v>
      </c>
      <c r="X321" s="53">
        <v>33675.069759084101</v>
      </c>
      <c r="Y321" s="53">
        <v>33675.069759084101</v>
      </c>
      <c r="Z321" s="53">
        <v>33675.069759084101</v>
      </c>
      <c r="AA321" s="53">
        <v>404100.83710900898</v>
      </c>
      <c r="AB321" s="53">
        <v>50153.144378554498</v>
      </c>
      <c r="AC321" s="53">
        <v>50153.144378554498</v>
      </c>
      <c r="AD321" s="53">
        <v>50153.144378554498</v>
      </c>
      <c r="AE321" s="53">
        <v>50153.144378554498</v>
      </c>
      <c r="AF321" s="53">
        <v>50153.144378554498</v>
      </c>
      <c r="AG321" s="53">
        <v>50153.144378554498</v>
      </c>
      <c r="AH321" s="53">
        <v>50153.144378554498</v>
      </c>
      <c r="AI321" s="53">
        <v>50153.144378554498</v>
      </c>
      <c r="AJ321" s="53">
        <v>50153.144378554498</v>
      </c>
      <c r="AK321" s="53">
        <v>50153.144378554498</v>
      </c>
      <c r="AL321" s="53">
        <v>50153.144378554498</v>
      </c>
      <c r="AM321" s="53">
        <v>50153.144378554498</v>
      </c>
      <c r="AN321" s="53">
        <v>601837.73254265299</v>
      </c>
      <c r="AO321" s="53">
        <v>65510.440764697902</v>
      </c>
      <c r="AP321" s="53">
        <v>65510.440764697902</v>
      </c>
      <c r="AQ321" s="53">
        <v>65510.440764697902</v>
      </c>
      <c r="AR321" s="53">
        <v>65510.440764697902</v>
      </c>
      <c r="AS321" s="53">
        <v>65510.440764697902</v>
      </c>
      <c r="AT321" s="53">
        <v>65510.440764697902</v>
      </c>
      <c r="AU321" s="53">
        <v>65510.440764697902</v>
      </c>
      <c r="AV321" s="53">
        <v>65510.440764697902</v>
      </c>
      <c r="AW321" s="53">
        <v>65510.440764697902</v>
      </c>
      <c r="AX321" s="53">
        <v>65510.440764697902</v>
      </c>
      <c r="AY321" s="53">
        <v>65510.440764697902</v>
      </c>
      <c r="AZ321" s="53">
        <v>65510.440764697902</v>
      </c>
      <c r="BA321" s="53">
        <v>786125.28917637502</v>
      </c>
    </row>
    <row r="322" spans="1:53">
      <c r="A322" s="52" t="s">
        <v>1117</v>
      </c>
      <c r="B322" s="53">
        <v>735089.30457558704</v>
      </c>
      <c r="C322" s="53">
        <v>730491.65457558702</v>
      </c>
      <c r="D322" s="53">
        <v>729163.69457558705</v>
      </c>
      <c r="E322" s="53">
        <v>726315.22457558697</v>
      </c>
      <c r="F322" s="53">
        <v>571121.90457558702</v>
      </c>
      <c r="G322" s="53">
        <v>567039.85457558697</v>
      </c>
      <c r="H322" s="53">
        <v>568711.17457558704</v>
      </c>
      <c r="I322" s="53">
        <v>572064.014575587</v>
      </c>
      <c r="J322" s="53">
        <v>727768.56457558705</v>
      </c>
      <c r="K322" s="53">
        <v>728980.62457558699</v>
      </c>
      <c r="L322" s="53">
        <v>734300.04457558703</v>
      </c>
      <c r="M322" s="53">
        <v>727243.99457558698</v>
      </c>
      <c r="N322" s="53">
        <v>8118290.0549070397</v>
      </c>
      <c r="O322" s="53">
        <v>621418.159759084</v>
      </c>
      <c r="P322" s="53">
        <v>616820.50975908397</v>
      </c>
      <c r="Q322" s="53">
        <v>613993.54975908401</v>
      </c>
      <c r="R322" s="53">
        <v>611145.07975908404</v>
      </c>
      <c r="S322" s="53">
        <v>607087.75975908397</v>
      </c>
      <c r="T322" s="53">
        <v>603005.70975908404</v>
      </c>
      <c r="U322" s="53">
        <v>604677.02975908399</v>
      </c>
      <c r="V322" s="53">
        <v>608029.86975908396</v>
      </c>
      <c r="W322" s="53">
        <v>612598.419759084</v>
      </c>
      <c r="X322" s="53">
        <v>613810.47975908394</v>
      </c>
      <c r="Y322" s="53">
        <v>619129.89975908399</v>
      </c>
      <c r="Z322" s="53">
        <v>612073.84975908406</v>
      </c>
      <c r="AA322" s="53">
        <v>7343790.3171089999</v>
      </c>
      <c r="AB322" s="53">
        <v>639663.23437855404</v>
      </c>
      <c r="AC322" s="53">
        <v>635065.58437855402</v>
      </c>
      <c r="AD322" s="53">
        <v>632238.62437855406</v>
      </c>
      <c r="AE322" s="53">
        <v>629390.15437855397</v>
      </c>
      <c r="AF322" s="53">
        <v>625332.83437855402</v>
      </c>
      <c r="AG322" s="53">
        <v>621250.78437855397</v>
      </c>
      <c r="AH322" s="53">
        <v>622922.10437855404</v>
      </c>
      <c r="AI322" s="53">
        <v>626274.94437855401</v>
      </c>
      <c r="AJ322" s="53">
        <v>630843.49437855405</v>
      </c>
      <c r="AK322" s="53">
        <v>632055.55437855399</v>
      </c>
      <c r="AL322" s="53">
        <v>637374.97437855403</v>
      </c>
      <c r="AM322" s="53">
        <v>630318.92437855399</v>
      </c>
      <c r="AN322" s="53">
        <v>7562731.2125426503</v>
      </c>
      <c r="AO322" s="53">
        <v>657479.530764697</v>
      </c>
      <c r="AP322" s="53">
        <v>652881.88076469803</v>
      </c>
      <c r="AQ322" s="53">
        <v>650054.92076469795</v>
      </c>
      <c r="AR322" s="53">
        <v>647206.45076469798</v>
      </c>
      <c r="AS322" s="53">
        <v>643149.13076469698</v>
      </c>
      <c r="AT322" s="53">
        <v>639067.08076469798</v>
      </c>
      <c r="AU322" s="53">
        <v>640738.400764697</v>
      </c>
      <c r="AV322" s="53">
        <v>644091.24076469697</v>
      </c>
      <c r="AW322" s="53">
        <v>648659.79076469794</v>
      </c>
      <c r="AX322" s="53">
        <v>649871.850764698</v>
      </c>
      <c r="AY322" s="53">
        <v>655191.27076469699</v>
      </c>
      <c r="AZ322" s="53">
        <v>648135.220764698</v>
      </c>
      <c r="BA322" s="53">
        <v>7776526.7691763705</v>
      </c>
    </row>
    <row r="323" spans="1:53">
      <c r="A323" s="52" t="s">
        <v>1118</v>
      </c>
      <c r="B323" s="53"/>
      <c r="C323" s="53"/>
      <c r="D323" s="53"/>
      <c r="E323" s="53"/>
      <c r="F323" s="53"/>
      <c r="G323" s="53"/>
      <c r="H323" s="53"/>
      <c r="I323" s="53"/>
      <c r="J323" s="53"/>
      <c r="K323" s="53"/>
      <c r="L323" s="53"/>
      <c r="M323" s="53"/>
      <c r="N323" s="53"/>
      <c r="O323" s="53"/>
      <c r="P323" s="53"/>
      <c r="Q323" s="53"/>
      <c r="R323" s="53"/>
      <c r="S323" s="53"/>
      <c r="T323" s="53"/>
      <c r="U323" s="53"/>
      <c r="V323" s="53"/>
      <c r="W323" s="53"/>
      <c r="X323" s="53"/>
      <c r="Y323" s="53"/>
      <c r="Z323" s="53"/>
      <c r="AA323" s="53"/>
      <c r="AB323" s="53"/>
      <c r="AC323" s="53"/>
      <c r="AD323" s="53"/>
      <c r="AE323" s="53"/>
      <c r="AF323" s="53"/>
      <c r="AG323" s="53"/>
      <c r="AH323" s="53"/>
      <c r="AI323" s="53"/>
      <c r="AJ323" s="53"/>
      <c r="AK323" s="53"/>
      <c r="AL323" s="53"/>
      <c r="AM323" s="53"/>
      <c r="AN323" s="53"/>
      <c r="AO323" s="53"/>
      <c r="AP323" s="53"/>
      <c r="AQ323" s="53"/>
      <c r="AR323" s="53"/>
      <c r="AS323" s="53"/>
      <c r="AT323" s="53"/>
      <c r="AU323" s="53"/>
      <c r="AV323" s="53"/>
      <c r="AW323" s="53"/>
      <c r="AX323" s="53"/>
      <c r="AY323" s="53"/>
      <c r="AZ323" s="53"/>
      <c r="BA323" s="53"/>
    </row>
    <row r="324" spans="1:53">
      <c r="A324" s="52" t="s">
        <v>1119</v>
      </c>
      <c r="B324" s="53">
        <v>279166.03999999998</v>
      </c>
      <c r="C324" s="53">
        <v>279166.03999999998</v>
      </c>
      <c r="D324" s="53">
        <v>282839.18</v>
      </c>
      <c r="E324" s="53">
        <v>282839.18</v>
      </c>
      <c r="F324" s="53">
        <v>312656.78000000003</v>
      </c>
      <c r="G324" s="53">
        <v>282839.18</v>
      </c>
      <c r="H324" s="53">
        <v>282839.18</v>
      </c>
      <c r="I324" s="53">
        <v>282839.18</v>
      </c>
      <c r="J324" s="53">
        <v>282839.18</v>
      </c>
      <c r="K324" s="53">
        <v>282839.18</v>
      </c>
      <c r="L324" s="53">
        <v>312656.78000000003</v>
      </c>
      <c r="M324" s="53">
        <v>283899.03000000003</v>
      </c>
      <c r="N324" s="53">
        <v>3447418.93</v>
      </c>
      <c r="O324" s="53">
        <v>95950.841043823995</v>
      </c>
      <c r="P324" s="53">
        <v>95950.841043823995</v>
      </c>
      <c r="Q324" s="53">
        <v>99623.981043823995</v>
      </c>
      <c r="R324" s="53">
        <v>99623.981043823995</v>
      </c>
      <c r="S324" s="53">
        <v>129441.581043824</v>
      </c>
      <c r="T324" s="53">
        <v>99623.981043823995</v>
      </c>
      <c r="U324" s="53">
        <v>99623.981043823995</v>
      </c>
      <c r="V324" s="53">
        <v>99623.981043823995</v>
      </c>
      <c r="W324" s="53">
        <v>99623.981043823995</v>
      </c>
      <c r="X324" s="53">
        <v>99623.981043823995</v>
      </c>
      <c r="Y324" s="53">
        <v>129441.581043824</v>
      </c>
      <c r="Z324" s="53">
        <v>100683.831043824</v>
      </c>
      <c r="AA324" s="53">
        <v>1248836.54252588</v>
      </c>
      <c r="AB324" s="53">
        <v>86362.650616890998</v>
      </c>
      <c r="AC324" s="53">
        <v>86362.650616890998</v>
      </c>
      <c r="AD324" s="53">
        <v>90035.790616890998</v>
      </c>
      <c r="AE324" s="53">
        <v>90035.790616890998</v>
      </c>
      <c r="AF324" s="53">
        <v>119853.390616891</v>
      </c>
      <c r="AG324" s="53">
        <v>90035.790616890998</v>
      </c>
      <c r="AH324" s="53">
        <v>90035.790616890998</v>
      </c>
      <c r="AI324" s="53">
        <v>90035.790616890998</v>
      </c>
      <c r="AJ324" s="53">
        <v>90035.790616890998</v>
      </c>
      <c r="AK324" s="53">
        <v>90035.790616890998</v>
      </c>
      <c r="AL324" s="53">
        <v>119853.390616891</v>
      </c>
      <c r="AM324" s="53">
        <v>91095.640616891003</v>
      </c>
      <c r="AN324" s="53">
        <v>1133778.2574026899</v>
      </c>
      <c r="AO324" s="53">
        <v>76103.286860074004</v>
      </c>
      <c r="AP324" s="53">
        <v>76103.286860074004</v>
      </c>
      <c r="AQ324" s="53">
        <v>79776.426860074003</v>
      </c>
      <c r="AR324" s="53">
        <v>79776.426860074003</v>
      </c>
      <c r="AS324" s="53">
        <v>109594.02686007399</v>
      </c>
      <c r="AT324" s="53">
        <v>79776.426860074003</v>
      </c>
      <c r="AU324" s="53">
        <v>79776.426860074003</v>
      </c>
      <c r="AV324" s="53">
        <v>79776.426860074003</v>
      </c>
      <c r="AW324" s="53">
        <v>79776.426860074003</v>
      </c>
      <c r="AX324" s="53">
        <v>79776.426860074003</v>
      </c>
      <c r="AY324" s="53">
        <v>109594.02686007399</v>
      </c>
      <c r="AZ324" s="53">
        <v>80836.276860073995</v>
      </c>
      <c r="BA324" s="53">
        <v>1010665.89232088</v>
      </c>
    </row>
    <row r="325" spans="1:53">
      <c r="A325" s="235" t="s">
        <v>1120</v>
      </c>
      <c r="B325" s="53">
        <v>0</v>
      </c>
      <c r="C325" s="53">
        <v>0</v>
      </c>
      <c r="D325" s="53">
        <v>0</v>
      </c>
      <c r="E325" s="53">
        <v>0</v>
      </c>
      <c r="F325" s="53">
        <v>0</v>
      </c>
      <c r="G325" s="53">
        <v>0</v>
      </c>
      <c r="H325" s="53">
        <v>0</v>
      </c>
      <c r="I325" s="53">
        <v>0</v>
      </c>
      <c r="J325" s="53">
        <v>0</v>
      </c>
      <c r="K325" s="53">
        <v>0</v>
      </c>
      <c r="L325" s="53">
        <v>0</v>
      </c>
      <c r="M325" s="53">
        <v>0</v>
      </c>
      <c r="N325" s="53">
        <v>0</v>
      </c>
      <c r="O325" s="53">
        <v>45037.861769999901</v>
      </c>
      <c r="P325" s="53">
        <v>45037.861769999901</v>
      </c>
      <c r="Q325" s="53">
        <v>45037.861769999901</v>
      </c>
      <c r="R325" s="53">
        <v>45037.861769999901</v>
      </c>
      <c r="S325" s="53">
        <v>45037.861769999901</v>
      </c>
      <c r="T325" s="53">
        <v>45037.861769999901</v>
      </c>
      <c r="U325" s="53">
        <v>45037.861769999901</v>
      </c>
      <c r="V325" s="53">
        <v>45037.861769999901</v>
      </c>
      <c r="W325" s="53">
        <v>45037.861769999901</v>
      </c>
      <c r="X325" s="53">
        <v>45037.861769999901</v>
      </c>
      <c r="Y325" s="53">
        <v>45037.861769999901</v>
      </c>
      <c r="Z325" s="53">
        <v>45037.861769999901</v>
      </c>
      <c r="AA325" s="53">
        <v>540454.34123999998</v>
      </c>
      <c r="AB325" s="53">
        <v>48972.608352899901</v>
      </c>
      <c r="AC325" s="53">
        <v>48972.608352899901</v>
      </c>
      <c r="AD325" s="53">
        <v>48972.608352899901</v>
      </c>
      <c r="AE325" s="53">
        <v>48972.608352899901</v>
      </c>
      <c r="AF325" s="53">
        <v>48972.608352899901</v>
      </c>
      <c r="AG325" s="53">
        <v>48972.608352899901</v>
      </c>
      <c r="AH325" s="53">
        <v>48972.608352899901</v>
      </c>
      <c r="AI325" s="53">
        <v>48972.608352899901</v>
      </c>
      <c r="AJ325" s="53">
        <v>48972.608352899901</v>
      </c>
      <c r="AK325" s="53">
        <v>48972.608352899901</v>
      </c>
      <c r="AL325" s="53">
        <v>48972.608352899901</v>
      </c>
      <c r="AM325" s="53">
        <v>48972.608352899901</v>
      </c>
      <c r="AN325" s="53">
        <v>587671.30023479997</v>
      </c>
      <c r="AO325" s="53">
        <v>49377.892941520498</v>
      </c>
      <c r="AP325" s="53">
        <v>49377.892941520498</v>
      </c>
      <c r="AQ325" s="53">
        <v>49377.892941520498</v>
      </c>
      <c r="AR325" s="53">
        <v>49377.892941520498</v>
      </c>
      <c r="AS325" s="53">
        <v>49377.892941520498</v>
      </c>
      <c r="AT325" s="53">
        <v>49377.892941520498</v>
      </c>
      <c r="AU325" s="53">
        <v>49377.892941520498</v>
      </c>
      <c r="AV325" s="53">
        <v>49377.892941520498</v>
      </c>
      <c r="AW325" s="53">
        <v>49377.892941520498</v>
      </c>
      <c r="AX325" s="53">
        <v>49377.892941520498</v>
      </c>
      <c r="AY325" s="53">
        <v>49377.892941520498</v>
      </c>
      <c r="AZ325" s="53">
        <v>49377.892941520498</v>
      </c>
      <c r="BA325" s="53">
        <v>592534.71529824496</v>
      </c>
    </row>
    <row r="326" spans="1:53">
      <c r="A326" s="52" t="s">
        <v>1121</v>
      </c>
      <c r="B326" s="53">
        <v>279166.03999999998</v>
      </c>
      <c r="C326" s="53">
        <v>279166.03999999998</v>
      </c>
      <c r="D326" s="53">
        <v>282839.18</v>
      </c>
      <c r="E326" s="53">
        <v>282839.18</v>
      </c>
      <c r="F326" s="53">
        <v>312656.78000000003</v>
      </c>
      <c r="G326" s="53">
        <v>282839.18</v>
      </c>
      <c r="H326" s="53">
        <v>282839.18</v>
      </c>
      <c r="I326" s="53">
        <v>282839.18</v>
      </c>
      <c r="J326" s="53">
        <v>282839.18</v>
      </c>
      <c r="K326" s="53">
        <v>282839.18</v>
      </c>
      <c r="L326" s="53">
        <v>312656.78000000003</v>
      </c>
      <c r="M326" s="53">
        <v>283899.03000000003</v>
      </c>
      <c r="N326" s="53">
        <v>3447418.93</v>
      </c>
      <c r="O326" s="53">
        <v>140988.702813824</v>
      </c>
      <c r="P326" s="53">
        <v>140988.702813824</v>
      </c>
      <c r="Q326" s="53">
        <v>144661.84281382299</v>
      </c>
      <c r="R326" s="53">
        <v>144661.84281382299</v>
      </c>
      <c r="S326" s="53">
        <v>174479.44281382399</v>
      </c>
      <c r="T326" s="53">
        <v>144661.84281382299</v>
      </c>
      <c r="U326" s="53">
        <v>144661.84281382299</v>
      </c>
      <c r="V326" s="53">
        <v>144661.84281382299</v>
      </c>
      <c r="W326" s="53">
        <v>144661.84281382299</v>
      </c>
      <c r="X326" s="53">
        <v>144661.84281382299</v>
      </c>
      <c r="Y326" s="53">
        <v>174479.44281382399</v>
      </c>
      <c r="Z326" s="53">
        <v>145721.69281382399</v>
      </c>
      <c r="AA326" s="53">
        <v>1789290.88376588</v>
      </c>
      <c r="AB326" s="53">
        <v>135335.258969791</v>
      </c>
      <c r="AC326" s="53">
        <v>135335.258969791</v>
      </c>
      <c r="AD326" s="53">
        <v>139008.39896979099</v>
      </c>
      <c r="AE326" s="53">
        <v>139008.39896979099</v>
      </c>
      <c r="AF326" s="53">
        <v>168825.99896979099</v>
      </c>
      <c r="AG326" s="53">
        <v>139008.39896979099</v>
      </c>
      <c r="AH326" s="53">
        <v>139008.39896979099</v>
      </c>
      <c r="AI326" s="53">
        <v>139008.39896979099</v>
      </c>
      <c r="AJ326" s="53">
        <v>139008.39896979099</v>
      </c>
      <c r="AK326" s="53">
        <v>139008.39896979099</v>
      </c>
      <c r="AL326" s="53">
        <v>168825.99896979099</v>
      </c>
      <c r="AM326" s="53">
        <v>140068.24896979099</v>
      </c>
      <c r="AN326" s="53">
        <v>1721449.5576374901</v>
      </c>
      <c r="AO326" s="53">
        <v>125481.179801594</v>
      </c>
      <c r="AP326" s="53">
        <v>125481.179801594</v>
      </c>
      <c r="AQ326" s="53">
        <v>129154.319801594</v>
      </c>
      <c r="AR326" s="53">
        <v>129154.319801594</v>
      </c>
      <c r="AS326" s="53">
        <v>158971.91980159399</v>
      </c>
      <c r="AT326" s="53">
        <v>129154.319801594</v>
      </c>
      <c r="AU326" s="53">
        <v>129154.319801594</v>
      </c>
      <c r="AV326" s="53">
        <v>129154.319801594</v>
      </c>
      <c r="AW326" s="53">
        <v>129154.319801594</v>
      </c>
      <c r="AX326" s="53">
        <v>129154.319801594</v>
      </c>
      <c r="AY326" s="53">
        <v>158971.91980159399</v>
      </c>
      <c r="AZ326" s="53">
        <v>130214.16980159401</v>
      </c>
      <c r="BA326" s="53">
        <v>1603200.6076191301</v>
      </c>
    </row>
    <row r="327" spans="1:53">
      <c r="A327" s="52" t="s">
        <v>1122</v>
      </c>
      <c r="B327" s="53"/>
      <c r="C327" s="53"/>
      <c r="D327" s="53"/>
      <c r="E327" s="53"/>
      <c r="F327" s="53"/>
      <c r="G327" s="53"/>
      <c r="H327" s="53"/>
      <c r="I327" s="53"/>
      <c r="J327" s="53"/>
      <c r="K327" s="53"/>
      <c r="L327" s="53"/>
      <c r="M327" s="53"/>
      <c r="N327" s="53"/>
      <c r="O327" s="53"/>
      <c r="P327" s="53"/>
      <c r="Q327" s="53"/>
      <c r="R327" s="53"/>
      <c r="S327" s="53"/>
      <c r="T327" s="53"/>
      <c r="U327" s="53"/>
      <c r="V327" s="53"/>
      <c r="W327" s="53"/>
      <c r="X327" s="53"/>
      <c r="Y327" s="53"/>
      <c r="Z327" s="53"/>
      <c r="AA327" s="53"/>
      <c r="AB327" s="53"/>
      <c r="AC327" s="53"/>
      <c r="AD327" s="53"/>
      <c r="AE327" s="53"/>
      <c r="AF327" s="53"/>
      <c r="AG327" s="53"/>
      <c r="AH327" s="53"/>
      <c r="AI327" s="53"/>
      <c r="AJ327" s="53"/>
      <c r="AK327" s="53"/>
      <c r="AL327" s="53"/>
      <c r="AM327" s="53"/>
      <c r="AN327" s="53"/>
      <c r="AO327" s="53"/>
      <c r="AP327" s="53"/>
      <c r="AQ327" s="53"/>
      <c r="AR327" s="53"/>
      <c r="AS327" s="53"/>
      <c r="AT327" s="53"/>
      <c r="AU327" s="53"/>
      <c r="AV327" s="53"/>
      <c r="AW327" s="53"/>
      <c r="AX327" s="53"/>
      <c r="AY327" s="53"/>
      <c r="AZ327" s="53"/>
      <c r="BA327" s="53"/>
    </row>
    <row r="328" spans="1:53">
      <c r="A328" s="52" t="s">
        <v>1123</v>
      </c>
      <c r="B328" s="53">
        <v>13144.91</v>
      </c>
      <c r="C328" s="53">
        <v>13063.7</v>
      </c>
      <c r="D328" s="53">
        <v>13040.58</v>
      </c>
      <c r="E328" s="53">
        <v>12990.359999999901</v>
      </c>
      <c r="F328" s="53">
        <v>13035.86</v>
      </c>
      <c r="G328" s="53">
        <v>19409.91</v>
      </c>
      <c r="H328" s="53">
        <v>12981.3</v>
      </c>
      <c r="I328" s="53">
        <v>13056.84</v>
      </c>
      <c r="J328" s="53">
        <v>13016.09</v>
      </c>
      <c r="K328" s="53">
        <v>915454.22</v>
      </c>
      <c r="L328" s="53">
        <v>13131.05</v>
      </c>
      <c r="M328" s="53">
        <v>19505.069999999901</v>
      </c>
      <c r="N328" s="53">
        <v>1071829.8899999999</v>
      </c>
      <c r="O328" s="53">
        <v>13144.91</v>
      </c>
      <c r="P328" s="53">
        <v>13063.7</v>
      </c>
      <c r="Q328" s="53">
        <v>13040.58</v>
      </c>
      <c r="R328" s="53">
        <v>12990.359999999901</v>
      </c>
      <c r="S328" s="53">
        <v>13035.86</v>
      </c>
      <c r="T328" s="53">
        <v>19409.91</v>
      </c>
      <c r="U328" s="53">
        <v>12981.3</v>
      </c>
      <c r="V328" s="53">
        <v>13056.84</v>
      </c>
      <c r="W328" s="53">
        <v>13016.09</v>
      </c>
      <c r="X328" s="53">
        <v>915454.22</v>
      </c>
      <c r="Y328" s="53">
        <v>13131.05</v>
      </c>
      <c r="Z328" s="53">
        <v>19505.069999999901</v>
      </c>
      <c r="AA328" s="53">
        <v>1071829.8899999999</v>
      </c>
      <c r="AB328" s="53">
        <v>13144.91</v>
      </c>
      <c r="AC328" s="53">
        <v>13063.7</v>
      </c>
      <c r="AD328" s="53">
        <v>13040.58</v>
      </c>
      <c r="AE328" s="53">
        <v>12990.359999999901</v>
      </c>
      <c r="AF328" s="53">
        <v>13035.86</v>
      </c>
      <c r="AG328" s="53">
        <v>19409.91</v>
      </c>
      <c r="AH328" s="53">
        <v>12981.3</v>
      </c>
      <c r="AI328" s="53">
        <v>13056.84</v>
      </c>
      <c r="AJ328" s="53">
        <v>13016.09</v>
      </c>
      <c r="AK328" s="53">
        <v>915454.22</v>
      </c>
      <c r="AL328" s="53">
        <v>13131.05</v>
      </c>
      <c r="AM328" s="53">
        <v>19505.069999999901</v>
      </c>
      <c r="AN328" s="53">
        <v>1071829.8899999999</v>
      </c>
      <c r="AO328" s="53">
        <v>13144.91</v>
      </c>
      <c r="AP328" s="53">
        <v>13063.7</v>
      </c>
      <c r="AQ328" s="53">
        <v>13040.58</v>
      </c>
      <c r="AR328" s="53">
        <v>12990.359999999901</v>
      </c>
      <c r="AS328" s="53">
        <v>13035.86</v>
      </c>
      <c r="AT328" s="53">
        <v>19409.91</v>
      </c>
      <c r="AU328" s="53">
        <v>12981.3</v>
      </c>
      <c r="AV328" s="53">
        <v>13056.84</v>
      </c>
      <c r="AW328" s="53">
        <v>13016.09</v>
      </c>
      <c r="AX328" s="53">
        <v>915454.22</v>
      </c>
      <c r="AY328" s="53">
        <v>13131.05</v>
      </c>
      <c r="AZ328" s="53">
        <v>19505.069999999901</v>
      </c>
      <c r="BA328" s="53">
        <v>1071829.8899999999</v>
      </c>
    </row>
    <row r="329" spans="1:53">
      <c r="A329" s="52" t="s">
        <v>1124</v>
      </c>
      <c r="B329" s="53">
        <v>13144.91</v>
      </c>
      <c r="C329" s="53">
        <v>13063.7</v>
      </c>
      <c r="D329" s="53">
        <v>13040.58</v>
      </c>
      <c r="E329" s="53">
        <v>12990.359999999901</v>
      </c>
      <c r="F329" s="53">
        <v>13035.86</v>
      </c>
      <c r="G329" s="53">
        <v>19409.91</v>
      </c>
      <c r="H329" s="53">
        <v>12981.3</v>
      </c>
      <c r="I329" s="53">
        <v>13056.84</v>
      </c>
      <c r="J329" s="53">
        <v>13016.09</v>
      </c>
      <c r="K329" s="53">
        <v>915454.22</v>
      </c>
      <c r="L329" s="53">
        <v>13131.05</v>
      </c>
      <c r="M329" s="53">
        <v>19505.069999999901</v>
      </c>
      <c r="N329" s="53">
        <v>1071829.8899999999</v>
      </c>
      <c r="O329" s="53">
        <v>13144.91</v>
      </c>
      <c r="P329" s="53">
        <v>13063.7</v>
      </c>
      <c r="Q329" s="53">
        <v>13040.58</v>
      </c>
      <c r="R329" s="53">
        <v>12990.359999999901</v>
      </c>
      <c r="S329" s="53">
        <v>13035.86</v>
      </c>
      <c r="T329" s="53">
        <v>19409.91</v>
      </c>
      <c r="U329" s="53">
        <v>12981.3</v>
      </c>
      <c r="V329" s="53">
        <v>13056.84</v>
      </c>
      <c r="W329" s="53">
        <v>13016.09</v>
      </c>
      <c r="X329" s="53">
        <v>915454.22</v>
      </c>
      <c r="Y329" s="53">
        <v>13131.05</v>
      </c>
      <c r="Z329" s="53">
        <v>19505.069999999901</v>
      </c>
      <c r="AA329" s="53">
        <v>1071829.8899999999</v>
      </c>
      <c r="AB329" s="53">
        <v>13144.91</v>
      </c>
      <c r="AC329" s="53">
        <v>13063.7</v>
      </c>
      <c r="AD329" s="53">
        <v>13040.58</v>
      </c>
      <c r="AE329" s="53">
        <v>12990.359999999901</v>
      </c>
      <c r="AF329" s="53">
        <v>13035.86</v>
      </c>
      <c r="AG329" s="53">
        <v>19409.91</v>
      </c>
      <c r="AH329" s="53">
        <v>12981.3</v>
      </c>
      <c r="AI329" s="53">
        <v>13056.84</v>
      </c>
      <c r="AJ329" s="53">
        <v>13016.09</v>
      </c>
      <c r="AK329" s="53">
        <v>915454.22</v>
      </c>
      <c r="AL329" s="53">
        <v>13131.05</v>
      </c>
      <c r="AM329" s="53">
        <v>19505.069999999901</v>
      </c>
      <c r="AN329" s="53">
        <v>1071829.8899999999</v>
      </c>
      <c r="AO329" s="53">
        <v>13144.91</v>
      </c>
      <c r="AP329" s="53">
        <v>13063.7</v>
      </c>
      <c r="AQ329" s="53">
        <v>13040.58</v>
      </c>
      <c r="AR329" s="53">
        <v>12990.359999999901</v>
      </c>
      <c r="AS329" s="53">
        <v>13035.86</v>
      </c>
      <c r="AT329" s="53">
        <v>19409.91</v>
      </c>
      <c r="AU329" s="53">
        <v>12981.3</v>
      </c>
      <c r="AV329" s="53">
        <v>13056.84</v>
      </c>
      <c r="AW329" s="53">
        <v>13016.09</v>
      </c>
      <c r="AX329" s="53">
        <v>915454.22</v>
      </c>
      <c r="AY329" s="53">
        <v>13131.05</v>
      </c>
      <c r="AZ329" s="53">
        <v>19505.069999999901</v>
      </c>
      <c r="BA329" s="53">
        <v>1071829.8899999999</v>
      </c>
    </row>
    <row r="330" spans="1:53">
      <c r="A330" s="236" t="s">
        <v>1125</v>
      </c>
      <c r="B330" s="53">
        <v>3371059.2515853802</v>
      </c>
      <c r="C330" s="53">
        <v>3719366.5615853802</v>
      </c>
      <c r="D330" s="53">
        <v>3753869.6715853801</v>
      </c>
      <c r="E330" s="53">
        <v>3948858.0415853802</v>
      </c>
      <c r="F330" s="53">
        <v>3664284.4515853799</v>
      </c>
      <c r="G330" s="53">
        <v>4766369.6415853798</v>
      </c>
      <c r="H330" s="53">
        <v>4524632.9515853804</v>
      </c>
      <c r="I330" s="53">
        <v>4474889.9415853797</v>
      </c>
      <c r="J330" s="53">
        <v>4577980.7015853804</v>
      </c>
      <c r="K330" s="53">
        <v>4941401.3115853798</v>
      </c>
      <c r="L330" s="53">
        <v>4294637.84158538</v>
      </c>
      <c r="M330" s="53">
        <v>4398028.9115853803</v>
      </c>
      <c r="N330" s="53">
        <v>50435379.279024601</v>
      </c>
      <c r="O330" s="53">
        <v>3202427.6982128401</v>
      </c>
      <c r="P330" s="53">
        <v>3550735.0082128299</v>
      </c>
      <c r="Q330" s="53">
        <v>3583739.1182128401</v>
      </c>
      <c r="R330" s="53">
        <v>3778727.4882128299</v>
      </c>
      <c r="S330" s="53">
        <v>3645289.8982128301</v>
      </c>
      <c r="T330" s="53">
        <v>4747375.08821283</v>
      </c>
      <c r="U330" s="53">
        <v>4505638.3982128296</v>
      </c>
      <c r="V330" s="53">
        <v>4455895.3882128298</v>
      </c>
      <c r="W330" s="53">
        <v>4407850.1482128296</v>
      </c>
      <c r="X330" s="53">
        <v>4771270.7582128299</v>
      </c>
      <c r="Y330" s="53">
        <v>4124507.28821284</v>
      </c>
      <c r="Z330" s="53">
        <v>4227898.3582128296</v>
      </c>
      <c r="AA330" s="53">
        <v>49001354.638553999</v>
      </c>
      <c r="AB330" s="53">
        <v>3294860.63152715</v>
      </c>
      <c r="AC330" s="53">
        <v>3643167.9415271501</v>
      </c>
      <c r="AD330" s="53">
        <v>3676172.05152715</v>
      </c>
      <c r="AE330" s="53">
        <v>3871160.4215271501</v>
      </c>
      <c r="AF330" s="53">
        <v>3737722.8315271498</v>
      </c>
      <c r="AG330" s="53">
        <v>4839808.0215271497</v>
      </c>
      <c r="AH330" s="53">
        <v>4598071.3315271502</v>
      </c>
      <c r="AI330" s="53">
        <v>4548328.3215271505</v>
      </c>
      <c r="AJ330" s="53">
        <v>4500283.0815271502</v>
      </c>
      <c r="AK330" s="53">
        <v>4863703.6915271496</v>
      </c>
      <c r="AL330" s="53">
        <v>4216940.2215271499</v>
      </c>
      <c r="AM330" s="53">
        <v>4320331.2915271502</v>
      </c>
      <c r="AN330" s="53">
        <v>50110549.838325799</v>
      </c>
      <c r="AO330" s="53">
        <v>3376352.8874295298</v>
      </c>
      <c r="AP330" s="53">
        <v>3724660.1974295299</v>
      </c>
      <c r="AQ330" s="53">
        <v>3757664.3074295302</v>
      </c>
      <c r="AR330" s="53">
        <v>3952652.6774295298</v>
      </c>
      <c r="AS330" s="53">
        <v>3819215.08742953</v>
      </c>
      <c r="AT330" s="53">
        <v>4921300.2774295304</v>
      </c>
      <c r="AU330" s="53">
        <v>4679563.58742953</v>
      </c>
      <c r="AV330" s="53">
        <v>4629820.5774295302</v>
      </c>
      <c r="AW330" s="53">
        <v>4581775.33742953</v>
      </c>
      <c r="AX330" s="53">
        <v>4945195.9474295303</v>
      </c>
      <c r="AY330" s="53">
        <v>4298432.4774295297</v>
      </c>
      <c r="AZ330" s="53">
        <v>4401823.54742953</v>
      </c>
      <c r="BA330" s="53">
        <v>51088456.9091544</v>
      </c>
    </row>
    <row r="331" spans="1:53">
      <c r="A331" s="236" t="s">
        <v>1126</v>
      </c>
      <c r="B331" s="53">
        <v>7833696.1272166697</v>
      </c>
      <c r="C331" s="53">
        <v>7469125.5072166603</v>
      </c>
      <c r="D331" s="53">
        <v>7590268.4672166603</v>
      </c>
      <c r="E331" s="53">
        <v>7700942.7172166603</v>
      </c>
      <c r="F331" s="53">
        <v>7619012.7572166603</v>
      </c>
      <c r="G331" s="53">
        <v>8670212.93721666</v>
      </c>
      <c r="H331" s="53">
        <v>8174418.4872166598</v>
      </c>
      <c r="I331" s="53">
        <v>8032965.6772166602</v>
      </c>
      <c r="J331" s="53">
        <v>8248103.9172166605</v>
      </c>
      <c r="K331" s="53">
        <v>8676077.0972166602</v>
      </c>
      <c r="L331" s="53">
        <v>8113072.7072166698</v>
      </c>
      <c r="M331" s="53">
        <v>8617212.4172166605</v>
      </c>
      <c r="N331" s="53">
        <v>96745108.816599995</v>
      </c>
      <c r="O331" s="53">
        <v>7624348.5120554902</v>
      </c>
      <c r="P331" s="53">
        <v>7398098.8920554901</v>
      </c>
      <c r="Q331" s="53">
        <v>7547906.85205549</v>
      </c>
      <c r="R331" s="53">
        <v>7669819.10205549</v>
      </c>
      <c r="S331" s="53">
        <v>7743353.1420554901</v>
      </c>
      <c r="T331" s="53">
        <v>8752046.3220554907</v>
      </c>
      <c r="U331" s="53">
        <v>8283812.8720554896</v>
      </c>
      <c r="V331" s="53">
        <v>8128892.0620554797</v>
      </c>
      <c r="W331" s="53">
        <v>8195485.30205548</v>
      </c>
      <c r="X331" s="53">
        <v>8619208.4820554908</v>
      </c>
      <c r="Y331" s="53">
        <v>8014582.0920554902</v>
      </c>
      <c r="Z331" s="53">
        <v>8586056.8020554893</v>
      </c>
      <c r="AA331" s="53">
        <v>96563610.434665903</v>
      </c>
      <c r="AB331" s="53">
        <v>7879583.6177364597</v>
      </c>
      <c r="AC331" s="53">
        <v>7653333.9977364596</v>
      </c>
      <c r="AD331" s="53">
        <v>7803141.9577364596</v>
      </c>
      <c r="AE331" s="53">
        <v>7925054.2077364596</v>
      </c>
      <c r="AF331" s="53">
        <v>7998588.2477364596</v>
      </c>
      <c r="AG331" s="53">
        <v>9007281.4277364593</v>
      </c>
      <c r="AH331" s="53">
        <v>8539047.97773646</v>
      </c>
      <c r="AI331" s="53">
        <v>8384127.1677364605</v>
      </c>
      <c r="AJ331" s="53">
        <v>8450720.4077364597</v>
      </c>
      <c r="AK331" s="53">
        <v>8874443.5877364594</v>
      </c>
      <c r="AL331" s="53">
        <v>8269817.1977364598</v>
      </c>
      <c r="AM331" s="53">
        <v>8841291.9077364597</v>
      </c>
      <c r="AN331" s="53">
        <v>99626431.702837497</v>
      </c>
      <c r="AO331" s="53">
        <v>8271785.0080932602</v>
      </c>
      <c r="AP331" s="53">
        <v>8045535.3880932601</v>
      </c>
      <c r="AQ331" s="53">
        <v>8195343.3480932601</v>
      </c>
      <c r="AR331" s="53">
        <v>8317255.5980932601</v>
      </c>
      <c r="AS331" s="53">
        <v>8390789.6380932592</v>
      </c>
      <c r="AT331" s="53">
        <v>9399482.8180932608</v>
      </c>
      <c r="AU331" s="53">
        <v>8931249.3680932596</v>
      </c>
      <c r="AV331" s="53">
        <v>8776328.5580932591</v>
      </c>
      <c r="AW331" s="53">
        <v>8842921.7980932593</v>
      </c>
      <c r="AX331" s="53">
        <v>9266644.9780932609</v>
      </c>
      <c r="AY331" s="53">
        <v>8662018.5880932603</v>
      </c>
      <c r="AZ331" s="53">
        <v>9233493.2980932593</v>
      </c>
      <c r="BA331" s="53">
        <v>104332848.387119</v>
      </c>
    </row>
    <row r="332" spans="1:53">
      <c r="A332" s="231" t="s">
        <v>1127</v>
      </c>
      <c r="B332" s="53"/>
      <c r="C332" s="53"/>
      <c r="D332" s="53"/>
      <c r="E332" s="53"/>
      <c r="F332" s="53"/>
      <c r="G332" s="53"/>
      <c r="H332" s="53"/>
      <c r="I332" s="53"/>
      <c r="J332" s="53"/>
      <c r="K332" s="53"/>
      <c r="L332" s="53"/>
      <c r="M332" s="53"/>
      <c r="N332" s="53"/>
      <c r="O332" s="53"/>
      <c r="P332" s="53"/>
      <c r="Q332" s="53"/>
      <c r="R332" s="53"/>
      <c r="S332" s="53"/>
      <c r="T332" s="53"/>
      <c r="U332" s="53"/>
      <c r="V332" s="53"/>
      <c r="W332" s="53"/>
      <c r="X332" s="53"/>
      <c r="Y332" s="53"/>
      <c r="Z332" s="53"/>
      <c r="AA332" s="53"/>
      <c r="AB332" s="53"/>
      <c r="AC332" s="53"/>
      <c r="AD332" s="53"/>
      <c r="AE332" s="53"/>
      <c r="AF332" s="53"/>
      <c r="AG332" s="53"/>
      <c r="AH332" s="53"/>
      <c r="AI332" s="53"/>
      <c r="AJ332" s="53"/>
      <c r="AK332" s="53"/>
      <c r="AL332" s="53"/>
      <c r="AM332" s="53"/>
      <c r="AN332" s="53"/>
      <c r="AO332" s="53"/>
      <c r="AP332" s="53"/>
      <c r="AQ332" s="53"/>
      <c r="AR332" s="53"/>
      <c r="AS332" s="53"/>
      <c r="AT332" s="53"/>
      <c r="AU332" s="53"/>
      <c r="AV332" s="53"/>
      <c r="AW332" s="53"/>
      <c r="AX332" s="53"/>
      <c r="AY332" s="53"/>
      <c r="AZ332" s="53"/>
      <c r="BA332" s="53"/>
    </row>
    <row r="333" spans="1:53">
      <c r="A333" s="52" t="s">
        <v>1128</v>
      </c>
      <c r="B333" s="53">
        <v>0</v>
      </c>
      <c r="C333" s="53">
        <v>0</v>
      </c>
      <c r="D333" s="53">
        <v>0</v>
      </c>
      <c r="E333" s="53">
        <v>0</v>
      </c>
      <c r="F333" s="53">
        <v>0</v>
      </c>
      <c r="G333" s="53">
        <v>0</v>
      </c>
      <c r="H333" s="53">
        <v>0</v>
      </c>
      <c r="I333" s="53">
        <v>0</v>
      </c>
      <c r="J333" s="53">
        <v>0</v>
      </c>
      <c r="K333" s="53">
        <v>0</v>
      </c>
      <c r="L333" s="53">
        <v>0</v>
      </c>
      <c r="M333" s="53">
        <v>0</v>
      </c>
      <c r="N333" s="53">
        <v>0</v>
      </c>
      <c r="O333" s="53">
        <v>0</v>
      </c>
      <c r="P333" s="53">
        <v>0</v>
      </c>
      <c r="Q333" s="53">
        <v>0</v>
      </c>
      <c r="R333" s="53">
        <v>0</v>
      </c>
      <c r="S333" s="53">
        <v>0</v>
      </c>
      <c r="T333" s="53">
        <v>0</v>
      </c>
      <c r="U333" s="53">
        <v>0</v>
      </c>
      <c r="V333" s="53">
        <v>0</v>
      </c>
      <c r="W333" s="53">
        <v>0</v>
      </c>
      <c r="X333" s="53">
        <v>0</v>
      </c>
      <c r="Y333" s="53">
        <v>0</v>
      </c>
      <c r="Z333" s="53">
        <v>0</v>
      </c>
      <c r="AA333" s="53">
        <v>0</v>
      </c>
      <c r="AB333" s="53">
        <v>0</v>
      </c>
      <c r="AC333" s="53">
        <v>0</v>
      </c>
      <c r="AD333" s="53">
        <v>0</v>
      </c>
      <c r="AE333" s="53">
        <v>0</v>
      </c>
      <c r="AF333" s="53">
        <v>0</v>
      </c>
      <c r="AG333" s="53">
        <v>0</v>
      </c>
      <c r="AH333" s="53">
        <v>0</v>
      </c>
      <c r="AI333" s="53">
        <v>0</v>
      </c>
      <c r="AJ333" s="53">
        <v>0</v>
      </c>
      <c r="AK333" s="53">
        <v>0</v>
      </c>
      <c r="AL333" s="53">
        <v>0</v>
      </c>
      <c r="AM333" s="53">
        <v>0</v>
      </c>
      <c r="AN333" s="53">
        <v>0</v>
      </c>
      <c r="AO333" s="53">
        <v>0</v>
      </c>
      <c r="AP333" s="53">
        <v>0</v>
      </c>
      <c r="AQ333" s="53">
        <v>0</v>
      </c>
      <c r="AR333" s="53">
        <v>0</v>
      </c>
      <c r="AS333" s="53">
        <v>0</v>
      </c>
      <c r="AT333" s="53">
        <v>0</v>
      </c>
      <c r="AU333" s="53">
        <v>0</v>
      </c>
      <c r="AV333" s="53">
        <v>0</v>
      </c>
      <c r="AW333" s="53">
        <v>0</v>
      </c>
      <c r="AX333" s="53">
        <v>0</v>
      </c>
      <c r="AY333" s="53">
        <v>0</v>
      </c>
      <c r="AZ333" s="53">
        <v>0</v>
      </c>
      <c r="BA333" s="53">
        <v>0</v>
      </c>
    </row>
    <row r="334" spans="1:53">
      <c r="A334" s="52" t="s">
        <v>1129</v>
      </c>
      <c r="B334" s="53">
        <v>0</v>
      </c>
      <c r="C334" s="53">
        <v>0</v>
      </c>
      <c r="D334" s="53">
        <v>0</v>
      </c>
      <c r="E334" s="53">
        <v>0</v>
      </c>
      <c r="F334" s="53">
        <v>0</v>
      </c>
      <c r="G334" s="53">
        <v>0</v>
      </c>
      <c r="H334" s="53">
        <v>0</v>
      </c>
      <c r="I334" s="53">
        <v>0</v>
      </c>
      <c r="J334" s="53">
        <v>0</v>
      </c>
      <c r="K334" s="53">
        <v>0</v>
      </c>
      <c r="L334" s="53">
        <v>0</v>
      </c>
      <c r="M334" s="53">
        <v>0</v>
      </c>
      <c r="N334" s="53">
        <v>0</v>
      </c>
      <c r="O334" s="53">
        <v>0</v>
      </c>
      <c r="P334" s="53">
        <v>0</v>
      </c>
      <c r="Q334" s="53">
        <v>0</v>
      </c>
      <c r="R334" s="53">
        <v>0</v>
      </c>
      <c r="S334" s="53">
        <v>0</v>
      </c>
      <c r="T334" s="53">
        <v>0</v>
      </c>
      <c r="U334" s="53">
        <v>0</v>
      </c>
      <c r="V334" s="53">
        <v>0</v>
      </c>
      <c r="W334" s="53">
        <v>0</v>
      </c>
      <c r="X334" s="53">
        <v>0</v>
      </c>
      <c r="Y334" s="53">
        <v>0</v>
      </c>
      <c r="Z334" s="53">
        <v>0</v>
      </c>
      <c r="AA334" s="53">
        <v>0</v>
      </c>
      <c r="AB334" s="53">
        <v>0</v>
      </c>
      <c r="AC334" s="53">
        <v>0</v>
      </c>
      <c r="AD334" s="53">
        <v>0</v>
      </c>
      <c r="AE334" s="53">
        <v>0</v>
      </c>
      <c r="AF334" s="53">
        <v>0</v>
      </c>
      <c r="AG334" s="53">
        <v>0</v>
      </c>
      <c r="AH334" s="53">
        <v>0</v>
      </c>
      <c r="AI334" s="53">
        <v>0</v>
      </c>
      <c r="AJ334" s="53">
        <v>0</v>
      </c>
      <c r="AK334" s="53">
        <v>0</v>
      </c>
      <c r="AL334" s="53">
        <v>0</v>
      </c>
      <c r="AM334" s="53">
        <v>0</v>
      </c>
      <c r="AN334" s="53">
        <v>0</v>
      </c>
      <c r="AO334" s="53">
        <v>0</v>
      </c>
      <c r="AP334" s="53">
        <v>0</v>
      </c>
      <c r="AQ334" s="53">
        <v>0</v>
      </c>
      <c r="AR334" s="53">
        <v>0</v>
      </c>
      <c r="AS334" s="53">
        <v>0</v>
      </c>
      <c r="AT334" s="53">
        <v>0</v>
      </c>
      <c r="AU334" s="53">
        <v>0</v>
      </c>
      <c r="AV334" s="53">
        <v>0</v>
      </c>
      <c r="AW334" s="53">
        <v>0</v>
      </c>
      <c r="AX334" s="53">
        <v>0</v>
      </c>
      <c r="AY334" s="53">
        <v>0</v>
      </c>
      <c r="AZ334" s="53">
        <v>0</v>
      </c>
      <c r="BA334" s="53">
        <v>0</v>
      </c>
    </row>
    <row r="335" spans="1:53">
      <c r="A335" s="236" t="s">
        <v>1130</v>
      </c>
      <c r="B335" s="53">
        <v>0</v>
      </c>
      <c r="C335" s="53">
        <v>0</v>
      </c>
      <c r="D335" s="53">
        <v>0</v>
      </c>
      <c r="E335" s="53">
        <v>0</v>
      </c>
      <c r="F335" s="53">
        <v>0</v>
      </c>
      <c r="G335" s="53">
        <v>0</v>
      </c>
      <c r="H335" s="53">
        <v>0</v>
      </c>
      <c r="I335" s="53">
        <v>0</v>
      </c>
      <c r="J335" s="53">
        <v>0</v>
      </c>
      <c r="K335" s="53">
        <v>0</v>
      </c>
      <c r="L335" s="53">
        <v>0</v>
      </c>
      <c r="M335" s="53">
        <v>0</v>
      </c>
      <c r="N335" s="53">
        <v>0</v>
      </c>
      <c r="O335" s="53">
        <v>0</v>
      </c>
      <c r="P335" s="53">
        <v>0</v>
      </c>
      <c r="Q335" s="53">
        <v>0</v>
      </c>
      <c r="R335" s="53">
        <v>0</v>
      </c>
      <c r="S335" s="53">
        <v>0</v>
      </c>
      <c r="T335" s="53">
        <v>0</v>
      </c>
      <c r="U335" s="53">
        <v>0</v>
      </c>
      <c r="V335" s="53">
        <v>0</v>
      </c>
      <c r="W335" s="53">
        <v>0</v>
      </c>
      <c r="X335" s="53">
        <v>0</v>
      </c>
      <c r="Y335" s="53">
        <v>0</v>
      </c>
      <c r="Z335" s="53">
        <v>0</v>
      </c>
      <c r="AA335" s="53">
        <v>0</v>
      </c>
      <c r="AB335" s="53">
        <v>0</v>
      </c>
      <c r="AC335" s="53">
        <v>0</v>
      </c>
      <c r="AD335" s="53">
        <v>0</v>
      </c>
      <c r="AE335" s="53">
        <v>0</v>
      </c>
      <c r="AF335" s="53">
        <v>0</v>
      </c>
      <c r="AG335" s="53">
        <v>0</v>
      </c>
      <c r="AH335" s="53">
        <v>0</v>
      </c>
      <c r="AI335" s="53">
        <v>0</v>
      </c>
      <c r="AJ335" s="53">
        <v>0</v>
      </c>
      <c r="AK335" s="53">
        <v>0</v>
      </c>
      <c r="AL335" s="53">
        <v>0</v>
      </c>
      <c r="AM335" s="53">
        <v>0</v>
      </c>
      <c r="AN335" s="53">
        <v>0</v>
      </c>
      <c r="AO335" s="53">
        <v>0</v>
      </c>
      <c r="AP335" s="53">
        <v>0</v>
      </c>
      <c r="AQ335" s="53">
        <v>0</v>
      </c>
      <c r="AR335" s="53">
        <v>0</v>
      </c>
      <c r="AS335" s="53">
        <v>0</v>
      </c>
      <c r="AT335" s="53">
        <v>0</v>
      </c>
      <c r="AU335" s="53">
        <v>0</v>
      </c>
      <c r="AV335" s="53">
        <v>0</v>
      </c>
      <c r="AW335" s="53">
        <v>0</v>
      </c>
      <c r="AX335" s="53">
        <v>0</v>
      </c>
      <c r="AY335" s="53">
        <v>0</v>
      </c>
      <c r="AZ335" s="53">
        <v>0</v>
      </c>
      <c r="BA335" s="53">
        <v>0</v>
      </c>
    </row>
    <row r="336" spans="1:53">
      <c r="A336" s="231" t="s">
        <v>1131</v>
      </c>
      <c r="B336" s="53"/>
      <c r="C336" s="53"/>
      <c r="D336" s="53"/>
      <c r="E336" s="53"/>
      <c r="F336" s="53"/>
      <c r="G336" s="53"/>
      <c r="H336" s="53"/>
      <c r="I336" s="53"/>
      <c r="J336" s="53"/>
      <c r="K336" s="53"/>
      <c r="L336" s="53"/>
      <c r="M336" s="53"/>
      <c r="N336" s="53"/>
      <c r="O336" s="53"/>
      <c r="P336" s="53"/>
      <c r="Q336" s="53"/>
      <c r="R336" s="53"/>
      <c r="S336" s="53"/>
      <c r="T336" s="53"/>
      <c r="U336" s="53"/>
      <c r="V336" s="53"/>
      <c r="W336" s="53"/>
      <c r="X336" s="53"/>
      <c r="Y336" s="53"/>
      <c r="Z336" s="53"/>
      <c r="AA336" s="53"/>
      <c r="AB336" s="53"/>
      <c r="AC336" s="53"/>
      <c r="AD336" s="53"/>
      <c r="AE336" s="53"/>
      <c r="AF336" s="53"/>
      <c r="AG336" s="53"/>
      <c r="AH336" s="53"/>
      <c r="AI336" s="53"/>
      <c r="AJ336" s="53"/>
      <c r="AK336" s="53"/>
      <c r="AL336" s="53"/>
      <c r="AM336" s="53"/>
      <c r="AN336" s="53"/>
      <c r="AO336" s="53"/>
      <c r="AP336" s="53"/>
      <c r="AQ336" s="53"/>
      <c r="AR336" s="53"/>
      <c r="AS336" s="53"/>
      <c r="AT336" s="53"/>
      <c r="AU336" s="53"/>
      <c r="AV336" s="53"/>
      <c r="AW336" s="53"/>
      <c r="AX336" s="53"/>
      <c r="AY336" s="53"/>
      <c r="AZ336" s="53"/>
      <c r="BA336" s="53"/>
    </row>
    <row r="337" spans="1:53">
      <c r="A337" s="52" t="s">
        <v>1132</v>
      </c>
      <c r="B337" s="53"/>
      <c r="C337" s="53"/>
      <c r="D337" s="53"/>
      <c r="E337" s="53"/>
      <c r="F337" s="53"/>
      <c r="G337" s="53"/>
      <c r="H337" s="53"/>
      <c r="I337" s="53"/>
      <c r="J337" s="53"/>
      <c r="K337" s="53"/>
      <c r="L337" s="53"/>
      <c r="M337" s="53"/>
      <c r="N337" s="53"/>
      <c r="O337" s="53"/>
      <c r="P337" s="53"/>
      <c r="Q337" s="53"/>
      <c r="R337" s="53"/>
      <c r="S337" s="53"/>
      <c r="T337" s="53"/>
      <c r="U337" s="53"/>
      <c r="V337" s="53"/>
      <c r="W337" s="53"/>
      <c r="X337" s="53"/>
      <c r="Y337" s="53"/>
      <c r="Z337" s="53"/>
      <c r="AA337" s="53"/>
      <c r="AB337" s="53"/>
      <c r="AC337" s="53"/>
      <c r="AD337" s="53"/>
      <c r="AE337" s="53"/>
      <c r="AF337" s="53"/>
      <c r="AG337" s="53"/>
      <c r="AH337" s="53"/>
      <c r="AI337" s="53"/>
      <c r="AJ337" s="53"/>
      <c r="AK337" s="53"/>
      <c r="AL337" s="53"/>
      <c r="AM337" s="53"/>
      <c r="AN337" s="53"/>
      <c r="AO337" s="53"/>
      <c r="AP337" s="53"/>
      <c r="AQ337" s="53"/>
      <c r="AR337" s="53"/>
      <c r="AS337" s="53"/>
      <c r="AT337" s="53"/>
      <c r="AU337" s="53"/>
      <c r="AV337" s="53"/>
      <c r="AW337" s="53"/>
      <c r="AX337" s="53"/>
      <c r="AY337" s="53"/>
      <c r="AZ337" s="53"/>
      <c r="BA337" s="53"/>
    </row>
    <row r="338" spans="1:53">
      <c r="A338" s="52" t="s">
        <v>1133</v>
      </c>
      <c r="B338" s="53">
        <v>8780.27</v>
      </c>
      <c r="C338" s="53">
        <v>8780.27</v>
      </c>
      <c r="D338" s="53">
        <v>9087.57</v>
      </c>
      <c r="E338" s="53">
        <v>9087.57</v>
      </c>
      <c r="F338" s="53">
        <v>9364.39</v>
      </c>
      <c r="G338" s="53">
        <v>9087.57</v>
      </c>
      <c r="H338" s="53">
        <v>9087.57</v>
      </c>
      <c r="I338" s="53">
        <v>9087.57</v>
      </c>
      <c r="J338" s="53">
        <v>9087.57</v>
      </c>
      <c r="K338" s="53">
        <v>9087.57</v>
      </c>
      <c r="L338" s="53">
        <v>9364.39</v>
      </c>
      <c r="M338" s="53">
        <v>9087.57</v>
      </c>
      <c r="N338" s="53">
        <v>108989.88</v>
      </c>
      <c r="O338" s="53">
        <v>8780.27</v>
      </c>
      <c r="P338" s="53">
        <v>8780.27</v>
      </c>
      <c r="Q338" s="53">
        <v>9087.57</v>
      </c>
      <c r="R338" s="53">
        <v>9087.57</v>
      </c>
      <c r="S338" s="53">
        <v>9364.39</v>
      </c>
      <c r="T338" s="53">
        <v>9087.57</v>
      </c>
      <c r="U338" s="53">
        <v>9087.57</v>
      </c>
      <c r="V338" s="53">
        <v>9087.57</v>
      </c>
      <c r="W338" s="53">
        <v>9087.57</v>
      </c>
      <c r="X338" s="53">
        <v>9087.57</v>
      </c>
      <c r="Y338" s="53">
        <v>9364.39</v>
      </c>
      <c r="Z338" s="53">
        <v>9087.57</v>
      </c>
      <c r="AA338" s="53">
        <v>108989.88</v>
      </c>
      <c r="AB338" s="53">
        <v>8780.27</v>
      </c>
      <c r="AC338" s="53">
        <v>8780.27</v>
      </c>
      <c r="AD338" s="53">
        <v>9087.57</v>
      </c>
      <c r="AE338" s="53">
        <v>9087.57</v>
      </c>
      <c r="AF338" s="53">
        <v>9364.39</v>
      </c>
      <c r="AG338" s="53">
        <v>9087.57</v>
      </c>
      <c r="AH338" s="53">
        <v>9087.57</v>
      </c>
      <c r="AI338" s="53">
        <v>9087.57</v>
      </c>
      <c r="AJ338" s="53">
        <v>9087.57</v>
      </c>
      <c r="AK338" s="53">
        <v>9087.57</v>
      </c>
      <c r="AL338" s="53">
        <v>9364.39</v>
      </c>
      <c r="AM338" s="53">
        <v>9087.57</v>
      </c>
      <c r="AN338" s="53">
        <v>108989.88</v>
      </c>
      <c r="AO338" s="53">
        <v>8780.27</v>
      </c>
      <c r="AP338" s="53">
        <v>8780.27</v>
      </c>
      <c r="AQ338" s="53">
        <v>9087.57</v>
      </c>
      <c r="AR338" s="53">
        <v>9087.57</v>
      </c>
      <c r="AS338" s="53">
        <v>9364.39</v>
      </c>
      <c r="AT338" s="53">
        <v>9087.57</v>
      </c>
      <c r="AU338" s="53">
        <v>9087.57</v>
      </c>
      <c r="AV338" s="53">
        <v>9087.57</v>
      </c>
      <c r="AW338" s="53">
        <v>9087.57</v>
      </c>
      <c r="AX338" s="53">
        <v>9087.57</v>
      </c>
      <c r="AY338" s="53">
        <v>9364.39</v>
      </c>
      <c r="AZ338" s="53">
        <v>9087.57</v>
      </c>
      <c r="BA338" s="53">
        <v>108989.88</v>
      </c>
    </row>
    <row r="339" spans="1:53">
      <c r="A339" s="52" t="s">
        <v>1134</v>
      </c>
      <c r="B339" s="53">
        <v>8780.27</v>
      </c>
      <c r="C339" s="53">
        <v>8780.27</v>
      </c>
      <c r="D339" s="53">
        <v>9087.57</v>
      </c>
      <c r="E339" s="53">
        <v>9087.57</v>
      </c>
      <c r="F339" s="53">
        <v>9364.39</v>
      </c>
      <c r="G339" s="53">
        <v>9087.57</v>
      </c>
      <c r="H339" s="53">
        <v>9087.57</v>
      </c>
      <c r="I339" s="53">
        <v>9087.57</v>
      </c>
      <c r="J339" s="53">
        <v>9087.57</v>
      </c>
      <c r="K339" s="53">
        <v>9087.57</v>
      </c>
      <c r="L339" s="53">
        <v>9364.39</v>
      </c>
      <c r="M339" s="53">
        <v>9087.57</v>
      </c>
      <c r="N339" s="53">
        <v>108989.88</v>
      </c>
      <c r="O339" s="53">
        <v>8780.27</v>
      </c>
      <c r="P339" s="53">
        <v>8780.27</v>
      </c>
      <c r="Q339" s="53">
        <v>9087.57</v>
      </c>
      <c r="R339" s="53">
        <v>9087.57</v>
      </c>
      <c r="S339" s="53">
        <v>9364.39</v>
      </c>
      <c r="T339" s="53">
        <v>9087.57</v>
      </c>
      <c r="U339" s="53">
        <v>9087.57</v>
      </c>
      <c r="V339" s="53">
        <v>9087.57</v>
      </c>
      <c r="W339" s="53">
        <v>9087.57</v>
      </c>
      <c r="X339" s="53">
        <v>9087.57</v>
      </c>
      <c r="Y339" s="53">
        <v>9364.39</v>
      </c>
      <c r="Z339" s="53">
        <v>9087.57</v>
      </c>
      <c r="AA339" s="53">
        <v>108989.88</v>
      </c>
      <c r="AB339" s="53">
        <v>8780.27</v>
      </c>
      <c r="AC339" s="53">
        <v>8780.27</v>
      </c>
      <c r="AD339" s="53">
        <v>9087.57</v>
      </c>
      <c r="AE339" s="53">
        <v>9087.57</v>
      </c>
      <c r="AF339" s="53">
        <v>9364.39</v>
      </c>
      <c r="AG339" s="53">
        <v>9087.57</v>
      </c>
      <c r="AH339" s="53">
        <v>9087.57</v>
      </c>
      <c r="AI339" s="53">
        <v>9087.57</v>
      </c>
      <c r="AJ339" s="53">
        <v>9087.57</v>
      </c>
      <c r="AK339" s="53">
        <v>9087.57</v>
      </c>
      <c r="AL339" s="53">
        <v>9364.39</v>
      </c>
      <c r="AM339" s="53">
        <v>9087.57</v>
      </c>
      <c r="AN339" s="53">
        <v>108989.88</v>
      </c>
      <c r="AO339" s="53">
        <v>8780.27</v>
      </c>
      <c r="AP339" s="53">
        <v>8780.27</v>
      </c>
      <c r="AQ339" s="53">
        <v>9087.57</v>
      </c>
      <c r="AR339" s="53">
        <v>9087.57</v>
      </c>
      <c r="AS339" s="53">
        <v>9364.39</v>
      </c>
      <c r="AT339" s="53">
        <v>9087.57</v>
      </c>
      <c r="AU339" s="53">
        <v>9087.57</v>
      </c>
      <c r="AV339" s="53">
        <v>9087.57</v>
      </c>
      <c r="AW339" s="53">
        <v>9087.57</v>
      </c>
      <c r="AX339" s="53">
        <v>9087.57</v>
      </c>
      <c r="AY339" s="53">
        <v>9364.39</v>
      </c>
      <c r="AZ339" s="53">
        <v>9087.57</v>
      </c>
      <c r="BA339" s="53">
        <v>108989.88</v>
      </c>
    </row>
    <row r="340" spans="1:53">
      <c r="A340" s="52" t="s">
        <v>1135</v>
      </c>
      <c r="B340" s="53"/>
      <c r="C340" s="53"/>
      <c r="D340" s="53"/>
      <c r="E340" s="53"/>
      <c r="F340" s="53"/>
      <c r="G340" s="53"/>
      <c r="H340" s="53"/>
      <c r="I340" s="53"/>
      <c r="J340" s="53"/>
      <c r="K340" s="53"/>
      <c r="L340" s="53"/>
      <c r="M340" s="53"/>
      <c r="N340" s="53"/>
      <c r="O340" s="53"/>
      <c r="P340" s="53"/>
      <c r="Q340" s="53"/>
      <c r="R340" s="53"/>
      <c r="S340" s="53"/>
      <c r="T340" s="53"/>
      <c r="U340" s="53"/>
      <c r="V340" s="53"/>
      <c r="W340" s="53"/>
      <c r="X340" s="53"/>
      <c r="Y340" s="53"/>
      <c r="Z340" s="53"/>
      <c r="AA340" s="53"/>
      <c r="AB340" s="53"/>
      <c r="AC340" s="53"/>
      <c r="AD340" s="53"/>
      <c r="AE340" s="53"/>
      <c r="AF340" s="53"/>
      <c r="AG340" s="53"/>
      <c r="AH340" s="53"/>
      <c r="AI340" s="53"/>
      <c r="AJ340" s="53"/>
      <c r="AK340" s="53"/>
      <c r="AL340" s="53"/>
      <c r="AM340" s="53"/>
      <c r="AN340" s="53"/>
      <c r="AO340" s="53"/>
      <c r="AP340" s="53"/>
      <c r="AQ340" s="53"/>
      <c r="AR340" s="53"/>
      <c r="AS340" s="53"/>
      <c r="AT340" s="53"/>
      <c r="AU340" s="53"/>
      <c r="AV340" s="53"/>
      <c r="AW340" s="53"/>
      <c r="AX340" s="53"/>
      <c r="AY340" s="53"/>
      <c r="AZ340" s="53"/>
      <c r="BA340" s="53"/>
    </row>
    <row r="341" spans="1:53">
      <c r="A341" s="52" t="s">
        <v>1136</v>
      </c>
      <c r="B341" s="53">
        <v>13949.3399999999</v>
      </c>
      <c r="C341" s="53">
        <v>13949.3399999999</v>
      </c>
      <c r="D341" s="53">
        <v>14339.96</v>
      </c>
      <c r="E341" s="53">
        <v>14339.96</v>
      </c>
      <c r="F341" s="53">
        <v>47968.3</v>
      </c>
      <c r="G341" s="53">
        <v>14339.96</v>
      </c>
      <c r="H341" s="53">
        <v>14339.96</v>
      </c>
      <c r="I341" s="53">
        <v>14339.96</v>
      </c>
      <c r="J341" s="53">
        <v>14339.96</v>
      </c>
      <c r="K341" s="53">
        <v>14339.96</v>
      </c>
      <c r="L341" s="53">
        <v>47968.3</v>
      </c>
      <c r="M341" s="53">
        <v>16537.589999999898</v>
      </c>
      <c r="N341" s="53">
        <v>240752.59</v>
      </c>
      <c r="O341" s="53">
        <v>13949.3399999999</v>
      </c>
      <c r="P341" s="53">
        <v>13949.3399999999</v>
      </c>
      <c r="Q341" s="53">
        <v>14339.96</v>
      </c>
      <c r="R341" s="53">
        <v>14339.96</v>
      </c>
      <c r="S341" s="53">
        <v>47968.3</v>
      </c>
      <c r="T341" s="53">
        <v>14339.96</v>
      </c>
      <c r="U341" s="53">
        <v>14339.96</v>
      </c>
      <c r="V341" s="53">
        <v>14339.96</v>
      </c>
      <c r="W341" s="53">
        <v>14339.96</v>
      </c>
      <c r="X341" s="53">
        <v>14339.96</v>
      </c>
      <c r="Y341" s="53">
        <v>47968.3</v>
      </c>
      <c r="Z341" s="53">
        <v>16537.589999999898</v>
      </c>
      <c r="AA341" s="53">
        <v>240752.59</v>
      </c>
      <c r="AB341" s="53">
        <v>13949.3399999999</v>
      </c>
      <c r="AC341" s="53">
        <v>13949.3399999999</v>
      </c>
      <c r="AD341" s="53">
        <v>14339.96</v>
      </c>
      <c r="AE341" s="53">
        <v>14339.96</v>
      </c>
      <c r="AF341" s="53">
        <v>47968.3</v>
      </c>
      <c r="AG341" s="53">
        <v>14339.96</v>
      </c>
      <c r="AH341" s="53">
        <v>14339.96</v>
      </c>
      <c r="AI341" s="53">
        <v>14339.96</v>
      </c>
      <c r="AJ341" s="53">
        <v>14339.96</v>
      </c>
      <c r="AK341" s="53">
        <v>14339.96</v>
      </c>
      <c r="AL341" s="53">
        <v>47968.3</v>
      </c>
      <c r="AM341" s="53">
        <v>16537.589999999898</v>
      </c>
      <c r="AN341" s="53">
        <v>240752.59</v>
      </c>
      <c r="AO341" s="53">
        <v>13949.3399999999</v>
      </c>
      <c r="AP341" s="53">
        <v>13949.3399999999</v>
      </c>
      <c r="AQ341" s="53">
        <v>14339.96</v>
      </c>
      <c r="AR341" s="53">
        <v>14339.96</v>
      </c>
      <c r="AS341" s="53">
        <v>47968.3</v>
      </c>
      <c r="AT341" s="53">
        <v>14339.96</v>
      </c>
      <c r="AU341" s="53">
        <v>14339.96</v>
      </c>
      <c r="AV341" s="53">
        <v>14339.96</v>
      </c>
      <c r="AW341" s="53">
        <v>14339.96</v>
      </c>
      <c r="AX341" s="53">
        <v>14339.96</v>
      </c>
      <c r="AY341" s="53">
        <v>47968.3</v>
      </c>
      <c r="AZ341" s="53">
        <v>16537.589999999898</v>
      </c>
      <c r="BA341" s="53">
        <v>240752.59</v>
      </c>
    </row>
    <row r="342" spans="1:53">
      <c r="A342" s="52" t="s">
        <v>1137</v>
      </c>
      <c r="B342" s="53">
        <v>13949.3399999999</v>
      </c>
      <c r="C342" s="53">
        <v>13949.3399999999</v>
      </c>
      <c r="D342" s="53">
        <v>14339.96</v>
      </c>
      <c r="E342" s="53">
        <v>14339.96</v>
      </c>
      <c r="F342" s="53">
        <v>47968.3</v>
      </c>
      <c r="G342" s="53">
        <v>14339.96</v>
      </c>
      <c r="H342" s="53">
        <v>14339.96</v>
      </c>
      <c r="I342" s="53">
        <v>14339.96</v>
      </c>
      <c r="J342" s="53">
        <v>14339.96</v>
      </c>
      <c r="K342" s="53">
        <v>14339.96</v>
      </c>
      <c r="L342" s="53">
        <v>47968.3</v>
      </c>
      <c r="M342" s="53">
        <v>16537.589999999898</v>
      </c>
      <c r="N342" s="53">
        <v>240752.59</v>
      </c>
      <c r="O342" s="53">
        <v>13949.3399999999</v>
      </c>
      <c r="P342" s="53">
        <v>13949.3399999999</v>
      </c>
      <c r="Q342" s="53">
        <v>14339.96</v>
      </c>
      <c r="R342" s="53">
        <v>14339.96</v>
      </c>
      <c r="S342" s="53">
        <v>47968.3</v>
      </c>
      <c r="T342" s="53">
        <v>14339.96</v>
      </c>
      <c r="U342" s="53">
        <v>14339.96</v>
      </c>
      <c r="V342" s="53">
        <v>14339.96</v>
      </c>
      <c r="W342" s="53">
        <v>14339.96</v>
      </c>
      <c r="X342" s="53">
        <v>14339.96</v>
      </c>
      <c r="Y342" s="53">
        <v>47968.3</v>
      </c>
      <c r="Z342" s="53">
        <v>16537.589999999898</v>
      </c>
      <c r="AA342" s="53">
        <v>240752.59</v>
      </c>
      <c r="AB342" s="53">
        <v>13949.3399999999</v>
      </c>
      <c r="AC342" s="53">
        <v>13949.3399999999</v>
      </c>
      <c r="AD342" s="53">
        <v>14339.96</v>
      </c>
      <c r="AE342" s="53">
        <v>14339.96</v>
      </c>
      <c r="AF342" s="53">
        <v>47968.3</v>
      </c>
      <c r="AG342" s="53">
        <v>14339.96</v>
      </c>
      <c r="AH342" s="53">
        <v>14339.96</v>
      </c>
      <c r="AI342" s="53">
        <v>14339.96</v>
      </c>
      <c r="AJ342" s="53">
        <v>14339.96</v>
      </c>
      <c r="AK342" s="53">
        <v>14339.96</v>
      </c>
      <c r="AL342" s="53">
        <v>47968.3</v>
      </c>
      <c r="AM342" s="53">
        <v>16537.589999999898</v>
      </c>
      <c r="AN342" s="53">
        <v>240752.59</v>
      </c>
      <c r="AO342" s="53">
        <v>13949.3399999999</v>
      </c>
      <c r="AP342" s="53">
        <v>13949.3399999999</v>
      </c>
      <c r="AQ342" s="53">
        <v>14339.96</v>
      </c>
      <c r="AR342" s="53">
        <v>14339.96</v>
      </c>
      <c r="AS342" s="53">
        <v>47968.3</v>
      </c>
      <c r="AT342" s="53">
        <v>14339.96</v>
      </c>
      <c r="AU342" s="53">
        <v>14339.96</v>
      </c>
      <c r="AV342" s="53">
        <v>14339.96</v>
      </c>
      <c r="AW342" s="53">
        <v>14339.96</v>
      </c>
      <c r="AX342" s="53">
        <v>14339.96</v>
      </c>
      <c r="AY342" s="53">
        <v>47968.3</v>
      </c>
      <c r="AZ342" s="53">
        <v>16537.589999999898</v>
      </c>
      <c r="BA342" s="53">
        <v>240752.59</v>
      </c>
    </row>
    <row r="343" spans="1:53">
      <c r="A343" s="52" t="s">
        <v>1138</v>
      </c>
      <c r="B343" s="53"/>
      <c r="C343" s="53"/>
      <c r="D343" s="53"/>
      <c r="E343" s="53"/>
      <c r="F343" s="53"/>
      <c r="G343" s="53"/>
      <c r="H343" s="53"/>
      <c r="I343" s="53"/>
      <c r="J343" s="53"/>
      <c r="K343" s="53"/>
      <c r="L343" s="53"/>
      <c r="M343" s="53"/>
      <c r="N343" s="53"/>
      <c r="O343" s="53"/>
      <c r="P343" s="53"/>
      <c r="Q343" s="53"/>
      <c r="R343" s="53"/>
      <c r="S343" s="53"/>
      <c r="T343" s="53"/>
      <c r="U343" s="53"/>
      <c r="V343" s="53"/>
      <c r="W343" s="53"/>
      <c r="X343" s="53"/>
      <c r="Y343" s="53"/>
      <c r="Z343" s="53"/>
      <c r="AA343" s="53"/>
      <c r="AB343" s="53"/>
      <c r="AC343" s="53"/>
      <c r="AD343" s="53"/>
      <c r="AE343" s="53"/>
      <c r="AF343" s="53"/>
      <c r="AG343" s="53"/>
      <c r="AH343" s="53"/>
      <c r="AI343" s="53"/>
      <c r="AJ343" s="53"/>
      <c r="AK343" s="53"/>
      <c r="AL343" s="53"/>
      <c r="AM343" s="53"/>
      <c r="AN343" s="53"/>
      <c r="AO343" s="53"/>
      <c r="AP343" s="53"/>
      <c r="AQ343" s="53"/>
      <c r="AR343" s="53"/>
      <c r="AS343" s="53"/>
      <c r="AT343" s="53"/>
      <c r="AU343" s="53"/>
      <c r="AV343" s="53"/>
      <c r="AW343" s="53"/>
      <c r="AX343" s="53"/>
      <c r="AY343" s="53"/>
      <c r="AZ343" s="53"/>
      <c r="BA343" s="53"/>
    </row>
    <row r="344" spans="1:53">
      <c r="A344" s="234" t="s">
        <v>1139</v>
      </c>
      <c r="B344" s="53">
        <v>177691.677496288</v>
      </c>
      <c r="C344" s="53">
        <v>177691.677496288</v>
      </c>
      <c r="D344" s="53">
        <v>177691.677496288</v>
      </c>
      <c r="E344" s="53">
        <v>177691.677496288</v>
      </c>
      <c r="F344" s="53">
        <v>177691.677496288</v>
      </c>
      <c r="G344" s="53">
        <v>177691.677496288</v>
      </c>
      <c r="H344" s="53">
        <v>177691.677496288</v>
      </c>
      <c r="I344" s="53">
        <v>177691.677496288</v>
      </c>
      <c r="J344" s="53">
        <v>177691.677496288</v>
      </c>
      <c r="K344" s="53">
        <v>177691.677496288</v>
      </c>
      <c r="L344" s="53">
        <v>177691.677496288</v>
      </c>
      <c r="M344" s="53">
        <v>177691.677496288</v>
      </c>
      <c r="N344" s="53">
        <v>2132300.1299554501</v>
      </c>
      <c r="O344" s="53">
        <v>349417.74417969701</v>
      </c>
      <c r="P344" s="53">
        <v>349417.74417969701</v>
      </c>
      <c r="Q344" s="53">
        <v>349417.74417969701</v>
      </c>
      <c r="R344" s="53">
        <v>349417.74417969701</v>
      </c>
      <c r="S344" s="53">
        <v>349417.74417969701</v>
      </c>
      <c r="T344" s="53">
        <v>349417.74417969701</v>
      </c>
      <c r="U344" s="53">
        <v>349417.74417969701</v>
      </c>
      <c r="V344" s="53">
        <v>349417.74417969701</v>
      </c>
      <c r="W344" s="53">
        <v>349417.74417969701</v>
      </c>
      <c r="X344" s="53">
        <v>349417.74417969701</v>
      </c>
      <c r="Y344" s="53">
        <v>349417.74417969701</v>
      </c>
      <c r="Z344" s="53">
        <v>349417.74417969701</v>
      </c>
      <c r="AA344" s="53">
        <v>4193012.9301563599</v>
      </c>
      <c r="AB344" s="53">
        <v>532593.24061547196</v>
      </c>
      <c r="AC344" s="53">
        <v>532593.24061547196</v>
      </c>
      <c r="AD344" s="53">
        <v>532593.24061547196</v>
      </c>
      <c r="AE344" s="53">
        <v>532593.24061547196</v>
      </c>
      <c r="AF344" s="53">
        <v>532593.24061547196</v>
      </c>
      <c r="AG344" s="53">
        <v>532593.24061547196</v>
      </c>
      <c r="AH344" s="53">
        <v>532593.24061547196</v>
      </c>
      <c r="AI344" s="53">
        <v>532593.24061547196</v>
      </c>
      <c r="AJ344" s="53">
        <v>532593.24061547196</v>
      </c>
      <c r="AK344" s="53">
        <v>532593.24061547196</v>
      </c>
      <c r="AL344" s="53">
        <v>532593.24061547196</v>
      </c>
      <c r="AM344" s="53">
        <v>532593.24061547196</v>
      </c>
      <c r="AN344" s="53">
        <v>6391118.8873856701</v>
      </c>
      <c r="AO344" s="53">
        <v>713392.351141533</v>
      </c>
      <c r="AP344" s="53">
        <v>713392.351141533</v>
      </c>
      <c r="AQ344" s="53">
        <v>713392.351141533</v>
      </c>
      <c r="AR344" s="53">
        <v>713392.351141533</v>
      </c>
      <c r="AS344" s="53">
        <v>713392.351141533</v>
      </c>
      <c r="AT344" s="53">
        <v>713392.351141533</v>
      </c>
      <c r="AU344" s="53">
        <v>713392.351141533</v>
      </c>
      <c r="AV344" s="53">
        <v>713392.351141533</v>
      </c>
      <c r="AW344" s="53">
        <v>713392.351141533</v>
      </c>
      <c r="AX344" s="53">
        <v>713392.351141533</v>
      </c>
      <c r="AY344" s="53">
        <v>713392.351141533</v>
      </c>
      <c r="AZ344" s="53">
        <v>713392.351141533</v>
      </c>
      <c r="BA344" s="53">
        <v>8560708.2136983909</v>
      </c>
    </row>
    <row r="345" spans="1:53">
      <c r="A345" s="52" t="s">
        <v>1140</v>
      </c>
      <c r="B345" s="53">
        <v>787093.76985400904</v>
      </c>
      <c r="C345" s="53">
        <v>575910.98985400796</v>
      </c>
      <c r="D345" s="53">
        <v>600963.01985400799</v>
      </c>
      <c r="E345" s="53">
        <v>604850.84985400795</v>
      </c>
      <c r="F345" s="53">
        <v>731376.31985400897</v>
      </c>
      <c r="G345" s="53">
        <v>602802.13985400798</v>
      </c>
      <c r="H345" s="53">
        <v>727756.45985400805</v>
      </c>
      <c r="I345" s="53">
        <v>914254.529854008</v>
      </c>
      <c r="J345" s="53">
        <v>485352.62985400902</v>
      </c>
      <c r="K345" s="53">
        <v>624227.47985400795</v>
      </c>
      <c r="L345" s="53">
        <v>609156.83985400898</v>
      </c>
      <c r="M345" s="53">
        <v>448748.61985400802</v>
      </c>
      <c r="N345" s="53">
        <v>7712493.6482480997</v>
      </c>
      <c r="O345" s="53">
        <v>812191.324668132</v>
      </c>
      <c r="P345" s="53">
        <v>515008.54466813098</v>
      </c>
      <c r="Q345" s="53">
        <v>609060.574668132</v>
      </c>
      <c r="R345" s="53">
        <v>627948.40466813103</v>
      </c>
      <c r="S345" s="53">
        <v>666473.87466813205</v>
      </c>
      <c r="T345" s="53">
        <v>545899.69466813095</v>
      </c>
      <c r="U345" s="53">
        <v>678854.01466813101</v>
      </c>
      <c r="V345" s="53">
        <v>937352.08466813201</v>
      </c>
      <c r="W345" s="53">
        <v>496450.18466813199</v>
      </c>
      <c r="X345" s="53">
        <v>638325.03466813103</v>
      </c>
      <c r="Y345" s="53">
        <v>632254.39466813195</v>
      </c>
      <c r="Z345" s="53">
        <v>471846.17466813099</v>
      </c>
      <c r="AA345" s="53">
        <v>7631664.3060175804</v>
      </c>
      <c r="AB345" s="53">
        <v>802066.996077577</v>
      </c>
      <c r="AC345" s="53">
        <v>504884.21607757598</v>
      </c>
      <c r="AD345" s="53">
        <v>598936.24607757595</v>
      </c>
      <c r="AE345" s="53">
        <v>617824.07607757603</v>
      </c>
      <c r="AF345" s="53">
        <v>656349.54607757705</v>
      </c>
      <c r="AG345" s="53">
        <v>535775.36607757595</v>
      </c>
      <c r="AH345" s="53">
        <v>668729.68607757601</v>
      </c>
      <c r="AI345" s="53">
        <v>927227.75607757596</v>
      </c>
      <c r="AJ345" s="53">
        <v>486325.85607757699</v>
      </c>
      <c r="AK345" s="53">
        <v>628200.70607757603</v>
      </c>
      <c r="AL345" s="53">
        <v>622130.06607757695</v>
      </c>
      <c r="AM345" s="53">
        <v>461721.84607757599</v>
      </c>
      <c r="AN345" s="53">
        <v>7510172.36293092</v>
      </c>
      <c r="AO345" s="53">
        <v>802066.996077577</v>
      </c>
      <c r="AP345" s="53">
        <v>504884.21607757598</v>
      </c>
      <c r="AQ345" s="53">
        <v>598936.24607757595</v>
      </c>
      <c r="AR345" s="53">
        <v>617824.07607757603</v>
      </c>
      <c r="AS345" s="53">
        <v>656349.54607757705</v>
      </c>
      <c r="AT345" s="53">
        <v>535775.36607757595</v>
      </c>
      <c r="AU345" s="53">
        <v>668729.68607757601</v>
      </c>
      <c r="AV345" s="53">
        <v>927227.75607757596</v>
      </c>
      <c r="AW345" s="53">
        <v>486325.85607757699</v>
      </c>
      <c r="AX345" s="53">
        <v>628200.70607757603</v>
      </c>
      <c r="AY345" s="53">
        <v>622130.06607757695</v>
      </c>
      <c r="AZ345" s="53">
        <v>461721.84607757599</v>
      </c>
      <c r="BA345" s="53">
        <v>7510172.36293092</v>
      </c>
    </row>
    <row r="346" spans="1:53">
      <c r="A346" s="52" t="s">
        <v>1141</v>
      </c>
      <c r="B346" s="53">
        <v>1079181.8951451699</v>
      </c>
      <c r="C346" s="53">
        <v>1143277.4051451699</v>
      </c>
      <c r="D346" s="53">
        <v>1149747.3451451701</v>
      </c>
      <c r="E346" s="53">
        <v>1097264.49514517</v>
      </c>
      <c r="F346" s="53">
        <v>1274325.6351451699</v>
      </c>
      <c r="G346" s="53">
        <v>1181887.50514517</v>
      </c>
      <c r="H346" s="53">
        <v>1095646.0851451701</v>
      </c>
      <c r="I346" s="53">
        <v>1118657.00514517</v>
      </c>
      <c r="J346" s="53">
        <v>1135387.96514517</v>
      </c>
      <c r="K346" s="53">
        <v>1121132.6451451699</v>
      </c>
      <c r="L346" s="53">
        <v>1234569.48514517</v>
      </c>
      <c r="M346" s="53">
        <v>1121641.93514517</v>
      </c>
      <c r="N346" s="53">
        <v>13752719.401742101</v>
      </c>
      <c r="O346" s="53">
        <v>1078660.4267353599</v>
      </c>
      <c r="P346" s="53">
        <v>1142755.93673536</v>
      </c>
      <c r="Q346" s="53">
        <v>1149225.8767353599</v>
      </c>
      <c r="R346" s="53">
        <v>1096743.02673536</v>
      </c>
      <c r="S346" s="53">
        <v>1273804.1667353599</v>
      </c>
      <c r="T346" s="53">
        <v>1181366.03673536</v>
      </c>
      <c r="U346" s="53">
        <v>1095124.6167353599</v>
      </c>
      <c r="V346" s="53">
        <v>1118135.53673536</v>
      </c>
      <c r="W346" s="53">
        <v>1134866.49673536</v>
      </c>
      <c r="X346" s="53">
        <v>1120611.1767353599</v>
      </c>
      <c r="Y346" s="53">
        <v>1234048.01673536</v>
      </c>
      <c r="Z346" s="53">
        <v>1121120.46673536</v>
      </c>
      <c r="AA346" s="53">
        <v>13746461.7808243</v>
      </c>
      <c r="AB346" s="53">
        <v>1077871.67150066</v>
      </c>
      <c r="AC346" s="53">
        <v>1141967.18150066</v>
      </c>
      <c r="AD346" s="53">
        <v>1148437.12150066</v>
      </c>
      <c r="AE346" s="53">
        <v>1095954.2715006601</v>
      </c>
      <c r="AF346" s="53">
        <v>1273015.41150066</v>
      </c>
      <c r="AG346" s="53">
        <v>1180577.2815006601</v>
      </c>
      <c r="AH346" s="53">
        <v>1094335.86150066</v>
      </c>
      <c r="AI346" s="53">
        <v>1117346.7815006601</v>
      </c>
      <c r="AJ346" s="53">
        <v>1134077.7415006601</v>
      </c>
      <c r="AK346" s="53">
        <v>1119822.42150066</v>
      </c>
      <c r="AL346" s="53">
        <v>1233259.2615006601</v>
      </c>
      <c r="AM346" s="53">
        <v>1120331.7115006601</v>
      </c>
      <c r="AN346" s="53">
        <v>13736996.7180079</v>
      </c>
      <c r="AO346" s="53">
        <v>1077871.67150066</v>
      </c>
      <c r="AP346" s="53">
        <v>1141967.18150066</v>
      </c>
      <c r="AQ346" s="53">
        <v>1148437.12150066</v>
      </c>
      <c r="AR346" s="53">
        <v>1095954.2715006601</v>
      </c>
      <c r="AS346" s="53">
        <v>1273015.41150066</v>
      </c>
      <c r="AT346" s="53">
        <v>1180577.2815006601</v>
      </c>
      <c r="AU346" s="53">
        <v>1094335.86150066</v>
      </c>
      <c r="AV346" s="53">
        <v>1117346.7815006601</v>
      </c>
      <c r="AW346" s="53">
        <v>1134077.7415006601</v>
      </c>
      <c r="AX346" s="53">
        <v>1119822.42150066</v>
      </c>
      <c r="AY346" s="53">
        <v>1233259.2615006601</v>
      </c>
      <c r="AZ346" s="53">
        <v>1120331.7115006601</v>
      </c>
      <c r="BA346" s="53">
        <v>13736996.7180079</v>
      </c>
    </row>
    <row r="347" spans="1:53">
      <c r="A347" s="52" t="s">
        <v>1142</v>
      </c>
      <c r="B347" s="53">
        <v>1107475.31166748</v>
      </c>
      <c r="C347" s="53">
        <v>1168106.3816674801</v>
      </c>
      <c r="D347" s="53">
        <v>1180418.48166748</v>
      </c>
      <c r="E347" s="53">
        <v>1130772.23166748</v>
      </c>
      <c r="F347" s="53">
        <v>1364794.31166748</v>
      </c>
      <c r="G347" s="53">
        <v>1210821.54166748</v>
      </c>
      <c r="H347" s="53">
        <v>1129241.4216674799</v>
      </c>
      <c r="I347" s="53">
        <v>1151008.80166748</v>
      </c>
      <c r="J347" s="53">
        <v>1166835.32166748</v>
      </c>
      <c r="K347" s="53">
        <v>1153350.6416674801</v>
      </c>
      <c r="L347" s="53">
        <v>1327187.03166748</v>
      </c>
      <c r="M347" s="53">
        <v>1153721.47166748</v>
      </c>
      <c r="N347" s="53">
        <v>14243732.9500097</v>
      </c>
      <c r="O347" s="53">
        <v>1106935.22526316</v>
      </c>
      <c r="P347" s="53">
        <v>1167566.29526316</v>
      </c>
      <c r="Q347" s="53">
        <v>1179878.3952631601</v>
      </c>
      <c r="R347" s="53">
        <v>1130232.1452631601</v>
      </c>
      <c r="S347" s="53">
        <v>1364254.22526316</v>
      </c>
      <c r="T347" s="53">
        <v>1210281.4552631599</v>
      </c>
      <c r="U347" s="53">
        <v>1128701.3352631601</v>
      </c>
      <c r="V347" s="53">
        <v>1150468.7152631599</v>
      </c>
      <c r="W347" s="53">
        <v>1166295.23526316</v>
      </c>
      <c r="X347" s="53">
        <v>1152810.55526316</v>
      </c>
      <c r="Y347" s="53">
        <v>1326646.9452631599</v>
      </c>
      <c r="Z347" s="53">
        <v>1153181.3852631601</v>
      </c>
      <c r="AA347" s="53">
        <v>14237251.913158</v>
      </c>
      <c r="AB347" s="53">
        <v>1106118.3090884199</v>
      </c>
      <c r="AC347" s="53">
        <v>1166749.37908842</v>
      </c>
      <c r="AD347" s="53">
        <v>1179061.47908842</v>
      </c>
      <c r="AE347" s="53">
        <v>1129415.22908842</v>
      </c>
      <c r="AF347" s="53">
        <v>1363437.3090884199</v>
      </c>
      <c r="AG347" s="53">
        <v>1209464.5390884201</v>
      </c>
      <c r="AH347" s="53">
        <v>1127884.41908842</v>
      </c>
      <c r="AI347" s="53">
        <v>1149651.7990884201</v>
      </c>
      <c r="AJ347" s="53">
        <v>1165478.3190884199</v>
      </c>
      <c r="AK347" s="53">
        <v>1151993.63908842</v>
      </c>
      <c r="AL347" s="53">
        <v>1325830.0290884201</v>
      </c>
      <c r="AM347" s="53">
        <v>1152364.46908842</v>
      </c>
      <c r="AN347" s="53">
        <v>14227448.9190611</v>
      </c>
      <c r="AO347" s="53">
        <v>1106118.3090884199</v>
      </c>
      <c r="AP347" s="53">
        <v>1166749.37908842</v>
      </c>
      <c r="AQ347" s="53">
        <v>1179061.47908842</v>
      </c>
      <c r="AR347" s="53">
        <v>1129415.22908842</v>
      </c>
      <c r="AS347" s="53">
        <v>1363437.3090884199</v>
      </c>
      <c r="AT347" s="53">
        <v>1209464.5390884201</v>
      </c>
      <c r="AU347" s="53">
        <v>1127884.41908842</v>
      </c>
      <c r="AV347" s="53">
        <v>1149651.7990884201</v>
      </c>
      <c r="AW347" s="53">
        <v>1165478.3190884199</v>
      </c>
      <c r="AX347" s="53">
        <v>1151993.63908842</v>
      </c>
      <c r="AY347" s="53">
        <v>1325830.0290884201</v>
      </c>
      <c r="AZ347" s="53">
        <v>1152364.46908842</v>
      </c>
      <c r="BA347" s="53">
        <v>14227448.9190611</v>
      </c>
    </row>
    <row r="348" spans="1:53">
      <c r="A348" s="52" t="s">
        <v>1143</v>
      </c>
      <c r="B348" s="53">
        <v>0</v>
      </c>
      <c r="C348" s="53">
        <v>0</v>
      </c>
      <c r="D348" s="53">
        <v>0</v>
      </c>
      <c r="E348" s="53">
        <v>0</v>
      </c>
      <c r="F348" s="53">
        <v>0</v>
      </c>
      <c r="G348" s="53">
        <v>0</v>
      </c>
      <c r="H348" s="53">
        <v>0</v>
      </c>
      <c r="I348" s="53">
        <v>0</v>
      </c>
      <c r="J348" s="53">
        <v>0</v>
      </c>
      <c r="K348" s="53">
        <v>0</v>
      </c>
      <c r="L348" s="53">
        <v>0</v>
      </c>
      <c r="M348" s="53">
        <v>0</v>
      </c>
      <c r="N348" s="53">
        <v>0</v>
      </c>
      <c r="O348" s="53">
        <v>0</v>
      </c>
      <c r="P348" s="53">
        <v>0</v>
      </c>
      <c r="Q348" s="53">
        <v>0</v>
      </c>
      <c r="R348" s="53">
        <v>0</v>
      </c>
      <c r="S348" s="53">
        <v>0</v>
      </c>
      <c r="T348" s="53">
        <v>0</v>
      </c>
      <c r="U348" s="53">
        <v>0</v>
      </c>
      <c r="V348" s="53">
        <v>0</v>
      </c>
      <c r="W348" s="53">
        <v>0</v>
      </c>
      <c r="X348" s="53">
        <v>0</v>
      </c>
      <c r="Y348" s="53">
        <v>0</v>
      </c>
      <c r="Z348" s="53">
        <v>0</v>
      </c>
      <c r="AA348" s="53">
        <v>0</v>
      </c>
      <c r="AB348" s="53">
        <v>0</v>
      </c>
      <c r="AC348" s="53">
        <v>0</v>
      </c>
      <c r="AD348" s="53">
        <v>0</v>
      </c>
      <c r="AE348" s="53">
        <v>0</v>
      </c>
      <c r="AF348" s="53">
        <v>0</v>
      </c>
      <c r="AG348" s="53">
        <v>0</v>
      </c>
      <c r="AH348" s="53">
        <v>0</v>
      </c>
      <c r="AI348" s="53">
        <v>0</v>
      </c>
      <c r="AJ348" s="53">
        <v>0</v>
      </c>
      <c r="AK348" s="53">
        <v>0</v>
      </c>
      <c r="AL348" s="53">
        <v>0</v>
      </c>
      <c r="AM348" s="53">
        <v>0</v>
      </c>
      <c r="AN348" s="53">
        <v>0</v>
      </c>
      <c r="AO348" s="53">
        <v>0</v>
      </c>
      <c r="AP348" s="53">
        <v>0</v>
      </c>
      <c r="AQ348" s="53">
        <v>0</v>
      </c>
      <c r="AR348" s="53">
        <v>0</v>
      </c>
      <c r="AS348" s="53">
        <v>0</v>
      </c>
      <c r="AT348" s="53">
        <v>0</v>
      </c>
      <c r="AU348" s="53">
        <v>0</v>
      </c>
      <c r="AV348" s="53">
        <v>0</v>
      </c>
      <c r="AW348" s="53">
        <v>0</v>
      </c>
      <c r="AX348" s="53">
        <v>0</v>
      </c>
      <c r="AY348" s="53">
        <v>0</v>
      </c>
      <c r="AZ348" s="53">
        <v>0</v>
      </c>
      <c r="BA348" s="53">
        <v>0</v>
      </c>
    </row>
    <row r="349" spans="1:53">
      <c r="A349" s="52" t="s">
        <v>1144</v>
      </c>
      <c r="B349" s="53">
        <v>1541832.8197000001</v>
      </c>
      <c r="C349" s="53">
        <v>1592287.23969999</v>
      </c>
      <c r="D349" s="53">
        <v>1612918.2297</v>
      </c>
      <c r="E349" s="53">
        <v>1567251.8896999899</v>
      </c>
      <c r="F349" s="53">
        <v>1729474.3197000001</v>
      </c>
      <c r="G349" s="53">
        <v>1620240.1196999999</v>
      </c>
      <c r="H349" s="53">
        <v>1555026.9897</v>
      </c>
      <c r="I349" s="53">
        <v>1572390.1597</v>
      </c>
      <c r="J349" s="53">
        <v>1585051.7996999901</v>
      </c>
      <c r="K349" s="53">
        <v>1574313.7897000001</v>
      </c>
      <c r="L349" s="53">
        <v>1697388.9397</v>
      </c>
      <c r="M349" s="53">
        <v>1574650.0796999999</v>
      </c>
      <c r="N349" s="53">
        <v>19222826.376400001</v>
      </c>
      <c r="O349" s="53">
        <v>1662132.8197000001</v>
      </c>
      <c r="P349" s="53">
        <v>1712587.23969999</v>
      </c>
      <c r="Q349" s="53">
        <v>1733218.2297</v>
      </c>
      <c r="R349" s="53">
        <v>1687551.8896999899</v>
      </c>
      <c r="S349" s="53">
        <v>1849774.3196999901</v>
      </c>
      <c r="T349" s="53">
        <v>1740540.1196999999</v>
      </c>
      <c r="U349" s="53">
        <v>1675326.9897</v>
      </c>
      <c r="V349" s="53">
        <v>1692690.1597</v>
      </c>
      <c r="W349" s="53">
        <v>1705351.7996999901</v>
      </c>
      <c r="X349" s="53">
        <v>1694613.7897000001</v>
      </c>
      <c r="Y349" s="53">
        <v>1817688.9397</v>
      </c>
      <c r="Z349" s="53">
        <v>1694950.0796999999</v>
      </c>
      <c r="AA349" s="53">
        <v>20666426.376400001</v>
      </c>
      <c r="AB349" s="53">
        <v>1700715.8197000001</v>
      </c>
      <c r="AC349" s="53">
        <v>1751170.23969999</v>
      </c>
      <c r="AD349" s="53">
        <v>1771801.2297</v>
      </c>
      <c r="AE349" s="53">
        <v>1726134.8896999899</v>
      </c>
      <c r="AF349" s="53">
        <v>1888357.3196999901</v>
      </c>
      <c r="AG349" s="53">
        <v>1779123.1196999999</v>
      </c>
      <c r="AH349" s="53">
        <v>1713909.9897</v>
      </c>
      <c r="AI349" s="53">
        <v>1731273.1597</v>
      </c>
      <c r="AJ349" s="53">
        <v>1743934.7996999901</v>
      </c>
      <c r="AK349" s="53">
        <v>1733196.7897000001</v>
      </c>
      <c r="AL349" s="53">
        <v>1856271.93969999</v>
      </c>
      <c r="AM349" s="53">
        <v>1733533.0796999999</v>
      </c>
      <c r="AN349" s="53">
        <v>21129422.376399901</v>
      </c>
      <c r="AO349" s="53">
        <v>1741215.8197000001</v>
      </c>
      <c r="AP349" s="53">
        <v>1791670.23969999</v>
      </c>
      <c r="AQ349" s="53">
        <v>1812301.2297</v>
      </c>
      <c r="AR349" s="53">
        <v>1766634.8896999899</v>
      </c>
      <c r="AS349" s="53">
        <v>1928857.3196999901</v>
      </c>
      <c r="AT349" s="53">
        <v>1819623.1196999999</v>
      </c>
      <c r="AU349" s="53">
        <v>1754409.9897</v>
      </c>
      <c r="AV349" s="53">
        <v>1771773.1597</v>
      </c>
      <c r="AW349" s="53">
        <v>1784434.7996999901</v>
      </c>
      <c r="AX349" s="53">
        <v>1773696.7897000001</v>
      </c>
      <c r="AY349" s="53">
        <v>1896771.93969999</v>
      </c>
      <c r="AZ349" s="53">
        <v>1774033.0796999999</v>
      </c>
      <c r="BA349" s="53">
        <v>21615422.376399901</v>
      </c>
    </row>
    <row r="350" spans="1:53">
      <c r="A350" s="52" t="s">
        <v>1145</v>
      </c>
      <c r="B350" s="53">
        <v>128845.849999999</v>
      </c>
      <c r="C350" s="53">
        <v>127845.85</v>
      </c>
      <c r="D350" s="53">
        <v>133275.53</v>
      </c>
      <c r="E350" s="53">
        <v>139316.35</v>
      </c>
      <c r="F350" s="53">
        <v>141021.5</v>
      </c>
      <c r="G350" s="53">
        <v>127541.35</v>
      </c>
      <c r="H350" s="53">
        <v>130911.85</v>
      </c>
      <c r="I350" s="53">
        <v>130711.849999999</v>
      </c>
      <c r="J350" s="53">
        <v>126811.849999999</v>
      </c>
      <c r="K350" s="53">
        <v>126711.849999999</v>
      </c>
      <c r="L350" s="53">
        <v>133782</v>
      </c>
      <c r="M350" s="53">
        <v>134011.85</v>
      </c>
      <c r="N350" s="53">
        <v>1580787.68</v>
      </c>
      <c r="O350" s="53">
        <v>128845.849999999</v>
      </c>
      <c r="P350" s="53">
        <v>127845.85</v>
      </c>
      <c r="Q350" s="53">
        <v>133275.53</v>
      </c>
      <c r="R350" s="53">
        <v>139316.35</v>
      </c>
      <c r="S350" s="53">
        <v>141021.5</v>
      </c>
      <c r="T350" s="53">
        <v>127541.35</v>
      </c>
      <c r="U350" s="53">
        <v>130911.85</v>
      </c>
      <c r="V350" s="53">
        <v>130711.849999999</v>
      </c>
      <c r="W350" s="53">
        <v>126811.849999999</v>
      </c>
      <c r="X350" s="53">
        <v>126711.849999999</v>
      </c>
      <c r="Y350" s="53">
        <v>133782</v>
      </c>
      <c r="Z350" s="53">
        <v>134011.85</v>
      </c>
      <c r="AA350" s="53">
        <v>1580787.68</v>
      </c>
      <c r="AB350" s="53">
        <v>128845.849999999</v>
      </c>
      <c r="AC350" s="53">
        <v>127845.85</v>
      </c>
      <c r="AD350" s="53">
        <v>133275.53</v>
      </c>
      <c r="AE350" s="53">
        <v>139316.35</v>
      </c>
      <c r="AF350" s="53">
        <v>141021.5</v>
      </c>
      <c r="AG350" s="53">
        <v>127541.35</v>
      </c>
      <c r="AH350" s="53">
        <v>130911.85</v>
      </c>
      <c r="AI350" s="53">
        <v>130711.849999999</v>
      </c>
      <c r="AJ350" s="53">
        <v>126811.849999999</v>
      </c>
      <c r="AK350" s="53">
        <v>126711.849999999</v>
      </c>
      <c r="AL350" s="53">
        <v>133782</v>
      </c>
      <c r="AM350" s="53">
        <v>134011.85</v>
      </c>
      <c r="AN350" s="53">
        <v>1580787.68</v>
      </c>
      <c r="AO350" s="53">
        <v>128845.849999999</v>
      </c>
      <c r="AP350" s="53">
        <v>127845.85</v>
      </c>
      <c r="AQ350" s="53">
        <v>133275.53</v>
      </c>
      <c r="AR350" s="53">
        <v>139316.35</v>
      </c>
      <c r="AS350" s="53">
        <v>141021.5</v>
      </c>
      <c r="AT350" s="53">
        <v>127541.35</v>
      </c>
      <c r="AU350" s="53">
        <v>130911.85</v>
      </c>
      <c r="AV350" s="53">
        <v>130711.849999999</v>
      </c>
      <c r="AW350" s="53">
        <v>126811.849999999</v>
      </c>
      <c r="AX350" s="53">
        <v>126711.849999999</v>
      </c>
      <c r="AY350" s="53">
        <v>133782</v>
      </c>
      <c r="AZ350" s="53">
        <v>134011.85</v>
      </c>
      <c r="BA350" s="53">
        <v>1580787.68</v>
      </c>
    </row>
    <row r="351" spans="1:53">
      <c r="A351" s="52" t="s">
        <v>1146</v>
      </c>
      <c r="B351" s="53">
        <v>0</v>
      </c>
      <c r="C351" s="53">
        <v>0</v>
      </c>
      <c r="D351" s="53">
        <v>0</v>
      </c>
      <c r="E351" s="53">
        <v>0</v>
      </c>
      <c r="F351" s="53">
        <v>0</v>
      </c>
      <c r="G351" s="53">
        <v>0</v>
      </c>
      <c r="H351" s="53">
        <v>0</v>
      </c>
      <c r="I351" s="53">
        <v>0</v>
      </c>
      <c r="J351" s="53">
        <v>0</v>
      </c>
      <c r="K351" s="53">
        <v>0</v>
      </c>
      <c r="L351" s="53">
        <v>0</v>
      </c>
      <c r="M351" s="53">
        <v>0</v>
      </c>
      <c r="N351" s="53">
        <v>0</v>
      </c>
      <c r="O351" s="53">
        <v>0</v>
      </c>
      <c r="P351" s="53">
        <v>0</v>
      </c>
      <c r="Q351" s="53">
        <v>0</v>
      </c>
      <c r="R351" s="53">
        <v>0</v>
      </c>
      <c r="S351" s="53">
        <v>0</v>
      </c>
      <c r="T351" s="53">
        <v>0</v>
      </c>
      <c r="U351" s="53">
        <v>0</v>
      </c>
      <c r="V351" s="53">
        <v>0</v>
      </c>
      <c r="W351" s="53">
        <v>0</v>
      </c>
      <c r="X351" s="53">
        <v>0</v>
      </c>
      <c r="Y351" s="53">
        <v>0</v>
      </c>
      <c r="Z351" s="53">
        <v>0</v>
      </c>
      <c r="AA351" s="53">
        <v>0</v>
      </c>
      <c r="AB351" s="53">
        <v>0</v>
      </c>
      <c r="AC351" s="53">
        <v>0</v>
      </c>
      <c r="AD351" s="53">
        <v>0</v>
      </c>
      <c r="AE351" s="53">
        <v>0</v>
      </c>
      <c r="AF351" s="53">
        <v>0</v>
      </c>
      <c r="AG351" s="53">
        <v>0</v>
      </c>
      <c r="AH351" s="53">
        <v>0</v>
      </c>
      <c r="AI351" s="53">
        <v>0</v>
      </c>
      <c r="AJ351" s="53">
        <v>0</v>
      </c>
      <c r="AK351" s="53">
        <v>0</v>
      </c>
      <c r="AL351" s="53">
        <v>0</v>
      </c>
      <c r="AM351" s="53">
        <v>0</v>
      </c>
      <c r="AN351" s="53">
        <v>0</v>
      </c>
      <c r="AO351" s="53">
        <v>0</v>
      </c>
      <c r="AP351" s="53">
        <v>0</v>
      </c>
      <c r="AQ351" s="53">
        <v>0</v>
      </c>
      <c r="AR351" s="53">
        <v>0</v>
      </c>
      <c r="AS351" s="53">
        <v>0</v>
      </c>
      <c r="AT351" s="53">
        <v>0</v>
      </c>
      <c r="AU351" s="53">
        <v>0</v>
      </c>
      <c r="AV351" s="53">
        <v>0</v>
      </c>
      <c r="AW351" s="53">
        <v>0</v>
      </c>
      <c r="AX351" s="53">
        <v>0</v>
      </c>
      <c r="AY351" s="53">
        <v>0</v>
      </c>
      <c r="AZ351" s="53">
        <v>0</v>
      </c>
      <c r="BA351" s="53">
        <v>0</v>
      </c>
    </row>
    <row r="352" spans="1:53">
      <c r="A352" s="52" t="s">
        <v>1147</v>
      </c>
      <c r="B352" s="53">
        <v>4822121.3238629503</v>
      </c>
      <c r="C352" s="53">
        <v>4785119.5438629501</v>
      </c>
      <c r="D352" s="53">
        <v>4855014.2838629503</v>
      </c>
      <c r="E352" s="53">
        <v>4717147.4938629502</v>
      </c>
      <c r="F352" s="53">
        <v>5418683.7638629498</v>
      </c>
      <c r="G352" s="53">
        <v>4920984.3338629501</v>
      </c>
      <c r="H352" s="53">
        <v>4816274.4838629495</v>
      </c>
      <c r="I352" s="53">
        <v>5064714.0238629496</v>
      </c>
      <c r="J352" s="53">
        <v>4677131.2438629502</v>
      </c>
      <c r="K352" s="53">
        <v>4777428.0838629501</v>
      </c>
      <c r="L352" s="53">
        <v>5179775.9738629498</v>
      </c>
      <c r="M352" s="53">
        <v>4610465.6338629499</v>
      </c>
      <c r="N352" s="53">
        <v>58644860.186355397</v>
      </c>
      <c r="O352" s="53">
        <v>5138183.3905463601</v>
      </c>
      <c r="P352" s="53">
        <v>5015181.6105463598</v>
      </c>
      <c r="Q352" s="53">
        <v>5154076.35054636</v>
      </c>
      <c r="R352" s="53">
        <v>5031209.56054636</v>
      </c>
      <c r="S352" s="53">
        <v>5644745.8305463605</v>
      </c>
      <c r="T352" s="53">
        <v>5155046.4005463598</v>
      </c>
      <c r="U352" s="53">
        <v>5058336.5505463602</v>
      </c>
      <c r="V352" s="53">
        <v>5378776.0905463602</v>
      </c>
      <c r="W352" s="53">
        <v>4979193.31054636</v>
      </c>
      <c r="X352" s="53">
        <v>5082490.1505463598</v>
      </c>
      <c r="Y352" s="53">
        <v>5493838.0405463604</v>
      </c>
      <c r="Z352" s="53">
        <v>4924527.7005463596</v>
      </c>
      <c r="AA352" s="53">
        <v>62055604.986556299</v>
      </c>
      <c r="AB352" s="53">
        <v>5348211.8869821401</v>
      </c>
      <c r="AC352" s="53">
        <v>5225210.1069821296</v>
      </c>
      <c r="AD352" s="53">
        <v>5364104.8469821401</v>
      </c>
      <c r="AE352" s="53">
        <v>5241238.0569821401</v>
      </c>
      <c r="AF352" s="53">
        <v>5854774.3269821396</v>
      </c>
      <c r="AG352" s="53">
        <v>5365074.8969821399</v>
      </c>
      <c r="AH352" s="53">
        <v>5268365.0469821403</v>
      </c>
      <c r="AI352" s="53">
        <v>5588804.5869821301</v>
      </c>
      <c r="AJ352" s="53">
        <v>5189221.8069821401</v>
      </c>
      <c r="AK352" s="53">
        <v>5292518.6469821297</v>
      </c>
      <c r="AL352" s="53">
        <v>5703866.5369821396</v>
      </c>
      <c r="AM352" s="53">
        <v>5134556.1969821304</v>
      </c>
      <c r="AN352" s="53">
        <v>64575946.9437856</v>
      </c>
      <c r="AO352" s="53">
        <v>5569510.9975081999</v>
      </c>
      <c r="AP352" s="53">
        <v>5446509.2175081903</v>
      </c>
      <c r="AQ352" s="53">
        <v>5585403.9575081998</v>
      </c>
      <c r="AR352" s="53">
        <v>5462537.1675081998</v>
      </c>
      <c r="AS352" s="53">
        <v>6076073.4375081901</v>
      </c>
      <c r="AT352" s="53">
        <v>5586374.0075081997</v>
      </c>
      <c r="AU352" s="53">
        <v>5489664.1575082</v>
      </c>
      <c r="AV352" s="53">
        <v>5810103.6975082001</v>
      </c>
      <c r="AW352" s="53">
        <v>5410520.9175081998</v>
      </c>
      <c r="AX352" s="53">
        <v>5513817.7575081997</v>
      </c>
      <c r="AY352" s="53">
        <v>5925165.6475082003</v>
      </c>
      <c r="AZ352" s="53">
        <v>5355855.3075082004</v>
      </c>
      <c r="BA352" s="53">
        <v>67231536.270098403</v>
      </c>
    </row>
    <row r="353" spans="1:53">
      <c r="A353" s="52" t="s">
        <v>1148</v>
      </c>
      <c r="B353" s="53"/>
      <c r="C353" s="53"/>
      <c r="D353" s="53"/>
      <c r="E353" s="53"/>
      <c r="F353" s="53"/>
      <c r="G353" s="53"/>
      <c r="H353" s="53"/>
      <c r="I353" s="53"/>
      <c r="J353" s="53"/>
      <c r="K353" s="53"/>
      <c r="L353" s="53"/>
      <c r="M353" s="53"/>
      <c r="N353" s="53"/>
      <c r="O353" s="53"/>
      <c r="P353" s="53"/>
      <c r="Q353" s="53"/>
      <c r="R353" s="53"/>
      <c r="S353" s="53"/>
      <c r="T353" s="53"/>
      <c r="U353" s="53"/>
      <c r="V353" s="53"/>
      <c r="W353" s="53"/>
      <c r="X353" s="53"/>
      <c r="Y353" s="53"/>
      <c r="Z353" s="53"/>
      <c r="AA353" s="53"/>
      <c r="AB353" s="53"/>
      <c r="AC353" s="53"/>
      <c r="AD353" s="53"/>
      <c r="AE353" s="53"/>
      <c r="AF353" s="53"/>
      <c r="AG353" s="53"/>
      <c r="AH353" s="53"/>
      <c r="AI353" s="53"/>
      <c r="AJ353" s="53"/>
      <c r="AK353" s="53"/>
      <c r="AL353" s="53"/>
      <c r="AM353" s="53"/>
      <c r="AN353" s="53"/>
      <c r="AO353" s="53"/>
      <c r="AP353" s="53"/>
      <c r="AQ353" s="53"/>
      <c r="AR353" s="53"/>
      <c r="AS353" s="53"/>
      <c r="AT353" s="53"/>
      <c r="AU353" s="53"/>
      <c r="AV353" s="53"/>
      <c r="AW353" s="53"/>
      <c r="AX353" s="53"/>
      <c r="AY353" s="53"/>
      <c r="AZ353" s="53"/>
      <c r="BA353" s="53"/>
    </row>
    <row r="354" spans="1:53">
      <c r="A354" s="52" t="s">
        <v>1149</v>
      </c>
      <c r="B354" s="53">
        <v>818857.35</v>
      </c>
      <c r="C354" s="53">
        <v>803895.97</v>
      </c>
      <c r="D354" s="53">
        <v>960351.95</v>
      </c>
      <c r="E354" s="53">
        <v>1164844.8999999999</v>
      </c>
      <c r="F354" s="53">
        <v>1234965.82</v>
      </c>
      <c r="G354" s="53">
        <v>1134782.1299999999</v>
      </c>
      <c r="H354" s="53">
        <v>1657313.72</v>
      </c>
      <c r="I354" s="53">
        <v>1773876.98</v>
      </c>
      <c r="J354" s="53">
        <v>1784463</v>
      </c>
      <c r="K354" s="53">
        <v>1194174.1399999999</v>
      </c>
      <c r="L354" s="53">
        <v>1259236</v>
      </c>
      <c r="M354" s="53">
        <v>1157730.02</v>
      </c>
      <c r="N354" s="53">
        <v>14944491.9799999</v>
      </c>
      <c r="O354" s="53">
        <v>1289457.3500000001</v>
      </c>
      <c r="P354" s="53">
        <v>1289456.97</v>
      </c>
      <c r="Q354" s="53">
        <v>1289456.95</v>
      </c>
      <c r="R354" s="53">
        <v>1289456.8999999999</v>
      </c>
      <c r="S354" s="53">
        <v>1289456.82</v>
      </c>
      <c r="T354" s="53">
        <v>1289457.1299999999</v>
      </c>
      <c r="U354" s="53">
        <v>1289456.72</v>
      </c>
      <c r="V354" s="53">
        <v>1289456.98</v>
      </c>
      <c r="W354" s="53">
        <v>1289457</v>
      </c>
      <c r="X354" s="53">
        <v>1289457.1399999999</v>
      </c>
      <c r="Y354" s="53">
        <v>1289457</v>
      </c>
      <c r="Z354" s="53">
        <v>1289457.02</v>
      </c>
      <c r="AA354" s="53">
        <v>15473483.98</v>
      </c>
      <c r="AB354" s="53">
        <v>1402243.3499999901</v>
      </c>
      <c r="AC354" s="53">
        <v>1402242.96999999</v>
      </c>
      <c r="AD354" s="53">
        <v>1402242.9499999899</v>
      </c>
      <c r="AE354" s="53">
        <v>1402242.8999999899</v>
      </c>
      <c r="AF354" s="53">
        <v>1402242.82</v>
      </c>
      <c r="AG354" s="53">
        <v>1402243.13</v>
      </c>
      <c r="AH354" s="53">
        <v>1402242.71999999</v>
      </c>
      <c r="AI354" s="53">
        <v>1402242.98</v>
      </c>
      <c r="AJ354" s="53">
        <v>1402243</v>
      </c>
      <c r="AK354" s="53">
        <v>1402243.14</v>
      </c>
      <c r="AL354" s="53">
        <v>1402243</v>
      </c>
      <c r="AM354" s="53">
        <v>1402243.01999999</v>
      </c>
      <c r="AN354" s="53">
        <v>16826915.98</v>
      </c>
      <c r="AO354" s="53">
        <v>1525000.35</v>
      </c>
      <c r="AP354" s="53">
        <v>1524999.96999999</v>
      </c>
      <c r="AQ354" s="53">
        <v>1524999.95</v>
      </c>
      <c r="AR354" s="53">
        <v>1524999.9</v>
      </c>
      <c r="AS354" s="53">
        <v>1524999.82</v>
      </c>
      <c r="AT354" s="53">
        <v>1525000.13</v>
      </c>
      <c r="AU354" s="53">
        <v>1524999.71999999</v>
      </c>
      <c r="AV354" s="53">
        <v>1524999.98</v>
      </c>
      <c r="AW354" s="53">
        <v>1525000</v>
      </c>
      <c r="AX354" s="53">
        <v>1525000.14</v>
      </c>
      <c r="AY354" s="53">
        <v>1525000</v>
      </c>
      <c r="AZ354" s="53">
        <v>1525000.02</v>
      </c>
      <c r="BA354" s="53">
        <v>18299999.98</v>
      </c>
    </row>
    <row r="355" spans="1:53">
      <c r="A355" s="52" t="s">
        <v>1150</v>
      </c>
      <c r="B355" s="53">
        <v>0</v>
      </c>
      <c r="C355" s="53">
        <v>0</v>
      </c>
      <c r="D355" s="53">
        <v>0</v>
      </c>
      <c r="E355" s="53">
        <v>0</v>
      </c>
      <c r="F355" s="53">
        <v>0</v>
      </c>
      <c r="G355" s="53">
        <v>0</v>
      </c>
      <c r="H355" s="53">
        <v>0</v>
      </c>
      <c r="I355" s="53">
        <v>0</v>
      </c>
      <c r="J355" s="53">
        <v>0</v>
      </c>
      <c r="K355" s="53">
        <v>0</v>
      </c>
      <c r="L355" s="53">
        <v>0</v>
      </c>
      <c r="M355" s="53">
        <v>0</v>
      </c>
      <c r="N355" s="53">
        <v>0</v>
      </c>
      <c r="O355" s="53">
        <v>0</v>
      </c>
      <c r="P355" s="53">
        <v>0</v>
      </c>
      <c r="Q355" s="53">
        <v>0</v>
      </c>
      <c r="R355" s="53">
        <v>0</v>
      </c>
      <c r="S355" s="53">
        <v>0</v>
      </c>
      <c r="T355" s="53">
        <v>0</v>
      </c>
      <c r="U355" s="53">
        <v>0</v>
      </c>
      <c r="V355" s="53">
        <v>0</v>
      </c>
      <c r="W355" s="53">
        <v>0</v>
      </c>
      <c r="X355" s="53">
        <v>0</v>
      </c>
      <c r="Y355" s="53">
        <v>0</v>
      </c>
      <c r="Z355" s="53">
        <v>0</v>
      </c>
      <c r="AA355" s="53">
        <v>0</v>
      </c>
      <c r="AB355" s="53">
        <v>0</v>
      </c>
      <c r="AC355" s="53">
        <v>0</v>
      </c>
      <c r="AD355" s="53">
        <v>0</v>
      </c>
      <c r="AE355" s="53">
        <v>0</v>
      </c>
      <c r="AF355" s="53">
        <v>0</v>
      </c>
      <c r="AG355" s="53">
        <v>0</v>
      </c>
      <c r="AH355" s="53">
        <v>0</v>
      </c>
      <c r="AI355" s="53">
        <v>0</v>
      </c>
      <c r="AJ355" s="53">
        <v>0</v>
      </c>
      <c r="AK355" s="53">
        <v>0</v>
      </c>
      <c r="AL355" s="53">
        <v>0</v>
      </c>
      <c r="AM355" s="53">
        <v>0</v>
      </c>
      <c r="AN355" s="53">
        <v>0</v>
      </c>
      <c r="AO355" s="53">
        <v>0</v>
      </c>
      <c r="AP355" s="53">
        <v>0</v>
      </c>
      <c r="AQ355" s="53">
        <v>0</v>
      </c>
      <c r="AR355" s="53">
        <v>0</v>
      </c>
      <c r="AS355" s="53">
        <v>0</v>
      </c>
      <c r="AT355" s="53">
        <v>0</v>
      </c>
      <c r="AU355" s="53">
        <v>0</v>
      </c>
      <c r="AV355" s="53">
        <v>0</v>
      </c>
      <c r="AW355" s="53">
        <v>0</v>
      </c>
      <c r="AX355" s="53">
        <v>0</v>
      </c>
      <c r="AY355" s="53">
        <v>0</v>
      </c>
      <c r="AZ355" s="53">
        <v>0</v>
      </c>
      <c r="BA355" s="53">
        <v>0</v>
      </c>
    </row>
    <row r="356" spans="1:53">
      <c r="A356" s="52" t="s">
        <v>1151</v>
      </c>
      <c r="B356" s="53">
        <v>818857.35</v>
      </c>
      <c r="C356" s="53">
        <v>803895.97</v>
      </c>
      <c r="D356" s="53">
        <v>960351.95</v>
      </c>
      <c r="E356" s="53">
        <v>1164844.8999999999</v>
      </c>
      <c r="F356" s="53">
        <v>1234965.82</v>
      </c>
      <c r="G356" s="53">
        <v>1134782.1299999999</v>
      </c>
      <c r="H356" s="53">
        <v>1657313.72</v>
      </c>
      <c r="I356" s="53">
        <v>1773876.98</v>
      </c>
      <c r="J356" s="53">
        <v>1784463</v>
      </c>
      <c r="K356" s="53">
        <v>1194174.1399999999</v>
      </c>
      <c r="L356" s="53">
        <v>1259236</v>
      </c>
      <c r="M356" s="53">
        <v>1157730.02</v>
      </c>
      <c r="N356" s="53">
        <v>14944491.9799999</v>
      </c>
      <c r="O356" s="53">
        <v>1289457.3500000001</v>
      </c>
      <c r="P356" s="53">
        <v>1289456.97</v>
      </c>
      <c r="Q356" s="53">
        <v>1289456.95</v>
      </c>
      <c r="R356" s="53">
        <v>1289456.8999999999</v>
      </c>
      <c r="S356" s="53">
        <v>1289456.82</v>
      </c>
      <c r="T356" s="53">
        <v>1289457.1299999999</v>
      </c>
      <c r="U356" s="53">
        <v>1289456.72</v>
      </c>
      <c r="V356" s="53">
        <v>1289456.98</v>
      </c>
      <c r="W356" s="53">
        <v>1289457</v>
      </c>
      <c r="X356" s="53">
        <v>1289457.1399999999</v>
      </c>
      <c r="Y356" s="53">
        <v>1289457</v>
      </c>
      <c r="Z356" s="53">
        <v>1289457.02</v>
      </c>
      <c r="AA356" s="53">
        <v>15473483.98</v>
      </c>
      <c r="AB356" s="53">
        <v>1402243.3499999901</v>
      </c>
      <c r="AC356" s="53">
        <v>1402242.96999999</v>
      </c>
      <c r="AD356" s="53">
        <v>1402242.9499999899</v>
      </c>
      <c r="AE356" s="53">
        <v>1402242.8999999899</v>
      </c>
      <c r="AF356" s="53">
        <v>1402242.82</v>
      </c>
      <c r="AG356" s="53">
        <v>1402243.13</v>
      </c>
      <c r="AH356" s="53">
        <v>1402242.71999999</v>
      </c>
      <c r="AI356" s="53">
        <v>1402242.98</v>
      </c>
      <c r="AJ356" s="53">
        <v>1402243</v>
      </c>
      <c r="AK356" s="53">
        <v>1402243.14</v>
      </c>
      <c r="AL356" s="53">
        <v>1402243</v>
      </c>
      <c r="AM356" s="53">
        <v>1402243.01999999</v>
      </c>
      <c r="AN356" s="53">
        <v>16826915.98</v>
      </c>
      <c r="AO356" s="53">
        <v>1525000.35</v>
      </c>
      <c r="AP356" s="53">
        <v>1524999.96999999</v>
      </c>
      <c r="AQ356" s="53">
        <v>1524999.95</v>
      </c>
      <c r="AR356" s="53">
        <v>1524999.9</v>
      </c>
      <c r="AS356" s="53">
        <v>1524999.82</v>
      </c>
      <c r="AT356" s="53">
        <v>1525000.13</v>
      </c>
      <c r="AU356" s="53">
        <v>1524999.71999999</v>
      </c>
      <c r="AV356" s="53">
        <v>1524999.98</v>
      </c>
      <c r="AW356" s="53">
        <v>1525000</v>
      </c>
      <c r="AX356" s="53">
        <v>1525000.14</v>
      </c>
      <c r="AY356" s="53">
        <v>1525000</v>
      </c>
      <c r="AZ356" s="53">
        <v>1525000.02</v>
      </c>
      <c r="BA356" s="53">
        <v>18299999.98</v>
      </c>
    </row>
    <row r="357" spans="1:53">
      <c r="A357" s="52" t="s">
        <v>1152</v>
      </c>
      <c r="B357" s="53"/>
      <c r="C357" s="53"/>
      <c r="D357" s="53"/>
      <c r="E357" s="53"/>
      <c r="F357" s="53"/>
      <c r="G357" s="53"/>
      <c r="H357" s="53"/>
      <c r="I357" s="53"/>
      <c r="J357" s="53"/>
      <c r="K357" s="53"/>
      <c r="L357" s="53"/>
      <c r="M357" s="53"/>
      <c r="N357" s="53"/>
      <c r="O357" s="53"/>
      <c r="P357" s="53"/>
      <c r="Q357" s="53"/>
      <c r="R357" s="53"/>
      <c r="S357" s="53"/>
      <c r="T357" s="53"/>
      <c r="U357" s="53"/>
      <c r="V357" s="53"/>
      <c r="W357" s="53"/>
      <c r="X357" s="53"/>
      <c r="Y357" s="53"/>
      <c r="Z357" s="53"/>
      <c r="AA357" s="53"/>
      <c r="AB357" s="53"/>
      <c r="AC357" s="53"/>
      <c r="AD357" s="53"/>
      <c r="AE357" s="53"/>
      <c r="AF357" s="53"/>
      <c r="AG357" s="53"/>
      <c r="AH357" s="53"/>
      <c r="AI357" s="53"/>
      <c r="AJ357" s="53"/>
      <c r="AK357" s="53"/>
      <c r="AL357" s="53"/>
      <c r="AM357" s="53"/>
      <c r="AN357" s="53"/>
      <c r="AO357" s="53"/>
      <c r="AP357" s="53"/>
      <c r="AQ357" s="53"/>
      <c r="AR357" s="53"/>
      <c r="AS357" s="53"/>
      <c r="AT357" s="53"/>
      <c r="AU357" s="53"/>
      <c r="AV357" s="53"/>
      <c r="AW357" s="53"/>
      <c r="AX357" s="53"/>
      <c r="AY357" s="53"/>
      <c r="AZ357" s="53"/>
      <c r="BA357" s="53"/>
    </row>
    <row r="358" spans="1:53">
      <c r="A358" s="52" t="s">
        <v>1153</v>
      </c>
      <c r="B358" s="53">
        <v>0</v>
      </c>
      <c r="C358" s="53">
        <v>0</v>
      </c>
      <c r="D358" s="53">
        <v>0</v>
      </c>
      <c r="E358" s="53">
        <v>0</v>
      </c>
      <c r="F358" s="53">
        <v>0</v>
      </c>
      <c r="G358" s="53">
        <v>0</v>
      </c>
      <c r="H358" s="53">
        <v>0</v>
      </c>
      <c r="I358" s="53">
        <v>0</v>
      </c>
      <c r="J358" s="53">
        <v>0</v>
      </c>
      <c r="K358" s="53">
        <v>0</v>
      </c>
      <c r="L358" s="53">
        <v>0</v>
      </c>
      <c r="M358" s="53">
        <v>0</v>
      </c>
      <c r="N358" s="53">
        <v>0</v>
      </c>
      <c r="O358" s="53">
        <v>0</v>
      </c>
      <c r="P358" s="53">
        <v>0</v>
      </c>
      <c r="Q358" s="53">
        <v>0</v>
      </c>
      <c r="R358" s="53">
        <v>0</v>
      </c>
      <c r="S358" s="53">
        <v>0</v>
      </c>
      <c r="T358" s="53">
        <v>0</v>
      </c>
      <c r="U358" s="53">
        <v>0</v>
      </c>
      <c r="V358" s="53">
        <v>0</v>
      </c>
      <c r="W358" s="53">
        <v>0</v>
      </c>
      <c r="X358" s="53">
        <v>0</v>
      </c>
      <c r="Y358" s="53">
        <v>0</v>
      </c>
      <c r="Z358" s="53">
        <v>0</v>
      </c>
      <c r="AA358" s="53">
        <v>0</v>
      </c>
      <c r="AB358" s="53">
        <v>0</v>
      </c>
      <c r="AC358" s="53">
        <v>0</v>
      </c>
      <c r="AD358" s="53">
        <v>0</v>
      </c>
      <c r="AE358" s="53">
        <v>0</v>
      </c>
      <c r="AF358" s="53">
        <v>0</v>
      </c>
      <c r="AG358" s="53">
        <v>0</v>
      </c>
      <c r="AH358" s="53">
        <v>0</v>
      </c>
      <c r="AI358" s="53">
        <v>0</v>
      </c>
      <c r="AJ358" s="53">
        <v>0</v>
      </c>
      <c r="AK358" s="53">
        <v>0</v>
      </c>
      <c r="AL358" s="53">
        <v>0</v>
      </c>
      <c r="AM358" s="53">
        <v>0</v>
      </c>
      <c r="AN358" s="53">
        <v>0</v>
      </c>
      <c r="AO358" s="53">
        <v>0</v>
      </c>
      <c r="AP358" s="53">
        <v>0</v>
      </c>
      <c r="AQ358" s="53">
        <v>0</v>
      </c>
      <c r="AR358" s="53">
        <v>0</v>
      </c>
      <c r="AS358" s="53">
        <v>0</v>
      </c>
      <c r="AT358" s="53">
        <v>0</v>
      </c>
      <c r="AU358" s="53">
        <v>0</v>
      </c>
      <c r="AV358" s="53">
        <v>0</v>
      </c>
      <c r="AW358" s="53">
        <v>0</v>
      </c>
      <c r="AX358" s="53">
        <v>0</v>
      </c>
      <c r="AY358" s="53">
        <v>0</v>
      </c>
      <c r="AZ358" s="53">
        <v>0</v>
      </c>
      <c r="BA358" s="53">
        <v>0</v>
      </c>
    </row>
    <row r="359" spans="1:53">
      <c r="A359" s="52" t="s">
        <v>1154</v>
      </c>
      <c r="B359" s="53">
        <v>0</v>
      </c>
      <c r="C359" s="53">
        <v>0</v>
      </c>
      <c r="D359" s="53">
        <v>0</v>
      </c>
      <c r="E359" s="53">
        <v>0</v>
      </c>
      <c r="F359" s="53">
        <v>0</v>
      </c>
      <c r="G359" s="53">
        <v>0</v>
      </c>
      <c r="H359" s="53">
        <v>0</v>
      </c>
      <c r="I359" s="53">
        <v>0</v>
      </c>
      <c r="J359" s="53">
        <v>0</v>
      </c>
      <c r="K359" s="53">
        <v>0</v>
      </c>
      <c r="L359" s="53">
        <v>0</v>
      </c>
      <c r="M359" s="53">
        <v>0</v>
      </c>
      <c r="N359" s="53">
        <v>0</v>
      </c>
      <c r="O359" s="53">
        <v>0</v>
      </c>
      <c r="P359" s="53">
        <v>0</v>
      </c>
      <c r="Q359" s="53">
        <v>0</v>
      </c>
      <c r="R359" s="53">
        <v>0</v>
      </c>
      <c r="S359" s="53">
        <v>0</v>
      </c>
      <c r="T359" s="53">
        <v>0</v>
      </c>
      <c r="U359" s="53">
        <v>0</v>
      </c>
      <c r="V359" s="53">
        <v>0</v>
      </c>
      <c r="W359" s="53">
        <v>0</v>
      </c>
      <c r="X359" s="53">
        <v>0</v>
      </c>
      <c r="Y359" s="53">
        <v>0</v>
      </c>
      <c r="Z359" s="53">
        <v>0</v>
      </c>
      <c r="AA359" s="53">
        <v>0</v>
      </c>
      <c r="AB359" s="53">
        <v>0</v>
      </c>
      <c r="AC359" s="53">
        <v>0</v>
      </c>
      <c r="AD359" s="53">
        <v>0</v>
      </c>
      <c r="AE359" s="53">
        <v>0</v>
      </c>
      <c r="AF359" s="53">
        <v>0</v>
      </c>
      <c r="AG359" s="53">
        <v>0</v>
      </c>
      <c r="AH359" s="53">
        <v>0</v>
      </c>
      <c r="AI359" s="53">
        <v>0</v>
      </c>
      <c r="AJ359" s="53">
        <v>0</v>
      </c>
      <c r="AK359" s="53">
        <v>0</v>
      </c>
      <c r="AL359" s="53">
        <v>0</v>
      </c>
      <c r="AM359" s="53">
        <v>0</v>
      </c>
      <c r="AN359" s="53">
        <v>0</v>
      </c>
      <c r="AO359" s="53">
        <v>0</v>
      </c>
      <c r="AP359" s="53">
        <v>0</v>
      </c>
      <c r="AQ359" s="53">
        <v>0</v>
      </c>
      <c r="AR359" s="53">
        <v>0</v>
      </c>
      <c r="AS359" s="53">
        <v>0</v>
      </c>
      <c r="AT359" s="53">
        <v>0</v>
      </c>
      <c r="AU359" s="53">
        <v>0</v>
      </c>
      <c r="AV359" s="53">
        <v>0</v>
      </c>
      <c r="AW359" s="53">
        <v>0</v>
      </c>
      <c r="AX359" s="53">
        <v>0</v>
      </c>
      <c r="AY359" s="53">
        <v>0</v>
      </c>
      <c r="AZ359" s="53">
        <v>0</v>
      </c>
      <c r="BA359" s="53">
        <v>0</v>
      </c>
    </row>
    <row r="360" spans="1:53">
      <c r="A360" s="236" t="s">
        <v>1155</v>
      </c>
      <c r="B360" s="53">
        <v>5663708.2838629503</v>
      </c>
      <c r="C360" s="53">
        <v>5611745.1238629501</v>
      </c>
      <c r="D360" s="53">
        <v>5838793.7638629498</v>
      </c>
      <c r="E360" s="53">
        <v>5905419.9238629499</v>
      </c>
      <c r="F360" s="53">
        <v>6710982.2738629496</v>
      </c>
      <c r="G360" s="53">
        <v>6079193.9938629502</v>
      </c>
      <c r="H360" s="53">
        <v>6497015.7338629495</v>
      </c>
      <c r="I360" s="53">
        <v>6862018.5338629503</v>
      </c>
      <c r="J360" s="53">
        <v>6485021.7738629496</v>
      </c>
      <c r="K360" s="53">
        <v>5995029.75386295</v>
      </c>
      <c r="L360" s="53">
        <v>6496344.6638629502</v>
      </c>
      <c r="M360" s="53">
        <v>5793820.8138629496</v>
      </c>
      <c r="N360" s="53">
        <v>73939094.6363554</v>
      </c>
      <c r="O360" s="53">
        <v>6450370.35054636</v>
      </c>
      <c r="P360" s="53">
        <v>6327368.1905463599</v>
      </c>
      <c r="Q360" s="53">
        <v>6466960.8305463605</v>
      </c>
      <c r="R360" s="53">
        <v>6344093.9905463597</v>
      </c>
      <c r="S360" s="53">
        <v>6991535.3405463602</v>
      </c>
      <c r="T360" s="53">
        <v>6467931.06054636</v>
      </c>
      <c r="U360" s="53">
        <v>6371220.8005463602</v>
      </c>
      <c r="V360" s="53">
        <v>6691660.60054636</v>
      </c>
      <c r="W360" s="53">
        <v>6292077.8405463602</v>
      </c>
      <c r="X360" s="53">
        <v>6395374.8205463598</v>
      </c>
      <c r="Y360" s="53">
        <v>6840627.7305463599</v>
      </c>
      <c r="Z360" s="53">
        <v>6239609.8805463603</v>
      </c>
      <c r="AA360" s="53">
        <v>77878831.436556295</v>
      </c>
      <c r="AB360" s="53">
        <v>6773184.8469821401</v>
      </c>
      <c r="AC360" s="53">
        <v>6650182.6869821297</v>
      </c>
      <c r="AD360" s="53">
        <v>6789775.3269821396</v>
      </c>
      <c r="AE360" s="53">
        <v>6666908.4869821304</v>
      </c>
      <c r="AF360" s="53">
        <v>7314349.8369821403</v>
      </c>
      <c r="AG360" s="53">
        <v>6790745.5569821401</v>
      </c>
      <c r="AH360" s="53">
        <v>6694035.2969821403</v>
      </c>
      <c r="AI360" s="53">
        <v>7014475.0969821401</v>
      </c>
      <c r="AJ360" s="53">
        <v>6614892.3369821301</v>
      </c>
      <c r="AK360" s="53">
        <v>6718189.3169821398</v>
      </c>
      <c r="AL360" s="53">
        <v>7163442.22698214</v>
      </c>
      <c r="AM360" s="53">
        <v>6562424.3769821404</v>
      </c>
      <c r="AN360" s="53">
        <v>81752605.393785596</v>
      </c>
      <c r="AO360" s="53">
        <v>7117240.9575081998</v>
      </c>
      <c r="AP360" s="53">
        <v>6994238.7975081997</v>
      </c>
      <c r="AQ360" s="53">
        <v>7133831.4375082003</v>
      </c>
      <c r="AR360" s="53">
        <v>7010964.5975081902</v>
      </c>
      <c r="AS360" s="53">
        <v>7658405.9475082001</v>
      </c>
      <c r="AT360" s="53">
        <v>7134801.6675081998</v>
      </c>
      <c r="AU360" s="53">
        <v>7038091.4075082</v>
      </c>
      <c r="AV360" s="53">
        <v>7358531.2075081998</v>
      </c>
      <c r="AW360" s="53">
        <v>6958948.4475082001</v>
      </c>
      <c r="AX360" s="53">
        <v>7062245.4275081996</v>
      </c>
      <c r="AY360" s="53">
        <v>7507498.3375081997</v>
      </c>
      <c r="AZ360" s="53">
        <v>6906480.4875082001</v>
      </c>
      <c r="BA360" s="53">
        <v>85881278.720098406</v>
      </c>
    </row>
    <row r="361" spans="1:53">
      <c r="A361" s="231" t="s">
        <v>1156</v>
      </c>
      <c r="B361" s="53"/>
      <c r="C361" s="53"/>
      <c r="D361" s="53"/>
      <c r="E361" s="53"/>
      <c r="F361" s="53"/>
      <c r="G361" s="53"/>
      <c r="H361" s="53"/>
      <c r="I361" s="53"/>
      <c r="J361" s="53"/>
      <c r="K361" s="53"/>
      <c r="L361" s="53"/>
      <c r="M361" s="53"/>
      <c r="N361" s="53"/>
      <c r="O361" s="53"/>
      <c r="P361" s="53"/>
      <c r="Q361" s="53"/>
      <c r="R361" s="53"/>
      <c r="S361" s="53"/>
      <c r="T361" s="53"/>
      <c r="U361" s="53"/>
      <c r="V361" s="53"/>
      <c r="W361" s="53"/>
      <c r="X361" s="53"/>
      <c r="Y361" s="53"/>
      <c r="Z361" s="53"/>
      <c r="AA361" s="53"/>
      <c r="AB361" s="53"/>
      <c r="AC361" s="53"/>
      <c r="AD361" s="53"/>
      <c r="AE361" s="53"/>
      <c r="AF361" s="53"/>
      <c r="AG361" s="53"/>
      <c r="AH361" s="53"/>
      <c r="AI361" s="53"/>
      <c r="AJ361" s="53"/>
      <c r="AK361" s="53"/>
      <c r="AL361" s="53"/>
      <c r="AM361" s="53"/>
      <c r="AN361" s="53"/>
      <c r="AO361" s="53"/>
      <c r="AP361" s="53"/>
      <c r="AQ361" s="53"/>
      <c r="AR361" s="53"/>
      <c r="AS361" s="53"/>
      <c r="AT361" s="53"/>
      <c r="AU361" s="53"/>
      <c r="AV361" s="53"/>
      <c r="AW361" s="53"/>
      <c r="AX361" s="53"/>
      <c r="AY361" s="53"/>
      <c r="AZ361" s="53"/>
      <c r="BA361" s="53"/>
    </row>
    <row r="362" spans="1:53">
      <c r="A362" s="52" t="s">
        <v>1157</v>
      </c>
      <c r="B362" s="53"/>
      <c r="C362" s="53"/>
      <c r="D362" s="53"/>
      <c r="E362" s="53"/>
      <c r="F362" s="53"/>
      <c r="G362" s="53"/>
      <c r="H362" s="53"/>
      <c r="I362" s="53"/>
      <c r="J362" s="53"/>
      <c r="K362" s="53"/>
      <c r="L362" s="53"/>
      <c r="M362" s="53"/>
      <c r="N362" s="53"/>
      <c r="O362" s="53"/>
      <c r="P362" s="53"/>
      <c r="Q362" s="53"/>
      <c r="R362" s="53"/>
      <c r="S362" s="53"/>
      <c r="T362" s="53"/>
      <c r="U362" s="53"/>
      <c r="V362" s="53"/>
      <c r="W362" s="53"/>
      <c r="X362" s="53"/>
      <c r="Y362" s="53"/>
      <c r="Z362" s="53"/>
      <c r="AA362" s="53"/>
      <c r="AB362" s="53"/>
      <c r="AC362" s="53"/>
      <c r="AD362" s="53"/>
      <c r="AE362" s="53"/>
      <c r="AF362" s="53"/>
      <c r="AG362" s="53"/>
      <c r="AH362" s="53"/>
      <c r="AI362" s="53"/>
      <c r="AJ362" s="53"/>
      <c r="AK362" s="53"/>
      <c r="AL362" s="53"/>
      <c r="AM362" s="53"/>
      <c r="AN362" s="53"/>
      <c r="AO362" s="53"/>
      <c r="AP362" s="53"/>
      <c r="AQ362" s="53"/>
      <c r="AR362" s="53"/>
      <c r="AS362" s="53"/>
      <c r="AT362" s="53"/>
      <c r="AU362" s="53"/>
      <c r="AV362" s="53"/>
      <c r="AW362" s="53"/>
      <c r="AX362" s="53"/>
      <c r="AY362" s="53"/>
      <c r="AZ362" s="53"/>
      <c r="BA362" s="53"/>
    </row>
    <row r="363" spans="1:53">
      <c r="A363" s="52" t="s">
        <v>1158</v>
      </c>
      <c r="B363" s="53">
        <v>0</v>
      </c>
      <c r="C363" s="53">
        <v>0</v>
      </c>
      <c r="D363" s="53">
        <v>0</v>
      </c>
      <c r="E363" s="53">
        <v>0</v>
      </c>
      <c r="F363" s="53">
        <v>0</v>
      </c>
      <c r="G363" s="53">
        <v>0</v>
      </c>
      <c r="H363" s="53">
        <v>0</v>
      </c>
      <c r="I363" s="53">
        <v>0</v>
      </c>
      <c r="J363" s="53">
        <v>0</v>
      </c>
      <c r="K363" s="53">
        <v>0</v>
      </c>
      <c r="L363" s="53">
        <v>0</v>
      </c>
      <c r="M363" s="53">
        <v>0</v>
      </c>
      <c r="N363" s="53">
        <v>0</v>
      </c>
      <c r="O363" s="53">
        <v>0</v>
      </c>
      <c r="P363" s="53">
        <v>0</v>
      </c>
      <c r="Q363" s="53">
        <v>0</v>
      </c>
      <c r="R363" s="53">
        <v>0</v>
      </c>
      <c r="S363" s="53">
        <v>0</v>
      </c>
      <c r="T363" s="53">
        <v>0</v>
      </c>
      <c r="U363" s="53">
        <v>0</v>
      </c>
      <c r="V363" s="53">
        <v>0</v>
      </c>
      <c r="W363" s="53">
        <v>0</v>
      </c>
      <c r="X363" s="53">
        <v>0</v>
      </c>
      <c r="Y363" s="53">
        <v>0</v>
      </c>
      <c r="Z363" s="53">
        <v>0</v>
      </c>
      <c r="AA363" s="53">
        <v>0</v>
      </c>
      <c r="AB363" s="53">
        <v>0</v>
      </c>
      <c r="AC363" s="53">
        <v>0</v>
      </c>
      <c r="AD363" s="53">
        <v>0</v>
      </c>
      <c r="AE363" s="53">
        <v>0</v>
      </c>
      <c r="AF363" s="53">
        <v>0</v>
      </c>
      <c r="AG363" s="53">
        <v>0</v>
      </c>
      <c r="AH363" s="53">
        <v>0</v>
      </c>
      <c r="AI363" s="53">
        <v>0</v>
      </c>
      <c r="AJ363" s="53">
        <v>0</v>
      </c>
      <c r="AK363" s="53">
        <v>0</v>
      </c>
      <c r="AL363" s="53">
        <v>0</v>
      </c>
      <c r="AM363" s="53">
        <v>0</v>
      </c>
      <c r="AN363" s="53">
        <v>0</v>
      </c>
      <c r="AO363" s="53">
        <v>0</v>
      </c>
      <c r="AP363" s="53">
        <v>0</v>
      </c>
      <c r="AQ363" s="53">
        <v>0</v>
      </c>
      <c r="AR363" s="53">
        <v>0</v>
      </c>
      <c r="AS363" s="53">
        <v>0</v>
      </c>
      <c r="AT363" s="53">
        <v>0</v>
      </c>
      <c r="AU363" s="53">
        <v>0</v>
      </c>
      <c r="AV363" s="53">
        <v>0</v>
      </c>
      <c r="AW363" s="53">
        <v>0</v>
      </c>
      <c r="AX363" s="53">
        <v>0</v>
      </c>
      <c r="AY363" s="53">
        <v>0</v>
      </c>
      <c r="AZ363" s="53">
        <v>0</v>
      </c>
      <c r="BA363" s="53">
        <v>0</v>
      </c>
    </row>
    <row r="364" spans="1:53">
      <c r="A364" s="52" t="s">
        <v>1159</v>
      </c>
      <c r="B364" s="53">
        <v>0</v>
      </c>
      <c r="C364" s="53">
        <v>0</v>
      </c>
      <c r="D364" s="53">
        <v>0</v>
      </c>
      <c r="E364" s="53">
        <v>0</v>
      </c>
      <c r="F364" s="53">
        <v>0</v>
      </c>
      <c r="G364" s="53">
        <v>0</v>
      </c>
      <c r="H364" s="53">
        <v>0</v>
      </c>
      <c r="I364" s="53">
        <v>0</v>
      </c>
      <c r="J364" s="53">
        <v>0</v>
      </c>
      <c r="K364" s="53">
        <v>0</v>
      </c>
      <c r="L364" s="53">
        <v>0</v>
      </c>
      <c r="M364" s="53">
        <v>0</v>
      </c>
      <c r="N364" s="53">
        <v>0</v>
      </c>
      <c r="O364" s="53">
        <v>0</v>
      </c>
      <c r="P364" s="53">
        <v>0</v>
      </c>
      <c r="Q364" s="53">
        <v>0</v>
      </c>
      <c r="R364" s="53">
        <v>0</v>
      </c>
      <c r="S364" s="53">
        <v>0</v>
      </c>
      <c r="T364" s="53">
        <v>0</v>
      </c>
      <c r="U364" s="53">
        <v>0</v>
      </c>
      <c r="V364" s="53">
        <v>0</v>
      </c>
      <c r="W364" s="53">
        <v>0</v>
      </c>
      <c r="X364" s="53">
        <v>0</v>
      </c>
      <c r="Y364" s="53">
        <v>0</v>
      </c>
      <c r="Z364" s="53">
        <v>0</v>
      </c>
      <c r="AA364" s="53">
        <v>0</v>
      </c>
      <c r="AB364" s="53">
        <v>0</v>
      </c>
      <c r="AC364" s="53">
        <v>0</v>
      </c>
      <c r="AD364" s="53">
        <v>0</v>
      </c>
      <c r="AE364" s="53">
        <v>0</v>
      </c>
      <c r="AF364" s="53">
        <v>0</v>
      </c>
      <c r="AG364" s="53">
        <v>0</v>
      </c>
      <c r="AH364" s="53">
        <v>0</v>
      </c>
      <c r="AI364" s="53">
        <v>0</v>
      </c>
      <c r="AJ364" s="53">
        <v>0</v>
      </c>
      <c r="AK364" s="53">
        <v>0</v>
      </c>
      <c r="AL364" s="53">
        <v>0</v>
      </c>
      <c r="AM364" s="53">
        <v>0</v>
      </c>
      <c r="AN364" s="53">
        <v>0</v>
      </c>
      <c r="AO364" s="53">
        <v>0</v>
      </c>
      <c r="AP364" s="53">
        <v>0</v>
      </c>
      <c r="AQ364" s="53">
        <v>0</v>
      </c>
      <c r="AR364" s="53">
        <v>0</v>
      </c>
      <c r="AS364" s="53">
        <v>0</v>
      </c>
      <c r="AT364" s="53">
        <v>0</v>
      </c>
      <c r="AU364" s="53">
        <v>0</v>
      </c>
      <c r="AV364" s="53">
        <v>0</v>
      </c>
      <c r="AW364" s="53">
        <v>0</v>
      </c>
      <c r="AX364" s="53">
        <v>0</v>
      </c>
      <c r="AY364" s="53">
        <v>0</v>
      </c>
      <c r="AZ364" s="53">
        <v>0</v>
      </c>
      <c r="BA364" s="53">
        <v>0</v>
      </c>
    </row>
    <row r="365" spans="1:53">
      <c r="A365" s="52" t="s">
        <v>1160</v>
      </c>
      <c r="B365" s="53"/>
      <c r="C365" s="53"/>
      <c r="D365" s="53"/>
      <c r="E365" s="53"/>
      <c r="F365" s="53"/>
      <c r="G365" s="53"/>
      <c r="H365" s="53"/>
      <c r="I365" s="53"/>
      <c r="J365" s="53"/>
      <c r="K365" s="53"/>
      <c r="L365" s="53"/>
      <c r="M365" s="53"/>
      <c r="N365" s="53"/>
      <c r="O365" s="53"/>
      <c r="P365" s="53"/>
      <c r="Q365" s="53"/>
      <c r="R365" s="53"/>
      <c r="S365" s="53"/>
      <c r="T365" s="53"/>
      <c r="U365" s="53"/>
      <c r="V365" s="53"/>
      <c r="W365" s="53"/>
      <c r="X365" s="53"/>
      <c r="Y365" s="53"/>
      <c r="Z365" s="53"/>
      <c r="AA365" s="53"/>
      <c r="AB365" s="53"/>
      <c r="AC365" s="53"/>
      <c r="AD365" s="53"/>
      <c r="AE365" s="53"/>
      <c r="AF365" s="53"/>
      <c r="AG365" s="53"/>
      <c r="AH365" s="53"/>
      <c r="AI365" s="53"/>
      <c r="AJ365" s="53"/>
      <c r="AK365" s="53"/>
      <c r="AL365" s="53"/>
      <c r="AM365" s="53"/>
      <c r="AN365" s="53"/>
      <c r="AO365" s="53"/>
      <c r="AP365" s="53"/>
      <c r="AQ365" s="53"/>
      <c r="AR365" s="53"/>
      <c r="AS365" s="53"/>
      <c r="AT365" s="53"/>
      <c r="AU365" s="53"/>
      <c r="AV365" s="53"/>
      <c r="AW365" s="53"/>
      <c r="AX365" s="53"/>
      <c r="AY365" s="53"/>
      <c r="AZ365" s="53"/>
      <c r="BA365" s="53"/>
    </row>
    <row r="366" spans="1:53">
      <c r="A366" s="52" t="s">
        <v>1161</v>
      </c>
      <c r="B366" s="53">
        <v>0</v>
      </c>
      <c r="C366" s="53">
        <v>0</v>
      </c>
      <c r="D366" s="53">
        <v>0</v>
      </c>
      <c r="E366" s="53">
        <v>0</v>
      </c>
      <c r="F366" s="53">
        <v>0</v>
      </c>
      <c r="G366" s="53">
        <v>0</v>
      </c>
      <c r="H366" s="53">
        <v>0</v>
      </c>
      <c r="I366" s="53">
        <v>0</v>
      </c>
      <c r="J366" s="53">
        <v>0</v>
      </c>
      <c r="K366" s="53">
        <v>0</v>
      </c>
      <c r="L366" s="53">
        <v>0</v>
      </c>
      <c r="M366" s="53">
        <v>0</v>
      </c>
      <c r="N366" s="53">
        <v>0</v>
      </c>
      <c r="O366" s="53">
        <v>0</v>
      </c>
      <c r="P366" s="53">
        <v>0</v>
      </c>
      <c r="Q366" s="53">
        <v>0</v>
      </c>
      <c r="R366" s="53">
        <v>0</v>
      </c>
      <c r="S366" s="53">
        <v>0</v>
      </c>
      <c r="T366" s="53">
        <v>0</v>
      </c>
      <c r="U366" s="53">
        <v>0</v>
      </c>
      <c r="V366" s="53">
        <v>0</v>
      </c>
      <c r="W366" s="53">
        <v>0</v>
      </c>
      <c r="X366" s="53">
        <v>0</v>
      </c>
      <c r="Y366" s="53">
        <v>0</v>
      </c>
      <c r="Z366" s="53">
        <v>0</v>
      </c>
      <c r="AA366" s="53">
        <v>0</v>
      </c>
      <c r="AB366" s="53">
        <v>0</v>
      </c>
      <c r="AC366" s="53">
        <v>0</v>
      </c>
      <c r="AD366" s="53">
        <v>0</v>
      </c>
      <c r="AE366" s="53">
        <v>0</v>
      </c>
      <c r="AF366" s="53">
        <v>0</v>
      </c>
      <c r="AG366" s="53">
        <v>0</v>
      </c>
      <c r="AH366" s="53">
        <v>0</v>
      </c>
      <c r="AI366" s="53">
        <v>0</v>
      </c>
      <c r="AJ366" s="53">
        <v>0</v>
      </c>
      <c r="AK366" s="53">
        <v>0</v>
      </c>
      <c r="AL366" s="53">
        <v>0</v>
      </c>
      <c r="AM366" s="53">
        <v>0</v>
      </c>
      <c r="AN366" s="53">
        <v>0</v>
      </c>
      <c r="AO366" s="53">
        <v>0</v>
      </c>
      <c r="AP366" s="53">
        <v>0</v>
      </c>
      <c r="AQ366" s="53">
        <v>0</v>
      </c>
      <c r="AR366" s="53">
        <v>0</v>
      </c>
      <c r="AS366" s="53">
        <v>0</v>
      </c>
      <c r="AT366" s="53">
        <v>0</v>
      </c>
      <c r="AU366" s="53">
        <v>0</v>
      </c>
      <c r="AV366" s="53">
        <v>0</v>
      </c>
      <c r="AW366" s="53">
        <v>0</v>
      </c>
      <c r="AX366" s="53">
        <v>0</v>
      </c>
      <c r="AY366" s="53">
        <v>0</v>
      </c>
      <c r="AZ366" s="53">
        <v>0</v>
      </c>
      <c r="BA366" s="53">
        <v>0</v>
      </c>
    </row>
    <row r="367" spans="1:53">
      <c r="A367" s="52" t="s">
        <v>1162</v>
      </c>
      <c r="B367" s="53">
        <v>0</v>
      </c>
      <c r="C367" s="53">
        <v>0</v>
      </c>
      <c r="D367" s="53">
        <v>0</v>
      </c>
      <c r="E367" s="53">
        <v>0</v>
      </c>
      <c r="F367" s="53">
        <v>0</v>
      </c>
      <c r="G367" s="53">
        <v>0</v>
      </c>
      <c r="H367" s="53">
        <v>0</v>
      </c>
      <c r="I367" s="53">
        <v>0</v>
      </c>
      <c r="J367" s="53">
        <v>0</v>
      </c>
      <c r="K367" s="53">
        <v>0</v>
      </c>
      <c r="L367" s="53">
        <v>0</v>
      </c>
      <c r="M367" s="53">
        <v>0</v>
      </c>
      <c r="N367" s="53">
        <v>0</v>
      </c>
      <c r="O367" s="53">
        <v>0</v>
      </c>
      <c r="P367" s="53">
        <v>0</v>
      </c>
      <c r="Q367" s="53">
        <v>0</v>
      </c>
      <c r="R367" s="53">
        <v>0</v>
      </c>
      <c r="S367" s="53">
        <v>0</v>
      </c>
      <c r="T367" s="53">
        <v>0</v>
      </c>
      <c r="U367" s="53">
        <v>0</v>
      </c>
      <c r="V367" s="53">
        <v>0</v>
      </c>
      <c r="W367" s="53">
        <v>0</v>
      </c>
      <c r="X367" s="53">
        <v>0</v>
      </c>
      <c r="Y367" s="53">
        <v>0</v>
      </c>
      <c r="Z367" s="53">
        <v>0</v>
      </c>
      <c r="AA367" s="53">
        <v>0</v>
      </c>
      <c r="AB367" s="53">
        <v>0</v>
      </c>
      <c r="AC367" s="53">
        <v>0</v>
      </c>
      <c r="AD367" s="53">
        <v>0</v>
      </c>
      <c r="AE367" s="53">
        <v>0</v>
      </c>
      <c r="AF367" s="53">
        <v>0</v>
      </c>
      <c r="AG367" s="53">
        <v>0</v>
      </c>
      <c r="AH367" s="53">
        <v>0</v>
      </c>
      <c r="AI367" s="53">
        <v>0</v>
      </c>
      <c r="AJ367" s="53">
        <v>0</v>
      </c>
      <c r="AK367" s="53">
        <v>0</v>
      </c>
      <c r="AL367" s="53">
        <v>0</v>
      </c>
      <c r="AM367" s="53">
        <v>0</v>
      </c>
      <c r="AN367" s="53">
        <v>0</v>
      </c>
      <c r="AO367" s="53">
        <v>0</v>
      </c>
      <c r="AP367" s="53">
        <v>0</v>
      </c>
      <c r="AQ367" s="53">
        <v>0</v>
      </c>
      <c r="AR367" s="53">
        <v>0</v>
      </c>
      <c r="AS367" s="53">
        <v>0</v>
      </c>
      <c r="AT367" s="53">
        <v>0</v>
      </c>
      <c r="AU367" s="53">
        <v>0</v>
      </c>
      <c r="AV367" s="53">
        <v>0</v>
      </c>
      <c r="AW367" s="53">
        <v>0</v>
      </c>
      <c r="AX367" s="53">
        <v>0</v>
      </c>
      <c r="AY367" s="53">
        <v>0</v>
      </c>
      <c r="AZ367" s="53">
        <v>0</v>
      </c>
      <c r="BA367" s="53">
        <v>0</v>
      </c>
    </row>
    <row r="368" spans="1:53">
      <c r="A368" s="52" t="s">
        <v>1163</v>
      </c>
      <c r="B368" s="53">
        <v>0</v>
      </c>
      <c r="C368" s="53">
        <v>0</v>
      </c>
      <c r="D368" s="53">
        <v>0</v>
      </c>
      <c r="E368" s="53">
        <v>0</v>
      </c>
      <c r="F368" s="53">
        <v>0</v>
      </c>
      <c r="G368" s="53">
        <v>0</v>
      </c>
      <c r="H368" s="53">
        <v>0</v>
      </c>
      <c r="I368" s="53">
        <v>0</v>
      </c>
      <c r="J368" s="53">
        <v>0</v>
      </c>
      <c r="K368" s="53">
        <v>0</v>
      </c>
      <c r="L368" s="53">
        <v>0</v>
      </c>
      <c r="M368" s="53">
        <v>0</v>
      </c>
      <c r="N368" s="53">
        <v>0</v>
      </c>
      <c r="O368" s="53">
        <v>0</v>
      </c>
      <c r="P368" s="53">
        <v>0</v>
      </c>
      <c r="Q368" s="53">
        <v>0</v>
      </c>
      <c r="R368" s="53">
        <v>0</v>
      </c>
      <c r="S368" s="53">
        <v>0</v>
      </c>
      <c r="T368" s="53">
        <v>0</v>
      </c>
      <c r="U368" s="53">
        <v>0</v>
      </c>
      <c r="V368" s="53">
        <v>0</v>
      </c>
      <c r="W368" s="53">
        <v>0</v>
      </c>
      <c r="X368" s="53">
        <v>0</v>
      </c>
      <c r="Y368" s="53">
        <v>0</v>
      </c>
      <c r="Z368" s="53">
        <v>0</v>
      </c>
      <c r="AA368" s="53">
        <v>0</v>
      </c>
      <c r="AB368" s="53">
        <v>0</v>
      </c>
      <c r="AC368" s="53">
        <v>0</v>
      </c>
      <c r="AD368" s="53">
        <v>0</v>
      </c>
      <c r="AE368" s="53">
        <v>0</v>
      </c>
      <c r="AF368" s="53">
        <v>0</v>
      </c>
      <c r="AG368" s="53">
        <v>0</v>
      </c>
      <c r="AH368" s="53">
        <v>0</v>
      </c>
      <c r="AI368" s="53">
        <v>0</v>
      </c>
      <c r="AJ368" s="53">
        <v>0</v>
      </c>
      <c r="AK368" s="53">
        <v>0</v>
      </c>
      <c r="AL368" s="53">
        <v>0</v>
      </c>
      <c r="AM368" s="53">
        <v>0</v>
      </c>
      <c r="AN368" s="53">
        <v>0</v>
      </c>
      <c r="AO368" s="53">
        <v>0</v>
      </c>
      <c r="AP368" s="53">
        <v>0</v>
      </c>
      <c r="AQ368" s="53">
        <v>0</v>
      </c>
      <c r="AR368" s="53">
        <v>0</v>
      </c>
      <c r="AS368" s="53">
        <v>0</v>
      </c>
      <c r="AT368" s="53">
        <v>0</v>
      </c>
      <c r="AU368" s="53">
        <v>0</v>
      </c>
      <c r="AV368" s="53">
        <v>0</v>
      </c>
      <c r="AW368" s="53">
        <v>0</v>
      </c>
      <c r="AX368" s="53">
        <v>0</v>
      </c>
      <c r="AY368" s="53">
        <v>0</v>
      </c>
      <c r="AZ368" s="53">
        <v>0</v>
      </c>
      <c r="BA368" s="53">
        <v>0</v>
      </c>
    </row>
    <row r="369" spans="1:53">
      <c r="A369" s="52" t="s">
        <v>1164</v>
      </c>
      <c r="B369" s="53">
        <v>0</v>
      </c>
      <c r="C369" s="53">
        <v>0</v>
      </c>
      <c r="D369" s="53">
        <v>0</v>
      </c>
      <c r="E369" s="53">
        <v>0</v>
      </c>
      <c r="F369" s="53">
        <v>0</v>
      </c>
      <c r="G369" s="53">
        <v>0</v>
      </c>
      <c r="H369" s="53">
        <v>0</v>
      </c>
      <c r="I369" s="53">
        <v>0</v>
      </c>
      <c r="J369" s="53">
        <v>0</v>
      </c>
      <c r="K369" s="53">
        <v>0</v>
      </c>
      <c r="L369" s="53">
        <v>0</v>
      </c>
      <c r="M369" s="53">
        <v>0</v>
      </c>
      <c r="N369" s="53">
        <v>0</v>
      </c>
      <c r="O369" s="53">
        <v>0</v>
      </c>
      <c r="P369" s="53">
        <v>0</v>
      </c>
      <c r="Q369" s="53">
        <v>0</v>
      </c>
      <c r="R369" s="53">
        <v>0</v>
      </c>
      <c r="S369" s="53">
        <v>0</v>
      </c>
      <c r="T369" s="53">
        <v>0</v>
      </c>
      <c r="U369" s="53">
        <v>0</v>
      </c>
      <c r="V369" s="53">
        <v>0</v>
      </c>
      <c r="W369" s="53">
        <v>0</v>
      </c>
      <c r="X369" s="53">
        <v>0</v>
      </c>
      <c r="Y369" s="53">
        <v>0</v>
      </c>
      <c r="Z369" s="53">
        <v>0</v>
      </c>
      <c r="AA369" s="53">
        <v>0</v>
      </c>
      <c r="AB369" s="53">
        <v>0</v>
      </c>
      <c r="AC369" s="53">
        <v>0</v>
      </c>
      <c r="AD369" s="53">
        <v>0</v>
      </c>
      <c r="AE369" s="53">
        <v>0</v>
      </c>
      <c r="AF369" s="53">
        <v>0</v>
      </c>
      <c r="AG369" s="53">
        <v>0</v>
      </c>
      <c r="AH369" s="53">
        <v>0</v>
      </c>
      <c r="AI369" s="53">
        <v>0</v>
      </c>
      <c r="AJ369" s="53">
        <v>0</v>
      </c>
      <c r="AK369" s="53">
        <v>0</v>
      </c>
      <c r="AL369" s="53">
        <v>0</v>
      </c>
      <c r="AM369" s="53">
        <v>0</v>
      </c>
      <c r="AN369" s="53">
        <v>0</v>
      </c>
      <c r="AO369" s="53">
        <v>0</v>
      </c>
      <c r="AP369" s="53">
        <v>0</v>
      </c>
      <c r="AQ369" s="53">
        <v>0</v>
      </c>
      <c r="AR369" s="53">
        <v>0</v>
      </c>
      <c r="AS369" s="53">
        <v>0</v>
      </c>
      <c r="AT369" s="53">
        <v>0</v>
      </c>
      <c r="AU369" s="53">
        <v>0</v>
      </c>
      <c r="AV369" s="53">
        <v>0</v>
      </c>
      <c r="AW369" s="53">
        <v>0</v>
      </c>
      <c r="AX369" s="53">
        <v>0</v>
      </c>
      <c r="AY369" s="53">
        <v>0</v>
      </c>
      <c r="AZ369" s="53">
        <v>0</v>
      </c>
      <c r="BA369" s="53">
        <v>0</v>
      </c>
    </row>
    <row r="370" spans="1:53">
      <c r="A370" s="52" t="s">
        <v>1165</v>
      </c>
      <c r="B370" s="53">
        <v>0</v>
      </c>
      <c r="C370" s="53">
        <v>0</v>
      </c>
      <c r="D370" s="53">
        <v>0</v>
      </c>
      <c r="E370" s="53">
        <v>0</v>
      </c>
      <c r="F370" s="53">
        <v>0</v>
      </c>
      <c r="G370" s="53">
        <v>0</v>
      </c>
      <c r="H370" s="53">
        <v>0</v>
      </c>
      <c r="I370" s="53">
        <v>0</v>
      </c>
      <c r="J370" s="53">
        <v>0</v>
      </c>
      <c r="K370" s="53">
        <v>0</v>
      </c>
      <c r="L370" s="53">
        <v>0</v>
      </c>
      <c r="M370" s="53">
        <v>0</v>
      </c>
      <c r="N370" s="53">
        <v>0</v>
      </c>
      <c r="O370" s="53">
        <v>0</v>
      </c>
      <c r="P370" s="53">
        <v>0</v>
      </c>
      <c r="Q370" s="53">
        <v>0</v>
      </c>
      <c r="R370" s="53">
        <v>0</v>
      </c>
      <c r="S370" s="53">
        <v>0</v>
      </c>
      <c r="T370" s="53">
        <v>0</v>
      </c>
      <c r="U370" s="53">
        <v>0</v>
      </c>
      <c r="V370" s="53">
        <v>0</v>
      </c>
      <c r="W370" s="53">
        <v>0</v>
      </c>
      <c r="X370" s="53">
        <v>0</v>
      </c>
      <c r="Y370" s="53">
        <v>0</v>
      </c>
      <c r="Z370" s="53">
        <v>0</v>
      </c>
      <c r="AA370" s="53">
        <v>0</v>
      </c>
      <c r="AB370" s="53">
        <v>0</v>
      </c>
      <c r="AC370" s="53">
        <v>0</v>
      </c>
      <c r="AD370" s="53">
        <v>0</v>
      </c>
      <c r="AE370" s="53">
        <v>0</v>
      </c>
      <c r="AF370" s="53">
        <v>0</v>
      </c>
      <c r="AG370" s="53">
        <v>0</v>
      </c>
      <c r="AH370" s="53">
        <v>0</v>
      </c>
      <c r="AI370" s="53">
        <v>0</v>
      </c>
      <c r="AJ370" s="53">
        <v>0</v>
      </c>
      <c r="AK370" s="53">
        <v>0</v>
      </c>
      <c r="AL370" s="53">
        <v>0</v>
      </c>
      <c r="AM370" s="53">
        <v>0</v>
      </c>
      <c r="AN370" s="53">
        <v>0</v>
      </c>
      <c r="AO370" s="53">
        <v>0</v>
      </c>
      <c r="AP370" s="53">
        <v>0</v>
      </c>
      <c r="AQ370" s="53">
        <v>0</v>
      </c>
      <c r="AR370" s="53">
        <v>0</v>
      </c>
      <c r="AS370" s="53">
        <v>0</v>
      </c>
      <c r="AT370" s="53">
        <v>0</v>
      </c>
      <c r="AU370" s="53">
        <v>0</v>
      </c>
      <c r="AV370" s="53">
        <v>0</v>
      </c>
      <c r="AW370" s="53">
        <v>0</v>
      </c>
      <c r="AX370" s="53">
        <v>0</v>
      </c>
      <c r="AY370" s="53">
        <v>0</v>
      </c>
      <c r="AZ370" s="53">
        <v>0</v>
      </c>
      <c r="BA370" s="53">
        <v>0</v>
      </c>
    </row>
    <row r="371" spans="1:53">
      <c r="A371" s="52" t="s">
        <v>1166</v>
      </c>
      <c r="B371" s="53"/>
      <c r="C371" s="53"/>
      <c r="D371" s="53"/>
      <c r="E371" s="53"/>
      <c r="F371" s="53"/>
      <c r="G371" s="53"/>
      <c r="H371" s="53"/>
      <c r="I371" s="53"/>
      <c r="J371" s="53"/>
      <c r="K371" s="53"/>
      <c r="L371" s="53"/>
      <c r="M371" s="53"/>
      <c r="N371" s="53"/>
      <c r="O371" s="53"/>
      <c r="P371" s="53"/>
      <c r="Q371" s="53"/>
      <c r="R371" s="53"/>
      <c r="S371" s="53"/>
      <c r="T371" s="53"/>
      <c r="U371" s="53"/>
      <c r="V371" s="53"/>
      <c r="W371" s="53"/>
      <c r="X371" s="53"/>
      <c r="Y371" s="53"/>
      <c r="Z371" s="53"/>
      <c r="AA371" s="53"/>
      <c r="AB371" s="53"/>
      <c r="AC371" s="53"/>
      <c r="AD371" s="53"/>
      <c r="AE371" s="53"/>
      <c r="AF371" s="53"/>
      <c r="AG371" s="53"/>
      <c r="AH371" s="53"/>
      <c r="AI371" s="53"/>
      <c r="AJ371" s="53"/>
      <c r="AK371" s="53"/>
      <c r="AL371" s="53"/>
      <c r="AM371" s="53"/>
      <c r="AN371" s="53"/>
      <c r="AO371" s="53"/>
      <c r="AP371" s="53"/>
      <c r="AQ371" s="53"/>
      <c r="AR371" s="53"/>
      <c r="AS371" s="53"/>
      <c r="AT371" s="53"/>
      <c r="AU371" s="53"/>
      <c r="AV371" s="53"/>
      <c r="AW371" s="53"/>
      <c r="AX371" s="53"/>
      <c r="AY371" s="53"/>
      <c r="AZ371" s="53"/>
      <c r="BA371" s="53"/>
    </row>
    <row r="372" spans="1:53">
      <c r="A372" s="52" t="s">
        <v>1167</v>
      </c>
      <c r="B372" s="53">
        <v>41666.666666666701</v>
      </c>
      <c r="C372" s="53">
        <v>41666.666666666701</v>
      </c>
      <c r="D372" s="53">
        <v>41666.666666666701</v>
      </c>
      <c r="E372" s="53">
        <v>41666.666666666701</v>
      </c>
      <c r="F372" s="53">
        <v>41666.666666666701</v>
      </c>
      <c r="G372" s="53">
        <v>41666.666666666701</v>
      </c>
      <c r="H372" s="53">
        <v>41666.666666666701</v>
      </c>
      <c r="I372" s="53">
        <v>41666.666666666701</v>
      </c>
      <c r="J372" s="53">
        <v>41666.666666666701</v>
      </c>
      <c r="K372" s="53">
        <v>41666.666666666701</v>
      </c>
      <c r="L372" s="53">
        <v>41666.666666666701</v>
      </c>
      <c r="M372" s="53">
        <v>41666.666666666701</v>
      </c>
      <c r="N372" s="53">
        <v>500000</v>
      </c>
      <c r="O372" s="53">
        <v>41666.666666666701</v>
      </c>
      <c r="P372" s="53">
        <v>41666.666666666701</v>
      </c>
      <c r="Q372" s="53">
        <v>41666.666666666701</v>
      </c>
      <c r="R372" s="53">
        <v>41666.666666666701</v>
      </c>
      <c r="S372" s="53">
        <v>41666.666666666701</v>
      </c>
      <c r="T372" s="53">
        <v>41666.666666666701</v>
      </c>
      <c r="U372" s="53">
        <v>41666.666666666701</v>
      </c>
      <c r="V372" s="53">
        <v>41666.666666666701</v>
      </c>
      <c r="W372" s="53">
        <v>41666.666666666701</v>
      </c>
      <c r="X372" s="53">
        <v>41666.666666666701</v>
      </c>
      <c r="Y372" s="53">
        <v>41666.666666666701</v>
      </c>
      <c r="Z372" s="53">
        <v>41666.666666666701</v>
      </c>
      <c r="AA372" s="53">
        <v>500000</v>
      </c>
      <c r="AB372" s="53">
        <v>41666.666666666701</v>
      </c>
      <c r="AC372" s="53">
        <v>41666.666666666701</v>
      </c>
      <c r="AD372" s="53">
        <v>41666.666666666701</v>
      </c>
      <c r="AE372" s="53">
        <v>41666.666666666701</v>
      </c>
      <c r="AF372" s="53">
        <v>41666.666666666701</v>
      </c>
      <c r="AG372" s="53">
        <v>41666.666666666701</v>
      </c>
      <c r="AH372" s="53">
        <v>41666.666666666701</v>
      </c>
      <c r="AI372" s="53">
        <v>41666.666666666701</v>
      </c>
      <c r="AJ372" s="53">
        <v>41666.666666666701</v>
      </c>
      <c r="AK372" s="53">
        <v>41666.666666666701</v>
      </c>
      <c r="AL372" s="53">
        <v>41666.666666666701</v>
      </c>
      <c r="AM372" s="53">
        <v>41666.666666666701</v>
      </c>
      <c r="AN372" s="53">
        <v>500000</v>
      </c>
      <c r="AO372" s="53">
        <v>41666.666666666701</v>
      </c>
      <c r="AP372" s="53">
        <v>41666.666666666701</v>
      </c>
      <c r="AQ372" s="53">
        <v>41666.666666666701</v>
      </c>
      <c r="AR372" s="53">
        <v>41666.666666666701</v>
      </c>
      <c r="AS372" s="53">
        <v>41666.666666666701</v>
      </c>
      <c r="AT372" s="53">
        <v>41666.666666666701</v>
      </c>
      <c r="AU372" s="53">
        <v>41666.666666666701</v>
      </c>
      <c r="AV372" s="53">
        <v>41666.666666666701</v>
      </c>
      <c r="AW372" s="53">
        <v>41666.666666666701</v>
      </c>
      <c r="AX372" s="53">
        <v>41666.666666666701</v>
      </c>
      <c r="AY372" s="53">
        <v>41666.666666666701</v>
      </c>
      <c r="AZ372" s="53">
        <v>41666.666666666701</v>
      </c>
      <c r="BA372" s="53">
        <v>500000</v>
      </c>
    </row>
    <row r="373" spans="1:53">
      <c r="A373" s="235" t="s">
        <v>1168</v>
      </c>
      <c r="B373" s="53">
        <v>0</v>
      </c>
      <c r="C373" s="53">
        <v>0</v>
      </c>
      <c r="D373" s="53">
        <v>0</v>
      </c>
      <c r="E373" s="53">
        <v>0</v>
      </c>
      <c r="F373" s="53">
        <v>0</v>
      </c>
      <c r="G373" s="53">
        <v>0</v>
      </c>
      <c r="H373" s="53">
        <v>0</v>
      </c>
      <c r="I373" s="53">
        <v>0</v>
      </c>
      <c r="J373" s="53">
        <v>0</v>
      </c>
      <c r="K373" s="53">
        <v>0</v>
      </c>
      <c r="L373" s="53">
        <v>0</v>
      </c>
      <c r="M373" s="53">
        <v>0</v>
      </c>
      <c r="N373" s="53">
        <v>0</v>
      </c>
      <c r="O373" s="53">
        <v>32737.2955833333</v>
      </c>
      <c r="P373" s="53">
        <v>32737.2955833333</v>
      </c>
      <c r="Q373" s="53">
        <v>32737.2955833333</v>
      </c>
      <c r="R373" s="53">
        <v>32737.2955833333</v>
      </c>
      <c r="S373" s="53">
        <v>32737.2955833333</v>
      </c>
      <c r="T373" s="53">
        <v>32737.2955833333</v>
      </c>
      <c r="U373" s="53">
        <v>32737.2955833333</v>
      </c>
      <c r="V373" s="53">
        <v>32737.2955833333</v>
      </c>
      <c r="W373" s="53">
        <v>32737.2955833333</v>
      </c>
      <c r="X373" s="53">
        <v>32737.2955833333</v>
      </c>
      <c r="Y373" s="53">
        <v>32737.2955833333</v>
      </c>
      <c r="Z373" s="53">
        <v>32737.2955833333</v>
      </c>
      <c r="AA373" s="53">
        <v>392847.54699999897</v>
      </c>
      <c r="AB373" s="53">
        <v>1875</v>
      </c>
      <c r="AC373" s="53">
        <v>1875</v>
      </c>
      <c r="AD373" s="53">
        <v>1875</v>
      </c>
      <c r="AE373" s="53">
        <v>1875</v>
      </c>
      <c r="AF373" s="53">
        <v>1875</v>
      </c>
      <c r="AG373" s="53">
        <v>1875</v>
      </c>
      <c r="AH373" s="53">
        <v>1875</v>
      </c>
      <c r="AI373" s="53">
        <v>1875</v>
      </c>
      <c r="AJ373" s="53">
        <v>1875</v>
      </c>
      <c r="AK373" s="53">
        <v>1875</v>
      </c>
      <c r="AL373" s="53">
        <v>1875</v>
      </c>
      <c r="AM373" s="53">
        <v>1875</v>
      </c>
      <c r="AN373" s="53">
        <v>22500</v>
      </c>
      <c r="AO373" s="53">
        <v>1875</v>
      </c>
      <c r="AP373" s="53">
        <v>1875</v>
      </c>
      <c r="AQ373" s="53">
        <v>1875</v>
      </c>
      <c r="AR373" s="53">
        <v>1875</v>
      </c>
      <c r="AS373" s="53">
        <v>1875</v>
      </c>
      <c r="AT373" s="53">
        <v>1875</v>
      </c>
      <c r="AU373" s="53">
        <v>1875</v>
      </c>
      <c r="AV373" s="53">
        <v>1875</v>
      </c>
      <c r="AW373" s="53">
        <v>1875</v>
      </c>
      <c r="AX373" s="53">
        <v>1875</v>
      </c>
      <c r="AY373" s="53">
        <v>1875</v>
      </c>
      <c r="AZ373" s="53">
        <v>1875</v>
      </c>
      <c r="BA373" s="53">
        <v>22500</v>
      </c>
    </row>
    <row r="374" spans="1:53">
      <c r="A374" s="52" t="s">
        <v>1169</v>
      </c>
      <c r="B374" s="53">
        <v>41666.666666666701</v>
      </c>
      <c r="C374" s="53">
        <v>41666.666666666701</v>
      </c>
      <c r="D374" s="53">
        <v>41666.666666666701</v>
      </c>
      <c r="E374" s="53">
        <v>41666.666666666701</v>
      </c>
      <c r="F374" s="53">
        <v>41666.666666666701</v>
      </c>
      <c r="G374" s="53">
        <v>41666.666666666701</v>
      </c>
      <c r="H374" s="53">
        <v>41666.666666666701</v>
      </c>
      <c r="I374" s="53">
        <v>41666.666666666701</v>
      </c>
      <c r="J374" s="53">
        <v>41666.666666666701</v>
      </c>
      <c r="K374" s="53">
        <v>41666.666666666701</v>
      </c>
      <c r="L374" s="53">
        <v>41666.666666666701</v>
      </c>
      <c r="M374" s="53">
        <v>41666.666666666701</v>
      </c>
      <c r="N374" s="53">
        <v>500000</v>
      </c>
      <c r="O374" s="53">
        <v>74403.962249999997</v>
      </c>
      <c r="P374" s="53">
        <v>74403.962249999997</v>
      </c>
      <c r="Q374" s="53">
        <v>74403.962249999997</v>
      </c>
      <c r="R374" s="53">
        <v>74403.962249999997</v>
      </c>
      <c r="S374" s="53">
        <v>74403.962249999997</v>
      </c>
      <c r="T374" s="53">
        <v>74403.962249999997</v>
      </c>
      <c r="U374" s="53">
        <v>74403.962249999997</v>
      </c>
      <c r="V374" s="53">
        <v>74403.962249999997</v>
      </c>
      <c r="W374" s="53">
        <v>74403.962249999997</v>
      </c>
      <c r="X374" s="53">
        <v>74403.962249999997</v>
      </c>
      <c r="Y374" s="53">
        <v>74403.962249999997</v>
      </c>
      <c r="Z374" s="53">
        <v>74403.962249999997</v>
      </c>
      <c r="AA374" s="53">
        <v>892847.54699999897</v>
      </c>
      <c r="AB374" s="53">
        <v>43541.666666666701</v>
      </c>
      <c r="AC374" s="53">
        <v>43541.666666666701</v>
      </c>
      <c r="AD374" s="53">
        <v>43541.666666666701</v>
      </c>
      <c r="AE374" s="53">
        <v>43541.666666666701</v>
      </c>
      <c r="AF374" s="53">
        <v>43541.666666666701</v>
      </c>
      <c r="AG374" s="53">
        <v>43541.666666666701</v>
      </c>
      <c r="AH374" s="53">
        <v>43541.666666666701</v>
      </c>
      <c r="AI374" s="53">
        <v>43541.666666666701</v>
      </c>
      <c r="AJ374" s="53">
        <v>43541.666666666701</v>
      </c>
      <c r="AK374" s="53">
        <v>43541.666666666701</v>
      </c>
      <c r="AL374" s="53">
        <v>43541.666666666701</v>
      </c>
      <c r="AM374" s="53">
        <v>43541.666666666701</v>
      </c>
      <c r="AN374" s="53">
        <v>522500</v>
      </c>
      <c r="AO374" s="53">
        <v>43541.666666666701</v>
      </c>
      <c r="AP374" s="53">
        <v>43541.666666666701</v>
      </c>
      <c r="AQ374" s="53">
        <v>43541.666666666701</v>
      </c>
      <c r="AR374" s="53">
        <v>43541.666666666701</v>
      </c>
      <c r="AS374" s="53">
        <v>43541.666666666701</v>
      </c>
      <c r="AT374" s="53">
        <v>43541.666666666701</v>
      </c>
      <c r="AU374" s="53">
        <v>43541.666666666701</v>
      </c>
      <c r="AV374" s="53">
        <v>43541.666666666701</v>
      </c>
      <c r="AW374" s="53">
        <v>43541.666666666701</v>
      </c>
      <c r="AX374" s="53">
        <v>43541.666666666701</v>
      </c>
      <c r="AY374" s="53">
        <v>43541.666666666701</v>
      </c>
      <c r="AZ374" s="53">
        <v>43541.666666666701</v>
      </c>
      <c r="BA374" s="53">
        <v>522500</v>
      </c>
    </row>
    <row r="375" spans="1:53">
      <c r="A375" s="52" t="s">
        <v>1170</v>
      </c>
      <c r="B375" s="53"/>
      <c r="C375" s="53"/>
      <c r="D375" s="53"/>
      <c r="E375" s="53"/>
      <c r="F375" s="53"/>
      <c r="G375" s="53"/>
      <c r="H375" s="53"/>
      <c r="I375" s="53"/>
      <c r="J375" s="53"/>
      <c r="K375" s="53"/>
      <c r="L375" s="53"/>
      <c r="M375" s="53"/>
      <c r="N375" s="53"/>
      <c r="O375" s="53"/>
      <c r="P375" s="53"/>
      <c r="Q375" s="53"/>
      <c r="R375" s="53"/>
      <c r="S375" s="53"/>
      <c r="T375" s="53"/>
      <c r="U375" s="53"/>
      <c r="V375" s="53"/>
      <c r="W375" s="53"/>
      <c r="X375" s="53"/>
      <c r="Y375" s="53"/>
      <c r="Z375" s="53"/>
      <c r="AA375" s="53"/>
      <c r="AB375" s="53"/>
      <c r="AC375" s="53"/>
      <c r="AD375" s="53"/>
      <c r="AE375" s="53"/>
      <c r="AF375" s="53"/>
      <c r="AG375" s="53"/>
      <c r="AH375" s="53"/>
      <c r="AI375" s="53"/>
      <c r="AJ375" s="53"/>
      <c r="AK375" s="53"/>
      <c r="AL375" s="53"/>
      <c r="AM375" s="53"/>
      <c r="AN375" s="53"/>
      <c r="AO375" s="53"/>
      <c r="AP375" s="53"/>
      <c r="AQ375" s="53"/>
      <c r="AR375" s="53"/>
      <c r="AS375" s="53"/>
      <c r="AT375" s="53"/>
      <c r="AU375" s="53"/>
      <c r="AV375" s="53"/>
      <c r="AW375" s="53"/>
      <c r="AX375" s="53"/>
      <c r="AY375" s="53"/>
      <c r="AZ375" s="53"/>
      <c r="BA375" s="53"/>
    </row>
    <row r="376" spans="1:53">
      <c r="A376" s="52" t="s">
        <v>1171</v>
      </c>
      <c r="B376" s="53">
        <v>69526.89</v>
      </c>
      <c r="C376" s="53">
        <v>86594.78</v>
      </c>
      <c r="D376" s="53">
        <v>82169.539999999994</v>
      </c>
      <c r="E376" s="53">
        <v>144632.21</v>
      </c>
      <c r="F376" s="53">
        <v>81957.5799999999</v>
      </c>
      <c r="G376" s="53">
        <v>70705.289999999994</v>
      </c>
      <c r="H376" s="53">
        <v>76240.89</v>
      </c>
      <c r="I376" s="53">
        <v>81018.459999999905</v>
      </c>
      <c r="J376" s="53">
        <v>61802.289999999899</v>
      </c>
      <c r="K376" s="53">
        <v>79848.14</v>
      </c>
      <c r="L376" s="53">
        <v>79838.38</v>
      </c>
      <c r="M376" s="53">
        <v>60868.429999999898</v>
      </c>
      <c r="N376" s="53">
        <v>975202.87999999896</v>
      </c>
      <c r="O376" s="53">
        <v>52553.960081186196</v>
      </c>
      <c r="P376" s="53">
        <v>69621.850081186203</v>
      </c>
      <c r="Q376" s="53">
        <v>65196.6100811863</v>
      </c>
      <c r="R376" s="53">
        <v>127659.28008118601</v>
      </c>
      <c r="S376" s="53">
        <v>64984.650081186199</v>
      </c>
      <c r="T376" s="53">
        <v>53732.360081186198</v>
      </c>
      <c r="U376" s="53">
        <v>59267.960081186298</v>
      </c>
      <c r="V376" s="53">
        <v>64045.530081186203</v>
      </c>
      <c r="W376" s="53">
        <v>44829.360081186198</v>
      </c>
      <c r="X376" s="53">
        <v>62875.210081186298</v>
      </c>
      <c r="Y376" s="53">
        <v>62865.450081186202</v>
      </c>
      <c r="Z376" s="53">
        <v>43895.500081186299</v>
      </c>
      <c r="AA376" s="53">
        <v>771527.72097423498</v>
      </c>
      <c r="AB376" s="53">
        <v>51855.882770202501</v>
      </c>
      <c r="AC376" s="53">
        <v>68923.772770202602</v>
      </c>
      <c r="AD376" s="53">
        <v>64498.532770202597</v>
      </c>
      <c r="AE376" s="53">
        <v>126961.202770202</v>
      </c>
      <c r="AF376" s="53">
        <v>64286.572770202598</v>
      </c>
      <c r="AG376" s="53">
        <v>53034.282770202597</v>
      </c>
      <c r="AH376" s="53">
        <v>58569.882770202603</v>
      </c>
      <c r="AI376" s="53">
        <v>63347.452770202501</v>
      </c>
      <c r="AJ376" s="53">
        <v>44131.282770202502</v>
      </c>
      <c r="AK376" s="53">
        <v>62177.132770202603</v>
      </c>
      <c r="AL376" s="53">
        <v>62167.372770202601</v>
      </c>
      <c r="AM376" s="53">
        <v>43197.422770202596</v>
      </c>
      <c r="AN376" s="53">
        <v>763150.79324243101</v>
      </c>
      <c r="AO376" s="53">
        <v>51035.873922450097</v>
      </c>
      <c r="AP376" s="53">
        <v>68103.763922450205</v>
      </c>
      <c r="AQ376" s="53">
        <v>63678.5239224502</v>
      </c>
      <c r="AR376" s="53">
        <v>126141.19392244999</v>
      </c>
      <c r="AS376" s="53">
        <v>63466.563922450099</v>
      </c>
      <c r="AT376" s="53">
        <v>52214.273922450098</v>
      </c>
      <c r="AU376" s="53">
        <v>57749.873922450199</v>
      </c>
      <c r="AV376" s="53">
        <v>62527.443922450097</v>
      </c>
      <c r="AW376" s="53">
        <v>43311.273922450098</v>
      </c>
      <c r="AX376" s="53">
        <v>61357.123922450199</v>
      </c>
      <c r="AY376" s="53">
        <v>61347.363922450197</v>
      </c>
      <c r="AZ376" s="53">
        <v>42377.413922450098</v>
      </c>
      <c r="BA376" s="53">
        <v>753310.68706940196</v>
      </c>
    </row>
    <row r="377" spans="1:53">
      <c r="A377" s="52" t="s">
        <v>1172</v>
      </c>
      <c r="B377" s="53">
        <v>7716.5544037122099</v>
      </c>
      <c r="C377" s="53">
        <v>7716.5544037122099</v>
      </c>
      <c r="D377" s="53">
        <v>7716.5544037122099</v>
      </c>
      <c r="E377" s="53">
        <v>7716.5544037122099</v>
      </c>
      <c r="F377" s="53">
        <v>7716.5544037122099</v>
      </c>
      <c r="G377" s="53">
        <v>7716.5544037122099</v>
      </c>
      <c r="H377" s="53">
        <v>7716.5544037122099</v>
      </c>
      <c r="I377" s="53">
        <v>7716.5544037122099</v>
      </c>
      <c r="J377" s="53">
        <v>7716.5544037122099</v>
      </c>
      <c r="K377" s="53">
        <v>7716.5544037122099</v>
      </c>
      <c r="L377" s="53">
        <v>7716.5544037122099</v>
      </c>
      <c r="M377" s="53">
        <v>7716.5544037122099</v>
      </c>
      <c r="N377" s="53">
        <v>92598.652844546494</v>
      </c>
      <c r="O377" s="53">
        <v>19476.359020303102</v>
      </c>
      <c r="P377" s="53">
        <v>19476.359020303102</v>
      </c>
      <c r="Q377" s="53">
        <v>19476.359020303102</v>
      </c>
      <c r="R377" s="53">
        <v>19476.359020303102</v>
      </c>
      <c r="S377" s="53">
        <v>19476.359020303102</v>
      </c>
      <c r="T377" s="53">
        <v>19476.359020303102</v>
      </c>
      <c r="U377" s="53">
        <v>19476.359020303102</v>
      </c>
      <c r="V377" s="53">
        <v>19476.359020303102</v>
      </c>
      <c r="W377" s="53">
        <v>19476.359020303102</v>
      </c>
      <c r="X377" s="53">
        <v>19476.359020303102</v>
      </c>
      <c r="Y377" s="53">
        <v>19476.359020303102</v>
      </c>
      <c r="Z377" s="53">
        <v>19476.359020303102</v>
      </c>
      <c r="AA377" s="53">
        <v>233716.308243637</v>
      </c>
      <c r="AB377" s="53">
        <v>23395.733884527101</v>
      </c>
      <c r="AC377" s="53">
        <v>23395.733884527101</v>
      </c>
      <c r="AD377" s="53">
        <v>23395.733884527101</v>
      </c>
      <c r="AE377" s="53">
        <v>23395.733884527101</v>
      </c>
      <c r="AF377" s="53">
        <v>23395.733884527101</v>
      </c>
      <c r="AG377" s="53">
        <v>23395.733884527101</v>
      </c>
      <c r="AH377" s="53">
        <v>23395.733884527101</v>
      </c>
      <c r="AI377" s="53">
        <v>23395.733884527101</v>
      </c>
      <c r="AJ377" s="53">
        <v>23395.733884527101</v>
      </c>
      <c r="AK377" s="53">
        <v>23395.733884527101</v>
      </c>
      <c r="AL377" s="53">
        <v>23395.733884527101</v>
      </c>
      <c r="AM377" s="53">
        <v>23395.733884527101</v>
      </c>
      <c r="AN377" s="53">
        <v>280748.80661432497</v>
      </c>
      <c r="AO377" s="53">
        <v>30848.9846584671</v>
      </c>
      <c r="AP377" s="53">
        <v>30848.9846584671</v>
      </c>
      <c r="AQ377" s="53">
        <v>30848.9846584671</v>
      </c>
      <c r="AR377" s="53">
        <v>30848.9846584671</v>
      </c>
      <c r="AS377" s="53">
        <v>30848.9846584671</v>
      </c>
      <c r="AT377" s="53">
        <v>30848.9846584671</v>
      </c>
      <c r="AU377" s="53">
        <v>30848.9846584671</v>
      </c>
      <c r="AV377" s="53">
        <v>30848.9846584671</v>
      </c>
      <c r="AW377" s="53">
        <v>30848.9846584671</v>
      </c>
      <c r="AX377" s="53">
        <v>30848.9846584671</v>
      </c>
      <c r="AY377" s="53">
        <v>30848.9846584671</v>
      </c>
      <c r="AZ377" s="53">
        <v>30848.9846584671</v>
      </c>
      <c r="BA377" s="53">
        <v>370187.815901605</v>
      </c>
    </row>
    <row r="378" spans="1:53">
      <c r="A378" s="235" t="s">
        <v>1173</v>
      </c>
      <c r="B378" s="53">
        <v>0</v>
      </c>
      <c r="C378" s="53">
        <v>0</v>
      </c>
      <c r="D378" s="53">
        <v>0</v>
      </c>
      <c r="E378" s="53">
        <v>0</v>
      </c>
      <c r="F378" s="53">
        <v>0</v>
      </c>
      <c r="G378" s="53">
        <v>0</v>
      </c>
      <c r="H378" s="53">
        <v>0</v>
      </c>
      <c r="I378" s="53">
        <v>0</v>
      </c>
      <c r="J378" s="53">
        <v>0</v>
      </c>
      <c r="K378" s="53">
        <v>0</v>
      </c>
      <c r="L378" s="53">
        <v>0</v>
      </c>
      <c r="M378" s="53">
        <v>0</v>
      </c>
      <c r="N378" s="53">
        <v>0</v>
      </c>
      <c r="O378" s="53">
        <v>49669.3470043333</v>
      </c>
      <c r="P378" s="53">
        <v>49669.3470043333</v>
      </c>
      <c r="Q378" s="53">
        <v>49669.3470043333</v>
      </c>
      <c r="R378" s="53">
        <v>49669.3470043333</v>
      </c>
      <c r="S378" s="53">
        <v>49669.3470043333</v>
      </c>
      <c r="T378" s="53">
        <v>49669.3470043333</v>
      </c>
      <c r="U378" s="53">
        <v>49669.3470043333</v>
      </c>
      <c r="V378" s="53">
        <v>49669.3470043333</v>
      </c>
      <c r="W378" s="53">
        <v>49669.3470043333</v>
      </c>
      <c r="X378" s="53">
        <v>49669.3470043333</v>
      </c>
      <c r="Y378" s="53">
        <v>49669.3470043333</v>
      </c>
      <c r="Z378" s="53">
        <v>49669.3470043333</v>
      </c>
      <c r="AA378" s="53">
        <v>596032.16405199899</v>
      </c>
      <c r="AB378" s="53">
        <v>14137.307316336701</v>
      </c>
      <c r="AC378" s="53">
        <v>14137.307316336701</v>
      </c>
      <c r="AD378" s="53">
        <v>14137.307316336701</v>
      </c>
      <c r="AE378" s="53">
        <v>14137.307316336701</v>
      </c>
      <c r="AF378" s="53">
        <v>14137.307316336701</v>
      </c>
      <c r="AG378" s="53">
        <v>14137.307316336701</v>
      </c>
      <c r="AH378" s="53">
        <v>14137.307316336701</v>
      </c>
      <c r="AI378" s="53">
        <v>14137.307316336701</v>
      </c>
      <c r="AJ378" s="53">
        <v>14137.307316336701</v>
      </c>
      <c r="AK378" s="53">
        <v>14137.307316336701</v>
      </c>
      <c r="AL378" s="53">
        <v>14137.307316336701</v>
      </c>
      <c r="AM378" s="53">
        <v>14137.307316336701</v>
      </c>
      <c r="AN378" s="53">
        <v>169647.68779604</v>
      </c>
      <c r="AO378" s="53">
        <v>16893.229451007199</v>
      </c>
      <c r="AP378" s="53">
        <v>16893.229451007199</v>
      </c>
      <c r="AQ378" s="53">
        <v>16893.229451007199</v>
      </c>
      <c r="AR378" s="53">
        <v>16893.229451007199</v>
      </c>
      <c r="AS378" s="53">
        <v>16893.229451007199</v>
      </c>
      <c r="AT378" s="53">
        <v>16893.229451007199</v>
      </c>
      <c r="AU378" s="53">
        <v>16893.229451007199</v>
      </c>
      <c r="AV378" s="53">
        <v>16893.229451007199</v>
      </c>
      <c r="AW378" s="53">
        <v>16893.229451007199</v>
      </c>
      <c r="AX378" s="53">
        <v>16893.229451007199</v>
      </c>
      <c r="AY378" s="53">
        <v>16893.229451007199</v>
      </c>
      <c r="AZ378" s="53">
        <v>16893.229451007199</v>
      </c>
      <c r="BA378" s="53">
        <v>202718.75341208599</v>
      </c>
    </row>
    <row r="379" spans="1:53">
      <c r="A379" s="52" t="s">
        <v>1174</v>
      </c>
      <c r="B379" s="53">
        <v>133255.22</v>
      </c>
      <c r="C379" s="53">
        <v>133207.15</v>
      </c>
      <c r="D379" s="53">
        <v>136716.31</v>
      </c>
      <c r="E379" s="53">
        <v>140266.75</v>
      </c>
      <c r="F379" s="53">
        <v>137092.49</v>
      </c>
      <c r="G379" s="53">
        <v>136946.88</v>
      </c>
      <c r="H379" s="53">
        <v>140170.35</v>
      </c>
      <c r="I379" s="53">
        <v>136720.07999999999</v>
      </c>
      <c r="J379" s="53">
        <v>137979.24</v>
      </c>
      <c r="K379" s="53">
        <v>136953.95000000001</v>
      </c>
      <c r="L379" s="53">
        <v>137093.66</v>
      </c>
      <c r="M379" s="53">
        <v>136723.62</v>
      </c>
      <c r="N379" s="53">
        <v>1643125.7</v>
      </c>
      <c r="O379" s="53">
        <v>133255.22</v>
      </c>
      <c r="P379" s="53">
        <v>133207.15</v>
      </c>
      <c r="Q379" s="53">
        <v>136716.31</v>
      </c>
      <c r="R379" s="53">
        <v>140266.75</v>
      </c>
      <c r="S379" s="53">
        <v>137092.49</v>
      </c>
      <c r="T379" s="53">
        <v>136946.88</v>
      </c>
      <c r="U379" s="53">
        <v>140170.35</v>
      </c>
      <c r="V379" s="53">
        <v>136720.07999999999</v>
      </c>
      <c r="W379" s="53">
        <v>137979.24</v>
      </c>
      <c r="X379" s="53">
        <v>136953.95000000001</v>
      </c>
      <c r="Y379" s="53">
        <v>137093.66</v>
      </c>
      <c r="Z379" s="53">
        <v>136723.62</v>
      </c>
      <c r="AA379" s="53">
        <v>1643125.7</v>
      </c>
      <c r="AB379" s="53">
        <v>133255.22</v>
      </c>
      <c r="AC379" s="53">
        <v>133207.15</v>
      </c>
      <c r="AD379" s="53">
        <v>136716.31</v>
      </c>
      <c r="AE379" s="53">
        <v>140266.75</v>
      </c>
      <c r="AF379" s="53">
        <v>137092.49</v>
      </c>
      <c r="AG379" s="53">
        <v>136946.88</v>
      </c>
      <c r="AH379" s="53">
        <v>140170.35</v>
      </c>
      <c r="AI379" s="53">
        <v>136720.07999999999</v>
      </c>
      <c r="AJ379" s="53">
        <v>137979.24</v>
      </c>
      <c r="AK379" s="53">
        <v>136953.95000000001</v>
      </c>
      <c r="AL379" s="53">
        <v>137093.66</v>
      </c>
      <c r="AM379" s="53">
        <v>136723.62</v>
      </c>
      <c r="AN379" s="53">
        <v>1643125.7</v>
      </c>
      <c r="AO379" s="53">
        <v>133255.22</v>
      </c>
      <c r="AP379" s="53">
        <v>133207.15</v>
      </c>
      <c r="AQ379" s="53">
        <v>136716.31</v>
      </c>
      <c r="AR379" s="53">
        <v>140266.75</v>
      </c>
      <c r="AS379" s="53">
        <v>137092.49</v>
      </c>
      <c r="AT379" s="53">
        <v>136946.88</v>
      </c>
      <c r="AU379" s="53">
        <v>140170.35</v>
      </c>
      <c r="AV379" s="53">
        <v>136720.07999999999</v>
      </c>
      <c r="AW379" s="53">
        <v>137979.24</v>
      </c>
      <c r="AX379" s="53">
        <v>136953.95000000001</v>
      </c>
      <c r="AY379" s="53">
        <v>137093.66</v>
      </c>
      <c r="AZ379" s="53">
        <v>136723.62</v>
      </c>
      <c r="BA379" s="53">
        <v>1643125.7</v>
      </c>
    </row>
    <row r="380" spans="1:53">
      <c r="A380" s="52" t="s">
        <v>1175</v>
      </c>
      <c r="B380" s="53">
        <v>210498.664403712</v>
      </c>
      <c r="C380" s="53">
        <v>227518.48440371201</v>
      </c>
      <c r="D380" s="53">
        <v>226602.40440371199</v>
      </c>
      <c r="E380" s="53">
        <v>292615.514403712</v>
      </c>
      <c r="F380" s="53">
        <v>226766.62440371199</v>
      </c>
      <c r="G380" s="53">
        <v>215368.724403712</v>
      </c>
      <c r="H380" s="53">
        <v>224127.794403712</v>
      </c>
      <c r="I380" s="53">
        <v>225455.09440371199</v>
      </c>
      <c r="J380" s="53">
        <v>207498.08440371201</v>
      </c>
      <c r="K380" s="53">
        <v>224518.64440371201</v>
      </c>
      <c r="L380" s="53">
        <v>224648.59440371199</v>
      </c>
      <c r="M380" s="53">
        <v>205308.604403712</v>
      </c>
      <c r="N380" s="53">
        <v>2710927.2328445399</v>
      </c>
      <c r="O380" s="53">
        <v>254954.88610582199</v>
      </c>
      <c r="P380" s="53">
        <v>271974.706105822</v>
      </c>
      <c r="Q380" s="53">
        <v>271058.62610582198</v>
      </c>
      <c r="R380" s="53">
        <v>337071.73610582203</v>
      </c>
      <c r="S380" s="53">
        <v>271222.84610582201</v>
      </c>
      <c r="T380" s="53">
        <v>259824.94610582199</v>
      </c>
      <c r="U380" s="53">
        <v>268584.016105822</v>
      </c>
      <c r="V380" s="53">
        <v>269911.31610582198</v>
      </c>
      <c r="W380" s="53">
        <v>251954.306105822</v>
      </c>
      <c r="X380" s="53">
        <v>268974.86610582197</v>
      </c>
      <c r="Y380" s="53">
        <v>269104.81610582198</v>
      </c>
      <c r="Z380" s="53">
        <v>249764.82610582199</v>
      </c>
      <c r="AA380" s="53">
        <v>3244401.89326987</v>
      </c>
      <c r="AB380" s="53">
        <v>222644.14397106599</v>
      </c>
      <c r="AC380" s="53">
        <v>239663.963971066</v>
      </c>
      <c r="AD380" s="53">
        <v>238747.88397106601</v>
      </c>
      <c r="AE380" s="53">
        <v>304760.99397106603</v>
      </c>
      <c r="AF380" s="53">
        <v>238912.10397106601</v>
      </c>
      <c r="AG380" s="53">
        <v>227514.20397106599</v>
      </c>
      <c r="AH380" s="53">
        <v>236273.273971066</v>
      </c>
      <c r="AI380" s="53">
        <v>237600.57397106601</v>
      </c>
      <c r="AJ380" s="53">
        <v>219643.563971066</v>
      </c>
      <c r="AK380" s="53">
        <v>236664.123971066</v>
      </c>
      <c r="AL380" s="53">
        <v>236794.07397106601</v>
      </c>
      <c r="AM380" s="53">
        <v>217454.08397106599</v>
      </c>
      <c r="AN380" s="53">
        <v>2856672.9876527898</v>
      </c>
      <c r="AO380" s="53">
        <v>232033.30803192401</v>
      </c>
      <c r="AP380" s="53">
        <v>249053.12803192399</v>
      </c>
      <c r="AQ380" s="53">
        <v>248137.048031924</v>
      </c>
      <c r="AR380" s="53">
        <v>314150.15803192399</v>
      </c>
      <c r="AS380" s="53">
        <v>248301.268031924</v>
      </c>
      <c r="AT380" s="53">
        <v>236903.36803192401</v>
      </c>
      <c r="AU380" s="53">
        <v>245662.43803192399</v>
      </c>
      <c r="AV380" s="53">
        <v>246989.738031924</v>
      </c>
      <c r="AW380" s="53">
        <v>229032.72803192399</v>
      </c>
      <c r="AX380" s="53">
        <v>246053.28803192399</v>
      </c>
      <c r="AY380" s="53">
        <v>246183.238031924</v>
      </c>
      <c r="AZ380" s="53">
        <v>226843.24803192401</v>
      </c>
      <c r="BA380" s="53">
        <v>2969342.95638309</v>
      </c>
    </row>
    <row r="381" spans="1:53">
      <c r="A381" s="236" t="s">
        <v>1176</v>
      </c>
      <c r="B381" s="53">
        <v>252165.33107037799</v>
      </c>
      <c r="C381" s="53">
        <v>269185.15107037802</v>
      </c>
      <c r="D381" s="53">
        <v>268269.07107037801</v>
      </c>
      <c r="E381" s="53">
        <v>334282.18107037799</v>
      </c>
      <c r="F381" s="53">
        <v>268433.29107037798</v>
      </c>
      <c r="G381" s="53">
        <v>257035.39107037801</v>
      </c>
      <c r="H381" s="53">
        <v>265794.46107037802</v>
      </c>
      <c r="I381" s="53">
        <v>267121.76107037801</v>
      </c>
      <c r="J381" s="53">
        <v>249164.751070378</v>
      </c>
      <c r="K381" s="53">
        <v>266185.311070378</v>
      </c>
      <c r="L381" s="53">
        <v>266315.26107037801</v>
      </c>
      <c r="M381" s="53">
        <v>246975.27107037799</v>
      </c>
      <c r="N381" s="53">
        <v>3210927.2328445399</v>
      </c>
      <c r="O381" s="53">
        <v>329358.84835582197</v>
      </c>
      <c r="P381" s="53">
        <v>346378.66835582198</v>
      </c>
      <c r="Q381" s="53">
        <v>345462.58835582202</v>
      </c>
      <c r="R381" s="53">
        <v>411475.69835582201</v>
      </c>
      <c r="S381" s="53">
        <v>345626.808355822</v>
      </c>
      <c r="T381" s="53">
        <v>334228.90835582197</v>
      </c>
      <c r="U381" s="53">
        <v>342987.97835582198</v>
      </c>
      <c r="V381" s="53">
        <v>344315.27835582203</v>
      </c>
      <c r="W381" s="53">
        <v>326358.26835582202</v>
      </c>
      <c r="X381" s="53">
        <v>343378.82835582201</v>
      </c>
      <c r="Y381" s="53">
        <v>343508.77835582203</v>
      </c>
      <c r="Z381" s="53">
        <v>324168.78835582198</v>
      </c>
      <c r="AA381" s="53">
        <v>4137249.4402698702</v>
      </c>
      <c r="AB381" s="53">
        <v>266185.81063773303</v>
      </c>
      <c r="AC381" s="53">
        <v>283205.63063773297</v>
      </c>
      <c r="AD381" s="53">
        <v>282289.55063773302</v>
      </c>
      <c r="AE381" s="53">
        <v>348302.660637733</v>
      </c>
      <c r="AF381" s="53">
        <v>282453.77063773299</v>
      </c>
      <c r="AG381" s="53">
        <v>271055.87063773302</v>
      </c>
      <c r="AH381" s="53">
        <v>279814.94063773297</v>
      </c>
      <c r="AI381" s="53">
        <v>281142.24063773302</v>
      </c>
      <c r="AJ381" s="53">
        <v>263185.23063773301</v>
      </c>
      <c r="AK381" s="53">
        <v>280205.79063773301</v>
      </c>
      <c r="AL381" s="53">
        <v>280335.74063773302</v>
      </c>
      <c r="AM381" s="53">
        <v>260995.750637733</v>
      </c>
      <c r="AN381" s="53">
        <v>3379172.9876527898</v>
      </c>
      <c r="AO381" s="53">
        <v>275574.97469859099</v>
      </c>
      <c r="AP381" s="53">
        <v>292594.79469859099</v>
      </c>
      <c r="AQ381" s="53">
        <v>291678.71469859098</v>
      </c>
      <c r="AR381" s="53">
        <v>357691.82469859102</v>
      </c>
      <c r="AS381" s="53">
        <v>291842.93469859101</v>
      </c>
      <c r="AT381" s="53">
        <v>280445.03469859099</v>
      </c>
      <c r="AU381" s="53">
        <v>289204.10469859099</v>
      </c>
      <c r="AV381" s="53">
        <v>290531.40469859098</v>
      </c>
      <c r="AW381" s="53">
        <v>272574.39469859097</v>
      </c>
      <c r="AX381" s="53">
        <v>289594.95469859103</v>
      </c>
      <c r="AY381" s="53">
        <v>289724.90469859098</v>
      </c>
      <c r="AZ381" s="53">
        <v>270384.91469859099</v>
      </c>
      <c r="BA381" s="53">
        <v>3491842.95638309</v>
      </c>
    </row>
    <row r="382" spans="1:53">
      <c r="A382" s="231" t="s">
        <v>1177</v>
      </c>
      <c r="B382" s="53"/>
      <c r="C382" s="53"/>
      <c r="D382" s="53"/>
      <c r="E382" s="53"/>
      <c r="F382" s="53"/>
      <c r="G382" s="53"/>
      <c r="H382" s="53"/>
      <c r="I382" s="53"/>
      <c r="J382" s="53"/>
      <c r="K382" s="53"/>
      <c r="L382" s="53"/>
      <c r="M382" s="53"/>
      <c r="N382" s="53"/>
      <c r="O382" s="53"/>
      <c r="P382" s="53"/>
      <c r="Q382" s="53"/>
      <c r="R382" s="53"/>
      <c r="S382" s="53"/>
      <c r="T382" s="53"/>
      <c r="U382" s="53"/>
      <c r="V382" s="53"/>
      <c r="W382" s="53"/>
      <c r="X382" s="53"/>
      <c r="Y382" s="53"/>
      <c r="Z382" s="53"/>
      <c r="AA382" s="53"/>
      <c r="AB382" s="53"/>
      <c r="AC382" s="53"/>
      <c r="AD382" s="53"/>
      <c r="AE382" s="53"/>
      <c r="AF382" s="53"/>
      <c r="AG382" s="53"/>
      <c r="AH382" s="53"/>
      <c r="AI382" s="53"/>
      <c r="AJ382" s="53"/>
      <c r="AK382" s="53"/>
      <c r="AL382" s="53"/>
      <c r="AM382" s="53"/>
      <c r="AN382" s="53"/>
      <c r="AO382" s="53"/>
      <c r="AP382" s="53"/>
      <c r="AQ382" s="53"/>
      <c r="AR382" s="53"/>
      <c r="AS382" s="53"/>
      <c r="AT382" s="53"/>
      <c r="AU382" s="53"/>
      <c r="AV382" s="53"/>
      <c r="AW382" s="53"/>
      <c r="AX382" s="53"/>
      <c r="AY382" s="53"/>
      <c r="AZ382" s="53"/>
      <c r="BA382" s="53"/>
    </row>
    <row r="383" spans="1:53">
      <c r="A383" s="52" t="s">
        <v>1178</v>
      </c>
      <c r="B383" s="53"/>
      <c r="C383" s="53"/>
      <c r="D383" s="53"/>
      <c r="E383" s="53"/>
      <c r="F383" s="53"/>
      <c r="G383" s="53"/>
      <c r="H383" s="53"/>
      <c r="I383" s="53"/>
      <c r="J383" s="53"/>
      <c r="K383" s="53"/>
      <c r="L383" s="53"/>
      <c r="M383" s="53"/>
      <c r="N383" s="53"/>
      <c r="O383" s="53"/>
      <c r="P383" s="53"/>
      <c r="Q383" s="53"/>
      <c r="R383" s="53"/>
      <c r="S383" s="53"/>
      <c r="T383" s="53"/>
      <c r="U383" s="53"/>
      <c r="V383" s="53"/>
      <c r="W383" s="53"/>
      <c r="X383" s="53"/>
      <c r="Y383" s="53"/>
      <c r="Z383" s="53"/>
      <c r="AA383" s="53"/>
      <c r="AB383" s="53"/>
      <c r="AC383" s="53"/>
      <c r="AD383" s="53"/>
      <c r="AE383" s="53"/>
      <c r="AF383" s="53"/>
      <c r="AG383" s="53"/>
      <c r="AH383" s="53"/>
      <c r="AI383" s="53"/>
      <c r="AJ383" s="53"/>
      <c r="AK383" s="53"/>
      <c r="AL383" s="53"/>
      <c r="AM383" s="53"/>
      <c r="AN383" s="53"/>
      <c r="AO383" s="53"/>
      <c r="AP383" s="53"/>
      <c r="AQ383" s="53"/>
      <c r="AR383" s="53"/>
      <c r="AS383" s="53"/>
      <c r="AT383" s="53"/>
      <c r="AU383" s="53"/>
      <c r="AV383" s="53"/>
      <c r="AW383" s="53"/>
      <c r="AX383" s="53"/>
      <c r="AY383" s="53"/>
      <c r="AZ383" s="53"/>
      <c r="BA383" s="53"/>
    </row>
    <row r="384" spans="1:53">
      <c r="A384" s="52" t="s">
        <v>1179</v>
      </c>
      <c r="B384" s="53">
        <v>0</v>
      </c>
      <c r="C384" s="53">
        <v>0</v>
      </c>
      <c r="D384" s="53">
        <v>0</v>
      </c>
      <c r="E384" s="53">
        <v>0</v>
      </c>
      <c r="F384" s="53">
        <v>0</v>
      </c>
      <c r="G384" s="53">
        <v>0</v>
      </c>
      <c r="H384" s="53">
        <v>0</v>
      </c>
      <c r="I384" s="53">
        <v>0</v>
      </c>
      <c r="J384" s="53">
        <v>0</v>
      </c>
      <c r="K384" s="53">
        <v>0</v>
      </c>
      <c r="L384" s="53">
        <v>0</v>
      </c>
      <c r="M384" s="53">
        <v>0</v>
      </c>
      <c r="N384" s="53">
        <v>0</v>
      </c>
      <c r="O384" s="53">
        <v>0</v>
      </c>
      <c r="P384" s="53">
        <v>0</v>
      </c>
      <c r="Q384" s="53">
        <v>0</v>
      </c>
      <c r="R384" s="53">
        <v>0</v>
      </c>
      <c r="S384" s="53">
        <v>0</v>
      </c>
      <c r="T384" s="53">
        <v>0</v>
      </c>
      <c r="U384" s="53">
        <v>0</v>
      </c>
      <c r="V384" s="53">
        <v>0</v>
      </c>
      <c r="W384" s="53">
        <v>0</v>
      </c>
      <c r="X384" s="53">
        <v>0</v>
      </c>
      <c r="Y384" s="53">
        <v>0</v>
      </c>
      <c r="Z384" s="53">
        <v>0</v>
      </c>
      <c r="AA384" s="53">
        <v>0</v>
      </c>
      <c r="AB384" s="53">
        <v>0</v>
      </c>
      <c r="AC384" s="53">
        <v>0</v>
      </c>
      <c r="AD384" s="53">
        <v>0</v>
      </c>
      <c r="AE384" s="53">
        <v>0</v>
      </c>
      <c r="AF384" s="53">
        <v>0</v>
      </c>
      <c r="AG384" s="53">
        <v>0</v>
      </c>
      <c r="AH384" s="53">
        <v>0</v>
      </c>
      <c r="AI384" s="53">
        <v>0</v>
      </c>
      <c r="AJ384" s="53">
        <v>0</v>
      </c>
      <c r="AK384" s="53">
        <v>0</v>
      </c>
      <c r="AL384" s="53">
        <v>0</v>
      </c>
      <c r="AM384" s="53">
        <v>0</v>
      </c>
      <c r="AN384" s="53">
        <v>0</v>
      </c>
      <c r="AO384" s="53">
        <v>0</v>
      </c>
      <c r="AP384" s="53">
        <v>0</v>
      </c>
      <c r="AQ384" s="53">
        <v>0</v>
      </c>
      <c r="AR384" s="53">
        <v>0</v>
      </c>
      <c r="AS384" s="53">
        <v>0</v>
      </c>
      <c r="AT384" s="53">
        <v>0</v>
      </c>
      <c r="AU384" s="53">
        <v>0</v>
      </c>
      <c r="AV384" s="53">
        <v>0</v>
      </c>
      <c r="AW384" s="53">
        <v>0</v>
      </c>
      <c r="AX384" s="53">
        <v>0</v>
      </c>
      <c r="AY384" s="53">
        <v>0</v>
      </c>
      <c r="AZ384" s="53">
        <v>0</v>
      </c>
      <c r="BA384" s="53">
        <v>0</v>
      </c>
    </row>
    <row r="385" spans="1:53">
      <c r="A385" s="52" t="s">
        <v>1180</v>
      </c>
      <c r="B385" s="53">
        <v>0</v>
      </c>
      <c r="C385" s="53">
        <v>0</v>
      </c>
      <c r="D385" s="53">
        <v>0</v>
      </c>
      <c r="E385" s="53">
        <v>0</v>
      </c>
      <c r="F385" s="53">
        <v>0</v>
      </c>
      <c r="G385" s="53">
        <v>0</v>
      </c>
      <c r="H385" s="53">
        <v>0</v>
      </c>
      <c r="I385" s="53">
        <v>0</v>
      </c>
      <c r="J385" s="53">
        <v>0</v>
      </c>
      <c r="K385" s="53">
        <v>0</v>
      </c>
      <c r="L385" s="53">
        <v>0</v>
      </c>
      <c r="M385" s="53">
        <v>0</v>
      </c>
      <c r="N385" s="53">
        <v>0</v>
      </c>
      <c r="O385" s="53">
        <v>0</v>
      </c>
      <c r="P385" s="53">
        <v>0</v>
      </c>
      <c r="Q385" s="53">
        <v>0</v>
      </c>
      <c r="R385" s="53">
        <v>0</v>
      </c>
      <c r="S385" s="53">
        <v>0</v>
      </c>
      <c r="T385" s="53">
        <v>0</v>
      </c>
      <c r="U385" s="53">
        <v>0</v>
      </c>
      <c r="V385" s="53">
        <v>0</v>
      </c>
      <c r="W385" s="53">
        <v>0</v>
      </c>
      <c r="X385" s="53">
        <v>0</v>
      </c>
      <c r="Y385" s="53">
        <v>0</v>
      </c>
      <c r="Z385" s="53">
        <v>0</v>
      </c>
      <c r="AA385" s="53">
        <v>0</v>
      </c>
      <c r="AB385" s="53">
        <v>0</v>
      </c>
      <c r="AC385" s="53">
        <v>0</v>
      </c>
      <c r="AD385" s="53">
        <v>0</v>
      </c>
      <c r="AE385" s="53">
        <v>0</v>
      </c>
      <c r="AF385" s="53">
        <v>0</v>
      </c>
      <c r="AG385" s="53">
        <v>0</v>
      </c>
      <c r="AH385" s="53">
        <v>0</v>
      </c>
      <c r="AI385" s="53">
        <v>0</v>
      </c>
      <c r="AJ385" s="53">
        <v>0</v>
      </c>
      <c r="AK385" s="53">
        <v>0</v>
      </c>
      <c r="AL385" s="53">
        <v>0</v>
      </c>
      <c r="AM385" s="53">
        <v>0</v>
      </c>
      <c r="AN385" s="53">
        <v>0</v>
      </c>
      <c r="AO385" s="53">
        <v>0</v>
      </c>
      <c r="AP385" s="53">
        <v>0</v>
      </c>
      <c r="AQ385" s="53">
        <v>0</v>
      </c>
      <c r="AR385" s="53">
        <v>0</v>
      </c>
      <c r="AS385" s="53">
        <v>0</v>
      </c>
      <c r="AT385" s="53">
        <v>0</v>
      </c>
      <c r="AU385" s="53">
        <v>0</v>
      </c>
      <c r="AV385" s="53">
        <v>0</v>
      </c>
      <c r="AW385" s="53">
        <v>0</v>
      </c>
      <c r="AX385" s="53">
        <v>0</v>
      </c>
      <c r="AY385" s="53">
        <v>0</v>
      </c>
      <c r="AZ385" s="53">
        <v>0</v>
      </c>
      <c r="BA385" s="53">
        <v>0</v>
      </c>
    </row>
    <row r="386" spans="1:53">
      <c r="A386" s="52" t="s">
        <v>1181</v>
      </c>
      <c r="B386" s="53"/>
      <c r="C386" s="53"/>
      <c r="D386" s="53"/>
      <c r="E386" s="53"/>
      <c r="F386" s="53"/>
      <c r="G386" s="53"/>
      <c r="H386" s="53"/>
      <c r="I386" s="53"/>
      <c r="J386" s="53"/>
      <c r="K386" s="53"/>
      <c r="L386" s="53"/>
      <c r="M386" s="53"/>
      <c r="N386" s="53"/>
      <c r="O386" s="53"/>
      <c r="P386" s="53"/>
      <c r="Q386" s="53"/>
      <c r="R386" s="53"/>
      <c r="S386" s="53"/>
      <c r="T386" s="53"/>
      <c r="U386" s="53"/>
      <c r="V386" s="53"/>
      <c r="W386" s="53"/>
      <c r="X386" s="53"/>
      <c r="Y386" s="53"/>
      <c r="Z386" s="53"/>
      <c r="AA386" s="53"/>
      <c r="AB386" s="53"/>
      <c r="AC386" s="53"/>
      <c r="AD386" s="53"/>
      <c r="AE386" s="53"/>
      <c r="AF386" s="53"/>
      <c r="AG386" s="53"/>
      <c r="AH386" s="53"/>
      <c r="AI386" s="53"/>
      <c r="AJ386" s="53"/>
      <c r="AK386" s="53"/>
      <c r="AL386" s="53"/>
      <c r="AM386" s="53"/>
      <c r="AN386" s="53"/>
      <c r="AO386" s="53"/>
      <c r="AP386" s="53"/>
      <c r="AQ386" s="53"/>
      <c r="AR386" s="53"/>
      <c r="AS386" s="53"/>
      <c r="AT386" s="53"/>
      <c r="AU386" s="53"/>
      <c r="AV386" s="53"/>
      <c r="AW386" s="53"/>
      <c r="AX386" s="53"/>
      <c r="AY386" s="53"/>
      <c r="AZ386" s="53"/>
      <c r="BA386" s="53"/>
    </row>
    <row r="387" spans="1:53">
      <c r="A387" s="52" t="s">
        <v>1182</v>
      </c>
      <c r="B387" s="53">
        <v>1036545.37</v>
      </c>
      <c r="C387" s="53">
        <v>1080017.4099999999</v>
      </c>
      <c r="D387" s="53">
        <v>1041264.83</v>
      </c>
      <c r="E387" s="53">
        <v>1112083.45999999</v>
      </c>
      <c r="F387" s="53">
        <v>1044761.46</v>
      </c>
      <c r="G387" s="53">
        <v>1048233.72</v>
      </c>
      <c r="H387" s="53">
        <v>2264679.4</v>
      </c>
      <c r="I387" s="53">
        <v>1911697.78</v>
      </c>
      <c r="J387" s="53">
        <v>1924560.1</v>
      </c>
      <c r="K387" s="53">
        <v>1033278.87</v>
      </c>
      <c r="L387" s="53">
        <v>1086977.76</v>
      </c>
      <c r="M387" s="53">
        <v>1030874.2</v>
      </c>
      <c r="N387" s="53">
        <v>15614974.359999999</v>
      </c>
      <c r="O387" s="53">
        <v>1404488.0234235199</v>
      </c>
      <c r="P387" s="53">
        <v>1447960.06342352</v>
      </c>
      <c r="Q387" s="53">
        <v>1409207.4834235201</v>
      </c>
      <c r="R387" s="53">
        <v>1480026.11342352</v>
      </c>
      <c r="S387" s="53">
        <v>1412704.11342352</v>
      </c>
      <c r="T387" s="53">
        <v>1416176.37342352</v>
      </c>
      <c r="U387" s="53">
        <v>2632622.0534235202</v>
      </c>
      <c r="V387" s="53">
        <v>2279640.4334235201</v>
      </c>
      <c r="W387" s="53">
        <v>2292502.7534235199</v>
      </c>
      <c r="X387" s="53">
        <v>1401221.5234235199</v>
      </c>
      <c r="Y387" s="53">
        <v>1454920.41342352</v>
      </c>
      <c r="Z387" s="53">
        <v>1398816.85342352</v>
      </c>
      <c r="AA387" s="53">
        <v>20030286.2010823</v>
      </c>
      <c r="AB387" s="53">
        <v>1289373.0804256699</v>
      </c>
      <c r="AC387" s="53">
        <v>1332845.1204256699</v>
      </c>
      <c r="AD387" s="53">
        <v>1294092.5404256701</v>
      </c>
      <c r="AE387" s="53">
        <v>1364911.17042567</v>
      </c>
      <c r="AF387" s="53">
        <v>1297589.17042567</v>
      </c>
      <c r="AG387" s="53">
        <v>1301061.43042567</v>
      </c>
      <c r="AH387" s="53">
        <v>2517507.1104256702</v>
      </c>
      <c r="AI387" s="53">
        <v>2164525.4904256701</v>
      </c>
      <c r="AJ387" s="53">
        <v>2177387.8104256699</v>
      </c>
      <c r="AK387" s="53">
        <v>1286106.5804256699</v>
      </c>
      <c r="AL387" s="53">
        <v>1339805.47042567</v>
      </c>
      <c r="AM387" s="53">
        <v>1283701.91042567</v>
      </c>
      <c r="AN387" s="53">
        <v>18648906.885108098</v>
      </c>
      <c r="AO387" s="53">
        <v>5343999.9568221401</v>
      </c>
      <c r="AP387" s="53">
        <v>1344464.9968221399</v>
      </c>
      <c r="AQ387" s="53">
        <v>1305712.4168221401</v>
      </c>
      <c r="AR387" s="53">
        <v>1376531.04682214</v>
      </c>
      <c r="AS387" s="53">
        <v>1309209.04682214</v>
      </c>
      <c r="AT387" s="53">
        <v>1312681.30682214</v>
      </c>
      <c r="AU387" s="53">
        <v>2529126.9868221399</v>
      </c>
      <c r="AV387" s="53">
        <v>2176145.3668221398</v>
      </c>
      <c r="AW387" s="53">
        <v>2189007.6868221401</v>
      </c>
      <c r="AX387" s="53">
        <v>1297726.4568221399</v>
      </c>
      <c r="AY387" s="53">
        <v>1351425.34682214</v>
      </c>
      <c r="AZ387" s="53">
        <v>1295321.78682214</v>
      </c>
      <c r="BA387" s="53">
        <v>22831352.401865602</v>
      </c>
    </row>
    <row r="388" spans="1:53">
      <c r="A388" s="235" t="s">
        <v>1183</v>
      </c>
      <c r="B388" s="53">
        <v>0</v>
      </c>
      <c r="C388" s="53">
        <v>0</v>
      </c>
      <c r="D388" s="53">
        <v>0</v>
      </c>
      <c r="E388" s="53">
        <v>0</v>
      </c>
      <c r="F388" s="53">
        <v>0</v>
      </c>
      <c r="G388" s="53">
        <v>0</v>
      </c>
      <c r="H388" s="53">
        <v>0</v>
      </c>
      <c r="I388" s="53">
        <v>0</v>
      </c>
      <c r="J388" s="53">
        <v>0</v>
      </c>
      <c r="K388" s="53">
        <v>0</v>
      </c>
      <c r="L388" s="53">
        <v>0</v>
      </c>
      <c r="M388" s="53">
        <v>0</v>
      </c>
      <c r="N388" s="53">
        <v>0</v>
      </c>
      <c r="O388" s="53">
        <v>-322422.123840196</v>
      </c>
      <c r="P388" s="53">
        <v>-322422.123840196</v>
      </c>
      <c r="Q388" s="53">
        <v>-322422.123840196</v>
      </c>
      <c r="R388" s="53">
        <v>-322422.123840196</v>
      </c>
      <c r="S388" s="53">
        <v>-322422.123840196</v>
      </c>
      <c r="T388" s="53">
        <v>-322422.123840196</v>
      </c>
      <c r="U388" s="53">
        <v>-322422.123840196</v>
      </c>
      <c r="V388" s="53">
        <v>-322422.123840196</v>
      </c>
      <c r="W388" s="53">
        <v>-322422.123840196</v>
      </c>
      <c r="X388" s="53">
        <v>-322422.123840196</v>
      </c>
      <c r="Y388" s="53">
        <v>-322422.123840196</v>
      </c>
      <c r="Z388" s="53">
        <v>-322422.123840196</v>
      </c>
      <c r="AA388" s="53">
        <v>-3869065.4860823499</v>
      </c>
      <c r="AB388" s="53">
        <v>-282453.96042567497</v>
      </c>
      <c r="AC388" s="53">
        <v>-282453.96042567497</v>
      </c>
      <c r="AD388" s="53">
        <v>-282453.96042567497</v>
      </c>
      <c r="AE388" s="53">
        <v>-282453.96042567497</v>
      </c>
      <c r="AF388" s="53">
        <v>-282453.96042567497</v>
      </c>
      <c r="AG388" s="53">
        <v>-282453.96042567497</v>
      </c>
      <c r="AH388" s="53">
        <v>-282453.96042567497</v>
      </c>
      <c r="AI388" s="53">
        <v>-282453.96042567497</v>
      </c>
      <c r="AJ388" s="53">
        <v>-282453.96042567497</v>
      </c>
      <c r="AK388" s="53">
        <v>-282453.96042567497</v>
      </c>
      <c r="AL388" s="53">
        <v>-282453.96042567497</v>
      </c>
      <c r="AM388" s="53">
        <v>-282453.96042567497</v>
      </c>
      <c r="AN388" s="53">
        <v>-3389447.5251081102</v>
      </c>
      <c r="AO388" s="53">
        <v>-294294.42015547398</v>
      </c>
      <c r="AP388" s="53">
        <v>-294294.42015547398</v>
      </c>
      <c r="AQ388" s="53">
        <v>-294294.42015547398</v>
      </c>
      <c r="AR388" s="53">
        <v>-294294.42015547398</v>
      </c>
      <c r="AS388" s="53">
        <v>-294294.42015547398</v>
      </c>
      <c r="AT388" s="53">
        <v>-294294.42015547398</v>
      </c>
      <c r="AU388" s="53">
        <v>-294294.42015547398</v>
      </c>
      <c r="AV388" s="53">
        <v>-294294.42015547398</v>
      </c>
      <c r="AW388" s="53">
        <v>-294294.42015547398</v>
      </c>
      <c r="AX388" s="53">
        <v>-294294.42015547398</v>
      </c>
      <c r="AY388" s="53">
        <v>-294294.42015547398</v>
      </c>
      <c r="AZ388" s="53">
        <v>-294294.42015547398</v>
      </c>
      <c r="BA388" s="53">
        <v>-3531533.0418656799</v>
      </c>
    </row>
    <row r="389" spans="1:53">
      <c r="A389" s="52" t="s">
        <v>1184</v>
      </c>
      <c r="B389" s="53">
        <v>0</v>
      </c>
      <c r="C389" s="53">
        <v>0</v>
      </c>
      <c r="D389" s="53">
        <v>0</v>
      </c>
      <c r="E389" s="53">
        <v>0</v>
      </c>
      <c r="F389" s="53">
        <v>0</v>
      </c>
      <c r="G389" s="53">
        <v>0</v>
      </c>
      <c r="H389" s="53">
        <v>0</v>
      </c>
      <c r="I389" s="53">
        <v>0</v>
      </c>
      <c r="J389" s="53">
        <v>0</v>
      </c>
      <c r="K389" s="53">
        <v>0</v>
      </c>
      <c r="L389" s="53">
        <v>0</v>
      </c>
      <c r="M389" s="53">
        <v>0</v>
      </c>
      <c r="N389" s="53">
        <v>0</v>
      </c>
      <c r="O389" s="53">
        <v>0</v>
      </c>
      <c r="P389" s="53">
        <v>0</v>
      </c>
      <c r="Q389" s="53">
        <v>0</v>
      </c>
      <c r="R389" s="53">
        <v>0</v>
      </c>
      <c r="S389" s="53">
        <v>0</v>
      </c>
      <c r="T389" s="53">
        <v>0</v>
      </c>
      <c r="U389" s="53">
        <v>0</v>
      </c>
      <c r="V389" s="53">
        <v>0</v>
      </c>
      <c r="W389" s="53">
        <v>0</v>
      </c>
      <c r="X389" s="53">
        <v>0</v>
      </c>
      <c r="Y389" s="53">
        <v>0</v>
      </c>
      <c r="Z389" s="53">
        <v>0</v>
      </c>
      <c r="AA389" s="53">
        <v>0</v>
      </c>
      <c r="AB389" s="53">
        <v>0</v>
      </c>
      <c r="AC389" s="53">
        <v>0</v>
      </c>
      <c r="AD389" s="53">
        <v>0</v>
      </c>
      <c r="AE389" s="53">
        <v>0</v>
      </c>
      <c r="AF389" s="53">
        <v>0</v>
      </c>
      <c r="AG389" s="53">
        <v>0</v>
      </c>
      <c r="AH389" s="53">
        <v>0</v>
      </c>
      <c r="AI389" s="53">
        <v>0</v>
      </c>
      <c r="AJ389" s="53">
        <v>0</v>
      </c>
      <c r="AK389" s="53">
        <v>0</v>
      </c>
      <c r="AL389" s="53">
        <v>0</v>
      </c>
      <c r="AM389" s="53">
        <v>0</v>
      </c>
      <c r="AN389" s="53">
        <v>0</v>
      </c>
      <c r="AO389" s="53">
        <v>-249333.33333333299</v>
      </c>
      <c r="AP389" s="53">
        <v>-249333.33333333299</v>
      </c>
      <c r="AQ389" s="53">
        <v>-249333.33333333299</v>
      </c>
      <c r="AR389" s="53">
        <v>-249333.33333333299</v>
      </c>
      <c r="AS389" s="53">
        <v>-249333.33333333299</v>
      </c>
      <c r="AT389" s="53">
        <v>-249333.33333333299</v>
      </c>
      <c r="AU389" s="53">
        <v>-249333.33333333299</v>
      </c>
      <c r="AV389" s="53">
        <v>-249333.33333333299</v>
      </c>
      <c r="AW389" s="53">
        <v>-249333.33333333299</v>
      </c>
      <c r="AX389" s="53">
        <v>-249333.33333333299</v>
      </c>
      <c r="AY389" s="53">
        <v>-249333.33333333299</v>
      </c>
      <c r="AZ389" s="53">
        <v>-249333.33333333299</v>
      </c>
      <c r="BA389" s="53">
        <v>-2991999.9999999902</v>
      </c>
    </row>
    <row r="390" spans="1:53" s="66" customFormat="1">
      <c r="A390" s="52" t="s">
        <v>1185</v>
      </c>
      <c r="B390" s="53">
        <v>0</v>
      </c>
      <c r="C390" s="53">
        <v>0</v>
      </c>
      <c r="D390" s="53">
        <v>0</v>
      </c>
      <c r="E390" s="53">
        <v>0</v>
      </c>
      <c r="F390" s="53">
        <v>0</v>
      </c>
      <c r="G390" s="53">
        <v>0</v>
      </c>
      <c r="H390" s="53">
        <v>0</v>
      </c>
      <c r="I390" s="53">
        <v>0</v>
      </c>
      <c r="J390" s="53">
        <v>0</v>
      </c>
      <c r="K390" s="53">
        <v>0</v>
      </c>
      <c r="L390" s="53">
        <v>0</v>
      </c>
      <c r="M390" s="53">
        <v>0</v>
      </c>
      <c r="N390" s="53">
        <v>0</v>
      </c>
      <c r="O390" s="53">
        <v>0</v>
      </c>
      <c r="P390" s="53">
        <v>0</v>
      </c>
      <c r="Q390" s="53">
        <v>0</v>
      </c>
      <c r="R390" s="53">
        <v>0</v>
      </c>
      <c r="S390" s="53">
        <v>0</v>
      </c>
      <c r="T390" s="53">
        <v>0</v>
      </c>
      <c r="U390" s="53">
        <v>0</v>
      </c>
      <c r="V390" s="53">
        <v>0</v>
      </c>
      <c r="W390" s="53">
        <v>0</v>
      </c>
      <c r="X390" s="53">
        <v>0</v>
      </c>
      <c r="Y390" s="53">
        <v>0</v>
      </c>
      <c r="Z390" s="53">
        <v>0</v>
      </c>
      <c r="AA390" s="53">
        <v>0</v>
      </c>
      <c r="AB390" s="53">
        <v>0</v>
      </c>
      <c r="AC390" s="53">
        <v>0</v>
      </c>
      <c r="AD390" s="53">
        <v>0</v>
      </c>
      <c r="AE390" s="53">
        <v>0</v>
      </c>
      <c r="AF390" s="53">
        <v>0</v>
      </c>
      <c r="AG390" s="53">
        <v>0</v>
      </c>
      <c r="AH390" s="53">
        <v>0</v>
      </c>
      <c r="AI390" s="53">
        <v>0</v>
      </c>
      <c r="AJ390" s="53">
        <v>0</v>
      </c>
      <c r="AK390" s="53">
        <v>0</v>
      </c>
      <c r="AL390" s="53">
        <v>0</v>
      </c>
      <c r="AM390" s="53">
        <v>0</v>
      </c>
      <c r="AN390" s="53">
        <v>0</v>
      </c>
      <c r="AO390" s="53">
        <v>0</v>
      </c>
      <c r="AP390" s="53">
        <v>0</v>
      </c>
      <c r="AQ390" s="53">
        <v>0</v>
      </c>
      <c r="AR390" s="53">
        <v>0</v>
      </c>
      <c r="AS390" s="53">
        <v>0</v>
      </c>
      <c r="AT390" s="53">
        <v>0</v>
      </c>
      <c r="AU390" s="53">
        <v>0</v>
      </c>
      <c r="AV390" s="53">
        <v>0</v>
      </c>
      <c r="AW390" s="53">
        <v>0</v>
      </c>
      <c r="AX390" s="53">
        <v>0</v>
      </c>
      <c r="AY390" s="53">
        <v>0</v>
      </c>
      <c r="AZ390" s="53">
        <v>0</v>
      </c>
      <c r="BA390" s="53">
        <v>0</v>
      </c>
    </row>
    <row r="391" spans="1:53" s="66" customFormat="1">
      <c r="A391" s="52" t="s">
        <v>1186</v>
      </c>
      <c r="B391" s="53">
        <v>0</v>
      </c>
      <c r="C391" s="53">
        <v>0</v>
      </c>
      <c r="D391" s="53">
        <v>0</v>
      </c>
      <c r="E391" s="53">
        <v>0</v>
      </c>
      <c r="F391" s="53">
        <v>0</v>
      </c>
      <c r="G391" s="53">
        <v>0</v>
      </c>
      <c r="H391" s="53">
        <v>0</v>
      </c>
      <c r="I391" s="53">
        <v>0</v>
      </c>
      <c r="J391" s="53">
        <v>0</v>
      </c>
      <c r="K391" s="53">
        <v>0</v>
      </c>
      <c r="L391" s="53">
        <v>0</v>
      </c>
      <c r="M391" s="53">
        <v>0</v>
      </c>
      <c r="N391" s="53">
        <v>0</v>
      </c>
      <c r="O391" s="53">
        <v>0</v>
      </c>
      <c r="P391" s="53">
        <v>0</v>
      </c>
      <c r="Q391" s="53">
        <v>0</v>
      </c>
      <c r="R391" s="53">
        <v>0</v>
      </c>
      <c r="S391" s="53">
        <v>0</v>
      </c>
      <c r="T391" s="53">
        <v>0</v>
      </c>
      <c r="U391" s="53">
        <v>0</v>
      </c>
      <c r="V391" s="53">
        <v>0</v>
      </c>
      <c r="W391" s="53">
        <v>0</v>
      </c>
      <c r="X391" s="53">
        <v>0</v>
      </c>
      <c r="Y391" s="53">
        <v>0</v>
      </c>
      <c r="Z391" s="53">
        <v>0</v>
      </c>
      <c r="AA391" s="53">
        <v>0</v>
      </c>
      <c r="AB391" s="53">
        <v>0</v>
      </c>
      <c r="AC391" s="53">
        <v>0</v>
      </c>
      <c r="AD391" s="53">
        <v>0</v>
      </c>
      <c r="AE391" s="53">
        <v>0</v>
      </c>
      <c r="AF391" s="53">
        <v>0</v>
      </c>
      <c r="AG391" s="53">
        <v>0</v>
      </c>
      <c r="AH391" s="53">
        <v>0</v>
      </c>
      <c r="AI391" s="53">
        <v>0</v>
      </c>
      <c r="AJ391" s="53">
        <v>0</v>
      </c>
      <c r="AK391" s="53">
        <v>0</v>
      </c>
      <c r="AL391" s="53">
        <v>0</v>
      </c>
      <c r="AM391" s="53">
        <v>0</v>
      </c>
      <c r="AN391" s="53">
        <v>0</v>
      </c>
      <c r="AO391" s="53">
        <v>0</v>
      </c>
      <c r="AP391" s="53">
        <v>0</v>
      </c>
      <c r="AQ391" s="53">
        <v>0</v>
      </c>
      <c r="AR391" s="53">
        <v>0</v>
      </c>
      <c r="AS391" s="53">
        <v>0</v>
      </c>
      <c r="AT391" s="53">
        <v>0</v>
      </c>
      <c r="AU391" s="53">
        <v>0</v>
      </c>
      <c r="AV391" s="53">
        <v>0</v>
      </c>
      <c r="AW391" s="53">
        <v>0</v>
      </c>
      <c r="AX391" s="53">
        <v>0</v>
      </c>
      <c r="AY391" s="53">
        <v>0</v>
      </c>
      <c r="AZ391" s="53">
        <v>0</v>
      </c>
      <c r="BA391" s="53">
        <v>0</v>
      </c>
    </row>
    <row r="392" spans="1:53" s="66" customFormat="1">
      <c r="A392" s="52" t="s">
        <v>1187</v>
      </c>
      <c r="B392" s="53">
        <v>0</v>
      </c>
      <c r="C392" s="53">
        <v>0</v>
      </c>
      <c r="D392" s="53">
        <v>0</v>
      </c>
      <c r="E392" s="53">
        <v>0</v>
      </c>
      <c r="F392" s="53">
        <v>0</v>
      </c>
      <c r="G392" s="53">
        <v>0</v>
      </c>
      <c r="H392" s="53">
        <v>0</v>
      </c>
      <c r="I392" s="53">
        <v>0</v>
      </c>
      <c r="J392" s="53">
        <v>0</v>
      </c>
      <c r="K392" s="53">
        <v>0</v>
      </c>
      <c r="L392" s="53">
        <v>0</v>
      </c>
      <c r="M392" s="53">
        <v>0</v>
      </c>
      <c r="N392" s="53">
        <v>0</v>
      </c>
      <c r="O392" s="53">
        <v>0</v>
      </c>
      <c r="P392" s="53">
        <v>0</v>
      </c>
      <c r="Q392" s="53">
        <v>0</v>
      </c>
      <c r="R392" s="53">
        <v>0</v>
      </c>
      <c r="S392" s="53">
        <v>0</v>
      </c>
      <c r="T392" s="53">
        <v>0</v>
      </c>
      <c r="U392" s="53">
        <v>0</v>
      </c>
      <c r="V392" s="53">
        <v>0</v>
      </c>
      <c r="W392" s="53">
        <v>0</v>
      </c>
      <c r="X392" s="53">
        <v>0</v>
      </c>
      <c r="Y392" s="53">
        <v>0</v>
      </c>
      <c r="Z392" s="53">
        <v>0</v>
      </c>
      <c r="AA392" s="53">
        <v>0</v>
      </c>
      <c r="AB392" s="53">
        <v>0</v>
      </c>
      <c r="AC392" s="53">
        <v>0</v>
      </c>
      <c r="AD392" s="53">
        <v>0</v>
      </c>
      <c r="AE392" s="53">
        <v>0</v>
      </c>
      <c r="AF392" s="53">
        <v>0</v>
      </c>
      <c r="AG392" s="53">
        <v>0</v>
      </c>
      <c r="AH392" s="53">
        <v>0</v>
      </c>
      <c r="AI392" s="53">
        <v>0</v>
      </c>
      <c r="AJ392" s="53">
        <v>0</v>
      </c>
      <c r="AK392" s="53">
        <v>0</v>
      </c>
      <c r="AL392" s="53">
        <v>0</v>
      </c>
      <c r="AM392" s="53">
        <v>0</v>
      </c>
      <c r="AN392" s="53">
        <v>0</v>
      </c>
      <c r="AO392" s="53">
        <v>0</v>
      </c>
      <c r="AP392" s="53">
        <v>0</v>
      </c>
      <c r="AQ392" s="53">
        <v>0</v>
      </c>
      <c r="AR392" s="53">
        <v>0</v>
      </c>
      <c r="AS392" s="53">
        <v>0</v>
      </c>
      <c r="AT392" s="53">
        <v>0</v>
      </c>
      <c r="AU392" s="53">
        <v>0</v>
      </c>
      <c r="AV392" s="53">
        <v>0</v>
      </c>
      <c r="AW392" s="53">
        <v>0</v>
      </c>
      <c r="AX392" s="53">
        <v>0</v>
      </c>
      <c r="AY392" s="53">
        <v>0</v>
      </c>
      <c r="AZ392" s="53">
        <v>0</v>
      </c>
      <c r="BA392" s="53">
        <v>0</v>
      </c>
    </row>
    <row r="393" spans="1:53" s="66" customFormat="1">
      <c r="A393" s="52" t="s">
        <v>1188</v>
      </c>
      <c r="B393" s="53">
        <v>1036545.37</v>
      </c>
      <c r="C393" s="53">
        <v>1080017.4099999999</v>
      </c>
      <c r="D393" s="53">
        <v>1041264.83</v>
      </c>
      <c r="E393" s="53">
        <v>1112083.45999999</v>
      </c>
      <c r="F393" s="53">
        <v>1044761.46</v>
      </c>
      <c r="G393" s="53">
        <v>1048233.72</v>
      </c>
      <c r="H393" s="53">
        <v>2264679.4</v>
      </c>
      <c r="I393" s="53">
        <v>1911697.78</v>
      </c>
      <c r="J393" s="53">
        <v>1924560.1</v>
      </c>
      <c r="K393" s="53">
        <v>1033278.87</v>
      </c>
      <c r="L393" s="53">
        <v>1086977.76</v>
      </c>
      <c r="M393" s="53">
        <v>1030874.2</v>
      </c>
      <c r="N393" s="53">
        <v>15614974.359999999</v>
      </c>
      <c r="O393" s="53">
        <v>1082065.8995833299</v>
      </c>
      <c r="P393" s="53">
        <v>1125537.9395833299</v>
      </c>
      <c r="Q393" s="53">
        <v>1086785.3595833301</v>
      </c>
      <c r="R393" s="53">
        <v>1157603.98958333</v>
      </c>
      <c r="S393" s="53">
        <v>1090281.98958333</v>
      </c>
      <c r="T393" s="53">
        <v>1093754.24958333</v>
      </c>
      <c r="U393" s="53">
        <v>2310199.9295833302</v>
      </c>
      <c r="V393" s="53">
        <v>1957218.3095833301</v>
      </c>
      <c r="W393" s="53">
        <v>1970080.6295833299</v>
      </c>
      <c r="X393" s="53">
        <v>1078799.3995833299</v>
      </c>
      <c r="Y393" s="53">
        <v>1132498.28958333</v>
      </c>
      <c r="Z393" s="53">
        <v>1076394.72958333</v>
      </c>
      <c r="AA393" s="53">
        <v>16161220.714999899</v>
      </c>
      <c r="AB393" s="53">
        <v>1006919.12</v>
      </c>
      <c r="AC393" s="53">
        <v>1050391.1599999999</v>
      </c>
      <c r="AD393" s="53">
        <v>1011638.58</v>
      </c>
      <c r="AE393" s="53">
        <v>1082457.21</v>
      </c>
      <c r="AF393" s="53">
        <v>1015135.21</v>
      </c>
      <c r="AG393" s="53">
        <v>1018607.47</v>
      </c>
      <c r="AH393" s="53">
        <v>2235053.15</v>
      </c>
      <c r="AI393" s="53">
        <v>1882071.53</v>
      </c>
      <c r="AJ393" s="53">
        <v>1894933.85</v>
      </c>
      <c r="AK393" s="53">
        <v>1003652.62</v>
      </c>
      <c r="AL393" s="53">
        <v>1057351.51</v>
      </c>
      <c r="AM393" s="53">
        <v>1001247.95</v>
      </c>
      <c r="AN393" s="53">
        <v>15259459.359999999</v>
      </c>
      <c r="AO393" s="53">
        <v>4800372.2033333303</v>
      </c>
      <c r="AP393" s="53">
        <v>800837.24333333399</v>
      </c>
      <c r="AQ393" s="53">
        <v>762084.66333333403</v>
      </c>
      <c r="AR393" s="53">
        <v>832903.29333333299</v>
      </c>
      <c r="AS393" s="53">
        <v>765581.29333333299</v>
      </c>
      <c r="AT393" s="53">
        <v>769053.55333333299</v>
      </c>
      <c r="AU393" s="53">
        <v>1985499.2333333299</v>
      </c>
      <c r="AV393" s="53">
        <v>1632517.61333333</v>
      </c>
      <c r="AW393" s="53">
        <v>1645379.9333333301</v>
      </c>
      <c r="AX393" s="53">
        <v>754098.70333333395</v>
      </c>
      <c r="AY393" s="53">
        <v>807797.59333333396</v>
      </c>
      <c r="AZ393" s="53">
        <v>751694.03333333402</v>
      </c>
      <c r="BA393" s="53">
        <v>16307819.359999999</v>
      </c>
    </row>
    <row r="394" spans="1:53" s="66" customFormat="1">
      <c r="A394" s="52" t="s">
        <v>1189</v>
      </c>
      <c r="B394" s="53"/>
      <c r="C394" s="53"/>
      <c r="D394" s="53"/>
      <c r="E394" s="53"/>
      <c r="F394" s="53"/>
      <c r="G394" s="53"/>
      <c r="H394" s="53"/>
      <c r="I394" s="53"/>
      <c r="J394" s="53"/>
      <c r="K394" s="53"/>
      <c r="L394" s="53"/>
      <c r="M394" s="53"/>
      <c r="N394" s="53"/>
      <c r="O394" s="53"/>
      <c r="P394" s="53"/>
      <c r="Q394" s="53"/>
      <c r="R394" s="53"/>
      <c r="S394" s="53"/>
      <c r="T394" s="53"/>
      <c r="U394" s="53"/>
      <c r="V394" s="53"/>
      <c r="W394" s="53"/>
      <c r="X394" s="53"/>
      <c r="Y394" s="53"/>
      <c r="Z394" s="53"/>
      <c r="AA394" s="53"/>
      <c r="AB394" s="53"/>
      <c r="AC394" s="53"/>
      <c r="AD394" s="53"/>
      <c r="AE394" s="53"/>
      <c r="AF394" s="53"/>
      <c r="AG394" s="53"/>
      <c r="AH394" s="53"/>
      <c r="AI394" s="53"/>
      <c r="AJ394" s="53"/>
      <c r="AK394" s="53"/>
      <c r="AL394" s="53"/>
      <c r="AM394" s="53"/>
      <c r="AN394" s="53"/>
      <c r="AO394" s="53"/>
      <c r="AP394" s="53"/>
      <c r="AQ394" s="53"/>
      <c r="AR394" s="53"/>
      <c r="AS394" s="53"/>
      <c r="AT394" s="53"/>
      <c r="AU394" s="53"/>
      <c r="AV394" s="53"/>
      <c r="AW394" s="53"/>
      <c r="AX394" s="53"/>
      <c r="AY394" s="53"/>
      <c r="AZ394" s="53"/>
      <c r="BA394" s="53"/>
    </row>
    <row r="395" spans="1:53">
      <c r="A395" s="52" t="s">
        <v>1190</v>
      </c>
      <c r="B395" s="53">
        <v>153980.17000000001</v>
      </c>
      <c r="C395" s="53">
        <v>34813.5</v>
      </c>
      <c r="D395" s="53">
        <v>34813.5</v>
      </c>
      <c r="E395" s="53">
        <v>34813.5</v>
      </c>
      <c r="F395" s="53">
        <v>34813.5</v>
      </c>
      <c r="G395" s="53">
        <v>34813.5</v>
      </c>
      <c r="H395" s="53">
        <v>34813.5</v>
      </c>
      <c r="I395" s="53">
        <v>34813.5</v>
      </c>
      <c r="J395" s="53">
        <v>34813.5</v>
      </c>
      <c r="K395" s="53">
        <v>34813.5</v>
      </c>
      <c r="L395" s="53">
        <v>34813.5</v>
      </c>
      <c r="M395" s="53">
        <v>34813.5</v>
      </c>
      <c r="N395" s="53">
        <v>536928.66999999899</v>
      </c>
      <c r="O395" s="53">
        <v>153980.17000000001</v>
      </c>
      <c r="P395" s="53">
        <v>34813.5</v>
      </c>
      <c r="Q395" s="53">
        <v>34813.5</v>
      </c>
      <c r="R395" s="53">
        <v>34813.5</v>
      </c>
      <c r="S395" s="53">
        <v>34813.5</v>
      </c>
      <c r="T395" s="53">
        <v>34813.5</v>
      </c>
      <c r="U395" s="53">
        <v>34813.5</v>
      </c>
      <c r="V395" s="53">
        <v>34813.5</v>
      </c>
      <c r="W395" s="53">
        <v>34813.5</v>
      </c>
      <c r="X395" s="53">
        <v>34813.5</v>
      </c>
      <c r="Y395" s="53">
        <v>34813.5</v>
      </c>
      <c r="Z395" s="53">
        <v>34813.5</v>
      </c>
      <c r="AA395" s="53">
        <v>536928.66999999899</v>
      </c>
      <c r="AB395" s="53">
        <v>153980.17000000001</v>
      </c>
      <c r="AC395" s="53">
        <v>34813.5</v>
      </c>
      <c r="AD395" s="53">
        <v>34813.5</v>
      </c>
      <c r="AE395" s="53">
        <v>34813.5</v>
      </c>
      <c r="AF395" s="53">
        <v>34813.5</v>
      </c>
      <c r="AG395" s="53">
        <v>34813.5</v>
      </c>
      <c r="AH395" s="53">
        <v>34813.5</v>
      </c>
      <c r="AI395" s="53">
        <v>34813.5</v>
      </c>
      <c r="AJ395" s="53">
        <v>34813.5</v>
      </c>
      <c r="AK395" s="53">
        <v>34813.5</v>
      </c>
      <c r="AL395" s="53">
        <v>34813.5</v>
      </c>
      <c r="AM395" s="53">
        <v>34813.5</v>
      </c>
      <c r="AN395" s="53">
        <v>536928.66999999899</v>
      </c>
      <c r="AO395" s="53">
        <v>153980.17000000001</v>
      </c>
      <c r="AP395" s="53">
        <v>34813.5</v>
      </c>
      <c r="AQ395" s="53">
        <v>34813.5</v>
      </c>
      <c r="AR395" s="53">
        <v>34813.5</v>
      </c>
      <c r="AS395" s="53">
        <v>34813.5</v>
      </c>
      <c r="AT395" s="53">
        <v>34813.5</v>
      </c>
      <c r="AU395" s="53">
        <v>34813.5</v>
      </c>
      <c r="AV395" s="53">
        <v>34813.5</v>
      </c>
      <c r="AW395" s="53">
        <v>34813.5</v>
      </c>
      <c r="AX395" s="53">
        <v>34813.5</v>
      </c>
      <c r="AY395" s="53">
        <v>34813.5</v>
      </c>
      <c r="AZ395" s="53">
        <v>34813.5</v>
      </c>
      <c r="BA395" s="53">
        <v>536928.66999999899</v>
      </c>
    </row>
    <row r="396" spans="1:53">
      <c r="A396" s="52" t="s">
        <v>1191</v>
      </c>
      <c r="B396" s="53">
        <v>153980.17000000001</v>
      </c>
      <c r="C396" s="53">
        <v>34813.5</v>
      </c>
      <c r="D396" s="53">
        <v>34813.5</v>
      </c>
      <c r="E396" s="53">
        <v>34813.5</v>
      </c>
      <c r="F396" s="53">
        <v>34813.5</v>
      </c>
      <c r="G396" s="53">
        <v>34813.5</v>
      </c>
      <c r="H396" s="53">
        <v>34813.5</v>
      </c>
      <c r="I396" s="53">
        <v>34813.5</v>
      </c>
      <c r="J396" s="53">
        <v>34813.5</v>
      </c>
      <c r="K396" s="53">
        <v>34813.5</v>
      </c>
      <c r="L396" s="53">
        <v>34813.5</v>
      </c>
      <c r="M396" s="53">
        <v>34813.5</v>
      </c>
      <c r="N396" s="53">
        <v>536928.66999999899</v>
      </c>
      <c r="O396" s="53">
        <v>153980.17000000001</v>
      </c>
      <c r="P396" s="53">
        <v>34813.5</v>
      </c>
      <c r="Q396" s="53">
        <v>34813.5</v>
      </c>
      <c r="R396" s="53">
        <v>34813.5</v>
      </c>
      <c r="S396" s="53">
        <v>34813.5</v>
      </c>
      <c r="T396" s="53">
        <v>34813.5</v>
      </c>
      <c r="U396" s="53">
        <v>34813.5</v>
      </c>
      <c r="V396" s="53">
        <v>34813.5</v>
      </c>
      <c r="W396" s="53">
        <v>34813.5</v>
      </c>
      <c r="X396" s="53">
        <v>34813.5</v>
      </c>
      <c r="Y396" s="53">
        <v>34813.5</v>
      </c>
      <c r="Z396" s="53">
        <v>34813.5</v>
      </c>
      <c r="AA396" s="53">
        <v>536928.66999999899</v>
      </c>
      <c r="AB396" s="53">
        <v>153980.17000000001</v>
      </c>
      <c r="AC396" s="53">
        <v>34813.5</v>
      </c>
      <c r="AD396" s="53">
        <v>34813.5</v>
      </c>
      <c r="AE396" s="53">
        <v>34813.5</v>
      </c>
      <c r="AF396" s="53">
        <v>34813.5</v>
      </c>
      <c r="AG396" s="53">
        <v>34813.5</v>
      </c>
      <c r="AH396" s="53">
        <v>34813.5</v>
      </c>
      <c r="AI396" s="53">
        <v>34813.5</v>
      </c>
      <c r="AJ396" s="53">
        <v>34813.5</v>
      </c>
      <c r="AK396" s="53">
        <v>34813.5</v>
      </c>
      <c r="AL396" s="53">
        <v>34813.5</v>
      </c>
      <c r="AM396" s="53">
        <v>34813.5</v>
      </c>
      <c r="AN396" s="53">
        <v>536928.66999999899</v>
      </c>
      <c r="AO396" s="53">
        <v>153980.17000000001</v>
      </c>
      <c r="AP396" s="53">
        <v>34813.5</v>
      </c>
      <c r="AQ396" s="53">
        <v>34813.5</v>
      </c>
      <c r="AR396" s="53">
        <v>34813.5</v>
      </c>
      <c r="AS396" s="53">
        <v>34813.5</v>
      </c>
      <c r="AT396" s="53">
        <v>34813.5</v>
      </c>
      <c r="AU396" s="53">
        <v>34813.5</v>
      </c>
      <c r="AV396" s="53">
        <v>34813.5</v>
      </c>
      <c r="AW396" s="53">
        <v>34813.5</v>
      </c>
      <c r="AX396" s="53">
        <v>34813.5</v>
      </c>
      <c r="AY396" s="53">
        <v>34813.5</v>
      </c>
      <c r="AZ396" s="53">
        <v>34813.5</v>
      </c>
      <c r="BA396" s="53">
        <v>536928.66999999899</v>
      </c>
    </row>
    <row r="397" spans="1:53">
      <c r="A397" s="52" t="s">
        <v>1192</v>
      </c>
      <c r="B397" s="53"/>
      <c r="C397" s="53"/>
      <c r="D397" s="53"/>
      <c r="E397" s="53"/>
      <c r="F397" s="53"/>
      <c r="G397" s="53"/>
      <c r="H397" s="53"/>
      <c r="I397" s="53"/>
      <c r="J397" s="53"/>
      <c r="K397" s="53"/>
      <c r="L397" s="53"/>
      <c r="M397" s="53"/>
      <c r="N397" s="53"/>
      <c r="O397" s="53"/>
      <c r="P397" s="53"/>
      <c r="Q397" s="53"/>
      <c r="R397" s="53"/>
      <c r="S397" s="53"/>
      <c r="T397" s="53"/>
      <c r="U397" s="53"/>
      <c r="V397" s="53"/>
      <c r="W397" s="53"/>
      <c r="X397" s="53"/>
      <c r="Y397" s="53"/>
      <c r="Z397" s="53"/>
      <c r="AA397" s="53"/>
      <c r="AB397" s="53"/>
      <c r="AC397" s="53"/>
      <c r="AD397" s="53"/>
      <c r="AE397" s="53"/>
      <c r="AF397" s="53"/>
      <c r="AG397" s="53"/>
      <c r="AH397" s="53"/>
      <c r="AI397" s="53"/>
      <c r="AJ397" s="53"/>
      <c r="AK397" s="53"/>
      <c r="AL397" s="53"/>
      <c r="AM397" s="53"/>
      <c r="AN397" s="53"/>
      <c r="AO397" s="53"/>
      <c r="AP397" s="53"/>
      <c r="AQ397" s="53"/>
      <c r="AR397" s="53"/>
      <c r="AS397" s="53"/>
      <c r="AT397" s="53"/>
      <c r="AU397" s="53"/>
      <c r="AV397" s="53"/>
      <c r="AW397" s="53"/>
      <c r="AX397" s="53"/>
      <c r="AY397" s="53"/>
      <c r="AZ397" s="53"/>
      <c r="BA397" s="53"/>
    </row>
    <row r="398" spans="1:53">
      <c r="A398" s="52" t="s">
        <v>1193</v>
      </c>
      <c r="B398" s="53">
        <v>0</v>
      </c>
      <c r="C398" s="53">
        <v>0</v>
      </c>
      <c r="D398" s="53">
        <v>0</v>
      </c>
      <c r="E398" s="53">
        <v>0</v>
      </c>
      <c r="F398" s="53">
        <v>0</v>
      </c>
      <c r="G398" s="53">
        <v>0</v>
      </c>
      <c r="H398" s="53">
        <v>0</v>
      </c>
      <c r="I398" s="53">
        <v>0</v>
      </c>
      <c r="J398" s="53">
        <v>0</v>
      </c>
      <c r="K398" s="53">
        <v>0</v>
      </c>
      <c r="L398" s="53">
        <v>0</v>
      </c>
      <c r="M398" s="53">
        <v>0</v>
      </c>
      <c r="N398" s="53">
        <v>0</v>
      </c>
      <c r="O398" s="53">
        <v>0</v>
      </c>
      <c r="P398" s="53">
        <v>0</v>
      </c>
      <c r="Q398" s="53">
        <v>0</v>
      </c>
      <c r="R398" s="53">
        <v>0</v>
      </c>
      <c r="S398" s="53">
        <v>0</v>
      </c>
      <c r="T398" s="53">
        <v>0</v>
      </c>
      <c r="U398" s="53">
        <v>0</v>
      </c>
      <c r="V398" s="53">
        <v>0</v>
      </c>
      <c r="W398" s="53">
        <v>0</v>
      </c>
      <c r="X398" s="53">
        <v>0</v>
      </c>
      <c r="Y398" s="53">
        <v>0</v>
      </c>
      <c r="Z398" s="53">
        <v>0</v>
      </c>
      <c r="AA398" s="53">
        <v>0</v>
      </c>
      <c r="AB398" s="53">
        <v>0</v>
      </c>
      <c r="AC398" s="53">
        <v>0</v>
      </c>
      <c r="AD398" s="53">
        <v>0</v>
      </c>
      <c r="AE398" s="53">
        <v>0</v>
      </c>
      <c r="AF398" s="53">
        <v>0</v>
      </c>
      <c r="AG398" s="53">
        <v>0</v>
      </c>
      <c r="AH398" s="53">
        <v>0</v>
      </c>
      <c r="AI398" s="53">
        <v>0</v>
      </c>
      <c r="AJ398" s="53">
        <v>0</v>
      </c>
      <c r="AK398" s="53">
        <v>0</v>
      </c>
      <c r="AL398" s="53">
        <v>0</v>
      </c>
      <c r="AM398" s="53">
        <v>0</v>
      </c>
      <c r="AN398" s="53">
        <v>0</v>
      </c>
      <c r="AO398" s="53">
        <v>0</v>
      </c>
      <c r="AP398" s="53">
        <v>0</v>
      </c>
      <c r="AQ398" s="53">
        <v>0</v>
      </c>
      <c r="AR398" s="53">
        <v>0</v>
      </c>
      <c r="AS398" s="53">
        <v>0</v>
      </c>
      <c r="AT398" s="53">
        <v>0</v>
      </c>
      <c r="AU398" s="53">
        <v>0</v>
      </c>
      <c r="AV398" s="53">
        <v>0</v>
      </c>
      <c r="AW398" s="53">
        <v>0</v>
      </c>
      <c r="AX398" s="53">
        <v>0</v>
      </c>
      <c r="AY398" s="53">
        <v>0</v>
      </c>
      <c r="AZ398" s="53">
        <v>0</v>
      </c>
      <c r="BA398" s="53">
        <v>0</v>
      </c>
    </row>
    <row r="399" spans="1:53">
      <c r="A399" s="52" t="s">
        <v>1194</v>
      </c>
      <c r="B399" s="53">
        <v>0</v>
      </c>
      <c r="C399" s="53">
        <v>0</v>
      </c>
      <c r="D399" s="53">
        <v>0</v>
      </c>
      <c r="E399" s="53">
        <v>0</v>
      </c>
      <c r="F399" s="53">
        <v>0</v>
      </c>
      <c r="G399" s="53">
        <v>0</v>
      </c>
      <c r="H399" s="53">
        <v>0</v>
      </c>
      <c r="I399" s="53">
        <v>0</v>
      </c>
      <c r="J399" s="53">
        <v>0</v>
      </c>
      <c r="K399" s="53">
        <v>0</v>
      </c>
      <c r="L399" s="53">
        <v>0</v>
      </c>
      <c r="M399" s="53">
        <v>0</v>
      </c>
      <c r="N399" s="53">
        <v>0</v>
      </c>
      <c r="O399" s="53">
        <v>0</v>
      </c>
      <c r="P399" s="53">
        <v>0</v>
      </c>
      <c r="Q399" s="53">
        <v>0</v>
      </c>
      <c r="R399" s="53">
        <v>0</v>
      </c>
      <c r="S399" s="53">
        <v>0</v>
      </c>
      <c r="T399" s="53">
        <v>0</v>
      </c>
      <c r="U399" s="53">
        <v>0</v>
      </c>
      <c r="V399" s="53">
        <v>0</v>
      </c>
      <c r="W399" s="53">
        <v>0</v>
      </c>
      <c r="X399" s="53">
        <v>0</v>
      </c>
      <c r="Y399" s="53">
        <v>0</v>
      </c>
      <c r="Z399" s="53">
        <v>0</v>
      </c>
      <c r="AA399" s="53">
        <v>0</v>
      </c>
      <c r="AB399" s="53">
        <v>0</v>
      </c>
      <c r="AC399" s="53">
        <v>0</v>
      </c>
      <c r="AD399" s="53">
        <v>0</v>
      </c>
      <c r="AE399" s="53">
        <v>0</v>
      </c>
      <c r="AF399" s="53">
        <v>0</v>
      </c>
      <c r="AG399" s="53">
        <v>0</v>
      </c>
      <c r="AH399" s="53">
        <v>0</v>
      </c>
      <c r="AI399" s="53">
        <v>0</v>
      </c>
      <c r="AJ399" s="53">
        <v>0</v>
      </c>
      <c r="AK399" s="53">
        <v>0</v>
      </c>
      <c r="AL399" s="53">
        <v>0</v>
      </c>
      <c r="AM399" s="53">
        <v>0</v>
      </c>
      <c r="AN399" s="53">
        <v>0</v>
      </c>
      <c r="AO399" s="53">
        <v>0</v>
      </c>
      <c r="AP399" s="53">
        <v>0</v>
      </c>
      <c r="AQ399" s="53">
        <v>0</v>
      </c>
      <c r="AR399" s="53">
        <v>0</v>
      </c>
      <c r="AS399" s="53">
        <v>0</v>
      </c>
      <c r="AT399" s="53">
        <v>0</v>
      </c>
      <c r="AU399" s="53">
        <v>0</v>
      </c>
      <c r="AV399" s="53">
        <v>0</v>
      </c>
      <c r="AW399" s="53">
        <v>0</v>
      </c>
      <c r="AX399" s="53">
        <v>0</v>
      </c>
      <c r="AY399" s="53">
        <v>0</v>
      </c>
      <c r="AZ399" s="53">
        <v>0</v>
      </c>
      <c r="BA399" s="53">
        <v>0</v>
      </c>
    </row>
    <row r="400" spans="1:53">
      <c r="A400" s="236" t="s">
        <v>1195</v>
      </c>
      <c r="B400" s="53">
        <v>1190525.54</v>
      </c>
      <c r="C400" s="53">
        <v>1114830.9099999999</v>
      </c>
      <c r="D400" s="53">
        <v>1076078.33</v>
      </c>
      <c r="E400" s="53">
        <v>1146896.95999999</v>
      </c>
      <c r="F400" s="53">
        <v>1079574.96</v>
      </c>
      <c r="G400" s="53">
        <v>1083047.22</v>
      </c>
      <c r="H400" s="53">
        <v>2299492.9</v>
      </c>
      <c r="I400" s="53">
        <v>1946511.28</v>
      </c>
      <c r="J400" s="53">
        <v>1959373.6</v>
      </c>
      <c r="K400" s="53">
        <v>1068092.3700000001</v>
      </c>
      <c r="L400" s="53">
        <v>1121791.26</v>
      </c>
      <c r="M400" s="53">
        <v>1065687.7</v>
      </c>
      <c r="N400" s="53">
        <v>16151903.029999999</v>
      </c>
      <c r="O400" s="53">
        <v>1236046.0695833301</v>
      </c>
      <c r="P400" s="53">
        <v>1160351.4395833299</v>
      </c>
      <c r="Q400" s="53">
        <v>1121598.8595833301</v>
      </c>
      <c r="R400" s="53">
        <v>1192417.48958333</v>
      </c>
      <c r="S400" s="53">
        <v>1125095.48958333</v>
      </c>
      <c r="T400" s="53">
        <v>1128567.74958333</v>
      </c>
      <c r="U400" s="53">
        <v>2345013.4295833302</v>
      </c>
      <c r="V400" s="53">
        <v>1992031.8095833301</v>
      </c>
      <c r="W400" s="53">
        <v>2004894.1295833299</v>
      </c>
      <c r="X400" s="53">
        <v>1113612.8995833299</v>
      </c>
      <c r="Y400" s="53">
        <v>1167311.78958333</v>
      </c>
      <c r="Z400" s="53">
        <v>1111208.22958333</v>
      </c>
      <c r="AA400" s="53">
        <v>16698149.384999899</v>
      </c>
      <c r="AB400" s="53">
        <v>1160899.29</v>
      </c>
      <c r="AC400" s="53">
        <v>1085204.6599999999</v>
      </c>
      <c r="AD400" s="53">
        <v>1046452.08</v>
      </c>
      <c r="AE400" s="53">
        <v>1117270.71</v>
      </c>
      <c r="AF400" s="53">
        <v>1049948.71</v>
      </c>
      <c r="AG400" s="53">
        <v>1053420.97</v>
      </c>
      <c r="AH400" s="53">
        <v>2269866.65</v>
      </c>
      <c r="AI400" s="53">
        <v>1916885.03</v>
      </c>
      <c r="AJ400" s="53">
        <v>1929747.35</v>
      </c>
      <c r="AK400" s="53">
        <v>1038466.12</v>
      </c>
      <c r="AL400" s="53">
        <v>1092165.01</v>
      </c>
      <c r="AM400" s="53">
        <v>1036061.45</v>
      </c>
      <c r="AN400" s="53">
        <v>15796388.029999999</v>
      </c>
      <c r="AO400" s="53">
        <v>4954352.3733333303</v>
      </c>
      <c r="AP400" s="53">
        <v>835650.74333333399</v>
      </c>
      <c r="AQ400" s="53">
        <v>796898.16333333403</v>
      </c>
      <c r="AR400" s="53">
        <v>867716.79333333299</v>
      </c>
      <c r="AS400" s="53">
        <v>800394.79333333299</v>
      </c>
      <c r="AT400" s="53">
        <v>803867.05333333299</v>
      </c>
      <c r="AU400" s="53">
        <v>2020312.7333333299</v>
      </c>
      <c r="AV400" s="53">
        <v>1667331.11333333</v>
      </c>
      <c r="AW400" s="53">
        <v>1680193.4333333301</v>
      </c>
      <c r="AX400" s="53">
        <v>788912.20333333395</v>
      </c>
      <c r="AY400" s="53">
        <v>842611.09333333396</v>
      </c>
      <c r="AZ400" s="53">
        <v>786507.53333333402</v>
      </c>
      <c r="BA400" s="53">
        <v>16844748.030000001</v>
      </c>
    </row>
    <row r="401" spans="1:53">
      <c r="A401" s="52" t="s">
        <v>592</v>
      </c>
      <c r="B401" s="53"/>
      <c r="C401" s="53"/>
      <c r="D401" s="53"/>
      <c r="E401" s="53"/>
      <c r="F401" s="53"/>
      <c r="G401" s="53"/>
      <c r="H401" s="53"/>
      <c r="I401" s="53"/>
      <c r="J401" s="53"/>
      <c r="K401" s="53"/>
      <c r="L401" s="53"/>
      <c r="M401" s="53"/>
      <c r="N401" s="53"/>
      <c r="O401" s="53"/>
      <c r="P401" s="53"/>
      <c r="Q401" s="53"/>
      <c r="R401" s="53"/>
      <c r="S401" s="53"/>
      <c r="T401" s="53"/>
      <c r="U401" s="53"/>
      <c r="V401" s="53"/>
      <c r="W401" s="53"/>
      <c r="X401" s="53"/>
      <c r="Y401" s="53"/>
      <c r="Z401" s="53"/>
      <c r="AA401" s="53"/>
      <c r="AB401" s="53"/>
      <c r="AC401" s="53"/>
      <c r="AD401" s="53"/>
      <c r="AE401" s="53"/>
      <c r="AF401" s="53"/>
      <c r="AG401" s="53"/>
      <c r="AH401" s="53"/>
      <c r="AI401" s="53"/>
      <c r="AJ401" s="53"/>
      <c r="AK401" s="53"/>
      <c r="AL401" s="53"/>
      <c r="AM401" s="53"/>
      <c r="AN401" s="53"/>
      <c r="AO401" s="53"/>
      <c r="AP401" s="53"/>
      <c r="AQ401" s="53"/>
      <c r="AR401" s="53"/>
      <c r="AS401" s="53"/>
      <c r="AT401" s="53"/>
      <c r="AU401" s="53"/>
      <c r="AV401" s="53"/>
      <c r="AW401" s="53"/>
      <c r="AX401" s="53"/>
      <c r="AY401" s="53"/>
      <c r="AZ401" s="53"/>
      <c r="BA401" s="53"/>
    </row>
    <row r="402" spans="1:53">
      <c r="A402" s="236" t="s">
        <v>1196</v>
      </c>
      <c r="B402" s="53">
        <v>0</v>
      </c>
      <c r="C402" s="53">
        <v>0</v>
      </c>
      <c r="D402" s="53">
        <v>0</v>
      </c>
      <c r="E402" s="53">
        <v>0</v>
      </c>
      <c r="F402" s="53">
        <v>0</v>
      </c>
      <c r="G402" s="53">
        <v>0</v>
      </c>
      <c r="H402" s="53">
        <v>0</v>
      </c>
      <c r="I402" s="53">
        <v>0</v>
      </c>
      <c r="J402" s="53">
        <v>0</v>
      </c>
      <c r="K402" s="53">
        <v>0</v>
      </c>
      <c r="L402" s="53">
        <v>0</v>
      </c>
      <c r="M402" s="53">
        <v>0</v>
      </c>
      <c r="N402" s="53">
        <v>0</v>
      </c>
      <c r="O402" s="53">
        <v>0</v>
      </c>
      <c r="P402" s="53">
        <v>0</v>
      </c>
      <c r="Q402" s="53">
        <v>0</v>
      </c>
      <c r="R402" s="53">
        <v>0</v>
      </c>
      <c r="S402" s="53">
        <v>0</v>
      </c>
      <c r="T402" s="53">
        <v>0</v>
      </c>
      <c r="U402" s="53">
        <v>0</v>
      </c>
      <c r="V402" s="53">
        <v>0</v>
      </c>
      <c r="W402" s="53">
        <v>0</v>
      </c>
      <c r="X402" s="53">
        <v>0</v>
      </c>
      <c r="Y402" s="53">
        <v>0</v>
      </c>
      <c r="Z402" s="53">
        <v>0</v>
      </c>
      <c r="AA402" s="53">
        <v>0</v>
      </c>
      <c r="AB402" s="53">
        <v>0</v>
      </c>
      <c r="AC402" s="53">
        <v>0</v>
      </c>
      <c r="AD402" s="53">
        <v>0</v>
      </c>
      <c r="AE402" s="53">
        <v>0</v>
      </c>
      <c r="AF402" s="53">
        <v>0</v>
      </c>
      <c r="AG402" s="53">
        <v>0</v>
      </c>
      <c r="AH402" s="53">
        <v>0</v>
      </c>
      <c r="AI402" s="53">
        <v>0</v>
      </c>
      <c r="AJ402" s="53">
        <v>0</v>
      </c>
      <c r="AK402" s="53">
        <v>0</v>
      </c>
      <c r="AL402" s="53">
        <v>0</v>
      </c>
      <c r="AM402" s="53">
        <v>0</v>
      </c>
      <c r="AN402" s="53">
        <v>0</v>
      </c>
      <c r="AO402" s="53">
        <v>0</v>
      </c>
      <c r="AP402" s="53">
        <v>0</v>
      </c>
      <c r="AQ402" s="53">
        <v>0</v>
      </c>
      <c r="AR402" s="53">
        <v>0</v>
      </c>
      <c r="AS402" s="53">
        <v>0</v>
      </c>
      <c r="AT402" s="53">
        <v>0</v>
      </c>
      <c r="AU402" s="53">
        <v>0</v>
      </c>
      <c r="AV402" s="53">
        <v>0</v>
      </c>
      <c r="AW402" s="53">
        <v>0</v>
      </c>
      <c r="AX402" s="53">
        <v>0</v>
      </c>
      <c r="AY402" s="53">
        <v>0</v>
      </c>
      <c r="AZ402" s="53">
        <v>0</v>
      </c>
      <c r="BA402" s="53">
        <v>0</v>
      </c>
    </row>
    <row r="403" spans="1:53">
      <c r="A403" s="174" t="s">
        <v>1197</v>
      </c>
      <c r="B403" s="53"/>
      <c r="C403" s="53"/>
      <c r="D403" s="53"/>
      <c r="E403" s="53"/>
      <c r="F403" s="53"/>
      <c r="G403" s="53"/>
      <c r="H403" s="53"/>
      <c r="I403" s="53"/>
      <c r="J403" s="53"/>
      <c r="K403" s="53"/>
      <c r="L403" s="53"/>
      <c r="M403" s="53"/>
      <c r="N403" s="53"/>
      <c r="O403" s="53"/>
      <c r="P403" s="53"/>
      <c r="Q403" s="53"/>
      <c r="R403" s="53"/>
      <c r="S403" s="53"/>
      <c r="T403" s="53"/>
      <c r="U403" s="53"/>
      <c r="V403" s="53"/>
      <c r="W403" s="53"/>
      <c r="X403" s="53"/>
      <c r="Y403" s="53"/>
      <c r="Z403" s="53"/>
      <c r="AA403" s="53"/>
      <c r="AB403" s="53"/>
      <c r="AC403" s="53"/>
      <c r="AD403" s="53"/>
      <c r="AE403" s="53"/>
      <c r="AF403" s="53"/>
      <c r="AG403" s="53"/>
      <c r="AH403" s="53"/>
      <c r="AI403" s="53"/>
      <c r="AJ403" s="53"/>
      <c r="AK403" s="53"/>
      <c r="AL403" s="53"/>
      <c r="AM403" s="53"/>
      <c r="AN403" s="53"/>
      <c r="AO403" s="53"/>
      <c r="AP403" s="53"/>
      <c r="AQ403" s="53"/>
      <c r="AR403" s="53"/>
      <c r="AS403" s="53"/>
      <c r="AT403" s="53"/>
      <c r="AU403" s="53"/>
      <c r="AV403" s="53"/>
      <c r="AW403" s="53"/>
      <c r="AX403" s="53"/>
      <c r="AY403" s="53"/>
      <c r="AZ403" s="53"/>
      <c r="BA403" s="53"/>
    </row>
    <row r="404" spans="1:53">
      <c r="A404" s="52" t="s">
        <v>1198</v>
      </c>
      <c r="B404" s="53"/>
      <c r="C404" s="53"/>
      <c r="D404" s="53"/>
      <c r="E404" s="53"/>
      <c r="F404" s="53"/>
      <c r="G404" s="53"/>
      <c r="H404" s="53"/>
      <c r="I404" s="53"/>
      <c r="J404" s="53"/>
      <c r="K404" s="53"/>
      <c r="L404" s="53"/>
      <c r="M404" s="53"/>
      <c r="N404" s="53"/>
      <c r="O404" s="53"/>
      <c r="P404" s="53"/>
      <c r="Q404" s="53"/>
      <c r="R404" s="53"/>
      <c r="S404" s="53"/>
      <c r="T404" s="53"/>
      <c r="U404" s="53"/>
      <c r="V404" s="53"/>
      <c r="W404" s="53"/>
      <c r="X404" s="53"/>
      <c r="Y404" s="53"/>
      <c r="Z404" s="53"/>
      <c r="AA404" s="53"/>
      <c r="AB404" s="53"/>
      <c r="AC404" s="53"/>
      <c r="AD404" s="53"/>
      <c r="AE404" s="53"/>
      <c r="AF404" s="53"/>
      <c r="AG404" s="53"/>
      <c r="AH404" s="53"/>
      <c r="AI404" s="53"/>
      <c r="AJ404" s="53"/>
      <c r="AK404" s="53"/>
      <c r="AL404" s="53"/>
      <c r="AM404" s="53"/>
      <c r="AN404" s="53"/>
      <c r="AO404" s="53"/>
      <c r="AP404" s="53"/>
      <c r="AQ404" s="53"/>
      <c r="AR404" s="53"/>
      <c r="AS404" s="53"/>
      <c r="AT404" s="53"/>
      <c r="AU404" s="53"/>
      <c r="AV404" s="53"/>
      <c r="AW404" s="53"/>
      <c r="AX404" s="53"/>
      <c r="AY404" s="53"/>
      <c r="AZ404" s="53"/>
      <c r="BA404" s="53"/>
    </row>
    <row r="405" spans="1:53">
      <c r="A405" s="52" t="s">
        <v>1199</v>
      </c>
      <c r="B405" s="53">
        <v>4933759.97</v>
      </c>
      <c r="C405" s="53">
        <v>4870750.0599999996</v>
      </c>
      <c r="D405" s="53">
        <v>7886009.23999999</v>
      </c>
      <c r="E405" s="53">
        <v>5604568.8200000003</v>
      </c>
      <c r="F405" s="53">
        <v>5725126.2599999998</v>
      </c>
      <c r="G405" s="53">
        <v>4095092.58</v>
      </c>
      <c r="H405" s="53">
        <v>5619738.6299999999</v>
      </c>
      <c r="I405" s="53">
        <v>5622816.7699999996</v>
      </c>
      <c r="J405" s="53">
        <v>7265458.9800000004</v>
      </c>
      <c r="K405" s="53">
        <v>5625426.8499999996</v>
      </c>
      <c r="L405" s="53">
        <v>5616046.6799999997</v>
      </c>
      <c r="M405" s="53">
        <v>3897763.32</v>
      </c>
      <c r="N405" s="53">
        <v>66762558.159999996</v>
      </c>
      <c r="O405" s="53">
        <v>5201769.3187847901</v>
      </c>
      <c r="P405" s="53">
        <v>5234877.40878479</v>
      </c>
      <c r="Q405" s="53">
        <v>6935474.5887847897</v>
      </c>
      <c r="R405" s="53">
        <v>5354265.1687847897</v>
      </c>
      <c r="S405" s="53">
        <v>5463625.6087847902</v>
      </c>
      <c r="T405" s="53">
        <v>3841662.92878479</v>
      </c>
      <c r="U405" s="53">
        <v>5354333.9787847903</v>
      </c>
      <c r="V405" s="53">
        <v>5355239.1187847899</v>
      </c>
      <c r="W405" s="53">
        <v>7005830.3287847899</v>
      </c>
      <c r="X405" s="53">
        <v>5353567.19878479</v>
      </c>
      <c r="Y405" s="53">
        <v>5352252.0287847901</v>
      </c>
      <c r="Z405" s="53">
        <v>2042976.66878479</v>
      </c>
      <c r="AA405" s="53">
        <v>62495874.3454175</v>
      </c>
      <c r="AB405" s="53">
        <v>4966787.1753538903</v>
      </c>
      <c r="AC405" s="53">
        <v>4999895.2653538901</v>
      </c>
      <c r="AD405" s="53">
        <v>6700492.4453538898</v>
      </c>
      <c r="AE405" s="53">
        <v>5119283.0253538899</v>
      </c>
      <c r="AF405" s="53">
        <v>5228643.4653538903</v>
      </c>
      <c r="AG405" s="53">
        <v>3606680.7853538902</v>
      </c>
      <c r="AH405" s="53">
        <v>5119351.8353538904</v>
      </c>
      <c r="AI405" s="53">
        <v>5120256.9753538901</v>
      </c>
      <c r="AJ405" s="53">
        <v>6770848.1853538901</v>
      </c>
      <c r="AK405" s="53">
        <v>5118585.0553538902</v>
      </c>
      <c r="AL405" s="53">
        <v>5117269.8853538902</v>
      </c>
      <c r="AM405" s="53">
        <v>1807994.5253538899</v>
      </c>
      <c r="AN405" s="53">
        <v>59676088.624246702</v>
      </c>
      <c r="AO405" s="53">
        <v>5215054.9632286597</v>
      </c>
      <c r="AP405" s="53">
        <v>5248163.0532286596</v>
      </c>
      <c r="AQ405" s="53">
        <v>6948760.2332286602</v>
      </c>
      <c r="AR405" s="53">
        <v>5367550.8132286603</v>
      </c>
      <c r="AS405" s="53">
        <v>5476911.25322867</v>
      </c>
      <c r="AT405" s="53">
        <v>3854948.5732286698</v>
      </c>
      <c r="AU405" s="53">
        <v>5367619.6232286599</v>
      </c>
      <c r="AV405" s="53">
        <v>5368524.7632286604</v>
      </c>
      <c r="AW405" s="53">
        <v>7019115.9732286697</v>
      </c>
      <c r="AX405" s="53">
        <v>5366852.8432286698</v>
      </c>
      <c r="AY405" s="53">
        <v>5365537.6732286699</v>
      </c>
      <c r="AZ405" s="53">
        <v>2056262.31322867</v>
      </c>
      <c r="BA405" s="53">
        <v>62655302.078744002</v>
      </c>
    </row>
    <row r="406" spans="1:53">
      <c r="A406" s="234" t="s">
        <v>1200</v>
      </c>
      <c r="B406" s="53">
        <v>235050.337914584</v>
      </c>
      <c r="C406" s="53">
        <v>235050.337914584</v>
      </c>
      <c r="D406" s="53">
        <v>235050.337914584</v>
      </c>
      <c r="E406" s="53">
        <v>235050.337914584</v>
      </c>
      <c r="F406" s="53">
        <v>235050.337914584</v>
      </c>
      <c r="G406" s="53">
        <v>235050.337914584</v>
      </c>
      <c r="H406" s="53">
        <v>235050.337914584</v>
      </c>
      <c r="I406" s="53">
        <v>235050.337914584</v>
      </c>
      <c r="J406" s="53">
        <v>235050.337914584</v>
      </c>
      <c r="K406" s="53">
        <v>235050.337914584</v>
      </c>
      <c r="L406" s="53">
        <v>235050.337914584</v>
      </c>
      <c r="M406" s="53">
        <v>235050.337914584</v>
      </c>
      <c r="N406" s="53">
        <v>2820604.0549750002</v>
      </c>
      <c r="O406" s="53">
        <v>475561.90516883403</v>
      </c>
      <c r="P406" s="53">
        <v>475561.90516883403</v>
      </c>
      <c r="Q406" s="53">
        <v>475561.90516883403</v>
      </c>
      <c r="R406" s="53">
        <v>475561.90516883403</v>
      </c>
      <c r="S406" s="53">
        <v>475561.90516883403</v>
      </c>
      <c r="T406" s="53">
        <v>475561.90516883403</v>
      </c>
      <c r="U406" s="53">
        <v>475561.90516883403</v>
      </c>
      <c r="V406" s="53">
        <v>475561.90516883403</v>
      </c>
      <c r="W406" s="53">
        <v>475561.90516883403</v>
      </c>
      <c r="X406" s="53">
        <v>475561.90516883403</v>
      </c>
      <c r="Y406" s="53">
        <v>475561.90516883403</v>
      </c>
      <c r="Z406" s="53">
        <v>475561.90516883403</v>
      </c>
      <c r="AA406" s="53">
        <v>5706742.8620260004</v>
      </c>
      <c r="AB406" s="53">
        <v>717083.74101218197</v>
      </c>
      <c r="AC406" s="53">
        <v>717083.74101218197</v>
      </c>
      <c r="AD406" s="53">
        <v>717083.74101218197</v>
      </c>
      <c r="AE406" s="53">
        <v>717083.74101218197</v>
      </c>
      <c r="AF406" s="53">
        <v>717083.74101218197</v>
      </c>
      <c r="AG406" s="53">
        <v>717083.74101218197</v>
      </c>
      <c r="AH406" s="53">
        <v>717083.74101218197</v>
      </c>
      <c r="AI406" s="53">
        <v>717083.74101218197</v>
      </c>
      <c r="AJ406" s="53">
        <v>717083.74101218197</v>
      </c>
      <c r="AK406" s="53">
        <v>717083.74101218197</v>
      </c>
      <c r="AL406" s="53">
        <v>717083.74101218197</v>
      </c>
      <c r="AM406" s="53">
        <v>717083.74101218197</v>
      </c>
      <c r="AN406" s="53">
        <v>8605004.8921461795</v>
      </c>
      <c r="AO406" s="53">
        <v>960325.52301812801</v>
      </c>
      <c r="AP406" s="53">
        <v>960325.52301812801</v>
      </c>
      <c r="AQ406" s="53">
        <v>960325.52301812801</v>
      </c>
      <c r="AR406" s="53">
        <v>960325.52301812801</v>
      </c>
      <c r="AS406" s="53">
        <v>960325.52301812801</v>
      </c>
      <c r="AT406" s="53">
        <v>960325.52301812801</v>
      </c>
      <c r="AU406" s="53">
        <v>960325.52301812801</v>
      </c>
      <c r="AV406" s="53">
        <v>960325.52301812801</v>
      </c>
      <c r="AW406" s="53">
        <v>960325.52301812801</v>
      </c>
      <c r="AX406" s="53">
        <v>960325.52301812801</v>
      </c>
      <c r="AY406" s="53">
        <v>960325.52301812801</v>
      </c>
      <c r="AZ406" s="53">
        <v>960325.52301812801</v>
      </c>
      <c r="BA406" s="53">
        <v>11523906.2762175</v>
      </c>
    </row>
    <row r="407" spans="1:53">
      <c r="A407" s="235" t="s">
        <v>1201</v>
      </c>
      <c r="B407" s="53">
        <v>-44750</v>
      </c>
      <c r="C407" s="53">
        <v>-44750</v>
      </c>
      <c r="D407" s="53">
        <v>-44750</v>
      </c>
      <c r="E407" s="53">
        <v>-44750</v>
      </c>
      <c r="F407" s="53">
        <v>-44750</v>
      </c>
      <c r="G407" s="53">
        <v>-44750</v>
      </c>
      <c r="H407" s="53">
        <v>-44750</v>
      </c>
      <c r="I407" s="53">
        <v>-44750</v>
      </c>
      <c r="J407" s="53">
        <v>-44750</v>
      </c>
      <c r="K407" s="53">
        <v>-44750</v>
      </c>
      <c r="L407" s="53">
        <v>-44750</v>
      </c>
      <c r="M407" s="53">
        <v>-44750</v>
      </c>
      <c r="N407" s="53">
        <v>-537000</v>
      </c>
      <c r="O407" s="53">
        <v>0</v>
      </c>
      <c r="P407" s="53">
        <v>0</v>
      </c>
      <c r="Q407" s="53">
        <v>0</v>
      </c>
      <c r="R407" s="53">
        <v>0</v>
      </c>
      <c r="S407" s="53">
        <v>0</v>
      </c>
      <c r="T407" s="53">
        <v>0</v>
      </c>
      <c r="U407" s="53">
        <v>0</v>
      </c>
      <c r="V407" s="53">
        <v>0</v>
      </c>
      <c r="W407" s="53">
        <v>0</v>
      </c>
      <c r="X407" s="53">
        <v>0</v>
      </c>
      <c r="Y407" s="53">
        <v>0</v>
      </c>
      <c r="Z407" s="53">
        <v>0</v>
      </c>
      <c r="AA407" s="53">
        <v>0</v>
      </c>
      <c r="AB407" s="53">
        <v>0</v>
      </c>
      <c r="AC407" s="53">
        <v>0</v>
      </c>
      <c r="AD407" s="53">
        <v>0</v>
      </c>
      <c r="AE407" s="53">
        <v>0</v>
      </c>
      <c r="AF407" s="53">
        <v>0</v>
      </c>
      <c r="AG407" s="53">
        <v>0</v>
      </c>
      <c r="AH407" s="53">
        <v>0</v>
      </c>
      <c r="AI407" s="53">
        <v>0</v>
      </c>
      <c r="AJ407" s="53">
        <v>0</v>
      </c>
      <c r="AK407" s="53">
        <v>0</v>
      </c>
      <c r="AL407" s="53">
        <v>0</v>
      </c>
      <c r="AM407" s="53">
        <v>0</v>
      </c>
      <c r="AN407" s="53">
        <v>0</v>
      </c>
      <c r="AO407" s="53">
        <v>0</v>
      </c>
      <c r="AP407" s="53">
        <v>0</v>
      </c>
      <c r="AQ407" s="53">
        <v>0</v>
      </c>
      <c r="AR407" s="53">
        <v>0</v>
      </c>
      <c r="AS407" s="53">
        <v>0</v>
      </c>
      <c r="AT407" s="53">
        <v>0</v>
      </c>
      <c r="AU407" s="53">
        <v>0</v>
      </c>
      <c r="AV407" s="53">
        <v>0</v>
      </c>
      <c r="AW407" s="53">
        <v>0</v>
      </c>
      <c r="AX407" s="53">
        <v>0</v>
      </c>
      <c r="AY407" s="53">
        <v>0</v>
      </c>
      <c r="AZ407" s="53">
        <v>0</v>
      </c>
      <c r="BA407" s="53">
        <v>0</v>
      </c>
    </row>
    <row r="408" spans="1:53">
      <c r="A408" s="235" t="s">
        <v>1202</v>
      </c>
      <c r="B408" s="53">
        <v>0</v>
      </c>
      <c r="C408" s="53">
        <v>0</v>
      </c>
      <c r="D408" s="53">
        <v>0</v>
      </c>
      <c r="E408" s="53">
        <v>0</v>
      </c>
      <c r="F408" s="53">
        <v>0</v>
      </c>
      <c r="G408" s="53">
        <v>0</v>
      </c>
      <c r="H408" s="53">
        <v>0</v>
      </c>
      <c r="I408" s="53">
        <v>0</v>
      </c>
      <c r="J408" s="53">
        <v>0</v>
      </c>
      <c r="K408" s="53">
        <v>0</v>
      </c>
      <c r="L408" s="53">
        <v>0</v>
      </c>
      <c r="M408" s="53">
        <v>0</v>
      </c>
      <c r="N408" s="53">
        <v>0</v>
      </c>
      <c r="O408" s="53">
        <v>191826.298366</v>
      </c>
      <c r="P408" s="53">
        <v>191826.298366</v>
      </c>
      <c r="Q408" s="53">
        <v>191826.298366</v>
      </c>
      <c r="R408" s="53">
        <v>191826.298366</v>
      </c>
      <c r="S408" s="53">
        <v>191826.298366</v>
      </c>
      <c r="T408" s="53">
        <v>191826.298366</v>
      </c>
      <c r="U408" s="53">
        <v>191826.298366</v>
      </c>
      <c r="V408" s="53">
        <v>191826.298366</v>
      </c>
      <c r="W408" s="53">
        <v>191826.298366</v>
      </c>
      <c r="X408" s="53">
        <v>191826.298366</v>
      </c>
      <c r="Y408" s="53">
        <v>191826.298366</v>
      </c>
      <c r="Z408" s="53">
        <v>191826.298366</v>
      </c>
      <c r="AA408" s="53">
        <v>2301915.5803919998</v>
      </c>
      <c r="AB408" s="53">
        <v>177209.85361176301</v>
      </c>
      <c r="AC408" s="53">
        <v>177209.85361176301</v>
      </c>
      <c r="AD408" s="53">
        <v>177209.85361176301</v>
      </c>
      <c r="AE408" s="53">
        <v>177209.85361176301</v>
      </c>
      <c r="AF408" s="53">
        <v>177209.85361176301</v>
      </c>
      <c r="AG408" s="53">
        <v>177209.85361176301</v>
      </c>
      <c r="AH408" s="53">
        <v>177209.85361176301</v>
      </c>
      <c r="AI408" s="53">
        <v>177209.85361176301</v>
      </c>
      <c r="AJ408" s="53">
        <v>177209.85361176301</v>
      </c>
      <c r="AK408" s="53">
        <v>177209.85361176301</v>
      </c>
      <c r="AL408" s="53">
        <v>177209.85361176301</v>
      </c>
      <c r="AM408" s="53">
        <v>177209.85361176301</v>
      </c>
      <c r="AN408" s="53">
        <v>2126518.2433411502</v>
      </c>
      <c r="AO408" s="53">
        <v>185082.36309805099</v>
      </c>
      <c r="AP408" s="53">
        <v>185082.36309805099</v>
      </c>
      <c r="AQ408" s="53">
        <v>185082.36309805099</v>
      </c>
      <c r="AR408" s="53">
        <v>185082.36309805099</v>
      </c>
      <c r="AS408" s="53">
        <v>185082.36309805099</v>
      </c>
      <c r="AT408" s="53">
        <v>185082.36309805099</v>
      </c>
      <c r="AU408" s="53">
        <v>185082.36309805099</v>
      </c>
      <c r="AV408" s="53">
        <v>185082.36309805099</v>
      </c>
      <c r="AW408" s="53">
        <v>185082.36309805099</v>
      </c>
      <c r="AX408" s="53">
        <v>185082.36309805099</v>
      </c>
      <c r="AY408" s="53">
        <v>185082.36309805099</v>
      </c>
      <c r="AZ408" s="53">
        <v>185082.36309805099</v>
      </c>
      <c r="BA408" s="53">
        <v>2220988.3571766098</v>
      </c>
    </row>
    <row r="409" spans="1:53">
      <c r="A409" s="52" t="s">
        <v>3723</v>
      </c>
      <c r="B409" s="53">
        <v>0</v>
      </c>
      <c r="C409" s="53">
        <v>0</v>
      </c>
      <c r="D409" s="53">
        <v>0</v>
      </c>
      <c r="E409" s="53">
        <v>0</v>
      </c>
      <c r="F409" s="53">
        <v>0</v>
      </c>
      <c r="G409" s="53">
        <v>0</v>
      </c>
      <c r="H409" s="53">
        <v>0</v>
      </c>
      <c r="I409" s="53">
        <v>0</v>
      </c>
      <c r="J409" s="53">
        <v>0</v>
      </c>
      <c r="K409" s="53">
        <v>0</v>
      </c>
      <c r="L409" s="53">
        <v>0</v>
      </c>
      <c r="M409" s="53">
        <v>0</v>
      </c>
      <c r="N409" s="53">
        <v>0</v>
      </c>
      <c r="O409" s="53">
        <v>0</v>
      </c>
      <c r="P409" s="53">
        <v>0</v>
      </c>
      <c r="Q409" s="53">
        <v>0</v>
      </c>
      <c r="R409" s="53">
        <v>0</v>
      </c>
      <c r="S409" s="53">
        <v>0</v>
      </c>
      <c r="T409" s="53">
        <v>0</v>
      </c>
      <c r="U409" s="53">
        <v>0</v>
      </c>
      <c r="V409" s="53">
        <v>0</v>
      </c>
      <c r="W409" s="53">
        <v>0</v>
      </c>
      <c r="X409" s="53">
        <v>0</v>
      </c>
      <c r="Y409" s="53">
        <v>0</v>
      </c>
      <c r="Z409" s="53">
        <v>0</v>
      </c>
      <c r="AA409" s="53">
        <v>0</v>
      </c>
      <c r="AB409" s="53">
        <v>0</v>
      </c>
      <c r="AC409" s="53">
        <v>0</v>
      </c>
      <c r="AD409" s="53">
        <v>0</v>
      </c>
      <c r="AE409" s="53">
        <v>0</v>
      </c>
      <c r="AF409" s="53">
        <v>0</v>
      </c>
      <c r="AG409" s="53">
        <v>0</v>
      </c>
      <c r="AH409" s="53">
        <v>0</v>
      </c>
      <c r="AI409" s="53">
        <v>0</v>
      </c>
      <c r="AJ409" s="53">
        <v>0</v>
      </c>
      <c r="AK409" s="53">
        <v>0</v>
      </c>
      <c r="AL409" s="53">
        <v>0</v>
      </c>
      <c r="AM409" s="53">
        <v>0</v>
      </c>
      <c r="AN409" s="53">
        <v>0</v>
      </c>
      <c r="AO409" s="53">
        <v>0</v>
      </c>
      <c r="AP409" s="53">
        <v>0</v>
      </c>
      <c r="AQ409" s="53">
        <v>0</v>
      </c>
      <c r="AR409" s="53">
        <v>0</v>
      </c>
      <c r="AS409" s="53">
        <v>0</v>
      </c>
      <c r="AT409" s="53">
        <v>0</v>
      </c>
      <c r="AU409" s="53">
        <v>0</v>
      </c>
      <c r="AV409" s="53">
        <v>0</v>
      </c>
      <c r="AW409" s="53">
        <v>0</v>
      </c>
      <c r="AX409" s="53">
        <v>0</v>
      </c>
      <c r="AY409" s="53">
        <v>0</v>
      </c>
      <c r="AZ409" s="53">
        <v>0</v>
      </c>
      <c r="BA409" s="53">
        <v>0</v>
      </c>
    </row>
    <row r="410" spans="1:53" s="66" customFormat="1">
      <c r="A410" s="52" t="s">
        <v>3724</v>
      </c>
      <c r="B410" s="53">
        <v>0</v>
      </c>
      <c r="C410" s="53">
        <v>0</v>
      </c>
      <c r="D410" s="53">
        <v>0</v>
      </c>
      <c r="E410" s="53">
        <v>0</v>
      </c>
      <c r="F410" s="53">
        <v>0</v>
      </c>
      <c r="G410" s="53">
        <v>0</v>
      </c>
      <c r="H410" s="53">
        <v>0</v>
      </c>
      <c r="I410" s="53">
        <v>0</v>
      </c>
      <c r="J410" s="53">
        <v>0</v>
      </c>
      <c r="K410" s="53">
        <v>0</v>
      </c>
      <c r="L410" s="53">
        <v>0</v>
      </c>
      <c r="M410" s="53">
        <v>0</v>
      </c>
      <c r="N410" s="53">
        <v>0</v>
      </c>
      <c r="O410" s="53">
        <v>0</v>
      </c>
      <c r="P410" s="53">
        <v>0</v>
      </c>
      <c r="Q410" s="53">
        <v>0</v>
      </c>
      <c r="R410" s="53">
        <v>0</v>
      </c>
      <c r="S410" s="53">
        <v>0</v>
      </c>
      <c r="T410" s="53">
        <v>0</v>
      </c>
      <c r="U410" s="53">
        <v>0</v>
      </c>
      <c r="V410" s="53">
        <v>0</v>
      </c>
      <c r="W410" s="53">
        <v>0</v>
      </c>
      <c r="X410" s="53">
        <v>0</v>
      </c>
      <c r="Y410" s="53">
        <v>0</v>
      </c>
      <c r="Z410" s="53">
        <v>0</v>
      </c>
      <c r="AA410" s="53">
        <v>0</v>
      </c>
      <c r="AB410" s="53">
        <v>0</v>
      </c>
      <c r="AC410" s="53">
        <v>0</v>
      </c>
      <c r="AD410" s="53">
        <v>0</v>
      </c>
      <c r="AE410" s="53">
        <v>0</v>
      </c>
      <c r="AF410" s="53">
        <v>0</v>
      </c>
      <c r="AG410" s="53">
        <v>0</v>
      </c>
      <c r="AH410" s="53">
        <v>0</v>
      </c>
      <c r="AI410" s="53">
        <v>0</v>
      </c>
      <c r="AJ410" s="53">
        <v>0</v>
      </c>
      <c r="AK410" s="53">
        <v>0</v>
      </c>
      <c r="AL410" s="53">
        <v>0</v>
      </c>
      <c r="AM410" s="53">
        <v>0</v>
      </c>
      <c r="AN410" s="53">
        <v>0</v>
      </c>
      <c r="AO410" s="53">
        <v>0</v>
      </c>
      <c r="AP410" s="53">
        <v>0</v>
      </c>
      <c r="AQ410" s="53">
        <v>0</v>
      </c>
      <c r="AR410" s="53">
        <v>0</v>
      </c>
      <c r="AS410" s="53">
        <v>0</v>
      </c>
      <c r="AT410" s="53">
        <v>0</v>
      </c>
      <c r="AU410" s="53">
        <v>0</v>
      </c>
      <c r="AV410" s="53">
        <v>0</v>
      </c>
      <c r="AW410" s="53">
        <v>0</v>
      </c>
      <c r="AX410" s="53">
        <v>0</v>
      </c>
      <c r="AY410" s="53">
        <v>0</v>
      </c>
      <c r="AZ410" s="53">
        <v>0</v>
      </c>
      <c r="BA410" s="53">
        <v>0</v>
      </c>
    </row>
    <row r="411" spans="1:53" s="66" customFormat="1">
      <c r="A411" s="52" t="s">
        <v>3725</v>
      </c>
      <c r="B411" s="53">
        <v>0</v>
      </c>
      <c r="C411" s="53">
        <v>0</v>
      </c>
      <c r="D411" s="53">
        <v>0</v>
      </c>
      <c r="E411" s="53">
        <v>0</v>
      </c>
      <c r="F411" s="53">
        <v>0</v>
      </c>
      <c r="G411" s="53">
        <v>0</v>
      </c>
      <c r="H411" s="53">
        <v>0</v>
      </c>
      <c r="I411" s="53">
        <v>0</v>
      </c>
      <c r="J411" s="53">
        <v>0</v>
      </c>
      <c r="K411" s="53">
        <v>0</v>
      </c>
      <c r="L411" s="53">
        <v>0</v>
      </c>
      <c r="M411" s="53">
        <v>0</v>
      </c>
      <c r="N411" s="53">
        <v>0</v>
      </c>
      <c r="O411" s="53">
        <v>0</v>
      </c>
      <c r="P411" s="53">
        <v>0</v>
      </c>
      <c r="Q411" s="53">
        <v>0</v>
      </c>
      <c r="R411" s="53">
        <v>0</v>
      </c>
      <c r="S411" s="53">
        <v>0</v>
      </c>
      <c r="T411" s="53">
        <v>0</v>
      </c>
      <c r="U411" s="53">
        <v>0</v>
      </c>
      <c r="V411" s="53">
        <v>0</v>
      </c>
      <c r="W411" s="53">
        <v>0</v>
      </c>
      <c r="X411" s="53">
        <v>0</v>
      </c>
      <c r="Y411" s="53">
        <v>0</v>
      </c>
      <c r="Z411" s="53">
        <v>0</v>
      </c>
      <c r="AA411" s="53">
        <v>0</v>
      </c>
      <c r="AB411" s="53">
        <v>0</v>
      </c>
      <c r="AC411" s="53">
        <v>0</v>
      </c>
      <c r="AD411" s="53">
        <v>0</v>
      </c>
      <c r="AE411" s="53">
        <v>0</v>
      </c>
      <c r="AF411" s="53">
        <v>0</v>
      </c>
      <c r="AG411" s="53">
        <v>0</v>
      </c>
      <c r="AH411" s="53">
        <v>0</v>
      </c>
      <c r="AI411" s="53">
        <v>0</v>
      </c>
      <c r="AJ411" s="53">
        <v>0</v>
      </c>
      <c r="AK411" s="53">
        <v>0</v>
      </c>
      <c r="AL411" s="53">
        <v>0</v>
      </c>
      <c r="AM411" s="53">
        <v>0</v>
      </c>
      <c r="AN411" s="53">
        <v>0</v>
      </c>
      <c r="AO411" s="53">
        <v>0</v>
      </c>
      <c r="AP411" s="53">
        <v>0</v>
      </c>
      <c r="AQ411" s="53">
        <v>0</v>
      </c>
      <c r="AR411" s="53">
        <v>0</v>
      </c>
      <c r="AS411" s="53">
        <v>0</v>
      </c>
      <c r="AT411" s="53">
        <v>0</v>
      </c>
      <c r="AU411" s="53">
        <v>0</v>
      </c>
      <c r="AV411" s="53">
        <v>0</v>
      </c>
      <c r="AW411" s="53">
        <v>0</v>
      </c>
      <c r="AX411" s="53">
        <v>0</v>
      </c>
      <c r="AY411" s="53">
        <v>0</v>
      </c>
      <c r="AZ411" s="53">
        <v>0</v>
      </c>
      <c r="BA411" s="53">
        <v>0</v>
      </c>
    </row>
    <row r="412" spans="1:53" s="66" customFormat="1">
      <c r="A412" s="52" t="s">
        <v>3726</v>
      </c>
      <c r="B412" s="53">
        <v>0</v>
      </c>
      <c r="C412" s="53">
        <v>0</v>
      </c>
      <c r="D412" s="53">
        <v>0</v>
      </c>
      <c r="E412" s="53">
        <v>0</v>
      </c>
      <c r="F412" s="53">
        <v>0</v>
      </c>
      <c r="G412" s="53">
        <v>0</v>
      </c>
      <c r="H412" s="53">
        <v>0</v>
      </c>
      <c r="I412" s="53">
        <v>0</v>
      </c>
      <c r="J412" s="53">
        <v>0</v>
      </c>
      <c r="K412" s="53">
        <v>0</v>
      </c>
      <c r="L412" s="53">
        <v>0</v>
      </c>
      <c r="M412" s="53">
        <v>0</v>
      </c>
      <c r="N412" s="53">
        <v>0</v>
      </c>
      <c r="O412" s="53">
        <v>0</v>
      </c>
      <c r="P412" s="53">
        <v>0</v>
      </c>
      <c r="Q412" s="53">
        <v>0</v>
      </c>
      <c r="R412" s="53">
        <v>0</v>
      </c>
      <c r="S412" s="53">
        <v>0</v>
      </c>
      <c r="T412" s="53">
        <v>0</v>
      </c>
      <c r="U412" s="53">
        <v>0</v>
      </c>
      <c r="V412" s="53">
        <v>0</v>
      </c>
      <c r="W412" s="53">
        <v>0</v>
      </c>
      <c r="X412" s="53">
        <v>0</v>
      </c>
      <c r="Y412" s="53">
        <v>0</v>
      </c>
      <c r="Z412" s="53">
        <v>0</v>
      </c>
      <c r="AA412" s="53">
        <v>0</v>
      </c>
      <c r="AB412" s="53">
        <v>0</v>
      </c>
      <c r="AC412" s="53">
        <v>0</v>
      </c>
      <c r="AD412" s="53">
        <v>0</v>
      </c>
      <c r="AE412" s="53">
        <v>0</v>
      </c>
      <c r="AF412" s="53">
        <v>0</v>
      </c>
      <c r="AG412" s="53">
        <v>0</v>
      </c>
      <c r="AH412" s="53">
        <v>0</v>
      </c>
      <c r="AI412" s="53">
        <v>0</v>
      </c>
      <c r="AJ412" s="53">
        <v>0</v>
      </c>
      <c r="AK412" s="53">
        <v>0</v>
      </c>
      <c r="AL412" s="53">
        <v>0</v>
      </c>
      <c r="AM412" s="53">
        <v>0</v>
      </c>
      <c r="AN412" s="53">
        <v>0</v>
      </c>
      <c r="AO412" s="53">
        <v>0</v>
      </c>
      <c r="AP412" s="53">
        <v>0</v>
      </c>
      <c r="AQ412" s="53">
        <v>0</v>
      </c>
      <c r="AR412" s="53">
        <v>0</v>
      </c>
      <c r="AS412" s="53">
        <v>0</v>
      </c>
      <c r="AT412" s="53">
        <v>0</v>
      </c>
      <c r="AU412" s="53">
        <v>0</v>
      </c>
      <c r="AV412" s="53">
        <v>0</v>
      </c>
      <c r="AW412" s="53">
        <v>0</v>
      </c>
      <c r="AX412" s="53">
        <v>0</v>
      </c>
      <c r="AY412" s="53">
        <v>0</v>
      </c>
      <c r="AZ412" s="53">
        <v>0</v>
      </c>
      <c r="BA412" s="53">
        <v>0</v>
      </c>
    </row>
    <row r="413" spans="1:53" s="66" customFormat="1">
      <c r="A413" s="52" t="s">
        <v>3727</v>
      </c>
      <c r="B413" s="53">
        <v>5124060.3079145802</v>
      </c>
      <c r="C413" s="53">
        <v>5061050.3979145801</v>
      </c>
      <c r="D413" s="53">
        <v>8076309.5779145798</v>
      </c>
      <c r="E413" s="53">
        <v>5794869.1579145798</v>
      </c>
      <c r="F413" s="53">
        <v>5915426.5979145803</v>
      </c>
      <c r="G413" s="53">
        <v>4285392.9179145796</v>
      </c>
      <c r="H413" s="53">
        <v>5810038.9679145804</v>
      </c>
      <c r="I413" s="53">
        <v>5813117.10791458</v>
      </c>
      <c r="J413" s="53">
        <v>7455759.31791458</v>
      </c>
      <c r="K413" s="53">
        <v>5815727.1879145801</v>
      </c>
      <c r="L413" s="53">
        <v>5806347.0179145802</v>
      </c>
      <c r="M413" s="53">
        <v>4088063.6579145798</v>
      </c>
      <c r="N413" s="53">
        <v>69046162.214974999</v>
      </c>
      <c r="O413" s="53">
        <v>5869157.5223196195</v>
      </c>
      <c r="P413" s="53">
        <v>5902265.6123196203</v>
      </c>
      <c r="Q413" s="53">
        <v>7602862.79231962</v>
      </c>
      <c r="R413" s="53">
        <v>6021653.3723196201</v>
      </c>
      <c r="S413" s="53">
        <v>6131013.8123196196</v>
      </c>
      <c r="T413" s="53">
        <v>4509051.1323196199</v>
      </c>
      <c r="U413" s="53">
        <v>6021722.1823196197</v>
      </c>
      <c r="V413" s="53">
        <v>6022627.3223196203</v>
      </c>
      <c r="W413" s="53">
        <v>7673218.5323196203</v>
      </c>
      <c r="X413" s="53">
        <v>6020955.4023196204</v>
      </c>
      <c r="Y413" s="53">
        <v>6019640.2323196204</v>
      </c>
      <c r="Z413" s="53">
        <v>2710364.8723196299</v>
      </c>
      <c r="AA413" s="53">
        <v>70504532.787835494</v>
      </c>
      <c r="AB413" s="53">
        <v>5861080.7699778397</v>
      </c>
      <c r="AC413" s="53">
        <v>5894188.8599778404</v>
      </c>
      <c r="AD413" s="53">
        <v>7594786.0399778299</v>
      </c>
      <c r="AE413" s="53">
        <v>6013576.6199778402</v>
      </c>
      <c r="AF413" s="53">
        <v>6122937.0599778397</v>
      </c>
      <c r="AG413" s="53">
        <v>4500974.37997784</v>
      </c>
      <c r="AH413" s="53">
        <v>6013645.4299778398</v>
      </c>
      <c r="AI413" s="53">
        <v>6014550.5699778404</v>
      </c>
      <c r="AJ413" s="53">
        <v>7665141.7799778404</v>
      </c>
      <c r="AK413" s="53">
        <v>6012878.6499778396</v>
      </c>
      <c r="AL413" s="53">
        <v>6011563.4799778396</v>
      </c>
      <c r="AM413" s="53">
        <v>2702288.1199778402</v>
      </c>
      <c r="AN413" s="53">
        <v>70407611.759734094</v>
      </c>
      <c r="AO413" s="53">
        <v>6360462.8493448403</v>
      </c>
      <c r="AP413" s="53">
        <v>6393570.9393448401</v>
      </c>
      <c r="AQ413" s="53">
        <v>8094168.1193448398</v>
      </c>
      <c r="AR413" s="53">
        <v>6512958.6993448399</v>
      </c>
      <c r="AS413" s="53">
        <v>6622319.1393448496</v>
      </c>
      <c r="AT413" s="53">
        <v>5000356.4593448397</v>
      </c>
      <c r="AU413" s="53">
        <v>6513027.5093448404</v>
      </c>
      <c r="AV413" s="53">
        <v>6513932.6493448401</v>
      </c>
      <c r="AW413" s="53">
        <v>8164523.85934484</v>
      </c>
      <c r="AX413" s="53">
        <v>6512260.7293448402</v>
      </c>
      <c r="AY413" s="53">
        <v>6510945.5593448402</v>
      </c>
      <c r="AZ413" s="53">
        <v>3201670.1993448399</v>
      </c>
      <c r="BA413" s="53">
        <v>76400196.712138101</v>
      </c>
    </row>
    <row r="414" spans="1:53" s="66" customFormat="1">
      <c r="A414" s="52" t="s">
        <v>3728</v>
      </c>
      <c r="B414" s="53"/>
      <c r="C414" s="53"/>
      <c r="D414" s="53"/>
      <c r="E414" s="53"/>
      <c r="F414" s="53"/>
      <c r="G414" s="53"/>
      <c r="H414" s="53"/>
      <c r="I414" s="53"/>
      <c r="J414" s="53"/>
      <c r="K414" s="53"/>
      <c r="L414" s="53"/>
      <c r="M414" s="53"/>
      <c r="N414" s="53"/>
      <c r="O414" s="53"/>
      <c r="P414" s="53"/>
      <c r="Q414" s="53"/>
      <c r="R414" s="53"/>
      <c r="S414" s="53"/>
      <c r="T414" s="53"/>
      <c r="U414" s="53"/>
      <c r="V414" s="53"/>
      <c r="W414" s="53"/>
      <c r="X414" s="53"/>
      <c r="Y414" s="53"/>
      <c r="Z414" s="53"/>
      <c r="AA414" s="53"/>
      <c r="AB414" s="53"/>
      <c r="AC414" s="53"/>
      <c r="AD414" s="53"/>
      <c r="AE414" s="53"/>
      <c r="AF414" s="53"/>
      <c r="AG414" s="53"/>
      <c r="AH414" s="53"/>
      <c r="AI414" s="53"/>
      <c r="AJ414" s="53"/>
      <c r="AK414" s="53"/>
      <c r="AL414" s="53"/>
      <c r="AM414" s="53"/>
      <c r="AN414" s="53"/>
      <c r="AO414" s="53"/>
      <c r="AP414" s="53"/>
      <c r="AQ414" s="53"/>
      <c r="AR414" s="53"/>
      <c r="AS414" s="53"/>
      <c r="AT414" s="53"/>
      <c r="AU414" s="53"/>
      <c r="AV414" s="53"/>
      <c r="AW414" s="53"/>
      <c r="AX414" s="53"/>
      <c r="AY414" s="53"/>
      <c r="AZ414" s="53"/>
      <c r="BA414" s="53"/>
    </row>
    <row r="415" spans="1:53">
      <c r="A415" s="234" t="s">
        <v>3729</v>
      </c>
      <c r="B415" s="53">
        <v>92406.530750000398</v>
      </c>
      <c r="C415" s="53">
        <v>92406.530750000398</v>
      </c>
      <c r="D415" s="53">
        <v>92406.530750000398</v>
      </c>
      <c r="E415" s="53">
        <v>92406.530750000398</v>
      </c>
      <c r="F415" s="53">
        <v>92406.530750000398</v>
      </c>
      <c r="G415" s="53">
        <v>92406.530750000398</v>
      </c>
      <c r="H415" s="53">
        <v>92406.530750000398</v>
      </c>
      <c r="I415" s="53">
        <v>92406.530750000398</v>
      </c>
      <c r="J415" s="53">
        <v>92406.530750000398</v>
      </c>
      <c r="K415" s="53">
        <v>92406.530750000398</v>
      </c>
      <c r="L415" s="53">
        <v>92406.530750000398</v>
      </c>
      <c r="M415" s="53">
        <v>92406.530750000398</v>
      </c>
      <c r="N415" s="53">
        <v>1108878.3689999999</v>
      </c>
      <c r="O415" s="53">
        <v>185359.1024</v>
      </c>
      <c r="P415" s="53">
        <v>185359.1024</v>
      </c>
      <c r="Q415" s="53">
        <v>185359.1024</v>
      </c>
      <c r="R415" s="53">
        <v>185359.1024</v>
      </c>
      <c r="S415" s="53">
        <v>185359.1024</v>
      </c>
      <c r="T415" s="53">
        <v>185359.1024</v>
      </c>
      <c r="U415" s="53">
        <v>185359.1024</v>
      </c>
      <c r="V415" s="53">
        <v>185359.1024</v>
      </c>
      <c r="W415" s="53">
        <v>185359.1024</v>
      </c>
      <c r="X415" s="53">
        <v>185359.1024</v>
      </c>
      <c r="Y415" s="53">
        <v>185359.1024</v>
      </c>
      <c r="Z415" s="53">
        <v>185359.1024</v>
      </c>
      <c r="AA415" s="53">
        <v>2224309.2288000002</v>
      </c>
      <c r="AB415" s="53">
        <v>277762.73405000003</v>
      </c>
      <c r="AC415" s="53">
        <v>277762.73405000003</v>
      </c>
      <c r="AD415" s="53">
        <v>277762.73405000003</v>
      </c>
      <c r="AE415" s="53">
        <v>277762.73405000003</v>
      </c>
      <c r="AF415" s="53">
        <v>277762.73405000003</v>
      </c>
      <c r="AG415" s="53">
        <v>277762.73405000003</v>
      </c>
      <c r="AH415" s="53">
        <v>277762.73405000003</v>
      </c>
      <c r="AI415" s="53">
        <v>277762.73405000003</v>
      </c>
      <c r="AJ415" s="53">
        <v>277762.73405000003</v>
      </c>
      <c r="AK415" s="53">
        <v>277762.73405000003</v>
      </c>
      <c r="AL415" s="53">
        <v>277762.73405000003</v>
      </c>
      <c r="AM415" s="53">
        <v>277762.73405000003</v>
      </c>
      <c r="AN415" s="53">
        <v>3333152.8085999899</v>
      </c>
      <c r="AO415" s="53">
        <v>369656.1557</v>
      </c>
      <c r="AP415" s="53">
        <v>369656.1557</v>
      </c>
      <c r="AQ415" s="53">
        <v>369656.1557</v>
      </c>
      <c r="AR415" s="53">
        <v>369656.1557</v>
      </c>
      <c r="AS415" s="53">
        <v>369656.1557</v>
      </c>
      <c r="AT415" s="53">
        <v>369656.1557</v>
      </c>
      <c r="AU415" s="53">
        <v>369656.1557</v>
      </c>
      <c r="AV415" s="53">
        <v>369656.1557</v>
      </c>
      <c r="AW415" s="53">
        <v>369656.1557</v>
      </c>
      <c r="AX415" s="53">
        <v>369656.1557</v>
      </c>
      <c r="AY415" s="53">
        <v>369656.1557</v>
      </c>
      <c r="AZ415" s="53">
        <v>369656.1557</v>
      </c>
      <c r="BA415" s="53">
        <v>4435873.8684</v>
      </c>
    </row>
    <row r="416" spans="1:53">
      <c r="A416" s="52" t="s">
        <v>3730</v>
      </c>
      <c r="B416" s="53">
        <v>0</v>
      </c>
      <c r="C416" s="53">
        <v>0</v>
      </c>
      <c r="D416" s="53">
        <v>0</v>
      </c>
      <c r="E416" s="53">
        <v>0</v>
      </c>
      <c r="F416" s="53">
        <v>0</v>
      </c>
      <c r="G416" s="53">
        <v>0</v>
      </c>
      <c r="H416" s="53">
        <v>0</v>
      </c>
      <c r="I416" s="53">
        <v>0</v>
      </c>
      <c r="J416" s="53">
        <v>0</v>
      </c>
      <c r="K416" s="53">
        <v>0</v>
      </c>
      <c r="L416" s="53">
        <v>0</v>
      </c>
      <c r="M416" s="53">
        <v>0</v>
      </c>
      <c r="N416" s="53">
        <v>0</v>
      </c>
      <c r="O416" s="53">
        <v>0</v>
      </c>
      <c r="P416" s="53">
        <v>0</v>
      </c>
      <c r="Q416" s="53">
        <v>0</v>
      </c>
      <c r="R416" s="53">
        <v>0</v>
      </c>
      <c r="S416" s="53">
        <v>0</v>
      </c>
      <c r="T416" s="53">
        <v>0</v>
      </c>
      <c r="U416" s="53">
        <v>0</v>
      </c>
      <c r="V416" s="53">
        <v>0</v>
      </c>
      <c r="W416" s="53">
        <v>0</v>
      </c>
      <c r="X416" s="53">
        <v>0</v>
      </c>
      <c r="Y416" s="53">
        <v>0</v>
      </c>
      <c r="Z416" s="53">
        <v>0</v>
      </c>
      <c r="AA416" s="53">
        <v>0</v>
      </c>
      <c r="AB416" s="53">
        <v>0</v>
      </c>
      <c r="AC416" s="53">
        <v>0</v>
      </c>
      <c r="AD416" s="53">
        <v>0</v>
      </c>
      <c r="AE416" s="53">
        <v>0</v>
      </c>
      <c r="AF416" s="53">
        <v>0</v>
      </c>
      <c r="AG416" s="53">
        <v>0</v>
      </c>
      <c r="AH416" s="53">
        <v>0</v>
      </c>
      <c r="AI416" s="53">
        <v>0</v>
      </c>
      <c r="AJ416" s="53">
        <v>0</v>
      </c>
      <c r="AK416" s="53">
        <v>0</v>
      </c>
      <c r="AL416" s="53">
        <v>0</v>
      </c>
      <c r="AM416" s="53">
        <v>0</v>
      </c>
      <c r="AN416" s="53">
        <v>0</v>
      </c>
      <c r="AO416" s="53">
        <v>0</v>
      </c>
      <c r="AP416" s="53">
        <v>0</v>
      </c>
      <c r="AQ416" s="53">
        <v>0</v>
      </c>
      <c r="AR416" s="53">
        <v>0</v>
      </c>
      <c r="AS416" s="53">
        <v>0</v>
      </c>
      <c r="AT416" s="53">
        <v>0</v>
      </c>
      <c r="AU416" s="53">
        <v>0</v>
      </c>
      <c r="AV416" s="53">
        <v>0</v>
      </c>
      <c r="AW416" s="53">
        <v>0</v>
      </c>
      <c r="AX416" s="53">
        <v>0</v>
      </c>
      <c r="AY416" s="53">
        <v>0</v>
      </c>
      <c r="AZ416" s="53">
        <v>0</v>
      </c>
      <c r="BA416" s="53">
        <v>0</v>
      </c>
    </row>
    <row r="417" spans="1:53">
      <c r="A417" s="52" t="s">
        <v>3731</v>
      </c>
      <c r="B417" s="53">
        <v>104237.16</v>
      </c>
      <c r="C417" s="53">
        <v>51819.409999999902</v>
      </c>
      <c r="D417" s="53">
        <v>6975.5799999999699</v>
      </c>
      <c r="E417" s="53">
        <v>52724.169999999896</v>
      </c>
      <c r="F417" s="53">
        <v>54607.3999999999</v>
      </c>
      <c r="G417" s="53">
        <v>56729.979999999901</v>
      </c>
      <c r="H417" s="53">
        <v>55755.02</v>
      </c>
      <c r="I417" s="53">
        <v>54581.429999999898</v>
      </c>
      <c r="J417" s="53">
        <v>9808.2599999999802</v>
      </c>
      <c r="K417" s="53">
        <v>61217.969999999899</v>
      </c>
      <c r="L417" s="53">
        <v>66989.77</v>
      </c>
      <c r="M417" s="53">
        <v>86272.45</v>
      </c>
      <c r="N417" s="53">
        <v>661718.59999999905</v>
      </c>
      <c r="O417" s="53">
        <v>104237.16</v>
      </c>
      <c r="P417" s="53">
        <v>51819.409999999902</v>
      </c>
      <c r="Q417" s="53">
        <v>6975.5799999999699</v>
      </c>
      <c r="R417" s="53">
        <v>52724.169999999896</v>
      </c>
      <c r="S417" s="53">
        <v>54607.3999999999</v>
      </c>
      <c r="T417" s="53">
        <v>56729.979999999901</v>
      </c>
      <c r="U417" s="53">
        <v>55755.02</v>
      </c>
      <c r="V417" s="53">
        <v>54581.429999999898</v>
      </c>
      <c r="W417" s="53">
        <v>9808.2599999999802</v>
      </c>
      <c r="X417" s="53">
        <v>61217.969999999899</v>
      </c>
      <c r="Y417" s="53">
        <v>66989.77</v>
      </c>
      <c r="Z417" s="53">
        <v>86272.45</v>
      </c>
      <c r="AA417" s="53">
        <v>661718.59999999905</v>
      </c>
      <c r="AB417" s="53">
        <v>104237.16</v>
      </c>
      <c r="AC417" s="53">
        <v>51819.409999999902</v>
      </c>
      <c r="AD417" s="53">
        <v>6975.5799999999699</v>
      </c>
      <c r="AE417" s="53">
        <v>52724.169999999896</v>
      </c>
      <c r="AF417" s="53">
        <v>54607.3999999999</v>
      </c>
      <c r="AG417" s="53">
        <v>56729.979999999901</v>
      </c>
      <c r="AH417" s="53">
        <v>55755.02</v>
      </c>
      <c r="AI417" s="53">
        <v>54581.429999999898</v>
      </c>
      <c r="AJ417" s="53">
        <v>9808.2599999999802</v>
      </c>
      <c r="AK417" s="53">
        <v>61217.969999999899</v>
      </c>
      <c r="AL417" s="53">
        <v>66989.77</v>
      </c>
      <c r="AM417" s="53">
        <v>86272.45</v>
      </c>
      <c r="AN417" s="53">
        <v>661718.59999999905</v>
      </c>
      <c r="AO417" s="53">
        <v>104237.16</v>
      </c>
      <c r="AP417" s="53">
        <v>51819.409999999902</v>
      </c>
      <c r="AQ417" s="53">
        <v>6975.5799999999699</v>
      </c>
      <c r="AR417" s="53">
        <v>52724.169999999896</v>
      </c>
      <c r="AS417" s="53">
        <v>54607.3999999999</v>
      </c>
      <c r="AT417" s="53">
        <v>56729.979999999901</v>
      </c>
      <c r="AU417" s="53">
        <v>55755.02</v>
      </c>
      <c r="AV417" s="53">
        <v>54581.429999999898</v>
      </c>
      <c r="AW417" s="53">
        <v>9808.2599999999802</v>
      </c>
      <c r="AX417" s="53">
        <v>61217.969999999899</v>
      </c>
      <c r="AY417" s="53">
        <v>66989.77</v>
      </c>
      <c r="AZ417" s="53">
        <v>86272.45</v>
      </c>
      <c r="BA417" s="53">
        <v>661718.59999999905</v>
      </c>
    </row>
    <row r="418" spans="1:53">
      <c r="A418" s="52" t="s">
        <v>3732</v>
      </c>
      <c r="B418" s="53">
        <v>0</v>
      </c>
      <c r="C418" s="53">
        <v>0</v>
      </c>
      <c r="D418" s="53">
        <v>0</v>
      </c>
      <c r="E418" s="53">
        <v>0</v>
      </c>
      <c r="F418" s="53">
        <v>0</v>
      </c>
      <c r="G418" s="53">
        <v>0</v>
      </c>
      <c r="H418" s="53">
        <v>0</v>
      </c>
      <c r="I418" s="53">
        <v>0</v>
      </c>
      <c r="J418" s="53">
        <v>0</v>
      </c>
      <c r="K418" s="53">
        <v>0</v>
      </c>
      <c r="L418" s="53">
        <v>0</v>
      </c>
      <c r="M418" s="53">
        <v>0</v>
      </c>
      <c r="N418" s="53">
        <v>0</v>
      </c>
      <c r="O418" s="53">
        <v>0</v>
      </c>
      <c r="P418" s="53">
        <v>0</v>
      </c>
      <c r="Q418" s="53">
        <v>0</v>
      </c>
      <c r="R418" s="53">
        <v>0</v>
      </c>
      <c r="S418" s="53">
        <v>0</v>
      </c>
      <c r="T418" s="53">
        <v>0</v>
      </c>
      <c r="U418" s="53">
        <v>0</v>
      </c>
      <c r="V418" s="53">
        <v>0</v>
      </c>
      <c r="W418" s="53">
        <v>0</v>
      </c>
      <c r="X418" s="53">
        <v>0</v>
      </c>
      <c r="Y418" s="53">
        <v>0</v>
      </c>
      <c r="Z418" s="53">
        <v>0</v>
      </c>
      <c r="AA418" s="53">
        <v>0</v>
      </c>
      <c r="AB418" s="53">
        <v>0</v>
      </c>
      <c r="AC418" s="53">
        <v>0</v>
      </c>
      <c r="AD418" s="53">
        <v>0</v>
      </c>
      <c r="AE418" s="53">
        <v>0</v>
      </c>
      <c r="AF418" s="53">
        <v>0</v>
      </c>
      <c r="AG418" s="53">
        <v>0</v>
      </c>
      <c r="AH418" s="53">
        <v>0</v>
      </c>
      <c r="AI418" s="53">
        <v>0</v>
      </c>
      <c r="AJ418" s="53">
        <v>0</v>
      </c>
      <c r="AK418" s="53">
        <v>0</v>
      </c>
      <c r="AL418" s="53">
        <v>0</v>
      </c>
      <c r="AM418" s="53">
        <v>0</v>
      </c>
      <c r="AN418" s="53">
        <v>0</v>
      </c>
      <c r="AO418" s="53">
        <v>0</v>
      </c>
      <c r="AP418" s="53">
        <v>0</v>
      </c>
      <c r="AQ418" s="53">
        <v>0</v>
      </c>
      <c r="AR418" s="53">
        <v>0</v>
      </c>
      <c r="AS418" s="53">
        <v>0</v>
      </c>
      <c r="AT418" s="53">
        <v>0</v>
      </c>
      <c r="AU418" s="53">
        <v>0</v>
      </c>
      <c r="AV418" s="53">
        <v>0</v>
      </c>
      <c r="AW418" s="53">
        <v>0</v>
      </c>
      <c r="AX418" s="53">
        <v>0</v>
      </c>
      <c r="AY418" s="53">
        <v>0</v>
      </c>
      <c r="AZ418" s="53">
        <v>0</v>
      </c>
      <c r="BA418" s="53">
        <v>0</v>
      </c>
    </row>
    <row r="419" spans="1:53">
      <c r="A419" s="52" t="s">
        <v>3733</v>
      </c>
      <c r="B419" s="53">
        <v>0</v>
      </c>
      <c r="C419" s="53">
        <v>0</v>
      </c>
      <c r="D419" s="53">
        <v>0</v>
      </c>
      <c r="E419" s="53">
        <v>0</v>
      </c>
      <c r="F419" s="53">
        <v>0</v>
      </c>
      <c r="G419" s="53">
        <v>0</v>
      </c>
      <c r="H419" s="53">
        <v>0</v>
      </c>
      <c r="I419" s="53">
        <v>0</v>
      </c>
      <c r="J419" s="53">
        <v>0</v>
      </c>
      <c r="K419" s="53">
        <v>0</v>
      </c>
      <c r="L419" s="53">
        <v>0</v>
      </c>
      <c r="M419" s="53">
        <v>0</v>
      </c>
      <c r="N419" s="53">
        <v>0</v>
      </c>
      <c r="O419" s="53">
        <v>0</v>
      </c>
      <c r="P419" s="53">
        <v>0</v>
      </c>
      <c r="Q419" s="53">
        <v>0</v>
      </c>
      <c r="R419" s="53">
        <v>0</v>
      </c>
      <c r="S419" s="53">
        <v>0</v>
      </c>
      <c r="T419" s="53">
        <v>0</v>
      </c>
      <c r="U419" s="53">
        <v>0</v>
      </c>
      <c r="V419" s="53">
        <v>0</v>
      </c>
      <c r="W419" s="53">
        <v>0</v>
      </c>
      <c r="X419" s="53">
        <v>0</v>
      </c>
      <c r="Y419" s="53">
        <v>0</v>
      </c>
      <c r="Z419" s="53">
        <v>0</v>
      </c>
      <c r="AA419" s="53">
        <v>0</v>
      </c>
      <c r="AB419" s="53">
        <v>0</v>
      </c>
      <c r="AC419" s="53">
        <v>0</v>
      </c>
      <c r="AD419" s="53">
        <v>0</v>
      </c>
      <c r="AE419" s="53">
        <v>0</v>
      </c>
      <c r="AF419" s="53">
        <v>0</v>
      </c>
      <c r="AG419" s="53">
        <v>0</v>
      </c>
      <c r="AH419" s="53">
        <v>0</v>
      </c>
      <c r="AI419" s="53">
        <v>0</v>
      </c>
      <c r="AJ419" s="53">
        <v>0</v>
      </c>
      <c r="AK419" s="53">
        <v>0</v>
      </c>
      <c r="AL419" s="53">
        <v>0</v>
      </c>
      <c r="AM419" s="53">
        <v>0</v>
      </c>
      <c r="AN419" s="53">
        <v>0</v>
      </c>
      <c r="AO419" s="53">
        <v>0</v>
      </c>
      <c r="AP419" s="53">
        <v>0</v>
      </c>
      <c r="AQ419" s="53">
        <v>0</v>
      </c>
      <c r="AR419" s="53">
        <v>0</v>
      </c>
      <c r="AS419" s="53">
        <v>0</v>
      </c>
      <c r="AT419" s="53">
        <v>0</v>
      </c>
      <c r="AU419" s="53">
        <v>0</v>
      </c>
      <c r="AV419" s="53">
        <v>0</v>
      </c>
      <c r="AW419" s="53">
        <v>0</v>
      </c>
      <c r="AX419" s="53">
        <v>0</v>
      </c>
      <c r="AY419" s="53">
        <v>0</v>
      </c>
      <c r="AZ419" s="53">
        <v>0</v>
      </c>
      <c r="BA419" s="53">
        <v>0</v>
      </c>
    </row>
    <row r="420" spans="1:53">
      <c r="A420" s="52" t="s">
        <v>3734</v>
      </c>
      <c r="B420" s="53">
        <v>0</v>
      </c>
      <c r="C420" s="53">
        <v>0</v>
      </c>
      <c r="D420" s="53">
        <v>0</v>
      </c>
      <c r="E420" s="53">
        <v>0</v>
      </c>
      <c r="F420" s="53">
        <v>0</v>
      </c>
      <c r="G420" s="53">
        <v>0</v>
      </c>
      <c r="H420" s="53">
        <v>0</v>
      </c>
      <c r="I420" s="53">
        <v>0</v>
      </c>
      <c r="J420" s="53">
        <v>0</v>
      </c>
      <c r="K420" s="53">
        <v>0</v>
      </c>
      <c r="L420" s="53">
        <v>0</v>
      </c>
      <c r="M420" s="53">
        <v>0</v>
      </c>
      <c r="N420" s="53">
        <v>0</v>
      </c>
      <c r="O420" s="53">
        <v>0</v>
      </c>
      <c r="P420" s="53">
        <v>0</v>
      </c>
      <c r="Q420" s="53">
        <v>0</v>
      </c>
      <c r="R420" s="53">
        <v>0</v>
      </c>
      <c r="S420" s="53">
        <v>0</v>
      </c>
      <c r="T420" s="53">
        <v>0</v>
      </c>
      <c r="U420" s="53">
        <v>0</v>
      </c>
      <c r="V420" s="53">
        <v>0</v>
      </c>
      <c r="W420" s="53">
        <v>0</v>
      </c>
      <c r="X420" s="53">
        <v>0</v>
      </c>
      <c r="Y420" s="53">
        <v>0</v>
      </c>
      <c r="Z420" s="53">
        <v>0</v>
      </c>
      <c r="AA420" s="53">
        <v>0</v>
      </c>
      <c r="AB420" s="53">
        <v>0</v>
      </c>
      <c r="AC420" s="53">
        <v>0</v>
      </c>
      <c r="AD420" s="53">
        <v>0</v>
      </c>
      <c r="AE420" s="53">
        <v>0</v>
      </c>
      <c r="AF420" s="53">
        <v>0</v>
      </c>
      <c r="AG420" s="53">
        <v>0</v>
      </c>
      <c r="AH420" s="53">
        <v>0</v>
      </c>
      <c r="AI420" s="53">
        <v>0</v>
      </c>
      <c r="AJ420" s="53">
        <v>0</v>
      </c>
      <c r="AK420" s="53">
        <v>0</v>
      </c>
      <c r="AL420" s="53">
        <v>0</v>
      </c>
      <c r="AM420" s="53">
        <v>0</v>
      </c>
      <c r="AN420" s="53">
        <v>0</v>
      </c>
      <c r="AO420" s="53">
        <v>0</v>
      </c>
      <c r="AP420" s="53">
        <v>0</v>
      </c>
      <c r="AQ420" s="53">
        <v>0</v>
      </c>
      <c r="AR420" s="53">
        <v>0</v>
      </c>
      <c r="AS420" s="53">
        <v>0</v>
      </c>
      <c r="AT420" s="53">
        <v>0</v>
      </c>
      <c r="AU420" s="53">
        <v>0</v>
      </c>
      <c r="AV420" s="53">
        <v>0</v>
      </c>
      <c r="AW420" s="53">
        <v>0</v>
      </c>
      <c r="AX420" s="53">
        <v>0</v>
      </c>
      <c r="AY420" s="53">
        <v>0</v>
      </c>
      <c r="AZ420" s="53">
        <v>0</v>
      </c>
      <c r="BA420" s="53">
        <v>0</v>
      </c>
    </row>
    <row r="421" spans="1:53">
      <c r="A421" s="52" t="s">
        <v>3735</v>
      </c>
      <c r="B421" s="53">
        <v>75991.969999999797</v>
      </c>
      <c r="C421" s="53">
        <v>46890.389999999898</v>
      </c>
      <c r="D421" s="53">
        <v>322614.90999999997</v>
      </c>
      <c r="E421" s="53">
        <v>216638.69999999899</v>
      </c>
      <c r="F421" s="53">
        <v>60006.459999999803</v>
      </c>
      <c r="G421" s="53">
        <v>223064.799999999</v>
      </c>
      <c r="H421" s="53">
        <v>22573.3999999999</v>
      </c>
      <c r="I421" s="53">
        <v>5283.8799999999101</v>
      </c>
      <c r="J421" s="53">
        <v>148483.44999999899</v>
      </c>
      <c r="K421" s="53">
        <v>-22177.67</v>
      </c>
      <c r="L421" s="53">
        <v>61806.049999999901</v>
      </c>
      <c r="M421" s="53">
        <v>187122.53999999899</v>
      </c>
      <c r="N421" s="53">
        <v>1348298.8799999901</v>
      </c>
      <c r="O421" s="53">
        <v>75991.969999999797</v>
      </c>
      <c r="P421" s="53">
        <v>46890.389999999898</v>
      </c>
      <c r="Q421" s="53">
        <v>322614.90999999997</v>
      </c>
      <c r="R421" s="53">
        <v>216638.69999999899</v>
      </c>
      <c r="S421" s="53">
        <v>60006.459999999803</v>
      </c>
      <c r="T421" s="53">
        <v>223064.799999999</v>
      </c>
      <c r="U421" s="53">
        <v>22573.3999999999</v>
      </c>
      <c r="V421" s="53">
        <v>5283.8799999999101</v>
      </c>
      <c r="W421" s="53">
        <v>148483.44999999899</v>
      </c>
      <c r="X421" s="53">
        <v>-22177.67</v>
      </c>
      <c r="Y421" s="53">
        <v>61806.049999999901</v>
      </c>
      <c r="Z421" s="53">
        <v>187122.53999999899</v>
      </c>
      <c r="AA421" s="53">
        <v>1348298.8799999901</v>
      </c>
      <c r="AB421" s="53">
        <v>75991.969999999797</v>
      </c>
      <c r="AC421" s="53">
        <v>46890.389999999898</v>
      </c>
      <c r="AD421" s="53">
        <v>322614.90999999997</v>
      </c>
      <c r="AE421" s="53">
        <v>216638.69999999899</v>
      </c>
      <c r="AF421" s="53">
        <v>60006.459999999803</v>
      </c>
      <c r="AG421" s="53">
        <v>223064.799999999</v>
      </c>
      <c r="AH421" s="53">
        <v>22573.3999999999</v>
      </c>
      <c r="AI421" s="53">
        <v>5283.8799999999101</v>
      </c>
      <c r="AJ421" s="53">
        <v>148483.44999999899</v>
      </c>
      <c r="AK421" s="53">
        <v>-22177.67</v>
      </c>
      <c r="AL421" s="53">
        <v>61806.049999999901</v>
      </c>
      <c r="AM421" s="53">
        <v>187122.53999999899</v>
      </c>
      <c r="AN421" s="53">
        <v>1348298.8799999901</v>
      </c>
      <c r="AO421" s="53">
        <v>75991.969999999797</v>
      </c>
      <c r="AP421" s="53">
        <v>46890.389999999898</v>
      </c>
      <c r="AQ421" s="53">
        <v>322614.90999999997</v>
      </c>
      <c r="AR421" s="53">
        <v>216638.69999999899</v>
      </c>
      <c r="AS421" s="53">
        <v>60006.459999999803</v>
      </c>
      <c r="AT421" s="53">
        <v>223064.799999999</v>
      </c>
      <c r="AU421" s="53">
        <v>22573.3999999999</v>
      </c>
      <c r="AV421" s="53">
        <v>5283.8799999999101</v>
      </c>
      <c r="AW421" s="53">
        <v>148483.44999999899</v>
      </c>
      <c r="AX421" s="53">
        <v>-22177.67</v>
      </c>
      <c r="AY421" s="53">
        <v>61806.049999999901</v>
      </c>
      <c r="AZ421" s="53">
        <v>187122.53999999899</v>
      </c>
      <c r="BA421" s="53">
        <v>1348298.8799999901</v>
      </c>
    </row>
    <row r="422" spans="1:53">
      <c r="A422" s="52" t="s">
        <v>3736</v>
      </c>
      <c r="B422" s="53">
        <v>0</v>
      </c>
      <c r="C422" s="53">
        <v>0</v>
      </c>
      <c r="D422" s="53">
        <v>0</v>
      </c>
      <c r="E422" s="53">
        <v>0</v>
      </c>
      <c r="F422" s="53">
        <v>0</v>
      </c>
      <c r="G422" s="53">
        <v>0</v>
      </c>
      <c r="H422" s="53">
        <v>0</v>
      </c>
      <c r="I422" s="53">
        <v>0</v>
      </c>
      <c r="J422" s="53">
        <v>0</v>
      </c>
      <c r="K422" s="53">
        <v>0</v>
      </c>
      <c r="L422" s="53">
        <v>0</v>
      </c>
      <c r="M422" s="53">
        <v>0</v>
      </c>
      <c r="N422" s="53">
        <v>0</v>
      </c>
      <c r="O422" s="53">
        <v>0</v>
      </c>
      <c r="P422" s="53">
        <v>0</v>
      </c>
      <c r="Q422" s="53">
        <v>0</v>
      </c>
      <c r="R422" s="53">
        <v>0</v>
      </c>
      <c r="S422" s="53">
        <v>0</v>
      </c>
      <c r="T422" s="53">
        <v>0</v>
      </c>
      <c r="U422" s="53">
        <v>0</v>
      </c>
      <c r="V422" s="53">
        <v>0</v>
      </c>
      <c r="W422" s="53">
        <v>0</v>
      </c>
      <c r="X422" s="53">
        <v>0</v>
      </c>
      <c r="Y422" s="53">
        <v>0</v>
      </c>
      <c r="Z422" s="53">
        <v>0</v>
      </c>
      <c r="AA422" s="53">
        <v>0</v>
      </c>
      <c r="AB422" s="53">
        <v>0</v>
      </c>
      <c r="AC422" s="53">
        <v>0</v>
      </c>
      <c r="AD422" s="53">
        <v>0</v>
      </c>
      <c r="AE422" s="53">
        <v>0</v>
      </c>
      <c r="AF422" s="53">
        <v>0</v>
      </c>
      <c r="AG422" s="53">
        <v>0</v>
      </c>
      <c r="AH422" s="53">
        <v>0</v>
      </c>
      <c r="AI422" s="53">
        <v>0</v>
      </c>
      <c r="AJ422" s="53">
        <v>0</v>
      </c>
      <c r="AK422" s="53">
        <v>0</v>
      </c>
      <c r="AL422" s="53">
        <v>0</v>
      </c>
      <c r="AM422" s="53">
        <v>0</v>
      </c>
      <c r="AN422" s="53">
        <v>0</v>
      </c>
      <c r="AO422" s="53">
        <v>0</v>
      </c>
      <c r="AP422" s="53">
        <v>0</v>
      </c>
      <c r="AQ422" s="53">
        <v>0</v>
      </c>
      <c r="AR422" s="53">
        <v>0</v>
      </c>
      <c r="AS422" s="53">
        <v>0</v>
      </c>
      <c r="AT422" s="53">
        <v>0</v>
      </c>
      <c r="AU422" s="53">
        <v>0</v>
      </c>
      <c r="AV422" s="53">
        <v>0</v>
      </c>
      <c r="AW422" s="53">
        <v>0</v>
      </c>
      <c r="AX422" s="53">
        <v>0</v>
      </c>
      <c r="AY422" s="53">
        <v>0</v>
      </c>
      <c r="AZ422" s="53">
        <v>0</v>
      </c>
      <c r="BA422" s="53">
        <v>0</v>
      </c>
    </row>
    <row r="423" spans="1:53">
      <c r="A423" s="52" t="s">
        <v>3737</v>
      </c>
      <c r="B423" s="53">
        <v>498017.05999999901</v>
      </c>
      <c r="C423" s="53">
        <v>287593.989999999</v>
      </c>
      <c r="D423" s="53">
        <v>419133.34999999899</v>
      </c>
      <c r="E423" s="53">
        <v>299422.78999999998</v>
      </c>
      <c r="F423" s="53">
        <v>387651.109999999</v>
      </c>
      <c r="G423" s="53">
        <v>409939.77999999898</v>
      </c>
      <c r="H423" s="53">
        <v>393384.32</v>
      </c>
      <c r="I423" s="53">
        <v>375773.13999999902</v>
      </c>
      <c r="J423" s="53">
        <v>394582.42</v>
      </c>
      <c r="K423" s="53">
        <v>512728.40999999898</v>
      </c>
      <c r="L423" s="53">
        <v>377624.74999999901</v>
      </c>
      <c r="M423" s="53">
        <v>438550.72</v>
      </c>
      <c r="N423" s="53">
        <v>4794401.84</v>
      </c>
      <c r="O423" s="53">
        <v>498017.05999999901</v>
      </c>
      <c r="P423" s="53">
        <v>287593.989999999</v>
      </c>
      <c r="Q423" s="53">
        <v>419133.34999999899</v>
      </c>
      <c r="R423" s="53">
        <v>299422.78999999998</v>
      </c>
      <c r="S423" s="53">
        <v>387651.109999999</v>
      </c>
      <c r="T423" s="53">
        <v>409939.77999999898</v>
      </c>
      <c r="U423" s="53">
        <v>393384.32</v>
      </c>
      <c r="V423" s="53">
        <v>375773.13999999902</v>
      </c>
      <c r="W423" s="53">
        <v>394582.42</v>
      </c>
      <c r="X423" s="53">
        <v>512728.40999999898</v>
      </c>
      <c r="Y423" s="53">
        <v>377624.74999999901</v>
      </c>
      <c r="Z423" s="53">
        <v>438550.72</v>
      </c>
      <c r="AA423" s="53">
        <v>4794401.84</v>
      </c>
      <c r="AB423" s="53">
        <v>498017.05999999901</v>
      </c>
      <c r="AC423" s="53">
        <v>287593.989999999</v>
      </c>
      <c r="AD423" s="53">
        <v>419133.34999999899</v>
      </c>
      <c r="AE423" s="53">
        <v>299422.78999999998</v>
      </c>
      <c r="AF423" s="53">
        <v>387651.109999999</v>
      </c>
      <c r="AG423" s="53">
        <v>409939.77999999898</v>
      </c>
      <c r="AH423" s="53">
        <v>393384.32</v>
      </c>
      <c r="AI423" s="53">
        <v>375773.13999999902</v>
      </c>
      <c r="AJ423" s="53">
        <v>394582.42</v>
      </c>
      <c r="AK423" s="53">
        <v>512728.40999999898</v>
      </c>
      <c r="AL423" s="53">
        <v>377624.74999999901</v>
      </c>
      <c r="AM423" s="53">
        <v>438550.72</v>
      </c>
      <c r="AN423" s="53">
        <v>4794401.84</v>
      </c>
      <c r="AO423" s="53">
        <v>498017.05999999901</v>
      </c>
      <c r="AP423" s="53">
        <v>287593.989999999</v>
      </c>
      <c r="AQ423" s="53">
        <v>419133.34999999899</v>
      </c>
      <c r="AR423" s="53">
        <v>299422.78999999998</v>
      </c>
      <c r="AS423" s="53">
        <v>387651.109999999</v>
      </c>
      <c r="AT423" s="53">
        <v>409939.77999999898</v>
      </c>
      <c r="AU423" s="53">
        <v>393384.32</v>
      </c>
      <c r="AV423" s="53">
        <v>375773.13999999902</v>
      </c>
      <c r="AW423" s="53">
        <v>394582.42</v>
      </c>
      <c r="AX423" s="53">
        <v>512728.40999999898</v>
      </c>
      <c r="AY423" s="53">
        <v>377624.74999999901</v>
      </c>
      <c r="AZ423" s="53">
        <v>438550.72</v>
      </c>
      <c r="BA423" s="53">
        <v>4794401.84</v>
      </c>
    </row>
    <row r="424" spans="1:53">
      <c r="A424" s="52" t="s">
        <v>3738</v>
      </c>
      <c r="B424" s="53">
        <v>84660.03</v>
      </c>
      <c r="C424" s="53">
        <v>115385.03</v>
      </c>
      <c r="D424" s="53">
        <v>91617.229999999894</v>
      </c>
      <c r="E424" s="53">
        <v>90805.03</v>
      </c>
      <c r="F424" s="53">
        <v>84660.03</v>
      </c>
      <c r="G424" s="53">
        <v>99868.08</v>
      </c>
      <c r="H424" s="53">
        <v>98147.48</v>
      </c>
      <c r="I424" s="53">
        <v>98147.48</v>
      </c>
      <c r="J424" s="53">
        <v>103186.38</v>
      </c>
      <c r="K424" s="53">
        <v>101711.58</v>
      </c>
      <c r="L424" s="53">
        <v>98147.48</v>
      </c>
      <c r="M424" s="53">
        <v>123341.98</v>
      </c>
      <c r="N424" s="53">
        <v>1189677.80999999</v>
      </c>
      <c r="O424" s="53">
        <v>84660.03</v>
      </c>
      <c r="P424" s="53">
        <v>115385.03</v>
      </c>
      <c r="Q424" s="53">
        <v>91617.229999999894</v>
      </c>
      <c r="R424" s="53">
        <v>90805.03</v>
      </c>
      <c r="S424" s="53">
        <v>84660.03</v>
      </c>
      <c r="T424" s="53">
        <v>99868.08</v>
      </c>
      <c r="U424" s="53">
        <v>98147.48</v>
      </c>
      <c r="V424" s="53">
        <v>98147.48</v>
      </c>
      <c r="W424" s="53">
        <v>103186.38</v>
      </c>
      <c r="X424" s="53">
        <v>101711.58</v>
      </c>
      <c r="Y424" s="53">
        <v>98147.48</v>
      </c>
      <c r="Z424" s="53">
        <v>123341.98</v>
      </c>
      <c r="AA424" s="53">
        <v>1189677.80999999</v>
      </c>
      <c r="AB424" s="53">
        <v>84660.03</v>
      </c>
      <c r="AC424" s="53">
        <v>115385.03</v>
      </c>
      <c r="AD424" s="53">
        <v>91617.229999999894</v>
      </c>
      <c r="AE424" s="53">
        <v>90805.03</v>
      </c>
      <c r="AF424" s="53">
        <v>84660.03</v>
      </c>
      <c r="AG424" s="53">
        <v>99868.08</v>
      </c>
      <c r="AH424" s="53">
        <v>98147.48</v>
      </c>
      <c r="AI424" s="53">
        <v>98147.48</v>
      </c>
      <c r="AJ424" s="53">
        <v>103186.38</v>
      </c>
      <c r="AK424" s="53">
        <v>101711.58</v>
      </c>
      <c r="AL424" s="53">
        <v>98147.48</v>
      </c>
      <c r="AM424" s="53">
        <v>123341.98</v>
      </c>
      <c r="AN424" s="53">
        <v>1189677.80999999</v>
      </c>
      <c r="AO424" s="53">
        <v>84660.03</v>
      </c>
      <c r="AP424" s="53">
        <v>115385.03</v>
      </c>
      <c r="AQ424" s="53">
        <v>91617.229999999894</v>
      </c>
      <c r="AR424" s="53">
        <v>90805.03</v>
      </c>
      <c r="AS424" s="53">
        <v>84660.03</v>
      </c>
      <c r="AT424" s="53">
        <v>99868.08</v>
      </c>
      <c r="AU424" s="53">
        <v>98147.48</v>
      </c>
      <c r="AV424" s="53">
        <v>98147.48</v>
      </c>
      <c r="AW424" s="53">
        <v>103186.38</v>
      </c>
      <c r="AX424" s="53">
        <v>101711.58</v>
      </c>
      <c r="AY424" s="53">
        <v>98147.48</v>
      </c>
      <c r="AZ424" s="53">
        <v>123341.98</v>
      </c>
      <c r="BA424" s="53">
        <v>1189677.80999999</v>
      </c>
    </row>
    <row r="425" spans="1:53">
      <c r="A425" s="52" t="s">
        <v>3739</v>
      </c>
      <c r="B425" s="53">
        <v>257.49029999999999</v>
      </c>
      <c r="C425" s="53">
        <v>257.49029999999999</v>
      </c>
      <c r="D425" s="53">
        <v>-295.55969999999797</v>
      </c>
      <c r="E425" s="53">
        <v>257.49029999999999</v>
      </c>
      <c r="F425" s="53">
        <v>257.49029999999999</v>
      </c>
      <c r="G425" s="53">
        <v>-295.55969999999797</v>
      </c>
      <c r="H425" s="53">
        <v>257.49029999999999</v>
      </c>
      <c r="I425" s="53">
        <v>257.49029999999999</v>
      </c>
      <c r="J425" s="53">
        <v>-295.55969999999797</v>
      </c>
      <c r="K425" s="53">
        <v>257.49029999999999</v>
      </c>
      <c r="L425" s="53">
        <v>257.49029999999999</v>
      </c>
      <c r="M425" s="53">
        <v>-296.25969999999302</v>
      </c>
      <c r="N425" s="53">
        <v>876.98360000001605</v>
      </c>
      <c r="O425" s="53">
        <v>257.49029999999999</v>
      </c>
      <c r="P425" s="53">
        <v>257.49029999999999</v>
      </c>
      <c r="Q425" s="53">
        <v>-295.55969999999797</v>
      </c>
      <c r="R425" s="53">
        <v>257.49029999999999</v>
      </c>
      <c r="S425" s="53">
        <v>257.49029999999999</v>
      </c>
      <c r="T425" s="53">
        <v>-295.55969999999797</v>
      </c>
      <c r="U425" s="53">
        <v>257.49029999999999</v>
      </c>
      <c r="V425" s="53">
        <v>257.49029999999999</v>
      </c>
      <c r="W425" s="53">
        <v>-295.55969999999797</v>
      </c>
      <c r="X425" s="53">
        <v>257.49029999999999</v>
      </c>
      <c r="Y425" s="53">
        <v>257.49029999999999</v>
      </c>
      <c r="Z425" s="53">
        <v>-296.25969999999302</v>
      </c>
      <c r="AA425" s="53">
        <v>876.98360000001605</v>
      </c>
      <c r="AB425" s="53">
        <v>257.49029999999999</v>
      </c>
      <c r="AC425" s="53">
        <v>257.49029999999999</v>
      </c>
      <c r="AD425" s="53">
        <v>-295.55969999999797</v>
      </c>
      <c r="AE425" s="53">
        <v>257.49029999999999</v>
      </c>
      <c r="AF425" s="53">
        <v>257.49029999999999</v>
      </c>
      <c r="AG425" s="53">
        <v>-295.55969999999797</v>
      </c>
      <c r="AH425" s="53">
        <v>257.49029999999999</v>
      </c>
      <c r="AI425" s="53">
        <v>257.49029999999999</v>
      </c>
      <c r="AJ425" s="53">
        <v>-295.55969999999797</v>
      </c>
      <c r="AK425" s="53">
        <v>257.49029999999999</v>
      </c>
      <c r="AL425" s="53">
        <v>257.49029999999999</v>
      </c>
      <c r="AM425" s="53">
        <v>-296.25969999999302</v>
      </c>
      <c r="AN425" s="53">
        <v>876.98360000001605</v>
      </c>
      <c r="AO425" s="53">
        <v>257.49029999999999</v>
      </c>
      <c r="AP425" s="53">
        <v>257.49029999999999</v>
      </c>
      <c r="AQ425" s="53">
        <v>-295.55969999999797</v>
      </c>
      <c r="AR425" s="53">
        <v>257.49029999999999</v>
      </c>
      <c r="AS425" s="53">
        <v>257.49029999999999</v>
      </c>
      <c r="AT425" s="53">
        <v>-295.55969999999797</v>
      </c>
      <c r="AU425" s="53">
        <v>257.49029999999999</v>
      </c>
      <c r="AV425" s="53">
        <v>257.49029999999999</v>
      </c>
      <c r="AW425" s="53">
        <v>-295.55969999999797</v>
      </c>
      <c r="AX425" s="53">
        <v>257.49029999999999</v>
      </c>
      <c r="AY425" s="53">
        <v>257.49029999999999</v>
      </c>
      <c r="AZ425" s="53">
        <v>-296.25969999999302</v>
      </c>
      <c r="BA425" s="53">
        <v>876.98360000001605</v>
      </c>
    </row>
    <row r="426" spans="1:53">
      <c r="A426" s="52" t="s">
        <v>3740</v>
      </c>
      <c r="B426" s="53">
        <v>0</v>
      </c>
      <c r="C426" s="53">
        <v>0</v>
      </c>
      <c r="D426" s="53">
        <v>0</v>
      </c>
      <c r="E426" s="53">
        <v>0</v>
      </c>
      <c r="F426" s="53">
        <v>0</v>
      </c>
      <c r="G426" s="53">
        <v>0</v>
      </c>
      <c r="H426" s="53">
        <v>0</v>
      </c>
      <c r="I426" s="53">
        <v>0</v>
      </c>
      <c r="J426" s="53">
        <v>0</v>
      </c>
      <c r="K426" s="53">
        <v>0</v>
      </c>
      <c r="L426" s="53">
        <v>0</v>
      </c>
      <c r="M426" s="53">
        <v>0</v>
      </c>
      <c r="N426" s="53">
        <v>0</v>
      </c>
      <c r="O426" s="53">
        <v>0</v>
      </c>
      <c r="P426" s="53">
        <v>0</v>
      </c>
      <c r="Q426" s="53">
        <v>0</v>
      </c>
      <c r="R426" s="53">
        <v>0</v>
      </c>
      <c r="S426" s="53">
        <v>0</v>
      </c>
      <c r="T426" s="53">
        <v>0</v>
      </c>
      <c r="U426" s="53">
        <v>0</v>
      </c>
      <c r="V426" s="53">
        <v>0</v>
      </c>
      <c r="W426" s="53">
        <v>0</v>
      </c>
      <c r="X426" s="53">
        <v>0</v>
      </c>
      <c r="Y426" s="53">
        <v>0</v>
      </c>
      <c r="Z426" s="53">
        <v>0</v>
      </c>
      <c r="AA426" s="53">
        <v>0</v>
      </c>
      <c r="AB426" s="53">
        <v>0</v>
      </c>
      <c r="AC426" s="53">
        <v>0</v>
      </c>
      <c r="AD426" s="53">
        <v>0</v>
      </c>
      <c r="AE426" s="53">
        <v>0</v>
      </c>
      <c r="AF426" s="53">
        <v>0</v>
      </c>
      <c r="AG426" s="53">
        <v>0</v>
      </c>
      <c r="AH426" s="53">
        <v>0</v>
      </c>
      <c r="AI426" s="53">
        <v>0</v>
      </c>
      <c r="AJ426" s="53">
        <v>0</v>
      </c>
      <c r="AK426" s="53">
        <v>0</v>
      </c>
      <c r="AL426" s="53">
        <v>0</v>
      </c>
      <c r="AM426" s="53">
        <v>0</v>
      </c>
      <c r="AN426" s="53">
        <v>0</v>
      </c>
      <c r="AO426" s="53">
        <v>0</v>
      </c>
      <c r="AP426" s="53">
        <v>0</v>
      </c>
      <c r="AQ426" s="53">
        <v>0</v>
      </c>
      <c r="AR426" s="53">
        <v>0</v>
      </c>
      <c r="AS426" s="53">
        <v>0</v>
      </c>
      <c r="AT426" s="53">
        <v>0</v>
      </c>
      <c r="AU426" s="53">
        <v>0</v>
      </c>
      <c r="AV426" s="53">
        <v>0</v>
      </c>
      <c r="AW426" s="53">
        <v>0</v>
      </c>
      <c r="AX426" s="53">
        <v>0</v>
      </c>
      <c r="AY426" s="53">
        <v>0</v>
      </c>
      <c r="AZ426" s="53">
        <v>0</v>
      </c>
      <c r="BA426" s="53">
        <v>0</v>
      </c>
    </row>
    <row r="427" spans="1:53">
      <c r="A427" s="52" t="s">
        <v>3741</v>
      </c>
      <c r="B427" s="53">
        <v>0</v>
      </c>
      <c r="C427" s="53">
        <v>0</v>
      </c>
      <c r="D427" s="53">
        <v>0</v>
      </c>
      <c r="E427" s="53">
        <v>0</v>
      </c>
      <c r="F427" s="53">
        <v>0</v>
      </c>
      <c r="G427" s="53">
        <v>0</v>
      </c>
      <c r="H427" s="53">
        <v>0</v>
      </c>
      <c r="I427" s="53">
        <v>0</v>
      </c>
      <c r="J427" s="53">
        <v>0</v>
      </c>
      <c r="K427" s="53">
        <v>0</v>
      </c>
      <c r="L427" s="53">
        <v>0</v>
      </c>
      <c r="M427" s="53">
        <v>0</v>
      </c>
      <c r="N427" s="53">
        <v>0</v>
      </c>
      <c r="O427" s="53">
        <v>0</v>
      </c>
      <c r="P427" s="53">
        <v>0</v>
      </c>
      <c r="Q427" s="53">
        <v>0</v>
      </c>
      <c r="R427" s="53">
        <v>0</v>
      </c>
      <c r="S427" s="53">
        <v>0</v>
      </c>
      <c r="T427" s="53">
        <v>0</v>
      </c>
      <c r="U427" s="53">
        <v>0</v>
      </c>
      <c r="V427" s="53">
        <v>0</v>
      </c>
      <c r="W427" s="53">
        <v>0</v>
      </c>
      <c r="X427" s="53">
        <v>0</v>
      </c>
      <c r="Y427" s="53">
        <v>0</v>
      </c>
      <c r="Z427" s="53">
        <v>0</v>
      </c>
      <c r="AA427" s="53">
        <v>0</v>
      </c>
      <c r="AB427" s="53">
        <v>0</v>
      </c>
      <c r="AC427" s="53">
        <v>0</v>
      </c>
      <c r="AD427" s="53">
        <v>0</v>
      </c>
      <c r="AE427" s="53">
        <v>0</v>
      </c>
      <c r="AF427" s="53">
        <v>0</v>
      </c>
      <c r="AG427" s="53">
        <v>0</v>
      </c>
      <c r="AH427" s="53">
        <v>0</v>
      </c>
      <c r="AI427" s="53">
        <v>0</v>
      </c>
      <c r="AJ427" s="53">
        <v>0</v>
      </c>
      <c r="AK427" s="53">
        <v>0</v>
      </c>
      <c r="AL427" s="53">
        <v>0</v>
      </c>
      <c r="AM427" s="53">
        <v>0</v>
      </c>
      <c r="AN427" s="53">
        <v>0</v>
      </c>
      <c r="AO427" s="53">
        <v>0</v>
      </c>
      <c r="AP427" s="53">
        <v>0</v>
      </c>
      <c r="AQ427" s="53">
        <v>0</v>
      </c>
      <c r="AR427" s="53">
        <v>0</v>
      </c>
      <c r="AS427" s="53">
        <v>0</v>
      </c>
      <c r="AT427" s="53">
        <v>0</v>
      </c>
      <c r="AU427" s="53">
        <v>0</v>
      </c>
      <c r="AV427" s="53">
        <v>0</v>
      </c>
      <c r="AW427" s="53">
        <v>0</v>
      </c>
      <c r="AX427" s="53">
        <v>0</v>
      </c>
      <c r="AY427" s="53">
        <v>0</v>
      </c>
      <c r="AZ427" s="53">
        <v>0</v>
      </c>
      <c r="BA427" s="53">
        <v>0</v>
      </c>
    </row>
    <row r="428" spans="1:53">
      <c r="A428" s="52" t="s">
        <v>3742</v>
      </c>
      <c r="B428" s="53">
        <v>2454131.0499999998</v>
      </c>
      <c r="C428" s="53">
        <v>2452896.9900000002</v>
      </c>
      <c r="D428" s="53">
        <v>2443168.0499999998</v>
      </c>
      <c r="E428" s="53">
        <v>2442732.3499999898</v>
      </c>
      <c r="F428" s="53">
        <v>2421280.11</v>
      </c>
      <c r="G428" s="53">
        <v>2442011.9300000002</v>
      </c>
      <c r="H428" s="53">
        <v>2439636.3199999998</v>
      </c>
      <c r="I428" s="53">
        <v>2439548.84</v>
      </c>
      <c r="J428" s="53">
        <v>2441624.0699999998</v>
      </c>
      <c r="K428" s="53">
        <v>2440121.11</v>
      </c>
      <c r="L428" s="53">
        <v>2422874.5499999998</v>
      </c>
      <c r="M428" s="53">
        <v>2438226.87</v>
      </c>
      <c r="N428" s="53">
        <v>29278252.239999998</v>
      </c>
      <c r="O428" s="53">
        <v>2454131.0499999998</v>
      </c>
      <c r="P428" s="53">
        <v>2452896.9900000002</v>
      </c>
      <c r="Q428" s="53">
        <v>2443168.0499999998</v>
      </c>
      <c r="R428" s="53">
        <v>2442732.3499999898</v>
      </c>
      <c r="S428" s="53">
        <v>2421280.11</v>
      </c>
      <c r="T428" s="53">
        <v>2442011.9300000002</v>
      </c>
      <c r="U428" s="53">
        <v>2439636.3199999998</v>
      </c>
      <c r="V428" s="53">
        <v>2439548.84</v>
      </c>
      <c r="W428" s="53">
        <v>2441624.0699999998</v>
      </c>
      <c r="X428" s="53">
        <v>2440121.11</v>
      </c>
      <c r="Y428" s="53">
        <v>2422874.5499999998</v>
      </c>
      <c r="Z428" s="53">
        <v>2438226.87</v>
      </c>
      <c r="AA428" s="53">
        <v>29278252.239999998</v>
      </c>
      <c r="AB428" s="53">
        <v>2454131.0499999998</v>
      </c>
      <c r="AC428" s="53">
        <v>2452896.9900000002</v>
      </c>
      <c r="AD428" s="53">
        <v>2443168.0499999998</v>
      </c>
      <c r="AE428" s="53">
        <v>2442732.3499999898</v>
      </c>
      <c r="AF428" s="53">
        <v>2421280.11</v>
      </c>
      <c r="AG428" s="53">
        <v>2442011.9300000002</v>
      </c>
      <c r="AH428" s="53">
        <v>2439636.3199999998</v>
      </c>
      <c r="AI428" s="53">
        <v>2439548.84</v>
      </c>
      <c r="AJ428" s="53">
        <v>2441624.0699999998</v>
      </c>
      <c r="AK428" s="53">
        <v>2440121.11</v>
      </c>
      <c r="AL428" s="53">
        <v>2422874.5499999998</v>
      </c>
      <c r="AM428" s="53">
        <v>2438226.87</v>
      </c>
      <c r="AN428" s="53">
        <v>29278252.239999998</v>
      </c>
      <c r="AO428" s="53">
        <v>2454131.0499999998</v>
      </c>
      <c r="AP428" s="53">
        <v>2452896.9900000002</v>
      </c>
      <c r="AQ428" s="53">
        <v>2443168.0499999998</v>
      </c>
      <c r="AR428" s="53">
        <v>2442732.3499999898</v>
      </c>
      <c r="AS428" s="53">
        <v>2421280.11</v>
      </c>
      <c r="AT428" s="53">
        <v>2442011.9300000002</v>
      </c>
      <c r="AU428" s="53">
        <v>2439636.3199999998</v>
      </c>
      <c r="AV428" s="53">
        <v>2439548.84</v>
      </c>
      <c r="AW428" s="53">
        <v>2441624.0699999998</v>
      </c>
      <c r="AX428" s="53">
        <v>2440121.11</v>
      </c>
      <c r="AY428" s="53">
        <v>2422874.5499999998</v>
      </c>
      <c r="AZ428" s="53">
        <v>2438226.87</v>
      </c>
      <c r="BA428" s="53">
        <v>29278252.239999998</v>
      </c>
    </row>
    <row r="429" spans="1:53">
      <c r="A429" s="52" t="s">
        <v>3743</v>
      </c>
      <c r="B429" s="53">
        <v>3309701.2910500001</v>
      </c>
      <c r="C429" s="53">
        <v>3047249.8310500002</v>
      </c>
      <c r="D429" s="53">
        <v>3375620.0910499999</v>
      </c>
      <c r="E429" s="53">
        <v>3194987.0610500001</v>
      </c>
      <c r="F429" s="53">
        <v>3100869.13105</v>
      </c>
      <c r="G429" s="53">
        <v>3323725.5410500001</v>
      </c>
      <c r="H429" s="53">
        <v>3102160.5610500001</v>
      </c>
      <c r="I429" s="53">
        <v>3065998.7910500001</v>
      </c>
      <c r="J429" s="53">
        <v>3189795.5510499999</v>
      </c>
      <c r="K429" s="53">
        <v>3186265.42105</v>
      </c>
      <c r="L429" s="53">
        <v>3120106.6210499899</v>
      </c>
      <c r="M429" s="53">
        <v>3365624.8310500002</v>
      </c>
      <c r="N429" s="53">
        <v>38382104.722599998</v>
      </c>
      <c r="O429" s="53">
        <v>3402653.8626999902</v>
      </c>
      <c r="P429" s="53">
        <v>3140202.4027</v>
      </c>
      <c r="Q429" s="53">
        <v>3468572.66269999</v>
      </c>
      <c r="R429" s="53">
        <v>3287939.6327</v>
      </c>
      <c r="S429" s="53">
        <v>3193821.7026999998</v>
      </c>
      <c r="T429" s="53">
        <v>3416678.1126999999</v>
      </c>
      <c r="U429" s="53">
        <v>3195113.1327</v>
      </c>
      <c r="V429" s="53">
        <v>3158951.3626999902</v>
      </c>
      <c r="W429" s="53">
        <v>3282748.1226999899</v>
      </c>
      <c r="X429" s="53">
        <v>3279217.9926999998</v>
      </c>
      <c r="Y429" s="53">
        <v>3213059.1926999898</v>
      </c>
      <c r="Z429" s="53">
        <v>3458577.4027</v>
      </c>
      <c r="AA429" s="53">
        <v>39497535.582399897</v>
      </c>
      <c r="AB429" s="53">
        <v>3495057.4943499998</v>
      </c>
      <c r="AC429" s="53">
        <v>3232606.0343499999</v>
      </c>
      <c r="AD429" s="53">
        <v>3560976.2943499899</v>
      </c>
      <c r="AE429" s="53">
        <v>3380343.2643499901</v>
      </c>
      <c r="AF429" s="53">
        <v>3286225.3343499899</v>
      </c>
      <c r="AG429" s="53">
        <v>3509081.7443499998</v>
      </c>
      <c r="AH429" s="53">
        <v>3287516.7643499998</v>
      </c>
      <c r="AI429" s="53">
        <v>3251354.9943499998</v>
      </c>
      <c r="AJ429" s="53">
        <v>3375151.7543500001</v>
      </c>
      <c r="AK429" s="53">
        <v>3371621.6243499899</v>
      </c>
      <c r="AL429" s="53">
        <v>3305462.8243499999</v>
      </c>
      <c r="AM429" s="53">
        <v>3550981.0343499999</v>
      </c>
      <c r="AN429" s="53">
        <v>40606379.162199996</v>
      </c>
      <c r="AO429" s="53">
        <v>3586950.91599999</v>
      </c>
      <c r="AP429" s="53">
        <v>3324499.4559999998</v>
      </c>
      <c r="AQ429" s="53">
        <v>3652869.7159999898</v>
      </c>
      <c r="AR429" s="53">
        <v>3472236.68599999</v>
      </c>
      <c r="AS429" s="53">
        <v>3378118.7560000001</v>
      </c>
      <c r="AT429" s="53">
        <v>3600975.1660000002</v>
      </c>
      <c r="AU429" s="53">
        <v>3379410.1860000002</v>
      </c>
      <c r="AV429" s="53">
        <v>3343248.41599999</v>
      </c>
      <c r="AW429" s="53">
        <v>3467045.1759999902</v>
      </c>
      <c r="AX429" s="53">
        <v>3463515.0460000001</v>
      </c>
      <c r="AY429" s="53">
        <v>3397356.2459999998</v>
      </c>
      <c r="AZ429" s="53">
        <v>3642874.4559999998</v>
      </c>
      <c r="BA429" s="53">
        <v>41709100.222000003</v>
      </c>
    </row>
    <row r="430" spans="1:53">
      <c r="A430" s="52" t="s">
        <v>3744</v>
      </c>
      <c r="B430" s="53"/>
      <c r="C430" s="53"/>
      <c r="D430" s="53"/>
      <c r="E430" s="53"/>
      <c r="F430" s="53"/>
      <c r="G430" s="53"/>
      <c r="H430" s="53"/>
      <c r="I430" s="53"/>
      <c r="J430" s="53"/>
      <c r="K430" s="53"/>
      <c r="L430" s="53"/>
      <c r="M430" s="53"/>
      <c r="N430" s="53"/>
      <c r="O430" s="53"/>
      <c r="P430" s="53"/>
      <c r="Q430" s="53"/>
      <c r="R430" s="53"/>
      <c r="S430" s="53"/>
      <c r="T430" s="53"/>
      <c r="U430" s="53"/>
      <c r="V430" s="53"/>
      <c r="W430" s="53"/>
      <c r="X430" s="53"/>
      <c r="Y430" s="53"/>
      <c r="Z430" s="53"/>
      <c r="AA430" s="53"/>
      <c r="AB430" s="53"/>
      <c r="AC430" s="53"/>
      <c r="AD430" s="53"/>
      <c r="AE430" s="53"/>
      <c r="AF430" s="53"/>
      <c r="AG430" s="53"/>
      <c r="AH430" s="53"/>
      <c r="AI430" s="53"/>
      <c r="AJ430" s="53"/>
      <c r="AK430" s="53"/>
      <c r="AL430" s="53"/>
      <c r="AM430" s="53"/>
      <c r="AN430" s="53"/>
      <c r="AO430" s="53"/>
      <c r="AP430" s="53"/>
      <c r="AQ430" s="53"/>
      <c r="AR430" s="53"/>
      <c r="AS430" s="53"/>
      <c r="AT430" s="53"/>
      <c r="AU430" s="53"/>
      <c r="AV430" s="53"/>
      <c r="AW430" s="53"/>
      <c r="AX430" s="53"/>
      <c r="AY430" s="53"/>
      <c r="AZ430" s="53"/>
      <c r="BA430" s="53"/>
    </row>
    <row r="431" spans="1:53">
      <c r="A431" s="52" t="s">
        <v>3745</v>
      </c>
      <c r="B431" s="53">
        <v>3510.91</v>
      </c>
      <c r="C431" s="53">
        <v>3510.91</v>
      </c>
      <c r="D431" s="53">
        <v>3633.7999999999902</v>
      </c>
      <c r="E431" s="53">
        <v>3633.7999999999902</v>
      </c>
      <c r="F431" s="53">
        <v>3633.7999999999902</v>
      </c>
      <c r="G431" s="53">
        <v>3633.7999999999902</v>
      </c>
      <c r="H431" s="53">
        <v>3633.7999999999902</v>
      </c>
      <c r="I431" s="53">
        <v>3633.7999999999902</v>
      </c>
      <c r="J431" s="53">
        <v>3633.7999999999902</v>
      </c>
      <c r="K431" s="53">
        <v>3633.7999999999902</v>
      </c>
      <c r="L431" s="53">
        <v>3633.7999999999902</v>
      </c>
      <c r="M431" s="53">
        <v>3633.7999999999902</v>
      </c>
      <c r="N431" s="53">
        <v>43359.82</v>
      </c>
      <c r="O431" s="53">
        <v>3510.91</v>
      </c>
      <c r="P431" s="53">
        <v>3510.91</v>
      </c>
      <c r="Q431" s="53">
        <v>3633.7999999999902</v>
      </c>
      <c r="R431" s="53">
        <v>3633.7999999999902</v>
      </c>
      <c r="S431" s="53">
        <v>3633.7999999999902</v>
      </c>
      <c r="T431" s="53">
        <v>3633.7999999999902</v>
      </c>
      <c r="U431" s="53">
        <v>3633.7999999999902</v>
      </c>
      <c r="V431" s="53">
        <v>3633.7999999999902</v>
      </c>
      <c r="W431" s="53">
        <v>3633.7999999999902</v>
      </c>
      <c r="X431" s="53">
        <v>3633.7999999999902</v>
      </c>
      <c r="Y431" s="53">
        <v>3633.7999999999902</v>
      </c>
      <c r="Z431" s="53">
        <v>3633.7999999999902</v>
      </c>
      <c r="AA431" s="53">
        <v>43359.82</v>
      </c>
      <c r="AB431" s="53">
        <v>3510.91</v>
      </c>
      <c r="AC431" s="53">
        <v>3510.91</v>
      </c>
      <c r="AD431" s="53">
        <v>3633.7999999999902</v>
      </c>
      <c r="AE431" s="53">
        <v>3633.7999999999902</v>
      </c>
      <c r="AF431" s="53">
        <v>3633.7999999999902</v>
      </c>
      <c r="AG431" s="53">
        <v>3633.7999999999902</v>
      </c>
      <c r="AH431" s="53">
        <v>3633.7999999999902</v>
      </c>
      <c r="AI431" s="53">
        <v>3633.7999999999902</v>
      </c>
      <c r="AJ431" s="53">
        <v>3633.7999999999902</v>
      </c>
      <c r="AK431" s="53">
        <v>3633.7999999999902</v>
      </c>
      <c r="AL431" s="53">
        <v>3633.7999999999902</v>
      </c>
      <c r="AM431" s="53">
        <v>3633.7999999999902</v>
      </c>
      <c r="AN431" s="53">
        <v>43359.82</v>
      </c>
      <c r="AO431" s="53">
        <v>3510.91</v>
      </c>
      <c r="AP431" s="53">
        <v>3510.91</v>
      </c>
      <c r="AQ431" s="53">
        <v>3633.7999999999902</v>
      </c>
      <c r="AR431" s="53">
        <v>3633.7999999999902</v>
      </c>
      <c r="AS431" s="53">
        <v>3633.7999999999902</v>
      </c>
      <c r="AT431" s="53">
        <v>3633.7999999999902</v>
      </c>
      <c r="AU431" s="53">
        <v>3633.7999999999902</v>
      </c>
      <c r="AV431" s="53">
        <v>3633.7999999999902</v>
      </c>
      <c r="AW431" s="53">
        <v>3633.7999999999902</v>
      </c>
      <c r="AX431" s="53">
        <v>3633.7999999999902</v>
      </c>
      <c r="AY431" s="53">
        <v>3633.7999999999902</v>
      </c>
      <c r="AZ431" s="53">
        <v>3633.7999999999902</v>
      </c>
      <c r="BA431" s="53">
        <v>43359.82</v>
      </c>
    </row>
    <row r="432" spans="1:53">
      <c r="A432" s="52" t="s">
        <v>3746</v>
      </c>
      <c r="B432" s="53">
        <v>0</v>
      </c>
      <c r="C432" s="53">
        <v>0</v>
      </c>
      <c r="D432" s="53">
        <v>0</v>
      </c>
      <c r="E432" s="53">
        <v>0</v>
      </c>
      <c r="F432" s="53">
        <v>0</v>
      </c>
      <c r="G432" s="53">
        <v>0</v>
      </c>
      <c r="H432" s="53">
        <v>0</v>
      </c>
      <c r="I432" s="53">
        <v>0</v>
      </c>
      <c r="J432" s="53">
        <v>0</v>
      </c>
      <c r="K432" s="53">
        <v>0</v>
      </c>
      <c r="L432" s="53">
        <v>0</v>
      </c>
      <c r="M432" s="53">
        <v>0</v>
      </c>
      <c r="N432" s="53">
        <v>0</v>
      </c>
      <c r="O432" s="53">
        <v>0</v>
      </c>
      <c r="P432" s="53">
        <v>0</v>
      </c>
      <c r="Q432" s="53">
        <v>0</v>
      </c>
      <c r="R432" s="53">
        <v>0</v>
      </c>
      <c r="S432" s="53">
        <v>0</v>
      </c>
      <c r="T432" s="53">
        <v>0</v>
      </c>
      <c r="U432" s="53">
        <v>0</v>
      </c>
      <c r="V432" s="53">
        <v>0</v>
      </c>
      <c r="W432" s="53">
        <v>0</v>
      </c>
      <c r="X432" s="53">
        <v>0</v>
      </c>
      <c r="Y432" s="53">
        <v>0</v>
      </c>
      <c r="Z432" s="53">
        <v>0</v>
      </c>
      <c r="AA432" s="53">
        <v>0</v>
      </c>
      <c r="AB432" s="53">
        <v>0</v>
      </c>
      <c r="AC432" s="53">
        <v>0</v>
      </c>
      <c r="AD432" s="53">
        <v>0</v>
      </c>
      <c r="AE432" s="53">
        <v>0</v>
      </c>
      <c r="AF432" s="53">
        <v>0</v>
      </c>
      <c r="AG432" s="53">
        <v>0</v>
      </c>
      <c r="AH432" s="53">
        <v>0</v>
      </c>
      <c r="AI432" s="53">
        <v>0</v>
      </c>
      <c r="AJ432" s="53">
        <v>0</v>
      </c>
      <c r="AK432" s="53">
        <v>0</v>
      </c>
      <c r="AL432" s="53">
        <v>0</v>
      </c>
      <c r="AM432" s="53">
        <v>0</v>
      </c>
      <c r="AN432" s="53">
        <v>0</v>
      </c>
      <c r="AO432" s="53">
        <v>0</v>
      </c>
      <c r="AP432" s="53">
        <v>0</v>
      </c>
      <c r="AQ432" s="53">
        <v>0</v>
      </c>
      <c r="AR432" s="53">
        <v>0</v>
      </c>
      <c r="AS432" s="53">
        <v>0</v>
      </c>
      <c r="AT432" s="53">
        <v>0</v>
      </c>
      <c r="AU432" s="53">
        <v>0</v>
      </c>
      <c r="AV432" s="53">
        <v>0</v>
      </c>
      <c r="AW432" s="53">
        <v>0</v>
      </c>
      <c r="AX432" s="53">
        <v>0</v>
      </c>
      <c r="AY432" s="53">
        <v>0</v>
      </c>
      <c r="AZ432" s="53">
        <v>0</v>
      </c>
      <c r="BA432" s="53">
        <v>0</v>
      </c>
    </row>
    <row r="433" spans="1:53">
      <c r="A433" s="52" t="s">
        <v>3747</v>
      </c>
      <c r="B433" s="53">
        <v>0</v>
      </c>
      <c r="C433" s="53">
        <v>0</v>
      </c>
      <c r="D433" s="53">
        <v>0</v>
      </c>
      <c r="E433" s="53">
        <v>0</v>
      </c>
      <c r="F433" s="53">
        <v>0</v>
      </c>
      <c r="G433" s="53">
        <v>0</v>
      </c>
      <c r="H433" s="53">
        <v>0</v>
      </c>
      <c r="I433" s="53">
        <v>0</v>
      </c>
      <c r="J433" s="53">
        <v>0</v>
      </c>
      <c r="K433" s="53">
        <v>0</v>
      </c>
      <c r="L433" s="53">
        <v>0</v>
      </c>
      <c r="M433" s="53">
        <v>0</v>
      </c>
      <c r="N433" s="53">
        <v>0</v>
      </c>
      <c r="O433" s="53">
        <v>0</v>
      </c>
      <c r="P433" s="53">
        <v>0</v>
      </c>
      <c r="Q433" s="53">
        <v>0</v>
      </c>
      <c r="R433" s="53">
        <v>0</v>
      </c>
      <c r="S433" s="53">
        <v>0</v>
      </c>
      <c r="T433" s="53">
        <v>0</v>
      </c>
      <c r="U433" s="53">
        <v>0</v>
      </c>
      <c r="V433" s="53">
        <v>0</v>
      </c>
      <c r="W433" s="53">
        <v>0</v>
      </c>
      <c r="X433" s="53">
        <v>0</v>
      </c>
      <c r="Y433" s="53">
        <v>0</v>
      </c>
      <c r="Z433" s="53">
        <v>0</v>
      </c>
      <c r="AA433" s="53">
        <v>0</v>
      </c>
      <c r="AB433" s="53">
        <v>0</v>
      </c>
      <c r="AC433" s="53">
        <v>0</v>
      </c>
      <c r="AD433" s="53">
        <v>0</v>
      </c>
      <c r="AE433" s="53">
        <v>0</v>
      </c>
      <c r="AF433" s="53">
        <v>0</v>
      </c>
      <c r="AG433" s="53">
        <v>0</v>
      </c>
      <c r="AH433" s="53">
        <v>0</v>
      </c>
      <c r="AI433" s="53">
        <v>0</v>
      </c>
      <c r="AJ433" s="53">
        <v>0</v>
      </c>
      <c r="AK433" s="53">
        <v>0</v>
      </c>
      <c r="AL433" s="53">
        <v>0</v>
      </c>
      <c r="AM433" s="53">
        <v>0</v>
      </c>
      <c r="AN433" s="53">
        <v>0</v>
      </c>
      <c r="AO433" s="53">
        <v>0</v>
      </c>
      <c r="AP433" s="53">
        <v>0</v>
      </c>
      <c r="AQ433" s="53">
        <v>0</v>
      </c>
      <c r="AR433" s="53">
        <v>0</v>
      </c>
      <c r="AS433" s="53">
        <v>0</v>
      </c>
      <c r="AT433" s="53">
        <v>0</v>
      </c>
      <c r="AU433" s="53">
        <v>0</v>
      </c>
      <c r="AV433" s="53">
        <v>0</v>
      </c>
      <c r="AW433" s="53">
        <v>0</v>
      </c>
      <c r="AX433" s="53">
        <v>0</v>
      </c>
      <c r="AY433" s="53">
        <v>0</v>
      </c>
      <c r="AZ433" s="53">
        <v>0</v>
      </c>
      <c r="BA433" s="53">
        <v>0</v>
      </c>
    </row>
    <row r="434" spans="1:53">
      <c r="A434" s="52" t="s">
        <v>3748</v>
      </c>
      <c r="B434" s="53">
        <v>3510.91</v>
      </c>
      <c r="C434" s="53">
        <v>3510.91</v>
      </c>
      <c r="D434" s="53">
        <v>3633.7999999999902</v>
      </c>
      <c r="E434" s="53">
        <v>3633.7999999999902</v>
      </c>
      <c r="F434" s="53">
        <v>3633.7999999999902</v>
      </c>
      <c r="G434" s="53">
        <v>3633.7999999999902</v>
      </c>
      <c r="H434" s="53">
        <v>3633.7999999999902</v>
      </c>
      <c r="I434" s="53">
        <v>3633.7999999999902</v>
      </c>
      <c r="J434" s="53">
        <v>3633.7999999999902</v>
      </c>
      <c r="K434" s="53">
        <v>3633.7999999999902</v>
      </c>
      <c r="L434" s="53">
        <v>3633.7999999999902</v>
      </c>
      <c r="M434" s="53">
        <v>3633.7999999999902</v>
      </c>
      <c r="N434" s="53">
        <v>43359.82</v>
      </c>
      <c r="O434" s="53">
        <v>3510.91</v>
      </c>
      <c r="P434" s="53">
        <v>3510.91</v>
      </c>
      <c r="Q434" s="53">
        <v>3633.7999999999902</v>
      </c>
      <c r="R434" s="53">
        <v>3633.7999999999902</v>
      </c>
      <c r="S434" s="53">
        <v>3633.7999999999902</v>
      </c>
      <c r="T434" s="53">
        <v>3633.7999999999902</v>
      </c>
      <c r="U434" s="53">
        <v>3633.7999999999902</v>
      </c>
      <c r="V434" s="53">
        <v>3633.7999999999902</v>
      </c>
      <c r="W434" s="53">
        <v>3633.7999999999902</v>
      </c>
      <c r="X434" s="53">
        <v>3633.7999999999902</v>
      </c>
      <c r="Y434" s="53">
        <v>3633.7999999999902</v>
      </c>
      <c r="Z434" s="53">
        <v>3633.7999999999902</v>
      </c>
      <c r="AA434" s="53">
        <v>43359.82</v>
      </c>
      <c r="AB434" s="53">
        <v>3510.91</v>
      </c>
      <c r="AC434" s="53">
        <v>3510.91</v>
      </c>
      <c r="AD434" s="53">
        <v>3633.7999999999902</v>
      </c>
      <c r="AE434" s="53">
        <v>3633.7999999999902</v>
      </c>
      <c r="AF434" s="53">
        <v>3633.7999999999902</v>
      </c>
      <c r="AG434" s="53">
        <v>3633.7999999999902</v>
      </c>
      <c r="AH434" s="53">
        <v>3633.7999999999902</v>
      </c>
      <c r="AI434" s="53">
        <v>3633.7999999999902</v>
      </c>
      <c r="AJ434" s="53">
        <v>3633.7999999999902</v>
      </c>
      <c r="AK434" s="53">
        <v>3633.7999999999902</v>
      </c>
      <c r="AL434" s="53">
        <v>3633.7999999999902</v>
      </c>
      <c r="AM434" s="53">
        <v>3633.7999999999902</v>
      </c>
      <c r="AN434" s="53">
        <v>43359.82</v>
      </c>
      <c r="AO434" s="53">
        <v>3510.91</v>
      </c>
      <c r="AP434" s="53">
        <v>3510.91</v>
      </c>
      <c r="AQ434" s="53">
        <v>3633.7999999999902</v>
      </c>
      <c r="AR434" s="53">
        <v>3633.7999999999902</v>
      </c>
      <c r="AS434" s="53">
        <v>3633.7999999999902</v>
      </c>
      <c r="AT434" s="53">
        <v>3633.7999999999902</v>
      </c>
      <c r="AU434" s="53">
        <v>3633.7999999999902</v>
      </c>
      <c r="AV434" s="53">
        <v>3633.7999999999902</v>
      </c>
      <c r="AW434" s="53">
        <v>3633.7999999999902</v>
      </c>
      <c r="AX434" s="53">
        <v>3633.7999999999902</v>
      </c>
      <c r="AY434" s="53">
        <v>3633.7999999999902</v>
      </c>
      <c r="AZ434" s="53">
        <v>3633.7999999999902</v>
      </c>
      <c r="BA434" s="53">
        <v>43359.82</v>
      </c>
    </row>
    <row r="435" spans="1:53">
      <c r="A435" s="52" t="s">
        <v>3749</v>
      </c>
      <c r="B435" s="53"/>
      <c r="C435" s="53"/>
      <c r="D435" s="53"/>
      <c r="E435" s="53"/>
      <c r="F435" s="53"/>
      <c r="G435" s="53"/>
      <c r="H435" s="53"/>
      <c r="I435" s="53"/>
      <c r="J435" s="53"/>
      <c r="K435" s="53"/>
      <c r="L435" s="53"/>
      <c r="M435" s="53"/>
      <c r="N435" s="53"/>
      <c r="O435" s="53"/>
      <c r="P435" s="53"/>
      <c r="Q435" s="53"/>
      <c r="R435" s="53"/>
      <c r="S435" s="53"/>
      <c r="T435" s="53"/>
      <c r="U435" s="53"/>
      <c r="V435" s="53"/>
      <c r="W435" s="53"/>
      <c r="X435" s="53"/>
      <c r="Y435" s="53"/>
      <c r="Z435" s="53"/>
      <c r="AA435" s="53"/>
      <c r="AB435" s="53"/>
      <c r="AC435" s="53"/>
      <c r="AD435" s="53"/>
      <c r="AE435" s="53"/>
      <c r="AF435" s="53"/>
      <c r="AG435" s="53"/>
      <c r="AH435" s="53"/>
      <c r="AI435" s="53"/>
      <c r="AJ435" s="53"/>
      <c r="AK435" s="53"/>
      <c r="AL435" s="53"/>
      <c r="AM435" s="53"/>
      <c r="AN435" s="53"/>
      <c r="AO435" s="53"/>
      <c r="AP435" s="53"/>
      <c r="AQ435" s="53"/>
      <c r="AR435" s="53"/>
      <c r="AS435" s="53"/>
      <c r="AT435" s="53"/>
      <c r="AU435" s="53"/>
      <c r="AV435" s="53"/>
      <c r="AW435" s="53"/>
      <c r="AX435" s="53"/>
      <c r="AY435" s="53"/>
      <c r="AZ435" s="53"/>
      <c r="BA435" s="53"/>
    </row>
    <row r="436" spans="1:53">
      <c r="A436" s="52" t="s">
        <v>3750</v>
      </c>
      <c r="B436" s="53">
        <v>1645540.23</v>
      </c>
      <c r="C436" s="53">
        <v>1413893.39</v>
      </c>
      <c r="D436" s="53">
        <v>1497842.57</v>
      </c>
      <c r="E436" s="53">
        <v>1629169.33</v>
      </c>
      <c r="F436" s="53">
        <v>1611016.38</v>
      </c>
      <c r="G436" s="53">
        <v>1613307.87</v>
      </c>
      <c r="H436" s="53">
        <v>1577584.33</v>
      </c>
      <c r="I436" s="53">
        <v>1453170.58</v>
      </c>
      <c r="J436" s="53">
        <v>1544518.51</v>
      </c>
      <c r="K436" s="53">
        <v>1641365.14</v>
      </c>
      <c r="L436" s="53">
        <v>1412308.37</v>
      </c>
      <c r="M436" s="53">
        <v>1798313.37</v>
      </c>
      <c r="N436" s="53">
        <v>18838030.07</v>
      </c>
      <c r="O436" s="53">
        <v>1630898.3566666599</v>
      </c>
      <c r="P436" s="53">
        <v>1399251.5166666601</v>
      </c>
      <c r="Q436" s="53">
        <v>1483200.69666666</v>
      </c>
      <c r="R436" s="53">
        <v>1614527.45666666</v>
      </c>
      <c r="S436" s="53">
        <v>1596374.5066666601</v>
      </c>
      <c r="T436" s="53">
        <v>1598665.9966666601</v>
      </c>
      <c r="U436" s="53">
        <v>1562942.45666666</v>
      </c>
      <c r="V436" s="53">
        <v>1438528.70666666</v>
      </c>
      <c r="W436" s="53">
        <v>1529876.63666666</v>
      </c>
      <c r="X436" s="53">
        <v>1626723.2666666601</v>
      </c>
      <c r="Y436" s="53">
        <v>1397666.4966666601</v>
      </c>
      <c r="Z436" s="53">
        <v>1783671.4966666601</v>
      </c>
      <c r="AA436" s="53">
        <v>18662327.59</v>
      </c>
      <c r="AB436" s="53">
        <v>1631136.7108333299</v>
      </c>
      <c r="AC436" s="53">
        <v>1399489.8708333301</v>
      </c>
      <c r="AD436" s="53">
        <v>1483439.05083333</v>
      </c>
      <c r="AE436" s="53">
        <v>1614765.81083333</v>
      </c>
      <c r="AF436" s="53">
        <v>1596612.8608333301</v>
      </c>
      <c r="AG436" s="53">
        <v>1598904.3508333301</v>
      </c>
      <c r="AH436" s="53">
        <v>1563180.81083333</v>
      </c>
      <c r="AI436" s="53">
        <v>1438767.06083333</v>
      </c>
      <c r="AJ436" s="53">
        <v>1530114.99083333</v>
      </c>
      <c r="AK436" s="53">
        <v>1626961.6208333301</v>
      </c>
      <c r="AL436" s="53">
        <v>1397904.8508333301</v>
      </c>
      <c r="AM436" s="53">
        <v>1783909.8508333301</v>
      </c>
      <c r="AN436" s="53">
        <v>18665187.84</v>
      </c>
      <c r="AO436" s="53">
        <v>1631026.4191666599</v>
      </c>
      <c r="AP436" s="53">
        <v>1399379.5791666601</v>
      </c>
      <c r="AQ436" s="53">
        <v>1483328.75916666</v>
      </c>
      <c r="AR436" s="53">
        <v>1614655.51916666</v>
      </c>
      <c r="AS436" s="53">
        <v>1596502.5691666601</v>
      </c>
      <c r="AT436" s="53">
        <v>1598794.0591666601</v>
      </c>
      <c r="AU436" s="53">
        <v>1563070.51916666</v>
      </c>
      <c r="AV436" s="53">
        <v>1438656.76916666</v>
      </c>
      <c r="AW436" s="53">
        <v>1530004.69916666</v>
      </c>
      <c r="AX436" s="53">
        <v>1626851.3291666601</v>
      </c>
      <c r="AY436" s="53">
        <v>1397794.5591666601</v>
      </c>
      <c r="AZ436" s="53">
        <v>1783799.5591666601</v>
      </c>
      <c r="BA436" s="53">
        <v>18663864.34</v>
      </c>
    </row>
    <row r="437" spans="1:53">
      <c r="A437" s="234" t="s">
        <v>3751</v>
      </c>
      <c r="B437" s="53">
        <v>62517.113960416304</v>
      </c>
      <c r="C437" s="53">
        <v>62517.113960416304</v>
      </c>
      <c r="D437" s="53">
        <v>62517.113960416304</v>
      </c>
      <c r="E437" s="53">
        <v>62517.113960416304</v>
      </c>
      <c r="F437" s="53">
        <v>62517.113960416304</v>
      </c>
      <c r="G437" s="53">
        <v>62517.113960416304</v>
      </c>
      <c r="H437" s="53">
        <v>62517.113960416304</v>
      </c>
      <c r="I437" s="53">
        <v>62517.113960416304</v>
      </c>
      <c r="J437" s="53">
        <v>62517.113960416304</v>
      </c>
      <c r="K437" s="53">
        <v>62517.113960416304</v>
      </c>
      <c r="L437" s="53">
        <v>62517.113960416304</v>
      </c>
      <c r="M437" s="53">
        <v>62517.113960416304</v>
      </c>
      <c r="N437" s="53">
        <v>750205.367524995</v>
      </c>
      <c r="O437" s="53">
        <v>126590.767156166</v>
      </c>
      <c r="P437" s="53">
        <v>126590.767156166</v>
      </c>
      <c r="Q437" s="53">
        <v>126590.767156166</v>
      </c>
      <c r="R437" s="53">
        <v>126590.767156166</v>
      </c>
      <c r="S437" s="53">
        <v>126590.767156166</v>
      </c>
      <c r="T437" s="53">
        <v>126590.767156166</v>
      </c>
      <c r="U437" s="53">
        <v>126590.767156166</v>
      </c>
      <c r="V437" s="53">
        <v>126590.767156166</v>
      </c>
      <c r="W437" s="53">
        <v>126590.767156166</v>
      </c>
      <c r="X437" s="53">
        <v>126590.767156166</v>
      </c>
      <c r="Y437" s="53">
        <v>126590.767156166</v>
      </c>
      <c r="Z437" s="53">
        <v>126590.767156166</v>
      </c>
      <c r="AA437" s="53">
        <v>1519089.20587399</v>
      </c>
      <c r="AB437" s="53">
        <v>191951.52176281801</v>
      </c>
      <c r="AC437" s="53">
        <v>191951.52176281801</v>
      </c>
      <c r="AD437" s="53">
        <v>191951.52176281801</v>
      </c>
      <c r="AE437" s="53">
        <v>191951.52176281801</v>
      </c>
      <c r="AF437" s="53">
        <v>191951.52176281801</v>
      </c>
      <c r="AG437" s="53">
        <v>191951.52176281801</v>
      </c>
      <c r="AH437" s="53">
        <v>191951.52176281801</v>
      </c>
      <c r="AI437" s="53">
        <v>191951.52176281801</v>
      </c>
      <c r="AJ437" s="53">
        <v>191951.52176281801</v>
      </c>
      <c r="AK437" s="53">
        <v>191951.52176281801</v>
      </c>
      <c r="AL437" s="53">
        <v>191951.52176281801</v>
      </c>
      <c r="AM437" s="53">
        <v>191951.52176281801</v>
      </c>
      <c r="AN437" s="53">
        <v>2303418.2611538102</v>
      </c>
      <c r="AO437" s="53">
        <v>257618.29020687201</v>
      </c>
      <c r="AP437" s="53">
        <v>257618.29020687201</v>
      </c>
      <c r="AQ437" s="53">
        <v>257618.29020687201</v>
      </c>
      <c r="AR437" s="53">
        <v>257618.29020687201</v>
      </c>
      <c r="AS437" s="53">
        <v>257618.29020687201</v>
      </c>
      <c r="AT437" s="53">
        <v>257618.29020687201</v>
      </c>
      <c r="AU437" s="53">
        <v>257618.29020687201</v>
      </c>
      <c r="AV437" s="53">
        <v>257618.29020687201</v>
      </c>
      <c r="AW437" s="53">
        <v>257618.29020687201</v>
      </c>
      <c r="AX437" s="53">
        <v>257618.29020687201</v>
      </c>
      <c r="AY437" s="53">
        <v>257618.29020687201</v>
      </c>
      <c r="AZ437" s="53">
        <v>257618.29020687201</v>
      </c>
      <c r="BA437" s="53">
        <v>3091419.4824824599</v>
      </c>
    </row>
    <row r="438" spans="1:53">
      <c r="A438" s="235" t="s">
        <v>3752</v>
      </c>
      <c r="B438" s="53">
        <v>0</v>
      </c>
      <c r="C438" s="53">
        <v>0</v>
      </c>
      <c r="D438" s="53">
        <v>0</v>
      </c>
      <c r="E438" s="53">
        <v>0</v>
      </c>
      <c r="F438" s="53">
        <v>0</v>
      </c>
      <c r="G438" s="53">
        <v>0</v>
      </c>
      <c r="H438" s="53">
        <v>0</v>
      </c>
      <c r="I438" s="53">
        <v>0</v>
      </c>
      <c r="J438" s="53">
        <v>0</v>
      </c>
      <c r="K438" s="53">
        <v>0</v>
      </c>
      <c r="L438" s="53">
        <v>0</v>
      </c>
      <c r="M438" s="53">
        <v>0</v>
      </c>
      <c r="N438" s="53">
        <v>0</v>
      </c>
      <c r="O438" s="53">
        <v>412587.44216966699</v>
      </c>
      <c r="P438" s="53">
        <v>412587.44216966699</v>
      </c>
      <c r="Q438" s="53">
        <v>412587.44216966699</v>
      </c>
      <c r="R438" s="53">
        <v>412587.44216966699</v>
      </c>
      <c r="S438" s="53">
        <v>412587.44216966699</v>
      </c>
      <c r="T438" s="53">
        <v>412587.44216966699</v>
      </c>
      <c r="U438" s="53">
        <v>412587.44216966699</v>
      </c>
      <c r="V438" s="53">
        <v>412587.44216966699</v>
      </c>
      <c r="W438" s="53">
        <v>412587.44216966699</v>
      </c>
      <c r="X438" s="53">
        <v>412587.44216966699</v>
      </c>
      <c r="Y438" s="53">
        <v>412587.44216966699</v>
      </c>
      <c r="Z438" s="53">
        <v>412587.44216966699</v>
      </c>
      <c r="AA438" s="53">
        <v>4951049.3060360001</v>
      </c>
      <c r="AB438" s="53">
        <v>181917.773333333</v>
      </c>
      <c r="AC438" s="53">
        <v>181917.773333333</v>
      </c>
      <c r="AD438" s="53">
        <v>181917.773333333</v>
      </c>
      <c r="AE438" s="53">
        <v>181917.773333333</v>
      </c>
      <c r="AF438" s="53">
        <v>181917.773333333</v>
      </c>
      <c r="AG438" s="53">
        <v>181917.773333333</v>
      </c>
      <c r="AH438" s="53">
        <v>181917.773333333</v>
      </c>
      <c r="AI438" s="53">
        <v>181917.773333333</v>
      </c>
      <c r="AJ438" s="53">
        <v>181917.773333333</v>
      </c>
      <c r="AK438" s="53">
        <v>181917.773333333</v>
      </c>
      <c r="AL438" s="53">
        <v>181917.773333333</v>
      </c>
      <c r="AM438" s="53">
        <v>181917.773333333</v>
      </c>
      <c r="AN438" s="53">
        <v>2183013.27999999</v>
      </c>
      <c r="AO438" s="53">
        <v>189402.373333333</v>
      </c>
      <c r="AP438" s="53">
        <v>189402.373333333</v>
      </c>
      <c r="AQ438" s="53">
        <v>189402.373333333</v>
      </c>
      <c r="AR438" s="53">
        <v>189402.373333333</v>
      </c>
      <c r="AS438" s="53">
        <v>189402.373333333</v>
      </c>
      <c r="AT438" s="53">
        <v>189402.373333333</v>
      </c>
      <c r="AU438" s="53">
        <v>189402.373333333</v>
      </c>
      <c r="AV438" s="53">
        <v>189402.373333333</v>
      </c>
      <c r="AW438" s="53">
        <v>189402.373333333</v>
      </c>
      <c r="AX438" s="53">
        <v>189402.373333333</v>
      </c>
      <c r="AY438" s="53">
        <v>189402.373333333</v>
      </c>
      <c r="AZ438" s="53">
        <v>189402.373333333</v>
      </c>
      <c r="BA438" s="53">
        <v>2272828.4799999902</v>
      </c>
    </row>
    <row r="439" spans="1:53">
      <c r="A439" s="52" t="s">
        <v>3753</v>
      </c>
      <c r="B439" s="53">
        <v>0</v>
      </c>
      <c r="C439" s="53">
        <v>0</v>
      </c>
      <c r="D439" s="53">
        <v>0</v>
      </c>
      <c r="E439" s="53">
        <v>0</v>
      </c>
      <c r="F439" s="53">
        <v>0</v>
      </c>
      <c r="G439" s="53">
        <v>0</v>
      </c>
      <c r="H439" s="53">
        <v>0</v>
      </c>
      <c r="I439" s="53">
        <v>0</v>
      </c>
      <c r="J439" s="53">
        <v>0</v>
      </c>
      <c r="K439" s="53">
        <v>0</v>
      </c>
      <c r="L439" s="53">
        <v>0</v>
      </c>
      <c r="M439" s="53">
        <v>0</v>
      </c>
      <c r="N439" s="53">
        <v>0</v>
      </c>
      <c r="O439" s="53">
        <v>0</v>
      </c>
      <c r="P439" s="53">
        <v>0</v>
      </c>
      <c r="Q439" s="53">
        <v>0</v>
      </c>
      <c r="R439" s="53">
        <v>0</v>
      </c>
      <c r="S439" s="53">
        <v>0</v>
      </c>
      <c r="T439" s="53">
        <v>0</v>
      </c>
      <c r="U439" s="53">
        <v>0</v>
      </c>
      <c r="V439" s="53">
        <v>0</v>
      </c>
      <c r="W439" s="53">
        <v>0</v>
      </c>
      <c r="X439" s="53">
        <v>0</v>
      </c>
      <c r="Y439" s="53">
        <v>0</v>
      </c>
      <c r="Z439" s="53">
        <v>0</v>
      </c>
      <c r="AA439" s="53">
        <v>0</v>
      </c>
      <c r="AB439" s="53">
        <v>0</v>
      </c>
      <c r="AC439" s="53">
        <v>0</v>
      </c>
      <c r="AD439" s="53">
        <v>0</v>
      </c>
      <c r="AE439" s="53">
        <v>0</v>
      </c>
      <c r="AF439" s="53">
        <v>0</v>
      </c>
      <c r="AG439" s="53">
        <v>0</v>
      </c>
      <c r="AH439" s="53">
        <v>0</v>
      </c>
      <c r="AI439" s="53">
        <v>0</v>
      </c>
      <c r="AJ439" s="53">
        <v>0</v>
      </c>
      <c r="AK439" s="53">
        <v>0</v>
      </c>
      <c r="AL439" s="53">
        <v>0</v>
      </c>
      <c r="AM439" s="53">
        <v>0</v>
      </c>
      <c r="AN439" s="53">
        <v>0</v>
      </c>
      <c r="AO439" s="53">
        <v>0</v>
      </c>
      <c r="AP439" s="53">
        <v>0</v>
      </c>
      <c r="AQ439" s="53">
        <v>0</v>
      </c>
      <c r="AR439" s="53">
        <v>0</v>
      </c>
      <c r="AS439" s="53">
        <v>0</v>
      </c>
      <c r="AT439" s="53">
        <v>0</v>
      </c>
      <c r="AU439" s="53">
        <v>0</v>
      </c>
      <c r="AV439" s="53">
        <v>0</v>
      </c>
      <c r="AW439" s="53">
        <v>0</v>
      </c>
      <c r="AX439" s="53">
        <v>0</v>
      </c>
      <c r="AY439" s="53">
        <v>0</v>
      </c>
      <c r="AZ439" s="53">
        <v>0</v>
      </c>
      <c r="BA439" s="53">
        <v>0</v>
      </c>
    </row>
    <row r="440" spans="1:53">
      <c r="A440" s="52" t="s">
        <v>3754</v>
      </c>
      <c r="B440" s="53">
        <v>294185.98</v>
      </c>
      <c r="C440" s="53">
        <v>294185.98</v>
      </c>
      <c r="D440" s="53">
        <v>452482.95999999897</v>
      </c>
      <c r="E440" s="53">
        <v>294185.98</v>
      </c>
      <c r="F440" s="53">
        <v>294185.98</v>
      </c>
      <c r="G440" s="53">
        <v>294185.98</v>
      </c>
      <c r="H440" s="53">
        <v>294185.98</v>
      </c>
      <c r="I440" s="53">
        <v>294185.98</v>
      </c>
      <c r="J440" s="53">
        <v>451561.20999999897</v>
      </c>
      <c r="K440" s="53">
        <v>294185.98</v>
      </c>
      <c r="L440" s="53">
        <v>294185.98</v>
      </c>
      <c r="M440" s="53">
        <v>296029.48</v>
      </c>
      <c r="N440" s="53">
        <v>3847747.47</v>
      </c>
      <c r="O440" s="53">
        <v>294185.98</v>
      </c>
      <c r="P440" s="53">
        <v>294185.98</v>
      </c>
      <c r="Q440" s="53">
        <v>452482.95999999897</v>
      </c>
      <c r="R440" s="53">
        <v>294185.98</v>
      </c>
      <c r="S440" s="53">
        <v>294185.98</v>
      </c>
      <c r="T440" s="53">
        <v>294185.98</v>
      </c>
      <c r="U440" s="53">
        <v>294185.98</v>
      </c>
      <c r="V440" s="53">
        <v>294185.98</v>
      </c>
      <c r="W440" s="53">
        <v>451561.20999999897</v>
      </c>
      <c r="X440" s="53">
        <v>294185.98</v>
      </c>
      <c r="Y440" s="53">
        <v>294185.98</v>
      </c>
      <c r="Z440" s="53">
        <v>296029.48</v>
      </c>
      <c r="AA440" s="53">
        <v>3847747.47</v>
      </c>
      <c r="AB440" s="53">
        <v>294185.98</v>
      </c>
      <c r="AC440" s="53">
        <v>294185.98</v>
      </c>
      <c r="AD440" s="53">
        <v>452482.95999999897</v>
      </c>
      <c r="AE440" s="53">
        <v>294185.98</v>
      </c>
      <c r="AF440" s="53">
        <v>294185.98</v>
      </c>
      <c r="AG440" s="53">
        <v>294185.98</v>
      </c>
      <c r="AH440" s="53">
        <v>294185.98</v>
      </c>
      <c r="AI440" s="53">
        <v>294185.98</v>
      </c>
      <c r="AJ440" s="53">
        <v>451561.20999999897</v>
      </c>
      <c r="AK440" s="53">
        <v>294185.98</v>
      </c>
      <c r="AL440" s="53">
        <v>294185.98</v>
      </c>
      <c r="AM440" s="53">
        <v>296029.48</v>
      </c>
      <c r="AN440" s="53">
        <v>3847747.47</v>
      </c>
      <c r="AO440" s="53">
        <v>294185.98</v>
      </c>
      <c r="AP440" s="53">
        <v>294185.98</v>
      </c>
      <c r="AQ440" s="53">
        <v>452482.95999999897</v>
      </c>
      <c r="AR440" s="53">
        <v>294185.98</v>
      </c>
      <c r="AS440" s="53">
        <v>294185.98</v>
      </c>
      <c r="AT440" s="53">
        <v>294185.98</v>
      </c>
      <c r="AU440" s="53">
        <v>294185.98</v>
      </c>
      <c r="AV440" s="53">
        <v>294185.98</v>
      </c>
      <c r="AW440" s="53">
        <v>451561.20999999897</v>
      </c>
      <c r="AX440" s="53">
        <v>294185.98</v>
      </c>
      <c r="AY440" s="53">
        <v>294185.98</v>
      </c>
      <c r="AZ440" s="53">
        <v>296029.48</v>
      </c>
      <c r="BA440" s="53">
        <v>3847747.47</v>
      </c>
    </row>
    <row r="441" spans="1:53">
      <c r="A441" s="52" t="s">
        <v>3755</v>
      </c>
      <c r="B441" s="53">
        <v>2002243.32396041</v>
      </c>
      <c r="C441" s="53">
        <v>1770596.4839604101</v>
      </c>
      <c r="D441" s="53">
        <v>2012842.64396041</v>
      </c>
      <c r="E441" s="53">
        <v>1985872.4239604101</v>
      </c>
      <c r="F441" s="53">
        <v>1967719.4739604101</v>
      </c>
      <c r="G441" s="53">
        <v>1970010.9639604101</v>
      </c>
      <c r="H441" s="53">
        <v>1934287.4239604101</v>
      </c>
      <c r="I441" s="53">
        <v>1809873.6739604101</v>
      </c>
      <c r="J441" s="53">
        <v>2058596.83396041</v>
      </c>
      <c r="K441" s="53">
        <v>1998068.2339604101</v>
      </c>
      <c r="L441" s="53">
        <v>1769011.4639604101</v>
      </c>
      <c r="M441" s="53">
        <v>2156859.9639604101</v>
      </c>
      <c r="N441" s="53">
        <v>23435982.907524999</v>
      </c>
      <c r="O441" s="53">
        <v>2464262.5459925001</v>
      </c>
      <c r="P441" s="53">
        <v>2232615.7059924998</v>
      </c>
      <c r="Q441" s="53">
        <v>2474861.8659924902</v>
      </c>
      <c r="R441" s="53">
        <v>2447891.6459924998</v>
      </c>
      <c r="S441" s="53">
        <v>2429738.6959925001</v>
      </c>
      <c r="T441" s="53">
        <v>2432030.1859924998</v>
      </c>
      <c r="U441" s="53">
        <v>2396306.6459924998</v>
      </c>
      <c r="V441" s="53">
        <v>2271892.8959924998</v>
      </c>
      <c r="W441" s="53">
        <v>2520616.0559924999</v>
      </c>
      <c r="X441" s="53">
        <v>2460087.4559924998</v>
      </c>
      <c r="Y441" s="53">
        <v>2231030.6859924998</v>
      </c>
      <c r="Z441" s="53">
        <v>2618879.1859924998</v>
      </c>
      <c r="AA441" s="53">
        <v>28980213.571910001</v>
      </c>
      <c r="AB441" s="53">
        <v>2299191.9859294798</v>
      </c>
      <c r="AC441" s="53">
        <v>2067545.14592948</v>
      </c>
      <c r="AD441" s="53">
        <v>2309791.3059294801</v>
      </c>
      <c r="AE441" s="53">
        <v>2282821.0859294799</v>
      </c>
      <c r="AF441" s="53">
        <v>2264668.1359294802</v>
      </c>
      <c r="AG441" s="53">
        <v>2266959.62592948</v>
      </c>
      <c r="AH441" s="53">
        <v>2231236.0859294799</v>
      </c>
      <c r="AI441" s="53">
        <v>2106822.3359294799</v>
      </c>
      <c r="AJ441" s="53">
        <v>2355545.4959294801</v>
      </c>
      <c r="AK441" s="53">
        <v>2295016.89592948</v>
      </c>
      <c r="AL441" s="53">
        <v>2065960.12592948</v>
      </c>
      <c r="AM441" s="53">
        <v>2453808.62592948</v>
      </c>
      <c r="AN441" s="53">
        <v>26999366.851153798</v>
      </c>
      <c r="AO441" s="53">
        <v>2372233.06270687</v>
      </c>
      <c r="AP441" s="53">
        <v>2140586.2227068702</v>
      </c>
      <c r="AQ441" s="53">
        <v>2382832.3827068699</v>
      </c>
      <c r="AR441" s="53">
        <v>2355862.1627068701</v>
      </c>
      <c r="AS441" s="53">
        <v>2337709.2127068699</v>
      </c>
      <c r="AT441" s="53">
        <v>2340000.7027068702</v>
      </c>
      <c r="AU441" s="53">
        <v>2304277.1627068701</v>
      </c>
      <c r="AV441" s="53">
        <v>2179863.4127068701</v>
      </c>
      <c r="AW441" s="53">
        <v>2428586.5727068698</v>
      </c>
      <c r="AX441" s="53">
        <v>2368057.9727068702</v>
      </c>
      <c r="AY441" s="53">
        <v>2139001.2027068702</v>
      </c>
      <c r="AZ441" s="53">
        <v>2526849.7027068702</v>
      </c>
      <c r="BA441" s="53">
        <v>27875859.772482399</v>
      </c>
    </row>
    <row r="442" spans="1:53">
      <c r="A442" s="52" t="s">
        <v>3756</v>
      </c>
      <c r="B442" s="53"/>
      <c r="C442" s="53"/>
      <c r="D442" s="53"/>
      <c r="E442" s="53"/>
      <c r="F442" s="53"/>
      <c r="G442" s="53"/>
      <c r="H442" s="53"/>
      <c r="I442" s="53"/>
      <c r="J442" s="53"/>
      <c r="K442" s="53"/>
      <c r="L442" s="53"/>
      <c r="M442" s="53"/>
      <c r="N442" s="53"/>
      <c r="O442" s="53"/>
      <c r="P442" s="53"/>
      <c r="Q442" s="53"/>
      <c r="R442" s="53"/>
      <c r="S442" s="53"/>
      <c r="T442" s="53"/>
      <c r="U442" s="53"/>
      <c r="V442" s="53"/>
      <c r="W442" s="53"/>
      <c r="X442" s="53"/>
      <c r="Y442" s="53"/>
      <c r="Z442" s="53"/>
      <c r="AA442" s="53"/>
      <c r="AB442" s="53"/>
      <c r="AC442" s="53"/>
      <c r="AD442" s="53"/>
      <c r="AE442" s="53"/>
      <c r="AF442" s="53"/>
      <c r="AG442" s="53"/>
      <c r="AH442" s="53"/>
      <c r="AI442" s="53"/>
      <c r="AJ442" s="53"/>
      <c r="AK442" s="53"/>
      <c r="AL442" s="53"/>
      <c r="AM442" s="53"/>
      <c r="AN442" s="53"/>
      <c r="AO442" s="53"/>
      <c r="AP442" s="53"/>
      <c r="AQ442" s="53"/>
      <c r="AR442" s="53"/>
      <c r="AS442" s="53"/>
      <c r="AT442" s="53"/>
      <c r="AU442" s="53"/>
      <c r="AV442" s="53"/>
      <c r="AW442" s="53"/>
      <c r="AX442" s="53"/>
      <c r="AY442" s="53"/>
      <c r="AZ442" s="53"/>
      <c r="BA442" s="53"/>
    </row>
    <row r="443" spans="1:53">
      <c r="A443" s="52" t="s">
        <v>3757</v>
      </c>
      <c r="B443" s="53">
        <v>5725.41</v>
      </c>
      <c r="C443" s="53">
        <v>0</v>
      </c>
      <c r="D443" s="53">
        <v>0</v>
      </c>
      <c r="E443" s="53">
        <v>0</v>
      </c>
      <c r="F443" s="53">
        <v>0</v>
      </c>
      <c r="G443" s="53">
        <v>0</v>
      </c>
      <c r="H443" s="53">
        <v>59561.1</v>
      </c>
      <c r="I443" s="53">
        <v>0</v>
      </c>
      <c r="J443" s="53">
        <v>0</v>
      </c>
      <c r="K443" s="53">
        <v>0</v>
      </c>
      <c r="L443" s="53">
        <v>0</v>
      </c>
      <c r="M443" s="53">
        <v>0</v>
      </c>
      <c r="N443" s="53">
        <v>65286.5099999999</v>
      </c>
      <c r="O443" s="53">
        <v>5725.41</v>
      </c>
      <c r="P443" s="53">
        <v>0</v>
      </c>
      <c r="Q443" s="53">
        <v>0</v>
      </c>
      <c r="R443" s="53">
        <v>0</v>
      </c>
      <c r="S443" s="53">
        <v>0</v>
      </c>
      <c r="T443" s="53">
        <v>0</v>
      </c>
      <c r="U443" s="53">
        <v>59561.1</v>
      </c>
      <c r="V443" s="53">
        <v>0</v>
      </c>
      <c r="W443" s="53">
        <v>0</v>
      </c>
      <c r="X443" s="53">
        <v>0</v>
      </c>
      <c r="Y443" s="53">
        <v>0</v>
      </c>
      <c r="Z443" s="53">
        <v>0</v>
      </c>
      <c r="AA443" s="53">
        <v>65286.5099999999</v>
      </c>
      <c r="AB443" s="53">
        <v>5725.41</v>
      </c>
      <c r="AC443" s="53">
        <v>0</v>
      </c>
      <c r="AD443" s="53">
        <v>0</v>
      </c>
      <c r="AE443" s="53">
        <v>0</v>
      </c>
      <c r="AF443" s="53">
        <v>0</v>
      </c>
      <c r="AG443" s="53">
        <v>0</v>
      </c>
      <c r="AH443" s="53">
        <v>59561.1</v>
      </c>
      <c r="AI443" s="53">
        <v>0</v>
      </c>
      <c r="AJ443" s="53">
        <v>0</v>
      </c>
      <c r="AK443" s="53">
        <v>0</v>
      </c>
      <c r="AL443" s="53">
        <v>0</v>
      </c>
      <c r="AM443" s="53">
        <v>0</v>
      </c>
      <c r="AN443" s="53">
        <v>65286.5099999999</v>
      </c>
      <c r="AO443" s="53">
        <v>5725.41</v>
      </c>
      <c r="AP443" s="53">
        <v>0</v>
      </c>
      <c r="AQ443" s="53">
        <v>0</v>
      </c>
      <c r="AR443" s="53">
        <v>0</v>
      </c>
      <c r="AS443" s="53">
        <v>0</v>
      </c>
      <c r="AT443" s="53">
        <v>0</v>
      </c>
      <c r="AU443" s="53">
        <v>59561.1</v>
      </c>
      <c r="AV443" s="53">
        <v>0</v>
      </c>
      <c r="AW443" s="53">
        <v>0</v>
      </c>
      <c r="AX443" s="53">
        <v>0</v>
      </c>
      <c r="AY443" s="53">
        <v>0</v>
      </c>
      <c r="AZ443" s="53">
        <v>0</v>
      </c>
      <c r="BA443" s="53">
        <v>65286.5099999999</v>
      </c>
    </row>
    <row r="444" spans="1:53">
      <c r="A444" s="52" t="s">
        <v>3758</v>
      </c>
      <c r="B444" s="53">
        <v>0</v>
      </c>
      <c r="C444" s="53">
        <v>0</v>
      </c>
      <c r="D444" s="53">
        <v>0</v>
      </c>
      <c r="E444" s="53">
        <v>0</v>
      </c>
      <c r="F444" s="53">
        <v>0</v>
      </c>
      <c r="G444" s="53">
        <v>0</v>
      </c>
      <c r="H444" s="53">
        <v>0</v>
      </c>
      <c r="I444" s="53">
        <v>0</v>
      </c>
      <c r="J444" s="53">
        <v>0</v>
      </c>
      <c r="K444" s="53">
        <v>0</v>
      </c>
      <c r="L444" s="53">
        <v>0</v>
      </c>
      <c r="M444" s="53">
        <v>0</v>
      </c>
      <c r="N444" s="53">
        <v>0</v>
      </c>
      <c r="O444" s="53">
        <v>0</v>
      </c>
      <c r="P444" s="53">
        <v>0</v>
      </c>
      <c r="Q444" s="53">
        <v>0</v>
      </c>
      <c r="R444" s="53">
        <v>0</v>
      </c>
      <c r="S444" s="53">
        <v>0</v>
      </c>
      <c r="T444" s="53">
        <v>0</v>
      </c>
      <c r="U444" s="53">
        <v>0</v>
      </c>
      <c r="V444" s="53">
        <v>0</v>
      </c>
      <c r="W444" s="53">
        <v>0</v>
      </c>
      <c r="X444" s="53">
        <v>0</v>
      </c>
      <c r="Y444" s="53">
        <v>0</v>
      </c>
      <c r="Z444" s="53">
        <v>0</v>
      </c>
      <c r="AA444" s="53">
        <v>0</v>
      </c>
      <c r="AB444" s="53">
        <v>0</v>
      </c>
      <c r="AC444" s="53">
        <v>0</v>
      </c>
      <c r="AD444" s="53">
        <v>0</v>
      </c>
      <c r="AE444" s="53">
        <v>0</v>
      </c>
      <c r="AF444" s="53">
        <v>0</v>
      </c>
      <c r="AG444" s="53">
        <v>0</v>
      </c>
      <c r="AH444" s="53">
        <v>0</v>
      </c>
      <c r="AI444" s="53">
        <v>0</v>
      </c>
      <c r="AJ444" s="53">
        <v>0</v>
      </c>
      <c r="AK444" s="53">
        <v>0</v>
      </c>
      <c r="AL444" s="53">
        <v>0</v>
      </c>
      <c r="AM444" s="53">
        <v>0</v>
      </c>
      <c r="AN444" s="53">
        <v>0</v>
      </c>
      <c r="AO444" s="53">
        <v>0</v>
      </c>
      <c r="AP444" s="53">
        <v>0</v>
      </c>
      <c r="AQ444" s="53">
        <v>0</v>
      </c>
      <c r="AR444" s="53">
        <v>0</v>
      </c>
      <c r="AS444" s="53">
        <v>0</v>
      </c>
      <c r="AT444" s="53">
        <v>0</v>
      </c>
      <c r="AU444" s="53">
        <v>0</v>
      </c>
      <c r="AV444" s="53">
        <v>0</v>
      </c>
      <c r="AW444" s="53">
        <v>0</v>
      </c>
      <c r="AX444" s="53">
        <v>0</v>
      </c>
      <c r="AY444" s="53">
        <v>0</v>
      </c>
      <c r="AZ444" s="53">
        <v>0</v>
      </c>
      <c r="BA444" s="53">
        <v>0</v>
      </c>
    </row>
    <row r="445" spans="1:53">
      <c r="A445" s="52" t="s">
        <v>3759</v>
      </c>
      <c r="B445" s="53">
        <v>1804559.93</v>
      </c>
      <c r="C445" s="53">
        <v>1804559.93</v>
      </c>
      <c r="D445" s="53">
        <v>1804559.93</v>
      </c>
      <c r="E445" s="53">
        <v>1804559.93</v>
      </c>
      <c r="F445" s="53">
        <v>1804559.93</v>
      </c>
      <c r="G445" s="53">
        <v>1804559.93</v>
      </c>
      <c r="H445" s="53">
        <v>1804559.93</v>
      </c>
      <c r="I445" s="53">
        <v>1804559.93</v>
      </c>
      <c r="J445" s="53">
        <v>1804559.93</v>
      </c>
      <c r="K445" s="53">
        <v>1804559.93</v>
      </c>
      <c r="L445" s="53">
        <v>1804559.93</v>
      </c>
      <c r="M445" s="53">
        <v>1804559.93</v>
      </c>
      <c r="N445" s="53">
        <v>21654719.1599999</v>
      </c>
      <c r="O445" s="53">
        <v>1804559.93</v>
      </c>
      <c r="P445" s="53">
        <v>1804559.93</v>
      </c>
      <c r="Q445" s="53">
        <v>1804559.93</v>
      </c>
      <c r="R445" s="53">
        <v>1804559.93</v>
      </c>
      <c r="S445" s="53">
        <v>1804559.93</v>
      </c>
      <c r="T445" s="53">
        <v>1804559.93</v>
      </c>
      <c r="U445" s="53">
        <v>1804559.93</v>
      </c>
      <c r="V445" s="53">
        <v>1804559.93</v>
      </c>
      <c r="W445" s="53">
        <v>1804559.93</v>
      </c>
      <c r="X445" s="53">
        <v>1804559.93</v>
      </c>
      <c r="Y445" s="53">
        <v>1804559.93</v>
      </c>
      <c r="Z445" s="53">
        <v>1804559.93</v>
      </c>
      <c r="AA445" s="53">
        <v>21654719.1599999</v>
      </c>
      <c r="AB445" s="53">
        <v>1804559.93</v>
      </c>
      <c r="AC445" s="53">
        <v>1804559.93</v>
      </c>
      <c r="AD445" s="53">
        <v>1804559.93</v>
      </c>
      <c r="AE445" s="53">
        <v>1804559.93</v>
      </c>
      <c r="AF445" s="53">
        <v>1804559.93</v>
      </c>
      <c r="AG445" s="53">
        <v>1804559.93</v>
      </c>
      <c r="AH445" s="53">
        <v>1804559.93</v>
      </c>
      <c r="AI445" s="53">
        <v>1804559.93</v>
      </c>
      <c r="AJ445" s="53">
        <v>1804559.93</v>
      </c>
      <c r="AK445" s="53">
        <v>1804559.93</v>
      </c>
      <c r="AL445" s="53">
        <v>1804559.93</v>
      </c>
      <c r="AM445" s="53">
        <v>1804559.93</v>
      </c>
      <c r="AN445" s="53">
        <v>21654719.1599999</v>
      </c>
      <c r="AO445" s="53">
        <v>1804559.93</v>
      </c>
      <c r="AP445" s="53">
        <v>1804559.93</v>
      </c>
      <c r="AQ445" s="53">
        <v>1804559.93</v>
      </c>
      <c r="AR445" s="53">
        <v>1804559.93</v>
      </c>
      <c r="AS445" s="53">
        <v>1804559.93</v>
      </c>
      <c r="AT445" s="53">
        <v>1804559.93</v>
      </c>
      <c r="AU445" s="53">
        <v>1804559.93</v>
      </c>
      <c r="AV445" s="53">
        <v>1804559.93</v>
      </c>
      <c r="AW445" s="53">
        <v>1804559.93</v>
      </c>
      <c r="AX445" s="53">
        <v>1804559.93</v>
      </c>
      <c r="AY445" s="53">
        <v>1804559.93</v>
      </c>
      <c r="AZ445" s="53">
        <v>1804559.93</v>
      </c>
      <c r="BA445" s="53">
        <v>21654719.1599999</v>
      </c>
    </row>
    <row r="446" spans="1:53">
      <c r="A446" s="52" t="s">
        <v>3760</v>
      </c>
      <c r="B446" s="53">
        <v>249793.63</v>
      </c>
      <c r="C446" s="53">
        <v>249793.63</v>
      </c>
      <c r="D446" s="53">
        <v>249793.63</v>
      </c>
      <c r="E446" s="53">
        <v>249793.63</v>
      </c>
      <c r="F446" s="53">
        <v>249793.63</v>
      </c>
      <c r="G446" s="53">
        <v>249793.63</v>
      </c>
      <c r="H446" s="53">
        <v>249793.63</v>
      </c>
      <c r="I446" s="53">
        <v>249793.63</v>
      </c>
      <c r="J446" s="53">
        <v>249793.63</v>
      </c>
      <c r="K446" s="53">
        <v>249793.63</v>
      </c>
      <c r="L446" s="53">
        <v>249793.63</v>
      </c>
      <c r="M446" s="53">
        <v>249793.63</v>
      </c>
      <c r="N446" s="53">
        <v>2997523.56</v>
      </c>
      <c r="O446" s="53">
        <v>249793.63</v>
      </c>
      <c r="P446" s="53">
        <v>249793.63</v>
      </c>
      <c r="Q446" s="53">
        <v>249793.63</v>
      </c>
      <c r="R446" s="53">
        <v>249793.63</v>
      </c>
      <c r="S446" s="53">
        <v>249793.63</v>
      </c>
      <c r="T446" s="53">
        <v>249793.63</v>
      </c>
      <c r="U446" s="53">
        <v>249793.63</v>
      </c>
      <c r="V446" s="53">
        <v>249793.63</v>
      </c>
      <c r="W446" s="53">
        <v>249793.63</v>
      </c>
      <c r="X446" s="53">
        <v>249793.63</v>
      </c>
      <c r="Y446" s="53">
        <v>249793.63</v>
      </c>
      <c r="Z446" s="53">
        <v>249793.63</v>
      </c>
      <c r="AA446" s="53">
        <v>2997523.56</v>
      </c>
      <c r="AB446" s="53">
        <v>249793.63</v>
      </c>
      <c r="AC446" s="53">
        <v>249793.63</v>
      </c>
      <c r="AD446" s="53">
        <v>249793.63</v>
      </c>
      <c r="AE446" s="53">
        <v>249793.63</v>
      </c>
      <c r="AF446" s="53">
        <v>249793.63</v>
      </c>
      <c r="AG446" s="53">
        <v>249793.63</v>
      </c>
      <c r="AH446" s="53">
        <v>249793.63</v>
      </c>
      <c r="AI446" s="53">
        <v>249793.63</v>
      </c>
      <c r="AJ446" s="53">
        <v>249793.63</v>
      </c>
      <c r="AK446" s="53">
        <v>249793.63</v>
      </c>
      <c r="AL446" s="53">
        <v>249793.63</v>
      </c>
      <c r="AM446" s="53">
        <v>249793.63</v>
      </c>
      <c r="AN446" s="53">
        <v>2997523.56</v>
      </c>
      <c r="AO446" s="53">
        <v>249793.63</v>
      </c>
      <c r="AP446" s="53">
        <v>249793.63</v>
      </c>
      <c r="AQ446" s="53">
        <v>249793.63</v>
      </c>
      <c r="AR446" s="53">
        <v>249793.63</v>
      </c>
      <c r="AS446" s="53">
        <v>249793.63</v>
      </c>
      <c r="AT446" s="53">
        <v>249793.63</v>
      </c>
      <c r="AU446" s="53">
        <v>249793.63</v>
      </c>
      <c r="AV446" s="53">
        <v>249793.63</v>
      </c>
      <c r="AW446" s="53">
        <v>249793.63</v>
      </c>
      <c r="AX446" s="53">
        <v>249793.63</v>
      </c>
      <c r="AY446" s="53">
        <v>249793.63</v>
      </c>
      <c r="AZ446" s="53">
        <v>249793.63</v>
      </c>
      <c r="BA446" s="53">
        <v>2997523.56</v>
      </c>
    </row>
    <row r="447" spans="1:53">
      <c r="A447" s="52" t="s">
        <v>3761</v>
      </c>
      <c r="B447" s="53">
        <v>2060078.97</v>
      </c>
      <c r="C447" s="53">
        <v>2054353.56</v>
      </c>
      <c r="D447" s="53">
        <v>2054353.56</v>
      </c>
      <c r="E447" s="53">
        <v>2054353.56</v>
      </c>
      <c r="F447" s="53">
        <v>2054353.56</v>
      </c>
      <c r="G447" s="53">
        <v>2054353.56</v>
      </c>
      <c r="H447" s="53">
        <v>2113914.6599999899</v>
      </c>
      <c r="I447" s="53">
        <v>2054353.56</v>
      </c>
      <c r="J447" s="53">
        <v>2054353.56</v>
      </c>
      <c r="K447" s="53">
        <v>2054353.56</v>
      </c>
      <c r="L447" s="53">
        <v>2054353.56</v>
      </c>
      <c r="M447" s="53">
        <v>2054353.56</v>
      </c>
      <c r="N447" s="53">
        <v>24717529.2299999</v>
      </c>
      <c r="O447" s="53">
        <v>2060078.97</v>
      </c>
      <c r="P447" s="53">
        <v>2054353.56</v>
      </c>
      <c r="Q447" s="53">
        <v>2054353.56</v>
      </c>
      <c r="R447" s="53">
        <v>2054353.56</v>
      </c>
      <c r="S447" s="53">
        <v>2054353.56</v>
      </c>
      <c r="T447" s="53">
        <v>2054353.56</v>
      </c>
      <c r="U447" s="53">
        <v>2113914.6599999899</v>
      </c>
      <c r="V447" s="53">
        <v>2054353.56</v>
      </c>
      <c r="W447" s="53">
        <v>2054353.56</v>
      </c>
      <c r="X447" s="53">
        <v>2054353.56</v>
      </c>
      <c r="Y447" s="53">
        <v>2054353.56</v>
      </c>
      <c r="Z447" s="53">
        <v>2054353.56</v>
      </c>
      <c r="AA447" s="53">
        <v>24717529.2299999</v>
      </c>
      <c r="AB447" s="53">
        <v>2060078.97</v>
      </c>
      <c r="AC447" s="53">
        <v>2054353.56</v>
      </c>
      <c r="AD447" s="53">
        <v>2054353.56</v>
      </c>
      <c r="AE447" s="53">
        <v>2054353.56</v>
      </c>
      <c r="AF447" s="53">
        <v>2054353.56</v>
      </c>
      <c r="AG447" s="53">
        <v>2054353.56</v>
      </c>
      <c r="AH447" s="53">
        <v>2113914.6599999899</v>
      </c>
      <c r="AI447" s="53">
        <v>2054353.56</v>
      </c>
      <c r="AJ447" s="53">
        <v>2054353.56</v>
      </c>
      <c r="AK447" s="53">
        <v>2054353.56</v>
      </c>
      <c r="AL447" s="53">
        <v>2054353.56</v>
      </c>
      <c r="AM447" s="53">
        <v>2054353.56</v>
      </c>
      <c r="AN447" s="53">
        <v>24717529.2299999</v>
      </c>
      <c r="AO447" s="53">
        <v>2060078.97</v>
      </c>
      <c r="AP447" s="53">
        <v>2054353.56</v>
      </c>
      <c r="AQ447" s="53">
        <v>2054353.56</v>
      </c>
      <c r="AR447" s="53">
        <v>2054353.56</v>
      </c>
      <c r="AS447" s="53">
        <v>2054353.56</v>
      </c>
      <c r="AT447" s="53">
        <v>2054353.56</v>
      </c>
      <c r="AU447" s="53">
        <v>2113914.6599999899</v>
      </c>
      <c r="AV447" s="53">
        <v>2054353.56</v>
      </c>
      <c r="AW447" s="53">
        <v>2054353.56</v>
      </c>
      <c r="AX447" s="53">
        <v>2054353.56</v>
      </c>
      <c r="AY447" s="53">
        <v>2054353.56</v>
      </c>
      <c r="AZ447" s="53">
        <v>2054353.56</v>
      </c>
      <c r="BA447" s="53">
        <v>24717529.2299999</v>
      </c>
    </row>
    <row r="448" spans="1:53">
      <c r="A448" s="52" t="s">
        <v>3762</v>
      </c>
      <c r="B448" s="53"/>
      <c r="C448" s="53"/>
      <c r="D448" s="53"/>
      <c r="E448" s="53"/>
      <c r="F448" s="53"/>
      <c r="G448" s="53"/>
      <c r="H448" s="53"/>
      <c r="I448" s="53"/>
      <c r="J448" s="53"/>
      <c r="K448" s="53"/>
      <c r="L448" s="53"/>
      <c r="M448" s="53"/>
      <c r="N448" s="53"/>
      <c r="O448" s="53"/>
      <c r="P448" s="53"/>
      <c r="Q448" s="53"/>
      <c r="R448" s="53"/>
      <c r="S448" s="53"/>
      <c r="T448" s="53"/>
      <c r="U448" s="53"/>
      <c r="V448" s="53"/>
      <c r="W448" s="53"/>
      <c r="X448" s="53"/>
      <c r="Y448" s="53"/>
      <c r="Z448" s="53"/>
      <c r="AA448" s="53"/>
      <c r="AB448" s="53"/>
      <c r="AC448" s="53"/>
      <c r="AD448" s="53"/>
      <c r="AE448" s="53"/>
      <c r="AF448" s="53"/>
      <c r="AG448" s="53"/>
      <c r="AH448" s="53"/>
      <c r="AI448" s="53"/>
      <c r="AJ448" s="53"/>
      <c r="AK448" s="53"/>
      <c r="AL448" s="53"/>
      <c r="AM448" s="53"/>
      <c r="AN448" s="53"/>
      <c r="AO448" s="53"/>
      <c r="AP448" s="53"/>
      <c r="AQ448" s="53"/>
      <c r="AR448" s="53"/>
      <c r="AS448" s="53"/>
      <c r="AT448" s="53"/>
      <c r="AU448" s="53"/>
      <c r="AV448" s="53"/>
      <c r="AW448" s="53"/>
      <c r="AX448" s="53"/>
      <c r="AY448" s="53"/>
      <c r="AZ448" s="53"/>
      <c r="BA448" s="53"/>
    </row>
    <row r="449" spans="1:53">
      <c r="A449" s="52" t="s">
        <v>3763</v>
      </c>
      <c r="B449" s="53">
        <v>37711166</v>
      </c>
      <c r="C449" s="53">
        <v>37711166</v>
      </c>
      <c r="D449" s="53">
        <v>37711166</v>
      </c>
      <c r="E449" s="53">
        <v>0</v>
      </c>
      <c r="F449" s="53">
        <v>0</v>
      </c>
      <c r="G449" s="53">
        <v>0</v>
      </c>
      <c r="H449" s="53">
        <v>0</v>
      </c>
      <c r="I449" s="53">
        <v>0</v>
      </c>
      <c r="J449" s="53">
        <v>0</v>
      </c>
      <c r="K449" s="53">
        <v>0</v>
      </c>
      <c r="L449" s="53">
        <v>0</v>
      </c>
      <c r="M449" s="53">
        <v>0</v>
      </c>
      <c r="N449" s="53">
        <v>113133497.999999</v>
      </c>
      <c r="O449" s="53">
        <v>0</v>
      </c>
      <c r="P449" s="53">
        <v>0</v>
      </c>
      <c r="Q449" s="53">
        <v>0</v>
      </c>
      <c r="R449" s="53">
        <v>0</v>
      </c>
      <c r="S449" s="53">
        <v>0</v>
      </c>
      <c r="T449" s="53">
        <v>0</v>
      </c>
      <c r="U449" s="53">
        <v>0</v>
      </c>
      <c r="V449" s="53">
        <v>0</v>
      </c>
      <c r="W449" s="53">
        <v>0</v>
      </c>
      <c r="X449" s="53">
        <v>0</v>
      </c>
      <c r="Y449" s="53">
        <v>0</v>
      </c>
      <c r="Z449" s="53">
        <v>0</v>
      </c>
      <c r="AA449" s="53">
        <v>0</v>
      </c>
      <c r="AB449" s="53">
        <v>0</v>
      </c>
      <c r="AC449" s="53">
        <v>0</v>
      </c>
      <c r="AD449" s="53">
        <v>0</v>
      </c>
      <c r="AE449" s="53">
        <v>0</v>
      </c>
      <c r="AF449" s="53">
        <v>0</v>
      </c>
      <c r="AG449" s="53">
        <v>0</v>
      </c>
      <c r="AH449" s="53">
        <v>0</v>
      </c>
      <c r="AI449" s="53">
        <v>0</v>
      </c>
      <c r="AJ449" s="53">
        <v>0</v>
      </c>
      <c r="AK449" s="53">
        <v>0</v>
      </c>
      <c r="AL449" s="53">
        <v>0</v>
      </c>
      <c r="AM449" s="53">
        <v>0</v>
      </c>
      <c r="AN449" s="53">
        <v>0</v>
      </c>
      <c r="AO449" s="53">
        <v>0</v>
      </c>
      <c r="AP449" s="53">
        <v>0</v>
      </c>
      <c r="AQ449" s="53">
        <v>0</v>
      </c>
      <c r="AR449" s="53">
        <v>0</v>
      </c>
      <c r="AS449" s="53">
        <v>0</v>
      </c>
      <c r="AT449" s="53">
        <v>0</v>
      </c>
      <c r="AU449" s="53">
        <v>0</v>
      </c>
      <c r="AV449" s="53">
        <v>0</v>
      </c>
      <c r="AW449" s="53">
        <v>0</v>
      </c>
      <c r="AX449" s="53">
        <v>0</v>
      </c>
      <c r="AY449" s="53">
        <v>0</v>
      </c>
      <c r="AZ449" s="53">
        <v>0</v>
      </c>
      <c r="BA449" s="53">
        <v>0</v>
      </c>
    </row>
    <row r="450" spans="1:53">
      <c r="A450" s="52" t="s">
        <v>3764</v>
      </c>
      <c r="B450" s="53">
        <v>0</v>
      </c>
      <c r="C450" s="53">
        <v>0</v>
      </c>
      <c r="D450" s="53">
        <v>0</v>
      </c>
      <c r="E450" s="53">
        <v>0</v>
      </c>
      <c r="F450" s="53">
        <v>0</v>
      </c>
      <c r="G450" s="53">
        <v>0</v>
      </c>
      <c r="H450" s="53">
        <v>0</v>
      </c>
      <c r="I450" s="53">
        <v>0</v>
      </c>
      <c r="J450" s="53">
        <v>0</v>
      </c>
      <c r="K450" s="53">
        <v>0</v>
      </c>
      <c r="L450" s="53">
        <v>0</v>
      </c>
      <c r="M450" s="53">
        <v>0</v>
      </c>
      <c r="N450" s="53">
        <v>0</v>
      </c>
      <c r="O450" s="53">
        <v>0</v>
      </c>
      <c r="P450" s="53">
        <v>0</v>
      </c>
      <c r="Q450" s="53">
        <v>0</v>
      </c>
      <c r="R450" s="53">
        <v>0</v>
      </c>
      <c r="S450" s="53">
        <v>0</v>
      </c>
      <c r="T450" s="53">
        <v>0</v>
      </c>
      <c r="U450" s="53">
        <v>0</v>
      </c>
      <c r="V450" s="53">
        <v>0</v>
      </c>
      <c r="W450" s="53">
        <v>0</v>
      </c>
      <c r="X450" s="53">
        <v>0</v>
      </c>
      <c r="Y450" s="53">
        <v>0</v>
      </c>
      <c r="Z450" s="53">
        <v>0</v>
      </c>
      <c r="AA450" s="53">
        <v>0</v>
      </c>
      <c r="AB450" s="53">
        <v>0</v>
      </c>
      <c r="AC450" s="53">
        <v>0</v>
      </c>
      <c r="AD450" s="53">
        <v>0</v>
      </c>
      <c r="AE450" s="53">
        <v>0</v>
      </c>
      <c r="AF450" s="53">
        <v>0</v>
      </c>
      <c r="AG450" s="53">
        <v>0</v>
      </c>
      <c r="AH450" s="53">
        <v>0</v>
      </c>
      <c r="AI450" s="53">
        <v>0</v>
      </c>
      <c r="AJ450" s="53">
        <v>0</v>
      </c>
      <c r="AK450" s="53">
        <v>0</v>
      </c>
      <c r="AL450" s="53">
        <v>0</v>
      </c>
      <c r="AM450" s="53">
        <v>0</v>
      </c>
      <c r="AN450" s="53">
        <v>0</v>
      </c>
      <c r="AO450" s="53">
        <v>0</v>
      </c>
      <c r="AP450" s="53">
        <v>0</v>
      </c>
      <c r="AQ450" s="53">
        <v>0</v>
      </c>
      <c r="AR450" s="53">
        <v>0</v>
      </c>
      <c r="AS450" s="53">
        <v>0</v>
      </c>
      <c r="AT450" s="53">
        <v>0</v>
      </c>
      <c r="AU450" s="53">
        <v>0</v>
      </c>
      <c r="AV450" s="53">
        <v>0</v>
      </c>
      <c r="AW450" s="53">
        <v>0</v>
      </c>
      <c r="AX450" s="53">
        <v>0</v>
      </c>
      <c r="AY450" s="53">
        <v>0</v>
      </c>
      <c r="AZ450" s="53">
        <v>0</v>
      </c>
      <c r="BA450" s="53">
        <v>0</v>
      </c>
    </row>
    <row r="451" spans="1:53">
      <c r="A451" s="52" t="s">
        <v>3765</v>
      </c>
      <c r="B451" s="53">
        <v>37711166</v>
      </c>
      <c r="C451" s="53">
        <v>37711166</v>
      </c>
      <c r="D451" s="53">
        <v>37711166</v>
      </c>
      <c r="E451" s="53">
        <v>0</v>
      </c>
      <c r="F451" s="53">
        <v>0</v>
      </c>
      <c r="G451" s="53">
        <v>0</v>
      </c>
      <c r="H451" s="53">
        <v>0</v>
      </c>
      <c r="I451" s="53">
        <v>0</v>
      </c>
      <c r="J451" s="53">
        <v>0</v>
      </c>
      <c r="K451" s="53">
        <v>0</v>
      </c>
      <c r="L451" s="53">
        <v>0</v>
      </c>
      <c r="M451" s="53">
        <v>0</v>
      </c>
      <c r="N451" s="53">
        <v>113133497.999999</v>
      </c>
      <c r="O451" s="53">
        <v>0</v>
      </c>
      <c r="P451" s="53">
        <v>0</v>
      </c>
      <c r="Q451" s="53">
        <v>0</v>
      </c>
      <c r="R451" s="53">
        <v>0</v>
      </c>
      <c r="S451" s="53">
        <v>0</v>
      </c>
      <c r="T451" s="53">
        <v>0</v>
      </c>
      <c r="U451" s="53">
        <v>0</v>
      </c>
      <c r="V451" s="53">
        <v>0</v>
      </c>
      <c r="W451" s="53">
        <v>0</v>
      </c>
      <c r="X451" s="53">
        <v>0</v>
      </c>
      <c r="Y451" s="53">
        <v>0</v>
      </c>
      <c r="Z451" s="53">
        <v>0</v>
      </c>
      <c r="AA451" s="53">
        <v>0</v>
      </c>
      <c r="AB451" s="53">
        <v>0</v>
      </c>
      <c r="AC451" s="53">
        <v>0</v>
      </c>
      <c r="AD451" s="53">
        <v>0</v>
      </c>
      <c r="AE451" s="53">
        <v>0</v>
      </c>
      <c r="AF451" s="53">
        <v>0</v>
      </c>
      <c r="AG451" s="53">
        <v>0</v>
      </c>
      <c r="AH451" s="53">
        <v>0</v>
      </c>
      <c r="AI451" s="53">
        <v>0</v>
      </c>
      <c r="AJ451" s="53">
        <v>0</v>
      </c>
      <c r="AK451" s="53">
        <v>0</v>
      </c>
      <c r="AL451" s="53">
        <v>0</v>
      </c>
      <c r="AM451" s="53">
        <v>0</v>
      </c>
      <c r="AN451" s="53">
        <v>0</v>
      </c>
      <c r="AO451" s="53">
        <v>0</v>
      </c>
      <c r="AP451" s="53">
        <v>0</v>
      </c>
      <c r="AQ451" s="53">
        <v>0</v>
      </c>
      <c r="AR451" s="53">
        <v>0</v>
      </c>
      <c r="AS451" s="53">
        <v>0</v>
      </c>
      <c r="AT451" s="53">
        <v>0</v>
      </c>
      <c r="AU451" s="53">
        <v>0</v>
      </c>
      <c r="AV451" s="53">
        <v>0</v>
      </c>
      <c r="AW451" s="53">
        <v>0</v>
      </c>
      <c r="AX451" s="53">
        <v>0</v>
      </c>
      <c r="AY451" s="53">
        <v>0</v>
      </c>
      <c r="AZ451" s="53">
        <v>0</v>
      </c>
      <c r="BA451" s="53">
        <v>0</v>
      </c>
    </row>
    <row r="452" spans="1:53">
      <c r="A452" s="52" t="s">
        <v>3766</v>
      </c>
      <c r="B452" s="53">
        <v>0</v>
      </c>
      <c r="C452" s="53">
        <v>0</v>
      </c>
      <c r="D452" s="53">
        <v>0</v>
      </c>
      <c r="E452" s="53">
        <v>0</v>
      </c>
      <c r="F452" s="53">
        <v>0</v>
      </c>
      <c r="G452" s="53">
        <v>0</v>
      </c>
      <c r="H452" s="53">
        <v>0</v>
      </c>
      <c r="I452" s="53">
        <v>0</v>
      </c>
      <c r="J452" s="53">
        <v>0</v>
      </c>
      <c r="K452" s="53">
        <v>0</v>
      </c>
      <c r="L452" s="53">
        <v>0</v>
      </c>
      <c r="M452" s="53">
        <v>0</v>
      </c>
      <c r="N452" s="53">
        <v>0</v>
      </c>
      <c r="O452" s="53">
        <v>0</v>
      </c>
      <c r="P452" s="53">
        <v>0</v>
      </c>
      <c r="Q452" s="53">
        <v>0</v>
      </c>
      <c r="R452" s="53">
        <v>0</v>
      </c>
      <c r="S452" s="53">
        <v>0</v>
      </c>
      <c r="T452" s="53">
        <v>0</v>
      </c>
      <c r="U452" s="53">
        <v>0</v>
      </c>
      <c r="V452" s="53">
        <v>0</v>
      </c>
      <c r="W452" s="53">
        <v>0</v>
      </c>
      <c r="X452" s="53">
        <v>0</v>
      </c>
      <c r="Y452" s="53">
        <v>0</v>
      </c>
      <c r="Z452" s="53">
        <v>0</v>
      </c>
      <c r="AA452" s="53">
        <v>0</v>
      </c>
      <c r="AB452" s="53">
        <v>0</v>
      </c>
      <c r="AC452" s="53">
        <v>0</v>
      </c>
      <c r="AD452" s="53">
        <v>0</v>
      </c>
      <c r="AE452" s="53">
        <v>0</v>
      </c>
      <c r="AF452" s="53">
        <v>0</v>
      </c>
      <c r="AG452" s="53">
        <v>0</v>
      </c>
      <c r="AH452" s="53">
        <v>0</v>
      </c>
      <c r="AI452" s="53">
        <v>0</v>
      </c>
      <c r="AJ452" s="53">
        <v>0</v>
      </c>
      <c r="AK452" s="53">
        <v>0</v>
      </c>
      <c r="AL452" s="53">
        <v>0</v>
      </c>
      <c r="AM452" s="53">
        <v>0</v>
      </c>
      <c r="AN452" s="53">
        <v>0</v>
      </c>
      <c r="AO452" s="53">
        <v>0</v>
      </c>
      <c r="AP452" s="53">
        <v>0</v>
      </c>
      <c r="AQ452" s="53">
        <v>0</v>
      </c>
      <c r="AR452" s="53">
        <v>0</v>
      </c>
      <c r="AS452" s="53">
        <v>0</v>
      </c>
      <c r="AT452" s="53">
        <v>0</v>
      </c>
      <c r="AU452" s="53">
        <v>0</v>
      </c>
      <c r="AV452" s="53">
        <v>0</v>
      </c>
      <c r="AW452" s="53">
        <v>0</v>
      </c>
      <c r="AX452" s="53">
        <v>0</v>
      </c>
      <c r="AY452" s="53">
        <v>0</v>
      </c>
      <c r="AZ452" s="53">
        <v>0</v>
      </c>
      <c r="BA452" s="53">
        <v>0</v>
      </c>
    </row>
    <row r="453" spans="1:53">
      <c r="A453" s="52" t="s">
        <v>3767</v>
      </c>
      <c r="B453" s="53">
        <v>0</v>
      </c>
      <c r="C453" s="53">
        <v>0</v>
      </c>
      <c r="D453" s="53">
        <v>0</v>
      </c>
      <c r="E453" s="53">
        <v>0</v>
      </c>
      <c r="F453" s="53">
        <v>0</v>
      </c>
      <c r="G453" s="53">
        <v>0</v>
      </c>
      <c r="H453" s="53">
        <v>0</v>
      </c>
      <c r="I453" s="53">
        <v>0</v>
      </c>
      <c r="J453" s="53">
        <v>0</v>
      </c>
      <c r="K453" s="53">
        <v>0</v>
      </c>
      <c r="L453" s="53">
        <v>0</v>
      </c>
      <c r="M453" s="53">
        <v>0</v>
      </c>
      <c r="N453" s="53">
        <v>0</v>
      </c>
      <c r="O453" s="53">
        <v>0</v>
      </c>
      <c r="P453" s="53">
        <v>0</v>
      </c>
      <c r="Q453" s="53">
        <v>0</v>
      </c>
      <c r="R453" s="53">
        <v>0</v>
      </c>
      <c r="S453" s="53">
        <v>0</v>
      </c>
      <c r="T453" s="53">
        <v>0</v>
      </c>
      <c r="U453" s="53">
        <v>0</v>
      </c>
      <c r="V453" s="53">
        <v>0</v>
      </c>
      <c r="W453" s="53">
        <v>0</v>
      </c>
      <c r="X453" s="53">
        <v>0</v>
      </c>
      <c r="Y453" s="53">
        <v>0</v>
      </c>
      <c r="Z453" s="53">
        <v>0</v>
      </c>
      <c r="AA453" s="53">
        <v>0</v>
      </c>
      <c r="AB453" s="53">
        <v>0</v>
      </c>
      <c r="AC453" s="53">
        <v>0</v>
      </c>
      <c r="AD453" s="53">
        <v>0</v>
      </c>
      <c r="AE453" s="53">
        <v>0</v>
      </c>
      <c r="AF453" s="53">
        <v>0</v>
      </c>
      <c r="AG453" s="53">
        <v>0</v>
      </c>
      <c r="AH453" s="53">
        <v>0</v>
      </c>
      <c r="AI453" s="53">
        <v>0</v>
      </c>
      <c r="AJ453" s="53">
        <v>0</v>
      </c>
      <c r="AK453" s="53">
        <v>0</v>
      </c>
      <c r="AL453" s="53">
        <v>0</v>
      </c>
      <c r="AM453" s="53">
        <v>0</v>
      </c>
      <c r="AN453" s="53">
        <v>0</v>
      </c>
      <c r="AO453" s="53">
        <v>0</v>
      </c>
      <c r="AP453" s="53">
        <v>0</v>
      </c>
      <c r="AQ453" s="53">
        <v>0</v>
      </c>
      <c r="AR453" s="53">
        <v>0</v>
      </c>
      <c r="AS453" s="53">
        <v>0</v>
      </c>
      <c r="AT453" s="53">
        <v>0</v>
      </c>
      <c r="AU453" s="53">
        <v>0</v>
      </c>
      <c r="AV453" s="53">
        <v>0</v>
      </c>
      <c r="AW453" s="53">
        <v>0</v>
      </c>
      <c r="AX453" s="53">
        <v>0</v>
      </c>
      <c r="AY453" s="53">
        <v>0</v>
      </c>
      <c r="AZ453" s="53">
        <v>0</v>
      </c>
      <c r="BA453" s="53">
        <v>0</v>
      </c>
    </row>
    <row r="454" spans="1:53">
      <c r="A454" s="52" t="s">
        <v>3768</v>
      </c>
      <c r="B454" s="53">
        <v>0</v>
      </c>
      <c r="C454" s="53">
        <v>0</v>
      </c>
      <c r="D454" s="53">
        <v>0</v>
      </c>
      <c r="E454" s="53">
        <v>0</v>
      </c>
      <c r="F454" s="53">
        <v>0</v>
      </c>
      <c r="G454" s="53">
        <v>0</v>
      </c>
      <c r="H454" s="53">
        <v>0</v>
      </c>
      <c r="I454" s="53">
        <v>0</v>
      </c>
      <c r="J454" s="53">
        <v>0</v>
      </c>
      <c r="K454" s="53">
        <v>0</v>
      </c>
      <c r="L454" s="53">
        <v>0</v>
      </c>
      <c r="M454" s="53">
        <v>0</v>
      </c>
      <c r="N454" s="53">
        <v>0</v>
      </c>
      <c r="O454" s="53">
        <v>0</v>
      </c>
      <c r="P454" s="53">
        <v>0</v>
      </c>
      <c r="Q454" s="53">
        <v>0</v>
      </c>
      <c r="R454" s="53">
        <v>0</v>
      </c>
      <c r="S454" s="53">
        <v>0</v>
      </c>
      <c r="T454" s="53">
        <v>0</v>
      </c>
      <c r="U454" s="53">
        <v>0</v>
      </c>
      <c r="V454" s="53">
        <v>0</v>
      </c>
      <c r="W454" s="53">
        <v>0</v>
      </c>
      <c r="X454" s="53">
        <v>0</v>
      </c>
      <c r="Y454" s="53">
        <v>0</v>
      </c>
      <c r="Z454" s="53">
        <v>0</v>
      </c>
      <c r="AA454" s="53">
        <v>0</v>
      </c>
      <c r="AB454" s="53">
        <v>0</v>
      </c>
      <c r="AC454" s="53">
        <v>0</v>
      </c>
      <c r="AD454" s="53">
        <v>0</v>
      </c>
      <c r="AE454" s="53">
        <v>0</v>
      </c>
      <c r="AF454" s="53">
        <v>0</v>
      </c>
      <c r="AG454" s="53">
        <v>0</v>
      </c>
      <c r="AH454" s="53">
        <v>0</v>
      </c>
      <c r="AI454" s="53">
        <v>0</v>
      </c>
      <c r="AJ454" s="53">
        <v>0</v>
      </c>
      <c r="AK454" s="53">
        <v>0</v>
      </c>
      <c r="AL454" s="53">
        <v>0</v>
      </c>
      <c r="AM454" s="53">
        <v>0</v>
      </c>
      <c r="AN454" s="53">
        <v>0</v>
      </c>
      <c r="AO454" s="53">
        <v>0</v>
      </c>
      <c r="AP454" s="53">
        <v>0</v>
      </c>
      <c r="AQ454" s="53">
        <v>0</v>
      </c>
      <c r="AR454" s="53">
        <v>0</v>
      </c>
      <c r="AS454" s="53">
        <v>0</v>
      </c>
      <c r="AT454" s="53">
        <v>0</v>
      </c>
      <c r="AU454" s="53">
        <v>0</v>
      </c>
      <c r="AV454" s="53">
        <v>0</v>
      </c>
      <c r="AW454" s="53">
        <v>0</v>
      </c>
      <c r="AX454" s="53">
        <v>0</v>
      </c>
      <c r="AY454" s="53">
        <v>0</v>
      </c>
      <c r="AZ454" s="53">
        <v>0</v>
      </c>
      <c r="BA454" s="53">
        <v>0</v>
      </c>
    </row>
    <row r="455" spans="1:53">
      <c r="A455" s="52" t="s">
        <v>3769</v>
      </c>
      <c r="B455" s="53">
        <v>37711166</v>
      </c>
      <c r="C455" s="53">
        <v>37711166</v>
      </c>
      <c r="D455" s="53">
        <v>37711166</v>
      </c>
      <c r="E455" s="53">
        <v>0</v>
      </c>
      <c r="F455" s="53">
        <v>0</v>
      </c>
      <c r="G455" s="53">
        <v>0</v>
      </c>
      <c r="H455" s="53">
        <v>0</v>
      </c>
      <c r="I455" s="53">
        <v>0</v>
      </c>
      <c r="J455" s="53">
        <v>0</v>
      </c>
      <c r="K455" s="53">
        <v>0</v>
      </c>
      <c r="L455" s="53">
        <v>0</v>
      </c>
      <c r="M455" s="53">
        <v>0</v>
      </c>
      <c r="N455" s="53">
        <v>113133497.999999</v>
      </c>
      <c r="O455" s="53">
        <v>0</v>
      </c>
      <c r="P455" s="53">
        <v>0</v>
      </c>
      <c r="Q455" s="53">
        <v>0</v>
      </c>
      <c r="R455" s="53">
        <v>0</v>
      </c>
      <c r="S455" s="53">
        <v>0</v>
      </c>
      <c r="T455" s="53">
        <v>0</v>
      </c>
      <c r="U455" s="53">
        <v>0</v>
      </c>
      <c r="V455" s="53">
        <v>0</v>
      </c>
      <c r="W455" s="53">
        <v>0</v>
      </c>
      <c r="X455" s="53">
        <v>0</v>
      </c>
      <c r="Y455" s="53">
        <v>0</v>
      </c>
      <c r="Z455" s="53">
        <v>0</v>
      </c>
      <c r="AA455" s="53">
        <v>0</v>
      </c>
      <c r="AB455" s="53">
        <v>0</v>
      </c>
      <c r="AC455" s="53">
        <v>0</v>
      </c>
      <c r="AD455" s="53">
        <v>0</v>
      </c>
      <c r="AE455" s="53">
        <v>0</v>
      </c>
      <c r="AF455" s="53">
        <v>0</v>
      </c>
      <c r="AG455" s="53">
        <v>0</v>
      </c>
      <c r="AH455" s="53">
        <v>0</v>
      </c>
      <c r="AI455" s="53">
        <v>0</v>
      </c>
      <c r="AJ455" s="53">
        <v>0</v>
      </c>
      <c r="AK455" s="53">
        <v>0</v>
      </c>
      <c r="AL455" s="53">
        <v>0</v>
      </c>
      <c r="AM455" s="53">
        <v>0</v>
      </c>
      <c r="AN455" s="53">
        <v>0</v>
      </c>
      <c r="AO455" s="53">
        <v>0</v>
      </c>
      <c r="AP455" s="53">
        <v>0</v>
      </c>
      <c r="AQ455" s="53">
        <v>0</v>
      </c>
      <c r="AR455" s="53">
        <v>0</v>
      </c>
      <c r="AS455" s="53">
        <v>0</v>
      </c>
      <c r="AT455" s="53">
        <v>0</v>
      </c>
      <c r="AU455" s="53">
        <v>0</v>
      </c>
      <c r="AV455" s="53">
        <v>0</v>
      </c>
      <c r="AW455" s="53">
        <v>0</v>
      </c>
      <c r="AX455" s="53">
        <v>0</v>
      </c>
      <c r="AY455" s="53">
        <v>0</v>
      </c>
      <c r="AZ455" s="53">
        <v>0</v>
      </c>
      <c r="BA455" s="53">
        <v>0</v>
      </c>
    </row>
    <row r="456" spans="1:53">
      <c r="A456" s="52" t="s">
        <v>3770</v>
      </c>
      <c r="B456" s="53"/>
      <c r="C456" s="53"/>
      <c r="D456" s="53"/>
      <c r="E456" s="53"/>
      <c r="F456" s="53"/>
      <c r="G456" s="53"/>
      <c r="H456" s="53"/>
      <c r="I456" s="53"/>
      <c r="J456" s="53"/>
      <c r="K456" s="53"/>
      <c r="L456" s="53"/>
      <c r="M456" s="53"/>
      <c r="N456" s="53"/>
      <c r="O456" s="53"/>
      <c r="P456" s="53"/>
      <c r="Q456" s="53"/>
      <c r="R456" s="53"/>
      <c r="S456" s="53"/>
      <c r="T456" s="53"/>
      <c r="U456" s="53"/>
      <c r="V456" s="53"/>
      <c r="W456" s="53"/>
      <c r="X456" s="53"/>
      <c r="Y456" s="53"/>
      <c r="Z456" s="53"/>
      <c r="AA456" s="53"/>
      <c r="AB456" s="53"/>
      <c r="AC456" s="53"/>
      <c r="AD456" s="53"/>
      <c r="AE456" s="53"/>
      <c r="AF456" s="53"/>
      <c r="AG456" s="53"/>
      <c r="AH456" s="53"/>
      <c r="AI456" s="53"/>
      <c r="AJ456" s="53"/>
      <c r="AK456" s="53"/>
      <c r="AL456" s="53"/>
      <c r="AM456" s="53"/>
      <c r="AN456" s="53"/>
      <c r="AO456" s="53"/>
      <c r="AP456" s="53"/>
      <c r="AQ456" s="53"/>
      <c r="AR456" s="53"/>
      <c r="AS456" s="53"/>
      <c r="AT456" s="53"/>
      <c r="AU456" s="53"/>
      <c r="AV456" s="53"/>
      <c r="AW456" s="53"/>
      <c r="AX456" s="53"/>
      <c r="AY456" s="53"/>
      <c r="AZ456" s="53"/>
      <c r="BA456" s="53"/>
    </row>
    <row r="457" spans="1:53">
      <c r="A457" s="52" t="s">
        <v>3771</v>
      </c>
      <c r="B457" s="53">
        <v>222104.43</v>
      </c>
      <c r="C457" s="53">
        <v>213279.43</v>
      </c>
      <c r="D457" s="53">
        <v>142687.43</v>
      </c>
      <c r="E457" s="53">
        <v>186807.43</v>
      </c>
      <c r="F457" s="53">
        <v>186807.43</v>
      </c>
      <c r="G457" s="53">
        <v>125039.43</v>
      </c>
      <c r="H457" s="53">
        <v>215288.76</v>
      </c>
      <c r="I457" s="53">
        <v>197640.76</v>
      </c>
      <c r="J457" s="53">
        <v>118224.75999999901</v>
      </c>
      <c r="K457" s="53">
        <v>197640.76</v>
      </c>
      <c r="L457" s="53">
        <v>197640.76</v>
      </c>
      <c r="M457" s="53">
        <v>56456.76</v>
      </c>
      <c r="N457" s="53">
        <v>2059618.14</v>
      </c>
      <c r="O457" s="53">
        <v>222104.43</v>
      </c>
      <c r="P457" s="53">
        <v>213279.43</v>
      </c>
      <c r="Q457" s="53">
        <v>142687.43</v>
      </c>
      <c r="R457" s="53">
        <v>186807.43</v>
      </c>
      <c r="S457" s="53">
        <v>186807.43</v>
      </c>
      <c r="T457" s="53">
        <v>125039.43</v>
      </c>
      <c r="U457" s="53">
        <v>215288.76</v>
      </c>
      <c r="V457" s="53">
        <v>197640.76</v>
      </c>
      <c r="W457" s="53">
        <v>118224.75999999901</v>
      </c>
      <c r="X457" s="53">
        <v>197640.76</v>
      </c>
      <c r="Y457" s="53">
        <v>197640.76</v>
      </c>
      <c r="Z457" s="53">
        <v>56456.76</v>
      </c>
      <c r="AA457" s="53">
        <v>2059618.14</v>
      </c>
      <c r="AB457" s="53">
        <v>222104.43</v>
      </c>
      <c r="AC457" s="53">
        <v>213279.43</v>
      </c>
      <c r="AD457" s="53">
        <v>142687.43</v>
      </c>
      <c r="AE457" s="53">
        <v>186807.43</v>
      </c>
      <c r="AF457" s="53">
        <v>186807.43</v>
      </c>
      <c r="AG457" s="53">
        <v>125039.43</v>
      </c>
      <c r="AH457" s="53">
        <v>215288.76</v>
      </c>
      <c r="AI457" s="53">
        <v>197640.76</v>
      </c>
      <c r="AJ457" s="53">
        <v>118224.75999999901</v>
      </c>
      <c r="AK457" s="53">
        <v>197640.76</v>
      </c>
      <c r="AL457" s="53">
        <v>197640.76</v>
      </c>
      <c r="AM457" s="53">
        <v>56456.76</v>
      </c>
      <c r="AN457" s="53">
        <v>2059618.14</v>
      </c>
      <c r="AO457" s="53">
        <v>222104.43</v>
      </c>
      <c r="AP457" s="53">
        <v>213279.43</v>
      </c>
      <c r="AQ457" s="53">
        <v>142687.43</v>
      </c>
      <c r="AR457" s="53">
        <v>186807.43</v>
      </c>
      <c r="AS457" s="53">
        <v>186807.43</v>
      </c>
      <c r="AT457" s="53">
        <v>125039.43</v>
      </c>
      <c r="AU457" s="53">
        <v>215288.76</v>
      </c>
      <c r="AV457" s="53">
        <v>197640.76</v>
      </c>
      <c r="AW457" s="53">
        <v>118224.75999999901</v>
      </c>
      <c r="AX457" s="53">
        <v>197640.76</v>
      </c>
      <c r="AY457" s="53">
        <v>197640.76</v>
      </c>
      <c r="AZ457" s="53">
        <v>56456.76</v>
      </c>
      <c r="BA457" s="53">
        <v>2059618.14</v>
      </c>
    </row>
    <row r="458" spans="1:53">
      <c r="A458" s="52" t="s">
        <v>3772</v>
      </c>
      <c r="B458" s="53">
        <v>411265.01</v>
      </c>
      <c r="C458" s="53">
        <v>411265.01</v>
      </c>
      <c r="D458" s="53">
        <v>411265.01</v>
      </c>
      <c r="E458" s="53">
        <v>411265.01</v>
      </c>
      <c r="F458" s="53">
        <v>411265.01</v>
      </c>
      <c r="G458" s="53">
        <v>411265.01</v>
      </c>
      <c r="H458" s="53">
        <v>411265.01</v>
      </c>
      <c r="I458" s="53">
        <v>411265.01</v>
      </c>
      <c r="J458" s="53">
        <v>411265.01</v>
      </c>
      <c r="K458" s="53">
        <v>411265.01</v>
      </c>
      <c r="L458" s="53">
        <v>411265.01</v>
      </c>
      <c r="M458" s="53">
        <v>411265.01</v>
      </c>
      <c r="N458" s="53">
        <v>4935180.12</v>
      </c>
      <c r="O458" s="53">
        <v>411265.01</v>
      </c>
      <c r="P458" s="53">
        <v>411265.01</v>
      </c>
      <c r="Q458" s="53">
        <v>411265.01</v>
      </c>
      <c r="R458" s="53">
        <v>411265.01</v>
      </c>
      <c r="S458" s="53">
        <v>411265.01</v>
      </c>
      <c r="T458" s="53">
        <v>411265.01</v>
      </c>
      <c r="U458" s="53">
        <v>411265.01</v>
      </c>
      <c r="V458" s="53">
        <v>411265.01</v>
      </c>
      <c r="W458" s="53">
        <v>411265.01</v>
      </c>
      <c r="X458" s="53">
        <v>411265.01</v>
      </c>
      <c r="Y458" s="53">
        <v>411265.01</v>
      </c>
      <c r="Z458" s="53">
        <v>411265.01</v>
      </c>
      <c r="AA458" s="53">
        <v>4935180.12</v>
      </c>
      <c r="AB458" s="53">
        <v>411265.01</v>
      </c>
      <c r="AC458" s="53">
        <v>411265.01</v>
      </c>
      <c r="AD458" s="53">
        <v>411265.01</v>
      </c>
      <c r="AE458" s="53">
        <v>411265.01</v>
      </c>
      <c r="AF458" s="53">
        <v>411265.01</v>
      </c>
      <c r="AG458" s="53">
        <v>411265.01</v>
      </c>
      <c r="AH458" s="53">
        <v>411265.01</v>
      </c>
      <c r="AI458" s="53">
        <v>411265.01</v>
      </c>
      <c r="AJ458" s="53">
        <v>411265.01</v>
      </c>
      <c r="AK458" s="53">
        <v>411265.01</v>
      </c>
      <c r="AL458" s="53">
        <v>411265.01</v>
      </c>
      <c r="AM458" s="53">
        <v>411265.01</v>
      </c>
      <c r="AN458" s="53">
        <v>4935180.12</v>
      </c>
      <c r="AO458" s="53">
        <v>411265.01</v>
      </c>
      <c r="AP458" s="53">
        <v>411265.01</v>
      </c>
      <c r="AQ458" s="53">
        <v>411265.01</v>
      </c>
      <c r="AR458" s="53">
        <v>411265.01</v>
      </c>
      <c r="AS458" s="53">
        <v>411265.01</v>
      </c>
      <c r="AT458" s="53">
        <v>411265.01</v>
      </c>
      <c r="AU458" s="53">
        <v>411265.01</v>
      </c>
      <c r="AV458" s="53">
        <v>411265.01</v>
      </c>
      <c r="AW458" s="53">
        <v>411265.01</v>
      </c>
      <c r="AX458" s="53">
        <v>411265.01</v>
      </c>
      <c r="AY458" s="53">
        <v>411265.01</v>
      </c>
      <c r="AZ458" s="53">
        <v>411265.01</v>
      </c>
      <c r="BA458" s="53">
        <v>4935180.12</v>
      </c>
    </row>
    <row r="459" spans="1:53">
      <c r="A459" s="52" t="s">
        <v>3773</v>
      </c>
      <c r="B459" s="53">
        <v>0</v>
      </c>
      <c r="C459" s="53">
        <v>0</v>
      </c>
      <c r="D459" s="53">
        <v>0</v>
      </c>
      <c r="E459" s="53">
        <v>0</v>
      </c>
      <c r="F459" s="53">
        <v>0</v>
      </c>
      <c r="G459" s="53">
        <v>0</v>
      </c>
      <c r="H459" s="53">
        <v>0</v>
      </c>
      <c r="I459" s="53">
        <v>0</v>
      </c>
      <c r="J459" s="53">
        <v>0</v>
      </c>
      <c r="K459" s="53">
        <v>0</v>
      </c>
      <c r="L459" s="53">
        <v>0</v>
      </c>
      <c r="M459" s="53">
        <v>0</v>
      </c>
      <c r="N459" s="53">
        <v>0</v>
      </c>
      <c r="O459" s="53">
        <v>0</v>
      </c>
      <c r="P459" s="53">
        <v>0</v>
      </c>
      <c r="Q459" s="53">
        <v>0</v>
      </c>
      <c r="R459" s="53">
        <v>0</v>
      </c>
      <c r="S459" s="53">
        <v>0</v>
      </c>
      <c r="T459" s="53">
        <v>0</v>
      </c>
      <c r="U459" s="53">
        <v>0</v>
      </c>
      <c r="V459" s="53">
        <v>0</v>
      </c>
      <c r="W459" s="53">
        <v>0</v>
      </c>
      <c r="X459" s="53">
        <v>0</v>
      </c>
      <c r="Y459" s="53">
        <v>0</v>
      </c>
      <c r="Z459" s="53">
        <v>0</v>
      </c>
      <c r="AA459" s="53">
        <v>0</v>
      </c>
      <c r="AB459" s="53">
        <v>0</v>
      </c>
      <c r="AC459" s="53">
        <v>0</v>
      </c>
      <c r="AD459" s="53">
        <v>0</v>
      </c>
      <c r="AE459" s="53">
        <v>0</v>
      </c>
      <c r="AF459" s="53">
        <v>0</v>
      </c>
      <c r="AG459" s="53">
        <v>0</v>
      </c>
      <c r="AH459" s="53">
        <v>0</v>
      </c>
      <c r="AI459" s="53">
        <v>0</v>
      </c>
      <c r="AJ459" s="53">
        <v>0</v>
      </c>
      <c r="AK459" s="53">
        <v>0</v>
      </c>
      <c r="AL459" s="53">
        <v>0</v>
      </c>
      <c r="AM459" s="53">
        <v>0</v>
      </c>
      <c r="AN459" s="53">
        <v>0</v>
      </c>
      <c r="AO459" s="53">
        <v>0</v>
      </c>
      <c r="AP459" s="53">
        <v>0</v>
      </c>
      <c r="AQ459" s="53">
        <v>0</v>
      </c>
      <c r="AR459" s="53">
        <v>0</v>
      </c>
      <c r="AS459" s="53">
        <v>0</v>
      </c>
      <c r="AT459" s="53">
        <v>0</v>
      </c>
      <c r="AU459" s="53">
        <v>0</v>
      </c>
      <c r="AV459" s="53">
        <v>0</v>
      </c>
      <c r="AW459" s="53">
        <v>0</v>
      </c>
      <c r="AX459" s="53">
        <v>0</v>
      </c>
      <c r="AY459" s="53">
        <v>0</v>
      </c>
      <c r="AZ459" s="53">
        <v>0</v>
      </c>
      <c r="BA459" s="53">
        <v>0</v>
      </c>
    </row>
    <row r="460" spans="1:53">
      <c r="A460" s="52" t="s">
        <v>3774</v>
      </c>
      <c r="B460" s="53">
        <v>7280.82</v>
      </c>
      <c r="C460" s="53">
        <v>7280.82</v>
      </c>
      <c r="D460" s="53">
        <v>7508.02</v>
      </c>
      <c r="E460" s="53">
        <v>7508.02</v>
      </c>
      <c r="F460" s="53">
        <v>7508.02</v>
      </c>
      <c r="G460" s="53">
        <v>7508.02</v>
      </c>
      <c r="H460" s="53">
        <v>7508.02</v>
      </c>
      <c r="I460" s="53">
        <v>7508.02</v>
      </c>
      <c r="J460" s="53">
        <v>7508.02</v>
      </c>
      <c r="K460" s="53">
        <v>7508.02</v>
      </c>
      <c r="L460" s="53">
        <v>7508.02</v>
      </c>
      <c r="M460" s="53">
        <v>7508.02</v>
      </c>
      <c r="N460" s="53">
        <v>89641.84</v>
      </c>
      <c r="O460" s="53">
        <v>7280.82</v>
      </c>
      <c r="P460" s="53">
        <v>7280.82</v>
      </c>
      <c r="Q460" s="53">
        <v>7508.02</v>
      </c>
      <c r="R460" s="53">
        <v>7508.02</v>
      </c>
      <c r="S460" s="53">
        <v>7508.02</v>
      </c>
      <c r="T460" s="53">
        <v>7508.02</v>
      </c>
      <c r="U460" s="53">
        <v>7508.02</v>
      </c>
      <c r="V460" s="53">
        <v>7508.02</v>
      </c>
      <c r="W460" s="53">
        <v>7508.02</v>
      </c>
      <c r="X460" s="53">
        <v>7508.02</v>
      </c>
      <c r="Y460" s="53">
        <v>7508.02</v>
      </c>
      <c r="Z460" s="53">
        <v>7508.02</v>
      </c>
      <c r="AA460" s="53">
        <v>89641.84</v>
      </c>
      <c r="AB460" s="53">
        <v>7280.82</v>
      </c>
      <c r="AC460" s="53">
        <v>7280.82</v>
      </c>
      <c r="AD460" s="53">
        <v>7508.02</v>
      </c>
      <c r="AE460" s="53">
        <v>7508.02</v>
      </c>
      <c r="AF460" s="53">
        <v>7508.02</v>
      </c>
      <c r="AG460" s="53">
        <v>7508.02</v>
      </c>
      <c r="AH460" s="53">
        <v>7508.02</v>
      </c>
      <c r="AI460" s="53">
        <v>7508.02</v>
      </c>
      <c r="AJ460" s="53">
        <v>7508.02</v>
      </c>
      <c r="AK460" s="53">
        <v>7508.02</v>
      </c>
      <c r="AL460" s="53">
        <v>7508.02</v>
      </c>
      <c r="AM460" s="53">
        <v>7508.02</v>
      </c>
      <c r="AN460" s="53">
        <v>89641.84</v>
      </c>
      <c r="AO460" s="53">
        <v>7280.82</v>
      </c>
      <c r="AP460" s="53">
        <v>7280.82</v>
      </c>
      <c r="AQ460" s="53">
        <v>7508.02</v>
      </c>
      <c r="AR460" s="53">
        <v>7508.02</v>
      </c>
      <c r="AS460" s="53">
        <v>7508.02</v>
      </c>
      <c r="AT460" s="53">
        <v>7508.02</v>
      </c>
      <c r="AU460" s="53">
        <v>7508.02</v>
      </c>
      <c r="AV460" s="53">
        <v>7508.02</v>
      </c>
      <c r="AW460" s="53">
        <v>7508.02</v>
      </c>
      <c r="AX460" s="53">
        <v>7508.02</v>
      </c>
      <c r="AY460" s="53">
        <v>7508.02</v>
      </c>
      <c r="AZ460" s="53">
        <v>7508.02</v>
      </c>
      <c r="BA460" s="53">
        <v>89641.84</v>
      </c>
    </row>
    <row r="461" spans="1:53">
      <c r="A461" s="52" t="s">
        <v>3775</v>
      </c>
      <c r="B461" s="53">
        <v>0</v>
      </c>
      <c r="C461" s="53">
        <v>0</v>
      </c>
      <c r="D461" s="53">
        <v>0</v>
      </c>
      <c r="E461" s="53">
        <v>0</v>
      </c>
      <c r="F461" s="53">
        <v>0</v>
      </c>
      <c r="G461" s="53">
        <v>0</v>
      </c>
      <c r="H461" s="53">
        <v>0</v>
      </c>
      <c r="I461" s="53">
        <v>0</v>
      </c>
      <c r="J461" s="53">
        <v>0</v>
      </c>
      <c r="K461" s="53">
        <v>0</v>
      </c>
      <c r="L461" s="53">
        <v>0</v>
      </c>
      <c r="M461" s="53">
        <v>0</v>
      </c>
      <c r="N461" s="53">
        <v>0</v>
      </c>
      <c r="O461" s="53">
        <v>0</v>
      </c>
      <c r="P461" s="53">
        <v>0</v>
      </c>
      <c r="Q461" s="53">
        <v>0</v>
      </c>
      <c r="R461" s="53">
        <v>0</v>
      </c>
      <c r="S461" s="53">
        <v>0</v>
      </c>
      <c r="T461" s="53">
        <v>0</v>
      </c>
      <c r="U461" s="53">
        <v>0</v>
      </c>
      <c r="V461" s="53">
        <v>0</v>
      </c>
      <c r="W461" s="53">
        <v>0</v>
      </c>
      <c r="X461" s="53">
        <v>0</v>
      </c>
      <c r="Y461" s="53">
        <v>0</v>
      </c>
      <c r="Z461" s="53">
        <v>0</v>
      </c>
      <c r="AA461" s="53">
        <v>0</v>
      </c>
      <c r="AB461" s="53">
        <v>0</v>
      </c>
      <c r="AC461" s="53">
        <v>0</v>
      </c>
      <c r="AD461" s="53">
        <v>0</v>
      </c>
      <c r="AE461" s="53">
        <v>0</v>
      </c>
      <c r="AF461" s="53">
        <v>0</v>
      </c>
      <c r="AG461" s="53">
        <v>0</v>
      </c>
      <c r="AH461" s="53">
        <v>0</v>
      </c>
      <c r="AI461" s="53">
        <v>0</v>
      </c>
      <c r="AJ461" s="53">
        <v>0</v>
      </c>
      <c r="AK461" s="53">
        <v>0</v>
      </c>
      <c r="AL461" s="53">
        <v>0</v>
      </c>
      <c r="AM461" s="53">
        <v>0</v>
      </c>
      <c r="AN461" s="53">
        <v>0</v>
      </c>
      <c r="AO461" s="53">
        <v>0</v>
      </c>
      <c r="AP461" s="53">
        <v>0</v>
      </c>
      <c r="AQ461" s="53">
        <v>0</v>
      </c>
      <c r="AR461" s="53">
        <v>0</v>
      </c>
      <c r="AS461" s="53">
        <v>0</v>
      </c>
      <c r="AT461" s="53">
        <v>0</v>
      </c>
      <c r="AU461" s="53">
        <v>0</v>
      </c>
      <c r="AV461" s="53">
        <v>0</v>
      </c>
      <c r="AW461" s="53">
        <v>0</v>
      </c>
      <c r="AX461" s="53">
        <v>0</v>
      </c>
      <c r="AY461" s="53">
        <v>0</v>
      </c>
      <c r="AZ461" s="53">
        <v>0</v>
      </c>
      <c r="BA461" s="53">
        <v>0</v>
      </c>
    </row>
    <row r="462" spans="1:53">
      <c r="A462" s="52" t="s">
        <v>3776</v>
      </c>
      <c r="B462" s="53">
        <v>19671.240000000002</v>
      </c>
      <c r="C462" s="53">
        <v>19671.240000000002</v>
      </c>
      <c r="D462" s="53">
        <v>19671.240000000002</v>
      </c>
      <c r="E462" s="53">
        <v>19671.240000000002</v>
      </c>
      <c r="F462" s="53">
        <v>19671.240000000002</v>
      </c>
      <c r="G462" s="53">
        <v>19671.240000000002</v>
      </c>
      <c r="H462" s="53">
        <v>19671.240000000002</v>
      </c>
      <c r="I462" s="53">
        <v>19671.240000000002</v>
      </c>
      <c r="J462" s="53">
        <v>19671.240000000002</v>
      </c>
      <c r="K462" s="53">
        <v>19671.240000000002</v>
      </c>
      <c r="L462" s="53">
        <v>19671.240000000002</v>
      </c>
      <c r="M462" s="53">
        <v>19671.240000000002</v>
      </c>
      <c r="N462" s="53">
        <v>236054.88</v>
      </c>
      <c r="O462" s="53">
        <v>19671.240000000002</v>
      </c>
      <c r="P462" s="53">
        <v>19671.240000000002</v>
      </c>
      <c r="Q462" s="53">
        <v>19671.240000000002</v>
      </c>
      <c r="R462" s="53">
        <v>19671.240000000002</v>
      </c>
      <c r="S462" s="53">
        <v>19671.240000000002</v>
      </c>
      <c r="T462" s="53">
        <v>19671.240000000002</v>
      </c>
      <c r="U462" s="53">
        <v>19671.240000000002</v>
      </c>
      <c r="V462" s="53">
        <v>19671.240000000002</v>
      </c>
      <c r="W462" s="53">
        <v>19671.240000000002</v>
      </c>
      <c r="X462" s="53">
        <v>19671.240000000002</v>
      </c>
      <c r="Y462" s="53">
        <v>19671.240000000002</v>
      </c>
      <c r="Z462" s="53">
        <v>19671.240000000002</v>
      </c>
      <c r="AA462" s="53">
        <v>236054.88</v>
      </c>
      <c r="AB462" s="53">
        <v>19671.240000000002</v>
      </c>
      <c r="AC462" s="53">
        <v>19671.240000000002</v>
      </c>
      <c r="AD462" s="53">
        <v>19671.240000000002</v>
      </c>
      <c r="AE462" s="53">
        <v>19671.240000000002</v>
      </c>
      <c r="AF462" s="53">
        <v>19671.240000000002</v>
      </c>
      <c r="AG462" s="53">
        <v>19671.240000000002</v>
      </c>
      <c r="AH462" s="53">
        <v>19671.240000000002</v>
      </c>
      <c r="AI462" s="53">
        <v>19671.240000000002</v>
      </c>
      <c r="AJ462" s="53">
        <v>19671.240000000002</v>
      </c>
      <c r="AK462" s="53">
        <v>19671.240000000002</v>
      </c>
      <c r="AL462" s="53">
        <v>19671.240000000002</v>
      </c>
      <c r="AM462" s="53">
        <v>19671.240000000002</v>
      </c>
      <c r="AN462" s="53">
        <v>236054.88</v>
      </c>
      <c r="AO462" s="53">
        <v>19671.240000000002</v>
      </c>
      <c r="AP462" s="53">
        <v>19671.240000000002</v>
      </c>
      <c r="AQ462" s="53">
        <v>19671.240000000002</v>
      </c>
      <c r="AR462" s="53">
        <v>19671.240000000002</v>
      </c>
      <c r="AS462" s="53">
        <v>19671.240000000002</v>
      </c>
      <c r="AT462" s="53">
        <v>19671.240000000002</v>
      </c>
      <c r="AU462" s="53">
        <v>19671.240000000002</v>
      </c>
      <c r="AV462" s="53">
        <v>19671.240000000002</v>
      </c>
      <c r="AW462" s="53">
        <v>19671.240000000002</v>
      </c>
      <c r="AX462" s="53">
        <v>19671.240000000002</v>
      </c>
      <c r="AY462" s="53">
        <v>19671.240000000002</v>
      </c>
      <c r="AZ462" s="53">
        <v>19671.240000000002</v>
      </c>
      <c r="BA462" s="53">
        <v>236054.88</v>
      </c>
    </row>
    <row r="463" spans="1:53">
      <c r="A463" s="52" t="s">
        <v>3777</v>
      </c>
      <c r="B463" s="53">
        <v>660321.5</v>
      </c>
      <c r="C463" s="53">
        <v>651496.5</v>
      </c>
      <c r="D463" s="53">
        <v>581131.69999999995</v>
      </c>
      <c r="E463" s="53">
        <v>625251.69999999995</v>
      </c>
      <c r="F463" s="53">
        <v>625251.69999999995</v>
      </c>
      <c r="G463" s="53">
        <v>563483.69999999995</v>
      </c>
      <c r="H463" s="53">
        <v>653733.03</v>
      </c>
      <c r="I463" s="53">
        <v>636085.03</v>
      </c>
      <c r="J463" s="53">
        <v>556669.03</v>
      </c>
      <c r="K463" s="53">
        <v>636085.03</v>
      </c>
      <c r="L463" s="53">
        <v>636085.03</v>
      </c>
      <c r="M463" s="53">
        <v>494901.02999999898</v>
      </c>
      <c r="N463" s="53">
        <v>7320494.9800000004</v>
      </c>
      <c r="O463" s="53">
        <v>660321.5</v>
      </c>
      <c r="P463" s="53">
        <v>651496.5</v>
      </c>
      <c r="Q463" s="53">
        <v>581131.69999999995</v>
      </c>
      <c r="R463" s="53">
        <v>625251.69999999995</v>
      </c>
      <c r="S463" s="53">
        <v>625251.69999999995</v>
      </c>
      <c r="T463" s="53">
        <v>563483.69999999995</v>
      </c>
      <c r="U463" s="53">
        <v>653733.03</v>
      </c>
      <c r="V463" s="53">
        <v>636085.03</v>
      </c>
      <c r="W463" s="53">
        <v>556669.03</v>
      </c>
      <c r="X463" s="53">
        <v>636085.03</v>
      </c>
      <c r="Y463" s="53">
        <v>636085.03</v>
      </c>
      <c r="Z463" s="53">
        <v>494901.02999999898</v>
      </c>
      <c r="AA463" s="53">
        <v>7320494.9800000004</v>
      </c>
      <c r="AB463" s="53">
        <v>660321.5</v>
      </c>
      <c r="AC463" s="53">
        <v>651496.5</v>
      </c>
      <c r="AD463" s="53">
        <v>581131.69999999995</v>
      </c>
      <c r="AE463" s="53">
        <v>625251.69999999995</v>
      </c>
      <c r="AF463" s="53">
        <v>625251.69999999995</v>
      </c>
      <c r="AG463" s="53">
        <v>563483.69999999995</v>
      </c>
      <c r="AH463" s="53">
        <v>653733.03</v>
      </c>
      <c r="AI463" s="53">
        <v>636085.03</v>
      </c>
      <c r="AJ463" s="53">
        <v>556669.03</v>
      </c>
      <c r="AK463" s="53">
        <v>636085.03</v>
      </c>
      <c r="AL463" s="53">
        <v>636085.03</v>
      </c>
      <c r="AM463" s="53">
        <v>494901.02999999898</v>
      </c>
      <c r="AN463" s="53">
        <v>7320494.9800000004</v>
      </c>
      <c r="AO463" s="53">
        <v>660321.5</v>
      </c>
      <c r="AP463" s="53">
        <v>651496.5</v>
      </c>
      <c r="AQ463" s="53">
        <v>581131.69999999995</v>
      </c>
      <c r="AR463" s="53">
        <v>625251.69999999995</v>
      </c>
      <c r="AS463" s="53">
        <v>625251.69999999995</v>
      </c>
      <c r="AT463" s="53">
        <v>563483.69999999995</v>
      </c>
      <c r="AU463" s="53">
        <v>653733.03</v>
      </c>
      <c r="AV463" s="53">
        <v>636085.03</v>
      </c>
      <c r="AW463" s="53">
        <v>556669.03</v>
      </c>
      <c r="AX463" s="53">
        <v>636085.03</v>
      </c>
      <c r="AY463" s="53">
        <v>636085.03</v>
      </c>
      <c r="AZ463" s="53">
        <v>494901.02999999898</v>
      </c>
      <c r="BA463" s="53">
        <v>7320494.9800000004</v>
      </c>
    </row>
    <row r="464" spans="1:53">
      <c r="A464" s="52" t="s">
        <v>3778</v>
      </c>
      <c r="B464" s="53"/>
      <c r="C464" s="53"/>
      <c r="D464" s="53"/>
      <c r="E464" s="53"/>
      <c r="F464" s="53"/>
      <c r="G464" s="53"/>
      <c r="H464" s="53"/>
      <c r="I464" s="53"/>
      <c r="J464" s="53"/>
      <c r="K464" s="53"/>
      <c r="L464" s="53"/>
      <c r="M464" s="53"/>
      <c r="N464" s="53"/>
      <c r="O464" s="53"/>
      <c r="P464" s="53"/>
      <c r="Q464" s="53"/>
      <c r="R464" s="53"/>
      <c r="S464" s="53"/>
      <c r="T464" s="53"/>
      <c r="U464" s="53"/>
      <c r="V464" s="53"/>
      <c r="W464" s="53"/>
      <c r="X464" s="53"/>
      <c r="Y464" s="53"/>
      <c r="Z464" s="53"/>
      <c r="AA464" s="53"/>
      <c r="AB464" s="53"/>
      <c r="AC464" s="53"/>
      <c r="AD464" s="53"/>
      <c r="AE464" s="53"/>
      <c r="AF464" s="53"/>
      <c r="AG464" s="53"/>
      <c r="AH464" s="53"/>
      <c r="AI464" s="53"/>
      <c r="AJ464" s="53"/>
      <c r="AK464" s="53"/>
      <c r="AL464" s="53"/>
      <c r="AM464" s="53"/>
      <c r="AN464" s="53"/>
      <c r="AO464" s="53"/>
      <c r="AP464" s="53"/>
      <c r="AQ464" s="53"/>
      <c r="AR464" s="53"/>
      <c r="AS464" s="53"/>
      <c r="AT464" s="53"/>
      <c r="AU464" s="53"/>
      <c r="AV464" s="53"/>
      <c r="AW464" s="53"/>
      <c r="AX464" s="53"/>
      <c r="AY464" s="53"/>
      <c r="AZ464" s="53"/>
      <c r="BA464" s="53"/>
    </row>
    <row r="465" spans="1:53">
      <c r="A465" s="52" t="s">
        <v>3779</v>
      </c>
      <c r="B465" s="53">
        <v>11773556.099999901</v>
      </c>
      <c r="C465" s="53">
        <v>7774622.0999999996</v>
      </c>
      <c r="D465" s="53">
        <v>7683250.9199999999</v>
      </c>
      <c r="E465" s="53">
        <v>7591705.0999999996</v>
      </c>
      <c r="F465" s="53">
        <v>7571678.0999999996</v>
      </c>
      <c r="G465" s="53">
        <v>6121915.3499999996</v>
      </c>
      <c r="H465" s="53">
        <v>7677815.0999999996</v>
      </c>
      <c r="I465" s="53">
        <v>7778719.0999999996</v>
      </c>
      <c r="J465" s="53">
        <v>8964719.9799999893</v>
      </c>
      <c r="K465" s="53">
        <v>8110086.0999999996</v>
      </c>
      <c r="L465" s="53">
        <v>8328304.0999999903</v>
      </c>
      <c r="M465" s="53">
        <v>10217633.2199999</v>
      </c>
      <c r="N465" s="53">
        <v>99594005.269999996</v>
      </c>
      <c r="O465" s="53">
        <v>12056616.1</v>
      </c>
      <c r="P465" s="53">
        <v>8057682.0999999996</v>
      </c>
      <c r="Q465" s="53">
        <v>7966310.9199999999</v>
      </c>
      <c r="R465" s="53">
        <v>7874765.0999999996</v>
      </c>
      <c r="S465" s="53">
        <v>7854738.0999999996</v>
      </c>
      <c r="T465" s="53">
        <v>6404975.3499999996</v>
      </c>
      <c r="U465" s="53">
        <v>7960875.0999999996</v>
      </c>
      <c r="V465" s="53">
        <v>8061779.0999999996</v>
      </c>
      <c r="W465" s="53">
        <v>9247779.9799999893</v>
      </c>
      <c r="X465" s="53">
        <v>8393146.0999999996</v>
      </c>
      <c r="Y465" s="53">
        <v>8611364.0999999996</v>
      </c>
      <c r="Z465" s="53">
        <v>10500693.2199999</v>
      </c>
      <c r="AA465" s="53">
        <v>102990725.269999</v>
      </c>
      <c r="AB465" s="53">
        <v>12354642.099999901</v>
      </c>
      <c r="AC465" s="53">
        <v>8355708.0999999996</v>
      </c>
      <c r="AD465" s="53">
        <v>8264336.9199999999</v>
      </c>
      <c r="AE465" s="53">
        <v>8172791.0999999996</v>
      </c>
      <c r="AF465" s="53">
        <v>8152764.0999999996</v>
      </c>
      <c r="AG465" s="53">
        <v>6703001.3499999996</v>
      </c>
      <c r="AH465" s="53">
        <v>8258901.0999999903</v>
      </c>
      <c r="AI465" s="53">
        <v>8359805.0999999996</v>
      </c>
      <c r="AJ465" s="53">
        <v>9545805.9799999893</v>
      </c>
      <c r="AK465" s="53">
        <v>8691172.0999999996</v>
      </c>
      <c r="AL465" s="53">
        <v>8909390.0999999903</v>
      </c>
      <c r="AM465" s="53">
        <v>10798719.2199999</v>
      </c>
      <c r="AN465" s="53">
        <v>106567037.269999</v>
      </c>
      <c r="AO465" s="53">
        <v>12674793.099999901</v>
      </c>
      <c r="AP465" s="53">
        <v>8675859.0999999996</v>
      </c>
      <c r="AQ465" s="53">
        <v>8584487.9199999999</v>
      </c>
      <c r="AR465" s="53">
        <v>8492942.0999999996</v>
      </c>
      <c r="AS465" s="53">
        <v>8472915.0999999903</v>
      </c>
      <c r="AT465" s="53">
        <v>7023152.3499999996</v>
      </c>
      <c r="AU465" s="53">
        <v>8579052.0999999996</v>
      </c>
      <c r="AV465" s="53">
        <v>8679956.0999999996</v>
      </c>
      <c r="AW465" s="53">
        <v>9865956.9799999893</v>
      </c>
      <c r="AX465" s="53">
        <v>9011323.0999999996</v>
      </c>
      <c r="AY465" s="53">
        <v>9229541.0999999903</v>
      </c>
      <c r="AZ465" s="53">
        <v>11118870.2199999</v>
      </c>
      <c r="BA465" s="53">
        <v>110408849.27</v>
      </c>
    </row>
    <row r="466" spans="1:53">
      <c r="A466" s="52" t="s">
        <v>3780</v>
      </c>
      <c r="B466" s="53">
        <v>0</v>
      </c>
      <c r="C466" s="53">
        <v>0</v>
      </c>
      <c r="D466" s="53">
        <v>0</v>
      </c>
      <c r="E466" s="53">
        <v>0</v>
      </c>
      <c r="F466" s="53">
        <v>0</v>
      </c>
      <c r="G466" s="53">
        <v>0</v>
      </c>
      <c r="H466" s="53">
        <v>0</v>
      </c>
      <c r="I466" s="53">
        <v>0</v>
      </c>
      <c r="J466" s="53">
        <v>0</v>
      </c>
      <c r="K466" s="53">
        <v>0</v>
      </c>
      <c r="L466" s="53">
        <v>0</v>
      </c>
      <c r="M466" s="53">
        <v>0</v>
      </c>
      <c r="N466" s="53">
        <v>0</v>
      </c>
      <c r="O466" s="53">
        <v>0</v>
      </c>
      <c r="P466" s="53">
        <v>0</v>
      </c>
      <c r="Q466" s="53">
        <v>0</v>
      </c>
      <c r="R466" s="53">
        <v>0</v>
      </c>
      <c r="S466" s="53">
        <v>0</v>
      </c>
      <c r="T466" s="53">
        <v>0</v>
      </c>
      <c r="U466" s="53">
        <v>0</v>
      </c>
      <c r="V466" s="53">
        <v>0</v>
      </c>
      <c r="W466" s="53">
        <v>0</v>
      </c>
      <c r="X466" s="53">
        <v>0</v>
      </c>
      <c r="Y466" s="53">
        <v>0</v>
      </c>
      <c r="Z466" s="53">
        <v>0</v>
      </c>
      <c r="AA466" s="53">
        <v>0</v>
      </c>
      <c r="AB466" s="53">
        <v>0</v>
      </c>
      <c r="AC466" s="53">
        <v>0</v>
      </c>
      <c r="AD466" s="53">
        <v>0</v>
      </c>
      <c r="AE466" s="53">
        <v>0</v>
      </c>
      <c r="AF466" s="53">
        <v>0</v>
      </c>
      <c r="AG466" s="53">
        <v>0</v>
      </c>
      <c r="AH466" s="53">
        <v>0</v>
      </c>
      <c r="AI466" s="53">
        <v>0</v>
      </c>
      <c r="AJ466" s="53">
        <v>0</v>
      </c>
      <c r="AK466" s="53">
        <v>0</v>
      </c>
      <c r="AL466" s="53">
        <v>0</v>
      </c>
      <c r="AM466" s="53">
        <v>0</v>
      </c>
      <c r="AN466" s="53">
        <v>0</v>
      </c>
      <c r="AO466" s="53">
        <v>0</v>
      </c>
      <c r="AP466" s="53">
        <v>0</v>
      </c>
      <c r="AQ466" s="53">
        <v>0</v>
      </c>
      <c r="AR466" s="53">
        <v>0</v>
      </c>
      <c r="AS466" s="53">
        <v>0</v>
      </c>
      <c r="AT466" s="53">
        <v>0</v>
      </c>
      <c r="AU466" s="53">
        <v>0</v>
      </c>
      <c r="AV466" s="53">
        <v>0</v>
      </c>
      <c r="AW466" s="53">
        <v>0</v>
      </c>
      <c r="AX466" s="53">
        <v>0</v>
      </c>
      <c r="AY466" s="53">
        <v>0</v>
      </c>
      <c r="AZ466" s="53">
        <v>0</v>
      </c>
      <c r="BA466" s="53">
        <v>0</v>
      </c>
    </row>
    <row r="467" spans="1:53">
      <c r="A467" s="52" t="s">
        <v>3781</v>
      </c>
      <c r="B467" s="53">
        <v>0</v>
      </c>
      <c r="C467" s="53">
        <v>0</v>
      </c>
      <c r="D467" s="53">
        <v>0</v>
      </c>
      <c r="E467" s="53">
        <v>0</v>
      </c>
      <c r="F467" s="53">
        <v>0</v>
      </c>
      <c r="G467" s="53">
        <v>0</v>
      </c>
      <c r="H467" s="53">
        <v>0</v>
      </c>
      <c r="I467" s="53">
        <v>0</v>
      </c>
      <c r="J467" s="53">
        <v>0</v>
      </c>
      <c r="K467" s="53">
        <v>0</v>
      </c>
      <c r="L467" s="53">
        <v>0</v>
      </c>
      <c r="M467" s="53">
        <v>0</v>
      </c>
      <c r="N467" s="53">
        <v>0</v>
      </c>
      <c r="O467" s="53">
        <v>0</v>
      </c>
      <c r="P467" s="53">
        <v>0</v>
      </c>
      <c r="Q467" s="53">
        <v>0</v>
      </c>
      <c r="R467" s="53">
        <v>0</v>
      </c>
      <c r="S467" s="53">
        <v>0</v>
      </c>
      <c r="T467" s="53">
        <v>0</v>
      </c>
      <c r="U467" s="53">
        <v>0</v>
      </c>
      <c r="V467" s="53">
        <v>0</v>
      </c>
      <c r="W467" s="53">
        <v>0</v>
      </c>
      <c r="X467" s="53">
        <v>0</v>
      </c>
      <c r="Y467" s="53">
        <v>0</v>
      </c>
      <c r="Z467" s="53">
        <v>0</v>
      </c>
      <c r="AA467" s="53">
        <v>0</v>
      </c>
      <c r="AB467" s="53">
        <v>0</v>
      </c>
      <c r="AC467" s="53">
        <v>0</v>
      </c>
      <c r="AD467" s="53">
        <v>0</v>
      </c>
      <c r="AE467" s="53">
        <v>0</v>
      </c>
      <c r="AF467" s="53">
        <v>0</v>
      </c>
      <c r="AG467" s="53">
        <v>0</v>
      </c>
      <c r="AH467" s="53">
        <v>0</v>
      </c>
      <c r="AI467" s="53">
        <v>0</v>
      </c>
      <c r="AJ467" s="53">
        <v>0</v>
      </c>
      <c r="AK467" s="53">
        <v>0</v>
      </c>
      <c r="AL467" s="53">
        <v>0</v>
      </c>
      <c r="AM467" s="53">
        <v>0</v>
      </c>
      <c r="AN467" s="53">
        <v>0</v>
      </c>
      <c r="AO467" s="53">
        <v>0</v>
      </c>
      <c r="AP467" s="53">
        <v>0</v>
      </c>
      <c r="AQ467" s="53">
        <v>0</v>
      </c>
      <c r="AR467" s="53">
        <v>0</v>
      </c>
      <c r="AS467" s="53">
        <v>0</v>
      </c>
      <c r="AT467" s="53">
        <v>0</v>
      </c>
      <c r="AU467" s="53">
        <v>0</v>
      </c>
      <c r="AV467" s="53">
        <v>0</v>
      </c>
      <c r="AW467" s="53">
        <v>0</v>
      </c>
      <c r="AX467" s="53">
        <v>0</v>
      </c>
      <c r="AY467" s="53">
        <v>0</v>
      </c>
      <c r="AZ467" s="53">
        <v>0</v>
      </c>
      <c r="BA467" s="53">
        <v>0</v>
      </c>
    </row>
    <row r="468" spans="1:53">
      <c r="A468" s="52" t="s">
        <v>3782</v>
      </c>
      <c r="B468" s="53">
        <v>0</v>
      </c>
      <c r="C468" s="53">
        <v>0</v>
      </c>
      <c r="D468" s="53">
        <v>0</v>
      </c>
      <c r="E468" s="53">
        <v>0</v>
      </c>
      <c r="F468" s="53">
        <v>0</v>
      </c>
      <c r="G468" s="53">
        <v>0</v>
      </c>
      <c r="H468" s="53">
        <v>0</v>
      </c>
      <c r="I468" s="53">
        <v>0</v>
      </c>
      <c r="J468" s="53">
        <v>0</v>
      </c>
      <c r="K468" s="53">
        <v>0</v>
      </c>
      <c r="L468" s="53">
        <v>0</v>
      </c>
      <c r="M468" s="53">
        <v>0</v>
      </c>
      <c r="N468" s="53">
        <v>0</v>
      </c>
      <c r="O468" s="53">
        <v>0</v>
      </c>
      <c r="P468" s="53">
        <v>0</v>
      </c>
      <c r="Q468" s="53">
        <v>0</v>
      </c>
      <c r="R468" s="53">
        <v>0</v>
      </c>
      <c r="S468" s="53">
        <v>0</v>
      </c>
      <c r="T468" s="53">
        <v>0</v>
      </c>
      <c r="U468" s="53">
        <v>0</v>
      </c>
      <c r="V468" s="53">
        <v>0</v>
      </c>
      <c r="W468" s="53">
        <v>0</v>
      </c>
      <c r="X468" s="53">
        <v>0</v>
      </c>
      <c r="Y468" s="53">
        <v>0</v>
      </c>
      <c r="Z468" s="53">
        <v>0</v>
      </c>
      <c r="AA468" s="53">
        <v>0</v>
      </c>
      <c r="AB468" s="53">
        <v>0</v>
      </c>
      <c r="AC468" s="53">
        <v>0</v>
      </c>
      <c r="AD468" s="53">
        <v>0</v>
      </c>
      <c r="AE468" s="53">
        <v>0</v>
      </c>
      <c r="AF468" s="53">
        <v>0</v>
      </c>
      <c r="AG468" s="53">
        <v>0</v>
      </c>
      <c r="AH468" s="53">
        <v>0</v>
      </c>
      <c r="AI468" s="53">
        <v>0</v>
      </c>
      <c r="AJ468" s="53">
        <v>0</v>
      </c>
      <c r="AK468" s="53">
        <v>0</v>
      </c>
      <c r="AL468" s="53">
        <v>0</v>
      </c>
      <c r="AM468" s="53">
        <v>0</v>
      </c>
      <c r="AN468" s="53">
        <v>0</v>
      </c>
      <c r="AO468" s="53">
        <v>0</v>
      </c>
      <c r="AP468" s="53">
        <v>0</v>
      </c>
      <c r="AQ468" s="53">
        <v>0</v>
      </c>
      <c r="AR468" s="53">
        <v>0</v>
      </c>
      <c r="AS468" s="53">
        <v>0</v>
      </c>
      <c r="AT468" s="53">
        <v>0</v>
      </c>
      <c r="AU468" s="53">
        <v>0</v>
      </c>
      <c r="AV468" s="53">
        <v>0</v>
      </c>
      <c r="AW468" s="53">
        <v>0</v>
      </c>
      <c r="AX468" s="53">
        <v>0</v>
      </c>
      <c r="AY468" s="53">
        <v>0</v>
      </c>
      <c r="AZ468" s="53">
        <v>0</v>
      </c>
      <c r="BA468" s="53">
        <v>0</v>
      </c>
    </row>
    <row r="469" spans="1:53">
      <c r="A469" s="52" t="s">
        <v>3783</v>
      </c>
      <c r="B469" s="53">
        <v>0</v>
      </c>
      <c r="C469" s="53">
        <v>0</v>
      </c>
      <c r="D469" s="53">
        <v>0</v>
      </c>
      <c r="E469" s="53">
        <v>0</v>
      </c>
      <c r="F469" s="53">
        <v>0</v>
      </c>
      <c r="G469" s="53">
        <v>0</v>
      </c>
      <c r="H469" s="53">
        <v>0</v>
      </c>
      <c r="I469" s="53">
        <v>0</v>
      </c>
      <c r="J469" s="53">
        <v>0</v>
      </c>
      <c r="K469" s="53">
        <v>0</v>
      </c>
      <c r="L469" s="53">
        <v>0</v>
      </c>
      <c r="M469" s="53">
        <v>0</v>
      </c>
      <c r="N469" s="53">
        <v>0</v>
      </c>
      <c r="O469" s="53">
        <v>0</v>
      </c>
      <c r="P469" s="53">
        <v>0</v>
      </c>
      <c r="Q469" s="53">
        <v>0</v>
      </c>
      <c r="R469" s="53">
        <v>0</v>
      </c>
      <c r="S469" s="53">
        <v>0</v>
      </c>
      <c r="T469" s="53">
        <v>0</v>
      </c>
      <c r="U469" s="53">
        <v>0</v>
      </c>
      <c r="V469" s="53">
        <v>0</v>
      </c>
      <c r="W469" s="53">
        <v>0</v>
      </c>
      <c r="X469" s="53">
        <v>0</v>
      </c>
      <c r="Y469" s="53">
        <v>0</v>
      </c>
      <c r="Z469" s="53">
        <v>0</v>
      </c>
      <c r="AA469" s="53">
        <v>0</v>
      </c>
      <c r="AB469" s="53">
        <v>0</v>
      </c>
      <c r="AC469" s="53">
        <v>0</v>
      </c>
      <c r="AD469" s="53">
        <v>0</v>
      </c>
      <c r="AE469" s="53">
        <v>0</v>
      </c>
      <c r="AF469" s="53">
        <v>0</v>
      </c>
      <c r="AG469" s="53">
        <v>0</v>
      </c>
      <c r="AH469" s="53">
        <v>0</v>
      </c>
      <c r="AI469" s="53">
        <v>0</v>
      </c>
      <c r="AJ469" s="53">
        <v>0</v>
      </c>
      <c r="AK469" s="53">
        <v>0</v>
      </c>
      <c r="AL469" s="53">
        <v>0</v>
      </c>
      <c r="AM469" s="53">
        <v>0</v>
      </c>
      <c r="AN469" s="53">
        <v>0</v>
      </c>
      <c r="AO469" s="53">
        <v>0</v>
      </c>
      <c r="AP469" s="53">
        <v>0</v>
      </c>
      <c r="AQ469" s="53">
        <v>0</v>
      </c>
      <c r="AR469" s="53">
        <v>0</v>
      </c>
      <c r="AS469" s="53">
        <v>0</v>
      </c>
      <c r="AT469" s="53">
        <v>0</v>
      </c>
      <c r="AU469" s="53">
        <v>0</v>
      </c>
      <c r="AV469" s="53">
        <v>0</v>
      </c>
      <c r="AW469" s="53">
        <v>0</v>
      </c>
      <c r="AX469" s="53">
        <v>0</v>
      </c>
      <c r="AY469" s="53">
        <v>0</v>
      </c>
      <c r="AZ469" s="53">
        <v>0</v>
      </c>
      <c r="BA469" s="53">
        <v>0</v>
      </c>
    </row>
    <row r="470" spans="1:53">
      <c r="A470" s="52" t="s">
        <v>3784</v>
      </c>
      <c r="B470" s="53">
        <v>0</v>
      </c>
      <c r="C470" s="53">
        <v>0</v>
      </c>
      <c r="D470" s="53">
        <v>0</v>
      </c>
      <c r="E470" s="53">
        <v>0</v>
      </c>
      <c r="F470" s="53">
        <v>0</v>
      </c>
      <c r="G470" s="53">
        <v>0</v>
      </c>
      <c r="H470" s="53">
        <v>0</v>
      </c>
      <c r="I470" s="53">
        <v>0</v>
      </c>
      <c r="J470" s="53">
        <v>0</v>
      </c>
      <c r="K470" s="53">
        <v>0</v>
      </c>
      <c r="L470" s="53">
        <v>0</v>
      </c>
      <c r="M470" s="53">
        <v>0</v>
      </c>
      <c r="N470" s="53">
        <v>0</v>
      </c>
      <c r="O470" s="53">
        <v>0</v>
      </c>
      <c r="P470" s="53">
        <v>0</v>
      </c>
      <c r="Q470" s="53">
        <v>0</v>
      </c>
      <c r="R470" s="53">
        <v>0</v>
      </c>
      <c r="S470" s="53">
        <v>0</v>
      </c>
      <c r="T470" s="53">
        <v>0</v>
      </c>
      <c r="U470" s="53">
        <v>0</v>
      </c>
      <c r="V470" s="53">
        <v>0</v>
      </c>
      <c r="W470" s="53">
        <v>0</v>
      </c>
      <c r="X470" s="53">
        <v>0</v>
      </c>
      <c r="Y470" s="53">
        <v>0</v>
      </c>
      <c r="Z470" s="53">
        <v>0</v>
      </c>
      <c r="AA470" s="53">
        <v>0</v>
      </c>
      <c r="AB470" s="53">
        <v>0</v>
      </c>
      <c r="AC470" s="53">
        <v>0</v>
      </c>
      <c r="AD470" s="53">
        <v>0</v>
      </c>
      <c r="AE470" s="53">
        <v>0</v>
      </c>
      <c r="AF470" s="53">
        <v>0</v>
      </c>
      <c r="AG470" s="53">
        <v>0</v>
      </c>
      <c r="AH470" s="53">
        <v>0</v>
      </c>
      <c r="AI470" s="53">
        <v>0</v>
      </c>
      <c r="AJ470" s="53">
        <v>0</v>
      </c>
      <c r="AK470" s="53">
        <v>0</v>
      </c>
      <c r="AL470" s="53">
        <v>0</v>
      </c>
      <c r="AM470" s="53">
        <v>0</v>
      </c>
      <c r="AN470" s="53">
        <v>0</v>
      </c>
      <c r="AO470" s="53">
        <v>0</v>
      </c>
      <c r="AP470" s="53">
        <v>0</v>
      </c>
      <c r="AQ470" s="53">
        <v>0</v>
      </c>
      <c r="AR470" s="53">
        <v>0</v>
      </c>
      <c r="AS470" s="53">
        <v>0</v>
      </c>
      <c r="AT470" s="53">
        <v>0</v>
      </c>
      <c r="AU470" s="53">
        <v>0</v>
      </c>
      <c r="AV470" s="53">
        <v>0</v>
      </c>
      <c r="AW470" s="53">
        <v>0</v>
      </c>
      <c r="AX470" s="53">
        <v>0</v>
      </c>
      <c r="AY470" s="53">
        <v>0</v>
      </c>
      <c r="AZ470" s="53">
        <v>0</v>
      </c>
      <c r="BA470" s="53">
        <v>0</v>
      </c>
    </row>
    <row r="471" spans="1:53">
      <c r="A471" s="52" t="s">
        <v>3785</v>
      </c>
      <c r="B471" s="53">
        <v>-2974113.96</v>
      </c>
      <c r="C471" s="53">
        <v>-3200293.57</v>
      </c>
      <c r="D471" s="53">
        <v>-3255752.02999999</v>
      </c>
      <c r="E471" s="53">
        <v>-3293902.9799999902</v>
      </c>
      <c r="F471" s="53">
        <v>-3457675.48999999</v>
      </c>
      <c r="G471" s="53">
        <v>-3807226.0599999898</v>
      </c>
      <c r="H471" s="53">
        <v>-3220667.6799999899</v>
      </c>
      <c r="I471" s="53">
        <v>-3269605.0399999898</v>
      </c>
      <c r="J471" s="53">
        <v>-3200785.2299999902</v>
      </c>
      <c r="K471" s="53">
        <v>-3261015.4399999902</v>
      </c>
      <c r="L471" s="53">
        <v>-3231626.5399999898</v>
      </c>
      <c r="M471" s="53">
        <v>-3276889.75999999</v>
      </c>
      <c r="N471" s="53">
        <v>-39449553.779999897</v>
      </c>
      <c r="O471" s="53">
        <v>-2974113.96</v>
      </c>
      <c r="P471" s="53">
        <v>-3200293.57</v>
      </c>
      <c r="Q471" s="53">
        <v>-3255752.02999999</v>
      </c>
      <c r="R471" s="53">
        <v>-3293902.9799999902</v>
      </c>
      <c r="S471" s="53">
        <v>-3457675.48999999</v>
      </c>
      <c r="T471" s="53">
        <v>-3807226.0599999898</v>
      </c>
      <c r="U471" s="53">
        <v>-3220667.6799999899</v>
      </c>
      <c r="V471" s="53">
        <v>-3269605.0399999898</v>
      </c>
      <c r="W471" s="53">
        <v>-3200785.2299999902</v>
      </c>
      <c r="X471" s="53">
        <v>-3261015.4399999902</v>
      </c>
      <c r="Y471" s="53">
        <v>-3231626.5399999898</v>
      </c>
      <c r="Z471" s="53">
        <v>-3276889.75999999</v>
      </c>
      <c r="AA471" s="53">
        <v>-39449553.779999897</v>
      </c>
      <c r="AB471" s="53">
        <v>-2974113.96</v>
      </c>
      <c r="AC471" s="53">
        <v>-3200293.57</v>
      </c>
      <c r="AD471" s="53">
        <v>-3255752.02999999</v>
      </c>
      <c r="AE471" s="53">
        <v>-3293902.9799999902</v>
      </c>
      <c r="AF471" s="53">
        <v>-3457675.48999999</v>
      </c>
      <c r="AG471" s="53">
        <v>-3807226.0599999898</v>
      </c>
      <c r="AH471" s="53">
        <v>-3220667.6799999899</v>
      </c>
      <c r="AI471" s="53">
        <v>-3269605.0399999898</v>
      </c>
      <c r="AJ471" s="53">
        <v>-3200785.2299999902</v>
      </c>
      <c r="AK471" s="53">
        <v>-3261015.4399999902</v>
      </c>
      <c r="AL471" s="53">
        <v>-3231626.5399999898</v>
      </c>
      <c r="AM471" s="53">
        <v>-3276889.75999999</v>
      </c>
      <c r="AN471" s="53">
        <v>-39449553.779999897</v>
      </c>
      <c r="AO471" s="53">
        <v>-2974113.96</v>
      </c>
      <c r="AP471" s="53">
        <v>-3200293.57</v>
      </c>
      <c r="AQ471" s="53">
        <v>-3255752.02999999</v>
      </c>
      <c r="AR471" s="53">
        <v>-3293902.9799999902</v>
      </c>
      <c r="AS471" s="53">
        <v>-3457675.48999999</v>
      </c>
      <c r="AT471" s="53">
        <v>-3807226.0599999898</v>
      </c>
      <c r="AU471" s="53">
        <v>-3220667.6799999899</v>
      </c>
      <c r="AV471" s="53">
        <v>-3269605.0399999898</v>
      </c>
      <c r="AW471" s="53">
        <v>-3200785.2299999902</v>
      </c>
      <c r="AX471" s="53">
        <v>-3261015.4399999902</v>
      </c>
      <c r="AY471" s="53">
        <v>-3231626.5399999898</v>
      </c>
      <c r="AZ471" s="53">
        <v>-3276889.75999999</v>
      </c>
      <c r="BA471" s="53">
        <v>-39449553.779999897</v>
      </c>
    </row>
    <row r="472" spans="1:53">
      <c r="A472" s="235" t="s">
        <v>3786</v>
      </c>
      <c r="B472" s="53">
        <v>-3764180</v>
      </c>
      <c r="C472" s="53">
        <v>-3764180</v>
      </c>
      <c r="D472" s="53">
        <v>-3764180</v>
      </c>
      <c r="E472" s="53">
        <v>-3764180</v>
      </c>
      <c r="F472" s="53">
        <v>-3764180</v>
      </c>
      <c r="G472" s="53">
        <v>-3764180</v>
      </c>
      <c r="H472" s="53">
        <v>-3764180</v>
      </c>
      <c r="I472" s="53">
        <v>-3764180</v>
      </c>
      <c r="J472" s="53">
        <v>-3764180</v>
      </c>
      <c r="K472" s="53">
        <v>-3764180</v>
      </c>
      <c r="L472" s="53">
        <v>-3764180</v>
      </c>
      <c r="M472" s="53">
        <v>-3764175</v>
      </c>
      <c r="N472" s="53">
        <v>-45170155</v>
      </c>
      <c r="O472" s="53">
        <v>-3116927.67992255</v>
      </c>
      <c r="P472" s="53">
        <v>-3116927.67992255</v>
      </c>
      <c r="Q472" s="53">
        <v>-3116927.67992255</v>
      </c>
      <c r="R472" s="53">
        <v>-3116927.67992255</v>
      </c>
      <c r="S472" s="53">
        <v>-3116927.67992255</v>
      </c>
      <c r="T472" s="53">
        <v>-3116927.67992255</v>
      </c>
      <c r="U472" s="53">
        <v>-3116927.67992255</v>
      </c>
      <c r="V472" s="53">
        <v>-3116927.67992255</v>
      </c>
      <c r="W472" s="53">
        <v>-3116927.67992255</v>
      </c>
      <c r="X472" s="53">
        <v>-3116927.67992255</v>
      </c>
      <c r="Y472" s="53">
        <v>-3116927.67992255</v>
      </c>
      <c r="Z472" s="53">
        <v>-3116927.67992255</v>
      </c>
      <c r="AA472" s="53">
        <v>-37403132.1590707</v>
      </c>
      <c r="AB472" s="53">
        <v>-2082790.6101435199</v>
      </c>
      <c r="AC472" s="53">
        <v>-2082790.6101435199</v>
      </c>
      <c r="AD472" s="53">
        <v>-2082790.6101435199</v>
      </c>
      <c r="AE472" s="53">
        <v>-2082790.6101435199</v>
      </c>
      <c r="AF472" s="53">
        <v>-2082790.6101435199</v>
      </c>
      <c r="AG472" s="53">
        <v>-2082790.6101435199</v>
      </c>
      <c r="AH472" s="53">
        <v>-2082790.6101435199</v>
      </c>
      <c r="AI472" s="53">
        <v>-2082790.6101435199</v>
      </c>
      <c r="AJ472" s="53">
        <v>-2082790.6101435199</v>
      </c>
      <c r="AK472" s="53">
        <v>-2082790.6101435199</v>
      </c>
      <c r="AL472" s="53">
        <v>-2082790.6101435199</v>
      </c>
      <c r="AM472" s="53">
        <v>-2082790.6101435199</v>
      </c>
      <c r="AN472" s="53">
        <v>-24993487.321722198</v>
      </c>
      <c r="AO472" s="53">
        <v>-945465.88357519999</v>
      </c>
      <c r="AP472" s="53">
        <v>-945465.88357519999</v>
      </c>
      <c r="AQ472" s="53">
        <v>-945465.88357519999</v>
      </c>
      <c r="AR472" s="53">
        <v>-945465.88357519999</v>
      </c>
      <c r="AS472" s="53">
        <v>-945465.88357519999</v>
      </c>
      <c r="AT472" s="53">
        <v>-945465.88357519999</v>
      </c>
      <c r="AU472" s="53">
        <v>-945465.88357519999</v>
      </c>
      <c r="AV472" s="53">
        <v>-945465.88357519999</v>
      </c>
      <c r="AW472" s="53">
        <v>-945465.88357519999</v>
      </c>
      <c r="AX472" s="53">
        <v>-945465.88357519999</v>
      </c>
      <c r="AY472" s="53">
        <v>-945465.88357519999</v>
      </c>
      <c r="AZ472" s="53">
        <v>-945465.88357519999</v>
      </c>
      <c r="BA472" s="53">
        <v>-11345590.602902399</v>
      </c>
    </row>
    <row r="473" spans="1:53">
      <c r="A473" s="235" t="s">
        <v>3787</v>
      </c>
      <c r="B473" s="53">
        <v>0</v>
      </c>
      <c r="C473" s="53">
        <v>0</v>
      </c>
      <c r="D473" s="53">
        <v>0</v>
      </c>
      <c r="E473" s="53">
        <v>0</v>
      </c>
      <c r="F473" s="53">
        <v>0</v>
      </c>
      <c r="G473" s="53">
        <v>0</v>
      </c>
      <c r="H473" s="53">
        <v>0</v>
      </c>
      <c r="I473" s="53">
        <v>0</v>
      </c>
      <c r="J473" s="53">
        <v>0</v>
      </c>
      <c r="K473" s="53">
        <v>0</v>
      </c>
      <c r="L473" s="53">
        <v>0</v>
      </c>
      <c r="M473" s="53">
        <v>0</v>
      </c>
      <c r="N473" s="53">
        <v>0</v>
      </c>
      <c r="O473" s="53">
        <v>0</v>
      </c>
      <c r="P473" s="53">
        <v>0</v>
      </c>
      <c r="Q473" s="53">
        <v>0</v>
      </c>
      <c r="R473" s="53">
        <v>0</v>
      </c>
      <c r="S473" s="53">
        <v>0</v>
      </c>
      <c r="T473" s="53">
        <v>0</v>
      </c>
      <c r="U473" s="53">
        <v>0</v>
      </c>
      <c r="V473" s="53">
        <v>0</v>
      </c>
      <c r="W473" s="53">
        <v>0</v>
      </c>
      <c r="X473" s="53">
        <v>0</v>
      </c>
      <c r="Y473" s="53">
        <v>0</v>
      </c>
      <c r="Z473" s="53">
        <v>0</v>
      </c>
      <c r="AA473" s="53">
        <v>0</v>
      </c>
      <c r="AB473" s="53">
        <v>0</v>
      </c>
      <c r="AC473" s="53">
        <v>0</v>
      </c>
      <c r="AD473" s="53">
        <v>0</v>
      </c>
      <c r="AE473" s="53">
        <v>0</v>
      </c>
      <c r="AF473" s="53">
        <v>0</v>
      </c>
      <c r="AG473" s="53">
        <v>0</v>
      </c>
      <c r="AH473" s="53">
        <v>0</v>
      </c>
      <c r="AI473" s="53">
        <v>0</v>
      </c>
      <c r="AJ473" s="53">
        <v>0</v>
      </c>
      <c r="AK473" s="53">
        <v>0</v>
      </c>
      <c r="AL473" s="53">
        <v>0</v>
      </c>
      <c r="AM473" s="53">
        <v>0</v>
      </c>
      <c r="AN473" s="53">
        <v>0</v>
      </c>
      <c r="AO473" s="53">
        <v>0</v>
      </c>
      <c r="AP473" s="53">
        <v>0</v>
      </c>
      <c r="AQ473" s="53">
        <v>0</v>
      </c>
      <c r="AR473" s="53">
        <v>0</v>
      </c>
      <c r="AS473" s="53">
        <v>0</v>
      </c>
      <c r="AT473" s="53">
        <v>0</v>
      </c>
      <c r="AU473" s="53">
        <v>0</v>
      </c>
      <c r="AV473" s="53">
        <v>0</v>
      </c>
      <c r="AW473" s="53">
        <v>0</v>
      </c>
      <c r="AX473" s="53">
        <v>0</v>
      </c>
      <c r="AY473" s="53">
        <v>0</v>
      </c>
      <c r="AZ473" s="53">
        <v>0</v>
      </c>
      <c r="BA473" s="53">
        <v>0</v>
      </c>
    </row>
    <row r="474" spans="1:53">
      <c r="A474" s="52" t="s">
        <v>3788</v>
      </c>
      <c r="B474" s="53">
        <v>5035262.1399999904</v>
      </c>
      <c r="C474" s="53">
        <v>810148.529999997</v>
      </c>
      <c r="D474" s="53">
        <v>663318.89000000595</v>
      </c>
      <c r="E474" s="53">
        <v>533622.12000000395</v>
      </c>
      <c r="F474" s="53">
        <v>349822.61000000802</v>
      </c>
      <c r="G474" s="53">
        <v>-1449490.70999999</v>
      </c>
      <c r="H474" s="53">
        <v>692967.42000000598</v>
      </c>
      <c r="I474" s="53">
        <v>744934.06000000297</v>
      </c>
      <c r="J474" s="53">
        <v>1999754.75</v>
      </c>
      <c r="K474" s="53">
        <v>1084890.6599999999</v>
      </c>
      <c r="L474" s="53">
        <v>1332497.56</v>
      </c>
      <c r="M474" s="53">
        <v>3176568.46</v>
      </c>
      <c r="N474" s="53">
        <v>14974296.49</v>
      </c>
      <c r="O474" s="53">
        <v>5965574.4600774301</v>
      </c>
      <c r="P474" s="53">
        <v>1740460.85007743</v>
      </c>
      <c r="Q474" s="53">
        <v>1593631.2100774399</v>
      </c>
      <c r="R474" s="53">
        <v>1463934.4400774401</v>
      </c>
      <c r="S474" s="53">
        <v>1280134.9300774401</v>
      </c>
      <c r="T474" s="53">
        <v>-519178.38992255402</v>
      </c>
      <c r="U474" s="53">
        <v>1623279.7400774399</v>
      </c>
      <c r="V474" s="53">
        <v>1675246.3800774401</v>
      </c>
      <c r="W474" s="53">
        <v>2930067.0700774398</v>
      </c>
      <c r="X474" s="53">
        <v>2015202.9800774399</v>
      </c>
      <c r="Y474" s="53">
        <v>2262809.8800774398</v>
      </c>
      <c r="Z474" s="53">
        <v>4106875.7800774402</v>
      </c>
      <c r="AA474" s="53">
        <v>26138039.330929302</v>
      </c>
      <c r="AB474" s="53">
        <v>7297737.5298564704</v>
      </c>
      <c r="AC474" s="53">
        <v>3072623.9198564701</v>
      </c>
      <c r="AD474" s="53">
        <v>2925794.2798564802</v>
      </c>
      <c r="AE474" s="53">
        <v>2796097.5098564802</v>
      </c>
      <c r="AF474" s="53">
        <v>2612297.9998564799</v>
      </c>
      <c r="AG474" s="53">
        <v>812984.67985648499</v>
      </c>
      <c r="AH474" s="53">
        <v>2955442.80985648</v>
      </c>
      <c r="AI474" s="53">
        <v>3007409.4498564801</v>
      </c>
      <c r="AJ474" s="53">
        <v>4262230.1398564801</v>
      </c>
      <c r="AK474" s="53">
        <v>3347366.0498564802</v>
      </c>
      <c r="AL474" s="53">
        <v>3594972.9498564801</v>
      </c>
      <c r="AM474" s="53">
        <v>5439038.84985648</v>
      </c>
      <c r="AN474" s="53">
        <v>42123996.1682778</v>
      </c>
      <c r="AO474" s="53">
        <v>8755213.2564247902</v>
      </c>
      <c r="AP474" s="53">
        <v>4530099.6464247899</v>
      </c>
      <c r="AQ474" s="53">
        <v>4383270.0064247996</v>
      </c>
      <c r="AR474" s="53">
        <v>4253573.2364248</v>
      </c>
      <c r="AS474" s="53">
        <v>4069773.7264248002</v>
      </c>
      <c r="AT474" s="53">
        <v>2270460.4064247999</v>
      </c>
      <c r="AU474" s="53">
        <v>4412918.5364247998</v>
      </c>
      <c r="AV474" s="53">
        <v>4464885.1764248004</v>
      </c>
      <c r="AW474" s="53">
        <v>5719705.8664247999</v>
      </c>
      <c r="AX474" s="53">
        <v>4804841.7764248</v>
      </c>
      <c r="AY474" s="53">
        <v>5052448.6764248004</v>
      </c>
      <c r="AZ474" s="53">
        <v>6896514.5764247999</v>
      </c>
      <c r="BA474" s="53">
        <v>59613704.887097597</v>
      </c>
    </row>
    <row r="475" spans="1:53">
      <c r="A475" s="52" t="s">
        <v>3789</v>
      </c>
      <c r="B475" s="53"/>
      <c r="C475" s="53"/>
      <c r="D475" s="53"/>
      <c r="E475" s="53"/>
      <c r="F475" s="53"/>
      <c r="G475" s="53"/>
      <c r="H475" s="53"/>
      <c r="I475" s="53"/>
      <c r="J475" s="53"/>
      <c r="K475" s="53"/>
      <c r="L475" s="53"/>
      <c r="M475" s="53"/>
      <c r="N475" s="53"/>
      <c r="O475" s="53"/>
      <c r="P475" s="53"/>
      <c r="Q475" s="53"/>
      <c r="R475" s="53"/>
      <c r="S475" s="53"/>
      <c r="T475" s="53"/>
      <c r="U475" s="53"/>
      <c r="V475" s="53"/>
      <c r="W475" s="53"/>
      <c r="X475" s="53"/>
      <c r="Y475" s="53"/>
      <c r="Z475" s="53"/>
      <c r="AA475" s="53"/>
      <c r="AB475" s="53"/>
      <c r="AC475" s="53"/>
      <c r="AD475" s="53"/>
      <c r="AE475" s="53"/>
      <c r="AF475" s="53"/>
      <c r="AG475" s="53"/>
      <c r="AH475" s="53"/>
      <c r="AI475" s="53"/>
      <c r="AJ475" s="53"/>
      <c r="AK475" s="53"/>
      <c r="AL475" s="53"/>
      <c r="AM475" s="53"/>
      <c r="AN475" s="53"/>
      <c r="AO475" s="53"/>
      <c r="AP475" s="53"/>
      <c r="AQ475" s="53"/>
      <c r="AR475" s="53"/>
      <c r="AS475" s="53"/>
      <c r="AT475" s="53"/>
      <c r="AU475" s="53"/>
      <c r="AV475" s="53"/>
      <c r="AW475" s="53"/>
      <c r="AX475" s="53"/>
      <c r="AY475" s="53"/>
      <c r="AZ475" s="53"/>
      <c r="BA475" s="53"/>
    </row>
    <row r="476" spans="1:53">
      <c r="A476" s="52" t="s">
        <v>3790</v>
      </c>
      <c r="B476" s="53">
        <v>0</v>
      </c>
      <c r="C476" s="53">
        <v>0</v>
      </c>
      <c r="D476" s="53">
        <v>0</v>
      </c>
      <c r="E476" s="53">
        <v>0</v>
      </c>
      <c r="F476" s="53">
        <v>0</v>
      </c>
      <c r="G476" s="53">
        <v>0</v>
      </c>
      <c r="H476" s="53">
        <v>0</v>
      </c>
      <c r="I476" s="53">
        <v>0</v>
      </c>
      <c r="J476" s="53">
        <v>0</v>
      </c>
      <c r="K476" s="53">
        <v>0</v>
      </c>
      <c r="L476" s="53">
        <v>0</v>
      </c>
      <c r="M476" s="53">
        <v>0</v>
      </c>
      <c r="N476" s="53">
        <v>0</v>
      </c>
      <c r="O476" s="53">
        <v>0</v>
      </c>
      <c r="P476" s="53">
        <v>0</v>
      </c>
      <c r="Q476" s="53">
        <v>0</v>
      </c>
      <c r="R476" s="53">
        <v>0</v>
      </c>
      <c r="S476" s="53">
        <v>0</v>
      </c>
      <c r="T476" s="53">
        <v>0</v>
      </c>
      <c r="U476" s="53">
        <v>0</v>
      </c>
      <c r="V476" s="53">
        <v>0</v>
      </c>
      <c r="W476" s="53">
        <v>0</v>
      </c>
      <c r="X476" s="53">
        <v>0</v>
      </c>
      <c r="Y476" s="53">
        <v>0</v>
      </c>
      <c r="Z476" s="53">
        <v>0</v>
      </c>
      <c r="AA476" s="53">
        <v>0</v>
      </c>
      <c r="AB476" s="53">
        <v>0</v>
      </c>
      <c r="AC476" s="53">
        <v>0</v>
      </c>
      <c r="AD476" s="53">
        <v>0</v>
      </c>
      <c r="AE476" s="53">
        <v>0</v>
      </c>
      <c r="AF476" s="53">
        <v>0</v>
      </c>
      <c r="AG476" s="53">
        <v>0</v>
      </c>
      <c r="AH476" s="53">
        <v>0</v>
      </c>
      <c r="AI476" s="53">
        <v>0</v>
      </c>
      <c r="AJ476" s="53">
        <v>0</v>
      </c>
      <c r="AK476" s="53">
        <v>0</v>
      </c>
      <c r="AL476" s="53">
        <v>0</v>
      </c>
      <c r="AM476" s="53">
        <v>0</v>
      </c>
      <c r="AN476" s="53">
        <v>0</v>
      </c>
      <c r="AO476" s="53">
        <v>0</v>
      </c>
      <c r="AP476" s="53">
        <v>0</v>
      </c>
      <c r="AQ476" s="53">
        <v>0</v>
      </c>
      <c r="AR476" s="53">
        <v>0</v>
      </c>
      <c r="AS476" s="53">
        <v>0</v>
      </c>
      <c r="AT476" s="53">
        <v>0</v>
      </c>
      <c r="AU476" s="53">
        <v>0</v>
      </c>
      <c r="AV476" s="53">
        <v>0</v>
      </c>
      <c r="AW476" s="53">
        <v>0</v>
      </c>
      <c r="AX476" s="53">
        <v>0</v>
      </c>
      <c r="AY476" s="53">
        <v>0</v>
      </c>
      <c r="AZ476" s="53">
        <v>0</v>
      </c>
      <c r="BA476" s="53">
        <v>0</v>
      </c>
    </row>
    <row r="477" spans="1:53">
      <c r="A477" s="52" t="s">
        <v>3791</v>
      </c>
      <c r="B477" s="53">
        <v>0</v>
      </c>
      <c r="C477" s="53">
        <v>0</v>
      </c>
      <c r="D477" s="53">
        <v>0</v>
      </c>
      <c r="E477" s="53">
        <v>0</v>
      </c>
      <c r="F477" s="53">
        <v>0</v>
      </c>
      <c r="G477" s="53">
        <v>0</v>
      </c>
      <c r="H477" s="53">
        <v>0</v>
      </c>
      <c r="I477" s="53">
        <v>0</v>
      </c>
      <c r="J477" s="53">
        <v>0</v>
      </c>
      <c r="K477" s="53">
        <v>0</v>
      </c>
      <c r="L477" s="53">
        <v>0</v>
      </c>
      <c r="M477" s="53">
        <v>0</v>
      </c>
      <c r="N477" s="53">
        <v>0</v>
      </c>
      <c r="O477" s="53">
        <v>0</v>
      </c>
      <c r="P477" s="53">
        <v>0</v>
      </c>
      <c r="Q477" s="53">
        <v>0</v>
      </c>
      <c r="R477" s="53">
        <v>0</v>
      </c>
      <c r="S477" s="53">
        <v>0</v>
      </c>
      <c r="T477" s="53">
        <v>0</v>
      </c>
      <c r="U477" s="53">
        <v>0</v>
      </c>
      <c r="V477" s="53">
        <v>0</v>
      </c>
      <c r="W477" s="53">
        <v>0</v>
      </c>
      <c r="X477" s="53">
        <v>0</v>
      </c>
      <c r="Y477" s="53">
        <v>0</v>
      </c>
      <c r="Z477" s="53">
        <v>0</v>
      </c>
      <c r="AA477" s="53">
        <v>0</v>
      </c>
      <c r="AB477" s="53">
        <v>0</v>
      </c>
      <c r="AC477" s="53">
        <v>0</v>
      </c>
      <c r="AD477" s="53">
        <v>0</v>
      </c>
      <c r="AE477" s="53">
        <v>0</v>
      </c>
      <c r="AF477" s="53">
        <v>0</v>
      </c>
      <c r="AG477" s="53">
        <v>0</v>
      </c>
      <c r="AH477" s="53">
        <v>0</v>
      </c>
      <c r="AI477" s="53">
        <v>0</v>
      </c>
      <c r="AJ477" s="53">
        <v>0</v>
      </c>
      <c r="AK477" s="53">
        <v>0</v>
      </c>
      <c r="AL477" s="53">
        <v>0</v>
      </c>
      <c r="AM477" s="53">
        <v>0</v>
      </c>
      <c r="AN477" s="53">
        <v>0</v>
      </c>
      <c r="AO477" s="53">
        <v>0</v>
      </c>
      <c r="AP477" s="53">
        <v>0</v>
      </c>
      <c r="AQ477" s="53">
        <v>0</v>
      </c>
      <c r="AR477" s="53">
        <v>0</v>
      </c>
      <c r="AS477" s="53">
        <v>0</v>
      </c>
      <c r="AT477" s="53">
        <v>0</v>
      </c>
      <c r="AU477" s="53">
        <v>0</v>
      </c>
      <c r="AV477" s="53">
        <v>0</v>
      </c>
      <c r="AW477" s="53">
        <v>0</v>
      </c>
      <c r="AX477" s="53">
        <v>0</v>
      </c>
      <c r="AY477" s="53">
        <v>0</v>
      </c>
      <c r="AZ477" s="53">
        <v>0</v>
      </c>
      <c r="BA477" s="53">
        <v>0</v>
      </c>
    </row>
    <row r="478" spans="1:53">
      <c r="A478" s="52" t="s">
        <v>3792</v>
      </c>
      <c r="B478" s="53"/>
      <c r="C478" s="53"/>
      <c r="D478" s="53"/>
      <c r="E478" s="53"/>
      <c r="F478" s="53"/>
      <c r="G478" s="53"/>
      <c r="H478" s="53"/>
      <c r="I478" s="53"/>
      <c r="J478" s="53"/>
      <c r="K478" s="53"/>
      <c r="L478" s="53"/>
      <c r="M478" s="53"/>
      <c r="N478" s="53"/>
      <c r="O478" s="53"/>
      <c r="P478" s="53"/>
      <c r="Q478" s="53"/>
      <c r="R478" s="53"/>
      <c r="S478" s="53"/>
      <c r="T478" s="53"/>
      <c r="U478" s="53"/>
      <c r="V478" s="53"/>
      <c r="W478" s="53"/>
      <c r="X478" s="53"/>
      <c r="Y478" s="53"/>
      <c r="Z478" s="53"/>
      <c r="AA478" s="53"/>
      <c r="AB478" s="53"/>
      <c r="AC478" s="53"/>
      <c r="AD478" s="53"/>
      <c r="AE478" s="53"/>
      <c r="AF478" s="53"/>
      <c r="AG478" s="53"/>
      <c r="AH478" s="53"/>
      <c r="AI478" s="53"/>
      <c r="AJ478" s="53"/>
      <c r="AK478" s="53"/>
      <c r="AL478" s="53"/>
      <c r="AM478" s="53"/>
      <c r="AN478" s="53"/>
      <c r="AO478" s="53"/>
      <c r="AP478" s="53"/>
      <c r="AQ478" s="53"/>
      <c r="AR478" s="53"/>
      <c r="AS478" s="53"/>
      <c r="AT478" s="53"/>
      <c r="AU478" s="53"/>
      <c r="AV478" s="53"/>
      <c r="AW478" s="53"/>
      <c r="AX478" s="53"/>
      <c r="AY478" s="53"/>
      <c r="AZ478" s="53"/>
      <c r="BA478" s="53"/>
    </row>
    <row r="479" spans="1:53">
      <c r="A479" s="52" t="s">
        <v>3793</v>
      </c>
      <c r="B479" s="53">
        <v>440697.45</v>
      </c>
      <c r="C479" s="53">
        <v>440697.45</v>
      </c>
      <c r="D479" s="53">
        <v>440697.45</v>
      </c>
      <c r="E479" s="53">
        <v>440697.45</v>
      </c>
      <c r="F479" s="53">
        <v>440697.45</v>
      </c>
      <c r="G479" s="53">
        <v>440697.45</v>
      </c>
      <c r="H479" s="53">
        <v>2440697.4500000002</v>
      </c>
      <c r="I479" s="53">
        <v>440697.45</v>
      </c>
      <c r="J479" s="53">
        <v>440697.45</v>
      </c>
      <c r="K479" s="53">
        <v>440697.45</v>
      </c>
      <c r="L479" s="53">
        <v>440697.45</v>
      </c>
      <c r="M479" s="53">
        <v>440697.45</v>
      </c>
      <c r="N479" s="53">
        <v>7288369.3999999901</v>
      </c>
      <c r="O479" s="53">
        <v>488677.45</v>
      </c>
      <c r="P479" s="53">
        <v>537566.44999999995</v>
      </c>
      <c r="Q479" s="53">
        <v>466874.45</v>
      </c>
      <c r="R479" s="53">
        <v>537566.44999999995</v>
      </c>
      <c r="S479" s="53">
        <v>369326.45</v>
      </c>
      <c r="T479" s="53">
        <v>514324.45</v>
      </c>
      <c r="U479" s="53">
        <v>528566.44999999995</v>
      </c>
      <c r="V479" s="53">
        <v>533186.44999999995</v>
      </c>
      <c r="W479" s="53">
        <v>485666.45</v>
      </c>
      <c r="X479" s="53">
        <v>537566.44999999995</v>
      </c>
      <c r="Y479" s="53">
        <v>523066.45</v>
      </c>
      <c r="Z479" s="53">
        <v>531107.44999999995</v>
      </c>
      <c r="AA479" s="53">
        <v>6053495.4000000004</v>
      </c>
      <c r="AB479" s="53">
        <v>562513.44999999995</v>
      </c>
      <c r="AC479" s="53">
        <v>611402.44999999995</v>
      </c>
      <c r="AD479" s="53">
        <v>540710.44999999995</v>
      </c>
      <c r="AE479" s="53">
        <v>611402.44999999995</v>
      </c>
      <c r="AF479" s="53">
        <v>443162.45</v>
      </c>
      <c r="AG479" s="53">
        <v>588160.44999999995</v>
      </c>
      <c r="AH479" s="53">
        <v>602402.44999999995</v>
      </c>
      <c r="AI479" s="53">
        <v>607022.44999999995</v>
      </c>
      <c r="AJ479" s="53">
        <v>559502.44999999995</v>
      </c>
      <c r="AK479" s="53">
        <v>611402.44999999995</v>
      </c>
      <c r="AL479" s="53">
        <v>596902.44999999995</v>
      </c>
      <c r="AM479" s="53">
        <v>604943.44999999995</v>
      </c>
      <c r="AN479" s="53">
        <v>6939527.4000000004</v>
      </c>
      <c r="AO479" s="53">
        <v>615272.44999999902</v>
      </c>
      <c r="AP479" s="53">
        <v>664161.44999999902</v>
      </c>
      <c r="AQ479" s="53">
        <v>593469.44999999995</v>
      </c>
      <c r="AR479" s="53">
        <v>664161.44999999902</v>
      </c>
      <c r="AS479" s="53">
        <v>495921.44999999902</v>
      </c>
      <c r="AT479" s="53">
        <v>640919.44999999902</v>
      </c>
      <c r="AU479" s="53">
        <v>655161.44999999995</v>
      </c>
      <c r="AV479" s="53">
        <v>659781.44999999902</v>
      </c>
      <c r="AW479" s="53">
        <v>612261.44999999902</v>
      </c>
      <c r="AX479" s="53">
        <v>664161.44999999902</v>
      </c>
      <c r="AY479" s="53">
        <v>649661.44999999902</v>
      </c>
      <c r="AZ479" s="53">
        <v>657702.44999999902</v>
      </c>
      <c r="BA479" s="53">
        <v>7572635.3999999901</v>
      </c>
    </row>
    <row r="480" spans="1:53">
      <c r="A480" s="52" t="s">
        <v>3794</v>
      </c>
      <c r="B480" s="53">
        <v>0</v>
      </c>
      <c r="C480" s="53">
        <v>0</v>
      </c>
      <c r="D480" s="53">
        <v>0</v>
      </c>
      <c r="E480" s="53">
        <v>0</v>
      </c>
      <c r="F480" s="53">
        <v>0</v>
      </c>
      <c r="G480" s="53">
        <v>0</v>
      </c>
      <c r="H480" s="53">
        <v>0</v>
      </c>
      <c r="I480" s="53">
        <v>0</v>
      </c>
      <c r="J480" s="53">
        <v>0</v>
      </c>
      <c r="K480" s="53">
        <v>0</v>
      </c>
      <c r="L480" s="53">
        <v>0</v>
      </c>
      <c r="M480" s="53">
        <v>0</v>
      </c>
      <c r="N480" s="53">
        <v>0</v>
      </c>
      <c r="O480" s="53">
        <v>0</v>
      </c>
      <c r="P480" s="53">
        <v>0</v>
      </c>
      <c r="Q480" s="53">
        <v>0</v>
      </c>
      <c r="R480" s="53">
        <v>0</v>
      </c>
      <c r="S480" s="53">
        <v>0</v>
      </c>
      <c r="T480" s="53">
        <v>0</v>
      </c>
      <c r="U480" s="53">
        <v>0</v>
      </c>
      <c r="V480" s="53">
        <v>0</v>
      </c>
      <c r="W480" s="53">
        <v>0</v>
      </c>
      <c r="X480" s="53">
        <v>0</v>
      </c>
      <c r="Y480" s="53">
        <v>0</v>
      </c>
      <c r="Z480" s="53">
        <v>0</v>
      </c>
      <c r="AA480" s="53">
        <v>0</v>
      </c>
      <c r="AB480" s="53">
        <v>0</v>
      </c>
      <c r="AC480" s="53">
        <v>0</v>
      </c>
      <c r="AD480" s="53">
        <v>0</v>
      </c>
      <c r="AE480" s="53">
        <v>0</v>
      </c>
      <c r="AF480" s="53">
        <v>0</v>
      </c>
      <c r="AG480" s="53">
        <v>0</v>
      </c>
      <c r="AH480" s="53">
        <v>0</v>
      </c>
      <c r="AI480" s="53">
        <v>0</v>
      </c>
      <c r="AJ480" s="53">
        <v>0</v>
      </c>
      <c r="AK480" s="53">
        <v>0</v>
      </c>
      <c r="AL480" s="53">
        <v>0</v>
      </c>
      <c r="AM480" s="53">
        <v>0</v>
      </c>
      <c r="AN480" s="53">
        <v>0</v>
      </c>
      <c r="AO480" s="53">
        <v>0</v>
      </c>
      <c r="AP480" s="53">
        <v>0</v>
      </c>
      <c r="AQ480" s="53">
        <v>0</v>
      </c>
      <c r="AR480" s="53">
        <v>0</v>
      </c>
      <c r="AS480" s="53">
        <v>0</v>
      </c>
      <c r="AT480" s="53">
        <v>0</v>
      </c>
      <c r="AU480" s="53">
        <v>0</v>
      </c>
      <c r="AV480" s="53">
        <v>0</v>
      </c>
      <c r="AW480" s="53">
        <v>0</v>
      </c>
      <c r="AX480" s="53">
        <v>0</v>
      </c>
      <c r="AY480" s="53">
        <v>0</v>
      </c>
      <c r="AZ480" s="53">
        <v>0</v>
      </c>
      <c r="BA480" s="53">
        <v>0</v>
      </c>
    </row>
    <row r="481" spans="1:53">
      <c r="A481" s="52" t="s">
        <v>3795</v>
      </c>
      <c r="B481" s="53">
        <v>440697.45</v>
      </c>
      <c r="C481" s="53">
        <v>440697.45</v>
      </c>
      <c r="D481" s="53">
        <v>440697.45</v>
      </c>
      <c r="E481" s="53">
        <v>440697.45</v>
      </c>
      <c r="F481" s="53">
        <v>440697.45</v>
      </c>
      <c r="G481" s="53">
        <v>440697.45</v>
      </c>
      <c r="H481" s="53">
        <v>2440697.4500000002</v>
      </c>
      <c r="I481" s="53">
        <v>440697.45</v>
      </c>
      <c r="J481" s="53">
        <v>440697.45</v>
      </c>
      <c r="K481" s="53">
        <v>440697.45</v>
      </c>
      <c r="L481" s="53">
        <v>440697.45</v>
      </c>
      <c r="M481" s="53">
        <v>440697.45</v>
      </c>
      <c r="N481" s="53">
        <v>7288369.3999999901</v>
      </c>
      <c r="O481" s="53">
        <v>488677.45</v>
      </c>
      <c r="P481" s="53">
        <v>537566.44999999995</v>
      </c>
      <c r="Q481" s="53">
        <v>466874.45</v>
      </c>
      <c r="R481" s="53">
        <v>537566.44999999995</v>
      </c>
      <c r="S481" s="53">
        <v>369326.45</v>
      </c>
      <c r="T481" s="53">
        <v>514324.45</v>
      </c>
      <c r="U481" s="53">
        <v>528566.44999999995</v>
      </c>
      <c r="V481" s="53">
        <v>533186.44999999995</v>
      </c>
      <c r="W481" s="53">
        <v>485666.45</v>
      </c>
      <c r="X481" s="53">
        <v>537566.44999999995</v>
      </c>
      <c r="Y481" s="53">
        <v>523066.45</v>
      </c>
      <c r="Z481" s="53">
        <v>531107.44999999995</v>
      </c>
      <c r="AA481" s="53">
        <v>6053495.4000000004</v>
      </c>
      <c r="AB481" s="53">
        <v>562513.44999999995</v>
      </c>
      <c r="AC481" s="53">
        <v>611402.44999999995</v>
      </c>
      <c r="AD481" s="53">
        <v>540710.44999999995</v>
      </c>
      <c r="AE481" s="53">
        <v>611402.44999999995</v>
      </c>
      <c r="AF481" s="53">
        <v>443162.45</v>
      </c>
      <c r="AG481" s="53">
        <v>588160.44999999995</v>
      </c>
      <c r="AH481" s="53">
        <v>602402.44999999995</v>
      </c>
      <c r="AI481" s="53">
        <v>607022.44999999995</v>
      </c>
      <c r="AJ481" s="53">
        <v>559502.44999999995</v>
      </c>
      <c r="AK481" s="53">
        <v>611402.44999999995</v>
      </c>
      <c r="AL481" s="53">
        <v>596902.44999999995</v>
      </c>
      <c r="AM481" s="53">
        <v>604943.44999999995</v>
      </c>
      <c r="AN481" s="53">
        <v>6939527.4000000004</v>
      </c>
      <c r="AO481" s="53">
        <v>615272.44999999902</v>
      </c>
      <c r="AP481" s="53">
        <v>664161.44999999902</v>
      </c>
      <c r="AQ481" s="53">
        <v>593469.44999999995</v>
      </c>
      <c r="AR481" s="53">
        <v>664161.44999999902</v>
      </c>
      <c r="AS481" s="53">
        <v>495921.44999999902</v>
      </c>
      <c r="AT481" s="53">
        <v>640919.44999999902</v>
      </c>
      <c r="AU481" s="53">
        <v>655161.44999999995</v>
      </c>
      <c r="AV481" s="53">
        <v>659781.44999999902</v>
      </c>
      <c r="AW481" s="53">
        <v>612261.44999999902</v>
      </c>
      <c r="AX481" s="53">
        <v>664161.44999999902</v>
      </c>
      <c r="AY481" s="53">
        <v>649661.44999999902</v>
      </c>
      <c r="AZ481" s="53">
        <v>657702.44999999902</v>
      </c>
      <c r="BA481" s="53">
        <v>7572635.3999999901</v>
      </c>
    </row>
    <row r="482" spans="1:53">
      <c r="A482" s="52" t="s">
        <v>3796</v>
      </c>
      <c r="B482" s="53"/>
      <c r="C482" s="53"/>
      <c r="D482" s="53"/>
      <c r="E482" s="53"/>
      <c r="F482" s="53"/>
      <c r="G482" s="53"/>
      <c r="H482" s="53"/>
      <c r="I482" s="53"/>
      <c r="J482" s="53"/>
      <c r="K482" s="53"/>
      <c r="L482" s="53"/>
      <c r="M482" s="53"/>
      <c r="N482" s="53"/>
      <c r="O482" s="53"/>
      <c r="P482" s="53"/>
      <c r="Q482" s="53"/>
      <c r="R482" s="53"/>
      <c r="S482" s="53"/>
      <c r="T482" s="53"/>
      <c r="U482" s="53"/>
      <c r="V482" s="53"/>
      <c r="W482" s="53"/>
      <c r="X482" s="53"/>
      <c r="Y482" s="53"/>
      <c r="Z482" s="53"/>
      <c r="AA482" s="53"/>
      <c r="AB482" s="53"/>
      <c r="AC482" s="53"/>
      <c r="AD482" s="53"/>
      <c r="AE482" s="53"/>
      <c r="AF482" s="53"/>
      <c r="AG482" s="53"/>
      <c r="AH482" s="53"/>
      <c r="AI482" s="53"/>
      <c r="AJ482" s="53"/>
      <c r="AK482" s="53"/>
      <c r="AL482" s="53"/>
      <c r="AM482" s="53"/>
      <c r="AN482" s="53"/>
      <c r="AO482" s="53"/>
      <c r="AP482" s="53"/>
      <c r="AQ482" s="53"/>
      <c r="AR482" s="53"/>
      <c r="AS482" s="53"/>
      <c r="AT482" s="53"/>
      <c r="AU482" s="53"/>
      <c r="AV482" s="53"/>
      <c r="AW482" s="53"/>
      <c r="AX482" s="53"/>
      <c r="AY482" s="53"/>
      <c r="AZ482" s="53"/>
      <c r="BA482" s="53"/>
    </row>
    <row r="483" spans="1:53">
      <c r="A483" s="52" t="s">
        <v>3797</v>
      </c>
      <c r="B483" s="53">
        <v>0</v>
      </c>
      <c r="C483" s="53">
        <v>0</v>
      </c>
      <c r="D483" s="53">
        <v>0</v>
      </c>
      <c r="E483" s="53">
        <v>0</v>
      </c>
      <c r="F483" s="53">
        <v>0</v>
      </c>
      <c r="G483" s="53">
        <v>0</v>
      </c>
      <c r="H483" s="53">
        <v>0</v>
      </c>
      <c r="I483" s="53">
        <v>0</v>
      </c>
      <c r="J483" s="53">
        <v>0</v>
      </c>
      <c r="K483" s="53">
        <v>0</v>
      </c>
      <c r="L483" s="53">
        <v>0</v>
      </c>
      <c r="M483" s="53">
        <v>0</v>
      </c>
      <c r="N483" s="53">
        <v>0</v>
      </c>
      <c r="O483" s="53">
        <v>0</v>
      </c>
      <c r="P483" s="53">
        <v>0</v>
      </c>
      <c r="Q483" s="53">
        <v>0</v>
      </c>
      <c r="R483" s="53">
        <v>0</v>
      </c>
      <c r="S483" s="53">
        <v>0</v>
      </c>
      <c r="T483" s="53">
        <v>0</v>
      </c>
      <c r="U483" s="53">
        <v>0</v>
      </c>
      <c r="V483" s="53">
        <v>0</v>
      </c>
      <c r="W483" s="53">
        <v>0</v>
      </c>
      <c r="X483" s="53">
        <v>0</v>
      </c>
      <c r="Y483" s="53">
        <v>0</v>
      </c>
      <c r="Z483" s="53">
        <v>0</v>
      </c>
      <c r="AA483" s="53">
        <v>0</v>
      </c>
      <c r="AB483" s="53">
        <v>0</v>
      </c>
      <c r="AC483" s="53">
        <v>0</v>
      </c>
      <c r="AD483" s="53">
        <v>0</v>
      </c>
      <c r="AE483" s="53">
        <v>0</v>
      </c>
      <c r="AF483" s="53">
        <v>0</v>
      </c>
      <c r="AG483" s="53">
        <v>0</v>
      </c>
      <c r="AH483" s="53">
        <v>0</v>
      </c>
      <c r="AI483" s="53">
        <v>0</v>
      </c>
      <c r="AJ483" s="53">
        <v>0</v>
      </c>
      <c r="AK483" s="53">
        <v>0</v>
      </c>
      <c r="AL483" s="53">
        <v>0</v>
      </c>
      <c r="AM483" s="53">
        <v>0</v>
      </c>
      <c r="AN483" s="53">
        <v>0</v>
      </c>
      <c r="AO483" s="53">
        <v>0</v>
      </c>
      <c r="AP483" s="53">
        <v>0</v>
      </c>
      <c r="AQ483" s="53">
        <v>0</v>
      </c>
      <c r="AR483" s="53">
        <v>0</v>
      </c>
      <c r="AS483" s="53">
        <v>0</v>
      </c>
      <c r="AT483" s="53">
        <v>0</v>
      </c>
      <c r="AU483" s="53">
        <v>0</v>
      </c>
      <c r="AV483" s="53">
        <v>0</v>
      </c>
      <c r="AW483" s="53">
        <v>0</v>
      </c>
      <c r="AX483" s="53">
        <v>0</v>
      </c>
      <c r="AY483" s="53">
        <v>0</v>
      </c>
      <c r="AZ483" s="53">
        <v>0</v>
      </c>
      <c r="BA483" s="53">
        <v>0</v>
      </c>
    </row>
    <row r="484" spans="1:53">
      <c r="A484" s="52" t="s">
        <v>3798</v>
      </c>
      <c r="B484" s="53">
        <v>-132147.31999999899</v>
      </c>
      <c r="C484" s="53">
        <v>-132147.31999999899</v>
      </c>
      <c r="D484" s="53">
        <v>-134177.20000000001</v>
      </c>
      <c r="E484" s="53">
        <v>-134177.20000000001</v>
      </c>
      <c r="F484" s="53">
        <v>-177493.74999999901</v>
      </c>
      <c r="G484" s="53">
        <v>-134189.68999999901</v>
      </c>
      <c r="H484" s="53">
        <v>-134189.68999999901</v>
      </c>
      <c r="I484" s="53">
        <v>-134189.68999999901</v>
      </c>
      <c r="J484" s="53">
        <v>-134183.44</v>
      </c>
      <c r="K484" s="53">
        <v>-134281.01999999999</v>
      </c>
      <c r="L484" s="53">
        <v>-177646.33</v>
      </c>
      <c r="M484" s="53">
        <v>-136750.28</v>
      </c>
      <c r="N484" s="53">
        <v>-1695572.93</v>
      </c>
      <c r="O484" s="53">
        <v>-132147.31999999899</v>
      </c>
      <c r="P484" s="53">
        <v>-132147.31999999899</v>
      </c>
      <c r="Q484" s="53">
        <v>-134177.20000000001</v>
      </c>
      <c r="R484" s="53">
        <v>-134177.20000000001</v>
      </c>
      <c r="S484" s="53">
        <v>-177493.74999999901</v>
      </c>
      <c r="T484" s="53">
        <v>-134189.68999999901</v>
      </c>
      <c r="U484" s="53">
        <v>-134189.68999999901</v>
      </c>
      <c r="V484" s="53">
        <v>-134189.68999999901</v>
      </c>
      <c r="W484" s="53">
        <v>-134183.44</v>
      </c>
      <c r="X484" s="53">
        <v>-134281.01999999999</v>
      </c>
      <c r="Y484" s="53">
        <v>-177646.33</v>
      </c>
      <c r="Z484" s="53">
        <v>-136750.28</v>
      </c>
      <c r="AA484" s="53">
        <v>-1695572.93</v>
      </c>
      <c r="AB484" s="53">
        <v>-132147.31999999899</v>
      </c>
      <c r="AC484" s="53">
        <v>-132147.31999999899</v>
      </c>
      <c r="AD484" s="53">
        <v>-134177.20000000001</v>
      </c>
      <c r="AE484" s="53">
        <v>-134177.20000000001</v>
      </c>
      <c r="AF484" s="53">
        <v>-177493.74999999901</v>
      </c>
      <c r="AG484" s="53">
        <v>-134189.68999999901</v>
      </c>
      <c r="AH484" s="53">
        <v>-134189.68999999901</v>
      </c>
      <c r="AI484" s="53">
        <v>-134189.68999999901</v>
      </c>
      <c r="AJ484" s="53">
        <v>-134183.44</v>
      </c>
      <c r="AK484" s="53">
        <v>-134281.01999999999</v>
      </c>
      <c r="AL484" s="53">
        <v>-177646.33</v>
      </c>
      <c r="AM484" s="53">
        <v>-136750.28</v>
      </c>
      <c r="AN484" s="53">
        <v>-1695572.93</v>
      </c>
      <c r="AO484" s="53">
        <v>-132147.31999999899</v>
      </c>
      <c r="AP484" s="53">
        <v>-132147.31999999899</v>
      </c>
      <c r="AQ484" s="53">
        <v>-134177.20000000001</v>
      </c>
      <c r="AR484" s="53">
        <v>-134177.20000000001</v>
      </c>
      <c r="AS484" s="53">
        <v>-177493.74999999901</v>
      </c>
      <c r="AT484" s="53">
        <v>-134189.68999999901</v>
      </c>
      <c r="AU484" s="53">
        <v>-134189.68999999901</v>
      </c>
      <c r="AV484" s="53">
        <v>-134189.68999999901</v>
      </c>
      <c r="AW484" s="53">
        <v>-134183.44</v>
      </c>
      <c r="AX484" s="53">
        <v>-134281.01999999999</v>
      </c>
      <c r="AY484" s="53">
        <v>-177646.33</v>
      </c>
      <c r="AZ484" s="53">
        <v>-136750.28</v>
      </c>
      <c r="BA484" s="53">
        <v>-1695572.93</v>
      </c>
    </row>
    <row r="485" spans="1:53">
      <c r="A485" s="52" t="s">
        <v>3799</v>
      </c>
      <c r="B485" s="53">
        <v>-132147.31999999899</v>
      </c>
      <c r="C485" s="53">
        <v>-132147.31999999899</v>
      </c>
      <c r="D485" s="53">
        <v>-134177.20000000001</v>
      </c>
      <c r="E485" s="53">
        <v>-134177.20000000001</v>
      </c>
      <c r="F485" s="53">
        <v>-177493.74999999901</v>
      </c>
      <c r="G485" s="53">
        <v>-134189.68999999901</v>
      </c>
      <c r="H485" s="53">
        <v>-134189.68999999901</v>
      </c>
      <c r="I485" s="53">
        <v>-134189.68999999901</v>
      </c>
      <c r="J485" s="53">
        <v>-134183.44</v>
      </c>
      <c r="K485" s="53">
        <v>-134281.01999999999</v>
      </c>
      <c r="L485" s="53">
        <v>-177646.33</v>
      </c>
      <c r="M485" s="53">
        <v>-136750.28</v>
      </c>
      <c r="N485" s="53">
        <v>-1695572.93</v>
      </c>
      <c r="O485" s="53">
        <v>-132147.31999999899</v>
      </c>
      <c r="P485" s="53">
        <v>-132147.31999999899</v>
      </c>
      <c r="Q485" s="53">
        <v>-134177.20000000001</v>
      </c>
      <c r="R485" s="53">
        <v>-134177.20000000001</v>
      </c>
      <c r="S485" s="53">
        <v>-177493.74999999901</v>
      </c>
      <c r="T485" s="53">
        <v>-134189.68999999901</v>
      </c>
      <c r="U485" s="53">
        <v>-134189.68999999901</v>
      </c>
      <c r="V485" s="53">
        <v>-134189.68999999901</v>
      </c>
      <c r="W485" s="53">
        <v>-134183.44</v>
      </c>
      <c r="X485" s="53">
        <v>-134281.01999999999</v>
      </c>
      <c r="Y485" s="53">
        <v>-177646.33</v>
      </c>
      <c r="Z485" s="53">
        <v>-136750.28</v>
      </c>
      <c r="AA485" s="53">
        <v>-1695572.93</v>
      </c>
      <c r="AB485" s="53">
        <v>-132147.31999999899</v>
      </c>
      <c r="AC485" s="53">
        <v>-132147.31999999899</v>
      </c>
      <c r="AD485" s="53">
        <v>-134177.20000000001</v>
      </c>
      <c r="AE485" s="53">
        <v>-134177.20000000001</v>
      </c>
      <c r="AF485" s="53">
        <v>-177493.74999999901</v>
      </c>
      <c r="AG485" s="53">
        <v>-134189.68999999901</v>
      </c>
      <c r="AH485" s="53">
        <v>-134189.68999999901</v>
      </c>
      <c r="AI485" s="53">
        <v>-134189.68999999901</v>
      </c>
      <c r="AJ485" s="53">
        <v>-134183.44</v>
      </c>
      <c r="AK485" s="53">
        <v>-134281.01999999999</v>
      </c>
      <c r="AL485" s="53">
        <v>-177646.33</v>
      </c>
      <c r="AM485" s="53">
        <v>-136750.28</v>
      </c>
      <c r="AN485" s="53">
        <v>-1695572.93</v>
      </c>
      <c r="AO485" s="53">
        <v>-132147.31999999899</v>
      </c>
      <c r="AP485" s="53">
        <v>-132147.31999999899</v>
      </c>
      <c r="AQ485" s="53">
        <v>-134177.20000000001</v>
      </c>
      <c r="AR485" s="53">
        <v>-134177.20000000001</v>
      </c>
      <c r="AS485" s="53">
        <v>-177493.74999999901</v>
      </c>
      <c r="AT485" s="53">
        <v>-134189.68999999901</v>
      </c>
      <c r="AU485" s="53">
        <v>-134189.68999999901</v>
      </c>
      <c r="AV485" s="53">
        <v>-134189.68999999901</v>
      </c>
      <c r="AW485" s="53">
        <v>-134183.44</v>
      </c>
      <c r="AX485" s="53">
        <v>-134281.01999999999</v>
      </c>
      <c r="AY485" s="53">
        <v>-177646.33</v>
      </c>
      <c r="AZ485" s="53">
        <v>-136750.28</v>
      </c>
      <c r="BA485" s="53">
        <v>-1695572.93</v>
      </c>
    </row>
    <row r="486" spans="1:53">
      <c r="A486" s="52" t="s">
        <v>3800</v>
      </c>
      <c r="B486" s="53"/>
      <c r="C486" s="53"/>
      <c r="D486" s="53"/>
      <c r="E486" s="53"/>
      <c r="F486" s="53"/>
      <c r="G486" s="53"/>
      <c r="H486" s="53"/>
      <c r="I486" s="53"/>
      <c r="J486" s="53"/>
      <c r="K486" s="53"/>
      <c r="L486" s="53"/>
      <c r="M486" s="53"/>
      <c r="N486" s="53"/>
      <c r="O486" s="53"/>
      <c r="P486" s="53"/>
      <c r="Q486" s="53"/>
      <c r="R486" s="53"/>
      <c r="S486" s="53"/>
      <c r="T486" s="53"/>
      <c r="U486" s="53"/>
      <c r="V486" s="53"/>
      <c r="W486" s="53"/>
      <c r="X486" s="53"/>
      <c r="Y486" s="53"/>
      <c r="Z486" s="53"/>
      <c r="AA486" s="53"/>
      <c r="AB486" s="53"/>
      <c r="AC486" s="53"/>
      <c r="AD486" s="53"/>
      <c r="AE486" s="53"/>
      <c r="AF486" s="53"/>
      <c r="AG486" s="53"/>
      <c r="AH486" s="53"/>
      <c r="AI486" s="53"/>
      <c r="AJ486" s="53"/>
      <c r="AK486" s="53"/>
      <c r="AL486" s="53"/>
      <c r="AM486" s="53"/>
      <c r="AN486" s="53"/>
      <c r="AO486" s="53"/>
      <c r="AP486" s="53"/>
      <c r="AQ486" s="53"/>
      <c r="AR486" s="53"/>
      <c r="AS486" s="53"/>
      <c r="AT486" s="53"/>
      <c r="AU486" s="53"/>
      <c r="AV486" s="53"/>
      <c r="AW486" s="53"/>
      <c r="AX486" s="53"/>
      <c r="AY486" s="53"/>
      <c r="AZ486" s="53"/>
      <c r="BA486" s="53"/>
    </row>
    <row r="487" spans="1:53">
      <c r="A487" s="52" t="s">
        <v>3801</v>
      </c>
      <c r="B487" s="53">
        <v>391037.76333333302</v>
      </c>
      <c r="C487" s="53">
        <v>367189.813333333</v>
      </c>
      <c r="D487" s="53">
        <v>350399.46333333303</v>
      </c>
      <c r="E487" s="53">
        <v>394601.22333333298</v>
      </c>
      <c r="F487" s="53">
        <v>430736.40333333297</v>
      </c>
      <c r="G487" s="53">
        <v>432518.84333333297</v>
      </c>
      <c r="H487" s="53">
        <v>427479.02333333303</v>
      </c>
      <c r="I487" s="53">
        <v>376124.433333333</v>
      </c>
      <c r="J487" s="53">
        <v>358862.45333333302</v>
      </c>
      <c r="K487" s="53">
        <v>395826.69333333301</v>
      </c>
      <c r="L487" s="53">
        <v>369733.44333333301</v>
      </c>
      <c r="M487" s="53">
        <v>345254.92333333299</v>
      </c>
      <c r="N487" s="53">
        <v>4639764.4799999902</v>
      </c>
      <c r="O487" s="53">
        <v>391037.76333333302</v>
      </c>
      <c r="P487" s="53">
        <v>367189.813333333</v>
      </c>
      <c r="Q487" s="53">
        <v>350399.46333333303</v>
      </c>
      <c r="R487" s="53">
        <v>394601.22333333298</v>
      </c>
      <c r="S487" s="53">
        <v>430736.40333333297</v>
      </c>
      <c r="T487" s="53">
        <v>432518.84333333297</v>
      </c>
      <c r="U487" s="53">
        <v>427479.02333333303</v>
      </c>
      <c r="V487" s="53">
        <v>376124.433333333</v>
      </c>
      <c r="W487" s="53">
        <v>358862.45333333302</v>
      </c>
      <c r="X487" s="53">
        <v>395826.69333333301</v>
      </c>
      <c r="Y487" s="53">
        <v>369733.44333333301</v>
      </c>
      <c r="Z487" s="53">
        <v>345254.92333333299</v>
      </c>
      <c r="AA487" s="53">
        <v>4639764.4799999902</v>
      </c>
      <c r="AB487" s="53">
        <v>391037.76333333302</v>
      </c>
      <c r="AC487" s="53">
        <v>367189.813333333</v>
      </c>
      <c r="AD487" s="53">
        <v>350399.46333333303</v>
      </c>
      <c r="AE487" s="53">
        <v>394601.22333333298</v>
      </c>
      <c r="AF487" s="53">
        <v>430736.40333333297</v>
      </c>
      <c r="AG487" s="53">
        <v>432518.84333333297</v>
      </c>
      <c r="AH487" s="53">
        <v>427479.02333333303</v>
      </c>
      <c r="AI487" s="53">
        <v>376124.433333333</v>
      </c>
      <c r="AJ487" s="53">
        <v>358862.45333333302</v>
      </c>
      <c r="AK487" s="53">
        <v>395826.69333333301</v>
      </c>
      <c r="AL487" s="53">
        <v>369733.44333333301</v>
      </c>
      <c r="AM487" s="53">
        <v>345254.92333333299</v>
      </c>
      <c r="AN487" s="53">
        <v>4639764.4799999902</v>
      </c>
      <c r="AO487" s="53">
        <v>391037.76333333302</v>
      </c>
      <c r="AP487" s="53">
        <v>367189.813333333</v>
      </c>
      <c r="AQ487" s="53">
        <v>350399.46333333303</v>
      </c>
      <c r="AR487" s="53">
        <v>394601.22333333298</v>
      </c>
      <c r="AS487" s="53">
        <v>430736.40333333297</v>
      </c>
      <c r="AT487" s="53">
        <v>432518.84333333297</v>
      </c>
      <c r="AU487" s="53">
        <v>427479.02333333303</v>
      </c>
      <c r="AV487" s="53">
        <v>376124.433333333</v>
      </c>
      <c r="AW487" s="53">
        <v>358862.45333333302</v>
      </c>
      <c r="AX487" s="53">
        <v>395826.69333333301</v>
      </c>
      <c r="AY487" s="53">
        <v>369733.44333333301</v>
      </c>
      <c r="AZ487" s="53">
        <v>345254.92333333299</v>
      </c>
      <c r="BA487" s="53">
        <v>4639764.4799999902</v>
      </c>
    </row>
    <row r="488" spans="1:53">
      <c r="A488" s="52" t="s">
        <v>3802</v>
      </c>
      <c r="B488" s="53">
        <v>-1464929.54</v>
      </c>
      <c r="C488" s="53">
        <v>-1469802.38</v>
      </c>
      <c r="D488" s="53">
        <v>-1514924.1</v>
      </c>
      <c r="E488" s="53">
        <v>-1518659.18</v>
      </c>
      <c r="F488" s="53">
        <v>-1619213.51</v>
      </c>
      <c r="G488" s="53">
        <v>-1521059.68</v>
      </c>
      <c r="H488" s="53">
        <v>-1533125.16</v>
      </c>
      <c r="I488" s="53">
        <v>-1534361.28</v>
      </c>
      <c r="J488" s="53">
        <v>-1524882.2</v>
      </c>
      <c r="K488" s="53">
        <v>-1530859.97999999</v>
      </c>
      <c r="L488" s="53">
        <v>-1611763.6099999901</v>
      </c>
      <c r="M488" s="53">
        <v>-1539851.17</v>
      </c>
      <c r="N488" s="53">
        <v>-18383431.789999999</v>
      </c>
      <c r="O488" s="53">
        <v>-1464929.54</v>
      </c>
      <c r="P488" s="53">
        <v>-1469802.38</v>
      </c>
      <c r="Q488" s="53">
        <v>-1514924.1</v>
      </c>
      <c r="R488" s="53">
        <v>-1518659.18</v>
      </c>
      <c r="S488" s="53">
        <v>-1619213.51</v>
      </c>
      <c r="T488" s="53">
        <v>-1521059.68</v>
      </c>
      <c r="U488" s="53">
        <v>-1533125.16</v>
      </c>
      <c r="V488" s="53">
        <v>-1534361.28</v>
      </c>
      <c r="W488" s="53">
        <v>-1524882.2</v>
      </c>
      <c r="X488" s="53">
        <v>-1530859.97999999</v>
      </c>
      <c r="Y488" s="53">
        <v>-1611763.6099999901</v>
      </c>
      <c r="Z488" s="53">
        <v>-1539851.17</v>
      </c>
      <c r="AA488" s="53">
        <v>-18383431.789999999</v>
      </c>
      <c r="AB488" s="53">
        <v>-1464929.54</v>
      </c>
      <c r="AC488" s="53">
        <v>-1469802.38</v>
      </c>
      <c r="AD488" s="53">
        <v>-1514924.1</v>
      </c>
      <c r="AE488" s="53">
        <v>-1518659.18</v>
      </c>
      <c r="AF488" s="53">
        <v>-1619213.51</v>
      </c>
      <c r="AG488" s="53">
        <v>-1521059.68</v>
      </c>
      <c r="AH488" s="53">
        <v>-1533125.16</v>
      </c>
      <c r="AI488" s="53">
        <v>-1534361.28</v>
      </c>
      <c r="AJ488" s="53">
        <v>-1524882.2</v>
      </c>
      <c r="AK488" s="53">
        <v>-1530859.97999999</v>
      </c>
      <c r="AL488" s="53">
        <v>-1611763.6099999901</v>
      </c>
      <c r="AM488" s="53">
        <v>-1539851.17</v>
      </c>
      <c r="AN488" s="53">
        <v>-18383431.789999999</v>
      </c>
      <c r="AO488" s="53">
        <v>-1464929.54</v>
      </c>
      <c r="AP488" s="53">
        <v>-1469802.38</v>
      </c>
      <c r="AQ488" s="53">
        <v>-1514924.1</v>
      </c>
      <c r="AR488" s="53">
        <v>-1518659.18</v>
      </c>
      <c r="AS488" s="53">
        <v>-1619213.51</v>
      </c>
      <c r="AT488" s="53">
        <v>-1521059.68</v>
      </c>
      <c r="AU488" s="53">
        <v>-1533125.16</v>
      </c>
      <c r="AV488" s="53">
        <v>-1534361.28</v>
      </c>
      <c r="AW488" s="53">
        <v>-1524882.2</v>
      </c>
      <c r="AX488" s="53">
        <v>-1530859.97999999</v>
      </c>
      <c r="AY488" s="53">
        <v>-1611763.6099999901</v>
      </c>
      <c r="AZ488" s="53">
        <v>-1539851.17</v>
      </c>
      <c r="BA488" s="53">
        <v>-18383431.789999999</v>
      </c>
    </row>
    <row r="489" spans="1:53">
      <c r="A489" s="52" t="s">
        <v>3803</v>
      </c>
      <c r="B489" s="53">
        <v>628635</v>
      </c>
      <c r="C489" s="53">
        <v>0</v>
      </c>
      <c r="D489" s="53">
        <v>0</v>
      </c>
      <c r="E489" s="53">
        <v>0</v>
      </c>
      <c r="F489" s="53">
        <v>0</v>
      </c>
      <c r="G489" s="53">
        <v>0</v>
      </c>
      <c r="H489" s="53">
        <v>0</v>
      </c>
      <c r="I489" s="53">
        <v>0</v>
      </c>
      <c r="J489" s="53">
        <v>0</v>
      </c>
      <c r="K489" s="53">
        <v>0</v>
      </c>
      <c r="L489" s="53">
        <v>0</v>
      </c>
      <c r="M489" s="53">
        <v>0</v>
      </c>
      <c r="N489" s="53">
        <v>628635</v>
      </c>
      <c r="O489" s="53">
        <v>628635</v>
      </c>
      <c r="P489" s="53">
        <v>0</v>
      </c>
      <c r="Q489" s="53">
        <v>0</v>
      </c>
      <c r="R489" s="53">
        <v>0</v>
      </c>
      <c r="S489" s="53">
        <v>0</v>
      </c>
      <c r="T489" s="53">
        <v>0</v>
      </c>
      <c r="U489" s="53">
        <v>0</v>
      </c>
      <c r="V489" s="53">
        <v>0</v>
      </c>
      <c r="W489" s="53">
        <v>0</v>
      </c>
      <c r="X489" s="53">
        <v>0</v>
      </c>
      <c r="Y489" s="53">
        <v>0</v>
      </c>
      <c r="Z489" s="53">
        <v>0</v>
      </c>
      <c r="AA489" s="53">
        <v>628635</v>
      </c>
      <c r="AB489" s="53">
        <v>628635</v>
      </c>
      <c r="AC489" s="53">
        <v>0</v>
      </c>
      <c r="AD489" s="53">
        <v>0</v>
      </c>
      <c r="AE489" s="53">
        <v>0</v>
      </c>
      <c r="AF489" s="53">
        <v>0</v>
      </c>
      <c r="AG489" s="53">
        <v>0</v>
      </c>
      <c r="AH489" s="53">
        <v>0</v>
      </c>
      <c r="AI489" s="53">
        <v>0</v>
      </c>
      <c r="AJ489" s="53">
        <v>0</v>
      </c>
      <c r="AK489" s="53">
        <v>0</v>
      </c>
      <c r="AL489" s="53">
        <v>0</v>
      </c>
      <c r="AM489" s="53">
        <v>0</v>
      </c>
      <c r="AN489" s="53">
        <v>628635</v>
      </c>
      <c r="AO489" s="53">
        <v>628635</v>
      </c>
      <c r="AP489" s="53">
        <v>0</v>
      </c>
      <c r="AQ489" s="53">
        <v>0</v>
      </c>
      <c r="AR489" s="53">
        <v>0</v>
      </c>
      <c r="AS489" s="53">
        <v>0</v>
      </c>
      <c r="AT489" s="53">
        <v>0</v>
      </c>
      <c r="AU489" s="53">
        <v>0</v>
      </c>
      <c r="AV489" s="53">
        <v>0</v>
      </c>
      <c r="AW489" s="53">
        <v>0</v>
      </c>
      <c r="AX489" s="53">
        <v>0</v>
      </c>
      <c r="AY489" s="53">
        <v>0</v>
      </c>
      <c r="AZ489" s="53">
        <v>0</v>
      </c>
      <c r="BA489" s="53">
        <v>628635</v>
      </c>
    </row>
    <row r="490" spans="1:53">
      <c r="A490" s="52" t="s">
        <v>3804</v>
      </c>
      <c r="B490" s="53">
        <v>0</v>
      </c>
      <c r="C490" s="53">
        <v>0</v>
      </c>
      <c r="D490" s="53">
        <v>0</v>
      </c>
      <c r="E490" s="53">
        <v>0</v>
      </c>
      <c r="F490" s="53">
        <v>0</v>
      </c>
      <c r="G490" s="53">
        <v>0</v>
      </c>
      <c r="H490" s="53">
        <v>99114</v>
      </c>
      <c r="I490" s="53">
        <v>0</v>
      </c>
      <c r="J490" s="53">
        <v>0</v>
      </c>
      <c r="K490" s="53">
        <v>0</v>
      </c>
      <c r="L490" s="53">
        <v>0</v>
      </c>
      <c r="M490" s="53">
        <v>0</v>
      </c>
      <c r="N490" s="53">
        <v>99114</v>
      </c>
      <c r="O490" s="53">
        <v>0</v>
      </c>
      <c r="P490" s="53">
        <v>0</v>
      </c>
      <c r="Q490" s="53">
        <v>0</v>
      </c>
      <c r="R490" s="53">
        <v>0</v>
      </c>
      <c r="S490" s="53">
        <v>0</v>
      </c>
      <c r="T490" s="53">
        <v>0</v>
      </c>
      <c r="U490" s="53">
        <v>99114</v>
      </c>
      <c r="V490" s="53">
        <v>0</v>
      </c>
      <c r="W490" s="53">
        <v>0</v>
      </c>
      <c r="X490" s="53">
        <v>0</v>
      </c>
      <c r="Y490" s="53">
        <v>0</v>
      </c>
      <c r="Z490" s="53">
        <v>0</v>
      </c>
      <c r="AA490" s="53">
        <v>99114</v>
      </c>
      <c r="AB490" s="53">
        <v>0</v>
      </c>
      <c r="AC490" s="53">
        <v>0</v>
      </c>
      <c r="AD490" s="53">
        <v>0</v>
      </c>
      <c r="AE490" s="53">
        <v>0</v>
      </c>
      <c r="AF490" s="53">
        <v>0</v>
      </c>
      <c r="AG490" s="53">
        <v>0</v>
      </c>
      <c r="AH490" s="53">
        <v>99114</v>
      </c>
      <c r="AI490" s="53">
        <v>0</v>
      </c>
      <c r="AJ490" s="53">
        <v>0</v>
      </c>
      <c r="AK490" s="53">
        <v>0</v>
      </c>
      <c r="AL490" s="53">
        <v>0</v>
      </c>
      <c r="AM490" s="53">
        <v>0</v>
      </c>
      <c r="AN490" s="53">
        <v>99114</v>
      </c>
      <c r="AO490" s="53">
        <v>0</v>
      </c>
      <c r="AP490" s="53">
        <v>0</v>
      </c>
      <c r="AQ490" s="53">
        <v>0</v>
      </c>
      <c r="AR490" s="53">
        <v>0</v>
      </c>
      <c r="AS490" s="53">
        <v>0</v>
      </c>
      <c r="AT490" s="53">
        <v>0</v>
      </c>
      <c r="AU490" s="53">
        <v>99114</v>
      </c>
      <c r="AV490" s="53">
        <v>0</v>
      </c>
      <c r="AW490" s="53">
        <v>0</v>
      </c>
      <c r="AX490" s="53">
        <v>0</v>
      </c>
      <c r="AY490" s="53">
        <v>0</v>
      </c>
      <c r="AZ490" s="53">
        <v>0</v>
      </c>
      <c r="BA490" s="53">
        <v>99114</v>
      </c>
    </row>
    <row r="491" spans="1:53">
      <c r="A491" s="52" t="s">
        <v>3805</v>
      </c>
      <c r="B491" s="53">
        <v>2083.33</v>
      </c>
      <c r="C491" s="53">
        <v>2083.33</v>
      </c>
      <c r="D491" s="53">
        <v>5704.09</v>
      </c>
      <c r="E491" s="53">
        <v>35756.400000000001</v>
      </c>
      <c r="F491" s="53">
        <v>2083.33</v>
      </c>
      <c r="G491" s="53">
        <v>2083.33</v>
      </c>
      <c r="H491" s="53">
        <v>860.55</v>
      </c>
      <c r="I491" s="53">
        <v>3241.97</v>
      </c>
      <c r="J491" s="53">
        <v>7152.39</v>
      </c>
      <c r="K491" s="53">
        <v>9099.33</v>
      </c>
      <c r="L491" s="53">
        <v>6066.17</v>
      </c>
      <c r="M491" s="53">
        <v>32027.02</v>
      </c>
      <c r="N491" s="53">
        <v>108241.24</v>
      </c>
      <c r="O491" s="53">
        <v>2083.33</v>
      </c>
      <c r="P491" s="53">
        <v>2083.33</v>
      </c>
      <c r="Q491" s="53">
        <v>5704.09</v>
      </c>
      <c r="R491" s="53">
        <v>35756.400000000001</v>
      </c>
      <c r="S491" s="53">
        <v>2083.33</v>
      </c>
      <c r="T491" s="53">
        <v>2083.33</v>
      </c>
      <c r="U491" s="53">
        <v>860.55</v>
      </c>
      <c r="V491" s="53">
        <v>3241.97</v>
      </c>
      <c r="W491" s="53">
        <v>7152.39</v>
      </c>
      <c r="X491" s="53">
        <v>9099.33</v>
      </c>
      <c r="Y491" s="53">
        <v>6066.17</v>
      </c>
      <c r="Z491" s="53">
        <v>32027.02</v>
      </c>
      <c r="AA491" s="53">
        <v>108241.24</v>
      </c>
      <c r="AB491" s="53">
        <v>2083.33</v>
      </c>
      <c r="AC491" s="53">
        <v>2083.33</v>
      </c>
      <c r="AD491" s="53">
        <v>5704.09</v>
      </c>
      <c r="AE491" s="53">
        <v>35756.400000000001</v>
      </c>
      <c r="AF491" s="53">
        <v>2083.33</v>
      </c>
      <c r="AG491" s="53">
        <v>2083.33</v>
      </c>
      <c r="AH491" s="53">
        <v>860.55</v>
      </c>
      <c r="AI491" s="53">
        <v>3241.97</v>
      </c>
      <c r="AJ491" s="53">
        <v>7152.39</v>
      </c>
      <c r="AK491" s="53">
        <v>9099.33</v>
      </c>
      <c r="AL491" s="53">
        <v>6066.17</v>
      </c>
      <c r="AM491" s="53">
        <v>32027.02</v>
      </c>
      <c r="AN491" s="53">
        <v>108241.24</v>
      </c>
      <c r="AO491" s="53">
        <v>2083.33</v>
      </c>
      <c r="AP491" s="53">
        <v>2083.33</v>
      </c>
      <c r="AQ491" s="53">
        <v>5704.09</v>
      </c>
      <c r="AR491" s="53">
        <v>35756.400000000001</v>
      </c>
      <c r="AS491" s="53">
        <v>2083.33</v>
      </c>
      <c r="AT491" s="53">
        <v>2083.33</v>
      </c>
      <c r="AU491" s="53">
        <v>860.55</v>
      </c>
      <c r="AV491" s="53">
        <v>3241.97</v>
      </c>
      <c r="AW491" s="53">
        <v>7152.39</v>
      </c>
      <c r="AX491" s="53">
        <v>9099.33</v>
      </c>
      <c r="AY491" s="53">
        <v>6066.17</v>
      </c>
      <c r="AZ491" s="53">
        <v>32027.02</v>
      </c>
      <c r="BA491" s="53">
        <v>108241.24</v>
      </c>
    </row>
    <row r="492" spans="1:53">
      <c r="A492" s="52" t="s">
        <v>3806</v>
      </c>
      <c r="B492" s="53">
        <v>3767.51</v>
      </c>
      <c r="C492" s="53">
        <v>3767.51</v>
      </c>
      <c r="D492" s="53">
        <v>3767.51</v>
      </c>
      <c r="E492" s="53">
        <v>85163.89</v>
      </c>
      <c r="F492" s="53">
        <v>433497.51</v>
      </c>
      <c r="G492" s="53">
        <v>3767.51</v>
      </c>
      <c r="H492" s="53">
        <v>85163.89</v>
      </c>
      <c r="I492" s="53">
        <v>3767.51</v>
      </c>
      <c r="J492" s="53">
        <v>3767.51</v>
      </c>
      <c r="K492" s="53">
        <v>102703.89</v>
      </c>
      <c r="L492" s="53">
        <v>3767.51</v>
      </c>
      <c r="M492" s="53">
        <v>85163.89</v>
      </c>
      <c r="N492" s="53">
        <v>818065.64</v>
      </c>
      <c r="O492" s="53">
        <v>3767.51</v>
      </c>
      <c r="P492" s="53">
        <v>3767.51</v>
      </c>
      <c r="Q492" s="53">
        <v>3767.51</v>
      </c>
      <c r="R492" s="53">
        <v>85163.89</v>
      </c>
      <c r="S492" s="53">
        <v>433497.51</v>
      </c>
      <c r="T492" s="53">
        <v>3767.51</v>
      </c>
      <c r="U492" s="53">
        <v>85163.89</v>
      </c>
      <c r="V492" s="53">
        <v>3767.51</v>
      </c>
      <c r="W492" s="53">
        <v>3767.51</v>
      </c>
      <c r="X492" s="53">
        <v>102703.89</v>
      </c>
      <c r="Y492" s="53">
        <v>3767.51</v>
      </c>
      <c r="Z492" s="53">
        <v>85163.89</v>
      </c>
      <c r="AA492" s="53">
        <v>818065.64</v>
      </c>
      <c r="AB492" s="53">
        <v>3767.51</v>
      </c>
      <c r="AC492" s="53">
        <v>3767.51</v>
      </c>
      <c r="AD492" s="53">
        <v>3767.51</v>
      </c>
      <c r="AE492" s="53">
        <v>85163.89</v>
      </c>
      <c r="AF492" s="53">
        <v>433497.51</v>
      </c>
      <c r="AG492" s="53">
        <v>3767.51</v>
      </c>
      <c r="AH492" s="53">
        <v>85163.89</v>
      </c>
      <c r="AI492" s="53">
        <v>3767.51</v>
      </c>
      <c r="AJ492" s="53">
        <v>3767.51</v>
      </c>
      <c r="AK492" s="53">
        <v>102703.89</v>
      </c>
      <c r="AL492" s="53">
        <v>3767.51</v>
      </c>
      <c r="AM492" s="53">
        <v>85163.89</v>
      </c>
      <c r="AN492" s="53">
        <v>818065.64</v>
      </c>
      <c r="AO492" s="53">
        <v>3767.51</v>
      </c>
      <c r="AP492" s="53">
        <v>3767.51</v>
      </c>
      <c r="AQ492" s="53">
        <v>3767.51</v>
      </c>
      <c r="AR492" s="53">
        <v>85163.89</v>
      </c>
      <c r="AS492" s="53">
        <v>433497.51</v>
      </c>
      <c r="AT492" s="53">
        <v>3767.51</v>
      </c>
      <c r="AU492" s="53">
        <v>85163.89</v>
      </c>
      <c r="AV492" s="53">
        <v>3767.51</v>
      </c>
      <c r="AW492" s="53">
        <v>3767.51</v>
      </c>
      <c r="AX492" s="53">
        <v>102703.89</v>
      </c>
      <c r="AY492" s="53">
        <v>3767.51</v>
      </c>
      <c r="AZ492" s="53">
        <v>85163.89</v>
      </c>
      <c r="BA492" s="53">
        <v>818065.64</v>
      </c>
    </row>
    <row r="493" spans="1:53">
      <c r="A493" s="52" t="s">
        <v>3807</v>
      </c>
      <c r="B493" s="53">
        <v>0</v>
      </c>
      <c r="C493" s="53">
        <v>0</v>
      </c>
      <c r="D493" s="53">
        <v>0</v>
      </c>
      <c r="E493" s="53">
        <v>0</v>
      </c>
      <c r="F493" s="53">
        <v>0</v>
      </c>
      <c r="G493" s="53">
        <v>0</v>
      </c>
      <c r="H493" s="53">
        <v>0</v>
      </c>
      <c r="I493" s="53">
        <v>0</v>
      </c>
      <c r="J493" s="53">
        <v>0</v>
      </c>
      <c r="K493" s="53">
        <v>0</v>
      </c>
      <c r="L493" s="53">
        <v>0</v>
      </c>
      <c r="M493" s="53">
        <v>0</v>
      </c>
      <c r="N493" s="53">
        <v>0</v>
      </c>
      <c r="O493" s="53">
        <v>0</v>
      </c>
      <c r="P493" s="53">
        <v>0</v>
      </c>
      <c r="Q493" s="53">
        <v>0</v>
      </c>
      <c r="R493" s="53">
        <v>0</v>
      </c>
      <c r="S493" s="53">
        <v>0</v>
      </c>
      <c r="T493" s="53">
        <v>0</v>
      </c>
      <c r="U493" s="53">
        <v>0</v>
      </c>
      <c r="V493" s="53">
        <v>0</v>
      </c>
      <c r="W493" s="53">
        <v>0</v>
      </c>
      <c r="X493" s="53">
        <v>0</v>
      </c>
      <c r="Y493" s="53">
        <v>0</v>
      </c>
      <c r="Z493" s="53">
        <v>0</v>
      </c>
      <c r="AA493" s="53">
        <v>0</v>
      </c>
      <c r="AB493" s="53">
        <v>0</v>
      </c>
      <c r="AC493" s="53">
        <v>0</v>
      </c>
      <c r="AD493" s="53">
        <v>0</v>
      </c>
      <c r="AE493" s="53">
        <v>0</v>
      </c>
      <c r="AF493" s="53">
        <v>0</v>
      </c>
      <c r="AG493" s="53">
        <v>0</v>
      </c>
      <c r="AH493" s="53">
        <v>0</v>
      </c>
      <c r="AI493" s="53">
        <v>0</v>
      </c>
      <c r="AJ493" s="53">
        <v>0</v>
      </c>
      <c r="AK493" s="53">
        <v>0</v>
      </c>
      <c r="AL493" s="53">
        <v>0</v>
      </c>
      <c r="AM493" s="53">
        <v>0</v>
      </c>
      <c r="AN493" s="53">
        <v>0</v>
      </c>
      <c r="AO493" s="53">
        <v>0</v>
      </c>
      <c r="AP493" s="53">
        <v>0</v>
      </c>
      <c r="AQ493" s="53">
        <v>0</v>
      </c>
      <c r="AR493" s="53">
        <v>0</v>
      </c>
      <c r="AS493" s="53">
        <v>0</v>
      </c>
      <c r="AT493" s="53">
        <v>0</v>
      </c>
      <c r="AU493" s="53">
        <v>0</v>
      </c>
      <c r="AV493" s="53">
        <v>0</v>
      </c>
      <c r="AW493" s="53">
        <v>0</v>
      </c>
      <c r="AX493" s="53">
        <v>0</v>
      </c>
      <c r="AY493" s="53">
        <v>0</v>
      </c>
      <c r="AZ493" s="53">
        <v>0</v>
      </c>
      <c r="BA493" s="53">
        <v>0</v>
      </c>
    </row>
    <row r="494" spans="1:53">
      <c r="A494" s="52" t="s">
        <v>3808</v>
      </c>
      <c r="B494" s="53">
        <v>0</v>
      </c>
      <c r="C494" s="53">
        <v>0</v>
      </c>
      <c r="D494" s="53">
        <v>0</v>
      </c>
      <c r="E494" s="53">
        <v>0</v>
      </c>
      <c r="F494" s="53">
        <v>0</v>
      </c>
      <c r="G494" s="53">
        <v>0</v>
      </c>
      <c r="H494" s="53">
        <v>0</v>
      </c>
      <c r="I494" s="53">
        <v>0</v>
      </c>
      <c r="J494" s="53">
        <v>0</v>
      </c>
      <c r="K494" s="53">
        <v>0</v>
      </c>
      <c r="L494" s="53">
        <v>0</v>
      </c>
      <c r="M494" s="53">
        <v>0</v>
      </c>
      <c r="N494" s="53">
        <v>0</v>
      </c>
      <c r="O494" s="53">
        <v>0</v>
      </c>
      <c r="P494" s="53">
        <v>0</v>
      </c>
      <c r="Q494" s="53">
        <v>0</v>
      </c>
      <c r="R494" s="53">
        <v>0</v>
      </c>
      <c r="S494" s="53">
        <v>0</v>
      </c>
      <c r="T494" s="53">
        <v>0</v>
      </c>
      <c r="U494" s="53">
        <v>0</v>
      </c>
      <c r="V494" s="53">
        <v>0</v>
      </c>
      <c r="W494" s="53">
        <v>0</v>
      </c>
      <c r="X494" s="53">
        <v>0</v>
      </c>
      <c r="Y494" s="53">
        <v>0</v>
      </c>
      <c r="Z494" s="53">
        <v>0</v>
      </c>
      <c r="AA494" s="53">
        <v>0</v>
      </c>
      <c r="AB494" s="53">
        <v>0</v>
      </c>
      <c r="AC494" s="53">
        <v>0</v>
      </c>
      <c r="AD494" s="53">
        <v>0</v>
      </c>
      <c r="AE494" s="53">
        <v>0</v>
      </c>
      <c r="AF494" s="53">
        <v>0</v>
      </c>
      <c r="AG494" s="53">
        <v>0</v>
      </c>
      <c r="AH494" s="53">
        <v>0</v>
      </c>
      <c r="AI494" s="53">
        <v>0</v>
      </c>
      <c r="AJ494" s="53">
        <v>0</v>
      </c>
      <c r="AK494" s="53">
        <v>0</v>
      </c>
      <c r="AL494" s="53">
        <v>0</v>
      </c>
      <c r="AM494" s="53">
        <v>0</v>
      </c>
      <c r="AN494" s="53">
        <v>0</v>
      </c>
      <c r="AO494" s="53">
        <v>0</v>
      </c>
      <c r="AP494" s="53">
        <v>0</v>
      </c>
      <c r="AQ494" s="53">
        <v>0</v>
      </c>
      <c r="AR494" s="53">
        <v>0</v>
      </c>
      <c r="AS494" s="53">
        <v>0</v>
      </c>
      <c r="AT494" s="53">
        <v>0</v>
      </c>
      <c r="AU494" s="53">
        <v>0</v>
      </c>
      <c r="AV494" s="53">
        <v>0</v>
      </c>
      <c r="AW494" s="53">
        <v>0</v>
      </c>
      <c r="AX494" s="53">
        <v>0</v>
      </c>
      <c r="AY494" s="53">
        <v>0</v>
      </c>
      <c r="AZ494" s="53">
        <v>0</v>
      </c>
      <c r="BA494" s="53">
        <v>0</v>
      </c>
    </row>
    <row r="495" spans="1:53">
      <c r="A495" s="52" t="s">
        <v>3809</v>
      </c>
      <c r="B495" s="53">
        <v>0</v>
      </c>
      <c r="C495" s="53">
        <v>0</v>
      </c>
      <c r="D495" s="53">
        <v>0</v>
      </c>
      <c r="E495" s="53">
        <v>0</v>
      </c>
      <c r="F495" s="53">
        <v>0</v>
      </c>
      <c r="G495" s="53">
        <v>0</v>
      </c>
      <c r="H495" s="53">
        <v>0</v>
      </c>
      <c r="I495" s="53">
        <v>0</v>
      </c>
      <c r="J495" s="53">
        <v>0</v>
      </c>
      <c r="K495" s="53">
        <v>0</v>
      </c>
      <c r="L495" s="53">
        <v>0</v>
      </c>
      <c r="M495" s="53">
        <v>0</v>
      </c>
      <c r="N495" s="53">
        <v>0</v>
      </c>
      <c r="O495" s="53">
        <v>0</v>
      </c>
      <c r="P495" s="53">
        <v>0</v>
      </c>
      <c r="Q495" s="53">
        <v>0</v>
      </c>
      <c r="R495" s="53">
        <v>0</v>
      </c>
      <c r="S495" s="53">
        <v>0</v>
      </c>
      <c r="T495" s="53">
        <v>0</v>
      </c>
      <c r="U495" s="53">
        <v>0</v>
      </c>
      <c r="V495" s="53">
        <v>0</v>
      </c>
      <c r="W495" s="53">
        <v>0</v>
      </c>
      <c r="X495" s="53">
        <v>0</v>
      </c>
      <c r="Y495" s="53">
        <v>0</v>
      </c>
      <c r="Z495" s="53">
        <v>0</v>
      </c>
      <c r="AA495" s="53">
        <v>0</v>
      </c>
      <c r="AB495" s="53">
        <v>0</v>
      </c>
      <c r="AC495" s="53">
        <v>0</v>
      </c>
      <c r="AD495" s="53">
        <v>0</v>
      </c>
      <c r="AE495" s="53">
        <v>0</v>
      </c>
      <c r="AF495" s="53">
        <v>0</v>
      </c>
      <c r="AG495" s="53">
        <v>0</v>
      </c>
      <c r="AH495" s="53">
        <v>0</v>
      </c>
      <c r="AI495" s="53">
        <v>0</v>
      </c>
      <c r="AJ495" s="53">
        <v>0</v>
      </c>
      <c r="AK495" s="53">
        <v>0</v>
      </c>
      <c r="AL495" s="53">
        <v>0</v>
      </c>
      <c r="AM495" s="53">
        <v>0</v>
      </c>
      <c r="AN495" s="53">
        <v>0</v>
      </c>
      <c r="AO495" s="53">
        <v>0</v>
      </c>
      <c r="AP495" s="53">
        <v>0</v>
      </c>
      <c r="AQ495" s="53">
        <v>0</v>
      </c>
      <c r="AR495" s="53">
        <v>0</v>
      </c>
      <c r="AS495" s="53">
        <v>0</v>
      </c>
      <c r="AT495" s="53">
        <v>0</v>
      </c>
      <c r="AU495" s="53">
        <v>0</v>
      </c>
      <c r="AV495" s="53">
        <v>0</v>
      </c>
      <c r="AW495" s="53">
        <v>0</v>
      </c>
      <c r="AX495" s="53">
        <v>0</v>
      </c>
      <c r="AY495" s="53">
        <v>0</v>
      </c>
      <c r="AZ495" s="53">
        <v>0</v>
      </c>
      <c r="BA495" s="53">
        <v>0</v>
      </c>
    </row>
    <row r="496" spans="1:53">
      <c r="A496" s="52" t="s">
        <v>3810</v>
      </c>
      <c r="B496" s="53">
        <v>0</v>
      </c>
      <c r="C496" s="53">
        <v>0</v>
      </c>
      <c r="D496" s="53">
        <v>0</v>
      </c>
      <c r="E496" s="53">
        <v>0</v>
      </c>
      <c r="F496" s="53">
        <v>0</v>
      </c>
      <c r="G496" s="53">
        <v>0</v>
      </c>
      <c r="H496" s="53">
        <v>0</v>
      </c>
      <c r="I496" s="53">
        <v>0</v>
      </c>
      <c r="J496" s="53">
        <v>0</v>
      </c>
      <c r="K496" s="53">
        <v>0</v>
      </c>
      <c r="L496" s="53">
        <v>0</v>
      </c>
      <c r="M496" s="53">
        <v>0</v>
      </c>
      <c r="N496" s="53">
        <v>0</v>
      </c>
      <c r="O496" s="53">
        <v>0</v>
      </c>
      <c r="P496" s="53">
        <v>0</v>
      </c>
      <c r="Q496" s="53">
        <v>0</v>
      </c>
      <c r="R496" s="53">
        <v>0</v>
      </c>
      <c r="S496" s="53">
        <v>0</v>
      </c>
      <c r="T496" s="53">
        <v>0</v>
      </c>
      <c r="U496" s="53">
        <v>0</v>
      </c>
      <c r="V496" s="53">
        <v>0</v>
      </c>
      <c r="W496" s="53">
        <v>0</v>
      </c>
      <c r="X496" s="53">
        <v>0</v>
      </c>
      <c r="Y496" s="53">
        <v>0</v>
      </c>
      <c r="Z496" s="53">
        <v>0</v>
      </c>
      <c r="AA496" s="53">
        <v>0</v>
      </c>
      <c r="AB496" s="53">
        <v>0</v>
      </c>
      <c r="AC496" s="53">
        <v>0</v>
      </c>
      <c r="AD496" s="53">
        <v>0</v>
      </c>
      <c r="AE496" s="53">
        <v>0</v>
      </c>
      <c r="AF496" s="53">
        <v>0</v>
      </c>
      <c r="AG496" s="53">
        <v>0</v>
      </c>
      <c r="AH496" s="53">
        <v>0</v>
      </c>
      <c r="AI496" s="53">
        <v>0</v>
      </c>
      <c r="AJ496" s="53">
        <v>0</v>
      </c>
      <c r="AK496" s="53">
        <v>0</v>
      </c>
      <c r="AL496" s="53">
        <v>0</v>
      </c>
      <c r="AM496" s="53">
        <v>0</v>
      </c>
      <c r="AN496" s="53">
        <v>0</v>
      </c>
      <c r="AO496" s="53">
        <v>0</v>
      </c>
      <c r="AP496" s="53">
        <v>0</v>
      </c>
      <c r="AQ496" s="53">
        <v>0</v>
      </c>
      <c r="AR496" s="53">
        <v>0</v>
      </c>
      <c r="AS496" s="53">
        <v>0</v>
      </c>
      <c r="AT496" s="53">
        <v>0</v>
      </c>
      <c r="AU496" s="53">
        <v>0</v>
      </c>
      <c r="AV496" s="53">
        <v>0</v>
      </c>
      <c r="AW496" s="53">
        <v>0</v>
      </c>
      <c r="AX496" s="53">
        <v>0</v>
      </c>
      <c r="AY496" s="53">
        <v>0</v>
      </c>
      <c r="AZ496" s="53">
        <v>0</v>
      </c>
      <c r="BA496" s="53">
        <v>0</v>
      </c>
    </row>
    <row r="497" spans="1:53">
      <c r="A497" s="52" t="s">
        <v>3811</v>
      </c>
      <c r="B497" s="53">
        <v>0</v>
      </c>
      <c r="C497" s="53">
        <v>0</v>
      </c>
      <c r="D497" s="53">
        <v>0</v>
      </c>
      <c r="E497" s="53">
        <v>0</v>
      </c>
      <c r="F497" s="53">
        <v>0</v>
      </c>
      <c r="G497" s="53">
        <v>0</v>
      </c>
      <c r="H497" s="53">
        <v>0</v>
      </c>
      <c r="I497" s="53">
        <v>0</v>
      </c>
      <c r="J497" s="53">
        <v>0</v>
      </c>
      <c r="K497" s="53">
        <v>0</v>
      </c>
      <c r="L497" s="53">
        <v>0</v>
      </c>
      <c r="M497" s="53">
        <v>0</v>
      </c>
      <c r="N497" s="53">
        <v>0</v>
      </c>
      <c r="O497" s="53">
        <v>0</v>
      </c>
      <c r="P497" s="53">
        <v>0</v>
      </c>
      <c r="Q497" s="53">
        <v>0</v>
      </c>
      <c r="R497" s="53">
        <v>0</v>
      </c>
      <c r="S497" s="53">
        <v>0</v>
      </c>
      <c r="T497" s="53">
        <v>0</v>
      </c>
      <c r="U497" s="53">
        <v>0</v>
      </c>
      <c r="V497" s="53">
        <v>0</v>
      </c>
      <c r="W497" s="53">
        <v>0</v>
      </c>
      <c r="X497" s="53">
        <v>0</v>
      </c>
      <c r="Y497" s="53">
        <v>0</v>
      </c>
      <c r="Z497" s="53">
        <v>0</v>
      </c>
      <c r="AA497" s="53">
        <v>0</v>
      </c>
      <c r="AB497" s="53">
        <v>0</v>
      </c>
      <c r="AC497" s="53">
        <v>0</v>
      </c>
      <c r="AD497" s="53">
        <v>0</v>
      </c>
      <c r="AE497" s="53">
        <v>0</v>
      </c>
      <c r="AF497" s="53">
        <v>0</v>
      </c>
      <c r="AG497" s="53">
        <v>0</v>
      </c>
      <c r="AH497" s="53">
        <v>0</v>
      </c>
      <c r="AI497" s="53">
        <v>0</v>
      </c>
      <c r="AJ497" s="53">
        <v>0</v>
      </c>
      <c r="AK497" s="53">
        <v>0</v>
      </c>
      <c r="AL497" s="53">
        <v>0</v>
      </c>
      <c r="AM497" s="53">
        <v>0</v>
      </c>
      <c r="AN497" s="53">
        <v>0</v>
      </c>
      <c r="AO497" s="53">
        <v>0</v>
      </c>
      <c r="AP497" s="53">
        <v>0</v>
      </c>
      <c r="AQ497" s="53">
        <v>0</v>
      </c>
      <c r="AR497" s="53">
        <v>0</v>
      </c>
      <c r="AS497" s="53">
        <v>0</v>
      </c>
      <c r="AT497" s="53">
        <v>0</v>
      </c>
      <c r="AU497" s="53">
        <v>0</v>
      </c>
      <c r="AV497" s="53">
        <v>0</v>
      </c>
      <c r="AW497" s="53">
        <v>0</v>
      </c>
      <c r="AX497" s="53">
        <v>0</v>
      </c>
      <c r="AY497" s="53">
        <v>0</v>
      </c>
      <c r="AZ497" s="53">
        <v>0</v>
      </c>
      <c r="BA497" s="53">
        <v>0</v>
      </c>
    </row>
    <row r="498" spans="1:53">
      <c r="A498" s="52" t="s">
        <v>3812</v>
      </c>
      <c r="B498" s="53">
        <v>-439405.93666666601</v>
      </c>
      <c r="C498" s="53">
        <v>-1096761.72666666</v>
      </c>
      <c r="D498" s="53">
        <v>-1155053.0366666601</v>
      </c>
      <c r="E498" s="53">
        <v>-1003137.66666666</v>
      </c>
      <c r="F498" s="53">
        <v>-752896.26666666602</v>
      </c>
      <c r="G498" s="53">
        <v>-1082689.9966666601</v>
      </c>
      <c r="H498" s="53">
        <v>-920507.69666666596</v>
      </c>
      <c r="I498" s="53">
        <v>-1151227.3666666599</v>
      </c>
      <c r="J498" s="53">
        <v>-1155099.8466666599</v>
      </c>
      <c r="K498" s="53">
        <v>-1023230.06666666</v>
      </c>
      <c r="L498" s="53">
        <v>-1232196.4866666601</v>
      </c>
      <c r="M498" s="53">
        <v>-1077405.3366666599</v>
      </c>
      <c r="N498" s="53">
        <v>-12089611.43</v>
      </c>
      <c r="O498" s="53">
        <v>-439405.93666666601</v>
      </c>
      <c r="P498" s="53">
        <v>-1096761.72666666</v>
      </c>
      <c r="Q498" s="53">
        <v>-1155053.0366666601</v>
      </c>
      <c r="R498" s="53">
        <v>-1003137.66666666</v>
      </c>
      <c r="S498" s="53">
        <v>-752896.26666666602</v>
      </c>
      <c r="T498" s="53">
        <v>-1082689.9966666601</v>
      </c>
      <c r="U498" s="53">
        <v>-920507.69666666596</v>
      </c>
      <c r="V498" s="53">
        <v>-1151227.3666666599</v>
      </c>
      <c r="W498" s="53">
        <v>-1155099.8466666599</v>
      </c>
      <c r="X498" s="53">
        <v>-1023230.06666666</v>
      </c>
      <c r="Y498" s="53">
        <v>-1232196.4866666601</v>
      </c>
      <c r="Z498" s="53">
        <v>-1077405.3366666599</v>
      </c>
      <c r="AA498" s="53">
        <v>-12089611.43</v>
      </c>
      <c r="AB498" s="53">
        <v>-439405.93666666601</v>
      </c>
      <c r="AC498" s="53">
        <v>-1096761.72666666</v>
      </c>
      <c r="AD498" s="53">
        <v>-1155053.0366666601</v>
      </c>
      <c r="AE498" s="53">
        <v>-1003137.66666666</v>
      </c>
      <c r="AF498" s="53">
        <v>-752896.26666666602</v>
      </c>
      <c r="AG498" s="53">
        <v>-1082689.9966666601</v>
      </c>
      <c r="AH498" s="53">
        <v>-920507.69666666596</v>
      </c>
      <c r="AI498" s="53">
        <v>-1151227.3666666599</v>
      </c>
      <c r="AJ498" s="53">
        <v>-1155099.8466666599</v>
      </c>
      <c r="AK498" s="53">
        <v>-1023230.06666666</v>
      </c>
      <c r="AL498" s="53">
        <v>-1232196.4866666601</v>
      </c>
      <c r="AM498" s="53">
        <v>-1077405.3366666599</v>
      </c>
      <c r="AN498" s="53">
        <v>-12089611.43</v>
      </c>
      <c r="AO498" s="53">
        <v>-439405.93666666601</v>
      </c>
      <c r="AP498" s="53">
        <v>-1096761.72666666</v>
      </c>
      <c r="AQ498" s="53">
        <v>-1155053.0366666601</v>
      </c>
      <c r="AR498" s="53">
        <v>-1003137.66666666</v>
      </c>
      <c r="AS498" s="53">
        <v>-752896.26666666602</v>
      </c>
      <c r="AT498" s="53">
        <v>-1082689.9966666601</v>
      </c>
      <c r="AU498" s="53">
        <v>-920507.69666666596</v>
      </c>
      <c r="AV498" s="53">
        <v>-1151227.3666666599</v>
      </c>
      <c r="AW498" s="53">
        <v>-1155099.8466666599</v>
      </c>
      <c r="AX498" s="53">
        <v>-1023230.06666666</v>
      </c>
      <c r="AY498" s="53">
        <v>-1232196.4866666601</v>
      </c>
      <c r="AZ498" s="53">
        <v>-1077405.3366666599</v>
      </c>
      <c r="BA498" s="53">
        <v>-12089611.43</v>
      </c>
    </row>
    <row r="499" spans="1:53">
      <c r="A499" s="52" t="s">
        <v>3813</v>
      </c>
      <c r="B499" s="53"/>
      <c r="C499" s="53"/>
      <c r="D499" s="53"/>
      <c r="E499" s="53"/>
      <c r="F499" s="53"/>
      <c r="G499" s="53"/>
      <c r="H499" s="53"/>
      <c r="I499" s="53"/>
      <c r="J499" s="53"/>
      <c r="K499" s="53"/>
      <c r="L499" s="53"/>
      <c r="M499" s="53"/>
      <c r="N499" s="53"/>
      <c r="O499" s="53"/>
      <c r="P499" s="53"/>
      <c r="Q499" s="53"/>
      <c r="R499" s="53"/>
      <c r="S499" s="53"/>
      <c r="T499" s="53"/>
      <c r="U499" s="53"/>
      <c r="V499" s="53"/>
      <c r="W499" s="53"/>
      <c r="X499" s="53"/>
      <c r="Y499" s="53"/>
      <c r="Z499" s="53"/>
      <c r="AA499" s="53"/>
      <c r="AB499" s="53"/>
      <c r="AC499" s="53"/>
      <c r="AD499" s="53"/>
      <c r="AE499" s="53"/>
      <c r="AF499" s="53"/>
      <c r="AG499" s="53"/>
      <c r="AH499" s="53"/>
      <c r="AI499" s="53"/>
      <c r="AJ499" s="53"/>
      <c r="AK499" s="53"/>
      <c r="AL499" s="53"/>
      <c r="AM499" s="53"/>
      <c r="AN499" s="53"/>
      <c r="AO499" s="53"/>
      <c r="AP499" s="53"/>
      <c r="AQ499" s="53"/>
      <c r="AR499" s="53"/>
      <c r="AS499" s="53"/>
      <c r="AT499" s="53"/>
      <c r="AU499" s="53"/>
      <c r="AV499" s="53"/>
      <c r="AW499" s="53"/>
      <c r="AX499" s="53"/>
      <c r="AY499" s="53"/>
      <c r="AZ499" s="53"/>
      <c r="BA499" s="53"/>
    </row>
    <row r="500" spans="1:53">
      <c r="A500" s="52" t="s">
        <v>3814</v>
      </c>
      <c r="B500" s="53">
        <v>1447075.74</v>
      </c>
      <c r="C500" s="53">
        <v>1453007.09</v>
      </c>
      <c r="D500" s="53">
        <v>1508011.88</v>
      </c>
      <c r="E500" s="53">
        <v>1468676.84</v>
      </c>
      <c r="F500" s="53">
        <v>1452717.06</v>
      </c>
      <c r="G500" s="53">
        <v>1503751.64</v>
      </c>
      <c r="H500" s="53">
        <v>1432142.77999999</v>
      </c>
      <c r="I500" s="53">
        <v>1452751.64</v>
      </c>
      <c r="J500" s="53">
        <v>1503739</v>
      </c>
      <c r="K500" s="53">
        <v>1452814.22</v>
      </c>
      <c r="L500" s="53">
        <v>1492519</v>
      </c>
      <c r="M500" s="53">
        <v>1503739</v>
      </c>
      <c r="N500" s="53">
        <v>17670945.890000001</v>
      </c>
      <c r="O500" s="53">
        <v>1447075.74</v>
      </c>
      <c r="P500" s="53">
        <v>1453007.09</v>
      </c>
      <c r="Q500" s="53">
        <v>1508011.88</v>
      </c>
      <c r="R500" s="53">
        <v>1468676.84</v>
      </c>
      <c r="S500" s="53">
        <v>1452717.06</v>
      </c>
      <c r="T500" s="53">
        <v>1503751.64</v>
      </c>
      <c r="U500" s="53">
        <v>1432142.77999999</v>
      </c>
      <c r="V500" s="53">
        <v>1452751.64</v>
      </c>
      <c r="W500" s="53">
        <v>1503739</v>
      </c>
      <c r="X500" s="53">
        <v>1452814.22</v>
      </c>
      <c r="Y500" s="53">
        <v>1492519</v>
      </c>
      <c r="Z500" s="53">
        <v>1503739</v>
      </c>
      <c r="AA500" s="53">
        <v>17670945.890000001</v>
      </c>
      <c r="AB500" s="53">
        <v>1447075.74</v>
      </c>
      <c r="AC500" s="53">
        <v>1453007.09</v>
      </c>
      <c r="AD500" s="53">
        <v>1508011.88</v>
      </c>
      <c r="AE500" s="53">
        <v>1468676.84</v>
      </c>
      <c r="AF500" s="53">
        <v>1452717.06</v>
      </c>
      <c r="AG500" s="53">
        <v>1503751.64</v>
      </c>
      <c r="AH500" s="53">
        <v>1432142.77999999</v>
      </c>
      <c r="AI500" s="53">
        <v>1452751.64</v>
      </c>
      <c r="AJ500" s="53">
        <v>1503739</v>
      </c>
      <c r="AK500" s="53">
        <v>1452814.22</v>
      </c>
      <c r="AL500" s="53">
        <v>1492519</v>
      </c>
      <c r="AM500" s="53">
        <v>1503739</v>
      </c>
      <c r="AN500" s="53">
        <v>17670945.890000001</v>
      </c>
      <c r="AO500" s="53">
        <v>1447075.74</v>
      </c>
      <c r="AP500" s="53">
        <v>1453007.09</v>
      </c>
      <c r="AQ500" s="53">
        <v>1508011.88</v>
      </c>
      <c r="AR500" s="53">
        <v>1468676.84</v>
      </c>
      <c r="AS500" s="53">
        <v>1452717.06</v>
      </c>
      <c r="AT500" s="53">
        <v>1503751.64</v>
      </c>
      <c r="AU500" s="53">
        <v>1432142.77999999</v>
      </c>
      <c r="AV500" s="53">
        <v>1452751.64</v>
      </c>
      <c r="AW500" s="53">
        <v>1503739</v>
      </c>
      <c r="AX500" s="53">
        <v>1452814.22</v>
      </c>
      <c r="AY500" s="53">
        <v>1492519</v>
      </c>
      <c r="AZ500" s="53">
        <v>1503739</v>
      </c>
      <c r="BA500" s="53">
        <v>17670945.890000001</v>
      </c>
    </row>
    <row r="501" spans="1:53">
      <c r="A501" s="52" t="s">
        <v>3815</v>
      </c>
      <c r="B501" s="53">
        <v>-213235.53</v>
      </c>
      <c r="C501" s="53">
        <v>-213235.53</v>
      </c>
      <c r="D501" s="53">
        <v>-213235.53</v>
      </c>
      <c r="E501" s="53">
        <v>-213235.53</v>
      </c>
      <c r="F501" s="53">
        <v>-213235.53</v>
      </c>
      <c r="G501" s="53">
        <v>-213235.53</v>
      </c>
      <c r="H501" s="53">
        <v>-213235.53</v>
      </c>
      <c r="I501" s="53">
        <v>-213235.53</v>
      </c>
      <c r="J501" s="53">
        <v>-213235.53</v>
      </c>
      <c r="K501" s="53">
        <v>-213235.53</v>
      </c>
      <c r="L501" s="53">
        <v>-213235.53</v>
      </c>
      <c r="M501" s="53">
        <v>-213235.53</v>
      </c>
      <c r="N501" s="53">
        <v>-2558826.3599999901</v>
      </c>
      <c r="O501" s="53">
        <v>-213235.53</v>
      </c>
      <c r="P501" s="53">
        <v>-213235.53</v>
      </c>
      <c r="Q501" s="53">
        <v>-213235.53</v>
      </c>
      <c r="R501" s="53">
        <v>-213235.53</v>
      </c>
      <c r="S501" s="53">
        <v>-213235.53</v>
      </c>
      <c r="T501" s="53">
        <v>-213235.53</v>
      </c>
      <c r="U501" s="53">
        <v>-213235.53</v>
      </c>
      <c r="V501" s="53">
        <v>-213235.53</v>
      </c>
      <c r="W501" s="53">
        <v>-213235.53</v>
      </c>
      <c r="X501" s="53">
        <v>-213235.53</v>
      </c>
      <c r="Y501" s="53">
        <v>-213235.53</v>
      </c>
      <c r="Z501" s="53">
        <v>-213235.53</v>
      </c>
      <c r="AA501" s="53">
        <v>-2558826.3599999901</v>
      </c>
      <c r="AB501" s="53">
        <v>-213235.53</v>
      </c>
      <c r="AC501" s="53">
        <v>-213235.53</v>
      </c>
      <c r="AD501" s="53">
        <v>-213235.53</v>
      </c>
      <c r="AE501" s="53">
        <v>-213235.53</v>
      </c>
      <c r="AF501" s="53">
        <v>-213235.53</v>
      </c>
      <c r="AG501" s="53">
        <v>-213235.53</v>
      </c>
      <c r="AH501" s="53">
        <v>-213235.53</v>
      </c>
      <c r="AI501" s="53">
        <v>-213235.53</v>
      </c>
      <c r="AJ501" s="53">
        <v>-213235.53</v>
      </c>
      <c r="AK501" s="53">
        <v>-213235.53</v>
      </c>
      <c r="AL501" s="53">
        <v>-213235.53</v>
      </c>
      <c r="AM501" s="53">
        <v>-213235.53</v>
      </c>
      <c r="AN501" s="53">
        <v>-2558826.3599999901</v>
      </c>
      <c r="AO501" s="53">
        <v>-213235.53</v>
      </c>
      <c r="AP501" s="53">
        <v>-213235.53</v>
      </c>
      <c r="AQ501" s="53">
        <v>-213235.53</v>
      </c>
      <c r="AR501" s="53">
        <v>-213235.53</v>
      </c>
      <c r="AS501" s="53">
        <v>-213235.53</v>
      </c>
      <c r="AT501" s="53">
        <v>-213235.53</v>
      </c>
      <c r="AU501" s="53">
        <v>-213235.53</v>
      </c>
      <c r="AV501" s="53">
        <v>-213235.53</v>
      </c>
      <c r="AW501" s="53">
        <v>-213235.53</v>
      </c>
      <c r="AX501" s="53">
        <v>-213235.53</v>
      </c>
      <c r="AY501" s="53">
        <v>-213235.53</v>
      </c>
      <c r="AZ501" s="53">
        <v>-213235.53</v>
      </c>
      <c r="BA501" s="53">
        <v>-2558826.3599999901</v>
      </c>
    </row>
    <row r="502" spans="1:53">
      <c r="A502" s="52" t="s">
        <v>3816</v>
      </c>
      <c r="B502" s="53">
        <v>852545.82</v>
      </c>
      <c r="C502" s="53">
        <v>852545.82</v>
      </c>
      <c r="D502" s="53">
        <v>852545.82</v>
      </c>
      <c r="E502" s="53">
        <v>852545.82</v>
      </c>
      <c r="F502" s="53">
        <v>852545.82</v>
      </c>
      <c r="G502" s="53">
        <v>852545.82</v>
      </c>
      <c r="H502" s="53">
        <v>852545.82</v>
      </c>
      <c r="I502" s="53">
        <v>852545.82</v>
      </c>
      <c r="J502" s="53">
        <v>852545.82</v>
      </c>
      <c r="K502" s="53">
        <v>852545.82</v>
      </c>
      <c r="L502" s="53">
        <v>852545.82</v>
      </c>
      <c r="M502" s="53">
        <v>852545.82</v>
      </c>
      <c r="N502" s="53">
        <v>10230549.84</v>
      </c>
      <c r="O502" s="53">
        <v>851035.26916683803</v>
      </c>
      <c r="P502" s="53">
        <v>851035.26916683803</v>
      </c>
      <c r="Q502" s="53">
        <v>851035.26916683803</v>
      </c>
      <c r="R502" s="53">
        <v>851035.26916683803</v>
      </c>
      <c r="S502" s="53">
        <v>851035.26916683803</v>
      </c>
      <c r="T502" s="53">
        <v>851035.26916683803</v>
      </c>
      <c r="U502" s="53">
        <v>851035.26916683803</v>
      </c>
      <c r="V502" s="53">
        <v>851035.26916683803</v>
      </c>
      <c r="W502" s="53">
        <v>851035.26916683803</v>
      </c>
      <c r="X502" s="53">
        <v>851035.26916683803</v>
      </c>
      <c r="Y502" s="53">
        <v>851035.26916683803</v>
      </c>
      <c r="Z502" s="53">
        <v>851035.26916683803</v>
      </c>
      <c r="AA502" s="53">
        <v>10212423.230002001</v>
      </c>
      <c r="AB502" s="53">
        <v>851035.26916683803</v>
      </c>
      <c r="AC502" s="53">
        <v>851035.26916683803</v>
      </c>
      <c r="AD502" s="53">
        <v>851035.26916683803</v>
      </c>
      <c r="AE502" s="53">
        <v>851035.26916683803</v>
      </c>
      <c r="AF502" s="53">
        <v>851035.26916683803</v>
      </c>
      <c r="AG502" s="53">
        <v>851035.26916683803</v>
      </c>
      <c r="AH502" s="53">
        <v>851035.26916683803</v>
      </c>
      <c r="AI502" s="53">
        <v>851035.26916683803</v>
      </c>
      <c r="AJ502" s="53">
        <v>851035.26916683803</v>
      </c>
      <c r="AK502" s="53">
        <v>851035.26916683803</v>
      </c>
      <c r="AL502" s="53">
        <v>851035.26916683803</v>
      </c>
      <c r="AM502" s="53">
        <v>851035.26916683803</v>
      </c>
      <c r="AN502" s="53">
        <v>10212423.230002001</v>
      </c>
      <c r="AO502" s="53">
        <v>851035.26916683803</v>
      </c>
      <c r="AP502" s="53">
        <v>851035.26916683803</v>
      </c>
      <c r="AQ502" s="53">
        <v>851035.26916683803</v>
      </c>
      <c r="AR502" s="53">
        <v>851035.26916683803</v>
      </c>
      <c r="AS502" s="53">
        <v>851035.26916683803</v>
      </c>
      <c r="AT502" s="53">
        <v>851035.26916683803</v>
      </c>
      <c r="AU502" s="53">
        <v>851035.26916683803</v>
      </c>
      <c r="AV502" s="53">
        <v>851035.26916683803</v>
      </c>
      <c r="AW502" s="53">
        <v>851035.26916683803</v>
      </c>
      <c r="AX502" s="53">
        <v>851035.26916683803</v>
      </c>
      <c r="AY502" s="53">
        <v>851035.26916683803</v>
      </c>
      <c r="AZ502" s="53">
        <v>851035.26916683803</v>
      </c>
      <c r="BA502" s="53">
        <v>10212423.230002001</v>
      </c>
    </row>
    <row r="503" spans="1:53">
      <c r="A503" s="52" t="s">
        <v>3817</v>
      </c>
      <c r="B503" s="53">
        <v>2086386.03</v>
      </c>
      <c r="C503" s="53">
        <v>2092317.38</v>
      </c>
      <c r="D503" s="53">
        <v>2147322.17</v>
      </c>
      <c r="E503" s="53">
        <v>2107987.13</v>
      </c>
      <c r="F503" s="53">
        <v>2092027.3499999901</v>
      </c>
      <c r="G503" s="53">
        <v>2143061.9299999899</v>
      </c>
      <c r="H503" s="53">
        <v>2071453.07</v>
      </c>
      <c r="I503" s="53">
        <v>2092061.93</v>
      </c>
      <c r="J503" s="53">
        <v>2143049.29</v>
      </c>
      <c r="K503" s="53">
        <v>2092124.51</v>
      </c>
      <c r="L503" s="53">
        <v>2131829.29</v>
      </c>
      <c r="M503" s="53">
        <v>2143049.29</v>
      </c>
      <c r="N503" s="53">
        <v>25342669.370000001</v>
      </c>
      <c r="O503" s="53">
        <v>2084875.47916683</v>
      </c>
      <c r="P503" s="53">
        <v>2090806.8291668301</v>
      </c>
      <c r="Q503" s="53">
        <v>2145811.6191668301</v>
      </c>
      <c r="R503" s="53">
        <v>2106476.5791668301</v>
      </c>
      <c r="S503" s="53">
        <v>2090516.79916683</v>
      </c>
      <c r="T503" s="53">
        <v>2141551.3791668299</v>
      </c>
      <c r="U503" s="53">
        <v>2069942.51916683</v>
      </c>
      <c r="V503" s="53">
        <v>2090551.3791668301</v>
      </c>
      <c r="W503" s="53">
        <v>2141538.7391668302</v>
      </c>
      <c r="X503" s="53">
        <v>2090613.9591668299</v>
      </c>
      <c r="Y503" s="53">
        <v>2130318.7391668302</v>
      </c>
      <c r="Z503" s="53">
        <v>2141538.7391668302</v>
      </c>
      <c r="AA503" s="53">
        <v>25324542.760001998</v>
      </c>
      <c r="AB503" s="53">
        <v>2084875.47916683</v>
      </c>
      <c r="AC503" s="53">
        <v>2090806.8291668301</v>
      </c>
      <c r="AD503" s="53">
        <v>2145811.6191668301</v>
      </c>
      <c r="AE503" s="53">
        <v>2106476.5791668301</v>
      </c>
      <c r="AF503" s="53">
        <v>2090516.79916683</v>
      </c>
      <c r="AG503" s="53">
        <v>2141551.3791668299</v>
      </c>
      <c r="AH503" s="53">
        <v>2069942.51916683</v>
      </c>
      <c r="AI503" s="53">
        <v>2090551.3791668301</v>
      </c>
      <c r="AJ503" s="53">
        <v>2141538.7391668302</v>
      </c>
      <c r="AK503" s="53">
        <v>2090613.9591668299</v>
      </c>
      <c r="AL503" s="53">
        <v>2130318.7391668302</v>
      </c>
      <c r="AM503" s="53">
        <v>2141538.7391668302</v>
      </c>
      <c r="AN503" s="53">
        <v>25324542.760001998</v>
      </c>
      <c r="AO503" s="53">
        <v>2084875.47916683</v>
      </c>
      <c r="AP503" s="53">
        <v>2090806.8291668301</v>
      </c>
      <c r="AQ503" s="53">
        <v>2145811.6191668301</v>
      </c>
      <c r="AR503" s="53">
        <v>2106476.5791668301</v>
      </c>
      <c r="AS503" s="53">
        <v>2090516.79916683</v>
      </c>
      <c r="AT503" s="53">
        <v>2141551.3791668299</v>
      </c>
      <c r="AU503" s="53">
        <v>2069942.51916683</v>
      </c>
      <c r="AV503" s="53">
        <v>2090551.3791668301</v>
      </c>
      <c r="AW503" s="53">
        <v>2141538.7391668302</v>
      </c>
      <c r="AX503" s="53">
        <v>2090613.9591668299</v>
      </c>
      <c r="AY503" s="53">
        <v>2130318.7391668302</v>
      </c>
      <c r="AZ503" s="53">
        <v>2141538.7391668302</v>
      </c>
      <c r="BA503" s="53">
        <v>25324542.760001998</v>
      </c>
    </row>
    <row r="504" spans="1:53">
      <c r="A504" s="52" t="s">
        <v>3818</v>
      </c>
      <c r="B504" s="53"/>
      <c r="C504" s="53"/>
      <c r="D504" s="53"/>
      <c r="E504" s="53"/>
      <c r="F504" s="53"/>
      <c r="G504" s="53"/>
      <c r="H504" s="53"/>
      <c r="I504" s="53"/>
      <c r="J504" s="53"/>
      <c r="K504" s="53"/>
      <c r="L504" s="53"/>
      <c r="M504" s="53"/>
      <c r="N504" s="53"/>
      <c r="O504" s="53"/>
      <c r="P504" s="53"/>
      <c r="Q504" s="53"/>
      <c r="R504" s="53"/>
      <c r="S504" s="53"/>
      <c r="T504" s="53"/>
      <c r="U504" s="53"/>
      <c r="V504" s="53"/>
      <c r="W504" s="53"/>
      <c r="X504" s="53"/>
      <c r="Y504" s="53"/>
      <c r="Z504" s="53"/>
      <c r="AA504" s="53"/>
      <c r="AB504" s="53"/>
      <c r="AC504" s="53"/>
      <c r="AD504" s="53"/>
      <c r="AE504" s="53"/>
      <c r="AF504" s="53"/>
      <c r="AG504" s="53"/>
      <c r="AH504" s="53"/>
      <c r="AI504" s="53"/>
      <c r="AJ504" s="53"/>
      <c r="AK504" s="53"/>
      <c r="AL504" s="53"/>
      <c r="AM504" s="53"/>
      <c r="AN504" s="53"/>
      <c r="AO504" s="53"/>
      <c r="AP504" s="53"/>
      <c r="AQ504" s="53"/>
      <c r="AR504" s="53"/>
      <c r="AS504" s="53"/>
      <c r="AT504" s="53"/>
      <c r="AU504" s="53"/>
      <c r="AV504" s="53"/>
      <c r="AW504" s="53"/>
      <c r="AX504" s="53"/>
      <c r="AY504" s="53"/>
      <c r="AZ504" s="53"/>
      <c r="BA504" s="53"/>
    </row>
    <row r="505" spans="1:53">
      <c r="A505" s="52" t="s">
        <v>3819</v>
      </c>
      <c r="B505" s="53">
        <v>0</v>
      </c>
      <c r="C505" s="53">
        <v>0</v>
      </c>
      <c r="D505" s="53">
        <v>0</v>
      </c>
      <c r="E505" s="53">
        <v>0</v>
      </c>
      <c r="F505" s="53">
        <v>0</v>
      </c>
      <c r="G505" s="53">
        <v>0</v>
      </c>
      <c r="H505" s="53">
        <v>0</v>
      </c>
      <c r="I505" s="53">
        <v>0</v>
      </c>
      <c r="J505" s="53">
        <v>0</v>
      </c>
      <c r="K505" s="53">
        <v>0</v>
      </c>
      <c r="L505" s="53">
        <v>0</v>
      </c>
      <c r="M505" s="53">
        <v>0</v>
      </c>
      <c r="N505" s="53">
        <v>0</v>
      </c>
      <c r="O505" s="53">
        <v>0</v>
      </c>
      <c r="P505" s="53">
        <v>0</v>
      </c>
      <c r="Q505" s="53">
        <v>0</v>
      </c>
      <c r="R505" s="53">
        <v>0</v>
      </c>
      <c r="S505" s="53">
        <v>0</v>
      </c>
      <c r="T505" s="53">
        <v>0</v>
      </c>
      <c r="U505" s="53">
        <v>0</v>
      </c>
      <c r="V505" s="53">
        <v>0</v>
      </c>
      <c r="W505" s="53">
        <v>0</v>
      </c>
      <c r="X505" s="53">
        <v>0</v>
      </c>
      <c r="Y505" s="53">
        <v>0</v>
      </c>
      <c r="Z505" s="53">
        <v>0</v>
      </c>
      <c r="AA505" s="53">
        <v>0</v>
      </c>
      <c r="AB505" s="53">
        <v>0</v>
      </c>
      <c r="AC505" s="53">
        <v>0</v>
      </c>
      <c r="AD505" s="53">
        <v>0</v>
      </c>
      <c r="AE505" s="53">
        <v>0</v>
      </c>
      <c r="AF505" s="53">
        <v>0</v>
      </c>
      <c r="AG505" s="53">
        <v>0</v>
      </c>
      <c r="AH505" s="53">
        <v>0</v>
      </c>
      <c r="AI505" s="53">
        <v>0</v>
      </c>
      <c r="AJ505" s="53">
        <v>0</v>
      </c>
      <c r="AK505" s="53">
        <v>0</v>
      </c>
      <c r="AL505" s="53">
        <v>0</v>
      </c>
      <c r="AM505" s="53">
        <v>0</v>
      </c>
      <c r="AN505" s="53">
        <v>0</v>
      </c>
      <c r="AO505" s="53">
        <v>0</v>
      </c>
      <c r="AP505" s="53">
        <v>0</v>
      </c>
      <c r="AQ505" s="53">
        <v>0</v>
      </c>
      <c r="AR505" s="53">
        <v>0</v>
      </c>
      <c r="AS505" s="53">
        <v>0</v>
      </c>
      <c r="AT505" s="53">
        <v>0</v>
      </c>
      <c r="AU505" s="53">
        <v>0</v>
      </c>
      <c r="AV505" s="53">
        <v>0</v>
      </c>
      <c r="AW505" s="53">
        <v>0</v>
      </c>
      <c r="AX505" s="53">
        <v>0</v>
      </c>
      <c r="AY505" s="53">
        <v>0</v>
      </c>
      <c r="AZ505" s="53">
        <v>0</v>
      </c>
      <c r="BA505" s="53">
        <v>0</v>
      </c>
    </row>
    <row r="506" spans="1:53">
      <c r="A506" s="52" t="s">
        <v>3820</v>
      </c>
      <c r="B506" s="53">
        <v>0</v>
      </c>
      <c r="C506" s="53">
        <v>0</v>
      </c>
      <c r="D506" s="53">
        <v>0</v>
      </c>
      <c r="E506" s="53">
        <v>0</v>
      </c>
      <c r="F506" s="53">
        <v>0</v>
      </c>
      <c r="G506" s="53">
        <v>0</v>
      </c>
      <c r="H506" s="53">
        <v>0</v>
      </c>
      <c r="I506" s="53">
        <v>0</v>
      </c>
      <c r="J506" s="53">
        <v>0</v>
      </c>
      <c r="K506" s="53">
        <v>0</v>
      </c>
      <c r="L506" s="53">
        <v>0</v>
      </c>
      <c r="M506" s="53">
        <v>0</v>
      </c>
      <c r="N506" s="53">
        <v>0</v>
      </c>
      <c r="O506" s="53">
        <v>0</v>
      </c>
      <c r="P506" s="53">
        <v>0</v>
      </c>
      <c r="Q506" s="53">
        <v>0</v>
      </c>
      <c r="R506" s="53">
        <v>0</v>
      </c>
      <c r="S506" s="53">
        <v>0</v>
      </c>
      <c r="T506" s="53">
        <v>0</v>
      </c>
      <c r="U506" s="53">
        <v>0</v>
      </c>
      <c r="V506" s="53">
        <v>0</v>
      </c>
      <c r="W506" s="53">
        <v>0</v>
      </c>
      <c r="X506" s="53">
        <v>0</v>
      </c>
      <c r="Y506" s="53">
        <v>0</v>
      </c>
      <c r="Z506" s="53">
        <v>0</v>
      </c>
      <c r="AA506" s="53">
        <v>0</v>
      </c>
      <c r="AB506" s="53">
        <v>0</v>
      </c>
      <c r="AC506" s="53">
        <v>0</v>
      </c>
      <c r="AD506" s="53">
        <v>0</v>
      </c>
      <c r="AE506" s="53">
        <v>0</v>
      </c>
      <c r="AF506" s="53">
        <v>0</v>
      </c>
      <c r="AG506" s="53">
        <v>0</v>
      </c>
      <c r="AH506" s="53">
        <v>0</v>
      </c>
      <c r="AI506" s="53">
        <v>0</v>
      </c>
      <c r="AJ506" s="53">
        <v>0</v>
      </c>
      <c r="AK506" s="53">
        <v>0</v>
      </c>
      <c r="AL506" s="53">
        <v>0</v>
      </c>
      <c r="AM506" s="53">
        <v>0</v>
      </c>
      <c r="AN506" s="53">
        <v>0</v>
      </c>
      <c r="AO506" s="53">
        <v>0</v>
      </c>
      <c r="AP506" s="53">
        <v>0</v>
      </c>
      <c r="AQ506" s="53">
        <v>0</v>
      </c>
      <c r="AR506" s="53">
        <v>0</v>
      </c>
      <c r="AS506" s="53">
        <v>0</v>
      </c>
      <c r="AT506" s="53">
        <v>0</v>
      </c>
      <c r="AU506" s="53">
        <v>0</v>
      </c>
      <c r="AV506" s="53">
        <v>0</v>
      </c>
      <c r="AW506" s="53">
        <v>0</v>
      </c>
      <c r="AX506" s="53">
        <v>0</v>
      </c>
      <c r="AY506" s="53">
        <v>0</v>
      </c>
      <c r="AZ506" s="53">
        <v>0</v>
      </c>
      <c r="BA506" s="53">
        <v>0</v>
      </c>
    </row>
    <row r="507" spans="1:53">
      <c r="A507" s="52" t="s">
        <v>3821</v>
      </c>
      <c r="B507" s="53">
        <v>0</v>
      </c>
      <c r="C507" s="53">
        <v>0</v>
      </c>
      <c r="D507" s="53">
        <v>0</v>
      </c>
      <c r="E507" s="53">
        <v>0</v>
      </c>
      <c r="F507" s="53">
        <v>0</v>
      </c>
      <c r="G507" s="53">
        <v>0</v>
      </c>
      <c r="H507" s="53">
        <v>0</v>
      </c>
      <c r="I507" s="53">
        <v>0</v>
      </c>
      <c r="J507" s="53">
        <v>0</v>
      </c>
      <c r="K507" s="53">
        <v>0</v>
      </c>
      <c r="L507" s="53">
        <v>0</v>
      </c>
      <c r="M507" s="53">
        <v>0</v>
      </c>
      <c r="N507" s="53">
        <v>0</v>
      </c>
      <c r="O507" s="53">
        <v>0</v>
      </c>
      <c r="P507" s="53">
        <v>0</v>
      </c>
      <c r="Q507" s="53">
        <v>0</v>
      </c>
      <c r="R507" s="53">
        <v>0</v>
      </c>
      <c r="S507" s="53">
        <v>0</v>
      </c>
      <c r="T507" s="53">
        <v>0</v>
      </c>
      <c r="U507" s="53">
        <v>0</v>
      </c>
      <c r="V507" s="53">
        <v>0</v>
      </c>
      <c r="W507" s="53">
        <v>0</v>
      </c>
      <c r="X507" s="53">
        <v>0</v>
      </c>
      <c r="Y507" s="53">
        <v>0</v>
      </c>
      <c r="Z507" s="53">
        <v>0</v>
      </c>
      <c r="AA507" s="53">
        <v>0</v>
      </c>
      <c r="AB507" s="53">
        <v>0</v>
      </c>
      <c r="AC507" s="53">
        <v>0</v>
      </c>
      <c r="AD507" s="53">
        <v>0</v>
      </c>
      <c r="AE507" s="53">
        <v>0</v>
      </c>
      <c r="AF507" s="53">
        <v>0</v>
      </c>
      <c r="AG507" s="53">
        <v>0</v>
      </c>
      <c r="AH507" s="53">
        <v>0</v>
      </c>
      <c r="AI507" s="53">
        <v>0</v>
      </c>
      <c r="AJ507" s="53">
        <v>0</v>
      </c>
      <c r="AK507" s="53">
        <v>0</v>
      </c>
      <c r="AL507" s="53">
        <v>0</v>
      </c>
      <c r="AM507" s="53">
        <v>0</v>
      </c>
      <c r="AN507" s="53">
        <v>0</v>
      </c>
      <c r="AO507" s="53">
        <v>0</v>
      </c>
      <c r="AP507" s="53">
        <v>0</v>
      </c>
      <c r="AQ507" s="53">
        <v>0</v>
      </c>
      <c r="AR507" s="53">
        <v>0</v>
      </c>
      <c r="AS507" s="53">
        <v>0</v>
      </c>
      <c r="AT507" s="53">
        <v>0</v>
      </c>
      <c r="AU507" s="53">
        <v>0</v>
      </c>
      <c r="AV507" s="53">
        <v>0</v>
      </c>
      <c r="AW507" s="53">
        <v>0</v>
      </c>
      <c r="AX507" s="53">
        <v>0</v>
      </c>
      <c r="AY507" s="53">
        <v>0</v>
      </c>
      <c r="AZ507" s="53">
        <v>0</v>
      </c>
      <c r="BA507" s="53">
        <v>0</v>
      </c>
    </row>
    <row r="508" spans="1:53">
      <c r="A508" s="52" t="s">
        <v>3822</v>
      </c>
      <c r="B508" s="53">
        <v>0</v>
      </c>
      <c r="C508" s="53">
        <v>0</v>
      </c>
      <c r="D508" s="53">
        <v>0</v>
      </c>
      <c r="E508" s="53">
        <v>0</v>
      </c>
      <c r="F508" s="53">
        <v>0</v>
      </c>
      <c r="G508" s="53">
        <v>0</v>
      </c>
      <c r="H508" s="53">
        <v>0</v>
      </c>
      <c r="I508" s="53">
        <v>0</v>
      </c>
      <c r="J508" s="53">
        <v>0</v>
      </c>
      <c r="K508" s="53">
        <v>0</v>
      </c>
      <c r="L508" s="53">
        <v>0</v>
      </c>
      <c r="M508" s="53">
        <v>0</v>
      </c>
      <c r="N508" s="53">
        <v>0</v>
      </c>
      <c r="O508" s="53">
        <v>0</v>
      </c>
      <c r="P508" s="53">
        <v>0</v>
      </c>
      <c r="Q508" s="53">
        <v>0</v>
      </c>
      <c r="R508" s="53">
        <v>0</v>
      </c>
      <c r="S508" s="53">
        <v>0</v>
      </c>
      <c r="T508" s="53">
        <v>0</v>
      </c>
      <c r="U508" s="53">
        <v>0</v>
      </c>
      <c r="V508" s="53">
        <v>0</v>
      </c>
      <c r="W508" s="53">
        <v>0</v>
      </c>
      <c r="X508" s="53">
        <v>0</v>
      </c>
      <c r="Y508" s="53">
        <v>0</v>
      </c>
      <c r="Z508" s="53">
        <v>0</v>
      </c>
      <c r="AA508" s="53">
        <v>0</v>
      </c>
      <c r="AB508" s="53">
        <v>0</v>
      </c>
      <c r="AC508" s="53">
        <v>0</v>
      </c>
      <c r="AD508" s="53">
        <v>0</v>
      </c>
      <c r="AE508" s="53">
        <v>0</v>
      </c>
      <c r="AF508" s="53">
        <v>0</v>
      </c>
      <c r="AG508" s="53">
        <v>0</v>
      </c>
      <c r="AH508" s="53">
        <v>0</v>
      </c>
      <c r="AI508" s="53">
        <v>0</v>
      </c>
      <c r="AJ508" s="53">
        <v>0</v>
      </c>
      <c r="AK508" s="53">
        <v>0</v>
      </c>
      <c r="AL508" s="53">
        <v>0</v>
      </c>
      <c r="AM508" s="53">
        <v>0</v>
      </c>
      <c r="AN508" s="53">
        <v>0</v>
      </c>
      <c r="AO508" s="53">
        <v>0</v>
      </c>
      <c r="AP508" s="53">
        <v>0</v>
      </c>
      <c r="AQ508" s="53">
        <v>0</v>
      </c>
      <c r="AR508" s="53">
        <v>0</v>
      </c>
      <c r="AS508" s="53">
        <v>0</v>
      </c>
      <c r="AT508" s="53">
        <v>0</v>
      </c>
      <c r="AU508" s="53">
        <v>0</v>
      </c>
      <c r="AV508" s="53">
        <v>0</v>
      </c>
      <c r="AW508" s="53">
        <v>0</v>
      </c>
      <c r="AX508" s="53">
        <v>0</v>
      </c>
      <c r="AY508" s="53">
        <v>0</v>
      </c>
      <c r="AZ508" s="53">
        <v>0</v>
      </c>
      <c r="BA508" s="53">
        <v>0</v>
      </c>
    </row>
    <row r="509" spans="1:53">
      <c r="A509" s="236" t="s">
        <v>3823</v>
      </c>
      <c r="B509" s="53">
        <v>57861874.666258298</v>
      </c>
      <c r="C509" s="53">
        <v>52413677.996258304</v>
      </c>
      <c r="D509" s="53">
        <v>55777165.646258302</v>
      </c>
      <c r="E509" s="53">
        <v>15603959.536258301</v>
      </c>
      <c r="F509" s="53">
        <v>15619411.6562583</v>
      </c>
      <c r="G509" s="53">
        <v>12117989.4662583</v>
      </c>
      <c r="H509" s="53">
        <v>17768188.9962583</v>
      </c>
      <c r="I509" s="53">
        <v>15375338.346258299</v>
      </c>
      <c r="J509" s="53">
        <v>18613026.296258301</v>
      </c>
      <c r="K509" s="53">
        <v>16154334.766258299</v>
      </c>
      <c r="L509" s="53">
        <v>15884718.9762583</v>
      </c>
      <c r="M509" s="53">
        <v>16709596.426258299</v>
      </c>
      <c r="N509" s="53">
        <v>309899282.77509999</v>
      </c>
      <c r="O509" s="53">
        <v>22427559.443589699</v>
      </c>
      <c r="P509" s="53">
        <v>17124369.7735897</v>
      </c>
      <c r="Q509" s="53">
        <v>19102503.423589699</v>
      </c>
      <c r="R509" s="53">
        <v>17411386.3135897</v>
      </c>
      <c r="S509" s="53">
        <v>17247401.433589701</v>
      </c>
      <c r="T509" s="53">
        <v>13899048.243589699</v>
      </c>
      <c r="U509" s="53">
        <v>17551514.7735897</v>
      </c>
      <c r="V509" s="53">
        <v>17161111.123589698</v>
      </c>
      <c r="W509" s="53">
        <v>20359228.073589701</v>
      </c>
      <c r="X509" s="53">
        <v>17940205.5435897</v>
      </c>
      <c r="Y509" s="53">
        <v>17664154.753589701</v>
      </c>
      <c r="Z509" s="53">
        <v>16906076.2035897</v>
      </c>
      <c r="AA509" s="53">
        <v>214794559.10307601</v>
      </c>
      <c r="AB509" s="53">
        <v>23752814.8326139</v>
      </c>
      <c r="AC509" s="53">
        <v>18449625.162613899</v>
      </c>
      <c r="AD509" s="53">
        <v>20427758.812613901</v>
      </c>
      <c r="AE509" s="53">
        <v>18736641.702613901</v>
      </c>
      <c r="AF509" s="53">
        <v>18572656.822613899</v>
      </c>
      <c r="AG509" s="53">
        <v>15224303.632613899</v>
      </c>
      <c r="AH509" s="53">
        <v>18876770.162613899</v>
      </c>
      <c r="AI509" s="53">
        <v>18486366.5126139</v>
      </c>
      <c r="AJ509" s="53">
        <v>21684483.462613899</v>
      </c>
      <c r="AK509" s="53">
        <v>19265460.932613902</v>
      </c>
      <c r="AL509" s="53">
        <v>18989410.142613899</v>
      </c>
      <c r="AM509" s="53">
        <v>18231331.592613898</v>
      </c>
      <c r="AN509" s="53">
        <v>230697623.77136701</v>
      </c>
      <c r="AO509" s="53">
        <v>25927366.1369766</v>
      </c>
      <c r="AP509" s="53">
        <v>20624176.466976602</v>
      </c>
      <c r="AQ509" s="53">
        <v>22602310.1169766</v>
      </c>
      <c r="AR509" s="53">
        <v>20911193.006976601</v>
      </c>
      <c r="AS509" s="53">
        <v>20747208.126976602</v>
      </c>
      <c r="AT509" s="53">
        <v>17398854.9369766</v>
      </c>
      <c r="AU509" s="53">
        <v>21051321.466976602</v>
      </c>
      <c r="AV509" s="53">
        <v>20660917.816976599</v>
      </c>
      <c r="AW509" s="53">
        <v>23859034.766976599</v>
      </c>
      <c r="AX509" s="53">
        <v>21440012.236976601</v>
      </c>
      <c r="AY509" s="53">
        <v>21163961.446976598</v>
      </c>
      <c r="AZ509" s="53">
        <v>20405882.896976601</v>
      </c>
      <c r="BA509" s="53">
        <v>256792239.42372</v>
      </c>
    </row>
    <row r="510" spans="1:53">
      <c r="A510" s="232" t="s">
        <v>3824</v>
      </c>
      <c r="B510" s="53">
        <v>91701895.431613296</v>
      </c>
      <c r="C510" s="53">
        <v>84669401.711613193</v>
      </c>
      <c r="D510" s="53">
        <v>96789670.2716133</v>
      </c>
      <c r="E510" s="53">
        <v>51147937.401613303</v>
      </c>
      <c r="F510" s="53">
        <v>50928973.791613303</v>
      </c>
      <c r="G510" s="53">
        <v>43613856.321613297</v>
      </c>
      <c r="H510" s="53">
        <v>47038072.861613303</v>
      </c>
      <c r="I510" s="53">
        <v>46206415.901613198</v>
      </c>
      <c r="J510" s="53">
        <v>52268057.4516133</v>
      </c>
      <c r="K510" s="53">
        <v>48735405.301613301</v>
      </c>
      <c r="L510" s="53">
        <v>48996714.421613201</v>
      </c>
      <c r="M510" s="53">
        <v>44342131.271613203</v>
      </c>
      <c r="N510" s="53">
        <v>706438532.139359</v>
      </c>
      <c r="O510" s="53">
        <v>58634188.805818997</v>
      </c>
      <c r="P510" s="53">
        <v>48532229.085818999</v>
      </c>
      <c r="Q510" s="53">
        <v>54286768.645819001</v>
      </c>
      <c r="R510" s="53">
        <v>49538430.775819004</v>
      </c>
      <c r="S510" s="53">
        <v>53253864.165818997</v>
      </c>
      <c r="T510" s="53">
        <v>48705464.695818998</v>
      </c>
      <c r="U510" s="53">
        <v>51167621.235818997</v>
      </c>
      <c r="V510" s="53">
        <v>51475014.275819004</v>
      </c>
      <c r="W510" s="53">
        <v>55684001.825819001</v>
      </c>
      <c r="X510" s="53">
        <v>51543429.675819002</v>
      </c>
      <c r="Y510" s="53">
        <v>53660264.795818999</v>
      </c>
      <c r="Z510" s="53">
        <v>49041715.645819001</v>
      </c>
      <c r="AA510" s="53">
        <v>625522993.62982798</v>
      </c>
      <c r="AB510" s="53">
        <v>60894246.589808598</v>
      </c>
      <c r="AC510" s="53">
        <v>50792286.869808599</v>
      </c>
      <c r="AD510" s="53">
        <v>56546826.429808602</v>
      </c>
      <c r="AE510" s="53">
        <v>51798488.559808597</v>
      </c>
      <c r="AF510" s="53">
        <v>55513921.949808598</v>
      </c>
      <c r="AG510" s="53">
        <v>50965522.479808599</v>
      </c>
      <c r="AH510" s="53">
        <v>53427679.019808598</v>
      </c>
      <c r="AI510" s="53">
        <v>53735072.059808597</v>
      </c>
      <c r="AJ510" s="53">
        <v>57944059.609808601</v>
      </c>
      <c r="AK510" s="53">
        <v>53803487.459808603</v>
      </c>
      <c r="AL510" s="53">
        <v>55920322.579808503</v>
      </c>
      <c r="AM510" s="53">
        <v>51301773.429808602</v>
      </c>
      <c r="AN510" s="53">
        <v>652643687.03770304</v>
      </c>
      <c r="AO510" s="53">
        <v>68006162.754760101</v>
      </c>
      <c r="AP510" s="53">
        <v>53861196.034760103</v>
      </c>
      <c r="AQ510" s="53">
        <v>59615735.594760098</v>
      </c>
      <c r="AR510" s="53">
        <v>54867397.7247601</v>
      </c>
      <c r="AS510" s="53">
        <v>58582831.114760101</v>
      </c>
      <c r="AT510" s="53">
        <v>54034431.644760102</v>
      </c>
      <c r="AU510" s="53">
        <v>56496588.184760101</v>
      </c>
      <c r="AV510" s="53">
        <v>56803981.2247601</v>
      </c>
      <c r="AW510" s="53">
        <v>61012968.774760097</v>
      </c>
      <c r="AX510" s="53">
        <v>56872396.624760099</v>
      </c>
      <c r="AY510" s="53">
        <v>58989231.744760104</v>
      </c>
      <c r="AZ510" s="53">
        <v>54370682.594760098</v>
      </c>
      <c r="BA510" s="53">
        <v>693513604.01712096</v>
      </c>
    </row>
    <row r="511" spans="1:53" ht="10.8" thickBot="1">
      <c r="A511" s="230" t="s">
        <v>3825</v>
      </c>
      <c r="B511" s="53"/>
      <c r="C511" s="53"/>
      <c r="D511" s="53"/>
      <c r="E511" s="53"/>
      <c r="F511" s="53"/>
      <c r="G511" s="53"/>
      <c r="H511" s="53"/>
      <c r="I511" s="53"/>
      <c r="J511" s="53"/>
      <c r="K511" s="53"/>
      <c r="L511" s="53"/>
      <c r="M511" s="53"/>
      <c r="N511" s="53"/>
      <c r="O511" s="53"/>
      <c r="P511" s="53"/>
      <c r="Q511" s="53"/>
      <c r="R511" s="53"/>
      <c r="S511" s="53"/>
      <c r="T511" s="53"/>
      <c r="U511" s="53"/>
      <c r="V511" s="53"/>
      <c r="W511" s="53"/>
      <c r="X511" s="53"/>
      <c r="Y511" s="53"/>
      <c r="Z511" s="53"/>
      <c r="AA511" s="53"/>
      <c r="AB511" s="53"/>
      <c r="AC511" s="53"/>
      <c r="AD511" s="53"/>
      <c r="AE511" s="53"/>
      <c r="AF511" s="53"/>
      <c r="AG511" s="53"/>
      <c r="AH511" s="53"/>
      <c r="AI511" s="53"/>
      <c r="AJ511" s="53"/>
      <c r="AK511" s="53"/>
      <c r="AL511" s="53"/>
      <c r="AM511" s="53"/>
      <c r="AN511" s="53"/>
      <c r="AO511" s="53"/>
      <c r="AP511" s="53"/>
      <c r="AQ511" s="53"/>
      <c r="AR511" s="53"/>
      <c r="AS511" s="53"/>
      <c r="AT511" s="53"/>
      <c r="AU511" s="53"/>
      <c r="AV511" s="53"/>
      <c r="AW511" s="53"/>
      <c r="AX511" s="53"/>
      <c r="AY511" s="53"/>
      <c r="AZ511" s="53"/>
      <c r="BA511" s="53"/>
    </row>
    <row r="512" spans="1:53">
      <c r="A512" s="231" t="s">
        <v>3826</v>
      </c>
      <c r="B512" s="53"/>
      <c r="C512" s="53"/>
      <c r="D512" s="53"/>
      <c r="E512" s="53"/>
      <c r="F512" s="53"/>
      <c r="G512" s="53"/>
      <c r="H512" s="53"/>
      <c r="I512" s="53"/>
      <c r="J512" s="53"/>
      <c r="K512" s="53"/>
      <c r="L512" s="53"/>
      <c r="M512" s="53"/>
      <c r="N512" s="53"/>
      <c r="O512" s="53"/>
      <c r="P512" s="53"/>
      <c r="Q512" s="53"/>
      <c r="R512" s="53"/>
      <c r="S512" s="53"/>
      <c r="T512" s="53"/>
      <c r="U512" s="53"/>
      <c r="V512" s="53"/>
      <c r="W512" s="53"/>
      <c r="X512" s="53"/>
      <c r="Y512" s="53"/>
      <c r="Z512" s="53"/>
      <c r="AA512" s="53"/>
      <c r="AB512" s="53"/>
      <c r="AC512" s="53"/>
      <c r="AD512" s="53"/>
      <c r="AE512" s="53"/>
      <c r="AF512" s="53"/>
      <c r="AG512" s="53"/>
      <c r="AH512" s="53"/>
      <c r="AI512" s="53"/>
      <c r="AJ512" s="53"/>
      <c r="AK512" s="53"/>
      <c r="AL512" s="53"/>
      <c r="AM512" s="53"/>
      <c r="AN512" s="53"/>
      <c r="AO512" s="53"/>
      <c r="AP512" s="53"/>
      <c r="AQ512" s="53"/>
      <c r="AR512" s="53"/>
      <c r="AS512" s="53"/>
      <c r="AT512" s="53"/>
      <c r="AU512" s="53"/>
      <c r="AV512" s="53"/>
      <c r="AW512" s="53"/>
      <c r="AX512" s="53"/>
      <c r="AY512" s="53"/>
      <c r="AZ512" s="53"/>
      <c r="BA512" s="53"/>
    </row>
    <row r="513" spans="1:53">
      <c r="A513" s="52" t="s">
        <v>3827</v>
      </c>
      <c r="B513" s="53">
        <v>9454779.3699999191</v>
      </c>
      <c r="C513" s="53">
        <v>9453972.8699999191</v>
      </c>
      <c r="D513" s="53">
        <v>9467176.4399999194</v>
      </c>
      <c r="E513" s="53">
        <v>9466477.9399999194</v>
      </c>
      <c r="F513" s="53">
        <v>9488531.3699999191</v>
      </c>
      <c r="G513" s="53">
        <v>9466232.1899999194</v>
      </c>
      <c r="H513" s="53">
        <v>9466304.6899999194</v>
      </c>
      <c r="I513" s="53">
        <v>9466309.1899999194</v>
      </c>
      <c r="J513" s="53">
        <v>9466743.1899999194</v>
      </c>
      <c r="K513" s="53">
        <v>9467051.1899999194</v>
      </c>
      <c r="L513" s="53">
        <v>9488550.3699999191</v>
      </c>
      <c r="M513" s="53">
        <v>9466357.1899999194</v>
      </c>
      <c r="N513" s="53">
        <v>113618485.999999</v>
      </c>
      <c r="O513" s="53">
        <v>9971944.3699999191</v>
      </c>
      <c r="P513" s="53">
        <v>9705434.8699999191</v>
      </c>
      <c r="Q513" s="53">
        <v>9466583.4399999194</v>
      </c>
      <c r="R513" s="53">
        <v>9880206.9399999194</v>
      </c>
      <c r="S513" s="53">
        <v>9977784.3699999191</v>
      </c>
      <c r="T513" s="53">
        <v>9606640.1899999194</v>
      </c>
      <c r="U513" s="53">
        <v>9394064.6899999194</v>
      </c>
      <c r="V513" s="53">
        <v>9418394.1899999194</v>
      </c>
      <c r="W513" s="53">
        <v>9130870.1899999194</v>
      </c>
      <c r="X513" s="53">
        <v>9394178.1899999194</v>
      </c>
      <c r="Y513" s="53">
        <v>8730109.3699999191</v>
      </c>
      <c r="Z513" s="53">
        <v>9392945.1899999194</v>
      </c>
      <c r="AA513" s="53">
        <v>114069155.999999</v>
      </c>
      <c r="AB513" s="53">
        <v>10087322.3699999</v>
      </c>
      <c r="AC513" s="53">
        <v>9820812.8699999191</v>
      </c>
      <c r="AD513" s="53">
        <v>9581961.4399999194</v>
      </c>
      <c r="AE513" s="53">
        <v>9995584.9399999194</v>
      </c>
      <c r="AF513" s="53">
        <v>10093162.3699999</v>
      </c>
      <c r="AG513" s="53">
        <v>9722018.1899999194</v>
      </c>
      <c r="AH513" s="53">
        <v>9509442.6899999101</v>
      </c>
      <c r="AI513" s="53">
        <v>9533772.1899999194</v>
      </c>
      <c r="AJ513" s="53">
        <v>9246248.1899999101</v>
      </c>
      <c r="AK513" s="53">
        <v>9509556.1899999194</v>
      </c>
      <c r="AL513" s="53">
        <v>8845487.3699999191</v>
      </c>
      <c r="AM513" s="53">
        <v>9508323.1899999194</v>
      </c>
      <c r="AN513" s="53">
        <v>115453691.999999</v>
      </c>
      <c r="AO513" s="53">
        <v>10185616.3699999</v>
      </c>
      <c r="AP513" s="53">
        <v>9919106.8699999191</v>
      </c>
      <c r="AQ513" s="53">
        <v>9680255.4399999194</v>
      </c>
      <c r="AR513" s="53">
        <v>10093878.939999901</v>
      </c>
      <c r="AS513" s="53">
        <v>10191456.3699999</v>
      </c>
      <c r="AT513" s="53">
        <v>9820312.1899999194</v>
      </c>
      <c r="AU513" s="53">
        <v>9607736.6899999101</v>
      </c>
      <c r="AV513" s="53">
        <v>9632066.1899999194</v>
      </c>
      <c r="AW513" s="53">
        <v>9344542.1899999101</v>
      </c>
      <c r="AX513" s="53">
        <v>9607850.1899999194</v>
      </c>
      <c r="AY513" s="53">
        <v>8943781.3699999191</v>
      </c>
      <c r="AZ513" s="53">
        <v>9606617.1899999194</v>
      </c>
      <c r="BA513" s="53">
        <v>116633219.999999</v>
      </c>
    </row>
    <row r="514" spans="1:53">
      <c r="A514" s="52" t="s">
        <v>3828</v>
      </c>
      <c r="B514" s="53">
        <v>0</v>
      </c>
      <c r="C514" s="53">
        <v>0</v>
      </c>
      <c r="D514" s="53">
        <v>0</v>
      </c>
      <c r="E514" s="53">
        <v>0</v>
      </c>
      <c r="F514" s="53">
        <v>0</v>
      </c>
      <c r="G514" s="53">
        <v>0</v>
      </c>
      <c r="H514" s="53">
        <v>0</v>
      </c>
      <c r="I514" s="53">
        <v>0</v>
      </c>
      <c r="J514" s="53">
        <v>0</v>
      </c>
      <c r="K514" s="53">
        <v>0</v>
      </c>
      <c r="L514" s="53">
        <v>0</v>
      </c>
      <c r="M514" s="53">
        <v>0</v>
      </c>
      <c r="N514" s="53">
        <v>0</v>
      </c>
      <c r="O514" s="53">
        <v>0</v>
      </c>
      <c r="P514" s="53">
        <v>0</v>
      </c>
      <c r="Q514" s="53">
        <v>0</v>
      </c>
      <c r="R514" s="53">
        <v>0</v>
      </c>
      <c r="S514" s="53">
        <v>0</v>
      </c>
      <c r="T514" s="53">
        <v>0</v>
      </c>
      <c r="U514" s="53">
        <v>0</v>
      </c>
      <c r="V514" s="53">
        <v>0</v>
      </c>
      <c r="W514" s="53">
        <v>0</v>
      </c>
      <c r="X514" s="53">
        <v>0</v>
      </c>
      <c r="Y514" s="53">
        <v>0</v>
      </c>
      <c r="Z514" s="53">
        <v>0</v>
      </c>
      <c r="AA514" s="53">
        <v>0</v>
      </c>
      <c r="AB514" s="53">
        <v>0</v>
      </c>
      <c r="AC514" s="53">
        <v>0</v>
      </c>
      <c r="AD514" s="53">
        <v>0</v>
      </c>
      <c r="AE514" s="53">
        <v>0</v>
      </c>
      <c r="AF514" s="53">
        <v>0</v>
      </c>
      <c r="AG514" s="53">
        <v>0</v>
      </c>
      <c r="AH514" s="53">
        <v>0</v>
      </c>
      <c r="AI514" s="53">
        <v>0</v>
      </c>
      <c r="AJ514" s="53">
        <v>0</v>
      </c>
      <c r="AK514" s="53">
        <v>0</v>
      </c>
      <c r="AL514" s="53">
        <v>0</v>
      </c>
      <c r="AM514" s="53">
        <v>0</v>
      </c>
      <c r="AN514" s="53">
        <v>0</v>
      </c>
      <c r="AO514" s="53">
        <v>0</v>
      </c>
      <c r="AP514" s="53">
        <v>0</v>
      </c>
      <c r="AQ514" s="53">
        <v>0</v>
      </c>
      <c r="AR514" s="53">
        <v>0</v>
      </c>
      <c r="AS514" s="53">
        <v>0</v>
      </c>
      <c r="AT514" s="53">
        <v>0</v>
      </c>
      <c r="AU514" s="53">
        <v>0</v>
      </c>
      <c r="AV514" s="53">
        <v>0</v>
      </c>
      <c r="AW514" s="53">
        <v>0</v>
      </c>
      <c r="AX514" s="53">
        <v>0</v>
      </c>
      <c r="AY514" s="53">
        <v>0</v>
      </c>
      <c r="AZ514" s="53">
        <v>0</v>
      </c>
      <c r="BA514" s="53">
        <v>0</v>
      </c>
    </row>
    <row r="515" spans="1:53">
      <c r="A515" s="235" t="s">
        <v>3829</v>
      </c>
      <c r="B515" s="53">
        <v>2169627.3688805201</v>
      </c>
      <c r="C515" s="53">
        <v>-2344624.1579509298</v>
      </c>
      <c r="D515" s="53">
        <v>-2137106.0878325999</v>
      </c>
      <c r="E515" s="53">
        <v>-921831.81734483701</v>
      </c>
      <c r="F515" s="53">
        <v>983190.26359797094</v>
      </c>
      <c r="G515" s="53">
        <v>1344715.3767250199</v>
      </c>
      <c r="H515" s="53">
        <v>1704820.4322617799</v>
      </c>
      <c r="I515" s="53">
        <v>4622894.11413847</v>
      </c>
      <c r="J515" s="53">
        <v>611244.72146528901</v>
      </c>
      <c r="K515" s="53">
        <v>-636664.72350265703</v>
      </c>
      <c r="L515" s="53">
        <v>-3286675.1658111401</v>
      </c>
      <c r="M515" s="53">
        <v>-2109590.32462689</v>
      </c>
      <c r="N515" s="53">
        <v>-1.72803993336856E-8</v>
      </c>
      <c r="O515" s="53">
        <v>1707358.8043714501</v>
      </c>
      <c r="P515" s="53">
        <v>-2762510.0311361598</v>
      </c>
      <c r="Q515" s="53">
        <v>-2083941.3466707401</v>
      </c>
      <c r="R515" s="53">
        <v>-1302610.8232311599</v>
      </c>
      <c r="S515" s="53">
        <v>548580.72066021804</v>
      </c>
      <c r="T515" s="53">
        <v>1269534.87504155</v>
      </c>
      <c r="U515" s="53">
        <v>1879779.5548303099</v>
      </c>
      <c r="V515" s="53">
        <v>4749087.4061170202</v>
      </c>
      <c r="W515" s="53">
        <v>1050406.39045687</v>
      </c>
      <c r="X515" s="53">
        <v>-551311.20030368899</v>
      </c>
      <c r="Y515" s="53">
        <v>-2499218.1013153601</v>
      </c>
      <c r="Z515" s="53">
        <v>-2005156.24882031</v>
      </c>
      <c r="AA515" s="53">
        <v>-1.4551915228366801E-8</v>
      </c>
      <c r="AB515" s="53">
        <v>1713945.8976274701</v>
      </c>
      <c r="AC515" s="53">
        <v>-2813781.0794013301</v>
      </c>
      <c r="AD515" s="53">
        <v>-2172728.41173768</v>
      </c>
      <c r="AE515" s="53">
        <v>-1373328.6217298801</v>
      </c>
      <c r="AF515" s="53">
        <v>521328.19762799202</v>
      </c>
      <c r="AG515" s="53">
        <v>1320642.06188658</v>
      </c>
      <c r="AH515" s="53">
        <v>1941239.2435903901</v>
      </c>
      <c r="AI515" s="53">
        <v>4857829.0514438897</v>
      </c>
      <c r="AJ515" s="53">
        <v>1098166.70816209</v>
      </c>
      <c r="AK515" s="53">
        <v>-513640.711660325</v>
      </c>
      <c r="AL515" s="53">
        <v>-2554851.3854476898</v>
      </c>
      <c r="AM515" s="53">
        <v>-2024890.3952604099</v>
      </c>
      <c r="AN515" s="53">
        <v>-69.444898883375501</v>
      </c>
      <c r="AO515" s="53">
        <v>1773464.1562186901</v>
      </c>
      <c r="AP515" s="53">
        <v>-3016737.8891863301</v>
      </c>
      <c r="AQ515" s="53">
        <v>-2362248.43365457</v>
      </c>
      <c r="AR515" s="53">
        <v>-1517635.94777559</v>
      </c>
      <c r="AS515" s="53">
        <v>534234.87555027998</v>
      </c>
      <c r="AT515" s="53">
        <v>1422269.75204538</v>
      </c>
      <c r="AU515" s="53">
        <v>2087902.4734950999</v>
      </c>
      <c r="AV515" s="53">
        <v>5184293.5942264805</v>
      </c>
      <c r="AW515" s="53">
        <v>1203275.23549584</v>
      </c>
      <c r="AX515" s="53">
        <v>-516919.98620855302</v>
      </c>
      <c r="AY515" s="53">
        <v>-2684878.5650899601</v>
      </c>
      <c r="AZ515" s="53">
        <v>-2106881.9730591602</v>
      </c>
      <c r="BA515" s="53">
        <v>137.29205761774199</v>
      </c>
    </row>
    <row r="516" spans="1:53">
      <c r="A516" s="235" t="s">
        <v>3830</v>
      </c>
      <c r="B516" s="53">
        <v>53201.622590996099</v>
      </c>
      <c r="C516" s="53">
        <v>53201.622590996099</v>
      </c>
      <c r="D516" s="53">
        <v>53201.622590996099</v>
      </c>
      <c r="E516" s="53">
        <v>53201.622590996099</v>
      </c>
      <c r="F516" s="53">
        <v>53201.622590996099</v>
      </c>
      <c r="G516" s="53">
        <v>53201.622590996099</v>
      </c>
      <c r="H516" s="53">
        <v>53201.622590996099</v>
      </c>
      <c r="I516" s="53">
        <v>53201.622590996099</v>
      </c>
      <c r="J516" s="53">
        <v>53201.622590996099</v>
      </c>
      <c r="K516" s="53">
        <v>53201.622590996099</v>
      </c>
      <c r="L516" s="53">
        <v>53201.622590996099</v>
      </c>
      <c r="M516" s="53">
        <v>53201.622590996099</v>
      </c>
      <c r="N516" s="53">
        <v>638419.47109195299</v>
      </c>
      <c r="O516" s="53">
        <v>1.36128145792705E-9</v>
      </c>
      <c r="P516" s="53">
        <v>1.36128145792705E-9</v>
      </c>
      <c r="Q516" s="53">
        <v>1.36128145792705E-9</v>
      </c>
      <c r="R516" s="53">
        <v>1.36128145792705E-9</v>
      </c>
      <c r="S516" s="53">
        <v>1.36128145792705E-9</v>
      </c>
      <c r="T516" s="53">
        <v>1.36128145792705E-9</v>
      </c>
      <c r="U516" s="53">
        <v>1.36128145792705E-9</v>
      </c>
      <c r="V516" s="53">
        <v>1.36128145792705E-9</v>
      </c>
      <c r="W516" s="53">
        <v>1.36128145792705E-9</v>
      </c>
      <c r="X516" s="53">
        <v>1.36128145792705E-9</v>
      </c>
      <c r="Y516" s="53">
        <v>1.36128145792705E-9</v>
      </c>
      <c r="Z516" s="53">
        <v>1.36128145792705E-9</v>
      </c>
      <c r="AA516" s="53">
        <v>1.63353774951247E-8</v>
      </c>
      <c r="AB516" s="53">
        <v>1.36448876888708E-9</v>
      </c>
      <c r="AC516" s="53">
        <v>1.36448876888708E-9</v>
      </c>
      <c r="AD516" s="53">
        <v>1.36448876888708E-9</v>
      </c>
      <c r="AE516" s="53">
        <v>1.36448876888708E-9</v>
      </c>
      <c r="AF516" s="53">
        <v>1.36448876888708E-9</v>
      </c>
      <c r="AG516" s="53">
        <v>1.36448876888708E-9</v>
      </c>
      <c r="AH516" s="53">
        <v>1.36448876888708E-9</v>
      </c>
      <c r="AI516" s="53">
        <v>1.36448876888708E-9</v>
      </c>
      <c r="AJ516" s="53">
        <v>1.36448876888708E-9</v>
      </c>
      <c r="AK516" s="53">
        <v>1.36448876888708E-9</v>
      </c>
      <c r="AL516" s="53">
        <v>1.36448876888708E-9</v>
      </c>
      <c r="AM516" s="53">
        <v>1.36448876888708E-9</v>
      </c>
      <c r="AN516" s="53">
        <v>1.6373865226645001E-8</v>
      </c>
      <c r="AO516" s="53">
        <v>5.7870749068721503</v>
      </c>
      <c r="AP516" s="53">
        <v>5.7870749068721503</v>
      </c>
      <c r="AQ516" s="53">
        <v>5.7870749068721503</v>
      </c>
      <c r="AR516" s="53">
        <v>5.7870749068721503</v>
      </c>
      <c r="AS516" s="53">
        <v>5.7870749068721503</v>
      </c>
      <c r="AT516" s="53">
        <v>5.7870749068721503</v>
      </c>
      <c r="AU516" s="53">
        <v>5.7870749068721503</v>
      </c>
      <c r="AV516" s="53">
        <v>5.7870749068721503</v>
      </c>
      <c r="AW516" s="53">
        <v>5.7870749068721503</v>
      </c>
      <c r="AX516" s="53">
        <v>5.7870749068721503</v>
      </c>
      <c r="AY516" s="53">
        <v>5.7870749068721503</v>
      </c>
      <c r="AZ516" s="53">
        <v>5.7870749068721503</v>
      </c>
      <c r="BA516" s="53">
        <v>69.444898882465793</v>
      </c>
    </row>
    <row r="517" spans="1:53">
      <c r="A517" s="52" t="s">
        <v>3831</v>
      </c>
      <c r="B517" s="53">
        <v>366537.17</v>
      </c>
      <c r="C517" s="53">
        <v>366537.17</v>
      </c>
      <c r="D517" s="53">
        <v>366537.17</v>
      </c>
      <c r="E517" s="53">
        <v>366537.17</v>
      </c>
      <c r="F517" s="53">
        <v>366537.17</v>
      </c>
      <c r="G517" s="53">
        <v>366537.17</v>
      </c>
      <c r="H517" s="53">
        <v>366537.17</v>
      </c>
      <c r="I517" s="53">
        <v>366537.17</v>
      </c>
      <c r="J517" s="53">
        <v>366537.17</v>
      </c>
      <c r="K517" s="53">
        <v>366537.17</v>
      </c>
      <c r="L517" s="53">
        <v>366537.17</v>
      </c>
      <c r="M517" s="53">
        <v>366537.17</v>
      </c>
      <c r="N517" s="53">
        <v>4398446.04</v>
      </c>
      <c r="O517" s="53">
        <v>351625.17</v>
      </c>
      <c r="P517" s="53">
        <v>349974.17</v>
      </c>
      <c r="Q517" s="53">
        <v>351209.17</v>
      </c>
      <c r="R517" s="53">
        <v>353891.17</v>
      </c>
      <c r="S517" s="53">
        <v>360845.17</v>
      </c>
      <c r="T517" s="53">
        <v>365474.17</v>
      </c>
      <c r="U517" s="53">
        <v>368929.17</v>
      </c>
      <c r="V517" s="53">
        <v>371453.17</v>
      </c>
      <c r="W517" s="53">
        <v>369200.17</v>
      </c>
      <c r="X517" s="53">
        <v>372749.17</v>
      </c>
      <c r="Y517" s="53">
        <v>378817.17</v>
      </c>
      <c r="Z517" s="53">
        <v>380960.17</v>
      </c>
      <c r="AA517" s="53">
        <v>4375128.04</v>
      </c>
      <c r="AB517" s="53">
        <v>390922.17</v>
      </c>
      <c r="AC517" s="53">
        <v>389271.17</v>
      </c>
      <c r="AD517" s="53">
        <v>390506.17</v>
      </c>
      <c r="AE517" s="53">
        <v>393188.17</v>
      </c>
      <c r="AF517" s="53">
        <v>400142.17</v>
      </c>
      <c r="AG517" s="53">
        <v>404771.17</v>
      </c>
      <c r="AH517" s="53">
        <v>408226.17</v>
      </c>
      <c r="AI517" s="53">
        <v>410750.17</v>
      </c>
      <c r="AJ517" s="53">
        <v>408497.17</v>
      </c>
      <c r="AK517" s="53">
        <v>412046.17</v>
      </c>
      <c r="AL517" s="53">
        <v>418114.17</v>
      </c>
      <c r="AM517" s="53">
        <v>420257.17</v>
      </c>
      <c r="AN517" s="53">
        <v>4846692.04</v>
      </c>
      <c r="AO517" s="53">
        <v>429441.17</v>
      </c>
      <c r="AP517" s="53">
        <v>427790.17</v>
      </c>
      <c r="AQ517" s="53">
        <v>429025.17</v>
      </c>
      <c r="AR517" s="53">
        <v>431707.17</v>
      </c>
      <c r="AS517" s="53">
        <v>438661.17</v>
      </c>
      <c r="AT517" s="53">
        <v>443290.17</v>
      </c>
      <c r="AU517" s="53">
        <v>446745.17</v>
      </c>
      <c r="AV517" s="53">
        <v>449269.17</v>
      </c>
      <c r="AW517" s="53">
        <v>447016.17</v>
      </c>
      <c r="AX517" s="53">
        <v>450565.17</v>
      </c>
      <c r="AY517" s="53">
        <v>456633.17</v>
      </c>
      <c r="AZ517" s="53">
        <v>458776.17</v>
      </c>
      <c r="BA517" s="53">
        <v>5308920.04</v>
      </c>
    </row>
    <row r="518" spans="1:53">
      <c r="A518" s="52" t="s">
        <v>3832</v>
      </c>
      <c r="B518" s="53">
        <v>0</v>
      </c>
      <c r="C518" s="53">
        <v>0</v>
      </c>
      <c r="D518" s="53">
        <v>0</v>
      </c>
      <c r="E518" s="53">
        <v>0</v>
      </c>
      <c r="F518" s="53">
        <v>0</v>
      </c>
      <c r="G518" s="53">
        <v>0</v>
      </c>
      <c r="H518" s="53">
        <v>0</v>
      </c>
      <c r="I518" s="53">
        <v>0</v>
      </c>
      <c r="J518" s="53">
        <v>0</v>
      </c>
      <c r="K518" s="53">
        <v>0</v>
      </c>
      <c r="L518" s="53">
        <v>0</v>
      </c>
      <c r="M518" s="53">
        <v>0</v>
      </c>
      <c r="N518" s="53">
        <v>0</v>
      </c>
      <c r="O518" s="53">
        <v>0</v>
      </c>
      <c r="P518" s="53">
        <v>0</v>
      </c>
      <c r="Q518" s="53">
        <v>0</v>
      </c>
      <c r="R518" s="53">
        <v>0</v>
      </c>
      <c r="S518" s="53">
        <v>0</v>
      </c>
      <c r="T518" s="53">
        <v>0</v>
      </c>
      <c r="U518" s="53">
        <v>0</v>
      </c>
      <c r="V518" s="53">
        <v>0</v>
      </c>
      <c r="W518" s="53">
        <v>0</v>
      </c>
      <c r="X518" s="53">
        <v>0</v>
      </c>
      <c r="Y518" s="53">
        <v>0</v>
      </c>
      <c r="Z518" s="53">
        <v>0</v>
      </c>
      <c r="AA518" s="53">
        <v>0</v>
      </c>
      <c r="AB518" s="53">
        <v>0</v>
      </c>
      <c r="AC518" s="53">
        <v>0</v>
      </c>
      <c r="AD518" s="53">
        <v>0</v>
      </c>
      <c r="AE518" s="53">
        <v>0</v>
      </c>
      <c r="AF518" s="53">
        <v>0</v>
      </c>
      <c r="AG518" s="53">
        <v>0</v>
      </c>
      <c r="AH518" s="53">
        <v>0</v>
      </c>
      <c r="AI518" s="53">
        <v>0</v>
      </c>
      <c r="AJ518" s="53">
        <v>0</v>
      </c>
      <c r="AK518" s="53">
        <v>0</v>
      </c>
      <c r="AL518" s="53">
        <v>0</v>
      </c>
      <c r="AM518" s="53">
        <v>0</v>
      </c>
      <c r="AN518" s="53">
        <v>0</v>
      </c>
      <c r="AO518" s="53">
        <v>0</v>
      </c>
      <c r="AP518" s="53">
        <v>0</v>
      </c>
      <c r="AQ518" s="53">
        <v>0</v>
      </c>
      <c r="AR518" s="53">
        <v>0</v>
      </c>
      <c r="AS518" s="53">
        <v>0</v>
      </c>
      <c r="AT518" s="53">
        <v>0</v>
      </c>
      <c r="AU518" s="53">
        <v>0</v>
      </c>
      <c r="AV518" s="53">
        <v>0</v>
      </c>
      <c r="AW518" s="53">
        <v>0</v>
      </c>
      <c r="AX518" s="53">
        <v>0</v>
      </c>
      <c r="AY518" s="53">
        <v>0</v>
      </c>
      <c r="AZ518" s="53">
        <v>0</v>
      </c>
      <c r="BA518" s="53">
        <v>0</v>
      </c>
    </row>
    <row r="519" spans="1:53">
      <c r="A519" s="236" t="s">
        <v>3833</v>
      </c>
      <c r="B519" s="53">
        <v>12044145.5314714</v>
      </c>
      <c r="C519" s="53">
        <v>7529087.5046399701</v>
      </c>
      <c r="D519" s="53">
        <v>7749809.1447582999</v>
      </c>
      <c r="E519" s="53">
        <v>8964384.9152460694</v>
      </c>
      <c r="F519" s="53">
        <v>10891460.4261888</v>
      </c>
      <c r="G519" s="53">
        <v>11230686.3593159</v>
      </c>
      <c r="H519" s="53">
        <v>11590863.914852699</v>
      </c>
      <c r="I519" s="53">
        <v>14508942.096729301</v>
      </c>
      <c r="J519" s="53">
        <v>10497726.7040562</v>
      </c>
      <c r="K519" s="53">
        <v>9250125.2590882499</v>
      </c>
      <c r="L519" s="53">
        <v>6621613.9967797697</v>
      </c>
      <c r="M519" s="53">
        <v>7776505.6579640098</v>
      </c>
      <c r="N519" s="53">
        <v>118655351.51109</v>
      </c>
      <c r="O519" s="53">
        <v>12030928.3443713</v>
      </c>
      <c r="P519" s="53">
        <v>7292899.0088637499</v>
      </c>
      <c r="Q519" s="53">
        <v>7733851.2633291697</v>
      </c>
      <c r="R519" s="53">
        <v>8931487.2867687494</v>
      </c>
      <c r="S519" s="53">
        <v>10887210.260660101</v>
      </c>
      <c r="T519" s="53">
        <v>11241649.2350414</v>
      </c>
      <c r="U519" s="53">
        <v>11642773.4148302</v>
      </c>
      <c r="V519" s="53">
        <v>14538934.7661169</v>
      </c>
      <c r="W519" s="53">
        <v>10550476.7504567</v>
      </c>
      <c r="X519" s="53">
        <v>9215616.1596962307</v>
      </c>
      <c r="Y519" s="53">
        <v>6609708.4386845501</v>
      </c>
      <c r="Z519" s="53">
        <v>7768749.1111796098</v>
      </c>
      <c r="AA519" s="53">
        <v>118444284.03999899</v>
      </c>
      <c r="AB519" s="53">
        <v>12192190.437627301</v>
      </c>
      <c r="AC519" s="53">
        <v>7396302.9605985796</v>
      </c>
      <c r="AD519" s="53">
        <v>7799739.1982622296</v>
      </c>
      <c r="AE519" s="53">
        <v>9015444.4882700294</v>
      </c>
      <c r="AF519" s="53">
        <v>11014632.737627899</v>
      </c>
      <c r="AG519" s="53">
        <v>11447431.4218865</v>
      </c>
      <c r="AH519" s="53">
        <v>11858908.1035903</v>
      </c>
      <c r="AI519" s="53">
        <v>14802351.4114438</v>
      </c>
      <c r="AJ519" s="53">
        <v>10752912.068162</v>
      </c>
      <c r="AK519" s="53">
        <v>9407961.6483395901</v>
      </c>
      <c r="AL519" s="53">
        <v>6708750.1545522297</v>
      </c>
      <c r="AM519" s="53">
        <v>7903689.9647394996</v>
      </c>
      <c r="AN519" s="53">
        <v>120300314.5951</v>
      </c>
      <c r="AO519" s="53">
        <v>12388527.4832935</v>
      </c>
      <c r="AP519" s="53">
        <v>7330164.93788849</v>
      </c>
      <c r="AQ519" s="53">
        <v>7747037.9634202505</v>
      </c>
      <c r="AR519" s="53">
        <v>9007955.9492992293</v>
      </c>
      <c r="AS519" s="53">
        <v>11164358.2026251</v>
      </c>
      <c r="AT519" s="53">
        <v>11685877.8991202</v>
      </c>
      <c r="AU519" s="53">
        <v>12142390.1205699</v>
      </c>
      <c r="AV519" s="53">
        <v>15265634.7413013</v>
      </c>
      <c r="AW519" s="53">
        <v>10994839.3825706</v>
      </c>
      <c r="AX519" s="53">
        <v>9541501.1608662698</v>
      </c>
      <c r="AY519" s="53">
        <v>6715541.7619848596</v>
      </c>
      <c r="AZ519" s="53">
        <v>7958517.1740156598</v>
      </c>
      <c r="BA519" s="53">
        <v>121942346.77695499</v>
      </c>
    </row>
    <row r="520" spans="1:53">
      <c r="A520" s="231" t="s">
        <v>3834</v>
      </c>
      <c r="B520" s="53"/>
      <c r="C520" s="53"/>
      <c r="D520" s="53"/>
      <c r="E520" s="53"/>
      <c r="F520" s="53"/>
      <c r="G520" s="53"/>
      <c r="H520" s="53"/>
      <c r="I520" s="53"/>
      <c r="J520" s="53"/>
      <c r="K520" s="53"/>
      <c r="L520" s="53"/>
      <c r="M520" s="53"/>
      <c r="N520" s="53"/>
      <c r="O520" s="53"/>
      <c r="P520" s="53"/>
      <c r="Q520" s="53"/>
      <c r="R520" s="53"/>
      <c r="S520" s="53"/>
      <c r="T520" s="53"/>
      <c r="U520" s="53"/>
      <c r="V520" s="53"/>
      <c r="W520" s="53"/>
      <c r="X520" s="53"/>
      <c r="Y520" s="53"/>
      <c r="Z520" s="53"/>
      <c r="AA520" s="53"/>
      <c r="AB520" s="53"/>
      <c r="AC520" s="53"/>
      <c r="AD520" s="53"/>
      <c r="AE520" s="53"/>
      <c r="AF520" s="53"/>
      <c r="AG520" s="53"/>
      <c r="AH520" s="53"/>
      <c r="AI520" s="53"/>
      <c r="AJ520" s="53"/>
      <c r="AK520" s="53"/>
      <c r="AL520" s="53"/>
      <c r="AM520" s="53"/>
      <c r="AN520" s="53"/>
      <c r="AO520" s="53"/>
      <c r="AP520" s="53"/>
      <c r="AQ520" s="53"/>
      <c r="AR520" s="53"/>
      <c r="AS520" s="53"/>
      <c r="AT520" s="53"/>
      <c r="AU520" s="53"/>
      <c r="AV520" s="53"/>
      <c r="AW520" s="53"/>
      <c r="AX520" s="53"/>
      <c r="AY520" s="53"/>
      <c r="AZ520" s="53"/>
      <c r="BA520" s="53"/>
    </row>
    <row r="521" spans="1:53">
      <c r="A521" s="52" t="s">
        <v>3835</v>
      </c>
      <c r="B521" s="53">
        <v>0</v>
      </c>
      <c r="C521" s="53">
        <v>0</v>
      </c>
      <c r="D521" s="53">
        <v>0</v>
      </c>
      <c r="E521" s="53">
        <v>0</v>
      </c>
      <c r="F521" s="53">
        <v>0</v>
      </c>
      <c r="G521" s="53">
        <v>0</v>
      </c>
      <c r="H521" s="53">
        <v>0</v>
      </c>
      <c r="I521" s="53">
        <v>0</v>
      </c>
      <c r="J521" s="53">
        <v>0</v>
      </c>
      <c r="K521" s="53">
        <v>0</v>
      </c>
      <c r="L521" s="53">
        <v>0</v>
      </c>
      <c r="M521" s="53">
        <v>0</v>
      </c>
      <c r="N521" s="53">
        <v>0</v>
      </c>
      <c r="O521" s="53">
        <v>0</v>
      </c>
      <c r="P521" s="53">
        <v>0</v>
      </c>
      <c r="Q521" s="53">
        <v>0</v>
      </c>
      <c r="R521" s="53">
        <v>0</v>
      </c>
      <c r="S521" s="53">
        <v>0</v>
      </c>
      <c r="T521" s="53">
        <v>0</v>
      </c>
      <c r="U521" s="53">
        <v>0</v>
      </c>
      <c r="V521" s="53">
        <v>0</v>
      </c>
      <c r="W521" s="53">
        <v>0</v>
      </c>
      <c r="X521" s="53">
        <v>0</v>
      </c>
      <c r="Y521" s="53">
        <v>0</v>
      </c>
      <c r="Z521" s="53">
        <v>0</v>
      </c>
      <c r="AA521" s="53">
        <v>0</v>
      </c>
      <c r="AB521" s="53">
        <v>0</v>
      </c>
      <c r="AC521" s="53">
        <v>0</v>
      </c>
      <c r="AD521" s="53">
        <v>0</v>
      </c>
      <c r="AE521" s="53">
        <v>0</v>
      </c>
      <c r="AF521" s="53">
        <v>0</v>
      </c>
      <c r="AG521" s="53">
        <v>0</v>
      </c>
      <c r="AH521" s="53">
        <v>0</v>
      </c>
      <c r="AI521" s="53">
        <v>0</v>
      </c>
      <c r="AJ521" s="53">
        <v>0</v>
      </c>
      <c r="AK521" s="53">
        <v>0</v>
      </c>
      <c r="AL521" s="53">
        <v>0</v>
      </c>
      <c r="AM521" s="53">
        <v>0</v>
      </c>
      <c r="AN521" s="53">
        <v>0</v>
      </c>
      <c r="AO521" s="53">
        <v>0</v>
      </c>
      <c r="AP521" s="53">
        <v>0</v>
      </c>
      <c r="AQ521" s="53">
        <v>0</v>
      </c>
      <c r="AR521" s="53">
        <v>0</v>
      </c>
      <c r="AS521" s="53">
        <v>0</v>
      </c>
      <c r="AT521" s="53">
        <v>0</v>
      </c>
      <c r="AU521" s="53">
        <v>0</v>
      </c>
      <c r="AV521" s="53">
        <v>0</v>
      </c>
      <c r="AW521" s="53">
        <v>0</v>
      </c>
      <c r="AX521" s="53">
        <v>0</v>
      </c>
      <c r="AY521" s="53">
        <v>0</v>
      </c>
      <c r="AZ521" s="53">
        <v>0</v>
      </c>
      <c r="BA521" s="53">
        <v>0</v>
      </c>
    </row>
    <row r="522" spans="1:53">
      <c r="A522" s="52" t="s">
        <v>3836</v>
      </c>
      <c r="B522" s="53">
        <v>0</v>
      </c>
      <c r="C522" s="53">
        <v>0</v>
      </c>
      <c r="D522" s="53">
        <v>0</v>
      </c>
      <c r="E522" s="53">
        <v>0</v>
      </c>
      <c r="F522" s="53">
        <v>0</v>
      </c>
      <c r="G522" s="53">
        <v>0</v>
      </c>
      <c r="H522" s="53">
        <v>0</v>
      </c>
      <c r="I522" s="53">
        <v>0</v>
      </c>
      <c r="J522" s="53">
        <v>0</v>
      </c>
      <c r="K522" s="53">
        <v>0</v>
      </c>
      <c r="L522" s="53">
        <v>0</v>
      </c>
      <c r="M522" s="53">
        <v>0</v>
      </c>
      <c r="N522" s="53">
        <v>0</v>
      </c>
      <c r="O522" s="53">
        <v>0</v>
      </c>
      <c r="P522" s="53">
        <v>0</v>
      </c>
      <c r="Q522" s="53">
        <v>0</v>
      </c>
      <c r="R522" s="53">
        <v>0</v>
      </c>
      <c r="S522" s="53">
        <v>0</v>
      </c>
      <c r="T522" s="53">
        <v>0</v>
      </c>
      <c r="U522" s="53">
        <v>0</v>
      </c>
      <c r="V522" s="53">
        <v>0</v>
      </c>
      <c r="W522" s="53">
        <v>0</v>
      </c>
      <c r="X522" s="53">
        <v>0</v>
      </c>
      <c r="Y522" s="53">
        <v>0</v>
      </c>
      <c r="Z522" s="53">
        <v>0</v>
      </c>
      <c r="AA522" s="53">
        <v>0</v>
      </c>
      <c r="AB522" s="53">
        <v>0</v>
      </c>
      <c r="AC522" s="53">
        <v>0</v>
      </c>
      <c r="AD522" s="53">
        <v>0</v>
      </c>
      <c r="AE522" s="53">
        <v>0</v>
      </c>
      <c r="AF522" s="53">
        <v>0</v>
      </c>
      <c r="AG522" s="53">
        <v>0</v>
      </c>
      <c r="AH522" s="53">
        <v>0</v>
      </c>
      <c r="AI522" s="53">
        <v>0</v>
      </c>
      <c r="AJ522" s="53">
        <v>0</v>
      </c>
      <c r="AK522" s="53">
        <v>0</v>
      </c>
      <c r="AL522" s="53">
        <v>0</v>
      </c>
      <c r="AM522" s="53">
        <v>0</v>
      </c>
      <c r="AN522" s="53">
        <v>0</v>
      </c>
      <c r="AO522" s="53">
        <v>0</v>
      </c>
      <c r="AP522" s="53">
        <v>0</v>
      </c>
      <c r="AQ522" s="53">
        <v>0</v>
      </c>
      <c r="AR522" s="53">
        <v>0</v>
      </c>
      <c r="AS522" s="53">
        <v>0</v>
      </c>
      <c r="AT522" s="53">
        <v>0</v>
      </c>
      <c r="AU522" s="53">
        <v>0</v>
      </c>
      <c r="AV522" s="53">
        <v>0</v>
      </c>
      <c r="AW522" s="53">
        <v>0</v>
      </c>
      <c r="AX522" s="53">
        <v>0</v>
      </c>
      <c r="AY522" s="53">
        <v>0</v>
      </c>
      <c r="AZ522" s="53">
        <v>0</v>
      </c>
      <c r="BA522" s="53">
        <v>0</v>
      </c>
    </row>
    <row r="523" spans="1:53">
      <c r="A523" s="52" t="s">
        <v>3837</v>
      </c>
      <c r="B523" s="53">
        <v>0</v>
      </c>
      <c r="C523" s="53">
        <v>0</v>
      </c>
      <c r="D523" s="53">
        <v>0</v>
      </c>
      <c r="E523" s="53">
        <v>0</v>
      </c>
      <c r="F523" s="53">
        <v>0</v>
      </c>
      <c r="G523" s="53">
        <v>0</v>
      </c>
      <c r="H523" s="53">
        <v>0</v>
      </c>
      <c r="I523" s="53">
        <v>0</v>
      </c>
      <c r="J523" s="53">
        <v>0</v>
      </c>
      <c r="K523" s="53">
        <v>0</v>
      </c>
      <c r="L523" s="53">
        <v>0</v>
      </c>
      <c r="M523" s="53">
        <v>0</v>
      </c>
      <c r="N523" s="53">
        <v>0</v>
      </c>
      <c r="O523" s="53">
        <v>0</v>
      </c>
      <c r="P523" s="53">
        <v>0</v>
      </c>
      <c r="Q523" s="53">
        <v>0</v>
      </c>
      <c r="R523" s="53">
        <v>0</v>
      </c>
      <c r="S523" s="53">
        <v>0</v>
      </c>
      <c r="T523" s="53">
        <v>0</v>
      </c>
      <c r="U523" s="53">
        <v>0</v>
      </c>
      <c r="V523" s="53">
        <v>0</v>
      </c>
      <c r="W523" s="53">
        <v>0</v>
      </c>
      <c r="X523" s="53">
        <v>0</v>
      </c>
      <c r="Y523" s="53">
        <v>0</v>
      </c>
      <c r="Z523" s="53">
        <v>0</v>
      </c>
      <c r="AA523" s="53">
        <v>0</v>
      </c>
      <c r="AB523" s="53">
        <v>0</v>
      </c>
      <c r="AC523" s="53">
        <v>0</v>
      </c>
      <c r="AD523" s="53">
        <v>0</v>
      </c>
      <c r="AE523" s="53">
        <v>0</v>
      </c>
      <c r="AF523" s="53">
        <v>0</v>
      </c>
      <c r="AG523" s="53">
        <v>0</v>
      </c>
      <c r="AH523" s="53">
        <v>0</v>
      </c>
      <c r="AI523" s="53">
        <v>0</v>
      </c>
      <c r="AJ523" s="53">
        <v>0</v>
      </c>
      <c r="AK523" s="53">
        <v>0</v>
      </c>
      <c r="AL523" s="53">
        <v>0</v>
      </c>
      <c r="AM523" s="53">
        <v>0</v>
      </c>
      <c r="AN523" s="53">
        <v>0</v>
      </c>
      <c r="AO523" s="53">
        <v>0</v>
      </c>
      <c r="AP523" s="53">
        <v>0</v>
      </c>
      <c r="AQ523" s="53">
        <v>0</v>
      </c>
      <c r="AR523" s="53">
        <v>0</v>
      </c>
      <c r="AS523" s="53">
        <v>0</v>
      </c>
      <c r="AT523" s="53">
        <v>0</v>
      </c>
      <c r="AU523" s="53">
        <v>0</v>
      </c>
      <c r="AV523" s="53">
        <v>0</v>
      </c>
      <c r="AW523" s="53">
        <v>0</v>
      </c>
      <c r="AX523" s="53">
        <v>0</v>
      </c>
      <c r="AY523" s="53">
        <v>0</v>
      </c>
      <c r="AZ523" s="53">
        <v>0</v>
      </c>
      <c r="BA523" s="53">
        <v>0</v>
      </c>
    </row>
    <row r="524" spans="1:53">
      <c r="A524" s="52" t="s">
        <v>3838</v>
      </c>
      <c r="B524" s="53">
        <v>21518.382161777899</v>
      </c>
      <c r="C524" s="53">
        <v>21519.272161778001</v>
      </c>
      <c r="D524" s="53">
        <v>26015.662161778</v>
      </c>
      <c r="E524" s="53">
        <v>26017.322161777902</v>
      </c>
      <c r="F524" s="53">
        <v>35135.902161778002</v>
      </c>
      <c r="G524" s="53">
        <v>26015.382161778001</v>
      </c>
      <c r="H524" s="53">
        <v>26016.042161777899</v>
      </c>
      <c r="I524" s="53">
        <v>26017.6521617779</v>
      </c>
      <c r="J524" s="53">
        <v>26015.792161778001</v>
      </c>
      <c r="K524" s="53">
        <v>26376.922161777999</v>
      </c>
      <c r="L524" s="53">
        <v>35675.642161778</v>
      </c>
      <c r="M524" s="53">
        <v>26375.532161777999</v>
      </c>
      <c r="N524" s="53">
        <v>322699.50594133598</v>
      </c>
      <c r="O524" s="53">
        <v>39304.382161777903</v>
      </c>
      <c r="P524" s="53">
        <v>39305.272161777997</v>
      </c>
      <c r="Q524" s="53">
        <v>43801.662161777997</v>
      </c>
      <c r="R524" s="53">
        <v>43803.322161778</v>
      </c>
      <c r="S524" s="53">
        <v>43126.902161778002</v>
      </c>
      <c r="T524" s="53">
        <v>43801.382161777998</v>
      </c>
      <c r="U524" s="53">
        <v>43802.042161777899</v>
      </c>
      <c r="V524" s="53">
        <v>43803.6521617779</v>
      </c>
      <c r="W524" s="53">
        <v>34006.792161778001</v>
      </c>
      <c r="X524" s="53">
        <v>44162.922161777999</v>
      </c>
      <c r="Y524" s="53">
        <v>-16536.357838222</v>
      </c>
      <c r="Z524" s="53">
        <v>-79680.467838221899</v>
      </c>
      <c r="AA524" s="53">
        <v>322701.50594133598</v>
      </c>
      <c r="AB524" s="53">
        <v>39304.382161777903</v>
      </c>
      <c r="AC524" s="53">
        <v>39305.272161777997</v>
      </c>
      <c r="AD524" s="53">
        <v>43801.662161777997</v>
      </c>
      <c r="AE524" s="53">
        <v>43803.322161778</v>
      </c>
      <c r="AF524" s="53">
        <v>43126.902161778002</v>
      </c>
      <c r="AG524" s="53">
        <v>43801.382161777998</v>
      </c>
      <c r="AH524" s="53">
        <v>43802.042161777899</v>
      </c>
      <c r="AI524" s="53">
        <v>43803.6521617779</v>
      </c>
      <c r="AJ524" s="53">
        <v>34006.792161778001</v>
      </c>
      <c r="AK524" s="53">
        <v>44162.922161777999</v>
      </c>
      <c r="AL524" s="53">
        <v>-16536.357838222</v>
      </c>
      <c r="AM524" s="53">
        <v>-79680.467838221899</v>
      </c>
      <c r="AN524" s="53">
        <v>322701.50594133598</v>
      </c>
      <c r="AO524" s="53">
        <v>38126.589999999997</v>
      </c>
      <c r="AP524" s="53">
        <v>38127.480000000003</v>
      </c>
      <c r="AQ524" s="53">
        <v>42623.87</v>
      </c>
      <c r="AR524" s="53">
        <v>42625.53</v>
      </c>
      <c r="AS524" s="53">
        <v>41949.11</v>
      </c>
      <c r="AT524" s="53">
        <v>42623.59</v>
      </c>
      <c r="AU524" s="53">
        <v>42624.249999999898</v>
      </c>
      <c r="AV524" s="53">
        <v>42625.859999999899</v>
      </c>
      <c r="AW524" s="53">
        <v>32829</v>
      </c>
      <c r="AX524" s="53">
        <v>42985.13</v>
      </c>
      <c r="AY524" s="53">
        <v>-17714.150000000001</v>
      </c>
      <c r="AZ524" s="53">
        <v>-80858.259999999893</v>
      </c>
      <c r="BA524" s="53">
        <v>308568</v>
      </c>
    </row>
    <row r="525" spans="1:53">
      <c r="A525" s="52" t="s">
        <v>3839</v>
      </c>
      <c r="B525" s="53">
        <v>0</v>
      </c>
      <c r="C525" s="53">
        <v>0</v>
      </c>
      <c r="D525" s="53">
        <v>0</v>
      </c>
      <c r="E525" s="53">
        <v>0</v>
      </c>
      <c r="F525" s="53">
        <v>0</v>
      </c>
      <c r="G525" s="53">
        <v>0</v>
      </c>
      <c r="H525" s="53">
        <v>0</v>
      </c>
      <c r="I525" s="53">
        <v>0</v>
      </c>
      <c r="J525" s="53">
        <v>0</v>
      </c>
      <c r="K525" s="53">
        <v>0</v>
      </c>
      <c r="L525" s="53">
        <v>0</v>
      </c>
      <c r="M525" s="53">
        <v>0</v>
      </c>
      <c r="N525" s="53">
        <v>0</v>
      </c>
      <c r="O525" s="53">
        <v>0</v>
      </c>
      <c r="P525" s="53">
        <v>0</v>
      </c>
      <c r="Q525" s="53">
        <v>0</v>
      </c>
      <c r="R525" s="53">
        <v>0</v>
      </c>
      <c r="S525" s="53">
        <v>0</v>
      </c>
      <c r="T525" s="53">
        <v>0</v>
      </c>
      <c r="U525" s="53">
        <v>0</v>
      </c>
      <c r="V525" s="53">
        <v>0</v>
      </c>
      <c r="W525" s="53">
        <v>0</v>
      </c>
      <c r="X525" s="53">
        <v>0</v>
      </c>
      <c r="Y525" s="53">
        <v>0</v>
      </c>
      <c r="Z525" s="53">
        <v>0</v>
      </c>
      <c r="AA525" s="53">
        <v>0</v>
      </c>
      <c r="AB525" s="53">
        <v>0</v>
      </c>
      <c r="AC525" s="53">
        <v>0</v>
      </c>
      <c r="AD525" s="53">
        <v>0</v>
      </c>
      <c r="AE525" s="53">
        <v>0</v>
      </c>
      <c r="AF525" s="53">
        <v>0</v>
      </c>
      <c r="AG525" s="53">
        <v>0</v>
      </c>
      <c r="AH525" s="53">
        <v>0</v>
      </c>
      <c r="AI525" s="53">
        <v>0</v>
      </c>
      <c r="AJ525" s="53">
        <v>0</v>
      </c>
      <c r="AK525" s="53">
        <v>0</v>
      </c>
      <c r="AL525" s="53">
        <v>0</v>
      </c>
      <c r="AM525" s="53">
        <v>0</v>
      </c>
      <c r="AN525" s="53">
        <v>0</v>
      </c>
      <c r="AO525" s="53">
        <v>0</v>
      </c>
      <c r="AP525" s="53">
        <v>0</v>
      </c>
      <c r="AQ525" s="53">
        <v>0</v>
      </c>
      <c r="AR525" s="53">
        <v>0</v>
      </c>
      <c r="AS525" s="53">
        <v>0</v>
      </c>
      <c r="AT525" s="53">
        <v>0</v>
      </c>
      <c r="AU525" s="53">
        <v>0</v>
      </c>
      <c r="AV525" s="53">
        <v>0</v>
      </c>
      <c r="AW525" s="53">
        <v>0</v>
      </c>
      <c r="AX525" s="53">
        <v>0</v>
      </c>
      <c r="AY525" s="53">
        <v>0</v>
      </c>
      <c r="AZ525" s="53">
        <v>0</v>
      </c>
      <c r="BA525" s="53">
        <v>0</v>
      </c>
    </row>
    <row r="526" spans="1:53">
      <c r="A526" s="52" t="s">
        <v>3840</v>
      </c>
      <c r="B526" s="53">
        <v>0</v>
      </c>
      <c r="C526" s="53">
        <v>0</v>
      </c>
      <c r="D526" s="53">
        <v>0</v>
      </c>
      <c r="E526" s="53">
        <v>0</v>
      </c>
      <c r="F526" s="53">
        <v>0</v>
      </c>
      <c r="G526" s="53">
        <v>0</v>
      </c>
      <c r="H526" s="53">
        <v>0</v>
      </c>
      <c r="I526" s="53">
        <v>0</v>
      </c>
      <c r="J526" s="53">
        <v>0</v>
      </c>
      <c r="K526" s="53">
        <v>0</v>
      </c>
      <c r="L526" s="53">
        <v>0</v>
      </c>
      <c r="M526" s="53">
        <v>0</v>
      </c>
      <c r="N526" s="53">
        <v>0</v>
      </c>
      <c r="O526" s="53">
        <v>0</v>
      </c>
      <c r="P526" s="53">
        <v>0</v>
      </c>
      <c r="Q526" s="53">
        <v>0</v>
      </c>
      <c r="R526" s="53">
        <v>0</v>
      </c>
      <c r="S526" s="53">
        <v>0</v>
      </c>
      <c r="T526" s="53">
        <v>0</v>
      </c>
      <c r="U526" s="53">
        <v>0</v>
      </c>
      <c r="V526" s="53">
        <v>0</v>
      </c>
      <c r="W526" s="53">
        <v>0</v>
      </c>
      <c r="X526" s="53">
        <v>0</v>
      </c>
      <c r="Y526" s="53">
        <v>0</v>
      </c>
      <c r="Z526" s="53">
        <v>0</v>
      </c>
      <c r="AA526" s="53">
        <v>0</v>
      </c>
      <c r="AB526" s="53">
        <v>0</v>
      </c>
      <c r="AC526" s="53">
        <v>0</v>
      </c>
      <c r="AD526" s="53">
        <v>0</v>
      </c>
      <c r="AE526" s="53">
        <v>0</v>
      </c>
      <c r="AF526" s="53">
        <v>0</v>
      </c>
      <c r="AG526" s="53">
        <v>0</v>
      </c>
      <c r="AH526" s="53">
        <v>0</v>
      </c>
      <c r="AI526" s="53">
        <v>0</v>
      </c>
      <c r="AJ526" s="53">
        <v>0</v>
      </c>
      <c r="AK526" s="53">
        <v>0</v>
      </c>
      <c r="AL526" s="53">
        <v>0</v>
      </c>
      <c r="AM526" s="53">
        <v>0</v>
      </c>
      <c r="AN526" s="53">
        <v>0</v>
      </c>
      <c r="AO526" s="53">
        <v>0</v>
      </c>
      <c r="AP526" s="53">
        <v>0</v>
      </c>
      <c r="AQ526" s="53">
        <v>0</v>
      </c>
      <c r="AR526" s="53">
        <v>0</v>
      </c>
      <c r="AS526" s="53">
        <v>0</v>
      </c>
      <c r="AT526" s="53">
        <v>0</v>
      </c>
      <c r="AU526" s="53">
        <v>0</v>
      </c>
      <c r="AV526" s="53">
        <v>0</v>
      </c>
      <c r="AW526" s="53">
        <v>0</v>
      </c>
      <c r="AX526" s="53">
        <v>0</v>
      </c>
      <c r="AY526" s="53">
        <v>0</v>
      </c>
      <c r="AZ526" s="53">
        <v>0</v>
      </c>
      <c r="BA526" s="53">
        <v>0</v>
      </c>
    </row>
    <row r="527" spans="1:53">
      <c r="A527" s="52" t="s">
        <v>3841</v>
      </c>
      <c r="B527" s="53">
        <v>0</v>
      </c>
      <c r="C527" s="53">
        <v>0</v>
      </c>
      <c r="D527" s="53">
        <v>0</v>
      </c>
      <c r="E527" s="53">
        <v>0</v>
      </c>
      <c r="F527" s="53">
        <v>0</v>
      </c>
      <c r="G527" s="53">
        <v>0</v>
      </c>
      <c r="H527" s="53">
        <v>0</v>
      </c>
      <c r="I527" s="53">
        <v>0</v>
      </c>
      <c r="J527" s="53">
        <v>0</v>
      </c>
      <c r="K527" s="53">
        <v>0</v>
      </c>
      <c r="L527" s="53">
        <v>0</v>
      </c>
      <c r="M527" s="53">
        <v>0</v>
      </c>
      <c r="N527" s="53">
        <v>0</v>
      </c>
      <c r="O527" s="53">
        <v>0</v>
      </c>
      <c r="P527" s="53">
        <v>0</v>
      </c>
      <c r="Q527" s="53">
        <v>0</v>
      </c>
      <c r="R527" s="53">
        <v>0</v>
      </c>
      <c r="S527" s="53">
        <v>0</v>
      </c>
      <c r="T527" s="53">
        <v>0</v>
      </c>
      <c r="U527" s="53">
        <v>0</v>
      </c>
      <c r="V527" s="53">
        <v>0</v>
      </c>
      <c r="W527" s="53">
        <v>0</v>
      </c>
      <c r="X527" s="53">
        <v>0</v>
      </c>
      <c r="Y527" s="53">
        <v>0</v>
      </c>
      <c r="Z527" s="53">
        <v>0</v>
      </c>
      <c r="AA527" s="53">
        <v>0</v>
      </c>
      <c r="AB527" s="53">
        <v>0</v>
      </c>
      <c r="AC527" s="53">
        <v>0</v>
      </c>
      <c r="AD527" s="53">
        <v>0</v>
      </c>
      <c r="AE527" s="53">
        <v>0</v>
      </c>
      <c r="AF527" s="53">
        <v>0</v>
      </c>
      <c r="AG527" s="53">
        <v>0</v>
      </c>
      <c r="AH527" s="53">
        <v>0</v>
      </c>
      <c r="AI527" s="53">
        <v>0</v>
      </c>
      <c r="AJ527" s="53">
        <v>0</v>
      </c>
      <c r="AK527" s="53">
        <v>0</v>
      </c>
      <c r="AL527" s="53">
        <v>0</v>
      </c>
      <c r="AM527" s="53">
        <v>0</v>
      </c>
      <c r="AN527" s="53">
        <v>0</v>
      </c>
      <c r="AO527" s="53">
        <v>0</v>
      </c>
      <c r="AP527" s="53">
        <v>0</v>
      </c>
      <c r="AQ527" s="53">
        <v>0</v>
      </c>
      <c r="AR527" s="53">
        <v>0</v>
      </c>
      <c r="AS527" s="53">
        <v>0</v>
      </c>
      <c r="AT527" s="53">
        <v>0</v>
      </c>
      <c r="AU527" s="53">
        <v>0</v>
      </c>
      <c r="AV527" s="53">
        <v>0</v>
      </c>
      <c r="AW527" s="53">
        <v>0</v>
      </c>
      <c r="AX527" s="53">
        <v>0</v>
      </c>
      <c r="AY527" s="53">
        <v>0</v>
      </c>
      <c r="AZ527" s="53">
        <v>0</v>
      </c>
      <c r="BA527" s="53">
        <v>0</v>
      </c>
    </row>
    <row r="528" spans="1:53">
      <c r="A528" s="52" t="s">
        <v>3842</v>
      </c>
      <c r="B528" s="53">
        <v>0</v>
      </c>
      <c r="C528" s="53">
        <v>0</v>
      </c>
      <c r="D528" s="53">
        <v>0</v>
      </c>
      <c r="E528" s="53">
        <v>0</v>
      </c>
      <c r="F528" s="53">
        <v>0</v>
      </c>
      <c r="G528" s="53">
        <v>0</v>
      </c>
      <c r="H528" s="53">
        <v>0</v>
      </c>
      <c r="I528" s="53">
        <v>0</v>
      </c>
      <c r="J528" s="53">
        <v>0</v>
      </c>
      <c r="K528" s="53">
        <v>0</v>
      </c>
      <c r="L528" s="53">
        <v>0</v>
      </c>
      <c r="M528" s="53">
        <v>0</v>
      </c>
      <c r="N528" s="53">
        <v>0</v>
      </c>
      <c r="O528" s="53">
        <v>0</v>
      </c>
      <c r="P528" s="53">
        <v>0</v>
      </c>
      <c r="Q528" s="53">
        <v>0</v>
      </c>
      <c r="R528" s="53">
        <v>0</v>
      </c>
      <c r="S528" s="53">
        <v>0</v>
      </c>
      <c r="T528" s="53">
        <v>0</v>
      </c>
      <c r="U528" s="53">
        <v>0</v>
      </c>
      <c r="V528" s="53">
        <v>0</v>
      </c>
      <c r="W528" s="53">
        <v>0</v>
      </c>
      <c r="X528" s="53">
        <v>0</v>
      </c>
      <c r="Y528" s="53">
        <v>0</v>
      </c>
      <c r="Z528" s="53">
        <v>0</v>
      </c>
      <c r="AA528" s="53">
        <v>0</v>
      </c>
      <c r="AB528" s="53">
        <v>0</v>
      </c>
      <c r="AC528" s="53">
        <v>0</v>
      </c>
      <c r="AD528" s="53">
        <v>0</v>
      </c>
      <c r="AE528" s="53">
        <v>0</v>
      </c>
      <c r="AF528" s="53">
        <v>0</v>
      </c>
      <c r="AG528" s="53">
        <v>0</v>
      </c>
      <c r="AH528" s="53">
        <v>0</v>
      </c>
      <c r="AI528" s="53">
        <v>0</v>
      </c>
      <c r="AJ528" s="53">
        <v>0</v>
      </c>
      <c r="AK528" s="53">
        <v>0</v>
      </c>
      <c r="AL528" s="53">
        <v>0</v>
      </c>
      <c r="AM528" s="53">
        <v>0</v>
      </c>
      <c r="AN528" s="53">
        <v>0</v>
      </c>
      <c r="AO528" s="53">
        <v>0</v>
      </c>
      <c r="AP528" s="53">
        <v>0</v>
      </c>
      <c r="AQ528" s="53">
        <v>0</v>
      </c>
      <c r="AR528" s="53">
        <v>0</v>
      </c>
      <c r="AS528" s="53">
        <v>0</v>
      </c>
      <c r="AT528" s="53">
        <v>0</v>
      </c>
      <c r="AU528" s="53">
        <v>0</v>
      </c>
      <c r="AV528" s="53">
        <v>0</v>
      </c>
      <c r="AW528" s="53">
        <v>0</v>
      </c>
      <c r="AX528" s="53">
        <v>0</v>
      </c>
      <c r="AY528" s="53">
        <v>0</v>
      </c>
      <c r="AZ528" s="53">
        <v>0</v>
      </c>
      <c r="BA528" s="53">
        <v>0</v>
      </c>
    </row>
    <row r="529" spans="1:53">
      <c r="A529" s="52" t="s">
        <v>3843</v>
      </c>
      <c r="B529" s="53">
        <v>0</v>
      </c>
      <c r="C529" s="53">
        <v>0</v>
      </c>
      <c r="D529" s="53">
        <v>0</v>
      </c>
      <c r="E529" s="53">
        <v>0</v>
      </c>
      <c r="F529" s="53">
        <v>0</v>
      </c>
      <c r="G529" s="53">
        <v>0</v>
      </c>
      <c r="H529" s="53">
        <v>0</v>
      </c>
      <c r="I529" s="53">
        <v>0</v>
      </c>
      <c r="J529" s="53">
        <v>0</v>
      </c>
      <c r="K529" s="53">
        <v>0</v>
      </c>
      <c r="L529" s="53">
        <v>0</v>
      </c>
      <c r="M529" s="53">
        <v>0</v>
      </c>
      <c r="N529" s="53">
        <v>0</v>
      </c>
      <c r="O529" s="53">
        <v>0</v>
      </c>
      <c r="P529" s="53">
        <v>0</v>
      </c>
      <c r="Q529" s="53">
        <v>0</v>
      </c>
      <c r="R529" s="53">
        <v>0</v>
      </c>
      <c r="S529" s="53">
        <v>0</v>
      </c>
      <c r="T529" s="53">
        <v>0</v>
      </c>
      <c r="U529" s="53">
        <v>0</v>
      </c>
      <c r="V529" s="53">
        <v>0</v>
      </c>
      <c r="W529" s="53">
        <v>0</v>
      </c>
      <c r="X529" s="53">
        <v>0</v>
      </c>
      <c r="Y529" s="53">
        <v>0</v>
      </c>
      <c r="Z529" s="53">
        <v>0</v>
      </c>
      <c r="AA529" s="53">
        <v>0</v>
      </c>
      <c r="AB529" s="53">
        <v>0</v>
      </c>
      <c r="AC529" s="53">
        <v>0</v>
      </c>
      <c r="AD529" s="53">
        <v>0</v>
      </c>
      <c r="AE529" s="53">
        <v>0</v>
      </c>
      <c r="AF529" s="53">
        <v>0</v>
      </c>
      <c r="AG529" s="53">
        <v>0</v>
      </c>
      <c r="AH529" s="53">
        <v>0</v>
      </c>
      <c r="AI529" s="53">
        <v>0</v>
      </c>
      <c r="AJ529" s="53">
        <v>0</v>
      </c>
      <c r="AK529" s="53">
        <v>0</v>
      </c>
      <c r="AL529" s="53">
        <v>0</v>
      </c>
      <c r="AM529" s="53">
        <v>0</v>
      </c>
      <c r="AN529" s="53">
        <v>0</v>
      </c>
      <c r="AO529" s="53">
        <v>0</v>
      </c>
      <c r="AP529" s="53">
        <v>0</v>
      </c>
      <c r="AQ529" s="53">
        <v>0</v>
      </c>
      <c r="AR529" s="53">
        <v>0</v>
      </c>
      <c r="AS529" s="53">
        <v>0</v>
      </c>
      <c r="AT529" s="53">
        <v>0</v>
      </c>
      <c r="AU529" s="53">
        <v>0</v>
      </c>
      <c r="AV529" s="53">
        <v>0</v>
      </c>
      <c r="AW529" s="53">
        <v>0</v>
      </c>
      <c r="AX529" s="53">
        <v>0</v>
      </c>
      <c r="AY529" s="53">
        <v>0</v>
      </c>
      <c r="AZ529" s="53">
        <v>0</v>
      </c>
      <c r="BA529" s="53">
        <v>0</v>
      </c>
    </row>
    <row r="530" spans="1:53">
      <c r="A530" s="52" t="s">
        <v>3844</v>
      </c>
      <c r="B530" s="53">
        <v>0</v>
      </c>
      <c r="C530" s="53">
        <v>0</v>
      </c>
      <c r="D530" s="53">
        <v>0</v>
      </c>
      <c r="E530" s="53">
        <v>0</v>
      </c>
      <c r="F530" s="53">
        <v>0</v>
      </c>
      <c r="G530" s="53">
        <v>0</v>
      </c>
      <c r="H530" s="53">
        <v>0</v>
      </c>
      <c r="I530" s="53">
        <v>0</v>
      </c>
      <c r="J530" s="53">
        <v>0</v>
      </c>
      <c r="K530" s="53">
        <v>0</v>
      </c>
      <c r="L530" s="53">
        <v>0</v>
      </c>
      <c r="M530" s="53">
        <v>0</v>
      </c>
      <c r="N530" s="53">
        <v>0</v>
      </c>
      <c r="O530" s="53">
        <v>0</v>
      </c>
      <c r="P530" s="53">
        <v>0</v>
      </c>
      <c r="Q530" s="53">
        <v>0</v>
      </c>
      <c r="R530" s="53">
        <v>0</v>
      </c>
      <c r="S530" s="53">
        <v>0</v>
      </c>
      <c r="T530" s="53">
        <v>0</v>
      </c>
      <c r="U530" s="53">
        <v>0</v>
      </c>
      <c r="V530" s="53">
        <v>0</v>
      </c>
      <c r="W530" s="53">
        <v>0</v>
      </c>
      <c r="X530" s="53">
        <v>0</v>
      </c>
      <c r="Y530" s="53">
        <v>0</v>
      </c>
      <c r="Z530" s="53">
        <v>0</v>
      </c>
      <c r="AA530" s="53">
        <v>0</v>
      </c>
      <c r="AB530" s="53">
        <v>0</v>
      </c>
      <c r="AC530" s="53">
        <v>0</v>
      </c>
      <c r="AD530" s="53">
        <v>0</v>
      </c>
      <c r="AE530" s="53">
        <v>0</v>
      </c>
      <c r="AF530" s="53">
        <v>0</v>
      </c>
      <c r="AG530" s="53">
        <v>0</v>
      </c>
      <c r="AH530" s="53">
        <v>0</v>
      </c>
      <c r="AI530" s="53">
        <v>0</v>
      </c>
      <c r="AJ530" s="53">
        <v>0</v>
      </c>
      <c r="AK530" s="53">
        <v>0</v>
      </c>
      <c r="AL530" s="53">
        <v>0</v>
      </c>
      <c r="AM530" s="53">
        <v>0</v>
      </c>
      <c r="AN530" s="53">
        <v>0</v>
      </c>
      <c r="AO530" s="53">
        <v>0</v>
      </c>
      <c r="AP530" s="53">
        <v>0</v>
      </c>
      <c r="AQ530" s="53">
        <v>0</v>
      </c>
      <c r="AR530" s="53">
        <v>0</v>
      </c>
      <c r="AS530" s="53">
        <v>0</v>
      </c>
      <c r="AT530" s="53">
        <v>0</v>
      </c>
      <c r="AU530" s="53">
        <v>0</v>
      </c>
      <c r="AV530" s="53">
        <v>0</v>
      </c>
      <c r="AW530" s="53">
        <v>0</v>
      </c>
      <c r="AX530" s="53">
        <v>0</v>
      </c>
      <c r="AY530" s="53">
        <v>0</v>
      </c>
      <c r="AZ530" s="53">
        <v>0</v>
      </c>
      <c r="BA530" s="53">
        <v>0</v>
      </c>
    </row>
    <row r="531" spans="1:53">
      <c r="A531" s="52" t="s">
        <v>3845</v>
      </c>
      <c r="B531" s="53">
        <v>0</v>
      </c>
      <c r="C531" s="53">
        <v>0</v>
      </c>
      <c r="D531" s="53">
        <v>0</v>
      </c>
      <c r="E531" s="53">
        <v>0</v>
      </c>
      <c r="F531" s="53">
        <v>0</v>
      </c>
      <c r="G531" s="53">
        <v>0</v>
      </c>
      <c r="H531" s="53">
        <v>0</v>
      </c>
      <c r="I531" s="53">
        <v>0</v>
      </c>
      <c r="J531" s="53">
        <v>0</v>
      </c>
      <c r="K531" s="53">
        <v>0</v>
      </c>
      <c r="L531" s="53">
        <v>0</v>
      </c>
      <c r="M531" s="53">
        <v>0</v>
      </c>
      <c r="N531" s="53">
        <v>0</v>
      </c>
      <c r="O531" s="53">
        <v>0</v>
      </c>
      <c r="P531" s="53">
        <v>0</v>
      </c>
      <c r="Q531" s="53">
        <v>0</v>
      </c>
      <c r="R531" s="53">
        <v>0</v>
      </c>
      <c r="S531" s="53">
        <v>0</v>
      </c>
      <c r="T531" s="53">
        <v>0</v>
      </c>
      <c r="U531" s="53">
        <v>0</v>
      </c>
      <c r="V531" s="53">
        <v>0</v>
      </c>
      <c r="W531" s="53">
        <v>0</v>
      </c>
      <c r="X531" s="53">
        <v>0</v>
      </c>
      <c r="Y531" s="53">
        <v>0</v>
      </c>
      <c r="Z531" s="53">
        <v>0</v>
      </c>
      <c r="AA531" s="53">
        <v>0</v>
      </c>
      <c r="AB531" s="53">
        <v>0</v>
      </c>
      <c r="AC531" s="53">
        <v>0</v>
      </c>
      <c r="AD531" s="53">
        <v>0</v>
      </c>
      <c r="AE531" s="53">
        <v>0</v>
      </c>
      <c r="AF531" s="53">
        <v>0</v>
      </c>
      <c r="AG531" s="53">
        <v>0</v>
      </c>
      <c r="AH531" s="53">
        <v>0</v>
      </c>
      <c r="AI531" s="53">
        <v>0</v>
      </c>
      <c r="AJ531" s="53">
        <v>0</v>
      </c>
      <c r="AK531" s="53">
        <v>0</v>
      </c>
      <c r="AL531" s="53">
        <v>0</v>
      </c>
      <c r="AM531" s="53">
        <v>0</v>
      </c>
      <c r="AN531" s="53">
        <v>0</v>
      </c>
      <c r="AO531" s="53">
        <v>0</v>
      </c>
      <c r="AP531" s="53">
        <v>0</v>
      </c>
      <c r="AQ531" s="53">
        <v>0</v>
      </c>
      <c r="AR531" s="53">
        <v>0</v>
      </c>
      <c r="AS531" s="53">
        <v>0</v>
      </c>
      <c r="AT531" s="53">
        <v>0</v>
      </c>
      <c r="AU531" s="53">
        <v>0</v>
      </c>
      <c r="AV531" s="53">
        <v>0</v>
      </c>
      <c r="AW531" s="53">
        <v>0</v>
      </c>
      <c r="AX531" s="53">
        <v>0</v>
      </c>
      <c r="AY531" s="53">
        <v>0</v>
      </c>
      <c r="AZ531" s="53">
        <v>0</v>
      </c>
      <c r="BA531" s="53">
        <v>0</v>
      </c>
    </row>
    <row r="532" spans="1:53">
      <c r="A532" s="236" t="s">
        <v>3846</v>
      </c>
      <c r="B532" s="53">
        <v>21518.382161777899</v>
      </c>
      <c r="C532" s="53">
        <v>21519.272161778001</v>
      </c>
      <c r="D532" s="53">
        <v>26015.662161778</v>
      </c>
      <c r="E532" s="53">
        <v>26017.322161777902</v>
      </c>
      <c r="F532" s="53">
        <v>35135.902161778002</v>
      </c>
      <c r="G532" s="53">
        <v>26015.382161778001</v>
      </c>
      <c r="H532" s="53">
        <v>26016.042161777899</v>
      </c>
      <c r="I532" s="53">
        <v>26017.6521617779</v>
      </c>
      <c r="J532" s="53">
        <v>26015.792161778001</v>
      </c>
      <c r="K532" s="53">
        <v>26376.922161777999</v>
      </c>
      <c r="L532" s="53">
        <v>35675.642161778</v>
      </c>
      <c r="M532" s="53">
        <v>26375.532161777999</v>
      </c>
      <c r="N532" s="53">
        <v>322699.50594133598</v>
      </c>
      <c r="O532" s="53">
        <v>39304.382161777903</v>
      </c>
      <c r="P532" s="53">
        <v>39305.272161777997</v>
      </c>
      <c r="Q532" s="53">
        <v>43801.662161777997</v>
      </c>
      <c r="R532" s="53">
        <v>43803.322161778</v>
      </c>
      <c r="S532" s="53">
        <v>43126.902161778002</v>
      </c>
      <c r="T532" s="53">
        <v>43801.382161777998</v>
      </c>
      <c r="U532" s="53">
        <v>43802.042161777899</v>
      </c>
      <c r="V532" s="53">
        <v>43803.6521617779</v>
      </c>
      <c r="W532" s="53">
        <v>34006.792161778001</v>
      </c>
      <c r="X532" s="53">
        <v>44162.922161777999</v>
      </c>
      <c r="Y532" s="53">
        <v>-16536.357838222</v>
      </c>
      <c r="Z532" s="53">
        <v>-79680.467838221899</v>
      </c>
      <c r="AA532" s="53">
        <v>322701.50594133598</v>
      </c>
      <c r="AB532" s="53">
        <v>39304.382161777903</v>
      </c>
      <c r="AC532" s="53">
        <v>39305.272161777997</v>
      </c>
      <c r="AD532" s="53">
        <v>43801.662161777997</v>
      </c>
      <c r="AE532" s="53">
        <v>43803.322161778</v>
      </c>
      <c r="AF532" s="53">
        <v>43126.902161778002</v>
      </c>
      <c r="AG532" s="53">
        <v>43801.382161777998</v>
      </c>
      <c r="AH532" s="53">
        <v>43802.042161777899</v>
      </c>
      <c r="AI532" s="53">
        <v>43803.6521617779</v>
      </c>
      <c r="AJ532" s="53">
        <v>34006.792161778001</v>
      </c>
      <c r="AK532" s="53">
        <v>44162.922161777999</v>
      </c>
      <c r="AL532" s="53">
        <v>-16536.357838222</v>
      </c>
      <c r="AM532" s="53">
        <v>-79680.467838221899</v>
      </c>
      <c r="AN532" s="53">
        <v>322701.50594133598</v>
      </c>
      <c r="AO532" s="53">
        <v>38126.589999999997</v>
      </c>
      <c r="AP532" s="53">
        <v>38127.480000000003</v>
      </c>
      <c r="AQ532" s="53">
        <v>42623.87</v>
      </c>
      <c r="AR532" s="53">
        <v>42625.53</v>
      </c>
      <c r="AS532" s="53">
        <v>41949.11</v>
      </c>
      <c r="AT532" s="53">
        <v>42623.59</v>
      </c>
      <c r="AU532" s="53">
        <v>42624.249999999898</v>
      </c>
      <c r="AV532" s="53">
        <v>42625.859999999899</v>
      </c>
      <c r="AW532" s="53">
        <v>32829</v>
      </c>
      <c r="AX532" s="53">
        <v>42985.13</v>
      </c>
      <c r="AY532" s="53">
        <v>-17714.150000000001</v>
      </c>
      <c r="AZ532" s="53">
        <v>-80858.259999999893</v>
      </c>
      <c r="BA532" s="53">
        <v>308568</v>
      </c>
    </row>
    <row r="533" spans="1:53">
      <c r="A533" s="52" t="s">
        <v>3847</v>
      </c>
      <c r="B533" s="53">
        <v>0</v>
      </c>
      <c r="C533" s="53">
        <v>0</v>
      </c>
      <c r="D533" s="53">
        <v>0</v>
      </c>
      <c r="E533" s="53">
        <v>0</v>
      </c>
      <c r="F533" s="53">
        <v>0</v>
      </c>
      <c r="G533" s="53">
        <v>0</v>
      </c>
      <c r="H533" s="53">
        <v>0</v>
      </c>
      <c r="I533" s="53">
        <v>0</v>
      </c>
      <c r="J533" s="53">
        <v>0</v>
      </c>
      <c r="K533" s="53">
        <v>0</v>
      </c>
      <c r="L533" s="53">
        <v>0</v>
      </c>
      <c r="M533" s="53">
        <v>0</v>
      </c>
      <c r="N533" s="53">
        <v>0</v>
      </c>
      <c r="O533" s="53">
        <v>0</v>
      </c>
      <c r="P533" s="53">
        <v>0</v>
      </c>
      <c r="Q533" s="53">
        <v>0</v>
      </c>
      <c r="R533" s="53">
        <v>0</v>
      </c>
      <c r="S533" s="53">
        <v>0</v>
      </c>
      <c r="T533" s="53">
        <v>0</v>
      </c>
      <c r="U533" s="53">
        <v>0</v>
      </c>
      <c r="V533" s="53">
        <v>0</v>
      </c>
      <c r="W533" s="53">
        <v>0</v>
      </c>
      <c r="X533" s="53">
        <v>0</v>
      </c>
      <c r="Y533" s="53">
        <v>0</v>
      </c>
      <c r="Z533" s="53">
        <v>0</v>
      </c>
      <c r="AA533" s="53">
        <v>0</v>
      </c>
      <c r="AB533" s="53">
        <v>0</v>
      </c>
      <c r="AC533" s="53">
        <v>0</v>
      </c>
      <c r="AD533" s="53">
        <v>0</v>
      </c>
      <c r="AE533" s="53">
        <v>0</v>
      </c>
      <c r="AF533" s="53">
        <v>0</v>
      </c>
      <c r="AG533" s="53">
        <v>0</v>
      </c>
      <c r="AH533" s="53">
        <v>0</v>
      </c>
      <c r="AI533" s="53">
        <v>0</v>
      </c>
      <c r="AJ533" s="53">
        <v>0</v>
      </c>
      <c r="AK533" s="53">
        <v>0</v>
      </c>
      <c r="AL533" s="53">
        <v>0</v>
      </c>
      <c r="AM533" s="53">
        <v>0</v>
      </c>
      <c r="AN533" s="53">
        <v>0</v>
      </c>
      <c r="AO533" s="53">
        <v>0</v>
      </c>
      <c r="AP533" s="53">
        <v>0</v>
      </c>
      <c r="AQ533" s="53">
        <v>0</v>
      </c>
      <c r="AR533" s="53">
        <v>0</v>
      </c>
      <c r="AS533" s="53">
        <v>0</v>
      </c>
      <c r="AT533" s="53">
        <v>0</v>
      </c>
      <c r="AU533" s="53">
        <v>0</v>
      </c>
      <c r="AV533" s="53">
        <v>0</v>
      </c>
      <c r="AW533" s="53">
        <v>0</v>
      </c>
      <c r="AX533" s="53">
        <v>0</v>
      </c>
      <c r="AY533" s="53">
        <v>0</v>
      </c>
      <c r="AZ533" s="53">
        <v>0</v>
      </c>
      <c r="BA533" s="53">
        <v>0</v>
      </c>
    </row>
    <row r="534" spans="1:53">
      <c r="A534" s="52" t="s">
        <v>3848</v>
      </c>
      <c r="B534" s="53">
        <v>0</v>
      </c>
      <c r="C534" s="53">
        <v>0</v>
      </c>
      <c r="D534" s="53">
        <v>0</v>
      </c>
      <c r="E534" s="53">
        <v>0</v>
      </c>
      <c r="F534" s="53">
        <v>0</v>
      </c>
      <c r="G534" s="53">
        <v>0</v>
      </c>
      <c r="H534" s="53">
        <v>0</v>
      </c>
      <c r="I534" s="53">
        <v>0</v>
      </c>
      <c r="J534" s="53">
        <v>0</v>
      </c>
      <c r="K534" s="53">
        <v>0</v>
      </c>
      <c r="L534" s="53">
        <v>0</v>
      </c>
      <c r="M534" s="53">
        <v>0</v>
      </c>
      <c r="N534" s="53">
        <v>0</v>
      </c>
      <c r="O534" s="53">
        <v>0</v>
      </c>
      <c r="P534" s="53">
        <v>0</v>
      </c>
      <c r="Q534" s="53">
        <v>0</v>
      </c>
      <c r="R534" s="53">
        <v>0</v>
      </c>
      <c r="S534" s="53">
        <v>0</v>
      </c>
      <c r="T534" s="53">
        <v>0</v>
      </c>
      <c r="U534" s="53">
        <v>0</v>
      </c>
      <c r="V534" s="53">
        <v>0</v>
      </c>
      <c r="W534" s="53">
        <v>0</v>
      </c>
      <c r="X534" s="53">
        <v>0</v>
      </c>
      <c r="Y534" s="53">
        <v>0</v>
      </c>
      <c r="Z534" s="53">
        <v>0</v>
      </c>
      <c r="AA534" s="53">
        <v>0</v>
      </c>
      <c r="AB534" s="53">
        <v>0</v>
      </c>
      <c r="AC534" s="53">
        <v>0</v>
      </c>
      <c r="AD534" s="53">
        <v>0</v>
      </c>
      <c r="AE534" s="53">
        <v>0</v>
      </c>
      <c r="AF534" s="53">
        <v>0</v>
      </c>
      <c r="AG534" s="53">
        <v>0</v>
      </c>
      <c r="AH534" s="53">
        <v>0</v>
      </c>
      <c r="AI534" s="53">
        <v>0</v>
      </c>
      <c r="AJ534" s="53">
        <v>0</v>
      </c>
      <c r="AK534" s="53">
        <v>0</v>
      </c>
      <c r="AL534" s="53">
        <v>0</v>
      </c>
      <c r="AM534" s="53">
        <v>0</v>
      </c>
      <c r="AN534" s="53">
        <v>0</v>
      </c>
      <c r="AO534" s="53">
        <v>0</v>
      </c>
      <c r="AP534" s="53">
        <v>0</v>
      </c>
      <c r="AQ534" s="53">
        <v>0</v>
      </c>
      <c r="AR534" s="53">
        <v>0</v>
      </c>
      <c r="AS534" s="53">
        <v>0</v>
      </c>
      <c r="AT534" s="53">
        <v>0</v>
      </c>
      <c r="AU534" s="53">
        <v>0</v>
      </c>
      <c r="AV534" s="53">
        <v>0</v>
      </c>
      <c r="AW534" s="53">
        <v>0</v>
      </c>
      <c r="AX534" s="53">
        <v>0</v>
      </c>
      <c r="AY534" s="53">
        <v>0</v>
      </c>
      <c r="AZ534" s="53">
        <v>0</v>
      </c>
      <c r="BA534" s="53">
        <v>0</v>
      </c>
    </row>
    <row r="535" spans="1:53">
      <c r="A535" s="52" t="s">
        <v>3849</v>
      </c>
      <c r="B535" s="53">
        <v>137812.5</v>
      </c>
      <c r="C535" s="53">
        <v>131250</v>
      </c>
      <c r="D535" s="53">
        <v>113400</v>
      </c>
      <c r="E535" s="53">
        <v>133875</v>
      </c>
      <c r="F535" s="53">
        <v>144375</v>
      </c>
      <c r="G535" s="53">
        <v>225750</v>
      </c>
      <c r="H535" s="53">
        <v>215250</v>
      </c>
      <c r="I535" s="53">
        <v>223125</v>
      </c>
      <c r="J535" s="53">
        <v>196875</v>
      </c>
      <c r="K535" s="53">
        <v>164691.71</v>
      </c>
      <c r="L535" s="53">
        <v>113400</v>
      </c>
      <c r="M535" s="53">
        <v>131302.5</v>
      </c>
      <c r="N535" s="53">
        <v>1931106.71</v>
      </c>
      <c r="O535" s="53">
        <v>137812.5</v>
      </c>
      <c r="P535" s="53">
        <v>131250</v>
      </c>
      <c r="Q535" s="53">
        <v>113400</v>
      </c>
      <c r="R535" s="53">
        <v>133875</v>
      </c>
      <c r="S535" s="53">
        <v>144375</v>
      </c>
      <c r="T535" s="53">
        <v>225750</v>
      </c>
      <c r="U535" s="53">
        <v>215250</v>
      </c>
      <c r="V535" s="53">
        <v>223125</v>
      </c>
      <c r="W535" s="53">
        <v>196875</v>
      </c>
      <c r="X535" s="53">
        <v>164691.71</v>
      </c>
      <c r="Y535" s="53">
        <v>113400</v>
      </c>
      <c r="Z535" s="53">
        <v>131302.5</v>
      </c>
      <c r="AA535" s="53">
        <v>1931106.71</v>
      </c>
      <c r="AB535" s="53">
        <v>137812.5</v>
      </c>
      <c r="AC535" s="53">
        <v>131250</v>
      </c>
      <c r="AD535" s="53">
        <v>113400</v>
      </c>
      <c r="AE535" s="53">
        <v>133875</v>
      </c>
      <c r="AF535" s="53">
        <v>144375</v>
      </c>
      <c r="AG535" s="53">
        <v>225750</v>
      </c>
      <c r="AH535" s="53">
        <v>215250</v>
      </c>
      <c r="AI535" s="53">
        <v>223125</v>
      </c>
      <c r="AJ535" s="53">
        <v>196875</v>
      </c>
      <c r="AK535" s="53">
        <v>164691.71</v>
      </c>
      <c r="AL535" s="53">
        <v>113400</v>
      </c>
      <c r="AM535" s="53">
        <v>131302.5</v>
      </c>
      <c r="AN535" s="53">
        <v>1931106.71</v>
      </c>
      <c r="AO535" s="53">
        <v>137812.5</v>
      </c>
      <c r="AP535" s="53">
        <v>131250</v>
      </c>
      <c r="AQ535" s="53">
        <v>113400</v>
      </c>
      <c r="AR535" s="53">
        <v>133875</v>
      </c>
      <c r="AS535" s="53">
        <v>144375</v>
      </c>
      <c r="AT535" s="53">
        <v>225750</v>
      </c>
      <c r="AU535" s="53">
        <v>215250</v>
      </c>
      <c r="AV535" s="53">
        <v>223125</v>
      </c>
      <c r="AW535" s="53">
        <v>196875</v>
      </c>
      <c r="AX535" s="53">
        <v>164691.71</v>
      </c>
      <c r="AY535" s="53">
        <v>113400</v>
      </c>
      <c r="AZ535" s="53">
        <v>131302.5</v>
      </c>
      <c r="BA535" s="53">
        <v>1931106.71</v>
      </c>
    </row>
    <row r="536" spans="1:53">
      <c r="A536" s="52" t="s">
        <v>3850</v>
      </c>
      <c r="B536" s="53">
        <v>362145.98</v>
      </c>
      <c r="C536" s="53">
        <v>275973.90999999997</v>
      </c>
      <c r="D536" s="53">
        <v>236634.04</v>
      </c>
      <c r="E536" s="53">
        <v>229588</v>
      </c>
      <c r="F536" s="53">
        <v>270339.53000000003</v>
      </c>
      <c r="G536" s="53">
        <v>357238.09</v>
      </c>
      <c r="H536" s="53">
        <v>359155.72</v>
      </c>
      <c r="I536" s="53">
        <v>345685.24</v>
      </c>
      <c r="J536" s="53">
        <v>302728.40999999997</v>
      </c>
      <c r="K536" s="53">
        <v>152029.07999999999</v>
      </c>
      <c r="L536" s="53">
        <v>103680</v>
      </c>
      <c r="M536" s="53">
        <v>120048</v>
      </c>
      <c r="N536" s="53">
        <v>3115246</v>
      </c>
      <c r="O536" s="53">
        <v>523037.98</v>
      </c>
      <c r="P536" s="53">
        <v>451343.91</v>
      </c>
      <c r="Q536" s="53">
        <v>446738.04</v>
      </c>
      <c r="R536" s="53">
        <v>401069.99999999901</v>
      </c>
      <c r="S536" s="53">
        <v>421120.53</v>
      </c>
      <c r="T536" s="53">
        <v>352019.09</v>
      </c>
      <c r="U536" s="53">
        <v>373828.72</v>
      </c>
      <c r="V536" s="53">
        <v>345707.239999999</v>
      </c>
      <c r="W536" s="53">
        <v>353383.41</v>
      </c>
      <c r="X536" s="53">
        <v>266674.08</v>
      </c>
      <c r="Y536" s="53">
        <v>316540</v>
      </c>
      <c r="Z536" s="53">
        <v>298637</v>
      </c>
      <c r="AA536" s="53">
        <v>4550100</v>
      </c>
      <c r="AB536" s="53">
        <v>532636.98</v>
      </c>
      <c r="AC536" s="53">
        <v>460942.91</v>
      </c>
      <c r="AD536" s="53">
        <v>456337.04</v>
      </c>
      <c r="AE536" s="53">
        <v>410669</v>
      </c>
      <c r="AF536" s="53">
        <v>430719.53</v>
      </c>
      <c r="AG536" s="53">
        <v>361618.08999999898</v>
      </c>
      <c r="AH536" s="53">
        <v>383427.72</v>
      </c>
      <c r="AI536" s="53">
        <v>355306.239999999</v>
      </c>
      <c r="AJ536" s="53">
        <v>362982.41</v>
      </c>
      <c r="AK536" s="53">
        <v>276273.07999999903</v>
      </c>
      <c r="AL536" s="53">
        <v>326139</v>
      </c>
      <c r="AM536" s="53">
        <v>308236</v>
      </c>
      <c r="AN536" s="53">
        <v>4665288</v>
      </c>
      <c r="AO536" s="53">
        <v>542427.98</v>
      </c>
      <c r="AP536" s="53">
        <v>470733.91</v>
      </c>
      <c r="AQ536" s="53">
        <v>466128.03999999899</v>
      </c>
      <c r="AR536" s="53">
        <v>420459.99999999901</v>
      </c>
      <c r="AS536" s="53">
        <v>440510.53</v>
      </c>
      <c r="AT536" s="53">
        <v>371409.08999999898</v>
      </c>
      <c r="AU536" s="53">
        <v>393218.72</v>
      </c>
      <c r="AV536" s="53">
        <v>365097.239999999</v>
      </c>
      <c r="AW536" s="53">
        <v>372773.41</v>
      </c>
      <c r="AX536" s="53">
        <v>286064.08</v>
      </c>
      <c r="AY536" s="53">
        <v>335930</v>
      </c>
      <c r="AZ536" s="53">
        <v>318027</v>
      </c>
      <c r="BA536" s="53">
        <v>4782780</v>
      </c>
    </row>
    <row r="537" spans="1:53">
      <c r="A537" s="52" t="s">
        <v>3851</v>
      </c>
      <c r="B537" s="53">
        <v>0</v>
      </c>
      <c r="C537" s="53">
        <v>0</v>
      </c>
      <c r="D537" s="53">
        <v>0</v>
      </c>
      <c r="E537" s="53">
        <v>0</v>
      </c>
      <c r="F537" s="53">
        <v>0</v>
      </c>
      <c r="G537" s="53">
        <v>0</v>
      </c>
      <c r="H537" s="53">
        <v>0</v>
      </c>
      <c r="I537" s="53">
        <v>0</v>
      </c>
      <c r="J537" s="53">
        <v>0</v>
      </c>
      <c r="K537" s="53">
        <v>0</v>
      </c>
      <c r="L537" s="53">
        <v>0</v>
      </c>
      <c r="M537" s="53">
        <v>0</v>
      </c>
      <c r="N537" s="53">
        <v>0</v>
      </c>
      <c r="O537" s="53">
        <v>0</v>
      </c>
      <c r="P537" s="53">
        <v>0</v>
      </c>
      <c r="Q537" s="53">
        <v>0</v>
      </c>
      <c r="R537" s="53">
        <v>0</v>
      </c>
      <c r="S537" s="53">
        <v>0</v>
      </c>
      <c r="T537" s="53">
        <v>0</v>
      </c>
      <c r="U537" s="53">
        <v>0</v>
      </c>
      <c r="V537" s="53">
        <v>0</v>
      </c>
      <c r="W537" s="53">
        <v>0</v>
      </c>
      <c r="X537" s="53">
        <v>0</v>
      </c>
      <c r="Y537" s="53">
        <v>0</v>
      </c>
      <c r="Z537" s="53">
        <v>0</v>
      </c>
      <c r="AA537" s="53">
        <v>0</v>
      </c>
      <c r="AB537" s="53">
        <v>0</v>
      </c>
      <c r="AC537" s="53">
        <v>0</v>
      </c>
      <c r="AD537" s="53">
        <v>0</v>
      </c>
      <c r="AE537" s="53">
        <v>0</v>
      </c>
      <c r="AF537" s="53">
        <v>0</v>
      </c>
      <c r="AG537" s="53">
        <v>0</v>
      </c>
      <c r="AH537" s="53">
        <v>0</v>
      </c>
      <c r="AI537" s="53">
        <v>0</v>
      </c>
      <c r="AJ537" s="53">
        <v>0</v>
      </c>
      <c r="AK537" s="53">
        <v>0</v>
      </c>
      <c r="AL537" s="53">
        <v>0</v>
      </c>
      <c r="AM537" s="53">
        <v>0</v>
      </c>
      <c r="AN537" s="53">
        <v>0</v>
      </c>
      <c r="AO537" s="53">
        <v>0</v>
      </c>
      <c r="AP537" s="53">
        <v>0</v>
      </c>
      <c r="AQ537" s="53">
        <v>0</v>
      </c>
      <c r="AR537" s="53">
        <v>0</v>
      </c>
      <c r="AS537" s="53">
        <v>0</v>
      </c>
      <c r="AT537" s="53">
        <v>0</v>
      </c>
      <c r="AU537" s="53">
        <v>0</v>
      </c>
      <c r="AV537" s="53">
        <v>0</v>
      </c>
      <c r="AW537" s="53">
        <v>0</v>
      </c>
      <c r="AX537" s="53">
        <v>0</v>
      </c>
      <c r="AY537" s="53">
        <v>0</v>
      </c>
      <c r="AZ537" s="53">
        <v>0</v>
      </c>
      <c r="BA537" s="53">
        <v>0</v>
      </c>
    </row>
    <row r="538" spans="1:53">
      <c r="A538" s="52" t="s">
        <v>3852</v>
      </c>
      <c r="B538" s="53">
        <v>25000</v>
      </c>
      <c r="C538" s="53">
        <v>25000</v>
      </c>
      <c r="D538" s="53">
        <v>25000</v>
      </c>
      <c r="E538" s="53">
        <v>25000</v>
      </c>
      <c r="F538" s="53">
        <v>25000</v>
      </c>
      <c r="G538" s="53">
        <v>25000</v>
      </c>
      <c r="H538" s="53">
        <v>25000</v>
      </c>
      <c r="I538" s="53">
        <v>25000</v>
      </c>
      <c r="J538" s="53">
        <v>25000</v>
      </c>
      <c r="K538" s="53">
        <v>25000</v>
      </c>
      <c r="L538" s="53">
        <v>25000</v>
      </c>
      <c r="M538" s="53">
        <v>25000</v>
      </c>
      <c r="N538" s="53">
        <v>300000</v>
      </c>
      <c r="O538" s="53">
        <v>25000</v>
      </c>
      <c r="P538" s="53">
        <v>25000</v>
      </c>
      <c r="Q538" s="53">
        <v>25000</v>
      </c>
      <c r="R538" s="53">
        <v>25000</v>
      </c>
      <c r="S538" s="53">
        <v>25000</v>
      </c>
      <c r="T538" s="53">
        <v>25000</v>
      </c>
      <c r="U538" s="53">
        <v>25000</v>
      </c>
      <c r="V538" s="53">
        <v>25000</v>
      </c>
      <c r="W538" s="53">
        <v>25000</v>
      </c>
      <c r="X538" s="53">
        <v>25000</v>
      </c>
      <c r="Y538" s="53">
        <v>25000</v>
      </c>
      <c r="Z538" s="53">
        <v>25000</v>
      </c>
      <c r="AA538" s="53">
        <v>300000</v>
      </c>
      <c r="AB538" s="53">
        <v>25000</v>
      </c>
      <c r="AC538" s="53">
        <v>25000</v>
      </c>
      <c r="AD538" s="53">
        <v>25000</v>
      </c>
      <c r="AE538" s="53">
        <v>25000</v>
      </c>
      <c r="AF538" s="53">
        <v>25000</v>
      </c>
      <c r="AG538" s="53">
        <v>25000</v>
      </c>
      <c r="AH538" s="53">
        <v>25000</v>
      </c>
      <c r="AI538" s="53">
        <v>25000</v>
      </c>
      <c r="AJ538" s="53">
        <v>25000</v>
      </c>
      <c r="AK538" s="53">
        <v>25000</v>
      </c>
      <c r="AL538" s="53">
        <v>25000</v>
      </c>
      <c r="AM538" s="53">
        <v>25000</v>
      </c>
      <c r="AN538" s="53">
        <v>300000</v>
      </c>
      <c r="AO538" s="53">
        <v>25000</v>
      </c>
      <c r="AP538" s="53">
        <v>25000</v>
      </c>
      <c r="AQ538" s="53">
        <v>25000</v>
      </c>
      <c r="AR538" s="53">
        <v>25000</v>
      </c>
      <c r="AS538" s="53">
        <v>25000</v>
      </c>
      <c r="AT538" s="53">
        <v>25000</v>
      </c>
      <c r="AU538" s="53">
        <v>25000</v>
      </c>
      <c r="AV538" s="53">
        <v>25000</v>
      </c>
      <c r="AW538" s="53">
        <v>25000</v>
      </c>
      <c r="AX538" s="53">
        <v>25000</v>
      </c>
      <c r="AY538" s="53">
        <v>25000</v>
      </c>
      <c r="AZ538" s="53">
        <v>25000</v>
      </c>
      <c r="BA538" s="53">
        <v>300000</v>
      </c>
    </row>
    <row r="539" spans="1:53">
      <c r="A539" s="52" t="s">
        <v>3853</v>
      </c>
      <c r="B539" s="53">
        <v>-230910.82</v>
      </c>
      <c r="C539" s="53">
        <v>-152654.22</v>
      </c>
      <c r="D539" s="53">
        <v>-130198.14</v>
      </c>
      <c r="E539" s="53">
        <v>-105004.86</v>
      </c>
      <c r="F539" s="53">
        <v>-135555.48000000001</v>
      </c>
      <c r="G539" s="53">
        <v>-147828.97</v>
      </c>
      <c r="H539" s="53">
        <v>-159138.26999999999</v>
      </c>
      <c r="I539" s="53">
        <v>-138891.9</v>
      </c>
      <c r="J539" s="53">
        <v>-120318.58</v>
      </c>
      <c r="K539" s="53">
        <v>-1425.35</v>
      </c>
      <c r="L539" s="53">
        <v>0</v>
      </c>
      <c r="M539" s="53">
        <v>0</v>
      </c>
      <c r="N539" s="53">
        <v>-1321926.5900000001</v>
      </c>
      <c r="O539" s="53">
        <v>-230910.82</v>
      </c>
      <c r="P539" s="53">
        <v>-152654.22</v>
      </c>
      <c r="Q539" s="53">
        <v>-130198.14</v>
      </c>
      <c r="R539" s="53">
        <v>-105004.86</v>
      </c>
      <c r="S539" s="53">
        <v>-135555.48000000001</v>
      </c>
      <c r="T539" s="53">
        <v>-147828.97</v>
      </c>
      <c r="U539" s="53">
        <v>-159138.26999999999</v>
      </c>
      <c r="V539" s="53">
        <v>-138891.9</v>
      </c>
      <c r="W539" s="53">
        <v>-120318.58</v>
      </c>
      <c r="X539" s="53">
        <v>-1425.35</v>
      </c>
      <c r="Y539" s="53">
        <v>0</v>
      </c>
      <c r="Z539" s="53">
        <v>0</v>
      </c>
      <c r="AA539" s="53">
        <v>-1321926.5900000001</v>
      </c>
      <c r="AB539" s="53">
        <v>-230910.82</v>
      </c>
      <c r="AC539" s="53">
        <v>-152654.22</v>
      </c>
      <c r="AD539" s="53">
        <v>-130198.14</v>
      </c>
      <c r="AE539" s="53">
        <v>-105004.86</v>
      </c>
      <c r="AF539" s="53">
        <v>-135555.48000000001</v>
      </c>
      <c r="AG539" s="53">
        <v>-147828.97</v>
      </c>
      <c r="AH539" s="53">
        <v>-159138.26999999999</v>
      </c>
      <c r="AI539" s="53">
        <v>-138891.9</v>
      </c>
      <c r="AJ539" s="53">
        <v>-120318.58</v>
      </c>
      <c r="AK539" s="53">
        <v>-1425.35</v>
      </c>
      <c r="AL539" s="53">
        <v>0</v>
      </c>
      <c r="AM539" s="53">
        <v>0</v>
      </c>
      <c r="AN539" s="53">
        <v>-1321926.5900000001</v>
      </c>
      <c r="AO539" s="53">
        <v>-230910.82</v>
      </c>
      <c r="AP539" s="53">
        <v>-152654.22</v>
      </c>
      <c r="AQ539" s="53">
        <v>-130198.14</v>
      </c>
      <c r="AR539" s="53">
        <v>-105004.86</v>
      </c>
      <c r="AS539" s="53">
        <v>-135555.48000000001</v>
      </c>
      <c r="AT539" s="53">
        <v>-147828.97</v>
      </c>
      <c r="AU539" s="53">
        <v>-159138.26999999999</v>
      </c>
      <c r="AV539" s="53">
        <v>-138891.9</v>
      </c>
      <c r="AW539" s="53">
        <v>-120318.58</v>
      </c>
      <c r="AX539" s="53">
        <v>-1425.35</v>
      </c>
      <c r="AY539" s="53">
        <v>0</v>
      </c>
      <c r="AZ539" s="53">
        <v>0</v>
      </c>
      <c r="BA539" s="53">
        <v>-1321926.5900000001</v>
      </c>
    </row>
    <row r="540" spans="1:53">
      <c r="A540" s="52" t="s">
        <v>3854</v>
      </c>
      <c r="B540" s="53">
        <v>0</v>
      </c>
      <c r="C540" s="53">
        <v>0</v>
      </c>
      <c r="D540" s="53">
        <v>0</v>
      </c>
      <c r="E540" s="53">
        <v>0</v>
      </c>
      <c r="F540" s="53">
        <v>0</v>
      </c>
      <c r="G540" s="53">
        <v>0</v>
      </c>
      <c r="H540" s="53">
        <v>0</v>
      </c>
      <c r="I540" s="53">
        <v>0</v>
      </c>
      <c r="J540" s="53">
        <v>0</v>
      </c>
      <c r="K540" s="53">
        <v>0</v>
      </c>
      <c r="L540" s="53">
        <v>0</v>
      </c>
      <c r="M540" s="53">
        <v>0</v>
      </c>
      <c r="N540" s="53">
        <v>0</v>
      </c>
      <c r="O540" s="53">
        <v>0</v>
      </c>
      <c r="P540" s="53">
        <v>0</v>
      </c>
      <c r="Q540" s="53">
        <v>0</v>
      </c>
      <c r="R540" s="53">
        <v>0</v>
      </c>
      <c r="S540" s="53">
        <v>0</v>
      </c>
      <c r="T540" s="53">
        <v>0</v>
      </c>
      <c r="U540" s="53">
        <v>0</v>
      </c>
      <c r="V540" s="53">
        <v>0</v>
      </c>
      <c r="W540" s="53">
        <v>0</v>
      </c>
      <c r="X540" s="53">
        <v>0</v>
      </c>
      <c r="Y540" s="53">
        <v>0</v>
      </c>
      <c r="Z540" s="53">
        <v>0</v>
      </c>
      <c r="AA540" s="53">
        <v>0</v>
      </c>
      <c r="AB540" s="53">
        <v>0</v>
      </c>
      <c r="AC540" s="53">
        <v>0</v>
      </c>
      <c r="AD540" s="53">
        <v>0</v>
      </c>
      <c r="AE540" s="53">
        <v>0</v>
      </c>
      <c r="AF540" s="53">
        <v>0</v>
      </c>
      <c r="AG540" s="53">
        <v>0</v>
      </c>
      <c r="AH540" s="53">
        <v>0</v>
      </c>
      <c r="AI540" s="53">
        <v>0</v>
      </c>
      <c r="AJ540" s="53">
        <v>0</v>
      </c>
      <c r="AK540" s="53">
        <v>0</v>
      </c>
      <c r="AL540" s="53">
        <v>0</v>
      </c>
      <c r="AM540" s="53">
        <v>0</v>
      </c>
      <c r="AN540" s="53">
        <v>0</v>
      </c>
      <c r="AO540" s="53">
        <v>0</v>
      </c>
      <c r="AP540" s="53">
        <v>0</v>
      </c>
      <c r="AQ540" s="53">
        <v>0</v>
      </c>
      <c r="AR540" s="53">
        <v>0</v>
      </c>
      <c r="AS540" s="53">
        <v>0</v>
      </c>
      <c r="AT540" s="53">
        <v>0</v>
      </c>
      <c r="AU540" s="53">
        <v>0</v>
      </c>
      <c r="AV540" s="53">
        <v>0</v>
      </c>
      <c r="AW540" s="53">
        <v>0</v>
      </c>
      <c r="AX540" s="53">
        <v>0</v>
      </c>
      <c r="AY540" s="53">
        <v>0</v>
      </c>
      <c r="AZ540" s="53">
        <v>0</v>
      </c>
      <c r="BA540" s="53">
        <v>0</v>
      </c>
    </row>
    <row r="541" spans="1:53">
      <c r="A541" s="52" t="s">
        <v>3855</v>
      </c>
      <c r="B541" s="53">
        <v>0</v>
      </c>
      <c r="C541" s="53">
        <v>0</v>
      </c>
      <c r="D541" s="53">
        <v>0</v>
      </c>
      <c r="E541" s="53">
        <v>0</v>
      </c>
      <c r="F541" s="53">
        <v>0</v>
      </c>
      <c r="G541" s="53">
        <v>0</v>
      </c>
      <c r="H541" s="53">
        <v>0</v>
      </c>
      <c r="I541" s="53">
        <v>0</v>
      </c>
      <c r="J541" s="53">
        <v>0</v>
      </c>
      <c r="K541" s="53">
        <v>0</v>
      </c>
      <c r="L541" s="53">
        <v>0</v>
      </c>
      <c r="M541" s="53">
        <v>0</v>
      </c>
      <c r="N541" s="53">
        <v>0</v>
      </c>
      <c r="O541" s="53">
        <v>0</v>
      </c>
      <c r="P541" s="53">
        <v>0</v>
      </c>
      <c r="Q541" s="53">
        <v>0</v>
      </c>
      <c r="R541" s="53">
        <v>0</v>
      </c>
      <c r="S541" s="53">
        <v>0</v>
      </c>
      <c r="T541" s="53">
        <v>0</v>
      </c>
      <c r="U541" s="53">
        <v>0</v>
      </c>
      <c r="V541" s="53">
        <v>0</v>
      </c>
      <c r="W541" s="53">
        <v>0</v>
      </c>
      <c r="X541" s="53">
        <v>0</v>
      </c>
      <c r="Y541" s="53">
        <v>0</v>
      </c>
      <c r="Z541" s="53">
        <v>0</v>
      </c>
      <c r="AA541" s="53">
        <v>0</v>
      </c>
      <c r="AB541" s="53">
        <v>0</v>
      </c>
      <c r="AC541" s="53">
        <v>0</v>
      </c>
      <c r="AD541" s="53">
        <v>0</v>
      </c>
      <c r="AE541" s="53">
        <v>0</v>
      </c>
      <c r="AF541" s="53">
        <v>0</v>
      </c>
      <c r="AG541" s="53">
        <v>0</v>
      </c>
      <c r="AH541" s="53">
        <v>0</v>
      </c>
      <c r="AI541" s="53">
        <v>0</v>
      </c>
      <c r="AJ541" s="53">
        <v>0</v>
      </c>
      <c r="AK541" s="53">
        <v>0</v>
      </c>
      <c r="AL541" s="53">
        <v>0</v>
      </c>
      <c r="AM541" s="53">
        <v>0</v>
      </c>
      <c r="AN541" s="53">
        <v>0</v>
      </c>
      <c r="AO541" s="53">
        <v>0</v>
      </c>
      <c r="AP541" s="53">
        <v>0</v>
      </c>
      <c r="AQ541" s="53">
        <v>0</v>
      </c>
      <c r="AR541" s="53">
        <v>0</v>
      </c>
      <c r="AS541" s="53">
        <v>0</v>
      </c>
      <c r="AT541" s="53">
        <v>0</v>
      </c>
      <c r="AU541" s="53">
        <v>0</v>
      </c>
      <c r="AV541" s="53">
        <v>0</v>
      </c>
      <c r="AW541" s="53">
        <v>0</v>
      </c>
      <c r="AX541" s="53">
        <v>0</v>
      </c>
      <c r="AY541" s="53">
        <v>0</v>
      </c>
      <c r="AZ541" s="53">
        <v>0</v>
      </c>
      <c r="BA541" s="53">
        <v>0</v>
      </c>
    </row>
    <row r="542" spans="1:53">
      <c r="A542" s="52" t="s">
        <v>3856</v>
      </c>
      <c r="B542" s="53">
        <v>25000</v>
      </c>
      <c r="C542" s="53">
        <v>25000</v>
      </c>
      <c r="D542" s="53">
        <v>25000</v>
      </c>
      <c r="E542" s="53">
        <v>25000</v>
      </c>
      <c r="F542" s="53">
        <v>25000</v>
      </c>
      <c r="G542" s="53">
        <v>25000</v>
      </c>
      <c r="H542" s="53">
        <v>25000</v>
      </c>
      <c r="I542" s="53">
        <v>25000</v>
      </c>
      <c r="J542" s="53">
        <v>25000</v>
      </c>
      <c r="K542" s="53">
        <v>25000</v>
      </c>
      <c r="L542" s="53">
        <v>25000</v>
      </c>
      <c r="M542" s="53">
        <v>25000</v>
      </c>
      <c r="N542" s="53">
        <v>300000</v>
      </c>
      <c r="O542" s="53">
        <v>25000</v>
      </c>
      <c r="P542" s="53">
        <v>25000</v>
      </c>
      <c r="Q542" s="53">
        <v>25000</v>
      </c>
      <c r="R542" s="53">
        <v>25000</v>
      </c>
      <c r="S542" s="53">
        <v>25000</v>
      </c>
      <c r="T542" s="53">
        <v>25000</v>
      </c>
      <c r="U542" s="53">
        <v>25000</v>
      </c>
      <c r="V542" s="53">
        <v>25000</v>
      </c>
      <c r="W542" s="53">
        <v>25000</v>
      </c>
      <c r="X542" s="53">
        <v>25000</v>
      </c>
      <c r="Y542" s="53">
        <v>25000</v>
      </c>
      <c r="Z542" s="53">
        <v>25000</v>
      </c>
      <c r="AA542" s="53">
        <v>300000</v>
      </c>
      <c r="AB542" s="53">
        <v>25000</v>
      </c>
      <c r="AC542" s="53">
        <v>25000</v>
      </c>
      <c r="AD542" s="53">
        <v>25000</v>
      </c>
      <c r="AE542" s="53">
        <v>25000</v>
      </c>
      <c r="AF542" s="53">
        <v>25000</v>
      </c>
      <c r="AG542" s="53">
        <v>25000</v>
      </c>
      <c r="AH542" s="53">
        <v>25000</v>
      </c>
      <c r="AI542" s="53">
        <v>25000</v>
      </c>
      <c r="AJ542" s="53">
        <v>25000</v>
      </c>
      <c r="AK542" s="53">
        <v>25000</v>
      </c>
      <c r="AL542" s="53">
        <v>25000</v>
      </c>
      <c r="AM542" s="53">
        <v>25000</v>
      </c>
      <c r="AN542" s="53">
        <v>300000</v>
      </c>
      <c r="AO542" s="53">
        <v>25000</v>
      </c>
      <c r="AP542" s="53">
        <v>25000</v>
      </c>
      <c r="AQ542" s="53">
        <v>25000</v>
      </c>
      <c r="AR542" s="53">
        <v>25000</v>
      </c>
      <c r="AS542" s="53">
        <v>25000</v>
      </c>
      <c r="AT542" s="53">
        <v>25000</v>
      </c>
      <c r="AU542" s="53">
        <v>25000</v>
      </c>
      <c r="AV542" s="53">
        <v>25000</v>
      </c>
      <c r="AW542" s="53">
        <v>25000</v>
      </c>
      <c r="AX542" s="53">
        <v>25000</v>
      </c>
      <c r="AY542" s="53">
        <v>25000</v>
      </c>
      <c r="AZ542" s="53">
        <v>25000</v>
      </c>
      <c r="BA542" s="53">
        <v>300000</v>
      </c>
    </row>
    <row r="543" spans="1:53">
      <c r="A543" s="52" t="s">
        <v>3857</v>
      </c>
      <c r="B543" s="53">
        <v>0</v>
      </c>
      <c r="C543" s="53">
        <v>0</v>
      </c>
      <c r="D543" s="53">
        <v>0</v>
      </c>
      <c r="E543" s="53">
        <v>0</v>
      </c>
      <c r="F543" s="53">
        <v>0</v>
      </c>
      <c r="G543" s="53">
        <v>0</v>
      </c>
      <c r="H543" s="53">
        <v>0</v>
      </c>
      <c r="I543" s="53">
        <v>0</v>
      </c>
      <c r="J543" s="53">
        <v>0</v>
      </c>
      <c r="K543" s="53">
        <v>0</v>
      </c>
      <c r="L543" s="53">
        <v>0</v>
      </c>
      <c r="M543" s="53">
        <v>0</v>
      </c>
      <c r="N543" s="53">
        <v>0</v>
      </c>
      <c r="O543" s="53">
        <v>0</v>
      </c>
      <c r="P543" s="53">
        <v>0</v>
      </c>
      <c r="Q543" s="53">
        <v>0</v>
      </c>
      <c r="R543" s="53">
        <v>0</v>
      </c>
      <c r="S543" s="53">
        <v>0</v>
      </c>
      <c r="T543" s="53">
        <v>0</v>
      </c>
      <c r="U543" s="53">
        <v>0</v>
      </c>
      <c r="V543" s="53">
        <v>0</v>
      </c>
      <c r="W543" s="53">
        <v>0</v>
      </c>
      <c r="X543" s="53">
        <v>0</v>
      </c>
      <c r="Y543" s="53">
        <v>0</v>
      </c>
      <c r="Z543" s="53">
        <v>0</v>
      </c>
      <c r="AA543" s="53">
        <v>0</v>
      </c>
      <c r="AB543" s="53">
        <v>0</v>
      </c>
      <c r="AC543" s="53">
        <v>0</v>
      </c>
      <c r="AD543" s="53">
        <v>0</v>
      </c>
      <c r="AE543" s="53">
        <v>0</v>
      </c>
      <c r="AF543" s="53">
        <v>0</v>
      </c>
      <c r="AG543" s="53">
        <v>0</v>
      </c>
      <c r="AH543" s="53">
        <v>0</v>
      </c>
      <c r="AI543" s="53">
        <v>0</v>
      </c>
      <c r="AJ543" s="53">
        <v>0</v>
      </c>
      <c r="AK543" s="53">
        <v>0</v>
      </c>
      <c r="AL543" s="53">
        <v>0</v>
      </c>
      <c r="AM543" s="53">
        <v>0</v>
      </c>
      <c r="AN543" s="53">
        <v>0</v>
      </c>
      <c r="AO543" s="53">
        <v>0</v>
      </c>
      <c r="AP543" s="53">
        <v>0</v>
      </c>
      <c r="AQ543" s="53">
        <v>0</v>
      </c>
      <c r="AR543" s="53">
        <v>0</v>
      </c>
      <c r="AS543" s="53">
        <v>0</v>
      </c>
      <c r="AT543" s="53">
        <v>0</v>
      </c>
      <c r="AU543" s="53">
        <v>0</v>
      </c>
      <c r="AV543" s="53">
        <v>0</v>
      </c>
      <c r="AW543" s="53">
        <v>0</v>
      </c>
      <c r="AX543" s="53">
        <v>0</v>
      </c>
      <c r="AY543" s="53">
        <v>0</v>
      </c>
      <c r="AZ543" s="53">
        <v>0</v>
      </c>
      <c r="BA543" s="53">
        <v>0</v>
      </c>
    </row>
    <row r="544" spans="1:53">
      <c r="A544" s="52" t="s">
        <v>3858</v>
      </c>
      <c r="B544" s="53">
        <v>0</v>
      </c>
      <c r="C544" s="53">
        <v>0</v>
      </c>
      <c r="D544" s="53">
        <v>0</v>
      </c>
      <c r="E544" s="53">
        <v>0</v>
      </c>
      <c r="F544" s="53">
        <v>0</v>
      </c>
      <c r="G544" s="53">
        <v>0</v>
      </c>
      <c r="H544" s="53">
        <v>0</v>
      </c>
      <c r="I544" s="53">
        <v>0</v>
      </c>
      <c r="J544" s="53">
        <v>0</v>
      </c>
      <c r="K544" s="53">
        <v>0</v>
      </c>
      <c r="L544" s="53">
        <v>0</v>
      </c>
      <c r="M544" s="53">
        <v>0</v>
      </c>
      <c r="N544" s="53">
        <v>0</v>
      </c>
      <c r="O544" s="53">
        <v>0</v>
      </c>
      <c r="P544" s="53">
        <v>0</v>
      </c>
      <c r="Q544" s="53">
        <v>0</v>
      </c>
      <c r="R544" s="53">
        <v>0</v>
      </c>
      <c r="S544" s="53">
        <v>0</v>
      </c>
      <c r="T544" s="53">
        <v>0</v>
      </c>
      <c r="U544" s="53">
        <v>0</v>
      </c>
      <c r="V544" s="53">
        <v>0</v>
      </c>
      <c r="W544" s="53">
        <v>0</v>
      </c>
      <c r="X544" s="53">
        <v>0</v>
      </c>
      <c r="Y544" s="53">
        <v>0</v>
      </c>
      <c r="Z544" s="53">
        <v>0</v>
      </c>
      <c r="AA544" s="53">
        <v>0</v>
      </c>
      <c r="AB544" s="53">
        <v>0</v>
      </c>
      <c r="AC544" s="53">
        <v>0</v>
      </c>
      <c r="AD544" s="53">
        <v>0</v>
      </c>
      <c r="AE544" s="53">
        <v>0</v>
      </c>
      <c r="AF544" s="53">
        <v>0</v>
      </c>
      <c r="AG544" s="53">
        <v>0</v>
      </c>
      <c r="AH544" s="53">
        <v>0</v>
      </c>
      <c r="AI544" s="53">
        <v>0</v>
      </c>
      <c r="AJ544" s="53">
        <v>0</v>
      </c>
      <c r="AK544" s="53">
        <v>0</v>
      </c>
      <c r="AL544" s="53">
        <v>0</v>
      </c>
      <c r="AM544" s="53">
        <v>0</v>
      </c>
      <c r="AN544" s="53">
        <v>0</v>
      </c>
      <c r="AO544" s="53">
        <v>0</v>
      </c>
      <c r="AP544" s="53">
        <v>0</v>
      </c>
      <c r="AQ544" s="53">
        <v>0</v>
      </c>
      <c r="AR544" s="53">
        <v>0</v>
      </c>
      <c r="AS544" s="53">
        <v>0</v>
      </c>
      <c r="AT544" s="53">
        <v>0</v>
      </c>
      <c r="AU544" s="53">
        <v>0</v>
      </c>
      <c r="AV544" s="53">
        <v>0</v>
      </c>
      <c r="AW544" s="53">
        <v>0</v>
      </c>
      <c r="AX544" s="53">
        <v>0</v>
      </c>
      <c r="AY544" s="53">
        <v>0</v>
      </c>
      <c r="AZ544" s="53">
        <v>0</v>
      </c>
      <c r="BA544" s="53">
        <v>0</v>
      </c>
    </row>
    <row r="545" spans="1:53">
      <c r="A545" s="52" t="s">
        <v>3859</v>
      </c>
      <c r="B545" s="53">
        <v>0</v>
      </c>
      <c r="C545" s="53">
        <v>0</v>
      </c>
      <c r="D545" s="53">
        <v>0</v>
      </c>
      <c r="E545" s="53">
        <v>0</v>
      </c>
      <c r="F545" s="53">
        <v>0</v>
      </c>
      <c r="G545" s="53">
        <v>0</v>
      </c>
      <c r="H545" s="53">
        <v>0</v>
      </c>
      <c r="I545" s="53">
        <v>0</v>
      </c>
      <c r="J545" s="53">
        <v>0</v>
      </c>
      <c r="K545" s="53">
        <v>0</v>
      </c>
      <c r="L545" s="53">
        <v>0</v>
      </c>
      <c r="M545" s="53">
        <v>0</v>
      </c>
      <c r="N545" s="53">
        <v>0</v>
      </c>
      <c r="O545" s="53">
        <v>0</v>
      </c>
      <c r="P545" s="53">
        <v>0</v>
      </c>
      <c r="Q545" s="53">
        <v>0</v>
      </c>
      <c r="R545" s="53">
        <v>0</v>
      </c>
      <c r="S545" s="53">
        <v>0</v>
      </c>
      <c r="T545" s="53">
        <v>0</v>
      </c>
      <c r="U545" s="53">
        <v>0</v>
      </c>
      <c r="V545" s="53">
        <v>0</v>
      </c>
      <c r="W545" s="53">
        <v>0</v>
      </c>
      <c r="X545" s="53">
        <v>0</v>
      </c>
      <c r="Y545" s="53">
        <v>0</v>
      </c>
      <c r="Z545" s="53">
        <v>0</v>
      </c>
      <c r="AA545" s="53">
        <v>0</v>
      </c>
      <c r="AB545" s="53">
        <v>0</v>
      </c>
      <c r="AC545" s="53">
        <v>0</v>
      </c>
      <c r="AD545" s="53">
        <v>0</v>
      </c>
      <c r="AE545" s="53">
        <v>0</v>
      </c>
      <c r="AF545" s="53">
        <v>0</v>
      </c>
      <c r="AG545" s="53">
        <v>0</v>
      </c>
      <c r="AH545" s="53">
        <v>0</v>
      </c>
      <c r="AI545" s="53">
        <v>0</v>
      </c>
      <c r="AJ545" s="53">
        <v>0</v>
      </c>
      <c r="AK545" s="53">
        <v>0</v>
      </c>
      <c r="AL545" s="53">
        <v>0</v>
      </c>
      <c r="AM545" s="53">
        <v>0</v>
      </c>
      <c r="AN545" s="53">
        <v>0</v>
      </c>
      <c r="AO545" s="53">
        <v>0</v>
      </c>
      <c r="AP545" s="53">
        <v>0</v>
      </c>
      <c r="AQ545" s="53">
        <v>0</v>
      </c>
      <c r="AR545" s="53">
        <v>0</v>
      </c>
      <c r="AS545" s="53">
        <v>0</v>
      </c>
      <c r="AT545" s="53">
        <v>0</v>
      </c>
      <c r="AU545" s="53">
        <v>0</v>
      </c>
      <c r="AV545" s="53">
        <v>0</v>
      </c>
      <c r="AW545" s="53">
        <v>0</v>
      </c>
      <c r="AX545" s="53">
        <v>0</v>
      </c>
      <c r="AY545" s="53">
        <v>0</v>
      </c>
      <c r="AZ545" s="53">
        <v>0</v>
      </c>
      <c r="BA545" s="53">
        <v>0</v>
      </c>
    </row>
    <row r="546" spans="1:53">
      <c r="A546" s="52" t="s">
        <v>3860</v>
      </c>
      <c r="B546" s="53">
        <v>0</v>
      </c>
      <c r="C546" s="53">
        <v>0</v>
      </c>
      <c r="D546" s="53">
        <v>0</v>
      </c>
      <c r="E546" s="53">
        <v>0</v>
      </c>
      <c r="F546" s="53">
        <v>0</v>
      </c>
      <c r="G546" s="53">
        <v>0</v>
      </c>
      <c r="H546" s="53">
        <v>0</v>
      </c>
      <c r="I546" s="53">
        <v>0</v>
      </c>
      <c r="J546" s="53">
        <v>0</v>
      </c>
      <c r="K546" s="53">
        <v>0</v>
      </c>
      <c r="L546" s="53">
        <v>0</v>
      </c>
      <c r="M546" s="53">
        <v>0</v>
      </c>
      <c r="N546" s="53">
        <v>0</v>
      </c>
      <c r="O546" s="53">
        <v>0</v>
      </c>
      <c r="P546" s="53">
        <v>0</v>
      </c>
      <c r="Q546" s="53">
        <v>0</v>
      </c>
      <c r="R546" s="53">
        <v>0</v>
      </c>
      <c r="S546" s="53">
        <v>0</v>
      </c>
      <c r="T546" s="53">
        <v>0</v>
      </c>
      <c r="U546" s="53">
        <v>0</v>
      </c>
      <c r="V546" s="53">
        <v>0</v>
      </c>
      <c r="W546" s="53">
        <v>0</v>
      </c>
      <c r="X546" s="53">
        <v>0</v>
      </c>
      <c r="Y546" s="53">
        <v>0</v>
      </c>
      <c r="Z546" s="53">
        <v>0</v>
      </c>
      <c r="AA546" s="53">
        <v>0</v>
      </c>
      <c r="AB546" s="53">
        <v>0</v>
      </c>
      <c r="AC546" s="53">
        <v>0</v>
      </c>
      <c r="AD546" s="53">
        <v>0</v>
      </c>
      <c r="AE546" s="53">
        <v>0</v>
      </c>
      <c r="AF546" s="53">
        <v>0</v>
      </c>
      <c r="AG546" s="53">
        <v>0</v>
      </c>
      <c r="AH546" s="53">
        <v>0</v>
      </c>
      <c r="AI546" s="53">
        <v>0</v>
      </c>
      <c r="AJ546" s="53">
        <v>0</v>
      </c>
      <c r="AK546" s="53">
        <v>0</v>
      </c>
      <c r="AL546" s="53">
        <v>0</v>
      </c>
      <c r="AM546" s="53">
        <v>0</v>
      </c>
      <c r="AN546" s="53">
        <v>0</v>
      </c>
      <c r="AO546" s="53">
        <v>0</v>
      </c>
      <c r="AP546" s="53">
        <v>0</v>
      </c>
      <c r="AQ546" s="53">
        <v>0</v>
      </c>
      <c r="AR546" s="53">
        <v>0</v>
      </c>
      <c r="AS546" s="53">
        <v>0</v>
      </c>
      <c r="AT546" s="53">
        <v>0</v>
      </c>
      <c r="AU546" s="53">
        <v>0</v>
      </c>
      <c r="AV546" s="53">
        <v>0</v>
      </c>
      <c r="AW546" s="53">
        <v>0</v>
      </c>
      <c r="AX546" s="53">
        <v>0</v>
      </c>
      <c r="AY546" s="53">
        <v>0</v>
      </c>
      <c r="AZ546" s="53">
        <v>0</v>
      </c>
      <c r="BA546" s="53">
        <v>0</v>
      </c>
    </row>
    <row r="547" spans="1:53">
      <c r="A547" s="236" t="s">
        <v>3861</v>
      </c>
      <c r="B547" s="53">
        <v>319047.65999999997</v>
      </c>
      <c r="C547" s="53">
        <v>304569.69</v>
      </c>
      <c r="D547" s="53">
        <v>269835.90000000002</v>
      </c>
      <c r="E547" s="53">
        <v>308458.13999999902</v>
      </c>
      <c r="F547" s="53">
        <v>329159.05</v>
      </c>
      <c r="G547" s="53">
        <v>485159.12</v>
      </c>
      <c r="H547" s="53">
        <v>465267.45</v>
      </c>
      <c r="I547" s="53">
        <v>479918.34</v>
      </c>
      <c r="J547" s="53">
        <v>429284.82999999903</v>
      </c>
      <c r="K547" s="53">
        <v>365295.44</v>
      </c>
      <c r="L547" s="53">
        <v>267080</v>
      </c>
      <c r="M547" s="53">
        <v>301350.5</v>
      </c>
      <c r="N547" s="53">
        <v>4324426.12</v>
      </c>
      <c r="O547" s="53">
        <v>479939.66</v>
      </c>
      <c r="P547" s="53">
        <v>479939.69</v>
      </c>
      <c r="Q547" s="53">
        <v>479939.89999999898</v>
      </c>
      <c r="R547" s="53">
        <v>479940.13999999902</v>
      </c>
      <c r="S547" s="53">
        <v>479940.05</v>
      </c>
      <c r="T547" s="53">
        <v>479940.12</v>
      </c>
      <c r="U547" s="53">
        <v>479940.45</v>
      </c>
      <c r="V547" s="53">
        <v>479940.33999999898</v>
      </c>
      <c r="W547" s="53">
        <v>479939.82999999903</v>
      </c>
      <c r="X547" s="53">
        <v>479940.44</v>
      </c>
      <c r="Y547" s="53">
        <v>479940</v>
      </c>
      <c r="Z547" s="53">
        <v>479939.5</v>
      </c>
      <c r="AA547" s="53">
        <v>5759280.1200000001</v>
      </c>
      <c r="AB547" s="53">
        <v>489538.66</v>
      </c>
      <c r="AC547" s="53">
        <v>489538.69</v>
      </c>
      <c r="AD547" s="53">
        <v>489538.9</v>
      </c>
      <c r="AE547" s="53">
        <v>489539.13999999902</v>
      </c>
      <c r="AF547" s="53">
        <v>489539.05</v>
      </c>
      <c r="AG547" s="53">
        <v>489539.11999999901</v>
      </c>
      <c r="AH547" s="53">
        <v>489539.44999999902</v>
      </c>
      <c r="AI547" s="53">
        <v>489539.33999999898</v>
      </c>
      <c r="AJ547" s="53">
        <v>489538.82999999903</v>
      </c>
      <c r="AK547" s="53">
        <v>489539.43999999901</v>
      </c>
      <c r="AL547" s="53">
        <v>489539</v>
      </c>
      <c r="AM547" s="53">
        <v>489538.5</v>
      </c>
      <c r="AN547" s="53">
        <v>5874468.1199999899</v>
      </c>
      <c r="AO547" s="53">
        <v>499329.65999999898</v>
      </c>
      <c r="AP547" s="53">
        <v>499329.68999999901</v>
      </c>
      <c r="AQ547" s="53">
        <v>499329.89999999898</v>
      </c>
      <c r="AR547" s="53">
        <v>499330.13999999902</v>
      </c>
      <c r="AS547" s="53">
        <v>499330.05</v>
      </c>
      <c r="AT547" s="53">
        <v>499330.11999999901</v>
      </c>
      <c r="AU547" s="53">
        <v>499330.45</v>
      </c>
      <c r="AV547" s="53">
        <v>499330.33999999898</v>
      </c>
      <c r="AW547" s="53">
        <v>499329.83</v>
      </c>
      <c r="AX547" s="53">
        <v>499330.44</v>
      </c>
      <c r="AY547" s="53">
        <v>499330</v>
      </c>
      <c r="AZ547" s="53">
        <v>499329.5</v>
      </c>
      <c r="BA547" s="53">
        <v>5991960.1199999899</v>
      </c>
    </row>
    <row r="548" spans="1:53">
      <c r="A548" s="52" t="s">
        <v>3862</v>
      </c>
      <c r="B548" s="53">
        <v>0</v>
      </c>
      <c r="C548" s="53">
        <v>0</v>
      </c>
      <c r="D548" s="53">
        <v>0</v>
      </c>
      <c r="E548" s="53">
        <v>0</v>
      </c>
      <c r="F548" s="53">
        <v>0</v>
      </c>
      <c r="G548" s="53">
        <v>0</v>
      </c>
      <c r="H548" s="53">
        <v>0</v>
      </c>
      <c r="I548" s="53">
        <v>0</v>
      </c>
      <c r="J548" s="53">
        <v>0</v>
      </c>
      <c r="K548" s="53">
        <v>0</v>
      </c>
      <c r="L548" s="53">
        <v>0</v>
      </c>
      <c r="M548" s="53">
        <v>0</v>
      </c>
      <c r="N548" s="53">
        <v>0</v>
      </c>
      <c r="O548" s="53">
        <v>0</v>
      </c>
      <c r="P548" s="53">
        <v>0</v>
      </c>
      <c r="Q548" s="53">
        <v>0</v>
      </c>
      <c r="R548" s="53">
        <v>0</v>
      </c>
      <c r="S548" s="53">
        <v>0</v>
      </c>
      <c r="T548" s="53">
        <v>0</v>
      </c>
      <c r="U548" s="53">
        <v>0</v>
      </c>
      <c r="V548" s="53">
        <v>0</v>
      </c>
      <c r="W548" s="53">
        <v>0</v>
      </c>
      <c r="X548" s="53">
        <v>0</v>
      </c>
      <c r="Y548" s="53">
        <v>0</v>
      </c>
      <c r="Z548" s="53">
        <v>0</v>
      </c>
      <c r="AA548" s="53">
        <v>0</v>
      </c>
      <c r="AB548" s="53">
        <v>0</v>
      </c>
      <c r="AC548" s="53">
        <v>0</v>
      </c>
      <c r="AD548" s="53">
        <v>0</v>
      </c>
      <c r="AE548" s="53">
        <v>0</v>
      </c>
      <c r="AF548" s="53">
        <v>0</v>
      </c>
      <c r="AG548" s="53">
        <v>0</v>
      </c>
      <c r="AH548" s="53">
        <v>0</v>
      </c>
      <c r="AI548" s="53">
        <v>0</v>
      </c>
      <c r="AJ548" s="53">
        <v>0</v>
      </c>
      <c r="AK548" s="53">
        <v>0</v>
      </c>
      <c r="AL548" s="53">
        <v>0</v>
      </c>
      <c r="AM548" s="53">
        <v>0</v>
      </c>
      <c r="AN548" s="53">
        <v>0</v>
      </c>
      <c r="AO548" s="53">
        <v>0</v>
      </c>
      <c r="AP548" s="53">
        <v>0</v>
      </c>
      <c r="AQ548" s="53">
        <v>0</v>
      </c>
      <c r="AR548" s="53">
        <v>0</v>
      </c>
      <c r="AS548" s="53">
        <v>0</v>
      </c>
      <c r="AT548" s="53">
        <v>0</v>
      </c>
      <c r="AU548" s="53">
        <v>0</v>
      </c>
      <c r="AV548" s="53">
        <v>0</v>
      </c>
      <c r="AW548" s="53">
        <v>0</v>
      </c>
      <c r="AX548" s="53">
        <v>0</v>
      </c>
      <c r="AY548" s="53">
        <v>0</v>
      </c>
      <c r="AZ548" s="53">
        <v>0</v>
      </c>
      <c r="BA548" s="53">
        <v>0</v>
      </c>
    </row>
    <row r="549" spans="1:53">
      <c r="A549" s="52" t="s">
        <v>3863</v>
      </c>
      <c r="B549" s="53">
        <v>0</v>
      </c>
      <c r="C549" s="53">
        <v>0</v>
      </c>
      <c r="D549" s="53">
        <v>0</v>
      </c>
      <c r="E549" s="53">
        <v>0</v>
      </c>
      <c r="F549" s="53">
        <v>0</v>
      </c>
      <c r="G549" s="53">
        <v>0</v>
      </c>
      <c r="H549" s="53">
        <v>0</v>
      </c>
      <c r="I549" s="53">
        <v>0</v>
      </c>
      <c r="J549" s="53">
        <v>0</v>
      </c>
      <c r="K549" s="53">
        <v>0</v>
      </c>
      <c r="L549" s="53">
        <v>0</v>
      </c>
      <c r="M549" s="53">
        <v>0</v>
      </c>
      <c r="N549" s="53">
        <v>0</v>
      </c>
      <c r="O549" s="53">
        <v>0</v>
      </c>
      <c r="P549" s="53">
        <v>0</v>
      </c>
      <c r="Q549" s="53">
        <v>0</v>
      </c>
      <c r="R549" s="53">
        <v>0</v>
      </c>
      <c r="S549" s="53">
        <v>0</v>
      </c>
      <c r="T549" s="53">
        <v>0</v>
      </c>
      <c r="U549" s="53">
        <v>0</v>
      </c>
      <c r="V549" s="53">
        <v>0</v>
      </c>
      <c r="W549" s="53">
        <v>0</v>
      </c>
      <c r="X549" s="53">
        <v>0</v>
      </c>
      <c r="Y549" s="53">
        <v>0</v>
      </c>
      <c r="Z549" s="53">
        <v>0</v>
      </c>
      <c r="AA549" s="53">
        <v>0</v>
      </c>
      <c r="AB549" s="53">
        <v>0</v>
      </c>
      <c r="AC549" s="53">
        <v>0</v>
      </c>
      <c r="AD549" s="53">
        <v>0</v>
      </c>
      <c r="AE549" s="53">
        <v>0</v>
      </c>
      <c r="AF549" s="53">
        <v>0</v>
      </c>
      <c r="AG549" s="53">
        <v>0</v>
      </c>
      <c r="AH549" s="53">
        <v>0</v>
      </c>
      <c r="AI549" s="53">
        <v>0</v>
      </c>
      <c r="AJ549" s="53">
        <v>0</v>
      </c>
      <c r="AK549" s="53">
        <v>0</v>
      </c>
      <c r="AL549" s="53">
        <v>0</v>
      </c>
      <c r="AM549" s="53">
        <v>0</v>
      </c>
      <c r="AN549" s="53">
        <v>0</v>
      </c>
      <c r="AO549" s="53">
        <v>0</v>
      </c>
      <c r="AP549" s="53">
        <v>0</v>
      </c>
      <c r="AQ549" s="53">
        <v>0</v>
      </c>
      <c r="AR549" s="53">
        <v>0</v>
      </c>
      <c r="AS549" s="53">
        <v>0</v>
      </c>
      <c r="AT549" s="53">
        <v>0</v>
      </c>
      <c r="AU549" s="53">
        <v>0</v>
      </c>
      <c r="AV549" s="53">
        <v>0</v>
      </c>
      <c r="AW549" s="53">
        <v>0</v>
      </c>
      <c r="AX549" s="53">
        <v>0</v>
      </c>
      <c r="AY549" s="53">
        <v>0</v>
      </c>
      <c r="AZ549" s="53">
        <v>0</v>
      </c>
      <c r="BA549" s="53">
        <v>0</v>
      </c>
    </row>
    <row r="550" spans="1:53">
      <c r="A550" s="236" t="s">
        <v>3864</v>
      </c>
      <c r="B550" s="53">
        <v>340566.04216177802</v>
      </c>
      <c r="C550" s="53">
        <v>326088.96216177801</v>
      </c>
      <c r="D550" s="53">
        <v>295851.56216177798</v>
      </c>
      <c r="E550" s="53">
        <v>334475.46216177702</v>
      </c>
      <c r="F550" s="53">
        <v>364294.952161778</v>
      </c>
      <c r="G550" s="53">
        <v>511174.50216177799</v>
      </c>
      <c r="H550" s="53">
        <v>491283.49216177798</v>
      </c>
      <c r="I550" s="53">
        <v>505935.99216177798</v>
      </c>
      <c r="J550" s="53">
        <v>455300.62216177798</v>
      </c>
      <c r="K550" s="53">
        <v>391672.36216177797</v>
      </c>
      <c r="L550" s="53">
        <v>302755.642161778</v>
      </c>
      <c r="M550" s="53">
        <v>327726.03216177801</v>
      </c>
      <c r="N550" s="53">
        <v>4647125.6259413296</v>
      </c>
      <c r="O550" s="53">
        <v>519244.04216177802</v>
      </c>
      <c r="P550" s="53">
        <v>519244.96216177801</v>
      </c>
      <c r="Q550" s="53">
        <v>523741.56216177798</v>
      </c>
      <c r="R550" s="53">
        <v>523743.46216177801</v>
      </c>
      <c r="S550" s="53">
        <v>523066.952161778</v>
      </c>
      <c r="T550" s="53">
        <v>523741.50216177799</v>
      </c>
      <c r="U550" s="53">
        <v>523742.49216177798</v>
      </c>
      <c r="V550" s="53">
        <v>523743.99216177798</v>
      </c>
      <c r="W550" s="53">
        <v>513946.62216177798</v>
      </c>
      <c r="X550" s="53">
        <v>524103.36216177797</v>
      </c>
      <c r="Y550" s="53">
        <v>463403.642161778</v>
      </c>
      <c r="Z550" s="53">
        <v>400259.03216177801</v>
      </c>
      <c r="AA550" s="53">
        <v>6081981.6259413296</v>
      </c>
      <c r="AB550" s="53">
        <v>528843.04216177796</v>
      </c>
      <c r="AC550" s="53">
        <v>528843.96216177801</v>
      </c>
      <c r="AD550" s="53">
        <v>533340.56216177798</v>
      </c>
      <c r="AE550" s="53">
        <v>533342.46216177801</v>
      </c>
      <c r="AF550" s="53">
        <v>532665.952161778</v>
      </c>
      <c r="AG550" s="53">
        <v>533340.502161777</v>
      </c>
      <c r="AH550" s="53">
        <v>533341.49216177803</v>
      </c>
      <c r="AI550" s="53">
        <v>533342.99216177699</v>
      </c>
      <c r="AJ550" s="53">
        <v>523545.62216177798</v>
      </c>
      <c r="AK550" s="53">
        <v>533702.36216177698</v>
      </c>
      <c r="AL550" s="53">
        <v>473002.642161778</v>
      </c>
      <c r="AM550" s="53">
        <v>409858.03216177801</v>
      </c>
      <c r="AN550" s="53">
        <v>6197169.6259413296</v>
      </c>
      <c r="AO550" s="53">
        <v>537456.24999999895</v>
      </c>
      <c r="AP550" s="53">
        <v>537457.17000000004</v>
      </c>
      <c r="AQ550" s="53">
        <v>541953.77</v>
      </c>
      <c r="AR550" s="53">
        <v>541955.66999999899</v>
      </c>
      <c r="AS550" s="53">
        <v>541279.16</v>
      </c>
      <c r="AT550" s="53">
        <v>541953.71</v>
      </c>
      <c r="AU550" s="53">
        <v>541954.69999999902</v>
      </c>
      <c r="AV550" s="53">
        <v>541956.19999999995</v>
      </c>
      <c r="AW550" s="53">
        <v>532158.82999999996</v>
      </c>
      <c r="AX550" s="53">
        <v>542315.56999999995</v>
      </c>
      <c r="AY550" s="53">
        <v>481615.85</v>
      </c>
      <c r="AZ550" s="53">
        <v>418471.24</v>
      </c>
      <c r="BA550" s="53">
        <v>6300528.1200000001</v>
      </c>
    </row>
    <row r="551" spans="1:53">
      <c r="A551" s="57" t="s">
        <v>3865</v>
      </c>
      <c r="B551" s="53"/>
      <c r="C551" s="53"/>
      <c r="D551" s="53"/>
      <c r="E551" s="53"/>
      <c r="F551" s="53"/>
      <c r="G551" s="53"/>
      <c r="H551" s="53"/>
      <c r="I551" s="53"/>
      <c r="J551" s="53"/>
      <c r="K551" s="53"/>
      <c r="L551" s="53"/>
      <c r="M551" s="53"/>
      <c r="N551" s="53"/>
      <c r="O551" s="53"/>
      <c r="P551" s="53"/>
      <c r="Q551" s="53"/>
      <c r="R551" s="53"/>
      <c r="S551" s="53"/>
      <c r="T551" s="53"/>
      <c r="U551" s="53"/>
      <c r="V551" s="53"/>
      <c r="W551" s="53"/>
      <c r="X551" s="53"/>
      <c r="Y551" s="53"/>
      <c r="Z551" s="53"/>
      <c r="AA551" s="53"/>
      <c r="AB551" s="53"/>
      <c r="AC551" s="53"/>
      <c r="AD551" s="53"/>
      <c r="AE551" s="53"/>
      <c r="AF551" s="53"/>
      <c r="AG551" s="53"/>
      <c r="AH551" s="53"/>
      <c r="AI551" s="53"/>
      <c r="AJ551" s="53"/>
      <c r="AK551" s="53"/>
      <c r="AL551" s="53"/>
      <c r="AM551" s="53"/>
      <c r="AN551" s="53"/>
      <c r="AO551" s="53"/>
      <c r="AP551" s="53"/>
      <c r="AQ551" s="53"/>
      <c r="AR551" s="53"/>
      <c r="AS551" s="53"/>
      <c r="AT551" s="53"/>
      <c r="AU551" s="53"/>
      <c r="AV551" s="53"/>
      <c r="AW551" s="53"/>
      <c r="AX551" s="53"/>
      <c r="AY551" s="53"/>
      <c r="AZ551" s="53"/>
      <c r="BA551" s="53"/>
    </row>
    <row r="552" spans="1:53">
      <c r="A552" s="57" t="s">
        <v>3866</v>
      </c>
      <c r="B552" s="53"/>
      <c r="C552" s="53"/>
      <c r="D552" s="53"/>
      <c r="E552" s="53"/>
      <c r="F552" s="53"/>
      <c r="G552" s="53"/>
      <c r="H552" s="53"/>
      <c r="I552" s="53"/>
      <c r="J552" s="53"/>
      <c r="K552" s="53"/>
      <c r="L552" s="53"/>
      <c r="M552" s="53"/>
      <c r="N552" s="53"/>
      <c r="O552" s="53"/>
      <c r="P552" s="53"/>
      <c r="Q552" s="53"/>
      <c r="R552" s="53"/>
      <c r="S552" s="53"/>
      <c r="T552" s="53"/>
      <c r="U552" s="53"/>
      <c r="V552" s="53"/>
      <c r="W552" s="53"/>
      <c r="X552" s="53"/>
      <c r="Y552" s="53"/>
      <c r="Z552" s="53"/>
      <c r="AA552" s="53"/>
      <c r="AB552" s="53"/>
      <c r="AC552" s="53"/>
      <c r="AD552" s="53"/>
      <c r="AE552" s="53"/>
      <c r="AF552" s="53"/>
      <c r="AG552" s="53"/>
      <c r="AH552" s="53"/>
      <c r="AI552" s="53"/>
      <c r="AJ552" s="53"/>
      <c r="AK552" s="53"/>
      <c r="AL552" s="53"/>
      <c r="AM552" s="53"/>
      <c r="AN552" s="53"/>
      <c r="AO552" s="53"/>
      <c r="AP552" s="53"/>
      <c r="AQ552" s="53"/>
      <c r="AR552" s="53"/>
      <c r="AS552" s="53"/>
      <c r="AT552" s="53"/>
      <c r="AU552" s="53"/>
      <c r="AV552" s="53"/>
      <c r="AW552" s="53"/>
      <c r="AX552" s="53"/>
      <c r="AY552" s="53"/>
      <c r="AZ552" s="53"/>
      <c r="BA552" s="53"/>
    </row>
    <row r="553" spans="1:53">
      <c r="A553" s="52" t="s">
        <v>3867</v>
      </c>
      <c r="B553" s="53">
        <v>0</v>
      </c>
      <c r="C553" s="53">
        <v>0</v>
      </c>
      <c r="D553" s="53">
        <v>0</v>
      </c>
      <c r="E553" s="53">
        <v>0</v>
      </c>
      <c r="F553" s="53">
        <v>0</v>
      </c>
      <c r="G553" s="53">
        <v>0</v>
      </c>
      <c r="H553" s="53">
        <v>0</v>
      </c>
      <c r="I553" s="53">
        <v>0</v>
      </c>
      <c r="J553" s="53">
        <v>0</v>
      </c>
      <c r="K553" s="53">
        <v>0</v>
      </c>
      <c r="L553" s="53">
        <v>0</v>
      </c>
      <c r="M553" s="53">
        <v>0</v>
      </c>
      <c r="N553" s="53">
        <v>0</v>
      </c>
      <c r="O553" s="53">
        <v>0</v>
      </c>
      <c r="P553" s="53">
        <v>0</v>
      </c>
      <c r="Q553" s="53">
        <v>0</v>
      </c>
      <c r="R553" s="53">
        <v>0</v>
      </c>
      <c r="S553" s="53">
        <v>0</v>
      </c>
      <c r="T553" s="53">
        <v>0</v>
      </c>
      <c r="U553" s="53">
        <v>0</v>
      </c>
      <c r="V553" s="53">
        <v>0</v>
      </c>
      <c r="W553" s="53">
        <v>0</v>
      </c>
      <c r="X553" s="53">
        <v>0</v>
      </c>
      <c r="Y553" s="53">
        <v>0</v>
      </c>
      <c r="Z553" s="53">
        <v>0</v>
      </c>
      <c r="AA553" s="53">
        <v>0</v>
      </c>
      <c r="AB553" s="53">
        <v>0</v>
      </c>
      <c r="AC553" s="53">
        <v>0</v>
      </c>
      <c r="AD553" s="53">
        <v>0</v>
      </c>
      <c r="AE553" s="53">
        <v>0</v>
      </c>
      <c r="AF553" s="53">
        <v>0</v>
      </c>
      <c r="AG553" s="53">
        <v>0</v>
      </c>
      <c r="AH553" s="53">
        <v>0</v>
      </c>
      <c r="AI553" s="53">
        <v>0</v>
      </c>
      <c r="AJ553" s="53">
        <v>0</v>
      </c>
      <c r="AK553" s="53">
        <v>0</v>
      </c>
      <c r="AL553" s="53">
        <v>0</v>
      </c>
      <c r="AM553" s="53">
        <v>0</v>
      </c>
      <c r="AN553" s="53">
        <v>0</v>
      </c>
      <c r="AO553" s="53">
        <v>0</v>
      </c>
      <c r="AP553" s="53">
        <v>0</v>
      </c>
      <c r="AQ553" s="53">
        <v>0</v>
      </c>
      <c r="AR553" s="53">
        <v>0</v>
      </c>
      <c r="AS553" s="53">
        <v>0</v>
      </c>
      <c r="AT553" s="53">
        <v>0</v>
      </c>
      <c r="AU553" s="53">
        <v>0</v>
      </c>
      <c r="AV553" s="53">
        <v>0</v>
      </c>
      <c r="AW553" s="53">
        <v>0</v>
      </c>
      <c r="AX553" s="53">
        <v>0</v>
      </c>
      <c r="AY553" s="53">
        <v>0</v>
      </c>
      <c r="AZ553" s="53">
        <v>0</v>
      </c>
      <c r="BA553" s="53">
        <v>0</v>
      </c>
    </row>
    <row r="554" spans="1:53">
      <c r="A554" s="52" t="s">
        <v>3868</v>
      </c>
      <c r="B554" s="53">
        <v>0</v>
      </c>
      <c r="C554" s="53">
        <v>0</v>
      </c>
      <c r="D554" s="53">
        <v>0</v>
      </c>
      <c r="E554" s="53">
        <v>0</v>
      </c>
      <c r="F554" s="53">
        <v>0</v>
      </c>
      <c r="G554" s="53">
        <v>0</v>
      </c>
      <c r="H554" s="53">
        <v>0</v>
      </c>
      <c r="I554" s="53">
        <v>0</v>
      </c>
      <c r="J554" s="53">
        <v>0</v>
      </c>
      <c r="K554" s="53">
        <v>0</v>
      </c>
      <c r="L554" s="53">
        <v>0</v>
      </c>
      <c r="M554" s="53">
        <v>0</v>
      </c>
      <c r="N554" s="53">
        <v>0</v>
      </c>
      <c r="O554" s="53">
        <v>0</v>
      </c>
      <c r="P554" s="53">
        <v>0</v>
      </c>
      <c r="Q554" s="53">
        <v>0</v>
      </c>
      <c r="R554" s="53">
        <v>0</v>
      </c>
      <c r="S554" s="53">
        <v>0</v>
      </c>
      <c r="T554" s="53">
        <v>0</v>
      </c>
      <c r="U554" s="53">
        <v>0</v>
      </c>
      <c r="V554" s="53">
        <v>0</v>
      </c>
      <c r="W554" s="53">
        <v>0</v>
      </c>
      <c r="X554" s="53">
        <v>0</v>
      </c>
      <c r="Y554" s="53">
        <v>0</v>
      </c>
      <c r="Z554" s="53">
        <v>0</v>
      </c>
      <c r="AA554" s="53">
        <v>0</v>
      </c>
      <c r="AB554" s="53">
        <v>0</v>
      </c>
      <c r="AC554" s="53">
        <v>0</v>
      </c>
      <c r="AD554" s="53">
        <v>0</v>
      </c>
      <c r="AE554" s="53">
        <v>0</v>
      </c>
      <c r="AF554" s="53">
        <v>0</v>
      </c>
      <c r="AG554" s="53">
        <v>0</v>
      </c>
      <c r="AH554" s="53">
        <v>0</v>
      </c>
      <c r="AI554" s="53">
        <v>0</v>
      </c>
      <c r="AJ554" s="53">
        <v>0</v>
      </c>
      <c r="AK554" s="53">
        <v>0</v>
      </c>
      <c r="AL554" s="53">
        <v>0</v>
      </c>
      <c r="AM554" s="53">
        <v>0</v>
      </c>
      <c r="AN554" s="53">
        <v>0</v>
      </c>
      <c r="AO554" s="53">
        <v>0</v>
      </c>
      <c r="AP554" s="53">
        <v>0</v>
      </c>
      <c r="AQ554" s="53">
        <v>0</v>
      </c>
      <c r="AR554" s="53">
        <v>0</v>
      </c>
      <c r="AS554" s="53">
        <v>0</v>
      </c>
      <c r="AT554" s="53">
        <v>0</v>
      </c>
      <c r="AU554" s="53">
        <v>0</v>
      </c>
      <c r="AV554" s="53">
        <v>0</v>
      </c>
      <c r="AW554" s="53">
        <v>0</v>
      </c>
      <c r="AX554" s="53">
        <v>0</v>
      </c>
      <c r="AY554" s="53">
        <v>0</v>
      </c>
      <c r="AZ554" s="53">
        <v>0</v>
      </c>
      <c r="BA554" s="53">
        <v>0</v>
      </c>
    </row>
    <row r="555" spans="1:53">
      <c r="A555" s="52" t="s">
        <v>3869</v>
      </c>
      <c r="B555" s="53">
        <v>152618</v>
      </c>
      <c r="C555" s="53">
        <v>159263</v>
      </c>
      <c r="D555" s="53">
        <v>207446</v>
      </c>
      <c r="E555" s="53">
        <v>284419</v>
      </c>
      <c r="F555" s="53">
        <v>584649</v>
      </c>
      <c r="G555" s="53">
        <v>444073</v>
      </c>
      <c r="H555" s="53">
        <v>372642</v>
      </c>
      <c r="I555" s="53">
        <v>291732</v>
      </c>
      <c r="J555" s="53">
        <v>294683</v>
      </c>
      <c r="K555" s="53">
        <v>269520</v>
      </c>
      <c r="L555" s="53">
        <v>203126.99999999901</v>
      </c>
      <c r="M555" s="53">
        <v>161810</v>
      </c>
      <c r="N555" s="53">
        <v>3425982</v>
      </c>
      <c r="O555" s="53">
        <v>287529</v>
      </c>
      <c r="P555" s="53">
        <v>287529</v>
      </c>
      <c r="Q555" s="53">
        <v>287529</v>
      </c>
      <c r="R555" s="53">
        <v>287529</v>
      </c>
      <c r="S555" s="53">
        <v>287529</v>
      </c>
      <c r="T555" s="53">
        <v>287529</v>
      </c>
      <c r="U555" s="53">
        <v>287529</v>
      </c>
      <c r="V555" s="53">
        <v>287529</v>
      </c>
      <c r="W555" s="53">
        <v>287529</v>
      </c>
      <c r="X555" s="53">
        <v>287529</v>
      </c>
      <c r="Y555" s="53">
        <v>287529</v>
      </c>
      <c r="Z555" s="53">
        <v>287529</v>
      </c>
      <c r="AA555" s="53">
        <v>3450348</v>
      </c>
      <c r="AB555" s="53">
        <v>286537</v>
      </c>
      <c r="AC555" s="53">
        <v>286537</v>
      </c>
      <c r="AD555" s="53">
        <v>286537</v>
      </c>
      <c r="AE555" s="53">
        <v>286537</v>
      </c>
      <c r="AF555" s="53">
        <v>286537</v>
      </c>
      <c r="AG555" s="53">
        <v>286537</v>
      </c>
      <c r="AH555" s="53">
        <v>286537</v>
      </c>
      <c r="AI555" s="53">
        <v>286537</v>
      </c>
      <c r="AJ555" s="53">
        <v>286537</v>
      </c>
      <c r="AK555" s="53">
        <v>286537</v>
      </c>
      <c r="AL555" s="53">
        <v>286537</v>
      </c>
      <c r="AM555" s="53">
        <v>286537</v>
      </c>
      <c r="AN555" s="53">
        <v>3438443.9999999902</v>
      </c>
      <c r="AO555" s="53">
        <v>286537</v>
      </c>
      <c r="AP555" s="53">
        <v>286537</v>
      </c>
      <c r="AQ555" s="53">
        <v>286537</v>
      </c>
      <c r="AR555" s="53">
        <v>286537</v>
      </c>
      <c r="AS555" s="53">
        <v>286537</v>
      </c>
      <c r="AT555" s="53">
        <v>286537</v>
      </c>
      <c r="AU555" s="53">
        <v>286537</v>
      </c>
      <c r="AV555" s="53">
        <v>286537</v>
      </c>
      <c r="AW555" s="53">
        <v>286537</v>
      </c>
      <c r="AX555" s="53">
        <v>286537</v>
      </c>
      <c r="AY555" s="53">
        <v>286537</v>
      </c>
      <c r="AZ555" s="53">
        <v>286537</v>
      </c>
      <c r="BA555" s="53">
        <v>3438443.9999999902</v>
      </c>
    </row>
    <row r="556" spans="1:53">
      <c r="A556" s="52" t="s">
        <v>3870</v>
      </c>
      <c r="B556" s="53">
        <v>0</v>
      </c>
      <c r="C556" s="53">
        <v>0</v>
      </c>
      <c r="D556" s="53">
        <v>0</v>
      </c>
      <c r="E556" s="53">
        <v>0</v>
      </c>
      <c r="F556" s="53">
        <v>0</v>
      </c>
      <c r="G556" s="53">
        <v>0</v>
      </c>
      <c r="H556" s="53">
        <v>0</v>
      </c>
      <c r="I556" s="53">
        <v>0</v>
      </c>
      <c r="J556" s="53">
        <v>0</v>
      </c>
      <c r="K556" s="53">
        <v>0</v>
      </c>
      <c r="L556" s="53">
        <v>0</v>
      </c>
      <c r="M556" s="53">
        <v>0</v>
      </c>
      <c r="N556" s="53">
        <v>0</v>
      </c>
      <c r="O556" s="53">
        <v>0</v>
      </c>
      <c r="P556" s="53">
        <v>0</v>
      </c>
      <c r="Q556" s="53">
        <v>0</v>
      </c>
      <c r="R556" s="53">
        <v>0</v>
      </c>
      <c r="S556" s="53">
        <v>0</v>
      </c>
      <c r="T556" s="53">
        <v>0</v>
      </c>
      <c r="U556" s="53">
        <v>0</v>
      </c>
      <c r="V556" s="53">
        <v>0</v>
      </c>
      <c r="W556" s="53">
        <v>0</v>
      </c>
      <c r="X556" s="53">
        <v>0</v>
      </c>
      <c r="Y556" s="53">
        <v>0</v>
      </c>
      <c r="Z556" s="53">
        <v>0</v>
      </c>
      <c r="AA556" s="53">
        <v>0</v>
      </c>
      <c r="AB556" s="53">
        <v>0</v>
      </c>
      <c r="AC556" s="53">
        <v>0</v>
      </c>
      <c r="AD556" s="53">
        <v>0</v>
      </c>
      <c r="AE556" s="53">
        <v>0</v>
      </c>
      <c r="AF556" s="53">
        <v>0</v>
      </c>
      <c r="AG556" s="53">
        <v>0</v>
      </c>
      <c r="AH556" s="53">
        <v>0</v>
      </c>
      <c r="AI556" s="53">
        <v>0</v>
      </c>
      <c r="AJ556" s="53">
        <v>0</v>
      </c>
      <c r="AK556" s="53">
        <v>0</v>
      </c>
      <c r="AL556" s="53">
        <v>0</v>
      </c>
      <c r="AM556" s="53">
        <v>0</v>
      </c>
      <c r="AN556" s="53">
        <v>0</v>
      </c>
      <c r="AO556" s="53">
        <v>0</v>
      </c>
      <c r="AP556" s="53">
        <v>0</v>
      </c>
      <c r="AQ556" s="53">
        <v>0</v>
      </c>
      <c r="AR556" s="53">
        <v>0</v>
      </c>
      <c r="AS556" s="53">
        <v>0</v>
      </c>
      <c r="AT556" s="53">
        <v>0</v>
      </c>
      <c r="AU556" s="53">
        <v>0</v>
      </c>
      <c r="AV556" s="53">
        <v>0</v>
      </c>
      <c r="AW556" s="53">
        <v>0</v>
      </c>
      <c r="AX556" s="53">
        <v>0</v>
      </c>
      <c r="AY556" s="53">
        <v>0</v>
      </c>
      <c r="AZ556" s="53">
        <v>0</v>
      </c>
      <c r="BA556" s="53">
        <v>0</v>
      </c>
    </row>
    <row r="557" spans="1:53">
      <c r="A557" s="52" t="s">
        <v>3871</v>
      </c>
      <c r="B557" s="53">
        <v>0</v>
      </c>
      <c r="C557" s="53">
        <v>0</v>
      </c>
      <c r="D557" s="53">
        <v>0</v>
      </c>
      <c r="E557" s="53">
        <v>0</v>
      </c>
      <c r="F557" s="53">
        <v>0</v>
      </c>
      <c r="G557" s="53">
        <v>0</v>
      </c>
      <c r="H557" s="53">
        <v>0</v>
      </c>
      <c r="I557" s="53">
        <v>0</v>
      </c>
      <c r="J557" s="53">
        <v>0</v>
      </c>
      <c r="K557" s="53">
        <v>0</v>
      </c>
      <c r="L557" s="53">
        <v>0</v>
      </c>
      <c r="M557" s="53">
        <v>0</v>
      </c>
      <c r="N557" s="53">
        <v>0</v>
      </c>
      <c r="O557" s="53">
        <v>0</v>
      </c>
      <c r="P557" s="53">
        <v>0</v>
      </c>
      <c r="Q557" s="53">
        <v>0</v>
      </c>
      <c r="R557" s="53">
        <v>0</v>
      </c>
      <c r="S557" s="53">
        <v>0</v>
      </c>
      <c r="T557" s="53">
        <v>0</v>
      </c>
      <c r="U557" s="53">
        <v>0</v>
      </c>
      <c r="V557" s="53">
        <v>0</v>
      </c>
      <c r="W557" s="53">
        <v>0</v>
      </c>
      <c r="X557" s="53">
        <v>0</v>
      </c>
      <c r="Y557" s="53">
        <v>0</v>
      </c>
      <c r="Z557" s="53">
        <v>0</v>
      </c>
      <c r="AA557" s="53">
        <v>0</v>
      </c>
      <c r="AB557" s="53">
        <v>0</v>
      </c>
      <c r="AC557" s="53">
        <v>0</v>
      </c>
      <c r="AD557" s="53">
        <v>0</v>
      </c>
      <c r="AE557" s="53">
        <v>0</v>
      </c>
      <c r="AF557" s="53">
        <v>0</v>
      </c>
      <c r="AG557" s="53">
        <v>0</v>
      </c>
      <c r="AH557" s="53">
        <v>0</v>
      </c>
      <c r="AI557" s="53">
        <v>0</v>
      </c>
      <c r="AJ557" s="53">
        <v>0</v>
      </c>
      <c r="AK557" s="53">
        <v>0</v>
      </c>
      <c r="AL557" s="53">
        <v>0</v>
      </c>
      <c r="AM557" s="53">
        <v>0</v>
      </c>
      <c r="AN557" s="53">
        <v>0</v>
      </c>
      <c r="AO557" s="53">
        <v>0</v>
      </c>
      <c r="AP557" s="53">
        <v>0</v>
      </c>
      <c r="AQ557" s="53">
        <v>0</v>
      </c>
      <c r="AR557" s="53">
        <v>0</v>
      </c>
      <c r="AS557" s="53">
        <v>0</v>
      </c>
      <c r="AT557" s="53">
        <v>0</v>
      </c>
      <c r="AU557" s="53">
        <v>0</v>
      </c>
      <c r="AV557" s="53">
        <v>0</v>
      </c>
      <c r="AW557" s="53">
        <v>0</v>
      </c>
      <c r="AX557" s="53">
        <v>0</v>
      </c>
      <c r="AY557" s="53">
        <v>0</v>
      </c>
      <c r="AZ557" s="53">
        <v>0</v>
      </c>
      <c r="BA557" s="53">
        <v>0</v>
      </c>
    </row>
    <row r="558" spans="1:53">
      <c r="A558" s="52" t="s">
        <v>3872</v>
      </c>
      <c r="B558" s="53">
        <v>0</v>
      </c>
      <c r="C558" s="53">
        <v>0</v>
      </c>
      <c r="D558" s="53">
        <v>0</v>
      </c>
      <c r="E558" s="53">
        <v>0</v>
      </c>
      <c r="F558" s="53">
        <v>0</v>
      </c>
      <c r="G558" s="53">
        <v>0</v>
      </c>
      <c r="H558" s="53">
        <v>0</v>
      </c>
      <c r="I558" s="53">
        <v>0</v>
      </c>
      <c r="J558" s="53">
        <v>0</v>
      </c>
      <c r="K558" s="53">
        <v>0</v>
      </c>
      <c r="L558" s="53">
        <v>0</v>
      </c>
      <c r="M558" s="53">
        <v>0</v>
      </c>
      <c r="N558" s="53">
        <v>0</v>
      </c>
      <c r="O558" s="53">
        <v>0</v>
      </c>
      <c r="P558" s="53">
        <v>0</v>
      </c>
      <c r="Q558" s="53">
        <v>0</v>
      </c>
      <c r="R558" s="53">
        <v>0</v>
      </c>
      <c r="S558" s="53">
        <v>0</v>
      </c>
      <c r="T558" s="53">
        <v>0</v>
      </c>
      <c r="U558" s="53">
        <v>0</v>
      </c>
      <c r="V558" s="53">
        <v>0</v>
      </c>
      <c r="W558" s="53">
        <v>0</v>
      </c>
      <c r="X558" s="53">
        <v>0</v>
      </c>
      <c r="Y558" s="53">
        <v>0</v>
      </c>
      <c r="Z558" s="53">
        <v>0</v>
      </c>
      <c r="AA558" s="53">
        <v>0</v>
      </c>
      <c r="AB558" s="53">
        <v>0</v>
      </c>
      <c r="AC558" s="53">
        <v>0</v>
      </c>
      <c r="AD558" s="53">
        <v>0</v>
      </c>
      <c r="AE558" s="53">
        <v>0</v>
      </c>
      <c r="AF558" s="53">
        <v>0</v>
      </c>
      <c r="AG558" s="53">
        <v>0</v>
      </c>
      <c r="AH558" s="53">
        <v>0</v>
      </c>
      <c r="AI558" s="53">
        <v>0</v>
      </c>
      <c r="AJ558" s="53">
        <v>0</v>
      </c>
      <c r="AK558" s="53">
        <v>0</v>
      </c>
      <c r="AL558" s="53">
        <v>0</v>
      </c>
      <c r="AM558" s="53">
        <v>0</v>
      </c>
      <c r="AN558" s="53">
        <v>0</v>
      </c>
      <c r="AO558" s="53">
        <v>0</v>
      </c>
      <c r="AP558" s="53">
        <v>0</v>
      </c>
      <c r="AQ558" s="53">
        <v>0</v>
      </c>
      <c r="AR558" s="53">
        <v>0</v>
      </c>
      <c r="AS558" s="53">
        <v>0</v>
      </c>
      <c r="AT558" s="53">
        <v>0</v>
      </c>
      <c r="AU558" s="53">
        <v>0</v>
      </c>
      <c r="AV558" s="53">
        <v>0</v>
      </c>
      <c r="AW558" s="53">
        <v>0</v>
      </c>
      <c r="AX558" s="53">
        <v>0</v>
      </c>
      <c r="AY558" s="53">
        <v>0</v>
      </c>
      <c r="AZ558" s="53">
        <v>0</v>
      </c>
      <c r="BA558" s="53">
        <v>0</v>
      </c>
    </row>
    <row r="559" spans="1:53">
      <c r="A559" s="52" t="s">
        <v>3873</v>
      </c>
      <c r="B559" s="53">
        <v>0</v>
      </c>
      <c r="C559" s="53">
        <v>0</v>
      </c>
      <c r="D559" s="53">
        <v>0</v>
      </c>
      <c r="E559" s="53">
        <v>0</v>
      </c>
      <c r="F559" s="53">
        <v>0</v>
      </c>
      <c r="G559" s="53">
        <v>0</v>
      </c>
      <c r="H559" s="53">
        <v>0</v>
      </c>
      <c r="I559" s="53">
        <v>0</v>
      </c>
      <c r="J559" s="53">
        <v>0</v>
      </c>
      <c r="K559" s="53">
        <v>0</v>
      </c>
      <c r="L559" s="53">
        <v>0</v>
      </c>
      <c r="M559" s="53">
        <v>0</v>
      </c>
      <c r="N559" s="53">
        <v>0</v>
      </c>
      <c r="O559" s="53">
        <v>0</v>
      </c>
      <c r="P559" s="53">
        <v>0</v>
      </c>
      <c r="Q559" s="53">
        <v>0</v>
      </c>
      <c r="R559" s="53">
        <v>0</v>
      </c>
      <c r="S559" s="53">
        <v>0</v>
      </c>
      <c r="T559" s="53">
        <v>0</v>
      </c>
      <c r="U559" s="53">
        <v>0</v>
      </c>
      <c r="V559" s="53">
        <v>0</v>
      </c>
      <c r="W559" s="53">
        <v>0</v>
      </c>
      <c r="X559" s="53">
        <v>0</v>
      </c>
      <c r="Y559" s="53">
        <v>0</v>
      </c>
      <c r="Z559" s="53">
        <v>0</v>
      </c>
      <c r="AA559" s="53">
        <v>0</v>
      </c>
      <c r="AB559" s="53">
        <v>0</v>
      </c>
      <c r="AC559" s="53">
        <v>0</v>
      </c>
      <c r="AD559" s="53">
        <v>0</v>
      </c>
      <c r="AE559" s="53">
        <v>0</v>
      </c>
      <c r="AF559" s="53">
        <v>0</v>
      </c>
      <c r="AG559" s="53">
        <v>0</v>
      </c>
      <c r="AH559" s="53">
        <v>0</v>
      </c>
      <c r="AI559" s="53">
        <v>0</v>
      </c>
      <c r="AJ559" s="53">
        <v>0</v>
      </c>
      <c r="AK559" s="53">
        <v>0</v>
      </c>
      <c r="AL559" s="53">
        <v>0</v>
      </c>
      <c r="AM559" s="53">
        <v>0</v>
      </c>
      <c r="AN559" s="53">
        <v>0</v>
      </c>
      <c r="AO559" s="53">
        <v>0</v>
      </c>
      <c r="AP559" s="53">
        <v>0</v>
      </c>
      <c r="AQ559" s="53">
        <v>0</v>
      </c>
      <c r="AR559" s="53">
        <v>0</v>
      </c>
      <c r="AS559" s="53">
        <v>0</v>
      </c>
      <c r="AT559" s="53">
        <v>0</v>
      </c>
      <c r="AU559" s="53">
        <v>0</v>
      </c>
      <c r="AV559" s="53">
        <v>0</v>
      </c>
      <c r="AW559" s="53">
        <v>0</v>
      </c>
      <c r="AX559" s="53">
        <v>0</v>
      </c>
      <c r="AY559" s="53">
        <v>0</v>
      </c>
      <c r="AZ559" s="53">
        <v>0</v>
      </c>
      <c r="BA559" s="53">
        <v>0</v>
      </c>
    </row>
    <row r="560" spans="1:53">
      <c r="A560" s="52" t="s">
        <v>3874</v>
      </c>
      <c r="B560" s="53">
        <v>0</v>
      </c>
      <c r="C560" s="53">
        <v>0</v>
      </c>
      <c r="D560" s="53">
        <v>0</v>
      </c>
      <c r="E560" s="53">
        <v>0</v>
      </c>
      <c r="F560" s="53">
        <v>0</v>
      </c>
      <c r="G560" s="53">
        <v>0</v>
      </c>
      <c r="H560" s="53">
        <v>0</v>
      </c>
      <c r="I560" s="53">
        <v>0</v>
      </c>
      <c r="J560" s="53">
        <v>0</v>
      </c>
      <c r="K560" s="53">
        <v>0</v>
      </c>
      <c r="L560" s="53">
        <v>0</v>
      </c>
      <c r="M560" s="53">
        <v>0</v>
      </c>
      <c r="N560" s="53">
        <v>0</v>
      </c>
      <c r="O560" s="53">
        <v>0</v>
      </c>
      <c r="P560" s="53">
        <v>0</v>
      </c>
      <c r="Q560" s="53">
        <v>0</v>
      </c>
      <c r="R560" s="53">
        <v>0</v>
      </c>
      <c r="S560" s="53">
        <v>0</v>
      </c>
      <c r="T560" s="53">
        <v>0</v>
      </c>
      <c r="U560" s="53">
        <v>0</v>
      </c>
      <c r="V560" s="53">
        <v>0</v>
      </c>
      <c r="W560" s="53">
        <v>0</v>
      </c>
      <c r="X560" s="53">
        <v>0</v>
      </c>
      <c r="Y560" s="53">
        <v>0</v>
      </c>
      <c r="Z560" s="53">
        <v>0</v>
      </c>
      <c r="AA560" s="53">
        <v>0</v>
      </c>
      <c r="AB560" s="53">
        <v>0</v>
      </c>
      <c r="AC560" s="53">
        <v>0</v>
      </c>
      <c r="AD560" s="53">
        <v>0</v>
      </c>
      <c r="AE560" s="53">
        <v>0</v>
      </c>
      <c r="AF560" s="53">
        <v>0</v>
      </c>
      <c r="AG560" s="53">
        <v>0</v>
      </c>
      <c r="AH560" s="53">
        <v>0</v>
      </c>
      <c r="AI560" s="53">
        <v>0</v>
      </c>
      <c r="AJ560" s="53">
        <v>0</v>
      </c>
      <c r="AK560" s="53">
        <v>0</v>
      </c>
      <c r="AL560" s="53">
        <v>0</v>
      </c>
      <c r="AM560" s="53">
        <v>0</v>
      </c>
      <c r="AN560" s="53">
        <v>0</v>
      </c>
      <c r="AO560" s="53">
        <v>0</v>
      </c>
      <c r="AP560" s="53">
        <v>0</v>
      </c>
      <c r="AQ560" s="53">
        <v>0</v>
      </c>
      <c r="AR560" s="53">
        <v>0</v>
      </c>
      <c r="AS560" s="53">
        <v>0</v>
      </c>
      <c r="AT560" s="53">
        <v>0</v>
      </c>
      <c r="AU560" s="53">
        <v>0</v>
      </c>
      <c r="AV560" s="53">
        <v>0</v>
      </c>
      <c r="AW560" s="53">
        <v>0</v>
      </c>
      <c r="AX560" s="53">
        <v>0</v>
      </c>
      <c r="AY560" s="53">
        <v>0</v>
      </c>
      <c r="AZ560" s="53">
        <v>0</v>
      </c>
      <c r="BA560" s="53">
        <v>0</v>
      </c>
    </row>
    <row r="561" spans="1:53">
      <c r="A561" s="52" t="s">
        <v>3875</v>
      </c>
      <c r="B561" s="53">
        <v>822645</v>
      </c>
      <c r="C561" s="53">
        <v>893078</v>
      </c>
      <c r="D561" s="53">
        <v>912768</v>
      </c>
      <c r="E561" s="53">
        <v>935200</v>
      </c>
      <c r="F561" s="53">
        <v>1000420</v>
      </c>
      <c r="G561" s="53">
        <v>1200323</v>
      </c>
      <c r="H561" s="53">
        <v>1252697</v>
      </c>
      <c r="I561" s="53">
        <v>1279480</v>
      </c>
      <c r="J561" s="53">
        <v>1283161</v>
      </c>
      <c r="K561" s="53">
        <v>1161347</v>
      </c>
      <c r="L561" s="53">
        <v>1122711</v>
      </c>
      <c r="M561" s="53">
        <v>1028589</v>
      </c>
      <c r="N561" s="53">
        <v>12892419</v>
      </c>
      <c r="O561" s="53">
        <v>1018189</v>
      </c>
      <c r="P561" s="53">
        <v>1018189</v>
      </c>
      <c r="Q561" s="53">
        <v>1018189</v>
      </c>
      <c r="R561" s="53">
        <v>1018189</v>
      </c>
      <c r="S561" s="53">
        <v>1018189</v>
      </c>
      <c r="T561" s="53">
        <v>1018189</v>
      </c>
      <c r="U561" s="53">
        <v>1018189</v>
      </c>
      <c r="V561" s="53">
        <v>1018189</v>
      </c>
      <c r="W561" s="53">
        <v>1018189</v>
      </c>
      <c r="X561" s="53">
        <v>1018189</v>
      </c>
      <c r="Y561" s="53">
        <v>1018189</v>
      </c>
      <c r="Z561" s="53">
        <v>1018189</v>
      </c>
      <c r="AA561" s="53">
        <v>12218268</v>
      </c>
      <c r="AB561" s="53">
        <v>1020900</v>
      </c>
      <c r="AC561" s="53">
        <v>1020900</v>
      </c>
      <c r="AD561" s="53">
        <v>1020900</v>
      </c>
      <c r="AE561" s="53">
        <v>1020900</v>
      </c>
      <c r="AF561" s="53">
        <v>1020900</v>
      </c>
      <c r="AG561" s="53">
        <v>1020900</v>
      </c>
      <c r="AH561" s="53">
        <v>1020900</v>
      </c>
      <c r="AI561" s="53">
        <v>1020900</v>
      </c>
      <c r="AJ561" s="53">
        <v>1020900</v>
      </c>
      <c r="AK561" s="53">
        <v>1020900</v>
      </c>
      <c r="AL561" s="53">
        <v>1020900</v>
      </c>
      <c r="AM561" s="53">
        <v>1020900</v>
      </c>
      <c r="AN561" s="53">
        <v>12250799.999999899</v>
      </c>
      <c r="AO561" s="53">
        <v>971992</v>
      </c>
      <c r="AP561" s="53">
        <v>971992</v>
      </c>
      <c r="AQ561" s="53">
        <v>971992</v>
      </c>
      <c r="AR561" s="53">
        <v>971992</v>
      </c>
      <c r="AS561" s="53">
        <v>971992</v>
      </c>
      <c r="AT561" s="53">
        <v>971992</v>
      </c>
      <c r="AU561" s="53">
        <v>971992</v>
      </c>
      <c r="AV561" s="53">
        <v>971992</v>
      </c>
      <c r="AW561" s="53">
        <v>971992</v>
      </c>
      <c r="AX561" s="53">
        <v>971992</v>
      </c>
      <c r="AY561" s="53">
        <v>971992</v>
      </c>
      <c r="AZ561" s="53">
        <v>971992</v>
      </c>
      <c r="BA561" s="53">
        <v>11663904</v>
      </c>
    </row>
    <row r="562" spans="1:53">
      <c r="A562" s="52" t="s">
        <v>3876</v>
      </c>
      <c r="B562" s="53">
        <v>0</v>
      </c>
      <c r="C562" s="53">
        <v>0</v>
      </c>
      <c r="D562" s="53">
        <v>0</v>
      </c>
      <c r="E562" s="53">
        <v>0</v>
      </c>
      <c r="F562" s="53">
        <v>0</v>
      </c>
      <c r="G562" s="53">
        <v>0</v>
      </c>
      <c r="H562" s="53">
        <v>0</v>
      </c>
      <c r="I562" s="53">
        <v>0</v>
      </c>
      <c r="J562" s="53">
        <v>0</v>
      </c>
      <c r="K562" s="53">
        <v>0</v>
      </c>
      <c r="L562" s="53">
        <v>0</v>
      </c>
      <c r="M562" s="53">
        <v>0</v>
      </c>
      <c r="N562" s="53">
        <v>0</v>
      </c>
      <c r="O562" s="53">
        <v>0</v>
      </c>
      <c r="P562" s="53">
        <v>0</v>
      </c>
      <c r="Q562" s="53">
        <v>0</v>
      </c>
      <c r="R562" s="53">
        <v>0</v>
      </c>
      <c r="S562" s="53">
        <v>0</v>
      </c>
      <c r="T562" s="53">
        <v>0</v>
      </c>
      <c r="U562" s="53">
        <v>0</v>
      </c>
      <c r="V562" s="53">
        <v>0</v>
      </c>
      <c r="W562" s="53">
        <v>0</v>
      </c>
      <c r="X562" s="53">
        <v>0</v>
      </c>
      <c r="Y562" s="53">
        <v>0</v>
      </c>
      <c r="Z562" s="53">
        <v>0</v>
      </c>
      <c r="AA562" s="53">
        <v>0</v>
      </c>
      <c r="AB562" s="53">
        <v>0</v>
      </c>
      <c r="AC562" s="53">
        <v>0</v>
      </c>
      <c r="AD562" s="53">
        <v>0</v>
      </c>
      <c r="AE562" s="53">
        <v>0</v>
      </c>
      <c r="AF562" s="53">
        <v>0</v>
      </c>
      <c r="AG562" s="53">
        <v>0</v>
      </c>
      <c r="AH562" s="53">
        <v>0</v>
      </c>
      <c r="AI562" s="53">
        <v>0</v>
      </c>
      <c r="AJ562" s="53">
        <v>0</v>
      </c>
      <c r="AK562" s="53">
        <v>0</v>
      </c>
      <c r="AL562" s="53">
        <v>0</v>
      </c>
      <c r="AM562" s="53">
        <v>0</v>
      </c>
      <c r="AN562" s="53">
        <v>0</v>
      </c>
      <c r="AO562" s="53">
        <v>0</v>
      </c>
      <c r="AP562" s="53">
        <v>0</v>
      </c>
      <c r="AQ562" s="53">
        <v>0</v>
      </c>
      <c r="AR562" s="53">
        <v>0</v>
      </c>
      <c r="AS562" s="53">
        <v>0</v>
      </c>
      <c r="AT562" s="53">
        <v>0</v>
      </c>
      <c r="AU562" s="53">
        <v>0</v>
      </c>
      <c r="AV562" s="53">
        <v>0</v>
      </c>
      <c r="AW562" s="53">
        <v>0</v>
      </c>
      <c r="AX562" s="53">
        <v>0</v>
      </c>
      <c r="AY562" s="53">
        <v>0</v>
      </c>
      <c r="AZ562" s="53">
        <v>0</v>
      </c>
      <c r="BA562" s="53">
        <v>0</v>
      </c>
    </row>
    <row r="563" spans="1:53">
      <c r="A563" s="52" t="s">
        <v>3877</v>
      </c>
      <c r="B563" s="53">
        <v>0</v>
      </c>
      <c r="C563" s="53">
        <v>0</v>
      </c>
      <c r="D563" s="53">
        <v>0</v>
      </c>
      <c r="E563" s="53">
        <v>0</v>
      </c>
      <c r="F563" s="53">
        <v>0</v>
      </c>
      <c r="G563" s="53">
        <v>0</v>
      </c>
      <c r="H563" s="53">
        <v>0</v>
      </c>
      <c r="I563" s="53">
        <v>0</v>
      </c>
      <c r="J563" s="53">
        <v>0</v>
      </c>
      <c r="K563" s="53">
        <v>0</v>
      </c>
      <c r="L563" s="53">
        <v>0</v>
      </c>
      <c r="M563" s="53">
        <v>0</v>
      </c>
      <c r="N563" s="53">
        <v>0</v>
      </c>
      <c r="O563" s="53">
        <v>0</v>
      </c>
      <c r="P563" s="53">
        <v>0</v>
      </c>
      <c r="Q563" s="53">
        <v>0</v>
      </c>
      <c r="R563" s="53">
        <v>0</v>
      </c>
      <c r="S563" s="53">
        <v>0</v>
      </c>
      <c r="T563" s="53">
        <v>0</v>
      </c>
      <c r="U563" s="53">
        <v>0</v>
      </c>
      <c r="V563" s="53">
        <v>0</v>
      </c>
      <c r="W563" s="53">
        <v>0</v>
      </c>
      <c r="X563" s="53">
        <v>0</v>
      </c>
      <c r="Y563" s="53">
        <v>0</v>
      </c>
      <c r="Z563" s="53">
        <v>0</v>
      </c>
      <c r="AA563" s="53">
        <v>0</v>
      </c>
      <c r="AB563" s="53">
        <v>0</v>
      </c>
      <c r="AC563" s="53">
        <v>0</v>
      </c>
      <c r="AD563" s="53">
        <v>0</v>
      </c>
      <c r="AE563" s="53">
        <v>0</v>
      </c>
      <c r="AF563" s="53">
        <v>0</v>
      </c>
      <c r="AG563" s="53">
        <v>0</v>
      </c>
      <c r="AH563" s="53">
        <v>0</v>
      </c>
      <c r="AI563" s="53">
        <v>0</v>
      </c>
      <c r="AJ563" s="53">
        <v>0</v>
      </c>
      <c r="AK563" s="53">
        <v>0</v>
      </c>
      <c r="AL563" s="53">
        <v>0</v>
      </c>
      <c r="AM563" s="53">
        <v>0</v>
      </c>
      <c r="AN563" s="53">
        <v>0</v>
      </c>
      <c r="AO563" s="53">
        <v>0</v>
      </c>
      <c r="AP563" s="53">
        <v>0</v>
      </c>
      <c r="AQ563" s="53">
        <v>0</v>
      </c>
      <c r="AR563" s="53">
        <v>0</v>
      </c>
      <c r="AS563" s="53">
        <v>0</v>
      </c>
      <c r="AT563" s="53">
        <v>0</v>
      </c>
      <c r="AU563" s="53">
        <v>0</v>
      </c>
      <c r="AV563" s="53">
        <v>0</v>
      </c>
      <c r="AW563" s="53">
        <v>0</v>
      </c>
      <c r="AX563" s="53">
        <v>0</v>
      </c>
      <c r="AY563" s="53">
        <v>0</v>
      </c>
      <c r="AZ563" s="53">
        <v>0</v>
      </c>
      <c r="BA563" s="53">
        <v>0</v>
      </c>
    </row>
    <row r="564" spans="1:53">
      <c r="A564" s="52" t="s">
        <v>3878</v>
      </c>
      <c r="B564" s="53">
        <v>0</v>
      </c>
      <c r="C564" s="53">
        <v>0</v>
      </c>
      <c r="D564" s="53">
        <v>0</v>
      </c>
      <c r="E564" s="53">
        <v>0</v>
      </c>
      <c r="F564" s="53">
        <v>0</v>
      </c>
      <c r="G564" s="53">
        <v>0</v>
      </c>
      <c r="H564" s="53">
        <v>0</v>
      </c>
      <c r="I564" s="53">
        <v>0</v>
      </c>
      <c r="J564" s="53">
        <v>0</v>
      </c>
      <c r="K564" s="53">
        <v>0</v>
      </c>
      <c r="L564" s="53">
        <v>0</v>
      </c>
      <c r="M564" s="53">
        <v>0</v>
      </c>
      <c r="N564" s="53">
        <v>0</v>
      </c>
      <c r="O564" s="53">
        <v>0</v>
      </c>
      <c r="P564" s="53">
        <v>0</v>
      </c>
      <c r="Q564" s="53">
        <v>0</v>
      </c>
      <c r="R564" s="53">
        <v>0</v>
      </c>
      <c r="S564" s="53">
        <v>0</v>
      </c>
      <c r="T564" s="53">
        <v>0</v>
      </c>
      <c r="U564" s="53">
        <v>0</v>
      </c>
      <c r="V564" s="53">
        <v>0</v>
      </c>
      <c r="W564" s="53">
        <v>0</v>
      </c>
      <c r="X564" s="53">
        <v>0</v>
      </c>
      <c r="Y564" s="53">
        <v>0</v>
      </c>
      <c r="Z564" s="53">
        <v>0</v>
      </c>
      <c r="AA564" s="53">
        <v>0</v>
      </c>
      <c r="AB564" s="53">
        <v>0</v>
      </c>
      <c r="AC564" s="53">
        <v>0</v>
      </c>
      <c r="AD564" s="53">
        <v>0</v>
      </c>
      <c r="AE564" s="53">
        <v>0</v>
      </c>
      <c r="AF564" s="53">
        <v>0</v>
      </c>
      <c r="AG564" s="53">
        <v>0</v>
      </c>
      <c r="AH564" s="53">
        <v>0</v>
      </c>
      <c r="AI564" s="53">
        <v>0</v>
      </c>
      <c r="AJ564" s="53">
        <v>0</v>
      </c>
      <c r="AK564" s="53">
        <v>0</v>
      </c>
      <c r="AL564" s="53">
        <v>0</v>
      </c>
      <c r="AM564" s="53">
        <v>0</v>
      </c>
      <c r="AN564" s="53">
        <v>0</v>
      </c>
      <c r="AO564" s="53">
        <v>0</v>
      </c>
      <c r="AP564" s="53">
        <v>0</v>
      </c>
      <c r="AQ564" s="53">
        <v>0</v>
      </c>
      <c r="AR564" s="53">
        <v>0</v>
      </c>
      <c r="AS564" s="53">
        <v>0</v>
      </c>
      <c r="AT564" s="53">
        <v>0</v>
      </c>
      <c r="AU564" s="53">
        <v>0</v>
      </c>
      <c r="AV564" s="53">
        <v>0</v>
      </c>
      <c r="AW564" s="53">
        <v>0</v>
      </c>
      <c r="AX564" s="53">
        <v>0</v>
      </c>
      <c r="AY564" s="53">
        <v>0</v>
      </c>
      <c r="AZ564" s="53">
        <v>0</v>
      </c>
      <c r="BA564" s="53">
        <v>0</v>
      </c>
    </row>
    <row r="565" spans="1:53">
      <c r="A565" s="236" t="s">
        <v>3879</v>
      </c>
      <c r="B565" s="53">
        <v>975263</v>
      </c>
      <c r="C565" s="53">
        <v>1052341</v>
      </c>
      <c r="D565" s="53">
        <v>1120214</v>
      </c>
      <c r="E565" s="53">
        <v>1219619</v>
      </c>
      <c r="F565" s="53">
        <v>1585069</v>
      </c>
      <c r="G565" s="53">
        <v>1644396</v>
      </c>
      <c r="H565" s="53">
        <v>1625339</v>
      </c>
      <c r="I565" s="53">
        <v>1571212</v>
      </c>
      <c r="J565" s="53">
        <v>1577844</v>
      </c>
      <c r="K565" s="53">
        <v>1430867</v>
      </c>
      <c r="L565" s="53">
        <v>1325838</v>
      </c>
      <c r="M565" s="53">
        <v>1190399</v>
      </c>
      <c r="N565" s="53">
        <v>16318400.999999899</v>
      </c>
      <c r="O565" s="53">
        <v>1305717.99999999</v>
      </c>
      <c r="P565" s="53">
        <v>1305717.99999999</v>
      </c>
      <c r="Q565" s="53">
        <v>1305717.99999999</v>
      </c>
      <c r="R565" s="53">
        <v>1305717.99999999</v>
      </c>
      <c r="S565" s="53">
        <v>1305717.99999999</v>
      </c>
      <c r="T565" s="53">
        <v>1305717.99999999</v>
      </c>
      <c r="U565" s="53">
        <v>1305717.99999999</v>
      </c>
      <c r="V565" s="53">
        <v>1305717.99999999</v>
      </c>
      <c r="W565" s="53">
        <v>1305717.99999999</v>
      </c>
      <c r="X565" s="53">
        <v>1305717.99999999</v>
      </c>
      <c r="Y565" s="53">
        <v>1305717.99999999</v>
      </c>
      <c r="Z565" s="53">
        <v>1305717.99999999</v>
      </c>
      <c r="AA565" s="53">
        <v>15668616</v>
      </c>
      <c r="AB565" s="53">
        <v>1307437</v>
      </c>
      <c r="AC565" s="53">
        <v>1307437</v>
      </c>
      <c r="AD565" s="53">
        <v>1307437</v>
      </c>
      <c r="AE565" s="53">
        <v>1307437</v>
      </c>
      <c r="AF565" s="53">
        <v>1307437</v>
      </c>
      <c r="AG565" s="53">
        <v>1307437</v>
      </c>
      <c r="AH565" s="53">
        <v>1307437</v>
      </c>
      <c r="AI565" s="53">
        <v>1307437</v>
      </c>
      <c r="AJ565" s="53">
        <v>1307437</v>
      </c>
      <c r="AK565" s="53">
        <v>1307437</v>
      </c>
      <c r="AL565" s="53">
        <v>1307437</v>
      </c>
      <c r="AM565" s="53">
        <v>1307437</v>
      </c>
      <c r="AN565" s="53">
        <v>15689243.999999899</v>
      </c>
      <c r="AO565" s="53">
        <v>1258529</v>
      </c>
      <c r="AP565" s="53">
        <v>1258529</v>
      </c>
      <c r="AQ565" s="53">
        <v>1258529</v>
      </c>
      <c r="AR565" s="53">
        <v>1258529</v>
      </c>
      <c r="AS565" s="53">
        <v>1258529</v>
      </c>
      <c r="AT565" s="53">
        <v>1258529</v>
      </c>
      <c r="AU565" s="53">
        <v>1258529</v>
      </c>
      <c r="AV565" s="53">
        <v>1258529</v>
      </c>
      <c r="AW565" s="53">
        <v>1258529</v>
      </c>
      <c r="AX565" s="53">
        <v>1258529</v>
      </c>
      <c r="AY565" s="53">
        <v>1258529</v>
      </c>
      <c r="AZ565" s="53">
        <v>1258529</v>
      </c>
      <c r="BA565" s="53">
        <v>15102348</v>
      </c>
    </row>
    <row r="566" spans="1:53">
      <c r="A566" s="57" t="s">
        <v>3880</v>
      </c>
      <c r="B566" s="53"/>
      <c r="C566" s="53"/>
      <c r="D566" s="53"/>
      <c r="E566" s="53"/>
      <c r="F566" s="53"/>
      <c r="G566" s="53"/>
      <c r="H566" s="53"/>
      <c r="I566" s="53"/>
      <c r="J566" s="53"/>
      <c r="K566" s="53"/>
      <c r="L566" s="53"/>
      <c r="M566" s="53"/>
      <c r="N566" s="53"/>
      <c r="O566" s="53"/>
      <c r="P566" s="53"/>
      <c r="Q566" s="53"/>
      <c r="R566" s="53"/>
      <c r="S566" s="53"/>
      <c r="T566" s="53"/>
      <c r="U566" s="53"/>
      <c r="V566" s="53"/>
      <c r="W566" s="53"/>
      <c r="X566" s="53"/>
      <c r="Y566" s="53"/>
      <c r="Z566" s="53"/>
      <c r="AA566" s="53"/>
      <c r="AB566" s="53"/>
      <c r="AC566" s="53"/>
      <c r="AD566" s="53"/>
      <c r="AE566" s="53"/>
      <c r="AF566" s="53"/>
      <c r="AG566" s="53"/>
      <c r="AH566" s="53"/>
      <c r="AI566" s="53"/>
      <c r="AJ566" s="53"/>
      <c r="AK566" s="53"/>
      <c r="AL566" s="53"/>
      <c r="AM566" s="53"/>
      <c r="AN566" s="53"/>
      <c r="AO566" s="53"/>
      <c r="AP566" s="53"/>
      <c r="AQ566" s="53"/>
      <c r="AR566" s="53"/>
      <c r="AS566" s="53"/>
      <c r="AT566" s="53"/>
      <c r="AU566" s="53"/>
      <c r="AV566" s="53"/>
      <c r="AW566" s="53"/>
      <c r="AX566" s="53"/>
      <c r="AY566" s="53"/>
      <c r="AZ566" s="53"/>
      <c r="BA566" s="53"/>
    </row>
    <row r="567" spans="1:53">
      <c r="A567" s="52" t="s">
        <v>3881</v>
      </c>
      <c r="B567" s="53">
        <v>0</v>
      </c>
      <c r="C567" s="53">
        <v>0</v>
      </c>
      <c r="D567" s="53">
        <v>0</v>
      </c>
      <c r="E567" s="53">
        <v>0</v>
      </c>
      <c r="F567" s="53">
        <v>0</v>
      </c>
      <c r="G567" s="53">
        <v>0</v>
      </c>
      <c r="H567" s="53">
        <v>0</v>
      </c>
      <c r="I567" s="53">
        <v>0</v>
      </c>
      <c r="J567" s="53">
        <v>0</v>
      </c>
      <c r="K567" s="53">
        <v>0</v>
      </c>
      <c r="L567" s="53">
        <v>0</v>
      </c>
      <c r="M567" s="53">
        <v>0</v>
      </c>
      <c r="N567" s="53">
        <v>0</v>
      </c>
      <c r="O567" s="53">
        <v>0</v>
      </c>
      <c r="P567" s="53">
        <v>0</v>
      </c>
      <c r="Q567" s="53">
        <v>0</v>
      </c>
      <c r="R567" s="53">
        <v>0</v>
      </c>
      <c r="S567" s="53">
        <v>0</v>
      </c>
      <c r="T567" s="53">
        <v>0</v>
      </c>
      <c r="U567" s="53">
        <v>0</v>
      </c>
      <c r="V567" s="53">
        <v>0</v>
      </c>
      <c r="W567" s="53">
        <v>0</v>
      </c>
      <c r="X567" s="53">
        <v>0</v>
      </c>
      <c r="Y567" s="53">
        <v>0</v>
      </c>
      <c r="Z567" s="53">
        <v>0</v>
      </c>
      <c r="AA567" s="53">
        <v>0</v>
      </c>
      <c r="AB567" s="53">
        <v>0</v>
      </c>
      <c r="AC567" s="53">
        <v>0</v>
      </c>
      <c r="AD567" s="53">
        <v>0</v>
      </c>
      <c r="AE567" s="53">
        <v>0</v>
      </c>
      <c r="AF567" s="53">
        <v>0</v>
      </c>
      <c r="AG567" s="53">
        <v>0</v>
      </c>
      <c r="AH567" s="53">
        <v>0</v>
      </c>
      <c r="AI567" s="53">
        <v>0</v>
      </c>
      <c r="AJ567" s="53">
        <v>0</v>
      </c>
      <c r="AK567" s="53">
        <v>0</v>
      </c>
      <c r="AL567" s="53">
        <v>0</v>
      </c>
      <c r="AM567" s="53">
        <v>0</v>
      </c>
      <c r="AN567" s="53">
        <v>0</v>
      </c>
      <c r="AO567" s="53">
        <v>0</v>
      </c>
      <c r="AP567" s="53">
        <v>0</v>
      </c>
      <c r="AQ567" s="53">
        <v>0</v>
      </c>
      <c r="AR567" s="53">
        <v>0</v>
      </c>
      <c r="AS567" s="53">
        <v>0</v>
      </c>
      <c r="AT567" s="53">
        <v>0</v>
      </c>
      <c r="AU567" s="53">
        <v>0</v>
      </c>
      <c r="AV567" s="53">
        <v>0</v>
      </c>
      <c r="AW567" s="53">
        <v>0</v>
      </c>
      <c r="AX567" s="53">
        <v>0</v>
      </c>
      <c r="AY567" s="53">
        <v>0</v>
      </c>
      <c r="AZ567" s="53">
        <v>0</v>
      </c>
      <c r="BA567" s="53">
        <v>0</v>
      </c>
    </row>
    <row r="568" spans="1:53">
      <c r="A568" s="52" t="s">
        <v>3882</v>
      </c>
      <c r="B568" s="53">
        <v>0</v>
      </c>
      <c r="C568" s="53">
        <v>0</v>
      </c>
      <c r="D568" s="53">
        <v>0</v>
      </c>
      <c r="E568" s="53">
        <v>0</v>
      </c>
      <c r="F568" s="53">
        <v>0</v>
      </c>
      <c r="G568" s="53">
        <v>0</v>
      </c>
      <c r="H568" s="53">
        <v>0</v>
      </c>
      <c r="I568" s="53">
        <v>0</v>
      </c>
      <c r="J568" s="53">
        <v>0</v>
      </c>
      <c r="K568" s="53">
        <v>0</v>
      </c>
      <c r="L568" s="53">
        <v>0</v>
      </c>
      <c r="M568" s="53">
        <v>0</v>
      </c>
      <c r="N568" s="53">
        <v>0</v>
      </c>
      <c r="O568" s="53">
        <v>0</v>
      </c>
      <c r="P568" s="53">
        <v>0</v>
      </c>
      <c r="Q568" s="53">
        <v>0</v>
      </c>
      <c r="R568" s="53">
        <v>0</v>
      </c>
      <c r="S568" s="53">
        <v>0</v>
      </c>
      <c r="T568" s="53">
        <v>0</v>
      </c>
      <c r="U568" s="53">
        <v>0</v>
      </c>
      <c r="V568" s="53">
        <v>0</v>
      </c>
      <c r="W568" s="53">
        <v>0</v>
      </c>
      <c r="X568" s="53">
        <v>0</v>
      </c>
      <c r="Y568" s="53">
        <v>0</v>
      </c>
      <c r="Z568" s="53">
        <v>0</v>
      </c>
      <c r="AA568" s="53">
        <v>0</v>
      </c>
      <c r="AB568" s="53">
        <v>0</v>
      </c>
      <c r="AC568" s="53">
        <v>0</v>
      </c>
      <c r="AD568" s="53">
        <v>0</v>
      </c>
      <c r="AE568" s="53">
        <v>0</v>
      </c>
      <c r="AF568" s="53">
        <v>0</v>
      </c>
      <c r="AG568" s="53">
        <v>0</v>
      </c>
      <c r="AH568" s="53">
        <v>0</v>
      </c>
      <c r="AI568" s="53">
        <v>0</v>
      </c>
      <c r="AJ568" s="53">
        <v>0</v>
      </c>
      <c r="AK568" s="53">
        <v>0</v>
      </c>
      <c r="AL568" s="53">
        <v>0</v>
      </c>
      <c r="AM568" s="53">
        <v>0</v>
      </c>
      <c r="AN568" s="53">
        <v>0</v>
      </c>
      <c r="AO568" s="53">
        <v>0</v>
      </c>
      <c r="AP568" s="53">
        <v>0</v>
      </c>
      <c r="AQ568" s="53">
        <v>0</v>
      </c>
      <c r="AR568" s="53">
        <v>0</v>
      </c>
      <c r="AS568" s="53">
        <v>0</v>
      </c>
      <c r="AT568" s="53">
        <v>0</v>
      </c>
      <c r="AU568" s="53">
        <v>0</v>
      </c>
      <c r="AV568" s="53">
        <v>0</v>
      </c>
      <c r="AW568" s="53">
        <v>0</v>
      </c>
      <c r="AX568" s="53">
        <v>0</v>
      </c>
      <c r="AY568" s="53">
        <v>0</v>
      </c>
      <c r="AZ568" s="53">
        <v>0</v>
      </c>
      <c r="BA568" s="53">
        <v>0</v>
      </c>
    </row>
    <row r="569" spans="1:53">
      <c r="A569" s="52" t="s">
        <v>3883</v>
      </c>
      <c r="B569" s="53">
        <v>0</v>
      </c>
      <c r="C569" s="53">
        <v>0</v>
      </c>
      <c r="D569" s="53">
        <v>0</v>
      </c>
      <c r="E569" s="53">
        <v>0</v>
      </c>
      <c r="F569" s="53">
        <v>0</v>
      </c>
      <c r="G569" s="53">
        <v>0</v>
      </c>
      <c r="H569" s="53">
        <v>0</v>
      </c>
      <c r="I569" s="53">
        <v>0</v>
      </c>
      <c r="J569" s="53">
        <v>0</v>
      </c>
      <c r="K569" s="53">
        <v>0</v>
      </c>
      <c r="L569" s="53">
        <v>0</v>
      </c>
      <c r="M569" s="53">
        <v>0</v>
      </c>
      <c r="N569" s="53">
        <v>0</v>
      </c>
      <c r="O569" s="53">
        <v>0</v>
      </c>
      <c r="P569" s="53">
        <v>0</v>
      </c>
      <c r="Q569" s="53">
        <v>0</v>
      </c>
      <c r="R569" s="53">
        <v>0</v>
      </c>
      <c r="S569" s="53">
        <v>0</v>
      </c>
      <c r="T569" s="53">
        <v>0</v>
      </c>
      <c r="U569" s="53">
        <v>0</v>
      </c>
      <c r="V569" s="53">
        <v>0</v>
      </c>
      <c r="W569" s="53">
        <v>0</v>
      </c>
      <c r="X569" s="53">
        <v>0</v>
      </c>
      <c r="Y569" s="53">
        <v>0</v>
      </c>
      <c r="Z569" s="53">
        <v>0</v>
      </c>
      <c r="AA569" s="53">
        <v>0</v>
      </c>
      <c r="AB569" s="53">
        <v>0</v>
      </c>
      <c r="AC569" s="53">
        <v>0</v>
      </c>
      <c r="AD569" s="53">
        <v>0</v>
      </c>
      <c r="AE569" s="53">
        <v>0</v>
      </c>
      <c r="AF569" s="53">
        <v>0</v>
      </c>
      <c r="AG569" s="53">
        <v>0</v>
      </c>
      <c r="AH569" s="53">
        <v>0</v>
      </c>
      <c r="AI569" s="53">
        <v>0</v>
      </c>
      <c r="AJ569" s="53">
        <v>0</v>
      </c>
      <c r="AK569" s="53">
        <v>0</v>
      </c>
      <c r="AL569" s="53">
        <v>0</v>
      </c>
      <c r="AM569" s="53">
        <v>0</v>
      </c>
      <c r="AN569" s="53">
        <v>0</v>
      </c>
      <c r="AO569" s="53">
        <v>0</v>
      </c>
      <c r="AP569" s="53">
        <v>0</v>
      </c>
      <c r="AQ569" s="53">
        <v>0</v>
      </c>
      <c r="AR569" s="53">
        <v>0</v>
      </c>
      <c r="AS569" s="53">
        <v>0</v>
      </c>
      <c r="AT569" s="53">
        <v>0</v>
      </c>
      <c r="AU569" s="53">
        <v>0</v>
      </c>
      <c r="AV569" s="53">
        <v>0</v>
      </c>
      <c r="AW569" s="53">
        <v>0</v>
      </c>
      <c r="AX569" s="53">
        <v>0</v>
      </c>
      <c r="AY569" s="53">
        <v>0</v>
      </c>
      <c r="AZ569" s="53">
        <v>0</v>
      </c>
      <c r="BA569" s="53">
        <v>0</v>
      </c>
    </row>
    <row r="570" spans="1:53">
      <c r="A570" s="52" t="s">
        <v>3884</v>
      </c>
      <c r="B570" s="53">
        <v>1246676</v>
      </c>
      <c r="C570" s="53">
        <v>1240257</v>
      </c>
      <c r="D570" s="53">
        <v>1237449.99999999</v>
      </c>
      <c r="E570" s="53">
        <v>1232607</v>
      </c>
      <c r="F570" s="53">
        <v>1237140</v>
      </c>
      <c r="G570" s="53">
        <v>1227849</v>
      </c>
      <c r="H570" s="53">
        <v>1231650</v>
      </c>
      <c r="I570" s="53">
        <v>1239095</v>
      </c>
      <c r="J570" s="53">
        <v>1235276</v>
      </c>
      <c r="K570" s="53">
        <v>1237568</v>
      </c>
      <c r="L570" s="53">
        <v>1246205</v>
      </c>
      <c r="M570" s="53">
        <v>1233235.99999999</v>
      </c>
      <c r="N570" s="53">
        <v>14845008.999999899</v>
      </c>
      <c r="O570" s="53">
        <v>1290088</v>
      </c>
      <c r="P570" s="53">
        <v>1290088</v>
      </c>
      <c r="Q570" s="53">
        <v>1290088</v>
      </c>
      <c r="R570" s="53">
        <v>1290088</v>
      </c>
      <c r="S570" s="53">
        <v>1290088</v>
      </c>
      <c r="T570" s="53">
        <v>1290088</v>
      </c>
      <c r="U570" s="53">
        <v>1290088</v>
      </c>
      <c r="V570" s="53">
        <v>1290088</v>
      </c>
      <c r="W570" s="53">
        <v>1290088</v>
      </c>
      <c r="X570" s="53">
        <v>1290088</v>
      </c>
      <c r="Y570" s="53">
        <v>1290088</v>
      </c>
      <c r="Z570" s="53">
        <v>1290088</v>
      </c>
      <c r="AA570" s="53">
        <v>15481055.999999899</v>
      </c>
      <c r="AB570" s="53">
        <v>1084286</v>
      </c>
      <c r="AC570" s="53">
        <v>1084286</v>
      </c>
      <c r="AD570" s="53">
        <v>1084286</v>
      </c>
      <c r="AE570" s="53">
        <v>1084286</v>
      </c>
      <c r="AF570" s="53">
        <v>1084286</v>
      </c>
      <c r="AG570" s="53">
        <v>1084286</v>
      </c>
      <c r="AH570" s="53">
        <v>1084286</v>
      </c>
      <c r="AI570" s="53">
        <v>1084286</v>
      </c>
      <c r="AJ570" s="53">
        <v>1084286</v>
      </c>
      <c r="AK570" s="53">
        <v>1084286</v>
      </c>
      <c r="AL570" s="53">
        <v>1084286</v>
      </c>
      <c r="AM570" s="53">
        <v>1084286</v>
      </c>
      <c r="AN570" s="53">
        <v>13011432</v>
      </c>
      <c r="AO570" s="53">
        <v>1084286</v>
      </c>
      <c r="AP570" s="53">
        <v>1084286</v>
      </c>
      <c r="AQ570" s="53">
        <v>1084286</v>
      </c>
      <c r="AR570" s="53">
        <v>1084286</v>
      </c>
      <c r="AS570" s="53">
        <v>1084286</v>
      </c>
      <c r="AT570" s="53">
        <v>1084286</v>
      </c>
      <c r="AU570" s="53">
        <v>1084286</v>
      </c>
      <c r="AV570" s="53">
        <v>1084286</v>
      </c>
      <c r="AW570" s="53">
        <v>1084286</v>
      </c>
      <c r="AX570" s="53">
        <v>1084286</v>
      </c>
      <c r="AY570" s="53">
        <v>1084286</v>
      </c>
      <c r="AZ570" s="53">
        <v>1084286</v>
      </c>
      <c r="BA570" s="53">
        <v>13011432</v>
      </c>
    </row>
    <row r="571" spans="1:53">
      <c r="A571" s="52" t="s">
        <v>3885</v>
      </c>
      <c r="B571" s="53">
        <v>0</v>
      </c>
      <c r="C571" s="53">
        <v>0</v>
      </c>
      <c r="D571" s="53">
        <v>0</v>
      </c>
      <c r="E571" s="53">
        <v>0</v>
      </c>
      <c r="F571" s="53">
        <v>0</v>
      </c>
      <c r="G571" s="53">
        <v>0</v>
      </c>
      <c r="H571" s="53">
        <v>0</v>
      </c>
      <c r="I571" s="53">
        <v>0</v>
      </c>
      <c r="J571" s="53">
        <v>0</v>
      </c>
      <c r="K571" s="53">
        <v>0</v>
      </c>
      <c r="L571" s="53">
        <v>0</v>
      </c>
      <c r="M571" s="53">
        <v>0</v>
      </c>
      <c r="N571" s="53">
        <v>0</v>
      </c>
      <c r="O571" s="53">
        <v>0</v>
      </c>
      <c r="P571" s="53">
        <v>0</v>
      </c>
      <c r="Q571" s="53">
        <v>0</v>
      </c>
      <c r="R571" s="53">
        <v>0</v>
      </c>
      <c r="S571" s="53">
        <v>0</v>
      </c>
      <c r="T571" s="53">
        <v>0</v>
      </c>
      <c r="U571" s="53">
        <v>0</v>
      </c>
      <c r="V571" s="53">
        <v>0</v>
      </c>
      <c r="W571" s="53">
        <v>0</v>
      </c>
      <c r="X571" s="53">
        <v>0</v>
      </c>
      <c r="Y571" s="53">
        <v>0</v>
      </c>
      <c r="Z571" s="53">
        <v>0</v>
      </c>
      <c r="AA571" s="53">
        <v>0</v>
      </c>
      <c r="AB571" s="53">
        <v>0</v>
      </c>
      <c r="AC571" s="53">
        <v>0</v>
      </c>
      <c r="AD571" s="53">
        <v>0</v>
      </c>
      <c r="AE571" s="53">
        <v>0</v>
      </c>
      <c r="AF571" s="53">
        <v>0</v>
      </c>
      <c r="AG571" s="53">
        <v>0</v>
      </c>
      <c r="AH571" s="53">
        <v>0</v>
      </c>
      <c r="AI571" s="53">
        <v>0</v>
      </c>
      <c r="AJ571" s="53">
        <v>0</v>
      </c>
      <c r="AK571" s="53">
        <v>0</v>
      </c>
      <c r="AL571" s="53">
        <v>0</v>
      </c>
      <c r="AM571" s="53">
        <v>0</v>
      </c>
      <c r="AN571" s="53">
        <v>0</v>
      </c>
      <c r="AO571" s="53">
        <v>0</v>
      </c>
      <c r="AP571" s="53">
        <v>0</v>
      </c>
      <c r="AQ571" s="53">
        <v>0</v>
      </c>
      <c r="AR571" s="53">
        <v>0</v>
      </c>
      <c r="AS571" s="53">
        <v>0</v>
      </c>
      <c r="AT571" s="53">
        <v>0</v>
      </c>
      <c r="AU571" s="53">
        <v>0</v>
      </c>
      <c r="AV571" s="53">
        <v>0</v>
      </c>
      <c r="AW571" s="53">
        <v>0</v>
      </c>
      <c r="AX571" s="53">
        <v>0</v>
      </c>
      <c r="AY571" s="53">
        <v>0</v>
      </c>
      <c r="AZ571" s="53">
        <v>0</v>
      </c>
      <c r="BA571" s="53">
        <v>0</v>
      </c>
    </row>
    <row r="572" spans="1:53">
      <c r="A572" s="52" t="s">
        <v>3886</v>
      </c>
      <c r="B572" s="53">
        <v>0</v>
      </c>
      <c r="C572" s="53">
        <v>0</v>
      </c>
      <c r="D572" s="53">
        <v>0</v>
      </c>
      <c r="E572" s="53">
        <v>0</v>
      </c>
      <c r="F572" s="53">
        <v>0</v>
      </c>
      <c r="G572" s="53">
        <v>0</v>
      </c>
      <c r="H572" s="53">
        <v>0</v>
      </c>
      <c r="I572" s="53">
        <v>0</v>
      </c>
      <c r="J572" s="53">
        <v>0</v>
      </c>
      <c r="K572" s="53">
        <v>0</v>
      </c>
      <c r="L572" s="53">
        <v>0</v>
      </c>
      <c r="M572" s="53">
        <v>0</v>
      </c>
      <c r="N572" s="53">
        <v>0</v>
      </c>
      <c r="O572" s="53">
        <v>0</v>
      </c>
      <c r="P572" s="53">
        <v>0</v>
      </c>
      <c r="Q572" s="53">
        <v>0</v>
      </c>
      <c r="R572" s="53">
        <v>0</v>
      </c>
      <c r="S572" s="53">
        <v>0</v>
      </c>
      <c r="T572" s="53">
        <v>0</v>
      </c>
      <c r="U572" s="53">
        <v>0</v>
      </c>
      <c r="V572" s="53">
        <v>0</v>
      </c>
      <c r="W572" s="53">
        <v>0</v>
      </c>
      <c r="X572" s="53">
        <v>0</v>
      </c>
      <c r="Y572" s="53">
        <v>0</v>
      </c>
      <c r="Z572" s="53">
        <v>0</v>
      </c>
      <c r="AA572" s="53">
        <v>0</v>
      </c>
      <c r="AB572" s="53">
        <v>0</v>
      </c>
      <c r="AC572" s="53">
        <v>0</v>
      </c>
      <c r="AD572" s="53">
        <v>0</v>
      </c>
      <c r="AE572" s="53">
        <v>0</v>
      </c>
      <c r="AF572" s="53">
        <v>0</v>
      </c>
      <c r="AG572" s="53">
        <v>0</v>
      </c>
      <c r="AH572" s="53">
        <v>0</v>
      </c>
      <c r="AI572" s="53">
        <v>0</v>
      </c>
      <c r="AJ572" s="53">
        <v>0</v>
      </c>
      <c r="AK572" s="53">
        <v>0</v>
      </c>
      <c r="AL572" s="53">
        <v>0</v>
      </c>
      <c r="AM572" s="53">
        <v>0</v>
      </c>
      <c r="AN572" s="53">
        <v>0</v>
      </c>
      <c r="AO572" s="53">
        <v>0</v>
      </c>
      <c r="AP572" s="53">
        <v>0</v>
      </c>
      <c r="AQ572" s="53">
        <v>0</v>
      </c>
      <c r="AR572" s="53">
        <v>0</v>
      </c>
      <c r="AS572" s="53">
        <v>0</v>
      </c>
      <c r="AT572" s="53">
        <v>0</v>
      </c>
      <c r="AU572" s="53">
        <v>0</v>
      </c>
      <c r="AV572" s="53">
        <v>0</v>
      </c>
      <c r="AW572" s="53">
        <v>0</v>
      </c>
      <c r="AX572" s="53">
        <v>0</v>
      </c>
      <c r="AY572" s="53">
        <v>0</v>
      </c>
      <c r="AZ572" s="53">
        <v>0</v>
      </c>
      <c r="BA572" s="53">
        <v>0</v>
      </c>
    </row>
    <row r="573" spans="1:53">
      <c r="A573" s="52" t="s">
        <v>3887</v>
      </c>
      <c r="B573" s="53">
        <v>0</v>
      </c>
      <c r="C573" s="53">
        <v>0</v>
      </c>
      <c r="D573" s="53">
        <v>0</v>
      </c>
      <c r="E573" s="53">
        <v>0</v>
      </c>
      <c r="F573" s="53">
        <v>0</v>
      </c>
      <c r="G573" s="53">
        <v>0</v>
      </c>
      <c r="H573" s="53">
        <v>0</v>
      </c>
      <c r="I573" s="53">
        <v>0</v>
      </c>
      <c r="J573" s="53">
        <v>0</v>
      </c>
      <c r="K573" s="53">
        <v>0</v>
      </c>
      <c r="L573" s="53">
        <v>0</v>
      </c>
      <c r="M573" s="53">
        <v>0</v>
      </c>
      <c r="N573" s="53">
        <v>0</v>
      </c>
      <c r="O573" s="53">
        <v>0</v>
      </c>
      <c r="P573" s="53">
        <v>0</v>
      </c>
      <c r="Q573" s="53">
        <v>0</v>
      </c>
      <c r="R573" s="53">
        <v>0</v>
      </c>
      <c r="S573" s="53">
        <v>0</v>
      </c>
      <c r="T573" s="53">
        <v>0</v>
      </c>
      <c r="U573" s="53">
        <v>0</v>
      </c>
      <c r="V573" s="53">
        <v>0</v>
      </c>
      <c r="W573" s="53">
        <v>0</v>
      </c>
      <c r="X573" s="53">
        <v>0</v>
      </c>
      <c r="Y573" s="53">
        <v>0</v>
      </c>
      <c r="Z573" s="53">
        <v>0</v>
      </c>
      <c r="AA573" s="53">
        <v>0</v>
      </c>
      <c r="AB573" s="53">
        <v>0</v>
      </c>
      <c r="AC573" s="53">
        <v>0</v>
      </c>
      <c r="AD573" s="53">
        <v>0</v>
      </c>
      <c r="AE573" s="53">
        <v>0</v>
      </c>
      <c r="AF573" s="53">
        <v>0</v>
      </c>
      <c r="AG573" s="53">
        <v>0</v>
      </c>
      <c r="AH573" s="53">
        <v>0</v>
      </c>
      <c r="AI573" s="53">
        <v>0</v>
      </c>
      <c r="AJ573" s="53">
        <v>0</v>
      </c>
      <c r="AK573" s="53">
        <v>0</v>
      </c>
      <c r="AL573" s="53">
        <v>0</v>
      </c>
      <c r="AM573" s="53">
        <v>0</v>
      </c>
      <c r="AN573" s="53">
        <v>0</v>
      </c>
      <c r="AO573" s="53">
        <v>0</v>
      </c>
      <c r="AP573" s="53">
        <v>0</v>
      </c>
      <c r="AQ573" s="53">
        <v>0</v>
      </c>
      <c r="AR573" s="53">
        <v>0</v>
      </c>
      <c r="AS573" s="53">
        <v>0</v>
      </c>
      <c r="AT573" s="53">
        <v>0</v>
      </c>
      <c r="AU573" s="53">
        <v>0</v>
      </c>
      <c r="AV573" s="53">
        <v>0</v>
      </c>
      <c r="AW573" s="53">
        <v>0</v>
      </c>
      <c r="AX573" s="53">
        <v>0</v>
      </c>
      <c r="AY573" s="53">
        <v>0</v>
      </c>
      <c r="AZ573" s="53">
        <v>0</v>
      </c>
      <c r="BA573" s="53">
        <v>0</v>
      </c>
    </row>
    <row r="574" spans="1:53">
      <c r="A574" s="52" t="s">
        <v>3888</v>
      </c>
      <c r="B574" s="53">
        <v>4426610</v>
      </c>
      <c r="C574" s="53">
        <v>3579283</v>
      </c>
      <c r="D574" s="53">
        <v>3585321</v>
      </c>
      <c r="E574" s="53">
        <v>3799175</v>
      </c>
      <c r="F574" s="53">
        <v>4665745</v>
      </c>
      <c r="G574" s="53">
        <v>3699607</v>
      </c>
      <c r="H574" s="53">
        <v>4575506</v>
      </c>
      <c r="I574" s="53">
        <v>3699607</v>
      </c>
      <c r="J574" s="53">
        <v>3699607</v>
      </c>
      <c r="K574" s="53">
        <v>4575506</v>
      </c>
      <c r="L574" s="53">
        <v>3700235</v>
      </c>
      <c r="M574" s="53">
        <v>2737994</v>
      </c>
      <c r="N574" s="53">
        <v>46744196</v>
      </c>
      <c r="O574" s="53">
        <v>3983833</v>
      </c>
      <c r="P574" s="53">
        <v>3983833</v>
      </c>
      <c r="Q574" s="53">
        <v>3983833</v>
      </c>
      <c r="R574" s="53">
        <v>3983833</v>
      </c>
      <c r="S574" s="53">
        <v>3983833</v>
      </c>
      <c r="T574" s="53">
        <v>3983833</v>
      </c>
      <c r="U574" s="53">
        <v>3983833</v>
      </c>
      <c r="V574" s="53">
        <v>3983833</v>
      </c>
      <c r="W574" s="53">
        <v>3983833</v>
      </c>
      <c r="X574" s="53">
        <v>3983833</v>
      </c>
      <c r="Y574" s="53">
        <v>3983833</v>
      </c>
      <c r="Z574" s="53">
        <v>3983833</v>
      </c>
      <c r="AA574" s="53">
        <v>47805995.999999903</v>
      </c>
      <c r="AB574" s="53">
        <v>3983833</v>
      </c>
      <c r="AC574" s="53">
        <v>3983833</v>
      </c>
      <c r="AD574" s="53">
        <v>3983833</v>
      </c>
      <c r="AE574" s="53">
        <v>3983833</v>
      </c>
      <c r="AF574" s="53">
        <v>3983833</v>
      </c>
      <c r="AG574" s="53">
        <v>3983833</v>
      </c>
      <c r="AH574" s="53">
        <v>3983833</v>
      </c>
      <c r="AI574" s="53">
        <v>3983833</v>
      </c>
      <c r="AJ574" s="53">
        <v>3983833</v>
      </c>
      <c r="AK574" s="53">
        <v>3983833</v>
      </c>
      <c r="AL574" s="53">
        <v>3983833</v>
      </c>
      <c r="AM574" s="53">
        <v>3983833</v>
      </c>
      <c r="AN574" s="53">
        <v>47805995.999999903</v>
      </c>
      <c r="AO574" s="53">
        <v>3983833</v>
      </c>
      <c r="AP574" s="53">
        <v>3983833</v>
      </c>
      <c r="AQ574" s="53">
        <v>3983833</v>
      </c>
      <c r="AR574" s="53">
        <v>3983833</v>
      </c>
      <c r="AS574" s="53">
        <v>3983833</v>
      </c>
      <c r="AT574" s="53">
        <v>3983833</v>
      </c>
      <c r="AU574" s="53">
        <v>3983833</v>
      </c>
      <c r="AV574" s="53">
        <v>3983833</v>
      </c>
      <c r="AW574" s="53">
        <v>3983833</v>
      </c>
      <c r="AX574" s="53">
        <v>3983833</v>
      </c>
      <c r="AY574" s="53">
        <v>3983833</v>
      </c>
      <c r="AZ574" s="53">
        <v>3983833</v>
      </c>
      <c r="BA574" s="53">
        <v>47805995.999999903</v>
      </c>
    </row>
    <row r="575" spans="1:53">
      <c r="A575" s="52" t="s">
        <v>3889</v>
      </c>
      <c r="B575" s="53">
        <v>0</v>
      </c>
      <c r="C575" s="53">
        <v>0</v>
      </c>
      <c r="D575" s="53">
        <v>0</v>
      </c>
      <c r="E575" s="53">
        <v>0</v>
      </c>
      <c r="F575" s="53">
        <v>0</v>
      </c>
      <c r="G575" s="53">
        <v>0</v>
      </c>
      <c r="H575" s="53">
        <v>0</v>
      </c>
      <c r="I575" s="53">
        <v>0</v>
      </c>
      <c r="J575" s="53">
        <v>0</v>
      </c>
      <c r="K575" s="53">
        <v>0</v>
      </c>
      <c r="L575" s="53">
        <v>0</v>
      </c>
      <c r="M575" s="53">
        <v>0</v>
      </c>
      <c r="N575" s="53">
        <v>0</v>
      </c>
      <c r="O575" s="53">
        <v>0</v>
      </c>
      <c r="P575" s="53">
        <v>0</v>
      </c>
      <c r="Q575" s="53">
        <v>0</v>
      </c>
      <c r="R575" s="53">
        <v>0</v>
      </c>
      <c r="S575" s="53">
        <v>0</v>
      </c>
      <c r="T575" s="53">
        <v>0</v>
      </c>
      <c r="U575" s="53">
        <v>0</v>
      </c>
      <c r="V575" s="53">
        <v>0</v>
      </c>
      <c r="W575" s="53">
        <v>0</v>
      </c>
      <c r="X575" s="53">
        <v>0</v>
      </c>
      <c r="Y575" s="53">
        <v>0</v>
      </c>
      <c r="Z575" s="53">
        <v>0</v>
      </c>
      <c r="AA575" s="53">
        <v>0</v>
      </c>
      <c r="AB575" s="53">
        <v>0</v>
      </c>
      <c r="AC575" s="53">
        <v>0</v>
      </c>
      <c r="AD575" s="53">
        <v>0</v>
      </c>
      <c r="AE575" s="53">
        <v>0</v>
      </c>
      <c r="AF575" s="53">
        <v>0</v>
      </c>
      <c r="AG575" s="53">
        <v>0</v>
      </c>
      <c r="AH575" s="53">
        <v>0</v>
      </c>
      <c r="AI575" s="53">
        <v>0</v>
      </c>
      <c r="AJ575" s="53">
        <v>0</v>
      </c>
      <c r="AK575" s="53">
        <v>0</v>
      </c>
      <c r="AL575" s="53">
        <v>0</v>
      </c>
      <c r="AM575" s="53">
        <v>0</v>
      </c>
      <c r="AN575" s="53">
        <v>0</v>
      </c>
      <c r="AO575" s="53">
        <v>0</v>
      </c>
      <c r="AP575" s="53">
        <v>0</v>
      </c>
      <c r="AQ575" s="53">
        <v>0</v>
      </c>
      <c r="AR575" s="53">
        <v>0</v>
      </c>
      <c r="AS575" s="53">
        <v>0</v>
      </c>
      <c r="AT575" s="53">
        <v>0</v>
      </c>
      <c r="AU575" s="53">
        <v>0</v>
      </c>
      <c r="AV575" s="53">
        <v>0</v>
      </c>
      <c r="AW575" s="53">
        <v>0</v>
      </c>
      <c r="AX575" s="53">
        <v>0</v>
      </c>
      <c r="AY575" s="53">
        <v>0</v>
      </c>
      <c r="AZ575" s="53">
        <v>0</v>
      </c>
      <c r="BA575" s="53">
        <v>0</v>
      </c>
    </row>
    <row r="576" spans="1:53">
      <c r="A576" s="52" t="s">
        <v>3890</v>
      </c>
      <c r="B576" s="53">
        <v>0</v>
      </c>
      <c r="C576" s="53">
        <v>0</v>
      </c>
      <c r="D576" s="53">
        <v>0</v>
      </c>
      <c r="E576" s="53">
        <v>0</v>
      </c>
      <c r="F576" s="53">
        <v>0</v>
      </c>
      <c r="G576" s="53">
        <v>0</v>
      </c>
      <c r="H576" s="53">
        <v>0</v>
      </c>
      <c r="I576" s="53">
        <v>0</v>
      </c>
      <c r="J576" s="53">
        <v>0</v>
      </c>
      <c r="K576" s="53">
        <v>0</v>
      </c>
      <c r="L576" s="53">
        <v>0</v>
      </c>
      <c r="M576" s="53">
        <v>0</v>
      </c>
      <c r="N576" s="53">
        <v>0</v>
      </c>
      <c r="O576" s="53">
        <v>0</v>
      </c>
      <c r="P576" s="53">
        <v>0</v>
      </c>
      <c r="Q576" s="53">
        <v>0</v>
      </c>
      <c r="R576" s="53">
        <v>0</v>
      </c>
      <c r="S576" s="53">
        <v>0</v>
      </c>
      <c r="T576" s="53">
        <v>0</v>
      </c>
      <c r="U576" s="53">
        <v>0</v>
      </c>
      <c r="V576" s="53">
        <v>0</v>
      </c>
      <c r="W576" s="53">
        <v>0</v>
      </c>
      <c r="X576" s="53">
        <v>0</v>
      </c>
      <c r="Y576" s="53">
        <v>0</v>
      </c>
      <c r="Z576" s="53">
        <v>0</v>
      </c>
      <c r="AA576" s="53">
        <v>0</v>
      </c>
      <c r="AB576" s="53">
        <v>0</v>
      </c>
      <c r="AC576" s="53">
        <v>0</v>
      </c>
      <c r="AD576" s="53">
        <v>0</v>
      </c>
      <c r="AE576" s="53">
        <v>0</v>
      </c>
      <c r="AF576" s="53">
        <v>0</v>
      </c>
      <c r="AG576" s="53">
        <v>0</v>
      </c>
      <c r="AH576" s="53">
        <v>0</v>
      </c>
      <c r="AI576" s="53">
        <v>0</v>
      </c>
      <c r="AJ576" s="53">
        <v>0</v>
      </c>
      <c r="AK576" s="53">
        <v>0</v>
      </c>
      <c r="AL576" s="53">
        <v>0</v>
      </c>
      <c r="AM576" s="53">
        <v>0</v>
      </c>
      <c r="AN576" s="53">
        <v>0</v>
      </c>
      <c r="AO576" s="53">
        <v>0</v>
      </c>
      <c r="AP576" s="53">
        <v>0</v>
      </c>
      <c r="AQ576" s="53">
        <v>0</v>
      </c>
      <c r="AR576" s="53">
        <v>0</v>
      </c>
      <c r="AS576" s="53">
        <v>0</v>
      </c>
      <c r="AT576" s="53">
        <v>0</v>
      </c>
      <c r="AU576" s="53">
        <v>0</v>
      </c>
      <c r="AV576" s="53">
        <v>0</v>
      </c>
      <c r="AW576" s="53">
        <v>0</v>
      </c>
      <c r="AX576" s="53">
        <v>0</v>
      </c>
      <c r="AY576" s="53">
        <v>0</v>
      </c>
      <c r="AZ576" s="53">
        <v>0</v>
      </c>
      <c r="BA576" s="53">
        <v>0</v>
      </c>
    </row>
    <row r="577" spans="1:53">
      <c r="A577" s="236" t="s">
        <v>3891</v>
      </c>
      <c r="B577" s="53">
        <v>5673286</v>
      </c>
      <c r="C577" s="53">
        <v>4819540</v>
      </c>
      <c r="D577" s="53">
        <v>4822771</v>
      </c>
      <c r="E577" s="53">
        <v>5031782</v>
      </c>
      <c r="F577" s="53">
        <v>5902885</v>
      </c>
      <c r="G577" s="53">
        <v>4927456</v>
      </c>
      <c r="H577" s="53">
        <v>5807156</v>
      </c>
      <c r="I577" s="53">
        <v>4938702</v>
      </c>
      <c r="J577" s="53">
        <v>4934883</v>
      </c>
      <c r="K577" s="53">
        <v>5813074</v>
      </c>
      <c r="L577" s="53">
        <v>4946440</v>
      </c>
      <c r="M577" s="53">
        <v>3971230</v>
      </c>
      <c r="N577" s="53">
        <v>61589205</v>
      </c>
      <c r="O577" s="53">
        <v>5273921</v>
      </c>
      <c r="P577" s="53">
        <v>5273921</v>
      </c>
      <c r="Q577" s="53">
        <v>5273921</v>
      </c>
      <c r="R577" s="53">
        <v>5273921</v>
      </c>
      <c r="S577" s="53">
        <v>5273921</v>
      </c>
      <c r="T577" s="53">
        <v>5273921</v>
      </c>
      <c r="U577" s="53">
        <v>5273921</v>
      </c>
      <c r="V577" s="53">
        <v>5273921</v>
      </c>
      <c r="W577" s="53">
        <v>5273921</v>
      </c>
      <c r="X577" s="53">
        <v>5273921</v>
      </c>
      <c r="Y577" s="53">
        <v>5273921</v>
      </c>
      <c r="Z577" s="53">
        <v>5273921</v>
      </c>
      <c r="AA577" s="53">
        <v>63287052</v>
      </c>
      <c r="AB577" s="53">
        <v>5068119</v>
      </c>
      <c r="AC577" s="53">
        <v>5068119</v>
      </c>
      <c r="AD577" s="53">
        <v>5068119</v>
      </c>
      <c r="AE577" s="53">
        <v>5068119</v>
      </c>
      <c r="AF577" s="53">
        <v>5068119</v>
      </c>
      <c r="AG577" s="53">
        <v>5068119</v>
      </c>
      <c r="AH577" s="53">
        <v>5068119</v>
      </c>
      <c r="AI577" s="53">
        <v>5068119</v>
      </c>
      <c r="AJ577" s="53">
        <v>5068119</v>
      </c>
      <c r="AK577" s="53">
        <v>5068119</v>
      </c>
      <c r="AL577" s="53">
        <v>5068119</v>
      </c>
      <c r="AM577" s="53">
        <v>5068119</v>
      </c>
      <c r="AN577" s="53">
        <v>60817427.999999903</v>
      </c>
      <c r="AO577" s="53">
        <v>5068119</v>
      </c>
      <c r="AP577" s="53">
        <v>5068119</v>
      </c>
      <c r="AQ577" s="53">
        <v>5068119</v>
      </c>
      <c r="AR577" s="53">
        <v>5068119</v>
      </c>
      <c r="AS577" s="53">
        <v>5068119</v>
      </c>
      <c r="AT577" s="53">
        <v>5068119</v>
      </c>
      <c r="AU577" s="53">
        <v>5068119</v>
      </c>
      <c r="AV577" s="53">
        <v>5068119</v>
      </c>
      <c r="AW577" s="53">
        <v>5068119</v>
      </c>
      <c r="AX577" s="53">
        <v>5068119</v>
      </c>
      <c r="AY577" s="53">
        <v>5068119</v>
      </c>
      <c r="AZ577" s="53">
        <v>5068119</v>
      </c>
      <c r="BA577" s="53">
        <v>60817427.999999903</v>
      </c>
    </row>
    <row r="578" spans="1:53">
      <c r="A578" s="236" t="s">
        <v>3892</v>
      </c>
      <c r="B578" s="53">
        <v>6648548.9999999898</v>
      </c>
      <c r="C578" s="53">
        <v>5871880.9999999898</v>
      </c>
      <c r="D578" s="53">
        <v>5942985</v>
      </c>
      <c r="E578" s="53">
        <v>6251401</v>
      </c>
      <c r="F578" s="53">
        <v>7487954</v>
      </c>
      <c r="G578" s="53">
        <v>6571852</v>
      </c>
      <c r="H578" s="53">
        <v>7432495</v>
      </c>
      <c r="I578" s="53">
        <v>6509914</v>
      </c>
      <c r="J578" s="53">
        <v>6512727</v>
      </c>
      <c r="K578" s="53">
        <v>7243941</v>
      </c>
      <c r="L578" s="53">
        <v>6272278</v>
      </c>
      <c r="M578" s="53">
        <v>5161629</v>
      </c>
      <c r="N578" s="53">
        <v>77907606</v>
      </c>
      <c r="O578" s="53">
        <v>6579638.9999999898</v>
      </c>
      <c r="P578" s="53">
        <v>6579638.9999999898</v>
      </c>
      <c r="Q578" s="53">
        <v>6579638.9999999898</v>
      </c>
      <c r="R578" s="53">
        <v>6579638.9999999898</v>
      </c>
      <c r="S578" s="53">
        <v>6579638.9999999898</v>
      </c>
      <c r="T578" s="53">
        <v>6579638.9999999898</v>
      </c>
      <c r="U578" s="53">
        <v>6579638.9999999898</v>
      </c>
      <c r="V578" s="53">
        <v>6579638.9999999898</v>
      </c>
      <c r="W578" s="53">
        <v>6579638.9999999898</v>
      </c>
      <c r="X578" s="53">
        <v>6579638.9999999898</v>
      </c>
      <c r="Y578" s="53">
        <v>6579638.9999999898</v>
      </c>
      <c r="Z578" s="53">
        <v>6579638.9999999898</v>
      </c>
      <c r="AA578" s="53">
        <v>78955667.999999896</v>
      </c>
      <c r="AB578" s="53">
        <v>6375556</v>
      </c>
      <c r="AC578" s="53">
        <v>6375556</v>
      </c>
      <c r="AD578" s="53">
        <v>6375556</v>
      </c>
      <c r="AE578" s="53">
        <v>6375556</v>
      </c>
      <c r="AF578" s="53">
        <v>6375556</v>
      </c>
      <c r="AG578" s="53">
        <v>6375556</v>
      </c>
      <c r="AH578" s="53">
        <v>6375556</v>
      </c>
      <c r="AI578" s="53">
        <v>6375556</v>
      </c>
      <c r="AJ578" s="53">
        <v>6375556</v>
      </c>
      <c r="AK578" s="53">
        <v>6375556</v>
      </c>
      <c r="AL578" s="53">
        <v>6375556</v>
      </c>
      <c r="AM578" s="53">
        <v>6375556</v>
      </c>
      <c r="AN578" s="53">
        <v>76506671.999999896</v>
      </c>
      <c r="AO578" s="53">
        <v>6326648</v>
      </c>
      <c r="AP578" s="53">
        <v>6326648</v>
      </c>
      <c r="AQ578" s="53">
        <v>6326648</v>
      </c>
      <c r="AR578" s="53">
        <v>6326648</v>
      </c>
      <c r="AS578" s="53">
        <v>6326648</v>
      </c>
      <c r="AT578" s="53">
        <v>6326648</v>
      </c>
      <c r="AU578" s="53">
        <v>6326648</v>
      </c>
      <c r="AV578" s="53">
        <v>6326648</v>
      </c>
      <c r="AW578" s="53">
        <v>6326648</v>
      </c>
      <c r="AX578" s="53">
        <v>6326648</v>
      </c>
      <c r="AY578" s="53">
        <v>6326648</v>
      </c>
      <c r="AZ578" s="53">
        <v>6326648</v>
      </c>
      <c r="BA578" s="53">
        <v>75919776</v>
      </c>
    </row>
    <row r="579" spans="1:53">
      <c r="A579" s="231" t="s">
        <v>3893</v>
      </c>
      <c r="B579" s="53"/>
      <c r="C579" s="53"/>
      <c r="D579" s="53"/>
      <c r="E579" s="53"/>
      <c r="F579" s="53"/>
      <c r="G579" s="53"/>
      <c r="H579" s="53"/>
      <c r="I579" s="53"/>
      <c r="J579" s="53"/>
      <c r="K579" s="53"/>
      <c r="L579" s="53"/>
      <c r="M579" s="53"/>
      <c r="N579" s="53"/>
      <c r="O579" s="53"/>
      <c r="P579" s="53"/>
      <c r="Q579" s="53"/>
      <c r="R579" s="53"/>
      <c r="S579" s="53"/>
      <c r="T579" s="53"/>
      <c r="U579" s="53"/>
      <c r="V579" s="53"/>
      <c r="W579" s="53"/>
      <c r="X579" s="53"/>
      <c r="Y579" s="53"/>
      <c r="Z579" s="53"/>
      <c r="AA579" s="53"/>
      <c r="AB579" s="53"/>
      <c r="AC579" s="53"/>
      <c r="AD579" s="53"/>
      <c r="AE579" s="53"/>
      <c r="AF579" s="53"/>
      <c r="AG579" s="53"/>
      <c r="AH579" s="53"/>
      <c r="AI579" s="53"/>
      <c r="AJ579" s="53"/>
      <c r="AK579" s="53"/>
      <c r="AL579" s="53"/>
      <c r="AM579" s="53"/>
      <c r="AN579" s="53"/>
      <c r="AO579" s="53"/>
      <c r="AP579" s="53"/>
      <c r="AQ579" s="53"/>
      <c r="AR579" s="53"/>
      <c r="AS579" s="53"/>
      <c r="AT579" s="53"/>
      <c r="AU579" s="53"/>
      <c r="AV579" s="53"/>
      <c r="AW579" s="53"/>
      <c r="AX579" s="53"/>
      <c r="AY579" s="53"/>
      <c r="AZ579" s="53"/>
      <c r="BA579" s="53"/>
    </row>
    <row r="580" spans="1:53">
      <c r="A580" s="52" t="s">
        <v>3894</v>
      </c>
      <c r="B580" s="53">
        <v>-6.8306841664404301E-9</v>
      </c>
      <c r="C580" s="53">
        <v>-6.8306841664404301E-9</v>
      </c>
      <c r="D580" s="53">
        <v>-6.8306841664404301E-9</v>
      </c>
      <c r="E580" s="53">
        <v>-6.8306841664404301E-9</v>
      </c>
      <c r="F580" s="53">
        <v>-6.8306841664404301E-9</v>
      </c>
      <c r="G580" s="53">
        <v>-6.8306841664404301E-9</v>
      </c>
      <c r="H580" s="53">
        <v>-6.8306841664404301E-9</v>
      </c>
      <c r="I580" s="53">
        <v>-6.8306841664404301E-9</v>
      </c>
      <c r="J580" s="53">
        <v>-6.8306841664404301E-9</v>
      </c>
      <c r="K580" s="53">
        <v>-6.8306841664404301E-9</v>
      </c>
      <c r="L580" s="53">
        <v>-6.8306841664404301E-9</v>
      </c>
      <c r="M580" s="53">
        <v>-6.8306841664404301E-9</v>
      </c>
      <c r="N580" s="53">
        <v>-8.1968209997285105E-8</v>
      </c>
      <c r="O580" s="53">
        <v>-4.9635357552486098E-9</v>
      </c>
      <c r="P580" s="53">
        <v>-4.9635357552486098E-9</v>
      </c>
      <c r="Q580" s="53">
        <v>-4.9635357552486098E-9</v>
      </c>
      <c r="R580" s="53">
        <v>-4.9635357552486098E-9</v>
      </c>
      <c r="S580" s="53">
        <v>-4.9635357552486098E-9</v>
      </c>
      <c r="T580" s="53">
        <v>-4.9635357552486098E-9</v>
      </c>
      <c r="U580" s="53">
        <v>-4.9635357552486098E-9</v>
      </c>
      <c r="V580" s="53">
        <v>-4.9635357552486098E-9</v>
      </c>
      <c r="W580" s="53">
        <v>-4.9635357552486098E-9</v>
      </c>
      <c r="X580" s="53">
        <v>-4.9635357552486098E-9</v>
      </c>
      <c r="Y580" s="53">
        <v>-4.9635357552486098E-9</v>
      </c>
      <c r="Z580" s="53">
        <v>-4.9635357552486098E-9</v>
      </c>
      <c r="AA580" s="53">
        <v>-5.9562429062983301E-8</v>
      </c>
      <c r="AB580" s="53">
        <v>6.4100165504728298E-10</v>
      </c>
      <c r="AC580" s="53">
        <v>6.4100165504728298E-10</v>
      </c>
      <c r="AD580" s="53">
        <v>6.4100165504728298E-10</v>
      </c>
      <c r="AE580" s="53">
        <v>6.4100165504728298E-10</v>
      </c>
      <c r="AF580" s="53">
        <v>6.4100165504728298E-10</v>
      </c>
      <c r="AG580" s="53">
        <v>6.4100165504728298E-10</v>
      </c>
      <c r="AH580" s="53">
        <v>6.4100165504728298E-10</v>
      </c>
      <c r="AI580" s="53">
        <v>6.4100165504728298E-10</v>
      </c>
      <c r="AJ580" s="53">
        <v>6.4100165504728298E-10</v>
      </c>
      <c r="AK580" s="53">
        <v>6.4100165504728298E-10</v>
      </c>
      <c r="AL580" s="53">
        <v>6.4100165504728298E-10</v>
      </c>
      <c r="AM580" s="53">
        <v>6.4100165504728298E-10</v>
      </c>
      <c r="AN580" s="53">
        <v>7.6920198605673903E-9</v>
      </c>
      <c r="AO580" s="53">
        <v>-1.05523271876347E-10</v>
      </c>
      <c r="AP580" s="53">
        <v>-1.05523271876347E-10</v>
      </c>
      <c r="AQ580" s="53">
        <v>-1.05523271876347E-10</v>
      </c>
      <c r="AR580" s="53">
        <v>-1.05523271876347E-10</v>
      </c>
      <c r="AS580" s="53">
        <v>-1.05523271876347E-10</v>
      </c>
      <c r="AT580" s="53">
        <v>-1.05523271876347E-10</v>
      </c>
      <c r="AU580" s="53">
        <v>-1.05523271876347E-10</v>
      </c>
      <c r="AV580" s="53">
        <v>-1.05523271876347E-10</v>
      </c>
      <c r="AW580" s="53">
        <v>-1.05523271876347E-10</v>
      </c>
      <c r="AX580" s="53">
        <v>-1.05523271876347E-10</v>
      </c>
      <c r="AY580" s="53">
        <v>-1.05523271876347E-10</v>
      </c>
      <c r="AZ580" s="53">
        <v>-1.05523271876347E-10</v>
      </c>
      <c r="BA580" s="53">
        <v>-1.26627926251617E-9</v>
      </c>
    </row>
    <row r="581" spans="1:53">
      <c r="A581" s="52" t="s">
        <v>3895</v>
      </c>
      <c r="B581" s="53">
        <v>403458.84609849198</v>
      </c>
      <c r="C581" s="53">
        <v>-10876798.9060208</v>
      </c>
      <c r="D581" s="53">
        <v>-8347428.9156879196</v>
      </c>
      <c r="E581" s="53">
        <v>-6209091.6548966998</v>
      </c>
      <c r="F581" s="53">
        <v>-789711.02042523399</v>
      </c>
      <c r="G581" s="53">
        <v>-1739932.07583537</v>
      </c>
      <c r="H581" s="53">
        <v>-220927.21410128</v>
      </c>
      <c r="I581" s="53">
        <v>7487906.6481142603</v>
      </c>
      <c r="J581" s="53">
        <v>10072477.8446155</v>
      </c>
      <c r="K581" s="53">
        <v>6745536.3198598996</v>
      </c>
      <c r="L581" s="53">
        <v>1481072.6712208099</v>
      </c>
      <c r="M581" s="53">
        <v>1993437.45705848</v>
      </c>
      <c r="N581" s="53">
        <v>6.1845639720559094E-8</v>
      </c>
      <c r="O581" s="53">
        <v>2366385.9213756602</v>
      </c>
      <c r="P581" s="53">
        <v>-2750831.9010022799</v>
      </c>
      <c r="Q581" s="53">
        <v>-1198407.37585127</v>
      </c>
      <c r="R581" s="53">
        <v>-318600.92175601103</v>
      </c>
      <c r="S581" s="53">
        <v>1083367.9565687899</v>
      </c>
      <c r="T581" s="53">
        <v>-907199.33942682797</v>
      </c>
      <c r="U581" s="53">
        <v>-196950.25364793901</v>
      </c>
      <c r="V581" s="53">
        <v>3117499.6880433802</v>
      </c>
      <c r="W581" s="53">
        <v>1740781.3358247101</v>
      </c>
      <c r="X581" s="53">
        <v>602937.72149391205</v>
      </c>
      <c r="Y581" s="53">
        <v>-1658484.0054058901</v>
      </c>
      <c r="Z581" s="53">
        <v>-1880498.8262162399</v>
      </c>
      <c r="AA581" s="53">
        <v>-7.2759576141834201E-9</v>
      </c>
      <c r="AB581" s="53">
        <v>1116572.1868135501</v>
      </c>
      <c r="AC581" s="53">
        <v>-704927.91495505394</v>
      </c>
      <c r="AD581" s="53">
        <v>327726.787325827</v>
      </c>
      <c r="AE581" s="53">
        <v>628841.21547723596</v>
      </c>
      <c r="AF581" s="53">
        <v>669155.07786061405</v>
      </c>
      <c r="AG581" s="53">
        <v>-1832201.25956421</v>
      </c>
      <c r="AH581" s="53">
        <v>-1574860.59962296</v>
      </c>
      <c r="AI581" s="53">
        <v>-369610.502006475</v>
      </c>
      <c r="AJ581" s="53">
        <v>972059.38808851503</v>
      </c>
      <c r="AK581" s="53">
        <v>1017495.84821511</v>
      </c>
      <c r="AL581" s="53">
        <v>163097.511211531</v>
      </c>
      <c r="AM581" s="53">
        <v>-413347.73884367099</v>
      </c>
      <c r="AN581" s="53">
        <v>9.0949470177292803E-10</v>
      </c>
      <c r="AO581" s="53">
        <v>-1366014.64176414</v>
      </c>
      <c r="AP581" s="53">
        <v>-2244766.3620118299</v>
      </c>
      <c r="AQ581" s="53">
        <v>-1334631.6077107301</v>
      </c>
      <c r="AR581" s="53">
        <v>-1200796.9349573101</v>
      </c>
      <c r="AS581" s="53">
        <v>-1565238.8220239901</v>
      </c>
      <c r="AT581" s="53">
        <v>1229040.4109309099</v>
      </c>
      <c r="AU581" s="53">
        <v>1341480.1174660199</v>
      </c>
      <c r="AV581" s="53">
        <v>1894303.67677914</v>
      </c>
      <c r="AW581" s="53">
        <v>1202564.1737740501</v>
      </c>
      <c r="AX581" s="53">
        <v>901203.53692559805</v>
      </c>
      <c r="AY581" s="53">
        <v>516755.73659794498</v>
      </c>
      <c r="AZ581" s="53">
        <v>626100.71599433594</v>
      </c>
      <c r="BA581" s="53">
        <v>-2.2737367544323202E-9</v>
      </c>
    </row>
    <row r="582" spans="1:53">
      <c r="A582" s="52" t="s">
        <v>3896</v>
      </c>
      <c r="B582" s="53">
        <v>0</v>
      </c>
      <c r="C582" s="53">
        <v>0</v>
      </c>
      <c r="D582" s="53">
        <v>0</v>
      </c>
      <c r="E582" s="53">
        <v>0</v>
      </c>
      <c r="F582" s="53">
        <v>0</v>
      </c>
      <c r="G582" s="53">
        <v>0</v>
      </c>
      <c r="H582" s="53">
        <v>0</v>
      </c>
      <c r="I582" s="53">
        <v>0</v>
      </c>
      <c r="J582" s="53">
        <v>0</v>
      </c>
      <c r="K582" s="53">
        <v>0</v>
      </c>
      <c r="L582" s="53">
        <v>0</v>
      </c>
      <c r="M582" s="53">
        <v>0</v>
      </c>
      <c r="N582" s="53">
        <v>0</v>
      </c>
      <c r="O582" s="53">
        <v>0</v>
      </c>
      <c r="P582" s="53">
        <v>0</v>
      </c>
      <c r="Q582" s="53">
        <v>0</v>
      </c>
      <c r="R582" s="53">
        <v>0</v>
      </c>
      <c r="S582" s="53">
        <v>0</v>
      </c>
      <c r="T582" s="53">
        <v>0</v>
      </c>
      <c r="U582" s="53">
        <v>0</v>
      </c>
      <c r="V582" s="53">
        <v>0</v>
      </c>
      <c r="W582" s="53">
        <v>0</v>
      </c>
      <c r="X582" s="53">
        <v>0</v>
      </c>
      <c r="Y582" s="53">
        <v>0</v>
      </c>
      <c r="Z582" s="53">
        <v>0</v>
      </c>
      <c r="AA582" s="53">
        <v>0</v>
      </c>
      <c r="AB582" s="53">
        <v>0</v>
      </c>
      <c r="AC582" s="53">
        <v>0</v>
      </c>
      <c r="AD582" s="53">
        <v>0</v>
      </c>
      <c r="AE582" s="53">
        <v>0</v>
      </c>
      <c r="AF582" s="53">
        <v>0</v>
      </c>
      <c r="AG582" s="53">
        <v>0</v>
      </c>
      <c r="AH582" s="53">
        <v>0</v>
      </c>
      <c r="AI582" s="53">
        <v>0</v>
      </c>
      <c r="AJ582" s="53">
        <v>0</v>
      </c>
      <c r="AK582" s="53">
        <v>0</v>
      </c>
      <c r="AL582" s="53">
        <v>0</v>
      </c>
      <c r="AM582" s="53">
        <v>0</v>
      </c>
      <c r="AN582" s="53">
        <v>0</v>
      </c>
      <c r="AO582" s="53">
        <v>0</v>
      </c>
      <c r="AP582" s="53">
        <v>0</v>
      </c>
      <c r="AQ582" s="53">
        <v>0</v>
      </c>
      <c r="AR582" s="53">
        <v>0</v>
      </c>
      <c r="AS582" s="53">
        <v>0</v>
      </c>
      <c r="AT582" s="53">
        <v>0</v>
      </c>
      <c r="AU582" s="53">
        <v>0</v>
      </c>
      <c r="AV582" s="53">
        <v>0</v>
      </c>
      <c r="AW582" s="53">
        <v>0</v>
      </c>
      <c r="AX582" s="53">
        <v>0</v>
      </c>
      <c r="AY582" s="53">
        <v>0</v>
      </c>
      <c r="AZ582" s="53">
        <v>0</v>
      </c>
      <c r="BA582" s="53">
        <v>0</v>
      </c>
    </row>
    <row r="583" spans="1:53">
      <c r="A583" s="52" t="s">
        <v>3897</v>
      </c>
      <c r="B583" s="53">
        <v>403458.846098485</v>
      </c>
      <c r="C583" s="53">
        <v>-10876798.9060208</v>
      </c>
      <c r="D583" s="53">
        <v>-8347428.9156879196</v>
      </c>
      <c r="E583" s="53">
        <v>-6209091.6548967101</v>
      </c>
      <c r="F583" s="53">
        <v>-789711.02042524097</v>
      </c>
      <c r="G583" s="53">
        <v>-1739932.07583538</v>
      </c>
      <c r="H583" s="53">
        <v>-220927.21410128701</v>
      </c>
      <c r="I583" s="53">
        <v>7487906.64811425</v>
      </c>
      <c r="J583" s="53">
        <v>10072477.8446154</v>
      </c>
      <c r="K583" s="53">
        <v>6745536.3198598903</v>
      </c>
      <c r="L583" s="53">
        <v>1481072.6712208099</v>
      </c>
      <c r="M583" s="53">
        <v>1993437.45705847</v>
      </c>
      <c r="N583" s="53">
        <v>-2.4556356947869E-8</v>
      </c>
      <c r="O583" s="53">
        <v>2366385.92137565</v>
      </c>
      <c r="P583" s="53">
        <v>-2750831.9010022799</v>
      </c>
      <c r="Q583" s="53">
        <v>-1198407.37585127</v>
      </c>
      <c r="R583" s="53">
        <v>-318600.92175601597</v>
      </c>
      <c r="S583" s="53">
        <v>1083367.9565687799</v>
      </c>
      <c r="T583" s="53">
        <v>-907199.33942683297</v>
      </c>
      <c r="U583" s="53">
        <v>-196950.25364794399</v>
      </c>
      <c r="V583" s="53">
        <v>3117499.6880433699</v>
      </c>
      <c r="W583" s="53">
        <v>1740781.3358247001</v>
      </c>
      <c r="X583" s="53">
        <v>602937.72149390704</v>
      </c>
      <c r="Y583" s="53">
        <v>-1658484.0054059001</v>
      </c>
      <c r="Z583" s="53">
        <v>-1880498.8262162399</v>
      </c>
      <c r="AA583" s="53">
        <v>-6.7302607931196597E-8</v>
      </c>
      <c r="AB583" s="53">
        <v>1116572.1868135501</v>
      </c>
      <c r="AC583" s="53">
        <v>-704927.91495505301</v>
      </c>
      <c r="AD583" s="53">
        <v>327726.78732582799</v>
      </c>
      <c r="AE583" s="53">
        <v>628841.21547723701</v>
      </c>
      <c r="AF583" s="53">
        <v>669155.07786061498</v>
      </c>
      <c r="AG583" s="53">
        <v>-1832201.25956421</v>
      </c>
      <c r="AH583" s="53">
        <v>-1574860.59962296</v>
      </c>
      <c r="AI583" s="53">
        <v>-369610.50200647401</v>
      </c>
      <c r="AJ583" s="53">
        <v>972059.38808851596</v>
      </c>
      <c r="AK583" s="53">
        <v>1017495.84821511</v>
      </c>
      <c r="AL583" s="53">
        <v>163097.511211531</v>
      </c>
      <c r="AM583" s="53">
        <v>-413347.73884367099</v>
      </c>
      <c r="AN583" s="53">
        <v>9.0381035988684694E-9</v>
      </c>
      <c r="AO583" s="53">
        <v>-1366014.64176414</v>
      </c>
      <c r="AP583" s="53">
        <v>-2244766.3620118299</v>
      </c>
      <c r="AQ583" s="53">
        <v>-1334631.6077107301</v>
      </c>
      <c r="AR583" s="53">
        <v>-1200796.9349573101</v>
      </c>
      <c r="AS583" s="53">
        <v>-1565238.8220239901</v>
      </c>
      <c r="AT583" s="53">
        <v>1229040.4109309099</v>
      </c>
      <c r="AU583" s="53">
        <v>1341480.1174660199</v>
      </c>
      <c r="AV583" s="53">
        <v>1894303.67677914</v>
      </c>
      <c r="AW583" s="53">
        <v>1202564.1737740501</v>
      </c>
      <c r="AX583" s="53">
        <v>901203.53692559805</v>
      </c>
      <c r="AY583" s="53">
        <v>516755.73659794498</v>
      </c>
      <c r="AZ583" s="53">
        <v>626100.71599433501</v>
      </c>
      <c r="BA583" s="53">
        <v>-2.7284841053187802E-9</v>
      </c>
    </row>
    <row r="584" spans="1:53">
      <c r="A584" s="52" t="s">
        <v>3898</v>
      </c>
      <c r="B584" s="53">
        <v>31189872.98</v>
      </c>
      <c r="C584" s="53">
        <v>31205983.6199999</v>
      </c>
      <c r="D584" s="53">
        <v>29823554.329999998</v>
      </c>
      <c r="E584" s="53">
        <v>29758374.579999998</v>
      </c>
      <c r="F584" s="53">
        <v>29131802.249999899</v>
      </c>
      <c r="G584" s="53">
        <v>32093479.009999901</v>
      </c>
      <c r="H584" s="53">
        <v>32076217.609999999</v>
      </c>
      <c r="I584" s="53">
        <v>32030187.129999999</v>
      </c>
      <c r="J584" s="53">
        <v>19198506.260000002</v>
      </c>
      <c r="K584" s="53">
        <v>18481581.780000001</v>
      </c>
      <c r="L584" s="53">
        <v>18527612.260000002</v>
      </c>
      <c r="M584" s="53">
        <v>19362297.98</v>
      </c>
      <c r="N584" s="53">
        <v>322879469.79000002</v>
      </c>
      <c r="O584" s="53">
        <v>10414443.699999999</v>
      </c>
      <c r="P584" s="53">
        <v>10430554.34</v>
      </c>
      <c r="Q584" s="53">
        <v>9613130.0199999996</v>
      </c>
      <c r="R584" s="53">
        <v>9590114.8200000003</v>
      </c>
      <c r="S584" s="53">
        <v>10333890.380000001</v>
      </c>
      <c r="T584" s="53">
        <v>13295567.1399999</v>
      </c>
      <c r="U584" s="53">
        <v>13278305.74</v>
      </c>
      <c r="V584" s="53">
        <v>13232275.26</v>
      </c>
      <c r="W584" s="53">
        <v>10266762.619999999</v>
      </c>
      <c r="X584" s="53">
        <v>9549838.1400000006</v>
      </c>
      <c r="Y584" s="53">
        <v>9595868.6199999992</v>
      </c>
      <c r="Z584" s="53">
        <v>10430554.34</v>
      </c>
      <c r="AA584" s="53">
        <v>130031305.12</v>
      </c>
      <c r="AB584" s="53">
        <v>2867329.44</v>
      </c>
      <c r="AC584" s="53">
        <v>2883440.08</v>
      </c>
      <c r="AD584" s="53">
        <v>2066015.75999999</v>
      </c>
      <c r="AE584" s="53">
        <v>2043000.56</v>
      </c>
      <c r="AF584" s="53">
        <v>2786776.12</v>
      </c>
      <c r="AG584" s="53">
        <v>5748452.8799999999</v>
      </c>
      <c r="AH584" s="53">
        <v>5731191.4800000004</v>
      </c>
      <c r="AI584" s="53">
        <v>5685161</v>
      </c>
      <c r="AJ584" s="53">
        <v>2719648.36</v>
      </c>
      <c r="AK584" s="53">
        <v>2002723.88</v>
      </c>
      <c r="AL584" s="53">
        <v>2048754.3599999901</v>
      </c>
      <c r="AM584" s="53">
        <v>2883440.08</v>
      </c>
      <c r="AN584" s="53">
        <v>39465934</v>
      </c>
      <c r="AO584" s="53">
        <v>2858237.48</v>
      </c>
      <c r="AP584" s="53">
        <v>2874695.64</v>
      </c>
      <c r="AQ584" s="53">
        <v>2039638.88</v>
      </c>
      <c r="AR584" s="53">
        <v>2016127.2</v>
      </c>
      <c r="AS584" s="53">
        <v>2775946.56</v>
      </c>
      <c r="AT584" s="53">
        <v>0</v>
      </c>
      <c r="AU584" s="53">
        <v>0</v>
      </c>
      <c r="AV584" s="53">
        <v>0</v>
      </c>
      <c r="AW584" s="53">
        <v>0</v>
      </c>
      <c r="AX584" s="53">
        <v>0</v>
      </c>
      <c r="AY584" s="53">
        <v>0</v>
      </c>
      <c r="AZ584" s="53">
        <v>0</v>
      </c>
      <c r="BA584" s="53">
        <v>12564645.76</v>
      </c>
    </row>
    <row r="585" spans="1:53">
      <c r="A585" s="52" t="s">
        <v>3899</v>
      </c>
      <c r="B585" s="53">
        <v>0</v>
      </c>
      <c r="C585" s="53">
        <v>0</v>
      </c>
      <c r="D585" s="53">
        <v>0</v>
      </c>
      <c r="E585" s="53">
        <v>0</v>
      </c>
      <c r="F585" s="53">
        <v>0</v>
      </c>
      <c r="G585" s="53">
        <v>0</v>
      </c>
      <c r="H585" s="53">
        <v>0</v>
      </c>
      <c r="I585" s="53">
        <v>0</v>
      </c>
      <c r="J585" s="53">
        <v>0</v>
      </c>
      <c r="K585" s="53">
        <v>0</v>
      </c>
      <c r="L585" s="53">
        <v>0</v>
      </c>
      <c r="M585" s="53">
        <v>0</v>
      </c>
      <c r="N585" s="53">
        <v>0</v>
      </c>
      <c r="O585" s="53">
        <v>0</v>
      </c>
      <c r="P585" s="53">
        <v>0</v>
      </c>
      <c r="Q585" s="53">
        <v>0</v>
      </c>
      <c r="R585" s="53">
        <v>0</v>
      </c>
      <c r="S585" s="53">
        <v>0</v>
      </c>
      <c r="T585" s="53">
        <v>0</v>
      </c>
      <c r="U585" s="53">
        <v>0</v>
      </c>
      <c r="V585" s="53">
        <v>0</v>
      </c>
      <c r="W585" s="53">
        <v>0</v>
      </c>
      <c r="X585" s="53">
        <v>0</v>
      </c>
      <c r="Y585" s="53">
        <v>0</v>
      </c>
      <c r="Z585" s="53">
        <v>0</v>
      </c>
      <c r="AA585" s="53">
        <v>0</v>
      </c>
      <c r="AB585" s="53">
        <v>0</v>
      </c>
      <c r="AC585" s="53">
        <v>0</v>
      </c>
      <c r="AD585" s="53">
        <v>0</v>
      </c>
      <c r="AE585" s="53">
        <v>0</v>
      </c>
      <c r="AF585" s="53">
        <v>0</v>
      </c>
      <c r="AG585" s="53">
        <v>0</v>
      </c>
      <c r="AH585" s="53">
        <v>0</v>
      </c>
      <c r="AI585" s="53">
        <v>0</v>
      </c>
      <c r="AJ585" s="53">
        <v>0</v>
      </c>
      <c r="AK585" s="53">
        <v>0</v>
      </c>
      <c r="AL585" s="53">
        <v>0</v>
      </c>
      <c r="AM585" s="53">
        <v>0</v>
      </c>
      <c r="AN585" s="53">
        <v>0</v>
      </c>
      <c r="AO585" s="53">
        <v>0</v>
      </c>
      <c r="AP585" s="53">
        <v>0</v>
      </c>
      <c r="AQ585" s="53">
        <v>0</v>
      </c>
      <c r="AR585" s="53">
        <v>0</v>
      </c>
      <c r="AS585" s="53">
        <v>0</v>
      </c>
      <c r="AT585" s="53">
        <v>0</v>
      </c>
      <c r="AU585" s="53">
        <v>0</v>
      </c>
      <c r="AV585" s="53">
        <v>0</v>
      </c>
      <c r="AW585" s="53">
        <v>0</v>
      </c>
      <c r="AX585" s="53">
        <v>0</v>
      </c>
      <c r="AY585" s="53">
        <v>0</v>
      </c>
      <c r="AZ585" s="53">
        <v>0</v>
      </c>
      <c r="BA585" s="53">
        <v>0</v>
      </c>
    </row>
    <row r="586" spans="1:53">
      <c r="A586" s="52" t="s">
        <v>3900</v>
      </c>
      <c r="B586" s="53">
        <v>31189872.98</v>
      </c>
      <c r="C586" s="53">
        <v>31205983.6199999</v>
      </c>
      <c r="D586" s="53">
        <v>29823554.329999998</v>
      </c>
      <c r="E586" s="53">
        <v>29758374.579999998</v>
      </c>
      <c r="F586" s="53">
        <v>29131802.249999899</v>
      </c>
      <c r="G586" s="53">
        <v>32093479.009999901</v>
      </c>
      <c r="H586" s="53">
        <v>32076217.609999999</v>
      </c>
      <c r="I586" s="53">
        <v>32030187.129999999</v>
      </c>
      <c r="J586" s="53">
        <v>19198506.260000002</v>
      </c>
      <c r="K586" s="53">
        <v>18481581.780000001</v>
      </c>
      <c r="L586" s="53">
        <v>18527612.260000002</v>
      </c>
      <c r="M586" s="53">
        <v>19362297.98</v>
      </c>
      <c r="N586" s="53">
        <v>322879469.79000002</v>
      </c>
      <c r="O586" s="53">
        <v>10414443.699999999</v>
      </c>
      <c r="P586" s="53">
        <v>10430554.34</v>
      </c>
      <c r="Q586" s="53">
        <v>9613130.0199999996</v>
      </c>
      <c r="R586" s="53">
        <v>9590114.8200000003</v>
      </c>
      <c r="S586" s="53">
        <v>10333890.380000001</v>
      </c>
      <c r="T586" s="53">
        <v>13295567.1399999</v>
      </c>
      <c r="U586" s="53">
        <v>13278305.74</v>
      </c>
      <c r="V586" s="53">
        <v>13232275.26</v>
      </c>
      <c r="W586" s="53">
        <v>10266762.619999999</v>
      </c>
      <c r="X586" s="53">
        <v>9549838.1400000006</v>
      </c>
      <c r="Y586" s="53">
        <v>9595868.6199999992</v>
      </c>
      <c r="Z586" s="53">
        <v>10430554.34</v>
      </c>
      <c r="AA586" s="53">
        <v>130031305.12</v>
      </c>
      <c r="AB586" s="53">
        <v>2867329.44</v>
      </c>
      <c r="AC586" s="53">
        <v>2883440.08</v>
      </c>
      <c r="AD586" s="53">
        <v>2066015.75999999</v>
      </c>
      <c r="AE586" s="53">
        <v>2043000.56</v>
      </c>
      <c r="AF586" s="53">
        <v>2786776.12</v>
      </c>
      <c r="AG586" s="53">
        <v>5748452.8799999999</v>
      </c>
      <c r="AH586" s="53">
        <v>5731191.4800000004</v>
      </c>
      <c r="AI586" s="53">
        <v>5685161</v>
      </c>
      <c r="AJ586" s="53">
        <v>2719648.36</v>
      </c>
      <c r="AK586" s="53">
        <v>2002723.88</v>
      </c>
      <c r="AL586" s="53">
        <v>2048754.3599999901</v>
      </c>
      <c r="AM586" s="53">
        <v>2883440.08</v>
      </c>
      <c r="AN586" s="53">
        <v>39465934</v>
      </c>
      <c r="AO586" s="53">
        <v>2858237.48</v>
      </c>
      <c r="AP586" s="53">
        <v>2874695.64</v>
      </c>
      <c r="AQ586" s="53">
        <v>2039638.88</v>
      </c>
      <c r="AR586" s="53">
        <v>2016127.2</v>
      </c>
      <c r="AS586" s="53">
        <v>2775946.56</v>
      </c>
      <c r="AT586" s="53">
        <v>0</v>
      </c>
      <c r="AU586" s="53">
        <v>0</v>
      </c>
      <c r="AV586" s="53">
        <v>0</v>
      </c>
      <c r="AW586" s="53">
        <v>0</v>
      </c>
      <c r="AX586" s="53">
        <v>0</v>
      </c>
      <c r="AY586" s="53">
        <v>0</v>
      </c>
      <c r="AZ586" s="53">
        <v>0</v>
      </c>
      <c r="BA586" s="53">
        <v>12564645.76</v>
      </c>
    </row>
    <row r="587" spans="1:53">
      <c r="A587" s="52" t="s">
        <v>3901</v>
      </c>
      <c r="B587" s="53">
        <v>0</v>
      </c>
      <c r="C587" s="53">
        <v>0</v>
      </c>
      <c r="D587" s="53">
        <v>0</v>
      </c>
      <c r="E587" s="53">
        <v>0</v>
      </c>
      <c r="F587" s="53">
        <v>0</v>
      </c>
      <c r="G587" s="53">
        <v>0</v>
      </c>
      <c r="H587" s="53">
        <v>0</v>
      </c>
      <c r="I587" s="53">
        <v>0</v>
      </c>
      <c r="J587" s="53">
        <v>0</v>
      </c>
      <c r="K587" s="53">
        <v>0</v>
      </c>
      <c r="L587" s="53">
        <v>0</v>
      </c>
      <c r="M587" s="53">
        <v>0</v>
      </c>
      <c r="N587" s="53">
        <v>0</v>
      </c>
      <c r="O587" s="53">
        <v>0</v>
      </c>
      <c r="P587" s="53">
        <v>0</v>
      </c>
      <c r="Q587" s="53">
        <v>0</v>
      </c>
      <c r="R587" s="53">
        <v>0</v>
      </c>
      <c r="S587" s="53">
        <v>0</v>
      </c>
      <c r="T587" s="53">
        <v>0</v>
      </c>
      <c r="U587" s="53">
        <v>0</v>
      </c>
      <c r="V587" s="53">
        <v>0</v>
      </c>
      <c r="W587" s="53">
        <v>0</v>
      </c>
      <c r="X587" s="53">
        <v>0</v>
      </c>
      <c r="Y587" s="53">
        <v>0</v>
      </c>
      <c r="Z587" s="53">
        <v>0</v>
      </c>
      <c r="AA587" s="53">
        <v>0</v>
      </c>
      <c r="AB587" s="53">
        <v>0</v>
      </c>
      <c r="AC587" s="53">
        <v>0</v>
      </c>
      <c r="AD587" s="53">
        <v>0</v>
      </c>
      <c r="AE587" s="53">
        <v>0</v>
      </c>
      <c r="AF587" s="53">
        <v>0</v>
      </c>
      <c r="AG587" s="53">
        <v>0</v>
      </c>
      <c r="AH587" s="53">
        <v>0</v>
      </c>
      <c r="AI587" s="53">
        <v>0</v>
      </c>
      <c r="AJ587" s="53">
        <v>0</v>
      </c>
      <c r="AK587" s="53">
        <v>0</v>
      </c>
      <c r="AL587" s="53">
        <v>0</v>
      </c>
      <c r="AM587" s="53">
        <v>0</v>
      </c>
      <c r="AN587" s="53">
        <v>0</v>
      </c>
      <c r="AO587" s="53">
        <v>0</v>
      </c>
      <c r="AP587" s="53">
        <v>0</v>
      </c>
      <c r="AQ587" s="53">
        <v>0</v>
      </c>
      <c r="AR587" s="53">
        <v>0</v>
      </c>
      <c r="AS587" s="53">
        <v>0</v>
      </c>
      <c r="AT587" s="53">
        <v>0</v>
      </c>
      <c r="AU587" s="53">
        <v>0</v>
      </c>
      <c r="AV587" s="53">
        <v>0</v>
      </c>
      <c r="AW587" s="53">
        <v>0</v>
      </c>
      <c r="AX587" s="53">
        <v>0</v>
      </c>
      <c r="AY587" s="53">
        <v>0</v>
      </c>
      <c r="AZ587" s="53">
        <v>0</v>
      </c>
      <c r="BA587" s="53">
        <v>0</v>
      </c>
    </row>
    <row r="588" spans="1:53">
      <c r="A588" s="57" t="s">
        <v>3902</v>
      </c>
      <c r="B588" s="53"/>
      <c r="C588" s="53"/>
      <c r="D588" s="53"/>
      <c r="E588" s="53"/>
      <c r="F588" s="53"/>
      <c r="G588" s="53"/>
      <c r="H588" s="53"/>
      <c r="I588" s="53"/>
      <c r="J588" s="53"/>
      <c r="K588" s="53"/>
      <c r="L588" s="53"/>
      <c r="M588" s="53"/>
      <c r="N588" s="53"/>
      <c r="O588" s="53"/>
      <c r="P588" s="53"/>
      <c r="Q588" s="53"/>
      <c r="R588" s="53"/>
      <c r="S588" s="53"/>
      <c r="T588" s="53"/>
      <c r="U588" s="53"/>
      <c r="V588" s="53"/>
      <c r="W588" s="53"/>
      <c r="X588" s="53"/>
      <c r="Y588" s="53"/>
      <c r="Z588" s="53"/>
      <c r="AA588" s="53"/>
      <c r="AB588" s="53"/>
      <c r="AC588" s="53"/>
      <c r="AD588" s="53"/>
      <c r="AE588" s="53"/>
      <c r="AF588" s="53"/>
      <c r="AG588" s="53"/>
      <c r="AH588" s="53"/>
      <c r="AI588" s="53"/>
      <c r="AJ588" s="53"/>
      <c r="AK588" s="53"/>
      <c r="AL588" s="53"/>
      <c r="AM588" s="53"/>
      <c r="AN588" s="53"/>
      <c r="AO588" s="53"/>
      <c r="AP588" s="53"/>
      <c r="AQ588" s="53"/>
      <c r="AR588" s="53"/>
      <c r="AS588" s="53"/>
      <c r="AT588" s="53"/>
      <c r="AU588" s="53"/>
      <c r="AV588" s="53"/>
      <c r="AW588" s="53"/>
      <c r="AX588" s="53"/>
      <c r="AY588" s="53"/>
      <c r="AZ588" s="53"/>
      <c r="BA588" s="53"/>
    </row>
    <row r="589" spans="1:53">
      <c r="A589" s="52" t="s">
        <v>3903</v>
      </c>
      <c r="B589" s="53">
        <v>0</v>
      </c>
      <c r="C589" s="53">
        <v>0</v>
      </c>
      <c r="D589" s="53">
        <v>0</v>
      </c>
      <c r="E589" s="53">
        <v>0</v>
      </c>
      <c r="F589" s="53">
        <v>0</v>
      </c>
      <c r="G589" s="53">
        <v>0</v>
      </c>
      <c r="H589" s="53">
        <v>0</v>
      </c>
      <c r="I589" s="53">
        <v>0</v>
      </c>
      <c r="J589" s="53">
        <v>0</v>
      </c>
      <c r="K589" s="53">
        <v>0</v>
      </c>
      <c r="L589" s="53">
        <v>0</v>
      </c>
      <c r="M589" s="53">
        <v>0</v>
      </c>
      <c r="N589" s="53">
        <v>0</v>
      </c>
      <c r="O589" s="53">
        <v>0</v>
      </c>
      <c r="P589" s="53">
        <v>0</v>
      </c>
      <c r="Q589" s="53">
        <v>0</v>
      </c>
      <c r="R589" s="53">
        <v>0</v>
      </c>
      <c r="S589" s="53">
        <v>0</v>
      </c>
      <c r="T589" s="53">
        <v>0</v>
      </c>
      <c r="U589" s="53">
        <v>0</v>
      </c>
      <c r="V589" s="53">
        <v>0</v>
      </c>
      <c r="W589" s="53">
        <v>0</v>
      </c>
      <c r="X589" s="53">
        <v>0</v>
      </c>
      <c r="Y589" s="53">
        <v>0</v>
      </c>
      <c r="Z589" s="53">
        <v>0</v>
      </c>
      <c r="AA589" s="53">
        <v>0</v>
      </c>
      <c r="AB589" s="53">
        <v>0</v>
      </c>
      <c r="AC589" s="53">
        <v>0</v>
      </c>
      <c r="AD589" s="53">
        <v>0</v>
      </c>
      <c r="AE589" s="53">
        <v>0</v>
      </c>
      <c r="AF589" s="53">
        <v>0</v>
      </c>
      <c r="AG589" s="53">
        <v>0</v>
      </c>
      <c r="AH589" s="53">
        <v>0</v>
      </c>
      <c r="AI589" s="53">
        <v>0</v>
      </c>
      <c r="AJ589" s="53">
        <v>0</v>
      </c>
      <c r="AK589" s="53">
        <v>0</v>
      </c>
      <c r="AL589" s="53">
        <v>0</v>
      </c>
      <c r="AM589" s="53">
        <v>0</v>
      </c>
      <c r="AN589" s="53">
        <v>0</v>
      </c>
      <c r="AO589" s="53">
        <v>0</v>
      </c>
      <c r="AP589" s="53">
        <v>0</v>
      </c>
      <c r="AQ589" s="53">
        <v>0</v>
      </c>
      <c r="AR589" s="53">
        <v>0</v>
      </c>
      <c r="AS589" s="53">
        <v>0</v>
      </c>
      <c r="AT589" s="53">
        <v>0</v>
      </c>
      <c r="AU589" s="53">
        <v>0</v>
      </c>
      <c r="AV589" s="53">
        <v>0</v>
      </c>
      <c r="AW589" s="53">
        <v>0</v>
      </c>
      <c r="AX589" s="53">
        <v>0</v>
      </c>
      <c r="AY589" s="53">
        <v>0</v>
      </c>
      <c r="AZ589" s="53">
        <v>0</v>
      </c>
      <c r="BA589" s="53">
        <v>0</v>
      </c>
    </row>
    <row r="590" spans="1:53">
      <c r="A590" s="52" t="s">
        <v>3904</v>
      </c>
      <c r="B590" s="53">
        <v>0</v>
      </c>
      <c r="C590" s="53">
        <v>0</v>
      </c>
      <c r="D590" s="53">
        <v>0</v>
      </c>
      <c r="E590" s="53">
        <v>0</v>
      </c>
      <c r="F590" s="53">
        <v>0</v>
      </c>
      <c r="G590" s="53">
        <v>0</v>
      </c>
      <c r="H590" s="53">
        <v>0</v>
      </c>
      <c r="I590" s="53">
        <v>0</v>
      </c>
      <c r="J590" s="53">
        <v>0</v>
      </c>
      <c r="K590" s="53">
        <v>0</v>
      </c>
      <c r="L590" s="53">
        <v>0</v>
      </c>
      <c r="M590" s="53">
        <v>0</v>
      </c>
      <c r="N590" s="53">
        <v>0</v>
      </c>
      <c r="O590" s="53">
        <v>0</v>
      </c>
      <c r="P590" s="53">
        <v>0</v>
      </c>
      <c r="Q590" s="53">
        <v>0</v>
      </c>
      <c r="R590" s="53">
        <v>0</v>
      </c>
      <c r="S590" s="53">
        <v>0</v>
      </c>
      <c r="T590" s="53">
        <v>0</v>
      </c>
      <c r="U590" s="53">
        <v>0</v>
      </c>
      <c r="V590" s="53">
        <v>0</v>
      </c>
      <c r="W590" s="53">
        <v>0</v>
      </c>
      <c r="X590" s="53">
        <v>0</v>
      </c>
      <c r="Y590" s="53">
        <v>0</v>
      </c>
      <c r="Z590" s="53">
        <v>0</v>
      </c>
      <c r="AA590" s="53">
        <v>0</v>
      </c>
      <c r="AB590" s="53">
        <v>0</v>
      </c>
      <c r="AC590" s="53">
        <v>0</v>
      </c>
      <c r="AD590" s="53">
        <v>0</v>
      </c>
      <c r="AE590" s="53">
        <v>0</v>
      </c>
      <c r="AF590" s="53">
        <v>0</v>
      </c>
      <c r="AG590" s="53">
        <v>0</v>
      </c>
      <c r="AH590" s="53">
        <v>0</v>
      </c>
      <c r="AI590" s="53">
        <v>0</v>
      </c>
      <c r="AJ590" s="53">
        <v>0</v>
      </c>
      <c r="AK590" s="53">
        <v>0</v>
      </c>
      <c r="AL590" s="53">
        <v>0</v>
      </c>
      <c r="AM590" s="53">
        <v>0</v>
      </c>
      <c r="AN590" s="53">
        <v>0</v>
      </c>
      <c r="AO590" s="53">
        <v>0</v>
      </c>
      <c r="AP590" s="53">
        <v>0</v>
      </c>
      <c r="AQ590" s="53">
        <v>0</v>
      </c>
      <c r="AR590" s="53">
        <v>0</v>
      </c>
      <c r="AS590" s="53">
        <v>0</v>
      </c>
      <c r="AT590" s="53">
        <v>0</v>
      </c>
      <c r="AU590" s="53">
        <v>0</v>
      </c>
      <c r="AV590" s="53">
        <v>0</v>
      </c>
      <c r="AW590" s="53">
        <v>0</v>
      </c>
      <c r="AX590" s="53">
        <v>0</v>
      </c>
      <c r="AY590" s="53">
        <v>0</v>
      </c>
      <c r="AZ590" s="53">
        <v>0</v>
      </c>
      <c r="BA590" s="53">
        <v>0</v>
      </c>
    </row>
    <row r="591" spans="1:53">
      <c r="A591" s="52" t="s">
        <v>3905</v>
      </c>
      <c r="B591" s="53">
        <v>0</v>
      </c>
      <c r="C591" s="53">
        <v>0</v>
      </c>
      <c r="D591" s="53">
        <v>0</v>
      </c>
      <c r="E591" s="53">
        <v>0</v>
      </c>
      <c r="F591" s="53">
        <v>0</v>
      </c>
      <c r="G591" s="53">
        <v>0</v>
      </c>
      <c r="H591" s="53">
        <v>0</v>
      </c>
      <c r="I591" s="53">
        <v>0</v>
      </c>
      <c r="J591" s="53">
        <v>0</v>
      </c>
      <c r="K591" s="53">
        <v>0</v>
      </c>
      <c r="L591" s="53">
        <v>0</v>
      </c>
      <c r="M591" s="53">
        <v>0</v>
      </c>
      <c r="N591" s="53">
        <v>0</v>
      </c>
      <c r="O591" s="53">
        <v>0</v>
      </c>
      <c r="P591" s="53">
        <v>0</v>
      </c>
      <c r="Q591" s="53">
        <v>0</v>
      </c>
      <c r="R591" s="53">
        <v>0</v>
      </c>
      <c r="S591" s="53">
        <v>0</v>
      </c>
      <c r="T591" s="53">
        <v>0</v>
      </c>
      <c r="U591" s="53">
        <v>0</v>
      </c>
      <c r="V591" s="53">
        <v>0</v>
      </c>
      <c r="W591" s="53">
        <v>0</v>
      </c>
      <c r="X591" s="53">
        <v>0</v>
      </c>
      <c r="Y591" s="53">
        <v>0</v>
      </c>
      <c r="Z591" s="53">
        <v>0</v>
      </c>
      <c r="AA591" s="53">
        <v>0</v>
      </c>
      <c r="AB591" s="53">
        <v>0</v>
      </c>
      <c r="AC591" s="53">
        <v>0</v>
      </c>
      <c r="AD591" s="53">
        <v>0</v>
      </c>
      <c r="AE591" s="53">
        <v>0</v>
      </c>
      <c r="AF591" s="53">
        <v>0</v>
      </c>
      <c r="AG591" s="53">
        <v>0</v>
      </c>
      <c r="AH591" s="53">
        <v>0</v>
      </c>
      <c r="AI591" s="53">
        <v>0</v>
      </c>
      <c r="AJ591" s="53">
        <v>0</v>
      </c>
      <c r="AK591" s="53">
        <v>0</v>
      </c>
      <c r="AL591" s="53">
        <v>0</v>
      </c>
      <c r="AM591" s="53">
        <v>0</v>
      </c>
      <c r="AN591" s="53">
        <v>0</v>
      </c>
      <c r="AO591" s="53">
        <v>0</v>
      </c>
      <c r="AP591" s="53">
        <v>0</v>
      </c>
      <c r="AQ591" s="53">
        <v>0</v>
      </c>
      <c r="AR591" s="53">
        <v>0</v>
      </c>
      <c r="AS591" s="53">
        <v>0</v>
      </c>
      <c r="AT591" s="53">
        <v>0</v>
      </c>
      <c r="AU591" s="53">
        <v>0</v>
      </c>
      <c r="AV591" s="53">
        <v>0</v>
      </c>
      <c r="AW591" s="53">
        <v>0</v>
      </c>
      <c r="AX591" s="53">
        <v>0</v>
      </c>
      <c r="AY591" s="53">
        <v>0</v>
      </c>
      <c r="AZ591" s="53">
        <v>0</v>
      </c>
      <c r="BA591" s="53">
        <v>0</v>
      </c>
    </row>
    <row r="592" spans="1:53">
      <c r="A592" s="52" t="s">
        <v>3906</v>
      </c>
      <c r="B592" s="53">
        <v>1512506.2214154</v>
      </c>
      <c r="C592" s="53">
        <v>1531387.4001426101</v>
      </c>
      <c r="D592" s="53">
        <v>1825631.1291002601</v>
      </c>
      <c r="E592" s="53">
        <v>2227637.2722332501</v>
      </c>
      <c r="F592" s="53">
        <v>2169754.93692639</v>
      </c>
      <c r="G592" s="53">
        <v>2985010.7197277402</v>
      </c>
      <c r="H592" s="53">
        <v>3531556.98984343</v>
      </c>
      <c r="I592" s="53">
        <v>3166526.5268250601</v>
      </c>
      <c r="J592" s="53">
        <v>2820611.5984066701</v>
      </c>
      <c r="K592" s="53">
        <v>3391245.8875457598</v>
      </c>
      <c r="L592" s="53">
        <v>2762181.5588388401</v>
      </c>
      <c r="M592" s="53">
        <v>4117418.7350950302</v>
      </c>
      <c r="N592" s="53">
        <v>32041468.9761004</v>
      </c>
      <c r="O592" s="53">
        <v>636361.84366106999</v>
      </c>
      <c r="P592" s="53">
        <v>566337.86061880295</v>
      </c>
      <c r="Q592" s="53">
        <v>616104.59002085798</v>
      </c>
      <c r="R592" s="53">
        <v>472731.00183010299</v>
      </c>
      <c r="S592" s="53">
        <v>443453.97011011897</v>
      </c>
      <c r="T592" s="53">
        <v>424517.20318619901</v>
      </c>
      <c r="U592" s="53">
        <v>463680.00236431003</v>
      </c>
      <c r="V592" s="53">
        <v>498144.87638907402</v>
      </c>
      <c r="W592" s="53">
        <v>481132.34443810902</v>
      </c>
      <c r="X592" s="53">
        <v>481870.51815674</v>
      </c>
      <c r="Y592" s="53">
        <v>503490.238304967</v>
      </c>
      <c r="Z592" s="53">
        <v>612361.35003153596</v>
      </c>
      <c r="AA592" s="53">
        <v>6200185.7991118897</v>
      </c>
      <c r="AB592" s="53">
        <v>632323.61167207395</v>
      </c>
      <c r="AC592" s="53">
        <v>571086.44043036597</v>
      </c>
      <c r="AD592" s="53">
        <v>589364.11983287195</v>
      </c>
      <c r="AE592" s="53">
        <v>429493.90613010002</v>
      </c>
      <c r="AF592" s="53">
        <v>466370.87115411903</v>
      </c>
      <c r="AG592" s="53">
        <v>450919.47127108701</v>
      </c>
      <c r="AH592" s="53">
        <v>475710.05686567101</v>
      </c>
      <c r="AI592" s="53">
        <v>492272.99960638297</v>
      </c>
      <c r="AJ592" s="53">
        <v>476425.31707493798</v>
      </c>
      <c r="AK592" s="53">
        <v>534151.40123273095</v>
      </c>
      <c r="AL592" s="53">
        <v>549763.75346925994</v>
      </c>
      <c r="AM592" s="53">
        <v>629221.30396527704</v>
      </c>
      <c r="AN592" s="53">
        <v>6297103.2527048802</v>
      </c>
      <c r="AO592" s="53">
        <v>629701.478562259</v>
      </c>
      <c r="AP592" s="53">
        <v>545681.13909299602</v>
      </c>
      <c r="AQ592" s="53">
        <v>580947.06194173999</v>
      </c>
      <c r="AR592" s="53">
        <v>474094.35143996897</v>
      </c>
      <c r="AS592" s="53">
        <v>460523.52984044602</v>
      </c>
      <c r="AT592" s="53">
        <v>452007.59052472899</v>
      </c>
      <c r="AU592" s="53">
        <v>469691.71284920903</v>
      </c>
      <c r="AV592" s="53">
        <v>482724.15601380798</v>
      </c>
      <c r="AW592" s="53">
        <v>462175.60266473901</v>
      </c>
      <c r="AX592" s="53">
        <v>483890.35726451903</v>
      </c>
      <c r="AY592" s="53">
        <v>488028.12336450903</v>
      </c>
      <c r="AZ592" s="53">
        <v>564490.95935285103</v>
      </c>
      <c r="BA592" s="53">
        <v>6093956.0629117796</v>
      </c>
    </row>
    <row r="593" spans="1:53">
      <c r="A593" s="52" t="s">
        <v>3907</v>
      </c>
      <c r="B593" s="53">
        <v>1512506.2214154</v>
      </c>
      <c r="C593" s="53">
        <v>1531387.4001426101</v>
      </c>
      <c r="D593" s="53">
        <v>1825631.1291002601</v>
      </c>
      <c r="E593" s="53">
        <v>2227637.2722332501</v>
      </c>
      <c r="F593" s="53">
        <v>2169754.93692639</v>
      </c>
      <c r="G593" s="53">
        <v>2985010.7197277402</v>
      </c>
      <c r="H593" s="53">
        <v>3531556.98984343</v>
      </c>
      <c r="I593" s="53">
        <v>3166526.5268250601</v>
      </c>
      <c r="J593" s="53">
        <v>2820611.5984066701</v>
      </c>
      <c r="K593" s="53">
        <v>3391245.8875457598</v>
      </c>
      <c r="L593" s="53">
        <v>2762181.5588388401</v>
      </c>
      <c r="M593" s="53">
        <v>4117418.7350950302</v>
      </c>
      <c r="N593" s="53">
        <v>32041468.9761004</v>
      </c>
      <c r="O593" s="53">
        <v>636361.84366106999</v>
      </c>
      <c r="P593" s="53">
        <v>566337.86061880295</v>
      </c>
      <c r="Q593" s="53">
        <v>616104.59002085798</v>
      </c>
      <c r="R593" s="53">
        <v>472731.00183010299</v>
      </c>
      <c r="S593" s="53">
        <v>443453.97011011897</v>
      </c>
      <c r="T593" s="53">
        <v>424517.20318619901</v>
      </c>
      <c r="U593" s="53">
        <v>463680.00236431003</v>
      </c>
      <c r="V593" s="53">
        <v>498144.87638907402</v>
      </c>
      <c r="W593" s="53">
        <v>481132.34443810902</v>
      </c>
      <c r="X593" s="53">
        <v>481870.51815674</v>
      </c>
      <c r="Y593" s="53">
        <v>503490.238304967</v>
      </c>
      <c r="Z593" s="53">
        <v>612361.35003153596</v>
      </c>
      <c r="AA593" s="53">
        <v>6200185.7991118897</v>
      </c>
      <c r="AB593" s="53">
        <v>632323.61167207395</v>
      </c>
      <c r="AC593" s="53">
        <v>571086.44043036597</v>
      </c>
      <c r="AD593" s="53">
        <v>589364.11983287195</v>
      </c>
      <c r="AE593" s="53">
        <v>429493.90613010002</v>
      </c>
      <c r="AF593" s="53">
        <v>466370.87115411903</v>
      </c>
      <c r="AG593" s="53">
        <v>450919.47127108701</v>
      </c>
      <c r="AH593" s="53">
        <v>475710.05686567101</v>
      </c>
      <c r="AI593" s="53">
        <v>492272.99960638297</v>
      </c>
      <c r="AJ593" s="53">
        <v>476425.31707493798</v>
      </c>
      <c r="AK593" s="53">
        <v>534151.40123273095</v>
      </c>
      <c r="AL593" s="53">
        <v>549763.75346925994</v>
      </c>
      <c r="AM593" s="53">
        <v>629221.30396527704</v>
      </c>
      <c r="AN593" s="53">
        <v>6297103.2527048802</v>
      </c>
      <c r="AO593" s="53">
        <v>629701.478562259</v>
      </c>
      <c r="AP593" s="53">
        <v>545681.13909299602</v>
      </c>
      <c r="AQ593" s="53">
        <v>580947.06194173999</v>
      </c>
      <c r="AR593" s="53">
        <v>474094.35143996897</v>
      </c>
      <c r="AS593" s="53">
        <v>460523.52984044602</v>
      </c>
      <c r="AT593" s="53">
        <v>452007.59052472899</v>
      </c>
      <c r="AU593" s="53">
        <v>469691.71284920903</v>
      </c>
      <c r="AV593" s="53">
        <v>482724.15601380798</v>
      </c>
      <c r="AW593" s="53">
        <v>462175.60266473901</v>
      </c>
      <c r="AX593" s="53">
        <v>483890.35726451903</v>
      </c>
      <c r="AY593" s="53">
        <v>488028.12336450903</v>
      </c>
      <c r="AZ593" s="53">
        <v>564490.95935285103</v>
      </c>
      <c r="BA593" s="53">
        <v>6093956.0629117796</v>
      </c>
    </row>
    <row r="594" spans="1:53">
      <c r="A594" s="52" t="s">
        <v>3908</v>
      </c>
      <c r="B594" s="53">
        <v>0</v>
      </c>
      <c r="C594" s="53">
        <v>0</v>
      </c>
      <c r="D594" s="53">
        <v>0</v>
      </c>
      <c r="E594" s="53">
        <v>0</v>
      </c>
      <c r="F594" s="53">
        <v>0</v>
      </c>
      <c r="G594" s="53">
        <v>0</v>
      </c>
      <c r="H594" s="53">
        <v>0</v>
      </c>
      <c r="I594" s="53">
        <v>0</v>
      </c>
      <c r="J594" s="53">
        <v>0</v>
      </c>
      <c r="K594" s="53">
        <v>0</v>
      </c>
      <c r="L594" s="53">
        <v>0</v>
      </c>
      <c r="M594" s="53">
        <v>0</v>
      </c>
      <c r="N594" s="53">
        <v>0</v>
      </c>
      <c r="O594" s="53">
        <v>0</v>
      </c>
      <c r="P594" s="53">
        <v>0</v>
      </c>
      <c r="Q594" s="53">
        <v>0</v>
      </c>
      <c r="R594" s="53">
        <v>0</v>
      </c>
      <c r="S594" s="53">
        <v>0</v>
      </c>
      <c r="T594" s="53">
        <v>0</v>
      </c>
      <c r="U594" s="53">
        <v>0</v>
      </c>
      <c r="V594" s="53">
        <v>0</v>
      </c>
      <c r="W594" s="53">
        <v>0</v>
      </c>
      <c r="X594" s="53">
        <v>0</v>
      </c>
      <c r="Y594" s="53">
        <v>0</v>
      </c>
      <c r="Z594" s="53">
        <v>0</v>
      </c>
      <c r="AA594" s="53">
        <v>0</v>
      </c>
      <c r="AB594" s="53">
        <v>0</v>
      </c>
      <c r="AC594" s="53">
        <v>0</v>
      </c>
      <c r="AD594" s="53">
        <v>0</v>
      </c>
      <c r="AE594" s="53">
        <v>0</v>
      </c>
      <c r="AF594" s="53">
        <v>0</v>
      </c>
      <c r="AG594" s="53">
        <v>0</v>
      </c>
      <c r="AH594" s="53">
        <v>0</v>
      </c>
      <c r="AI594" s="53">
        <v>0</v>
      </c>
      <c r="AJ594" s="53">
        <v>0</v>
      </c>
      <c r="AK594" s="53">
        <v>0</v>
      </c>
      <c r="AL594" s="53">
        <v>0</v>
      </c>
      <c r="AM594" s="53">
        <v>0</v>
      </c>
      <c r="AN594" s="53">
        <v>0</v>
      </c>
      <c r="AO594" s="53">
        <v>0</v>
      </c>
      <c r="AP594" s="53">
        <v>0</v>
      </c>
      <c r="AQ594" s="53">
        <v>0</v>
      </c>
      <c r="AR594" s="53">
        <v>0</v>
      </c>
      <c r="AS594" s="53">
        <v>0</v>
      </c>
      <c r="AT594" s="53">
        <v>0</v>
      </c>
      <c r="AU594" s="53">
        <v>0</v>
      </c>
      <c r="AV594" s="53">
        <v>0</v>
      </c>
      <c r="AW594" s="53">
        <v>0</v>
      </c>
      <c r="AX594" s="53">
        <v>0</v>
      </c>
      <c r="AY594" s="53">
        <v>0</v>
      </c>
      <c r="AZ594" s="53">
        <v>0</v>
      </c>
      <c r="BA594" s="53">
        <v>0</v>
      </c>
    </row>
    <row r="595" spans="1:53">
      <c r="A595" s="52" t="s">
        <v>3909</v>
      </c>
      <c r="B595" s="53">
        <v>0</v>
      </c>
      <c r="C595" s="53">
        <v>0</v>
      </c>
      <c r="D595" s="53">
        <v>0</v>
      </c>
      <c r="E595" s="53">
        <v>0</v>
      </c>
      <c r="F595" s="53">
        <v>0</v>
      </c>
      <c r="G595" s="53">
        <v>0</v>
      </c>
      <c r="H595" s="53">
        <v>0</v>
      </c>
      <c r="I595" s="53">
        <v>0</v>
      </c>
      <c r="J595" s="53">
        <v>0</v>
      </c>
      <c r="K595" s="53">
        <v>0</v>
      </c>
      <c r="L595" s="53">
        <v>0</v>
      </c>
      <c r="M595" s="53">
        <v>0</v>
      </c>
      <c r="N595" s="53">
        <v>0</v>
      </c>
      <c r="O595" s="53">
        <v>0</v>
      </c>
      <c r="P595" s="53">
        <v>0</v>
      </c>
      <c r="Q595" s="53">
        <v>0</v>
      </c>
      <c r="R595" s="53">
        <v>0</v>
      </c>
      <c r="S595" s="53">
        <v>0</v>
      </c>
      <c r="T595" s="53">
        <v>0</v>
      </c>
      <c r="U595" s="53">
        <v>0</v>
      </c>
      <c r="V595" s="53">
        <v>0</v>
      </c>
      <c r="W595" s="53">
        <v>0</v>
      </c>
      <c r="X595" s="53">
        <v>0</v>
      </c>
      <c r="Y595" s="53">
        <v>0</v>
      </c>
      <c r="Z595" s="53">
        <v>0</v>
      </c>
      <c r="AA595" s="53">
        <v>0</v>
      </c>
      <c r="AB595" s="53">
        <v>0</v>
      </c>
      <c r="AC595" s="53">
        <v>0</v>
      </c>
      <c r="AD595" s="53">
        <v>0</v>
      </c>
      <c r="AE595" s="53">
        <v>0</v>
      </c>
      <c r="AF595" s="53">
        <v>0</v>
      </c>
      <c r="AG595" s="53">
        <v>0</v>
      </c>
      <c r="AH595" s="53">
        <v>0</v>
      </c>
      <c r="AI595" s="53">
        <v>0</v>
      </c>
      <c r="AJ595" s="53">
        <v>0</v>
      </c>
      <c r="AK595" s="53">
        <v>0</v>
      </c>
      <c r="AL595" s="53">
        <v>0</v>
      </c>
      <c r="AM595" s="53">
        <v>0</v>
      </c>
      <c r="AN595" s="53">
        <v>0</v>
      </c>
      <c r="AO595" s="53">
        <v>0</v>
      </c>
      <c r="AP595" s="53">
        <v>0</v>
      </c>
      <c r="AQ595" s="53">
        <v>0</v>
      </c>
      <c r="AR595" s="53">
        <v>0</v>
      </c>
      <c r="AS595" s="53">
        <v>0</v>
      </c>
      <c r="AT595" s="53">
        <v>0</v>
      </c>
      <c r="AU595" s="53">
        <v>0</v>
      </c>
      <c r="AV595" s="53">
        <v>0</v>
      </c>
      <c r="AW595" s="53">
        <v>0</v>
      </c>
      <c r="AX595" s="53">
        <v>0</v>
      </c>
      <c r="AY595" s="53">
        <v>0</v>
      </c>
      <c r="AZ595" s="53">
        <v>0</v>
      </c>
      <c r="BA595" s="53">
        <v>0</v>
      </c>
    </row>
    <row r="596" spans="1:53">
      <c r="A596" s="52" t="s">
        <v>3910</v>
      </c>
      <c r="B596" s="53">
        <v>0</v>
      </c>
      <c r="C596" s="53">
        <v>0</v>
      </c>
      <c r="D596" s="53">
        <v>0</v>
      </c>
      <c r="E596" s="53">
        <v>0</v>
      </c>
      <c r="F596" s="53">
        <v>0</v>
      </c>
      <c r="G596" s="53">
        <v>0</v>
      </c>
      <c r="H596" s="53">
        <v>0</v>
      </c>
      <c r="I596" s="53">
        <v>0</v>
      </c>
      <c r="J596" s="53">
        <v>0</v>
      </c>
      <c r="K596" s="53">
        <v>0</v>
      </c>
      <c r="L596" s="53">
        <v>0</v>
      </c>
      <c r="M596" s="53">
        <v>0</v>
      </c>
      <c r="N596" s="53">
        <v>0</v>
      </c>
      <c r="O596" s="53">
        <v>0</v>
      </c>
      <c r="P596" s="53">
        <v>0</v>
      </c>
      <c r="Q596" s="53">
        <v>0</v>
      </c>
      <c r="R596" s="53">
        <v>0</v>
      </c>
      <c r="S596" s="53">
        <v>0</v>
      </c>
      <c r="T596" s="53">
        <v>0</v>
      </c>
      <c r="U596" s="53">
        <v>0</v>
      </c>
      <c r="V596" s="53">
        <v>0</v>
      </c>
      <c r="W596" s="53">
        <v>0</v>
      </c>
      <c r="X596" s="53">
        <v>0</v>
      </c>
      <c r="Y596" s="53">
        <v>0</v>
      </c>
      <c r="Z596" s="53">
        <v>0</v>
      </c>
      <c r="AA596" s="53">
        <v>0</v>
      </c>
      <c r="AB596" s="53">
        <v>0</v>
      </c>
      <c r="AC596" s="53">
        <v>0</v>
      </c>
      <c r="AD596" s="53">
        <v>0</v>
      </c>
      <c r="AE596" s="53">
        <v>0</v>
      </c>
      <c r="AF596" s="53">
        <v>0</v>
      </c>
      <c r="AG596" s="53">
        <v>0</v>
      </c>
      <c r="AH596" s="53">
        <v>0</v>
      </c>
      <c r="AI596" s="53">
        <v>0</v>
      </c>
      <c r="AJ596" s="53">
        <v>0</v>
      </c>
      <c r="AK596" s="53">
        <v>0</v>
      </c>
      <c r="AL596" s="53">
        <v>0</v>
      </c>
      <c r="AM596" s="53">
        <v>0</v>
      </c>
      <c r="AN596" s="53">
        <v>0</v>
      </c>
      <c r="AO596" s="53">
        <v>0</v>
      </c>
      <c r="AP596" s="53">
        <v>0</v>
      </c>
      <c r="AQ596" s="53">
        <v>0</v>
      </c>
      <c r="AR596" s="53">
        <v>0</v>
      </c>
      <c r="AS596" s="53">
        <v>0</v>
      </c>
      <c r="AT596" s="53">
        <v>0</v>
      </c>
      <c r="AU596" s="53">
        <v>0</v>
      </c>
      <c r="AV596" s="53">
        <v>0</v>
      </c>
      <c r="AW596" s="53">
        <v>0</v>
      </c>
      <c r="AX596" s="53">
        <v>0</v>
      </c>
      <c r="AY596" s="53">
        <v>0</v>
      </c>
      <c r="AZ596" s="53">
        <v>0</v>
      </c>
      <c r="BA596" s="53">
        <v>0</v>
      </c>
    </row>
    <row r="597" spans="1:53">
      <c r="A597" s="52" t="s">
        <v>3911</v>
      </c>
      <c r="B597" s="53">
        <v>0</v>
      </c>
      <c r="C597" s="53">
        <v>0</v>
      </c>
      <c r="D597" s="53">
        <v>0</v>
      </c>
      <c r="E597" s="53">
        <v>0</v>
      </c>
      <c r="F597" s="53">
        <v>0</v>
      </c>
      <c r="G597" s="53">
        <v>0</v>
      </c>
      <c r="H597" s="53">
        <v>0</v>
      </c>
      <c r="I597" s="53">
        <v>0</v>
      </c>
      <c r="J597" s="53">
        <v>0</v>
      </c>
      <c r="K597" s="53">
        <v>0</v>
      </c>
      <c r="L597" s="53">
        <v>0</v>
      </c>
      <c r="M597" s="53">
        <v>0</v>
      </c>
      <c r="N597" s="53">
        <v>0</v>
      </c>
      <c r="O597" s="53">
        <v>0</v>
      </c>
      <c r="P597" s="53">
        <v>0</v>
      </c>
      <c r="Q597" s="53">
        <v>0</v>
      </c>
      <c r="R597" s="53">
        <v>0</v>
      </c>
      <c r="S597" s="53">
        <v>0</v>
      </c>
      <c r="T597" s="53">
        <v>0</v>
      </c>
      <c r="U597" s="53">
        <v>0</v>
      </c>
      <c r="V597" s="53">
        <v>0</v>
      </c>
      <c r="W597" s="53">
        <v>0</v>
      </c>
      <c r="X597" s="53">
        <v>0</v>
      </c>
      <c r="Y597" s="53">
        <v>0</v>
      </c>
      <c r="Z597" s="53">
        <v>0</v>
      </c>
      <c r="AA597" s="53">
        <v>0</v>
      </c>
      <c r="AB597" s="53">
        <v>0</v>
      </c>
      <c r="AC597" s="53">
        <v>0</v>
      </c>
      <c r="AD597" s="53">
        <v>0</v>
      </c>
      <c r="AE597" s="53">
        <v>0</v>
      </c>
      <c r="AF597" s="53">
        <v>0</v>
      </c>
      <c r="AG597" s="53">
        <v>0</v>
      </c>
      <c r="AH597" s="53">
        <v>0</v>
      </c>
      <c r="AI597" s="53">
        <v>0</v>
      </c>
      <c r="AJ597" s="53">
        <v>0</v>
      </c>
      <c r="AK597" s="53">
        <v>0</v>
      </c>
      <c r="AL597" s="53">
        <v>0</v>
      </c>
      <c r="AM597" s="53">
        <v>0</v>
      </c>
      <c r="AN597" s="53">
        <v>0</v>
      </c>
      <c r="AO597" s="53">
        <v>0</v>
      </c>
      <c r="AP597" s="53">
        <v>0</v>
      </c>
      <c r="AQ597" s="53">
        <v>0</v>
      </c>
      <c r="AR597" s="53">
        <v>0</v>
      </c>
      <c r="AS597" s="53">
        <v>0</v>
      </c>
      <c r="AT597" s="53">
        <v>0</v>
      </c>
      <c r="AU597" s="53">
        <v>0</v>
      </c>
      <c r="AV597" s="53">
        <v>0</v>
      </c>
      <c r="AW597" s="53">
        <v>0</v>
      </c>
      <c r="AX597" s="53">
        <v>0</v>
      </c>
      <c r="AY597" s="53">
        <v>0</v>
      </c>
      <c r="AZ597" s="53">
        <v>0</v>
      </c>
      <c r="BA597" s="53">
        <v>0</v>
      </c>
    </row>
    <row r="598" spans="1:53">
      <c r="A598" s="52" t="s">
        <v>3912</v>
      </c>
      <c r="B598" s="53">
        <v>0</v>
      </c>
      <c r="C598" s="53">
        <v>0</v>
      </c>
      <c r="D598" s="53">
        <v>0</v>
      </c>
      <c r="E598" s="53">
        <v>0</v>
      </c>
      <c r="F598" s="53">
        <v>0</v>
      </c>
      <c r="G598" s="53">
        <v>0</v>
      </c>
      <c r="H598" s="53">
        <v>0</v>
      </c>
      <c r="I598" s="53">
        <v>0</v>
      </c>
      <c r="J598" s="53">
        <v>0</v>
      </c>
      <c r="K598" s="53">
        <v>0</v>
      </c>
      <c r="L598" s="53">
        <v>0</v>
      </c>
      <c r="M598" s="53">
        <v>0</v>
      </c>
      <c r="N598" s="53">
        <v>0</v>
      </c>
      <c r="O598" s="53">
        <v>0</v>
      </c>
      <c r="P598" s="53">
        <v>0</v>
      </c>
      <c r="Q598" s="53">
        <v>0</v>
      </c>
      <c r="R598" s="53">
        <v>0</v>
      </c>
      <c r="S598" s="53">
        <v>0</v>
      </c>
      <c r="T598" s="53">
        <v>0</v>
      </c>
      <c r="U598" s="53">
        <v>0</v>
      </c>
      <c r="V598" s="53">
        <v>0</v>
      </c>
      <c r="W598" s="53">
        <v>0</v>
      </c>
      <c r="X598" s="53">
        <v>0</v>
      </c>
      <c r="Y598" s="53">
        <v>0</v>
      </c>
      <c r="Z598" s="53">
        <v>0</v>
      </c>
      <c r="AA598" s="53">
        <v>0</v>
      </c>
      <c r="AB598" s="53">
        <v>0</v>
      </c>
      <c r="AC598" s="53">
        <v>0</v>
      </c>
      <c r="AD598" s="53">
        <v>0</v>
      </c>
      <c r="AE598" s="53">
        <v>0</v>
      </c>
      <c r="AF598" s="53">
        <v>0</v>
      </c>
      <c r="AG598" s="53">
        <v>0</v>
      </c>
      <c r="AH598" s="53">
        <v>0</v>
      </c>
      <c r="AI598" s="53">
        <v>0</v>
      </c>
      <c r="AJ598" s="53">
        <v>0</v>
      </c>
      <c r="AK598" s="53">
        <v>0</v>
      </c>
      <c r="AL598" s="53">
        <v>0</v>
      </c>
      <c r="AM598" s="53">
        <v>0</v>
      </c>
      <c r="AN598" s="53">
        <v>0</v>
      </c>
      <c r="AO598" s="53">
        <v>0</v>
      </c>
      <c r="AP598" s="53">
        <v>0</v>
      </c>
      <c r="AQ598" s="53">
        <v>0</v>
      </c>
      <c r="AR598" s="53">
        <v>0</v>
      </c>
      <c r="AS598" s="53">
        <v>0</v>
      </c>
      <c r="AT598" s="53">
        <v>0</v>
      </c>
      <c r="AU598" s="53">
        <v>0</v>
      </c>
      <c r="AV598" s="53">
        <v>0</v>
      </c>
      <c r="AW598" s="53">
        <v>0</v>
      </c>
      <c r="AX598" s="53">
        <v>0</v>
      </c>
      <c r="AY598" s="53">
        <v>0</v>
      </c>
      <c r="AZ598" s="53">
        <v>0</v>
      </c>
      <c r="BA598" s="53">
        <v>0</v>
      </c>
    </row>
    <row r="599" spans="1:53">
      <c r="A599" s="52" t="s">
        <v>3913</v>
      </c>
      <c r="B599" s="53">
        <v>149715110.80999899</v>
      </c>
      <c r="C599" s="53">
        <v>135646593.00999999</v>
      </c>
      <c r="D599" s="53">
        <v>129461656.52</v>
      </c>
      <c r="E599" s="53">
        <v>109744105.70999999</v>
      </c>
      <c r="F599" s="53">
        <v>120873717.89999899</v>
      </c>
      <c r="G599" s="53">
        <v>134018939.31999899</v>
      </c>
      <c r="H599" s="53">
        <v>141233936.06999999</v>
      </c>
      <c r="I599" s="53">
        <v>138803668.41</v>
      </c>
      <c r="J599" s="53">
        <v>136227738.359999</v>
      </c>
      <c r="K599" s="53">
        <v>124229538.299999</v>
      </c>
      <c r="L599" s="53">
        <v>111974503.67999899</v>
      </c>
      <c r="M599" s="53">
        <v>131980703.169999</v>
      </c>
      <c r="N599" s="53">
        <v>1563910211.25999</v>
      </c>
      <c r="O599" s="53">
        <v>132800904.14</v>
      </c>
      <c r="P599" s="53">
        <v>115632457.06999999</v>
      </c>
      <c r="Q599" s="53">
        <v>112879733.25</v>
      </c>
      <c r="R599" s="53">
        <v>108533670.7</v>
      </c>
      <c r="S599" s="53">
        <v>126482130.76000001</v>
      </c>
      <c r="T599" s="53">
        <v>134688308.47999999</v>
      </c>
      <c r="U599" s="53">
        <v>141009442.24000001</v>
      </c>
      <c r="V599" s="53">
        <v>136553777.88</v>
      </c>
      <c r="W599" s="53">
        <v>132259320.25</v>
      </c>
      <c r="X599" s="53">
        <v>118078105.86</v>
      </c>
      <c r="Y599" s="53">
        <v>110045261.73</v>
      </c>
      <c r="Z599" s="53">
        <v>128888014.33</v>
      </c>
      <c r="AA599" s="53">
        <v>1497851126.6900001</v>
      </c>
      <c r="AB599" s="53">
        <v>129023857.31999999</v>
      </c>
      <c r="AC599" s="53">
        <v>113861600.02</v>
      </c>
      <c r="AD599" s="53">
        <v>113660503.25</v>
      </c>
      <c r="AE599" s="53">
        <v>106058573.58</v>
      </c>
      <c r="AF599" s="53">
        <v>121245140.81999999</v>
      </c>
      <c r="AG599" s="53">
        <v>130120375.86999901</v>
      </c>
      <c r="AH599" s="53">
        <v>136613474.66999999</v>
      </c>
      <c r="AI599" s="53">
        <v>134191042.23999999</v>
      </c>
      <c r="AJ599" s="53">
        <v>130452927.45999999</v>
      </c>
      <c r="AK599" s="53">
        <v>111528695.15000001</v>
      </c>
      <c r="AL599" s="53">
        <v>106526062.45</v>
      </c>
      <c r="AM599" s="53">
        <v>124763396.78</v>
      </c>
      <c r="AN599" s="53">
        <v>1458045649.6099999</v>
      </c>
      <c r="AO599" s="53">
        <v>125547812.559999</v>
      </c>
      <c r="AP599" s="53">
        <v>110379031.79000001</v>
      </c>
      <c r="AQ599" s="53">
        <v>106766184.81</v>
      </c>
      <c r="AR599" s="53">
        <v>103637437.3</v>
      </c>
      <c r="AS599" s="53">
        <v>114057394.98</v>
      </c>
      <c r="AT599" s="53">
        <v>123207702.22999901</v>
      </c>
      <c r="AU599" s="53">
        <v>131481407.81999999</v>
      </c>
      <c r="AV599" s="53">
        <v>130346195.05</v>
      </c>
      <c r="AW599" s="53">
        <v>125738526.39</v>
      </c>
      <c r="AX599" s="53">
        <v>111872900.279999</v>
      </c>
      <c r="AY599" s="53">
        <v>104251037</v>
      </c>
      <c r="AZ599" s="53">
        <v>119509525.91</v>
      </c>
      <c r="BA599" s="53">
        <v>1406795156.1199999</v>
      </c>
    </row>
    <row r="600" spans="1:53">
      <c r="A600" s="52" t="s">
        <v>3914</v>
      </c>
      <c r="B600" s="53">
        <v>0</v>
      </c>
      <c r="C600" s="53">
        <v>0</v>
      </c>
      <c r="D600" s="53">
        <v>0</v>
      </c>
      <c r="E600" s="53">
        <v>0</v>
      </c>
      <c r="F600" s="53">
        <v>0</v>
      </c>
      <c r="G600" s="53">
        <v>0</v>
      </c>
      <c r="H600" s="53">
        <v>0</v>
      </c>
      <c r="I600" s="53">
        <v>0</v>
      </c>
      <c r="J600" s="53">
        <v>0</v>
      </c>
      <c r="K600" s="53">
        <v>0</v>
      </c>
      <c r="L600" s="53">
        <v>0</v>
      </c>
      <c r="M600" s="53">
        <v>0</v>
      </c>
      <c r="N600" s="53">
        <v>0</v>
      </c>
      <c r="O600" s="53">
        <v>0</v>
      </c>
      <c r="P600" s="53">
        <v>0</v>
      </c>
      <c r="Q600" s="53">
        <v>0</v>
      </c>
      <c r="R600" s="53">
        <v>0</v>
      </c>
      <c r="S600" s="53">
        <v>0</v>
      </c>
      <c r="T600" s="53">
        <v>0</v>
      </c>
      <c r="U600" s="53">
        <v>0</v>
      </c>
      <c r="V600" s="53">
        <v>0</v>
      </c>
      <c r="W600" s="53">
        <v>0</v>
      </c>
      <c r="X600" s="53">
        <v>0</v>
      </c>
      <c r="Y600" s="53">
        <v>0</v>
      </c>
      <c r="Z600" s="53">
        <v>0</v>
      </c>
      <c r="AA600" s="53">
        <v>0</v>
      </c>
      <c r="AB600" s="53">
        <v>0</v>
      </c>
      <c r="AC600" s="53">
        <v>0</v>
      </c>
      <c r="AD600" s="53">
        <v>0</v>
      </c>
      <c r="AE600" s="53">
        <v>0</v>
      </c>
      <c r="AF600" s="53">
        <v>0</v>
      </c>
      <c r="AG600" s="53">
        <v>0</v>
      </c>
      <c r="AH600" s="53">
        <v>0</v>
      </c>
      <c r="AI600" s="53">
        <v>0</v>
      </c>
      <c r="AJ600" s="53">
        <v>0</v>
      </c>
      <c r="AK600" s="53">
        <v>0</v>
      </c>
      <c r="AL600" s="53">
        <v>0</v>
      </c>
      <c r="AM600" s="53">
        <v>0</v>
      </c>
      <c r="AN600" s="53">
        <v>0</v>
      </c>
      <c r="AO600" s="53">
        <v>0</v>
      </c>
      <c r="AP600" s="53">
        <v>0</v>
      </c>
      <c r="AQ600" s="53">
        <v>0</v>
      </c>
      <c r="AR600" s="53">
        <v>0</v>
      </c>
      <c r="AS600" s="53">
        <v>0</v>
      </c>
      <c r="AT600" s="53">
        <v>0</v>
      </c>
      <c r="AU600" s="53">
        <v>0</v>
      </c>
      <c r="AV600" s="53">
        <v>0</v>
      </c>
      <c r="AW600" s="53">
        <v>0</v>
      </c>
      <c r="AX600" s="53">
        <v>0</v>
      </c>
      <c r="AY600" s="53">
        <v>0</v>
      </c>
      <c r="AZ600" s="53">
        <v>0</v>
      </c>
      <c r="BA600" s="53">
        <v>0</v>
      </c>
    </row>
    <row r="601" spans="1:53">
      <c r="A601" s="52" t="s">
        <v>3915</v>
      </c>
      <c r="B601" s="53">
        <v>0</v>
      </c>
      <c r="C601" s="53">
        <v>0</v>
      </c>
      <c r="D601" s="53">
        <v>0</v>
      </c>
      <c r="E601" s="53">
        <v>0</v>
      </c>
      <c r="F601" s="53">
        <v>0</v>
      </c>
      <c r="G601" s="53">
        <v>0</v>
      </c>
      <c r="H601" s="53">
        <v>0</v>
      </c>
      <c r="I601" s="53">
        <v>0</v>
      </c>
      <c r="J601" s="53">
        <v>0</v>
      </c>
      <c r="K601" s="53">
        <v>0</v>
      </c>
      <c r="L601" s="53">
        <v>0</v>
      </c>
      <c r="M601" s="53">
        <v>0</v>
      </c>
      <c r="N601" s="53">
        <v>0</v>
      </c>
      <c r="O601" s="53">
        <v>0</v>
      </c>
      <c r="P601" s="53">
        <v>0</v>
      </c>
      <c r="Q601" s="53">
        <v>0</v>
      </c>
      <c r="R601" s="53">
        <v>0</v>
      </c>
      <c r="S601" s="53">
        <v>0</v>
      </c>
      <c r="T601" s="53">
        <v>0</v>
      </c>
      <c r="U601" s="53">
        <v>0</v>
      </c>
      <c r="V601" s="53">
        <v>0</v>
      </c>
      <c r="W601" s="53">
        <v>0</v>
      </c>
      <c r="X601" s="53">
        <v>0</v>
      </c>
      <c r="Y601" s="53">
        <v>0</v>
      </c>
      <c r="Z601" s="53">
        <v>0</v>
      </c>
      <c r="AA601" s="53">
        <v>0</v>
      </c>
      <c r="AB601" s="53">
        <v>0</v>
      </c>
      <c r="AC601" s="53">
        <v>0</v>
      </c>
      <c r="AD601" s="53">
        <v>0</v>
      </c>
      <c r="AE601" s="53">
        <v>0</v>
      </c>
      <c r="AF601" s="53">
        <v>0</v>
      </c>
      <c r="AG601" s="53">
        <v>0</v>
      </c>
      <c r="AH601" s="53">
        <v>0</v>
      </c>
      <c r="AI601" s="53">
        <v>0</v>
      </c>
      <c r="AJ601" s="53">
        <v>0</v>
      </c>
      <c r="AK601" s="53">
        <v>0</v>
      </c>
      <c r="AL601" s="53">
        <v>0</v>
      </c>
      <c r="AM601" s="53">
        <v>0</v>
      </c>
      <c r="AN601" s="53">
        <v>0</v>
      </c>
      <c r="AO601" s="53">
        <v>0</v>
      </c>
      <c r="AP601" s="53">
        <v>0</v>
      </c>
      <c r="AQ601" s="53">
        <v>0</v>
      </c>
      <c r="AR601" s="53">
        <v>0</v>
      </c>
      <c r="AS601" s="53">
        <v>0</v>
      </c>
      <c r="AT601" s="53">
        <v>0</v>
      </c>
      <c r="AU601" s="53">
        <v>0</v>
      </c>
      <c r="AV601" s="53">
        <v>0</v>
      </c>
      <c r="AW601" s="53">
        <v>0</v>
      </c>
      <c r="AX601" s="53">
        <v>0</v>
      </c>
      <c r="AY601" s="53">
        <v>0</v>
      </c>
      <c r="AZ601" s="53">
        <v>0</v>
      </c>
      <c r="BA601" s="53">
        <v>0</v>
      </c>
    </row>
    <row r="602" spans="1:53">
      <c r="A602" s="52" t="s">
        <v>3916</v>
      </c>
      <c r="B602" s="53">
        <v>0</v>
      </c>
      <c r="C602" s="53">
        <v>0</v>
      </c>
      <c r="D602" s="53">
        <v>0</v>
      </c>
      <c r="E602" s="53">
        <v>0</v>
      </c>
      <c r="F602" s="53">
        <v>0</v>
      </c>
      <c r="G602" s="53">
        <v>0</v>
      </c>
      <c r="H602" s="53">
        <v>0</v>
      </c>
      <c r="I602" s="53">
        <v>0</v>
      </c>
      <c r="J602" s="53">
        <v>0</v>
      </c>
      <c r="K602" s="53">
        <v>0</v>
      </c>
      <c r="L602" s="53">
        <v>0</v>
      </c>
      <c r="M602" s="53">
        <v>0</v>
      </c>
      <c r="N602" s="53">
        <v>0</v>
      </c>
      <c r="O602" s="53">
        <v>0</v>
      </c>
      <c r="P602" s="53">
        <v>0</v>
      </c>
      <c r="Q602" s="53">
        <v>0</v>
      </c>
      <c r="R602" s="53">
        <v>0</v>
      </c>
      <c r="S602" s="53">
        <v>0</v>
      </c>
      <c r="T602" s="53">
        <v>0</v>
      </c>
      <c r="U602" s="53">
        <v>0</v>
      </c>
      <c r="V602" s="53">
        <v>0</v>
      </c>
      <c r="W602" s="53">
        <v>0</v>
      </c>
      <c r="X602" s="53">
        <v>0</v>
      </c>
      <c r="Y602" s="53">
        <v>0</v>
      </c>
      <c r="Z602" s="53">
        <v>0</v>
      </c>
      <c r="AA602" s="53">
        <v>0</v>
      </c>
      <c r="AB602" s="53">
        <v>0</v>
      </c>
      <c r="AC602" s="53">
        <v>0</v>
      </c>
      <c r="AD602" s="53">
        <v>0</v>
      </c>
      <c r="AE602" s="53">
        <v>0</v>
      </c>
      <c r="AF602" s="53">
        <v>0</v>
      </c>
      <c r="AG602" s="53">
        <v>0</v>
      </c>
      <c r="AH602" s="53">
        <v>0</v>
      </c>
      <c r="AI602" s="53">
        <v>0</v>
      </c>
      <c r="AJ602" s="53">
        <v>0</v>
      </c>
      <c r="AK602" s="53">
        <v>0</v>
      </c>
      <c r="AL602" s="53">
        <v>0</v>
      </c>
      <c r="AM602" s="53">
        <v>0</v>
      </c>
      <c r="AN602" s="53">
        <v>0</v>
      </c>
      <c r="AO602" s="53">
        <v>0</v>
      </c>
      <c r="AP602" s="53">
        <v>0</v>
      </c>
      <c r="AQ602" s="53">
        <v>0</v>
      </c>
      <c r="AR602" s="53">
        <v>0</v>
      </c>
      <c r="AS602" s="53">
        <v>0</v>
      </c>
      <c r="AT602" s="53">
        <v>0</v>
      </c>
      <c r="AU602" s="53">
        <v>0</v>
      </c>
      <c r="AV602" s="53">
        <v>0</v>
      </c>
      <c r="AW602" s="53">
        <v>0</v>
      </c>
      <c r="AX602" s="53">
        <v>0</v>
      </c>
      <c r="AY602" s="53">
        <v>0</v>
      </c>
      <c r="AZ602" s="53">
        <v>0</v>
      </c>
      <c r="BA602" s="53">
        <v>0</v>
      </c>
    </row>
    <row r="603" spans="1:53">
      <c r="A603" s="52" t="s">
        <v>3917</v>
      </c>
      <c r="B603" s="53">
        <v>13331993.609999999</v>
      </c>
      <c r="C603" s="53">
        <v>11169583.09</v>
      </c>
      <c r="D603" s="53">
        <v>9647897.1699999906</v>
      </c>
      <c r="E603" s="53">
        <v>15223774.17</v>
      </c>
      <c r="F603" s="53">
        <v>21423639.510000002</v>
      </c>
      <c r="G603" s="53">
        <v>15507015.6</v>
      </c>
      <c r="H603" s="53">
        <v>15566363</v>
      </c>
      <c r="I603" s="53">
        <v>14387888.619999999</v>
      </c>
      <c r="J603" s="53">
        <v>12570552.07</v>
      </c>
      <c r="K603" s="53">
        <v>12904236.49</v>
      </c>
      <c r="L603" s="53">
        <v>12157928.720000001</v>
      </c>
      <c r="M603" s="53">
        <v>11791649.77</v>
      </c>
      <c r="N603" s="53">
        <v>165682521.81999999</v>
      </c>
      <c r="O603" s="53">
        <v>11671837.779999999</v>
      </c>
      <c r="P603" s="53">
        <v>9896675.5899999999</v>
      </c>
      <c r="Q603" s="53">
        <v>9900743.3699999992</v>
      </c>
      <c r="R603" s="53">
        <v>12248086.929999899</v>
      </c>
      <c r="S603" s="53">
        <v>15946086.1399999</v>
      </c>
      <c r="T603" s="53">
        <v>18112206.719999999</v>
      </c>
      <c r="U603" s="53">
        <v>17119436.780000001</v>
      </c>
      <c r="V603" s="53">
        <v>14779509.529999999</v>
      </c>
      <c r="W603" s="53">
        <v>12811703.43</v>
      </c>
      <c r="X603" s="53">
        <v>11996246.24</v>
      </c>
      <c r="Y603" s="53">
        <v>11693866.849999901</v>
      </c>
      <c r="Z603" s="53">
        <v>11236578.33</v>
      </c>
      <c r="AA603" s="53">
        <v>157412977.69</v>
      </c>
      <c r="AB603" s="53">
        <v>9967950.8300000001</v>
      </c>
      <c r="AC603" s="53">
        <v>8192624.8200000003</v>
      </c>
      <c r="AD603" s="53">
        <v>8413757.5800000001</v>
      </c>
      <c r="AE603" s="53">
        <v>10293051.77</v>
      </c>
      <c r="AF603" s="53">
        <v>11288387.42</v>
      </c>
      <c r="AG603" s="53">
        <v>11739460.6</v>
      </c>
      <c r="AH603" s="53">
        <v>12774238.01</v>
      </c>
      <c r="AI603" s="53">
        <v>13306879.26</v>
      </c>
      <c r="AJ603" s="53">
        <v>11221778.51</v>
      </c>
      <c r="AK603" s="53">
        <v>11674209.6499999</v>
      </c>
      <c r="AL603" s="53">
        <v>10401182.82</v>
      </c>
      <c r="AM603" s="53">
        <v>9499435.6300000008</v>
      </c>
      <c r="AN603" s="53">
        <v>128772956.89999899</v>
      </c>
      <c r="AO603" s="53">
        <v>9650774.3499999996</v>
      </c>
      <c r="AP603" s="53">
        <v>8665553.9900000002</v>
      </c>
      <c r="AQ603" s="53">
        <v>9397204.4499999993</v>
      </c>
      <c r="AR603" s="53">
        <v>9421220.1399999894</v>
      </c>
      <c r="AS603" s="53">
        <v>11276127.85</v>
      </c>
      <c r="AT603" s="53">
        <v>9685552.4399999995</v>
      </c>
      <c r="AU603" s="53">
        <v>10306193.109999999</v>
      </c>
      <c r="AV603" s="53">
        <v>10366006.869999999</v>
      </c>
      <c r="AW603" s="53">
        <v>9657576.4900000002</v>
      </c>
      <c r="AX603" s="53">
        <v>8856975.1299999896</v>
      </c>
      <c r="AY603" s="53">
        <v>8027357.2199999997</v>
      </c>
      <c r="AZ603" s="53">
        <v>8918184.0199999996</v>
      </c>
      <c r="BA603" s="53">
        <v>114228726.06</v>
      </c>
    </row>
    <row r="604" spans="1:53">
      <c r="A604" s="52" t="s">
        <v>3918</v>
      </c>
      <c r="B604" s="53">
        <v>90289558.269440696</v>
      </c>
      <c r="C604" s="53">
        <v>14393991.8282148</v>
      </c>
      <c r="D604" s="53">
        <v>32277680.465934101</v>
      </c>
      <c r="E604" s="53">
        <v>57855487.066276602</v>
      </c>
      <c r="F604" s="53">
        <v>70122685.817937598</v>
      </c>
      <c r="G604" s="53">
        <v>78099896.180529594</v>
      </c>
      <c r="H604" s="53">
        <v>80295523.248538494</v>
      </c>
      <c r="I604" s="53">
        <v>143928010.937215</v>
      </c>
      <c r="J604" s="53">
        <v>72957732.697654098</v>
      </c>
      <c r="K604" s="53">
        <v>55152244.4326775</v>
      </c>
      <c r="L604" s="53">
        <v>28358364.803755801</v>
      </c>
      <c r="M604" s="53">
        <v>27695885.669426002</v>
      </c>
      <c r="N604" s="53">
        <v>751427061.41760099</v>
      </c>
      <c r="O604" s="53">
        <v>25548292.995215401</v>
      </c>
      <c r="P604" s="53">
        <v>-23370822.9149299</v>
      </c>
      <c r="Q604" s="53">
        <v>-15664024.417295501</v>
      </c>
      <c r="R604" s="53">
        <v>1913971.6123454601</v>
      </c>
      <c r="S604" s="53">
        <v>6495988.2021815302</v>
      </c>
      <c r="T604" s="53">
        <v>6728159.2850690996</v>
      </c>
      <c r="U604" s="53">
        <v>5592561.0398941496</v>
      </c>
      <c r="V604" s="53">
        <v>50700854.396574698</v>
      </c>
      <c r="W604" s="53">
        <v>3626898.6277984502</v>
      </c>
      <c r="X604" s="53">
        <v>-2423334.8798038098</v>
      </c>
      <c r="Y604" s="53">
        <v>-18272429.274276</v>
      </c>
      <c r="Z604" s="53">
        <v>-25072936.980500001</v>
      </c>
      <c r="AA604" s="53">
        <v>15803177.692273401</v>
      </c>
      <c r="AB604" s="53">
        <v>24264439.901909798</v>
      </c>
      <c r="AC604" s="53">
        <v>-23756038.105934002</v>
      </c>
      <c r="AD604" s="53">
        <v>-14735324.7780998</v>
      </c>
      <c r="AE604" s="53">
        <v>2527757.9900520602</v>
      </c>
      <c r="AF604" s="53">
        <v>6070614.3252721597</v>
      </c>
      <c r="AG604" s="53">
        <v>6603222.2485697502</v>
      </c>
      <c r="AH604" s="53">
        <v>4621901.3656145697</v>
      </c>
      <c r="AI604" s="53">
        <v>46807472.820536703</v>
      </c>
      <c r="AJ604" s="53">
        <v>620648.86747363198</v>
      </c>
      <c r="AK604" s="53">
        <v>-6392796.8043417903</v>
      </c>
      <c r="AL604" s="53">
        <v>-21869844.785984099</v>
      </c>
      <c r="AM604" s="53">
        <v>-24762052.8961084</v>
      </c>
      <c r="AN604" s="53">
        <v>0.14896059292368499</v>
      </c>
      <c r="AO604" s="53">
        <v>20722545.774830502</v>
      </c>
      <c r="AP604" s="53">
        <v>-25186939.178339399</v>
      </c>
      <c r="AQ604" s="53">
        <v>-18143478.024675801</v>
      </c>
      <c r="AR604" s="53">
        <v>-1028489.74081719</v>
      </c>
      <c r="AS604" s="53">
        <v>5889780.9949227003</v>
      </c>
      <c r="AT604" s="53">
        <v>6684532.5634769602</v>
      </c>
      <c r="AU604" s="53">
        <v>5134416.1051341696</v>
      </c>
      <c r="AV604" s="53">
        <v>46018699.96001</v>
      </c>
      <c r="AW604" s="53">
        <v>1636338.16810545</v>
      </c>
      <c r="AX604" s="53">
        <v>-4723869.8715727301</v>
      </c>
      <c r="AY604" s="53">
        <v>-14364305.4402036</v>
      </c>
      <c r="AZ604" s="53">
        <v>-22639231.6555891</v>
      </c>
      <c r="BA604" s="53">
        <v>-0.34471814069547602</v>
      </c>
    </row>
    <row r="605" spans="1:53">
      <c r="A605" s="52" t="s">
        <v>3919</v>
      </c>
      <c r="B605" s="53">
        <v>3980934.0246007498</v>
      </c>
      <c r="C605" s="53">
        <v>3980934.0246007498</v>
      </c>
      <c r="D605" s="53">
        <v>5971401.0369011201</v>
      </c>
      <c r="E605" s="53">
        <v>5971401.0369011201</v>
      </c>
      <c r="F605" s="53">
        <v>5971401.0369011201</v>
      </c>
      <c r="G605" s="53">
        <v>6634890.04100125</v>
      </c>
      <c r="H605" s="53">
        <v>6634890.04100125</v>
      </c>
      <c r="I605" s="53">
        <v>6634890.04100125</v>
      </c>
      <c r="J605" s="53">
        <v>6634890.04100125</v>
      </c>
      <c r="K605" s="53">
        <v>6634890.04100125</v>
      </c>
      <c r="L605" s="53">
        <v>6634890.04100125</v>
      </c>
      <c r="M605" s="53">
        <v>6634890.04100125</v>
      </c>
      <c r="N605" s="53">
        <v>72320301.4469136</v>
      </c>
      <c r="O605" s="53">
        <v>6333479.3976371996</v>
      </c>
      <c r="P605" s="53">
        <v>6333479.3976371996</v>
      </c>
      <c r="Q605" s="53">
        <v>6333479.3976371996</v>
      </c>
      <c r="R605" s="53">
        <v>6333479.3976371996</v>
      </c>
      <c r="S605" s="53">
        <v>6333479.3976371996</v>
      </c>
      <c r="T605" s="53">
        <v>6333479.3976371996</v>
      </c>
      <c r="U605" s="53">
        <v>6333479.3976371996</v>
      </c>
      <c r="V605" s="53">
        <v>6333479.3976371996</v>
      </c>
      <c r="W605" s="53">
        <v>6333479.3976371996</v>
      </c>
      <c r="X605" s="53">
        <v>6333479.3976371996</v>
      </c>
      <c r="Y605" s="53">
        <v>6333479.3976371996</v>
      </c>
      <c r="Z605" s="53">
        <v>6333479.3976371996</v>
      </c>
      <c r="AA605" s="53">
        <v>76001752.771646395</v>
      </c>
      <c r="AB605" s="53">
        <v>6339823.3711146004</v>
      </c>
      <c r="AC605" s="53">
        <v>6339823.3711146004</v>
      </c>
      <c r="AD605" s="53">
        <v>6339823.3711146004</v>
      </c>
      <c r="AE605" s="53">
        <v>6339823.3711146004</v>
      </c>
      <c r="AF605" s="53">
        <v>6339823.3711146004</v>
      </c>
      <c r="AG605" s="53">
        <v>6339823.3711146004</v>
      </c>
      <c r="AH605" s="53">
        <v>6339823.3711146004</v>
      </c>
      <c r="AI605" s="53">
        <v>6339823.3711146004</v>
      </c>
      <c r="AJ605" s="53">
        <v>6339823.3711146004</v>
      </c>
      <c r="AK605" s="53">
        <v>6339823.3711146004</v>
      </c>
      <c r="AL605" s="53">
        <v>6339823.3711146004</v>
      </c>
      <c r="AM605" s="53">
        <v>6339823.3711146004</v>
      </c>
      <c r="AN605" s="53">
        <v>76077880.453375205</v>
      </c>
      <c r="AO605" s="53">
        <v>6339823.3711146004</v>
      </c>
      <c r="AP605" s="53">
        <v>6339823.3711146004</v>
      </c>
      <c r="AQ605" s="53">
        <v>6339823.3711146004</v>
      </c>
      <c r="AR605" s="53">
        <v>6339823.3711146004</v>
      </c>
      <c r="AS605" s="53">
        <v>6339823.3711146004</v>
      </c>
      <c r="AT605" s="53">
        <v>6339823.3711146004</v>
      </c>
      <c r="AU605" s="53">
        <v>6339823.3711146004</v>
      </c>
      <c r="AV605" s="53">
        <v>6339823.3711146004</v>
      </c>
      <c r="AW605" s="53">
        <v>6339823.3711146004</v>
      </c>
      <c r="AX605" s="53">
        <v>6339823.3711146004</v>
      </c>
      <c r="AY605" s="53">
        <v>6339823.3711146004</v>
      </c>
      <c r="AZ605" s="53">
        <v>6339823.3711146004</v>
      </c>
      <c r="BA605" s="53">
        <v>76077880.453375205</v>
      </c>
    </row>
    <row r="606" spans="1:53">
      <c r="A606" s="52" t="s">
        <v>3920</v>
      </c>
      <c r="B606" s="53">
        <v>0</v>
      </c>
      <c r="C606" s="53">
        <v>0</v>
      </c>
      <c r="D606" s="53">
        <v>0</v>
      </c>
      <c r="E606" s="53">
        <v>0</v>
      </c>
      <c r="F606" s="53">
        <v>0</v>
      </c>
      <c r="G606" s="53">
        <v>0</v>
      </c>
      <c r="H606" s="53">
        <v>0</v>
      </c>
      <c r="I606" s="53">
        <v>0</v>
      </c>
      <c r="J606" s="53">
        <v>0</v>
      </c>
      <c r="K606" s="53">
        <v>0</v>
      </c>
      <c r="L606" s="53">
        <v>0</v>
      </c>
      <c r="M606" s="53">
        <v>0</v>
      </c>
      <c r="N606" s="53">
        <v>0</v>
      </c>
      <c r="O606" s="53">
        <v>0</v>
      </c>
      <c r="P606" s="53">
        <v>0</v>
      </c>
      <c r="Q606" s="53">
        <v>0</v>
      </c>
      <c r="R606" s="53">
        <v>0</v>
      </c>
      <c r="S606" s="53">
        <v>0</v>
      </c>
      <c r="T606" s="53">
        <v>0</v>
      </c>
      <c r="U606" s="53">
        <v>0</v>
      </c>
      <c r="V606" s="53">
        <v>0</v>
      </c>
      <c r="W606" s="53">
        <v>0</v>
      </c>
      <c r="X606" s="53">
        <v>0</v>
      </c>
      <c r="Y606" s="53">
        <v>0</v>
      </c>
      <c r="Z606" s="53">
        <v>0</v>
      </c>
      <c r="AA606" s="53">
        <v>0</v>
      </c>
      <c r="AB606" s="53">
        <v>0</v>
      </c>
      <c r="AC606" s="53">
        <v>0</v>
      </c>
      <c r="AD606" s="53">
        <v>0</v>
      </c>
      <c r="AE606" s="53">
        <v>0</v>
      </c>
      <c r="AF606" s="53">
        <v>0</v>
      </c>
      <c r="AG606" s="53">
        <v>0</v>
      </c>
      <c r="AH606" s="53">
        <v>0</v>
      </c>
      <c r="AI606" s="53">
        <v>0</v>
      </c>
      <c r="AJ606" s="53">
        <v>0</v>
      </c>
      <c r="AK606" s="53">
        <v>0</v>
      </c>
      <c r="AL606" s="53">
        <v>0</v>
      </c>
      <c r="AM606" s="53">
        <v>0</v>
      </c>
      <c r="AN606" s="53">
        <v>0</v>
      </c>
      <c r="AO606" s="53">
        <v>0</v>
      </c>
      <c r="AP606" s="53">
        <v>0</v>
      </c>
      <c r="AQ606" s="53">
        <v>0</v>
      </c>
      <c r="AR606" s="53">
        <v>0</v>
      </c>
      <c r="AS606" s="53">
        <v>0</v>
      </c>
      <c r="AT606" s="53">
        <v>0</v>
      </c>
      <c r="AU606" s="53">
        <v>0</v>
      </c>
      <c r="AV606" s="53">
        <v>0</v>
      </c>
      <c r="AW606" s="53">
        <v>0</v>
      </c>
      <c r="AX606" s="53">
        <v>0</v>
      </c>
      <c r="AY606" s="53">
        <v>0</v>
      </c>
      <c r="AZ606" s="53">
        <v>0</v>
      </c>
      <c r="BA606" s="53">
        <v>0</v>
      </c>
    </row>
    <row r="607" spans="1:53">
      <c r="A607" s="52" t="s">
        <v>3921</v>
      </c>
      <c r="B607" s="53">
        <v>0</v>
      </c>
      <c r="C607" s="53">
        <v>0</v>
      </c>
      <c r="D607" s="53">
        <v>0</v>
      </c>
      <c r="E607" s="53">
        <v>0</v>
      </c>
      <c r="F607" s="53">
        <v>0</v>
      </c>
      <c r="G607" s="53">
        <v>0</v>
      </c>
      <c r="H607" s="53">
        <v>0</v>
      </c>
      <c r="I607" s="53">
        <v>0</v>
      </c>
      <c r="J607" s="53">
        <v>0</v>
      </c>
      <c r="K607" s="53">
        <v>0</v>
      </c>
      <c r="L607" s="53">
        <v>0</v>
      </c>
      <c r="M607" s="53">
        <v>0</v>
      </c>
      <c r="N607" s="53">
        <v>0</v>
      </c>
      <c r="O607" s="53">
        <v>0</v>
      </c>
      <c r="P607" s="53">
        <v>0</v>
      </c>
      <c r="Q607" s="53">
        <v>0</v>
      </c>
      <c r="R607" s="53">
        <v>0</v>
      </c>
      <c r="S607" s="53">
        <v>0</v>
      </c>
      <c r="T607" s="53">
        <v>0</v>
      </c>
      <c r="U607" s="53">
        <v>0</v>
      </c>
      <c r="V607" s="53">
        <v>0</v>
      </c>
      <c r="W607" s="53">
        <v>0</v>
      </c>
      <c r="X607" s="53">
        <v>0</v>
      </c>
      <c r="Y607" s="53">
        <v>0</v>
      </c>
      <c r="Z607" s="53">
        <v>0</v>
      </c>
      <c r="AA607" s="53">
        <v>0</v>
      </c>
      <c r="AB607" s="53">
        <v>0</v>
      </c>
      <c r="AC607" s="53">
        <v>0</v>
      </c>
      <c r="AD607" s="53">
        <v>0</v>
      </c>
      <c r="AE607" s="53">
        <v>0</v>
      </c>
      <c r="AF607" s="53">
        <v>0</v>
      </c>
      <c r="AG607" s="53">
        <v>0</v>
      </c>
      <c r="AH607" s="53">
        <v>0</v>
      </c>
      <c r="AI607" s="53">
        <v>0</v>
      </c>
      <c r="AJ607" s="53">
        <v>0</v>
      </c>
      <c r="AK607" s="53">
        <v>0</v>
      </c>
      <c r="AL607" s="53">
        <v>0</v>
      </c>
      <c r="AM607" s="53">
        <v>0</v>
      </c>
      <c r="AN607" s="53">
        <v>0</v>
      </c>
      <c r="AO607" s="53">
        <v>0</v>
      </c>
      <c r="AP607" s="53">
        <v>0</v>
      </c>
      <c r="AQ607" s="53">
        <v>0</v>
      </c>
      <c r="AR607" s="53">
        <v>0</v>
      </c>
      <c r="AS607" s="53">
        <v>0</v>
      </c>
      <c r="AT607" s="53">
        <v>0</v>
      </c>
      <c r="AU607" s="53">
        <v>0</v>
      </c>
      <c r="AV607" s="53">
        <v>0</v>
      </c>
      <c r="AW607" s="53">
        <v>0</v>
      </c>
      <c r="AX607" s="53">
        <v>0</v>
      </c>
      <c r="AY607" s="53">
        <v>0</v>
      </c>
      <c r="AZ607" s="53">
        <v>0</v>
      </c>
      <c r="BA607" s="53">
        <v>0</v>
      </c>
    </row>
    <row r="608" spans="1:53">
      <c r="A608" s="52" t="s">
        <v>3922</v>
      </c>
      <c r="B608" s="53">
        <v>0</v>
      </c>
      <c r="C608" s="53">
        <v>0</v>
      </c>
      <c r="D608" s="53">
        <v>0</v>
      </c>
      <c r="E608" s="53">
        <v>0</v>
      </c>
      <c r="F608" s="53">
        <v>0</v>
      </c>
      <c r="G608" s="53">
        <v>0</v>
      </c>
      <c r="H608" s="53">
        <v>0</v>
      </c>
      <c r="I608" s="53">
        <v>0</v>
      </c>
      <c r="J608" s="53">
        <v>0</v>
      </c>
      <c r="K608" s="53">
        <v>0</v>
      </c>
      <c r="L608" s="53">
        <v>0</v>
      </c>
      <c r="M608" s="53">
        <v>0</v>
      </c>
      <c r="N608" s="53">
        <v>0</v>
      </c>
      <c r="O608" s="53">
        <v>0</v>
      </c>
      <c r="P608" s="53">
        <v>0</v>
      </c>
      <c r="Q608" s="53">
        <v>0</v>
      </c>
      <c r="R608" s="53">
        <v>0</v>
      </c>
      <c r="S608" s="53">
        <v>0</v>
      </c>
      <c r="T608" s="53">
        <v>0</v>
      </c>
      <c r="U608" s="53">
        <v>0</v>
      </c>
      <c r="V608" s="53">
        <v>0</v>
      </c>
      <c r="W608" s="53">
        <v>0</v>
      </c>
      <c r="X608" s="53">
        <v>0</v>
      </c>
      <c r="Y608" s="53">
        <v>0</v>
      </c>
      <c r="Z608" s="53">
        <v>0</v>
      </c>
      <c r="AA608" s="53">
        <v>0</v>
      </c>
      <c r="AB608" s="53">
        <v>0</v>
      </c>
      <c r="AC608" s="53">
        <v>0</v>
      </c>
      <c r="AD608" s="53">
        <v>0</v>
      </c>
      <c r="AE608" s="53">
        <v>0</v>
      </c>
      <c r="AF608" s="53">
        <v>0</v>
      </c>
      <c r="AG608" s="53">
        <v>0</v>
      </c>
      <c r="AH608" s="53">
        <v>0</v>
      </c>
      <c r="AI608" s="53">
        <v>0</v>
      </c>
      <c r="AJ608" s="53">
        <v>0</v>
      </c>
      <c r="AK608" s="53">
        <v>0</v>
      </c>
      <c r="AL608" s="53">
        <v>0</v>
      </c>
      <c r="AM608" s="53">
        <v>0</v>
      </c>
      <c r="AN608" s="53">
        <v>0</v>
      </c>
      <c r="AO608" s="53">
        <v>0</v>
      </c>
      <c r="AP608" s="53">
        <v>0</v>
      </c>
      <c r="AQ608" s="53">
        <v>0</v>
      </c>
      <c r="AR608" s="53">
        <v>0</v>
      </c>
      <c r="AS608" s="53">
        <v>0</v>
      </c>
      <c r="AT608" s="53">
        <v>0</v>
      </c>
      <c r="AU608" s="53">
        <v>0</v>
      </c>
      <c r="AV608" s="53">
        <v>0</v>
      </c>
      <c r="AW608" s="53">
        <v>0</v>
      </c>
      <c r="AX608" s="53">
        <v>0</v>
      </c>
      <c r="AY608" s="53">
        <v>0</v>
      </c>
      <c r="AZ608" s="53">
        <v>0</v>
      </c>
      <c r="BA608" s="53">
        <v>0</v>
      </c>
    </row>
    <row r="609" spans="1:53">
      <c r="A609" s="52" t="s">
        <v>3923</v>
      </c>
      <c r="B609" s="53">
        <v>5728202.5699999901</v>
      </c>
      <c r="C609" s="53">
        <v>3210094.7699999898</v>
      </c>
      <c r="D609" s="53">
        <v>1538372.26999999</v>
      </c>
      <c r="E609" s="53">
        <v>8314765.3200000003</v>
      </c>
      <c r="F609" s="53">
        <v>19365393</v>
      </c>
      <c r="G609" s="53">
        <v>20069279.859999999</v>
      </c>
      <c r="H609" s="53">
        <v>23835975.329999998</v>
      </c>
      <c r="I609" s="53">
        <v>27905530.800000001</v>
      </c>
      <c r="J609" s="53">
        <v>19972074.969999999</v>
      </c>
      <c r="K609" s="53">
        <v>16272585.4599999</v>
      </c>
      <c r="L609" s="53">
        <v>11444636.060000001</v>
      </c>
      <c r="M609" s="53">
        <v>4789635.57</v>
      </c>
      <c r="N609" s="53">
        <v>162446545.97999999</v>
      </c>
      <c r="O609" s="53">
        <v>5576383.21</v>
      </c>
      <c r="P609" s="53">
        <v>4011587.47</v>
      </c>
      <c r="Q609" s="53">
        <v>9666392.5399999991</v>
      </c>
      <c r="R609" s="53">
        <v>6179840.1799999997</v>
      </c>
      <c r="S609" s="53">
        <v>8819494.9399999995</v>
      </c>
      <c r="T609" s="53">
        <v>9532164.6199999992</v>
      </c>
      <c r="U609" s="53">
        <v>14918590.849999901</v>
      </c>
      <c r="V609" s="53">
        <v>21156870.030000001</v>
      </c>
      <c r="W609" s="53">
        <v>17099196.669999901</v>
      </c>
      <c r="X609" s="53">
        <v>13315042.699999999</v>
      </c>
      <c r="Y609" s="53">
        <v>7239552.1799999997</v>
      </c>
      <c r="Z609" s="53">
        <v>3496446.96</v>
      </c>
      <c r="AA609" s="53">
        <v>121011562.34999999</v>
      </c>
      <c r="AB609" s="53">
        <v>6311320.7800000003</v>
      </c>
      <c r="AC609" s="53">
        <v>4349404.99</v>
      </c>
      <c r="AD609" s="53">
        <v>4862191.16</v>
      </c>
      <c r="AE609" s="53">
        <v>5039601.68</v>
      </c>
      <c r="AF609" s="53">
        <v>13518226.08</v>
      </c>
      <c r="AG609" s="53">
        <v>15583061.09</v>
      </c>
      <c r="AH609" s="53">
        <v>19285200.839999899</v>
      </c>
      <c r="AI609" s="53">
        <v>22149230.469999999</v>
      </c>
      <c r="AJ609" s="53">
        <v>18530791.199999999</v>
      </c>
      <c r="AK609" s="53">
        <v>20243452.300000001</v>
      </c>
      <c r="AL609" s="53">
        <v>11746712.27</v>
      </c>
      <c r="AM609" s="53">
        <v>5258108.5599999996</v>
      </c>
      <c r="AN609" s="53">
        <v>146877301.41999999</v>
      </c>
      <c r="AO609" s="53">
        <v>6272379.7000000002</v>
      </c>
      <c r="AP609" s="53">
        <v>4007192.75</v>
      </c>
      <c r="AQ609" s="53">
        <v>8688162.2300000004</v>
      </c>
      <c r="AR609" s="53">
        <v>5955970.6399999997</v>
      </c>
      <c r="AS609" s="53">
        <v>14343028.7099999</v>
      </c>
      <c r="AT609" s="53">
        <v>17968877.059999999</v>
      </c>
      <c r="AU609" s="53">
        <v>19637064.370000001</v>
      </c>
      <c r="AV609" s="53">
        <v>21289464.829999998</v>
      </c>
      <c r="AW609" s="53">
        <v>17732063.300000001</v>
      </c>
      <c r="AX609" s="53">
        <v>15785682.439999999</v>
      </c>
      <c r="AY609" s="53">
        <v>4819984.8199999901</v>
      </c>
      <c r="AZ609" s="53">
        <v>4782938.5</v>
      </c>
      <c r="BA609" s="53">
        <v>141282809.34999999</v>
      </c>
    </row>
    <row r="610" spans="1:53">
      <c r="A610" s="52" t="s">
        <v>3924</v>
      </c>
      <c r="B610" s="53">
        <v>0</v>
      </c>
      <c r="C610" s="53">
        <v>0</v>
      </c>
      <c r="D610" s="53">
        <v>0</v>
      </c>
      <c r="E610" s="53">
        <v>0</v>
      </c>
      <c r="F610" s="53">
        <v>0</v>
      </c>
      <c r="G610" s="53">
        <v>0</v>
      </c>
      <c r="H610" s="53">
        <v>0</v>
      </c>
      <c r="I610" s="53">
        <v>0</v>
      </c>
      <c r="J610" s="53">
        <v>0</v>
      </c>
      <c r="K610" s="53">
        <v>0</v>
      </c>
      <c r="L610" s="53">
        <v>0</v>
      </c>
      <c r="M610" s="53">
        <v>0</v>
      </c>
      <c r="N610" s="53">
        <v>0</v>
      </c>
      <c r="O610" s="53">
        <v>0</v>
      </c>
      <c r="P610" s="53">
        <v>0</v>
      </c>
      <c r="Q610" s="53">
        <v>0</v>
      </c>
      <c r="R610" s="53">
        <v>0</v>
      </c>
      <c r="S610" s="53">
        <v>0</v>
      </c>
      <c r="T610" s="53">
        <v>0</v>
      </c>
      <c r="U610" s="53">
        <v>0</v>
      </c>
      <c r="V610" s="53">
        <v>0</v>
      </c>
      <c r="W610" s="53">
        <v>0</v>
      </c>
      <c r="X610" s="53">
        <v>0</v>
      </c>
      <c r="Y610" s="53">
        <v>0</v>
      </c>
      <c r="Z610" s="53">
        <v>0</v>
      </c>
      <c r="AA610" s="53">
        <v>0</v>
      </c>
      <c r="AB610" s="53">
        <v>0</v>
      </c>
      <c r="AC610" s="53">
        <v>0</v>
      </c>
      <c r="AD610" s="53">
        <v>0</v>
      </c>
      <c r="AE610" s="53">
        <v>0</v>
      </c>
      <c r="AF610" s="53">
        <v>0</v>
      </c>
      <c r="AG610" s="53">
        <v>0</v>
      </c>
      <c r="AH610" s="53">
        <v>0</v>
      </c>
      <c r="AI610" s="53">
        <v>0</v>
      </c>
      <c r="AJ610" s="53">
        <v>0</v>
      </c>
      <c r="AK610" s="53">
        <v>0</v>
      </c>
      <c r="AL610" s="53">
        <v>0</v>
      </c>
      <c r="AM610" s="53">
        <v>0</v>
      </c>
      <c r="AN610" s="53">
        <v>0</v>
      </c>
      <c r="AO610" s="53">
        <v>0</v>
      </c>
      <c r="AP610" s="53">
        <v>0</v>
      </c>
      <c r="AQ610" s="53">
        <v>0</v>
      </c>
      <c r="AR610" s="53">
        <v>0</v>
      </c>
      <c r="AS610" s="53">
        <v>0</v>
      </c>
      <c r="AT610" s="53">
        <v>0</v>
      </c>
      <c r="AU610" s="53">
        <v>0</v>
      </c>
      <c r="AV610" s="53">
        <v>0</v>
      </c>
      <c r="AW610" s="53">
        <v>0</v>
      </c>
      <c r="AX610" s="53">
        <v>0</v>
      </c>
      <c r="AY610" s="53">
        <v>0</v>
      </c>
      <c r="AZ610" s="53">
        <v>0</v>
      </c>
      <c r="BA610" s="53">
        <v>0</v>
      </c>
    </row>
    <row r="611" spans="1:53">
      <c r="A611" s="52" t="s">
        <v>3925</v>
      </c>
      <c r="B611" s="53">
        <v>-1512506.2214154</v>
      </c>
      <c r="C611" s="53">
        <v>-1531387.4001426101</v>
      </c>
      <c r="D611" s="53">
        <v>-1825631.1291002601</v>
      </c>
      <c r="E611" s="53">
        <v>-2227637.2722332501</v>
      </c>
      <c r="F611" s="53">
        <v>-2169754.93692639</v>
      </c>
      <c r="G611" s="53">
        <v>-2985010.7197277402</v>
      </c>
      <c r="H611" s="53">
        <v>-3531556.98984343</v>
      </c>
      <c r="I611" s="53">
        <v>-3166526.5268250601</v>
      </c>
      <c r="J611" s="53">
        <v>-2820611.5984066701</v>
      </c>
      <c r="K611" s="53">
        <v>-3391245.8875457598</v>
      </c>
      <c r="L611" s="53">
        <v>-2762181.5588388401</v>
      </c>
      <c r="M611" s="53">
        <v>-4117418.7350950302</v>
      </c>
      <c r="N611" s="53">
        <v>-32041468.9761004</v>
      </c>
      <c r="O611" s="53">
        <v>-636361.84366106999</v>
      </c>
      <c r="P611" s="53">
        <v>-566337.86061880295</v>
      </c>
      <c r="Q611" s="53">
        <v>-616104.59002085798</v>
      </c>
      <c r="R611" s="53">
        <v>-472731.00183010299</v>
      </c>
      <c r="S611" s="53">
        <v>-443453.97011011897</v>
      </c>
      <c r="T611" s="53">
        <v>-424517.20318619901</v>
      </c>
      <c r="U611" s="53">
        <v>-463680.00236431003</v>
      </c>
      <c r="V611" s="53">
        <v>-498144.87638907402</v>
      </c>
      <c r="W611" s="53">
        <v>-481132.34443810902</v>
      </c>
      <c r="X611" s="53">
        <v>-481870.51815674</v>
      </c>
      <c r="Y611" s="53">
        <v>-503490.238304967</v>
      </c>
      <c r="Z611" s="53">
        <v>-612361.35003153596</v>
      </c>
      <c r="AA611" s="53">
        <v>-6200185.7991118897</v>
      </c>
      <c r="AB611" s="53">
        <v>-632323.61167207395</v>
      </c>
      <c r="AC611" s="53">
        <v>-571086.44043036597</v>
      </c>
      <c r="AD611" s="53">
        <v>-589364.11983287195</v>
      </c>
      <c r="AE611" s="53">
        <v>-429493.90613010002</v>
      </c>
      <c r="AF611" s="53">
        <v>-466370.87115411903</v>
      </c>
      <c r="AG611" s="53">
        <v>-450919.47127108701</v>
      </c>
      <c r="AH611" s="53">
        <v>-475710.05686567101</v>
      </c>
      <c r="AI611" s="53">
        <v>-492272.99960638297</v>
      </c>
      <c r="AJ611" s="53">
        <v>-476425.31707493798</v>
      </c>
      <c r="AK611" s="53">
        <v>-534151.40123273095</v>
      </c>
      <c r="AL611" s="53">
        <v>-549763.75346925994</v>
      </c>
      <c r="AM611" s="53">
        <v>-629221.30396527704</v>
      </c>
      <c r="AN611" s="53">
        <v>-6297103.2527048802</v>
      </c>
      <c r="AO611" s="53">
        <v>-629701.478562259</v>
      </c>
      <c r="AP611" s="53">
        <v>-545681.13909299602</v>
      </c>
      <c r="AQ611" s="53">
        <v>-580947.06194173999</v>
      </c>
      <c r="AR611" s="53">
        <v>-474094.35143996897</v>
      </c>
      <c r="AS611" s="53">
        <v>-460523.52984044602</v>
      </c>
      <c r="AT611" s="53">
        <v>-452007.59052472899</v>
      </c>
      <c r="AU611" s="53">
        <v>-469691.71284920903</v>
      </c>
      <c r="AV611" s="53">
        <v>-482724.15601380798</v>
      </c>
      <c r="AW611" s="53">
        <v>-462175.60266473901</v>
      </c>
      <c r="AX611" s="53">
        <v>-483890.35726451903</v>
      </c>
      <c r="AY611" s="53">
        <v>-488028.12336450903</v>
      </c>
      <c r="AZ611" s="53">
        <v>-564490.95935285103</v>
      </c>
      <c r="BA611" s="53">
        <v>-6093956.0629117796</v>
      </c>
    </row>
    <row r="612" spans="1:53">
      <c r="A612" s="52" t="s">
        <v>3926</v>
      </c>
      <c r="B612" s="53">
        <v>261533293.062626</v>
      </c>
      <c r="C612" s="53">
        <v>166869809.32267201</v>
      </c>
      <c r="D612" s="53">
        <v>177071376.33373401</v>
      </c>
      <c r="E612" s="53">
        <v>194881896.03094399</v>
      </c>
      <c r="F612" s="53">
        <v>235587082.327912</v>
      </c>
      <c r="G612" s="53">
        <v>251345010.28180301</v>
      </c>
      <c r="H612" s="53">
        <v>264035130.699696</v>
      </c>
      <c r="I612" s="53">
        <v>328493462.28139198</v>
      </c>
      <c r="J612" s="53">
        <v>245542376.54024801</v>
      </c>
      <c r="K612" s="53">
        <v>211802248.836133</v>
      </c>
      <c r="L612" s="53">
        <v>167808141.74591801</v>
      </c>
      <c r="M612" s="53">
        <v>178775345.48533201</v>
      </c>
      <c r="N612" s="53">
        <v>2683745172.94841</v>
      </c>
      <c r="O612" s="53">
        <v>181294535.67919099</v>
      </c>
      <c r="P612" s="53">
        <v>111937038.752088</v>
      </c>
      <c r="Q612" s="53">
        <v>122500219.55032</v>
      </c>
      <c r="R612" s="53">
        <v>134736317.81815201</v>
      </c>
      <c r="S612" s="53">
        <v>163633725.469708</v>
      </c>
      <c r="T612" s="53">
        <v>174969801.29951999</v>
      </c>
      <c r="U612" s="53">
        <v>184509830.30516699</v>
      </c>
      <c r="V612" s="53">
        <v>229026346.357822</v>
      </c>
      <c r="W612" s="53">
        <v>171649466.03099701</v>
      </c>
      <c r="X612" s="53">
        <v>146817668.799676</v>
      </c>
      <c r="Y612" s="53">
        <v>116536240.64505599</v>
      </c>
      <c r="Z612" s="53">
        <v>124269220.687105</v>
      </c>
      <c r="AA612" s="53">
        <v>1861880411.3947999</v>
      </c>
      <c r="AB612" s="53">
        <v>175275068.59135199</v>
      </c>
      <c r="AC612" s="53">
        <v>108416328.65475</v>
      </c>
      <c r="AD612" s="53">
        <v>117951586.463181</v>
      </c>
      <c r="AE612" s="53">
        <v>129829314.485036</v>
      </c>
      <c r="AF612" s="53">
        <v>157995821.14523199</v>
      </c>
      <c r="AG612" s="53">
        <v>169935023.708413</v>
      </c>
      <c r="AH612" s="53">
        <v>179158928.19986299</v>
      </c>
      <c r="AI612" s="53">
        <v>222302175.16204399</v>
      </c>
      <c r="AJ612" s="53">
        <v>166689544.09151301</v>
      </c>
      <c r="AK612" s="53">
        <v>142859232.26554</v>
      </c>
      <c r="AL612" s="53">
        <v>112594172.37166101</v>
      </c>
      <c r="AM612" s="53">
        <v>120469490.14104</v>
      </c>
      <c r="AN612" s="53">
        <v>1803476685.2796299</v>
      </c>
      <c r="AO612" s="53">
        <v>167903634.27738199</v>
      </c>
      <c r="AP612" s="53">
        <v>103658981.583682</v>
      </c>
      <c r="AQ612" s="53">
        <v>112466949.774497</v>
      </c>
      <c r="AR612" s="53">
        <v>123851867.35885701</v>
      </c>
      <c r="AS612" s="53">
        <v>151445632.376196</v>
      </c>
      <c r="AT612" s="53">
        <v>163434480.07406601</v>
      </c>
      <c r="AU612" s="53">
        <v>172429213.06339899</v>
      </c>
      <c r="AV612" s="53">
        <v>213877465.92511001</v>
      </c>
      <c r="AW612" s="53">
        <v>160642152.11655501</v>
      </c>
      <c r="AX612" s="53">
        <v>137647620.992277</v>
      </c>
      <c r="AY612" s="53">
        <v>108585868.847546</v>
      </c>
      <c r="AZ612" s="53">
        <v>116346749.18617199</v>
      </c>
      <c r="BA612" s="53">
        <v>1732290615.5757401</v>
      </c>
    </row>
    <row r="613" spans="1:53">
      <c r="A613" s="236" t="s">
        <v>3927</v>
      </c>
      <c r="B613" s="53">
        <v>294639131.11014003</v>
      </c>
      <c r="C613" s="53">
        <v>188730381.43679401</v>
      </c>
      <c r="D613" s="53">
        <v>200373132.87714699</v>
      </c>
      <c r="E613" s="53">
        <v>220658816.22828099</v>
      </c>
      <c r="F613" s="53">
        <v>266098928.49441299</v>
      </c>
      <c r="G613" s="53">
        <v>284683567.93569499</v>
      </c>
      <c r="H613" s="53">
        <v>299421978.08543801</v>
      </c>
      <c r="I613" s="53">
        <v>371178082.58633101</v>
      </c>
      <c r="J613" s="53">
        <v>277633972.24326998</v>
      </c>
      <c r="K613" s="53">
        <v>240420612.82353801</v>
      </c>
      <c r="L613" s="53">
        <v>190579008.23597699</v>
      </c>
      <c r="M613" s="53">
        <v>204248499.65748501</v>
      </c>
      <c r="N613" s="53">
        <v>3038666111.71451</v>
      </c>
      <c r="O613" s="53">
        <v>194711727.14422801</v>
      </c>
      <c r="P613" s="53">
        <v>120183099.051704</v>
      </c>
      <c r="Q613" s="53">
        <v>131531046.78449</v>
      </c>
      <c r="R613" s="53">
        <v>144480562.71822599</v>
      </c>
      <c r="S613" s="53">
        <v>175494437.77638701</v>
      </c>
      <c r="T613" s="53">
        <v>187782686.30327901</v>
      </c>
      <c r="U613" s="53">
        <v>198054865.793883</v>
      </c>
      <c r="V613" s="53">
        <v>245874266.182255</v>
      </c>
      <c r="W613" s="53">
        <v>184138142.33126</v>
      </c>
      <c r="X613" s="53">
        <v>157452315.17932701</v>
      </c>
      <c r="Y613" s="53">
        <v>124977115.49795499</v>
      </c>
      <c r="Z613" s="53">
        <v>133431637.55091999</v>
      </c>
      <c r="AA613" s="53">
        <v>1998111902.31392</v>
      </c>
      <c r="AB613" s="53">
        <v>179891293.82983801</v>
      </c>
      <c r="AC613" s="53">
        <v>111165927.260225</v>
      </c>
      <c r="AD613" s="53">
        <v>120934693.13034</v>
      </c>
      <c r="AE613" s="53">
        <v>132930650.16664299</v>
      </c>
      <c r="AF613" s="53">
        <v>161918123.21424699</v>
      </c>
      <c r="AG613" s="53">
        <v>174302194.80012</v>
      </c>
      <c r="AH613" s="53">
        <v>183790969.137106</v>
      </c>
      <c r="AI613" s="53">
        <v>228109998.65964401</v>
      </c>
      <c r="AJ613" s="53">
        <v>170857677.15667599</v>
      </c>
      <c r="AK613" s="53">
        <v>146413603.39498699</v>
      </c>
      <c r="AL613" s="53">
        <v>115355787.996342</v>
      </c>
      <c r="AM613" s="53">
        <v>123568803.786162</v>
      </c>
      <c r="AN613" s="53">
        <v>1849239722.53233</v>
      </c>
      <c r="AO613" s="53">
        <v>170025558.59417999</v>
      </c>
      <c r="AP613" s="53">
        <v>104834592.000763</v>
      </c>
      <c r="AQ613" s="53">
        <v>113752904.10872801</v>
      </c>
      <c r="AR613" s="53">
        <v>125141291.97533999</v>
      </c>
      <c r="AS613" s="53">
        <v>153116863.64401299</v>
      </c>
      <c r="AT613" s="53">
        <v>165115528.07552201</v>
      </c>
      <c r="AU613" s="53">
        <v>174240384.89371401</v>
      </c>
      <c r="AV613" s="53">
        <v>216254493.75790301</v>
      </c>
      <c r="AW613" s="53">
        <v>162306891.89299399</v>
      </c>
      <c r="AX613" s="53">
        <v>139032714.88646701</v>
      </c>
      <c r="AY613" s="53">
        <v>109590652.707508</v>
      </c>
      <c r="AZ613" s="53">
        <v>117537340.86151899</v>
      </c>
      <c r="BA613" s="53">
        <v>1750949217.3986499</v>
      </c>
    </row>
    <row r="614" spans="1:53">
      <c r="A614" s="52" t="s">
        <v>3124</v>
      </c>
      <c r="B614" s="53"/>
      <c r="C614" s="53"/>
      <c r="D614" s="53"/>
      <c r="E614" s="53"/>
      <c r="F614" s="53"/>
      <c r="G614" s="53"/>
      <c r="H614" s="53"/>
      <c r="I614" s="53"/>
      <c r="J614" s="53"/>
      <c r="K614" s="53"/>
      <c r="L614" s="53"/>
      <c r="M614" s="53"/>
      <c r="N614" s="53"/>
      <c r="O614" s="53"/>
      <c r="P614" s="53"/>
      <c r="Q614" s="53"/>
      <c r="R614" s="53"/>
      <c r="S614" s="53"/>
      <c r="T614" s="53"/>
      <c r="U614" s="53"/>
      <c r="V614" s="53"/>
      <c r="W614" s="53"/>
      <c r="X614" s="53"/>
      <c r="Y614" s="53"/>
      <c r="Z614" s="53"/>
      <c r="AA614" s="53"/>
      <c r="AB614" s="53"/>
      <c r="AC614" s="53"/>
      <c r="AD614" s="53"/>
      <c r="AE614" s="53"/>
      <c r="AF614" s="53"/>
      <c r="AG614" s="53"/>
      <c r="AH614" s="53"/>
      <c r="AI614" s="53"/>
      <c r="AJ614" s="53"/>
      <c r="AK614" s="53"/>
      <c r="AL614" s="53"/>
      <c r="AM614" s="53"/>
      <c r="AN614" s="53"/>
      <c r="AO614" s="53"/>
      <c r="AP614" s="53"/>
      <c r="AQ614" s="53"/>
      <c r="AR614" s="53"/>
      <c r="AS614" s="53"/>
      <c r="AT614" s="53"/>
      <c r="AU614" s="53"/>
      <c r="AV614" s="53"/>
      <c r="AW614" s="53"/>
      <c r="AX614" s="53"/>
      <c r="AY614" s="53"/>
      <c r="AZ614" s="53"/>
      <c r="BA614" s="53"/>
    </row>
    <row r="615" spans="1:53">
      <c r="A615" s="237" t="s">
        <v>3928</v>
      </c>
      <c r="B615" s="53">
        <v>313672391.68377298</v>
      </c>
      <c r="C615" s="53">
        <v>202457438.90359601</v>
      </c>
      <c r="D615" s="53">
        <v>214361778.58406699</v>
      </c>
      <c r="E615" s="53">
        <v>236209077.60568801</v>
      </c>
      <c r="F615" s="53">
        <v>284842637.87276399</v>
      </c>
      <c r="G615" s="53">
        <v>302997280.79717302</v>
      </c>
      <c r="H615" s="53">
        <v>318936620.49245203</v>
      </c>
      <c r="I615" s="53">
        <v>392702874.67522198</v>
      </c>
      <c r="J615" s="53">
        <v>295099726.56948799</v>
      </c>
      <c r="K615" s="53">
        <v>257306351.44478801</v>
      </c>
      <c r="L615" s="53">
        <v>203775655.874919</v>
      </c>
      <c r="M615" s="53">
        <v>217514360.34761101</v>
      </c>
      <c r="N615" s="53">
        <v>3239876194.8515401</v>
      </c>
      <c r="O615" s="53">
        <v>213841538.530761</v>
      </c>
      <c r="P615" s="53">
        <v>134574882.02272999</v>
      </c>
      <c r="Q615" s="53">
        <v>146368278.609981</v>
      </c>
      <c r="R615" s="53">
        <v>160515432.46715701</v>
      </c>
      <c r="S615" s="53">
        <v>193484353.989209</v>
      </c>
      <c r="T615" s="53">
        <v>206127716.04048201</v>
      </c>
      <c r="U615" s="53">
        <v>216801020.70087501</v>
      </c>
      <c r="V615" s="53">
        <v>267516583.940534</v>
      </c>
      <c r="W615" s="53">
        <v>201782204.70387799</v>
      </c>
      <c r="X615" s="53">
        <v>173771673.70118499</v>
      </c>
      <c r="Y615" s="53">
        <v>138629866.57880101</v>
      </c>
      <c r="Z615" s="53">
        <v>148180284.694262</v>
      </c>
      <c r="AA615" s="53">
        <v>2201593835.9798598</v>
      </c>
      <c r="AB615" s="53">
        <v>198987883.309627</v>
      </c>
      <c r="AC615" s="53">
        <v>125466630.18298499</v>
      </c>
      <c r="AD615" s="53">
        <v>135643328.890764</v>
      </c>
      <c r="AE615" s="53">
        <v>148854993.117075</v>
      </c>
      <c r="AF615" s="53">
        <v>179840977.904037</v>
      </c>
      <c r="AG615" s="53">
        <v>192658522.724168</v>
      </c>
      <c r="AH615" s="53">
        <v>202558774.732858</v>
      </c>
      <c r="AI615" s="53">
        <v>249821249.06325001</v>
      </c>
      <c r="AJ615" s="53">
        <v>188509690.847</v>
      </c>
      <c r="AK615" s="53">
        <v>162730823.405489</v>
      </c>
      <c r="AL615" s="53">
        <v>128913096.793056</v>
      </c>
      <c r="AM615" s="53">
        <v>138257907.78306299</v>
      </c>
      <c r="AN615" s="53">
        <v>2052243878.75337</v>
      </c>
      <c r="AO615" s="53">
        <v>189278190.327474</v>
      </c>
      <c r="AP615" s="53">
        <v>119028862.108651</v>
      </c>
      <c r="AQ615" s="53">
        <v>128368543.84214801</v>
      </c>
      <c r="AR615" s="53">
        <v>141017851.594639</v>
      </c>
      <c r="AS615" s="53">
        <v>171149149.00663799</v>
      </c>
      <c r="AT615" s="53">
        <v>183670007.68464199</v>
      </c>
      <c r="AU615" s="53">
        <v>193251377.714284</v>
      </c>
      <c r="AV615" s="53">
        <v>238388732.69920501</v>
      </c>
      <c r="AW615" s="53">
        <v>180160538.105564</v>
      </c>
      <c r="AX615" s="53">
        <v>155443179.61733299</v>
      </c>
      <c r="AY615" s="53">
        <v>123114458.319493</v>
      </c>
      <c r="AZ615" s="53">
        <v>132240977.275535</v>
      </c>
      <c r="BA615" s="53">
        <v>1955111868.29561</v>
      </c>
    </row>
    <row r="616" spans="1:53">
      <c r="A616" s="237" t="s">
        <v>3929</v>
      </c>
      <c r="B616" s="53">
        <v>405374287.11538601</v>
      </c>
      <c r="C616" s="53">
        <v>287126840.61520898</v>
      </c>
      <c r="D616" s="53">
        <v>311151448.85567999</v>
      </c>
      <c r="E616" s="53">
        <v>287357015.00730199</v>
      </c>
      <c r="F616" s="53">
        <v>335771611.66437697</v>
      </c>
      <c r="G616" s="53">
        <v>346611137.11878598</v>
      </c>
      <c r="H616" s="53">
        <v>365974693.35406601</v>
      </c>
      <c r="I616" s="53">
        <v>438909290.57683498</v>
      </c>
      <c r="J616" s="53">
        <v>347367784.02110201</v>
      </c>
      <c r="K616" s="53">
        <v>306041756.74640203</v>
      </c>
      <c r="L616" s="53">
        <v>252772370.29653201</v>
      </c>
      <c r="M616" s="53">
        <v>261856491.61922401</v>
      </c>
      <c r="N616" s="53">
        <v>3946314726.9909</v>
      </c>
      <c r="O616" s="53">
        <v>272475727.33657998</v>
      </c>
      <c r="P616" s="53">
        <v>183107111.108549</v>
      </c>
      <c r="Q616" s="53">
        <v>200655047.25580001</v>
      </c>
      <c r="R616" s="53">
        <v>210053863.24297601</v>
      </c>
      <c r="S616" s="53">
        <v>246738218.15502799</v>
      </c>
      <c r="T616" s="53">
        <v>254833180.736301</v>
      </c>
      <c r="U616" s="53">
        <v>267968641.936694</v>
      </c>
      <c r="V616" s="53">
        <v>318991598.216353</v>
      </c>
      <c r="W616" s="53">
        <v>257466206.529697</v>
      </c>
      <c r="X616" s="53">
        <v>225315103.377004</v>
      </c>
      <c r="Y616" s="53">
        <v>192290131.37461999</v>
      </c>
      <c r="Z616" s="53">
        <v>197222000.34008101</v>
      </c>
      <c r="AA616" s="53">
        <v>2827116829.6096802</v>
      </c>
      <c r="AB616" s="53">
        <v>259882129.89943501</v>
      </c>
      <c r="AC616" s="53">
        <v>176258917.05279401</v>
      </c>
      <c r="AD616" s="53">
        <v>192190155.320573</v>
      </c>
      <c r="AE616" s="53">
        <v>200653481.676884</v>
      </c>
      <c r="AF616" s="53">
        <v>235354899.853845</v>
      </c>
      <c r="AG616" s="53">
        <v>243624045.20397699</v>
      </c>
      <c r="AH616" s="53">
        <v>255986453.752666</v>
      </c>
      <c r="AI616" s="53">
        <v>303556321.12305897</v>
      </c>
      <c r="AJ616" s="53">
        <v>246453750.45680901</v>
      </c>
      <c r="AK616" s="53">
        <v>216534310.86529699</v>
      </c>
      <c r="AL616" s="53">
        <v>184833419.37286401</v>
      </c>
      <c r="AM616" s="53">
        <v>189559681.212872</v>
      </c>
      <c r="AN616" s="53">
        <v>2704887565.79108</v>
      </c>
      <c r="AO616" s="53">
        <v>257284353.082234</v>
      </c>
      <c r="AP616" s="53">
        <v>172890058.14341101</v>
      </c>
      <c r="AQ616" s="53">
        <v>187984279.43690801</v>
      </c>
      <c r="AR616" s="53">
        <v>195885249.319399</v>
      </c>
      <c r="AS616" s="53">
        <v>229731980.121398</v>
      </c>
      <c r="AT616" s="53">
        <v>237704439.329402</v>
      </c>
      <c r="AU616" s="53">
        <v>249747965.89904401</v>
      </c>
      <c r="AV616" s="53">
        <v>295192713.92396498</v>
      </c>
      <c r="AW616" s="53">
        <v>241173506.88032401</v>
      </c>
      <c r="AX616" s="53">
        <v>212315576.242093</v>
      </c>
      <c r="AY616" s="53">
        <v>182103690.064253</v>
      </c>
      <c r="AZ616" s="53">
        <v>186611659.87029499</v>
      </c>
      <c r="BA616" s="53">
        <v>2648625472.3127298</v>
      </c>
    </row>
    <row r="617" spans="1:53">
      <c r="A617" s="52" t="s">
        <v>3930</v>
      </c>
      <c r="B617" s="53"/>
      <c r="C617" s="53"/>
      <c r="D617" s="53"/>
      <c r="E617" s="53"/>
      <c r="F617" s="53"/>
      <c r="G617" s="53"/>
      <c r="H617" s="53"/>
      <c r="I617" s="53"/>
      <c r="J617" s="53"/>
      <c r="K617" s="53"/>
      <c r="L617" s="53"/>
      <c r="M617" s="53"/>
      <c r="N617" s="53"/>
      <c r="O617" s="53"/>
      <c r="P617" s="53"/>
      <c r="Q617" s="53"/>
      <c r="R617" s="53"/>
      <c r="S617" s="53"/>
      <c r="T617" s="53"/>
      <c r="U617" s="53"/>
      <c r="V617" s="53"/>
      <c r="W617" s="53"/>
      <c r="X617" s="53"/>
      <c r="Y617" s="53"/>
      <c r="Z617" s="53"/>
      <c r="AA617" s="53"/>
      <c r="AB617" s="53"/>
      <c r="AC617" s="53"/>
      <c r="AD617" s="53"/>
      <c r="AE617" s="53"/>
      <c r="AF617" s="53"/>
      <c r="AG617" s="53"/>
      <c r="AH617" s="53"/>
      <c r="AI617" s="53"/>
      <c r="AJ617" s="53"/>
      <c r="AK617" s="53"/>
      <c r="AL617" s="53"/>
      <c r="AM617" s="53"/>
      <c r="AN617" s="53"/>
      <c r="AO617" s="53"/>
      <c r="AP617" s="53"/>
      <c r="AQ617" s="53"/>
      <c r="AR617" s="53"/>
      <c r="AS617" s="53"/>
      <c r="AT617" s="53"/>
      <c r="AU617" s="53"/>
      <c r="AV617" s="53"/>
      <c r="AW617" s="53"/>
      <c r="AX617" s="53"/>
      <c r="AY617" s="53"/>
      <c r="AZ617" s="53"/>
      <c r="BA617" s="53"/>
    </row>
    <row r="618" spans="1:53" ht="10.8" thickBot="1">
      <c r="A618" s="230" t="s">
        <v>3931</v>
      </c>
      <c r="B618" s="53"/>
      <c r="C618" s="53"/>
      <c r="D618" s="53"/>
      <c r="E618" s="53"/>
      <c r="F618" s="53"/>
      <c r="G618" s="53"/>
      <c r="H618" s="53"/>
      <c r="I618" s="53"/>
      <c r="J618" s="53"/>
      <c r="K618" s="53"/>
      <c r="L618" s="53"/>
      <c r="M618" s="53"/>
      <c r="N618" s="53"/>
      <c r="O618" s="53"/>
      <c r="P618" s="53"/>
      <c r="Q618" s="53"/>
      <c r="R618" s="53"/>
      <c r="S618" s="53"/>
      <c r="T618" s="53"/>
      <c r="U618" s="53"/>
      <c r="V618" s="53"/>
      <c r="W618" s="53"/>
      <c r="X618" s="53"/>
      <c r="Y618" s="53"/>
      <c r="Z618" s="53"/>
      <c r="AA618" s="53"/>
      <c r="AB618" s="53"/>
      <c r="AC618" s="53"/>
      <c r="AD618" s="53"/>
      <c r="AE618" s="53"/>
      <c r="AF618" s="53"/>
      <c r="AG618" s="53"/>
      <c r="AH618" s="53"/>
      <c r="AI618" s="53"/>
      <c r="AJ618" s="53"/>
      <c r="AK618" s="53"/>
      <c r="AL618" s="53"/>
      <c r="AM618" s="53"/>
      <c r="AN618" s="53"/>
      <c r="AO618" s="53"/>
      <c r="AP618" s="53"/>
      <c r="AQ618" s="53"/>
      <c r="AR618" s="53"/>
      <c r="AS618" s="53"/>
      <c r="AT618" s="53"/>
      <c r="AU618" s="53"/>
      <c r="AV618" s="53"/>
      <c r="AW618" s="53"/>
      <c r="AX618" s="53"/>
      <c r="AY618" s="53"/>
      <c r="AZ618" s="53"/>
      <c r="BA618" s="53"/>
    </row>
    <row r="619" spans="1:53">
      <c r="A619" s="231" t="s">
        <v>3932</v>
      </c>
      <c r="B619" s="53"/>
      <c r="C619" s="53"/>
      <c r="D619" s="53"/>
      <c r="E619" s="53"/>
      <c r="F619" s="53"/>
      <c r="G619" s="53"/>
      <c r="H619" s="53"/>
      <c r="I619" s="53"/>
      <c r="J619" s="53"/>
      <c r="K619" s="53"/>
      <c r="L619" s="53"/>
      <c r="M619" s="53"/>
      <c r="N619" s="53"/>
      <c r="O619" s="53"/>
      <c r="P619" s="53"/>
      <c r="Q619" s="53"/>
      <c r="R619" s="53"/>
      <c r="S619" s="53"/>
      <c r="T619" s="53"/>
      <c r="U619" s="53"/>
      <c r="V619" s="53"/>
      <c r="W619" s="53"/>
      <c r="X619" s="53"/>
      <c r="Y619" s="53"/>
      <c r="Z619" s="53"/>
      <c r="AA619" s="53"/>
      <c r="AB619" s="53"/>
      <c r="AC619" s="53"/>
      <c r="AD619" s="53"/>
      <c r="AE619" s="53"/>
      <c r="AF619" s="53"/>
      <c r="AG619" s="53"/>
      <c r="AH619" s="53"/>
      <c r="AI619" s="53"/>
      <c r="AJ619" s="53"/>
      <c r="AK619" s="53"/>
      <c r="AL619" s="53"/>
      <c r="AM619" s="53"/>
      <c r="AN619" s="53"/>
      <c r="AO619" s="53"/>
      <c r="AP619" s="53"/>
      <c r="AQ619" s="53"/>
      <c r="AR619" s="53"/>
      <c r="AS619" s="53"/>
      <c r="AT619" s="53"/>
      <c r="AU619" s="53"/>
      <c r="AV619" s="53"/>
      <c r="AW619" s="53"/>
      <c r="AX619" s="53"/>
      <c r="AY619" s="53"/>
      <c r="AZ619" s="53"/>
      <c r="BA619" s="53"/>
    </row>
    <row r="620" spans="1:53">
      <c r="A620" s="52" t="s">
        <v>3933</v>
      </c>
      <c r="B620" s="53">
        <v>81708673.557354599</v>
      </c>
      <c r="C620" s="53">
        <v>82372586.365820199</v>
      </c>
      <c r="D620" s="53">
        <v>82908935.288384303</v>
      </c>
      <c r="E620" s="53">
        <v>83239165.739206195</v>
      </c>
      <c r="F620" s="53">
        <v>83372091.200044602</v>
      </c>
      <c r="G620" s="53">
        <v>83557791.562683895</v>
      </c>
      <c r="H620" s="53">
        <v>84269031.612135306</v>
      </c>
      <c r="I620" s="53">
        <v>84286442.754640907</v>
      </c>
      <c r="J620" s="53">
        <v>84460300.613446593</v>
      </c>
      <c r="K620" s="53">
        <v>84708101.738145605</v>
      </c>
      <c r="L620" s="53">
        <v>85158055.516716599</v>
      </c>
      <c r="M620" s="53">
        <v>85426464.759515703</v>
      </c>
      <c r="N620" s="53">
        <v>1005467640.7080899</v>
      </c>
      <c r="O620" s="53">
        <v>88016042.392567605</v>
      </c>
      <c r="P620" s="53">
        <v>88179607.320597604</v>
      </c>
      <c r="Q620" s="53">
        <v>88273094.477762207</v>
      </c>
      <c r="R620" s="53">
        <v>89103782.8972141</v>
      </c>
      <c r="S620" s="53">
        <v>89264362.412003905</v>
      </c>
      <c r="T620" s="53">
        <v>89460260.578968599</v>
      </c>
      <c r="U620" s="53">
        <v>90004900.637293294</v>
      </c>
      <c r="V620" s="53">
        <v>90131367.597293898</v>
      </c>
      <c r="W620" s="53">
        <v>90244645.285624593</v>
      </c>
      <c r="X620" s="53">
        <v>90801008.563815802</v>
      </c>
      <c r="Y620" s="53">
        <v>90922037.759316802</v>
      </c>
      <c r="Z620" s="53">
        <v>90959217.825669199</v>
      </c>
      <c r="AA620" s="53">
        <v>1075360327.7481201</v>
      </c>
      <c r="AB620" s="53">
        <v>94847737.043867797</v>
      </c>
      <c r="AC620" s="53">
        <v>94940107.246694997</v>
      </c>
      <c r="AD620" s="53">
        <v>95022270.230511501</v>
      </c>
      <c r="AE620" s="53">
        <v>95352086.184172407</v>
      </c>
      <c r="AF620" s="53">
        <v>95479019.538176</v>
      </c>
      <c r="AG620" s="53">
        <v>95638173.194676593</v>
      </c>
      <c r="AH620" s="53">
        <v>96512797.1178689</v>
      </c>
      <c r="AI620" s="53">
        <v>96940203.493958503</v>
      </c>
      <c r="AJ620" s="53">
        <v>97138637.295731694</v>
      </c>
      <c r="AK620" s="53">
        <v>97506862.780220002</v>
      </c>
      <c r="AL620" s="53">
        <v>97389231.055146098</v>
      </c>
      <c r="AM620" s="53">
        <v>96814442.929158702</v>
      </c>
      <c r="AN620" s="53">
        <v>1153581568.1101799</v>
      </c>
      <c r="AO620" s="53">
        <v>98615111.365142494</v>
      </c>
      <c r="AP620" s="53">
        <v>98654062.654520705</v>
      </c>
      <c r="AQ620" s="53">
        <v>98765238.340456396</v>
      </c>
      <c r="AR620" s="53">
        <v>99741023.169604599</v>
      </c>
      <c r="AS620" s="53">
        <v>99726359.809322506</v>
      </c>
      <c r="AT620" s="53">
        <v>99640481.420891106</v>
      </c>
      <c r="AU620" s="53">
        <v>101024466.952595</v>
      </c>
      <c r="AV620" s="53">
        <v>101488233.208564</v>
      </c>
      <c r="AW620" s="53">
        <v>101308250.49462999</v>
      </c>
      <c r="AX620" s="53">
        <v>101693716.672856</v>
      </c>
      <c r="AY620" s="53">
        <v>101982322.44379801</v>
      </c>
      <c r="AZ620" s="53">
        <v>102120809.545857</v>
      </c>
      <c r="BA620" s="53">
        <v>1204760076.0782399</v>
      </c>
    </row>
    <row r="621" spans="1:53">
      <c r="A621" s="52" t="s">
        <v>3934</v>
      </c>
      <c r="B621" s="53">
        <v>-21869.166212196302</v>
      </c>
      <c r="C621" s="53">
        <v>-23832.727055175699</v>
      </c>
      <c r="D621" s="53">
        <v>-25584.515409538399</v>
      </c>
      <c r="E621" s="53">
        <v>-27338.164186674199</v>
      </c>
      <c r="F621" s="53">
        <v>-29303.586928618799</v>
      </c>
      <c r="G621" s="53">
        <v>-31060.4903785313</v>
      </c>
      <c r="H621" s="53">
        <v>-32814.140451101099</v>
      </c>
      <c r="I621" s="53">
        <v>-34779.560451545804</v>
      </c>
      <c r="J621" s="53">
        <v>-36533.207119835599</v>
      </c>
      <c r="K621" s="53">
        <v>-38286.853697746199</v>
      </c>
      <c r="L621" s="53">
        <v>-40252.272764273403</v>
      </c>
      <c r="M621" s="53">
        <v>-42009.172689400402</v>
      </c>
      <c r="N621" s="53">
        <v>-383663.85734463698</v>
      </c>
      <c r="O621" s="53">
        <v>-43762.818514151702</v>
      </c>
      <c r="P621" s="53">
        <v>-44987.924906312597</v>
      </c>
      <c r="Q621" s="53">
        <v>-46213.031298473397</v>
      </c>
      <c r="R621" s="53">
        <v>-47438.137690634197</v>
      </c>
      <c r="S621" s="53">
        <v>-48663.244082794998</v>
      </c>
      <c r="T621" s="53">
        <v>-49888.350474955798</v>
      </c>
      <c r="U621" s="53">
        <v>-51113.4568671167</v>
      </c>
      <c r="V621" s="53">
        <v>-52338.5632592775</v>
      </c>
      <c r="W621" s="53">
        <v>-53563.6696514383</v>
      </c>
      <c r="X621" s="53">
        <v>-54788.7760435991</v>
      </c>
      <c r="Y621" s="53">
        <v>-56013.882435759901</v>
      </c>
      <c r="Z621" s="53">
        <v>-57238.988827920803</v>
      </c>
      <c r="AA621" s="53">
        <v>-606010.84405243502</v>
      </c>
      <c r="AB621" s="53">
        <v>-58464.095214825204</v>
      </c>
      <c r="AC621" s="53">
        <v>-59615.081098242299</v>
      </c>
      <c r="AD621" s="53">
        <v>-60766.066981659402</v>
      </c>
      <c r="AE621" s="53">
        <v>-61917.052865076497</v>
      </c>
      <c r="AF621" s="53">
        <v>-63068.0387484936</v>
      </c>
      <c r="AG621" s="53">
        <v>-64219.024631910703</v>
      </c>
      <c r="AH621" s="53">
        <v>-65370.010515327798</v>
      </c>
      <c r="AI621" s="53">
        <v>-66520.996398744901</v>
      </c>
      <c r="AJ621" s="53">
        <v>-67671.982282162004</v>
      </c>
      <c r="AK621" s="53">
        <v>-68822.968165579106</v>
      </c>
      <c r="AL621" s="53">
        <v>-69973.954048996195</v>
      </c>
      <c r="AM621" s="53">
        <v>-71124.939932413297</v>
      </c>
      <c r="AN621" s="53">
        <v>-777534.21088343102</v>
      </c>
      <c r="AO621" s="53">
        <v>-72275.925818409101</v>
      </c>
      <c r="AP621" s="53">
        <v>-73406.157961113393</v>
      </c>
      <c r="AQ621" s="53">
        <v>-74536.390103817699</v>
      </c>
      <c r="AR621" s="53">
        <v>-75666.622246521903</v>
      </c>
      <c r="AS621" s="53">
        <v>-76796.854389226195</v>
      </c>
      <c r="AT621" s="53">
        <v>-77927.086531930501</v>
      </c>
      <c r="AU621" s="53">
        <v>-79057.318674634793</v>
      </c>
      <c r="AV621" s="53">
        <v>-80187.550817339099</v>
      </c>
      <c r="AW621" s="53">
        <v>-81317.782960043303</v>
      </c>
      <c r="AX621" s="53">
        <v>-82448.015102747595</v>
      </c>
      <c r="AY621" s="53">
        <v>-83578.247245451901</v>
      </c>
      <c r="AZ621" s="53">
        <v>-84708.479388156207</v>
      </c>
      <c r="BA621" s="53">
        <v>-941906.43123939203</v>
      </c>
    </row>
    <row r="622" spans="1:53">
      <c r="A622" s="52" t="s">
        <v>3935</v>
      </c>
      <c r="B622" s="53">
        <v>81686804.391142398</v>
      </c>
      <c r="C622" s="53">
        <v>82348753.638765007</v>
      </c>
      <c r="D622" s="53">
        <v>82883350.772974804</v>
      </c>
      <c r="E622" s="53">
        <v>83211827.575019494</v>
      </c>
      <c r="F622" s="53">
        <v>83342787.613115996</v>
      </c>
      <c r="G622" s="53">
        <v>83526731.072305396</v>
      </c>
      <c r="H622" s="53">
        <v>84236217.471684203</v>
      </c>
      <c r="I622" s="53">
        <v>84251663.194189399</v>
      </c>
      <c r="J622" s="53">
        <v>84423767.406326801</v>
      </c>
      <c r="K622" s="53">
        <v>84669814.884447798</v>
      </c>
      <c r="L622" s="53">
        <v>85117803.243952394</v>
      </c>
      <c r="M622" s="53">
        <v>85384455.586826295</v>
      </c>
      <c r="N622" s="53">
        <v>1005083976.85075</v>
      </c>
      <c r="O622" s="53">
        <v>87972279.574053407</v>
      </c>
      <c r="P622" s="53">
        <v>88134619.395691305</v>
      </c>
      <c r="Q622" s="53">
        <v>88226881.446463704</v>
      </c>
      <c r="R622" s="53">
        <v>89056344.759523496</v>
      </c>
      <c r="S622" s="53">
        <v>89215699.167921096</v>
      </c>
      <c r="T622" s="53">
        <v>89410372.228493601</v>
      </c>
      <c r="U622" s="53">
        <v>89953787.180426195</v>
      </c>
      <c r="V622" s="53">
        <v>90079029.034034595</v>
      </c>
      <c r="W622" s="53">
        <v>90191081.615973204</v>
      </c>
      <c r="X622" s="53">
        <v>90746219.787772194</v>
      </c>
      <c r="Y622" s="53">
        <v>90866023.876881093</v>
      </c>
      <c r="Z622" s="53">
        <v>90901978.8368413</v>
      </c>
      <c r="AA622" s="53">
        <v>1074754316.9040699</v>
      </c>
      <c r="AB622" s="53">
        <v>94789272.948652893</v>
      </c>
      <c r="AC622" s="53">
        <v>94880492.165596694</v>
      </c>
      <c r="AD622" s="53">
        <v>94961504.163529903</v>
      </c>
      <c r="AE622" s="53">
        <v>95290169.131307393</v>
      </c>
      <c r="AF622" s="53">
        <v>95415951.499427497</v>
      </c>
      <c r="AG622" s="53">
        <v>95573954.170044705</v>
      </c>
      <c r="AH622" s="53">
        <v>96447427.107353598</v>
      </c>
      <c r="AI622" s="53">
        <v>96873682.497559696</v>
      </c>
      <c r="AJ622" s="53">
        <v>97070965.313449502</v>
      </c>
      <c r="AK622" s="53">
        <v>97438039.812054396</v>
      </c>
      <c r="AL622" s="53">
        <v>97319257.101097107</v>
      </c>
      <c r="AM622" s="53">
        <v>96743317.989226297</v>
      </c>
      <c r="AN622" s="53">
        <v>1152804033.8993001</v>
      </c>
      <c r="AO622" s="53">
        <v>98542835.439324096</v>
      </c>
      <c r="AP622" s="53">
        <v>98580656.496559501</v>
      </c>
      <c r="AQ622" s="53">
        <v>98690701.950352594</v>
      </c>
      <c r="AR622" s="53">
        <v>99665356.547358006</v>
      </c>
      <c r="AS622" s="53">
        <v>99649562.954933301</v>
      </c>
      <c r="AT622" s="53">
        <v>99562554.334359199</v>
      </c>
      <c r="AU622" s="53">
        <v>100945409.63392</v>
      </c>
      <c r="AV622" s="53">
        <v>101408045.657746</v>
      </c>
      <c r="AW622" s="53">
        <v>101226932.71167</v>
      </c>
      <c r="AX622" s="53">
        <v>101611268.65775301</v>
      </c>
      <c r="AY622" s="53">
        <v>101898744.19655199</v>
      </c>
      <c r="AZ622" s="53">
        <v>102036101.066469</v>
      </c>
      <c r="BA622" s="53">
        <v>1203818169.6470001</v>
      </c>
    </row>
    <row r="623" spans="1:53">
      <c r="A623" s="52" t="s">
        <v>3936</v>
      </c>
      <c r="B623" s="53">
        <v>0</v>
      </c>
      <c r="C623" s="53">
        <v>0</v>
      </c>
      <c r="D623" s="53">
        <v>0</v>
      </c>
      <c r="E623" s="53">
        <v>0</v>
      </c>
      <c r="F623" s="53">
        <v>0</v>
      </c>
      <c r="G623" s="53">
        <v>0</v>
      </c>
      <c r="H623" s="53">
        <v>0</v>
      </c>
      <c r="I623" s="53">
        <v>0</v>
      </c>
      <c r="J623" s="53">
        <v>0</v>
      </c>
      <c r="K623" s="53">
        <v>0</v>
      </c>
      <c r="L623" s="53">
        <v>0</v>
      </c>
      <c r="M623" s="53">
        <v>0</v>
      </c>
      <c r="N623" s="53">
        <v>0</v>
      </c>
      <c r="O623" s="53">
        <v>0</v>
      </c>
      <c r="P623" s="53">
        <v>0</v>
      </c>
      <c r="Q623" s="53">
        <v>0</v>
      </c>
      <c r="R623" s="53">
        <v>0</v>
      </c>
      <c r="S623" s="53">
        <v>0</v>
      </c>
      <c r="T623" s="53">
        <v>0</v>
      </c>
      <c r="U623" s="53">
        <v>0</v>
      </c>
      <c r="V623" s="53">
        <v>0</v>
      </c>
      <c r="W623" s="53">
        <v>0</v>
      </c>
      <c r="X623" s="53">
        <v>0</v>
      </c>
      <c r="Y623" s="53">
        <v>0</v>
      </c>
      <c r="Z623" s="53">
        <v>0</v>
      </c>
      <c r="AA623" s="53">
        <v>0</v>
      </c>
      <c r="AB623" s="53">
        <v>0</v>
      </c>
      <c r="AC623" s="53">
        <v>0</v>
      </c>
      <c r="AD623" s="53">
        <v>0</v>
      </c>
      <c r="AE623" s="53">
        <v>0</v>
      </c>
      <c r="AF623" s="53">
        <v>0</v>
      </c>
      <c r="AG623" s="53">
        <v>0</v>
      </c>
      <c r="AH623" s="53">
        <v>0</v>
      </c>
      <c r="AI623" s="53">
        <v>0</v>
      </c>
      <c r="AJ623" s="53">
        <v>0</v>
      </c>
      <c r="AK623" s="53">
        <v>0</v>
      </c>
      <c r="AL623" s="53">
        <v>0</v>
      </c>
      <c r="AM623" s="53">
        <v>0</v>
      </c>
      <c r="AN623" s="53">
        <v>0</v>
      </c>
      <c r="AO623" s="53">
        <v>0</v>
      </c>
      <c r="AP623" s="53">
        <v>0</v>
      </c>
      <c r="AQ623" s="53">
        <v>0</v>
      </c>
      <c r="AR623" s="53">
        <v>0</v>
      </c>
      <c r="AS623" s="53">
        <v>0</v>
      </c>
      <c r="AT623" s="53">
        <v>0</v>
      </c>
      <c r="AU623" s="53">
        <v>0</v>
      </c>
      <c r="AV623" s="53">
        <v>0</v>
      </c>
      <c r="AW623" s="53">
        <v>0</v>
      </c>
      <c r="AX623" s="53">
        <v>0</v>
      </c>
      <c r="AY623" s="53">
        <v>0</v>
      </c>
      <c r="AZ623" s="53">
        <v>0</v>
      </c>
      <c r="BA623" s="53">
        <v>0</v>
      </c>
    </row>
    <row r="624" spans="1:53">
      <c r="A624" s="52" t="s">
        <v>3937</v>
      </c>
      <c r="B624" s="53">
        <v>81686804.391142398</v>
      </c>
      <c r="C624" s="53">
        <v>82348753.638765007</v>
      </c>
      <c r="D624" s="53">
        <v>82883350.772974804</v>
      </c>
      <c r="E624" s="53">
        <v>83211827.575019494</v>
      </c>
      <c r="F624" s="53">
        <v>83342787.613115996</v>
      </c>
      <c r="G624" s="53">
        <v>83526731.072305396</v>
      </c>
      <c r="H624" s="53">
        <v>84236217.471684203</v>
      </c>
      <c r="I624" s="53">
        <v>84251663.194189399</v>
      </c>
      <c r="J624" s="53">
        <v>84423767.406326801</v>
      </c>
      <c r="K624" s="53">
        <v>84669814.884447798</v>
      </c>
      <c r="L624" s="53">
        <v>85117803.243952394</v>
      </c>
      <c r="M624" s="53">
        <v>85384455.586826295</v>
      </c>
      <c r="N624" s="53">
        <v>1005083976.85075</v>
      </c>
      <c r="O624" s="53">
        <v>87972279.574053407</v>
      </c>
      <c r="P624" s="53">
        <v>88134619.395691305</v>
      </c>
      <c r="Q624" s="53">
        <v>88226881.446463704</v>
      </c>
      <c r="R624" s="53">
        <v>89056344.759523496</v>
      </c>
      <c r="S624" s="53">
        <v>89215699.167921096</v>
      </c>
      <c r="T624" s="53">
        <v>89410372.228493601</v>
      </c>
      <c r="U624" s="53">
        <v>89953787.180426195</v>
      </c>
      <c r="V624" s="53">
        <v>90079029.034034595</v>
      </c>
      <c r="W624" s="53">
        <v>90191081.615973204</v>
      </c>
      <c r="X624" s="53">
        <v>90746219.787772194</v>
      </c>
      <c r="Y624" s="53">
        <v>90866023.876881093</v>
      </c>
      <c r="Z624" s="53">
        <v>90901978.8368413</v>
      </c>
      <c r="AA624" s="53">
        <v>1074754316.9040699</v>
      </c>
      <c r="AB624" s="53">
        <v>94789272.948652893</v>
      </c>
      <c r="AC624" s="53">
        <v>94880492.165596694</v>
      </c>
      <c r="AD624" s="53">
        <v>94961504.163529903</v>
      </c>
      <c r="AE624" s="53">
        <v>95290169.131307393</v>
      </c>
      <c r="AF624" s="53">
        <v>95415951.499427497</v>
      </c>
      <c r="AG624" s="53">
        <v>95573954.170044705</v>
      </c>
      <c r="AH624" s="53">
        <v>96447427.107353598</v>
      </c>
      <c r="AI624" s="53">
        <v>96873682.497559696</v>
      </c>
      <c r="AJ624" s="53">
        <v>97070965.313449502</v>
      </c>
      <c r="AK624" s="53">
        <v>97438039.812054396</v>
      </c>
      <c r="AL624" s="53">
        <v>97319257.101097107</v>
      </c>
      <c r="AM624" s="53">
        <v>96743317.989226297</v>
      </c>
      <c r="AN624" s="53">
        <v>1152804033.8993001</v>
      </c>
      <c r="AO624" s="53">
        <v>98542835.439324096</v>
      </c>
      <c r="AP624" s="53">
        <v>98580656.496559501</v>
      </c>
      <c r="AQ624" s="53">
        <v>98690701.950352594</v>
      </c>
      <c r="AR624" s="53">
        <v>99665356.547358006</v>
      </c>
      <c r="AS624" s="53">
        <v>99649562.954933301</v>
      </c>
      <c r="AT624" s="53">
        <v>99562554.334359199</v>
      </c>
      <c r="AU624" s="53">
        <v>100945409.63392</v>
      </c>
      <c r="AV624" s="53">
        <v>101408045.657746</v>
      </c>
      <c r="AW624" s="53">
        <v>101226932.71167</v>
      </c>
      <c r="AX624" s="53">
        <v>101611268.65775301</v>
      </c>
      <c r="AY624" s="53">
        <v>101898744.19655199</v>
      </c>
      <c r="AZ624" s="53">
        <v>102036101.066469</v>
      </c>
      <c r="BA624" s="53">
        <v>1203818169.6470001</v>
      </c>
    </row>
    <row r="625" spans="1:53">
      <c r="A625" s="231" t="s">
        <v>3938</v>
      </c>
      <c r="B625" s="53"/>
      <c r="C625" s="53"/>
      <c r="D625" s="53"/>
      <c r="E625" s="53"/>
      <c r="F625" s="53"/>
      <c r="G625" s="53"/>
      <c r="H625" s="53"/>
      <c r="I625" s="53"/>
      <c r="J625" s="53"/>
      <c r="K625" s="53"/>
      <c r="L625" s="53"/>
      <c r="M625" s="53"/>
      <c r="N625" s="53"/>
      <c r="O625" s="53"/>
      <c r="P625" s="53"/>
      <c r="Q625" s="53"/>
      <c r="R625" s="53"/>
      <c r="S625" s="53"/>
      <c r="T625" s="53"/>
      <c r="U625" s="53"/>
      <c r="V625" s="53"/>
      <c r="W625" s="53"/>
      <c r="X625" s="53"/>
      <c r="Y625" s="53"/>
      <c r="Z625" s="53"/>
      <c r="AA625" s="53"/>
      <c r="AB625" s="53"/>
      <c r="AC625" s="53"/>
      <c r="AD625" s="53"/>
      <c r="AE625" s="53"/>
      <c r="AF625" s="53"/>
      <c r="AG625" s="53"/>
      <c r="AH625" s="53"/>
      <c r="AI625" s="53"/>
      <c r="AJ625" s="53"/>
      <c r="AK625" s="53"/>
      <c r="AL625" s="53"/>
      <c r="AM625" s="53"/>
      <c r="AN625" s="53"/>
      <c r="AO625" s="53"/>
      <c r="AP625" s="53"/>
      <c r="AQ625" s="53"/>
      <c r="AR625" s="53"/>
      <c r="AS625" s="53"/>
      <c r="AT625" s="53"/>
      <c r="AU625" s="53"/>
      <c r="AV625" s="53"/>
      <c r="AW625" s="53"/>
      <c r="AX625" s="53"/>
      <c r="AY625" s="53"/>
      <c r="AZ625" s="53"/>
      <c r="BA625" s="53"/>
    </row>
    <row r="626" spans="1:53">
      <c r="A626" s="52" t="s">
        <v>3939</v>
      </c>
      <c r="B626" s="53">
        <v>0</v>
      </c>
      <c r="C626" s="53">
        <v>0</v>
      </c>
      <c r="D626" s="53">
        <v>0</v>
      </c>
      <c r="E626" s="53">
        <v>0</v>
      </c>
      <c r="F626" s="53">
        <v>0</v>
      </c>
      <c r="G626" s="53">
        <v>0</v>
      </c>
      <c r="H626" s="53">
        <v>0</v>
      </c>
      <c r="I626" s="53">
        <v>0</v>
      </c>
      <c r="J626" s="53">
        <v>0</v>
      </c>
      <c r="K626" s="53">
        <v>0</v>
      </c>
      <c r="L626" s="53">
        <v>0</v>
      </c>
      <c r="M626" s="53">
        <v>0</v>
      </c>
      <c r="N626" s="53">
        <v>0</v>
      </c>
      <c r="O626" s="53">
        <v>0</v>
      </c>
      <c r="P626" s="53">
        <v>0</v>
      </c>
      <c r="Q626" s="53">
        <v>0</v>
      </c>
      <c r="R626" s="53">
        <v>0</v>
      </c>
      <c r="S626" s="53">
        <v>0</v>
      </c>
      <c r="T626" s="53">
        <v>0</v>
      </c>
      <c r="U626" s="53">
        <v>0</v>
      </c>
      <c r="V626" s="53">
        <v>0</v>
      </c>
      <c r="W626" s="53">
        <v>0</v>
      </c>
      <c r="X626" s="53">
        <v>0</v>
      </c>
      <c r="Y626" s="53">
        <v>0</v>
      </c>
      <c r="Z626" s="53">
        <v>0</v>
      </c>
      <c r="AA626" s="53">
        <v>0</v>
      </c>
      <c r="AB626" s="53">
        <v>0</v>
      </c>
      <c r="AC626" s="53">
        <v>0</v>
      </c>
      <c r="AD626" s="53">
        <v>0</v>
      </c>
      <c r="AE626" s="53">
        <v>0</v>
      </c>
      <c r="AF626" s="53">
        <v>0</v>
      </c>
      <c r="AG626" s="53">
        <v>0</v>
      </c>
      <c r="AH626" s="53">
        <v>0</v>
      </c>
      <c r="AI626" s="53">
        <v>0</v>
      </c>
      <c r="AJ626" s="53">
        <v>0</v>
      </c>
      <c r="AK626" s="53">
        <v>0</v>
      </c>
      <c r="AL626" s="53">
        <v>0</v>
      </c>
      <c r="AM626" s="53">
        <v>0</v>
      </c>
      <c r="AN626" s="53">
        <v>0</v>
      </c>
      <c r="AO626" s="53">
        <v>0</v>
      </c>
      <c r="AP626" s="53">
        <v>0</v>
      </c>
      <c r="AQ626" s="53">
        <v>0</v>
      </c>
      <c r="AR626" s="53">
        <v>0</v>
      </c>
      <c r="AS626" s="53">
        <v>0</v>
      </c>
      <c r="AT626" s="53">
        <v>0</v>
      </c>
      <c r="AU626" s="53">
        <v>0</v>
      </c>
      <c r="AV626" s="53">
        <v>0</v>
      </c>
      <c r="AW626" s="53">
        <v>0</v>
      </c>
      <c r="AX626" s="53">
        <v>0</v>
      </c>
      <c r="AY626" s="53">
        <v>0</v>
      </c>
      <c r="AZ626" s="53">
        <v>0</v>
      </c>
      <c r="BA626" s="53">
        <v>0</v>
      </c>
    </row>
    <row r="627" spans="1:53">
      <c r="A627" s="52" t="s">
        <v>3940</v>
      </c>
      <c r="B627" s="53">
        <v>0</v>
      </c>
      <c r="C627" s="53">
        <v>0</v>
      </c>
      <c r="D627" s="53">
        <v>0</v>
      </c>
      <c r="E627" s="53">
        <v>0</v>
      </c>
      <c r="F627" s="53">
        <v>0</v>
      </c>
      <c r="G627" s="53">
        <v>0</v>
      </c>
      <c r="H627" s="53">
        <v>0</v>
      </c>
      <c r="I627" s="53">
        <v>0</v>
      </c>
      <c r="J627" s="53">
        <v>0</v>
      </c>
      <c r="K627" s="53">
        <v>0</v>
      </c>
      <c r="L627" s="53">
        <v>0</v>
      </c>
      <c r="M627" s="53">
        <v>0</v>
      </c>
      <c r="N627" s="53">
        <v>0</v>
      </c>
      <c r="O627" s="53">
        <v>0</v>
      </c>
      <c r="P627" s="53">
        <v>0</v>
      </c>
      <c r="Q627" s="53">
        <v>0</v>
      </c>
      <c r="R627" s="53">
        <v>0</v>
      </c>
      <c r="S627" s="53">
        <v>0</v>
      </c>
      <c r="T627" s="53">
        <v>0</v>
      </c>
      <c r="U627" s="53">
        <v>0</v>
      </c>
      <c r="V627" s="53">
        <v>0</v>
      </c>
      <c r="W627" s="53">
        <v>0</v>
      </c>
      <c r="X627" s="53">
        <v>0</v>
      </c>
      <c r="Y627" s="53">
        <v>0</v>
      </c>
      <c r="Z627" s="53">
        <v>0</v>
      </c>
      <c r="AA627" s="53">
        <v>0</v>
      </c>
      <c r="AB627" s="53">
        <v>0</v>
      </c>
      <c r="AC627" s="53">
        <v>0</v>
      </c>
      <c r="AD627" s="53">
        <v>0</v>
      </c>
      <c r="AE627" s="53">
        <v>0</v>
      </c>
      <c r="AF627" s="53">
        <v>0</v>
      </c>
      <c r="AG627" s="53">
        <v>0</v>
      </c>
      <c r="AH627" s="53">
        <v>0</v>
      </c>
      <c r="AI627" s="53">
        <v>0</v>
      </c>
      <c r="AJ627" s="53">
        <v>0</v>
      </c>
      <c r="AK627" s="53">
        <v>0</v>
      </c>
      <c r="AL627" s="53">
        <v>0</v>
      </c>
      <c r="AM627" s="53">
        <v>0</v>
      </c>
      <c r="AN627" s="53">
        <v>0</v>
      </c>
      <c r="AO627" s="53">
        <v>0</v>
      </c>
      <c r="AP627" s="53">
        <v>0</v>
      </c>
      <c r="AQ627" s="53">
        <v>0</v>
      </c>
      <c r="AR627" s="53">
        <v>0</v>
      </c>
      <c r="AS627" s="53">
        <v>0</v>
      </c>
      <c r="AT627" s="53">
        <v>0</v>
      </c>
      <c r="AU627" s="53">
        <v>0</v>
      </c>
      <c r="AV627" s="53">
        <v>0</v>
      </c>
      <c r="AW627" s="53">
        <v>0</v>
      </c>
      <c r="AX627" s="53">
        <v>0</v>
      </c>
      <c r="AY627" s="53">
        <v>0</v>
      </c>
      <c r="AZ627" s="53">
        <v>0</v>
      </c>
      <c r="BA627" s="53">
        <v>0</v>
      </c>
    </row>
    <row r="628" spans="1:53">
      <c r="A628" s="52" t="s">
        <v>3941</v>
      </c>
      <c r="B628" s="53">
        <v>0</v>
      </c>
      <c r="C628" s="53">
        <v>0</v>
      </c>
      <c r="D628" s="53">
        <v>0</v>
      </c>
      <c r="E628" s="53">
        <v>0</v>
      </c>
      <c r="F628" s="53">
        <v>0</v>
      </c>
      <c r="G628" s="53">
        <v>0</v>
      </c>
      <c r="H628" s="53">
        <v>0</v>
      </c>
      <c r="I628" s="53">
        <v>0</v>
      </c>
      <c r="J628" s="53">
        <v>0</v>
      </c>
      <c r="K628" s="53">
        <v>0</v>
      </c>
      <c r="L628" s="53">
        <v>0</v>
      </c>
      <c r="M628" s="53">
        <v>0</v>
      </c>
      <c r="N628" s="53">
        <v>0</v>
      </c>
      <c r="O628" s="53">
        <v>0</v>
      </c>
      <c r="P628" s="53">
        <v>0</v>
      </c>
      <c r="Q628" s="53">
        <v>0</v>
      </c>
      <c r="R628" s="53">
        <v>0</v>
      </c>
      <c r="S628" s="53">
        <v>0</v>
      </c>
      <c r="T628" s="53">
        <v>0</v>
      </c>
      <c r="U628" s="53">
        <v>0</v>
      </c>
      <c r="V628" s="53">
        <v>0</v>
      </c>
      <c r="W628" s="53">
        <v>0</v>
      </c>
      <c r="X628" s="53">
        <v>0</v>
      </c>
      <c r="Y628" s="53">
        <v>0</v>
      </c>
      <c r="Z628" s="53">
        <v>0</v>
      </c>
      <c r="AA628" s="53">
        <v>0</v>
      </c>
      <c r="AB628" s="53">
        <v>0</v>
      </c>
      <c r="AC628" s="53">
        <v>0</v>
      </c>
      <c r="AD628" s="53">
        <v>0</v>
      </c>
      <c r="AE628" s="53">
        <v>0</v>
      </c>
      <c r="AF628" s="53">
        <v>0</v>
      </c>
      <c r="AG628" s="53">
        <v>0</v>
      </c>
      <c r="AH628" s="53">
        <v>0</v>
      </c>
      <c r="AI628" s="53">
        <v>0</v>
      </c>
      <c r="AJ628" s="53">
        <v>0</v>
      </c>
      <c r="AK628" s="53">
        <v>0</v>
      </c>
      <c r="AL628" s="53">
        <v>0</v>
      </c>
      <c r="AM628" s="53">
        <v>0</v>
      </c>
      <c r="AN628" s="53">
        <v>0</v>
      </c>
      <c r="AO628" s="53">
        <v>0</v>
      </c>
      <c r="AP628" s="53">
        <v>0</v>
      </c>
      <c r="AQ628" s="53">
        <v>0</v>
      </c>
      <c r="AR628" s="53">
        <v>0</v>
      </c>
      <c r="AS628" s="53">
        <v>0</v>
      </c>
      <c r="AT628" s="53">
        <v>0</v>
      </c>
      <c r="AU628" s="53">
        <v>0</v>
      </c>
      <c r="AV628" s="53">
        <v>0</v>
      </c>
      <c r="AW628" s="53">
        <v>0</v>
      </c>
      <c r="AX628" s="53">
        <v>0</v>
      </c>
      <c r="AY628" s="53">
        <v>0</v>
      </c>
      <c r="AZ628" s="53">
        <v>0</v>
      </c>
      <c r="BA628" s="53">
        <v>0</v>
      </c>
    </row>
    <row r="629" spans="1:53">
      <c r="A629" s="231" t="s">
        <v>3942</v>
      </c>
      <c r="B629" s="53"/>
      <c r="C629" s="53"/>
      <c r="D629" s="53"/>
      <c r="E629" s="53"/>
      <c r="F629" s="53"/>
      <c r="G629" s="53"/>
      <c r="H629" s="53"/>
      <c r="I629" s="53"/>
      <c r="J629" s="53"/>
      <c r="K629" s="53"/>
      <c r="L629" s="53"/>
      <c r="M629" s="53"/>
      <c r="N629" s="53"/>
      <c r="O629" s="53"/>
      <c r="P629" s="53"/>
      <c r="Q629" s="53"/>
      <c r="R629" s="53"/>
      <c r="S629" s="53"/>
      <c r="T629" s="53"/>
      <c r="U629" s="53"/>
      <c r="V629" s="53"/>
      <c r="W629" s="53"/>
      <c r="X629" s="53"/>
      <c r="Y629" s="53"/>
      <c r="Z629" s="53"/>
      <c r="AA629" s="53"/>
      <c r="AB629" s="53"/>
      <c r="AC629" s="53"/>
      <c r="AD629" s="53"/>
      <c r="AE629" s="53"/>
      <c r="AF629" s="53"/>
      <c r="AG629" s="53"/>
      <c r="AH629" s="53"/>
      <c r="AI629" s="53"/>
      <c r="AJ629" s="53"/>
      <c r="AK629" s="53"/>
      <c r="AL629" s="53"/>
      <c r="AM629" s="53"/>
      <c r="AN629" s="53"/>
      <c r="AO629" s="53"/>
      <c r="AP629" s="53"/>
      <c r="AQ629" s="53"/>
      <c r="AR629" s="53"/>
      <c r="AS629" s="53"/>
      <c r="AT629" s="53"/>
      <c r="AU629" s="53"/>
      <c r="AV629" s="53"/>
      <c r="AW629" s="53"/>
      <c r="AX629" s="53"/>
      <c r="AY629" s="53"/>
      <c r="AZ629" s="53"/>
      <c r="BA629" s="53"/>
    </row>
    <row r="630" spans="1:53">
      <c r="A630" s="52" t="s">
        <v>3943</v>
      </c>
      <c r="B630" s="53"/>
      <c r="C630" s="53"/>
      <c r="D630" s="53"/>
      <c r="E630" s="53"/>
      <c r="F630" s="53"/>
      <c r="G630" s="53"/>
      <c r="H630" s="53"/>
      <c r="I630" s="53"/>
      <c r="J630" s="53"/>
      <c r="K630" s="53"/>
      <c r="L630" s="53"/>
      <c r="M630" s="53"/>
      <c r="N630" s="53"/>
      <c r="O630" s="53"/>
      <c r="P630" s="53"/>
      <c r="Q630" s="53"/>
      <c r="R630" s="53"/>
      <c r="S630" s="53"/>
      <c r="T630" s="53"/>
      <c r="U630" s="53"/>
      <c r="V630" s="53"/>
      <c r="W630" s="53"/>
      <c r="X630" s="53"/>
      <c r="Y630" s="53"/>
      <c r="Z630" s="53"/>
      <c r="AA630" s="53"/>
      <c r="AB630" s="53"/>
      <c r="AC630" s="53"/>
      <c r="AD630" s="53"/>
      <c r="AE630" s="53"/>
      <c r="AF630" s="53"/>
      <c r="AG630" s="53"/>
      <c r="AH630" s="53"/>
      <c r="AI630" s="53"/>
      <c r="AJ630" s="53"/>
      <c r="AK630" s="53"/>
      <c r="AL630" s="53"/>
      <c r="AM630" s="53"/>
      <c r="AN630" s="53"/>
      <c r="AO630" s="53"/>
      <c r="AP630" s="53"/>
      <c r="AQ630" s="53"/>
      <c r="AR630" s="53"/>
      <c r="AS630" s="53"/>
      <c r="AT630" s="53"/>
      <c r="AU630" s="53"/>
      <c r="AV630" s="53"/>
      <c r="AW630" s="53"/>
      <c r="AX630" s="53"/>
      <c r="AY630" s="53"/>
      <c r="AZ630" s="53"/>
      <c r="BA630" s="53"/>
    </row>
    <row r="631" spans="1:53">
      <c r="A631" s="52" t="s">
        <v>3944</v>
      </c>
      <c r="B631" s="53">
        <v>0</v>
      </c>
      <c r="C631" s="53">
        <v>0</v>
      </c>
      <c r="D631" s="53">
        <v>0</v>
      </c>
      <c r="E631" s="53">
        <v>0</v>
      </c>
      <c r="F631" s="53">
        <v>0</v>
      </c>
      <c r="G631" s="53">
        <v>0</v>
      </c>
      <c r="H631" s="53">
        <v>0</v>
      </c>
      <c r="I631" s="53">
        <v>0</v>
      </c>
      <c r="J631" s="53">
        <v>0</v>
      </c>
      <c r="K631" s="53">
        <v>0</v>
      </c>
      <c r="L631" s="53">
        <v>0</v>
      </c>
      <c r="M631" s="53">
        <v>0</v>
      </c>
      <c r="N631" s="53">
        <v>0</v>
      </c>
      <c r="O631" s="53">
        <v>0</v>
      </c>
      <c r="P631" s="53">
        <v>0</v>
      </c>
      <c r="Q631" s="53">
        <v>0</v>
      </c>
      <c r="R631" s="53">
        <v>0</v>
      </c>
      <c r="S631" s="53">
        <v>0</v>
      </c>
      <c r="T631" s="53">
        <v>0</v>
      </c>
      <c r="U631" s="53">
        <v>0</v>
      </c>
      <c r="V631" s="53">
        <v>0</v>
      </c>
      <c r="W631" s="53">
        <v>0</v>
      </c>
      <c r="X631" s="53">
        <v>0</v>
      </c>
      <c r="Y631" s="53">
        <v>0</v>
      </c>
      <c r="Z631" s="53">
        <v>0</v>
      </c>
      <c r="AA631" s="53">
        <v>0</v>
      </c>
      <c r="AB631" s="53">
        <v>0</v>
      </c>
      <c r="AC631" s="53">
        <v>0</v>
      </c>
      <c r="AD631" s="53">
        <v>0</v>
      </c>
      <c r="AE631" s="53">
        <v>0</v>
      </c>
      <c r="AF631" s="53">
        <v>0</v>
      </c>
      <c r="AG631" s="53">
        <v>0</v>
      </c>
      <c r="AH631" s="53">
        <v>0</v>
      </c>
      <c r="AI631" s="53">
        <v>0</v>
      </c>
      <c r="AJ631" s="53">
        <v>0</v>
      </c>
      <c r="AK631" s="53">
        <v>0</v>
      </c>
      <c r="AL631" s="53">
        <v>0</v>
      </c>
      <c r="AM631" s="53">
        <v>0</v>
      </c>
      <c r="AN631" s="53">
        <v>0</v>
      </c>
      <c r="AO631" s="53">
        <v>0</v>
      </c>
      <c r="AP631" s="53">
        <v>0</v>
      </c>
      <c r="AQ631" s="53">
        <v>0</v>
      </c>
      <c r="AR631" s="53">
        <v>0</v>
      </c>
      <c r="AS631" s="53">
        <v>0</v>
      </c>
      <c r="AT631" s="53">
        <v>0</v>
      </c>
      <c r="AU631" s="53">
        <v>0</v>
      </c>
      <c r="AV631" s="53">
        <v>0</v>
      </c>
      <c r="AW631" s="53">
        <v>0</v>
      </c>
      <c r="AX631" s="53">
        <v>0</v>
      </c>
      <c r="AY631" s="53">
        <v>0</v>
      </c>
      <c r="AZ631" s="53">
        <v>0</v>
      </c>
      <c r="BA631" s="53">
        <v>0</v>
      </c>
    </row>
    <row r="632" spans="1:53">
      <c r="A632" s="52" t="s">
        <v>3945</v>
      </c>
      <c r="B632" s="53">
        <v>0</v>
      </c>
      <c r="C632" s="53">
        <v>0</v>
      </c>
      <c r="D632" s="53">
        <v>0</v>
      </c>
      <c r="E632" s="53">
        <v>0</v>
      </c>
      <c r="F632" s="53">
        <v>0</v>
      </c>
      <c r="G632" s="53">
        <v>0</v>
      </c>
      <c r="H632" s="53">
        <v>0</v>
      </c>
      <c r="I632" s="53">
        <v>0</v>
      </c>
      <c r="J632" s="53">
        <v>0</v>
      </c>
      <c r="K632" s="53">
        <v>0</v>
      </c>
      <c r="L632" s="53">
        <v>0</v>
      </c>
      <c r="M632" s="53">
        <v>0</v>
      </c>
      <c r="N632" s="53">
        <v>0</v>
      </c>
      <c r="O632" s="53">
        <v>0</v>
      </c>
      <c r="P632" s="53">
        <v>0</v>
      </c>
      <c r="Q632" s="53">
        <v>0</v>
      </c>
      <c r="R632" s="53">
        <v>0</v>
      </c>
      <c r="S632" s="53">
        <v>0</v>
      </c>
      <c r="T632" s="53">
        <v>0</v>
      </c>
      <c r="U632" s="53">
        <v>0</v>
      </c>
      <c r="V632" s="53">
        <v>0</v>
      </c>
      <c r="W632" s="53">
        <v>0</v>
      </c>
      <c r="X632" s="53">
        <v>0</v>
      </c>
      <c r="Y632" s="53">
        <v>0</v>
      </c>
      <c r="Z632" s="53">
        <v>0</v>
      </c>
      <c r="AA632" s="53">
        <v>0</v>
      </c>
      <c r="AB632" s="53">
        <v>0</v>
      </c>
      <c r="AC632" s="53">
        <v>0</v>
      </c>
      <c r="AD632" s="53">
        <v>0</v>
      </c>
      <c r="AE632" s="53">
        <v>0</v>
      </c>
      <c r="AF632" s="53">
        <v>0</v>
      </c>
      <c r="AG632" s="53">
        <v>0</v>
      </c>
      <c r="AH632" s="53">
        <v>0</v>
      </c>
      <c r="AI632" s="53">
        <v>0</v>
      </c>
      <c r="AJ632" s="53">
        <v>0</v>
      </c>
      <c r="AK632" s="53">
        <v>0</v>
      </c>
      <c r="AL632" s="53">
        <v>0</v>
      </c>
      <c r="AM632" s="53">
        <v>0</v>
      </c>
      <c r="AN632" s="53">
        <v>0</v>
      </c>
      <c r="AO632" s="53">
        <v>0</v>
      </c>
      <c r="AP632" s="53">
        <v>0</v>
      </c>
      <c r="AQ632" s="53">
        <v>0</v>
      </c>
      <c r="AR632" s="53">
        <v>0</v>
      </c>
      <c r="AS632" s="53">
        <v>0</v>
      </c>
      <c r="AT632" s="53">
        <v>0</v>
      </c>
      <c r="AU632" s="53">
        <v>0</v>
      </c>
      <c r="AV632" s="53">
        <v>0</v>
      </c>
      <c r="AW632" s="53">
        <v>0</v>
      </c>
      <c r="AX632" s="53">
        <v>0</v>
      </c>
      <c r="AY632" s="53">
        <v>0</v>
      </c>
      <c r="AZ632" s="53">
        <v>0</v>
      </c>
      <c r="BA632" s="53">
        <v>0</v>
      </c>
    </row>
    <row r="633" spans="1:53">
      <c r="A633" s="52" t="s">
        <v>3946</v>
      </c>
      <c r="B633" s="53">
        <v>0</v>
      </c>
      <c r="C633" s="53">
        <v>0</v>
      </c>
      <c r="D633" s="53">
        <v>0</v>
      </c>
      <c r="E633" s="53">
        <v>0</v>
      </c>
      <c r="F633" s="53">
        <v>0</v>
      </c>
      <c r="G633" s="53">
        <v>0</v>
      </c>
      <c r="H633" s="53">
        <v>0</v>
      </c>
      <c r="I633" s="53">
        <v>0</v>
      </c>
      <c r="J633" s="53">
        <v>0</v>
      </c>
      <c r="K633" s="53">
        <v>0</v>
      </c>
      <c r="L633" s="53">
        <v>0</v>
      </c>
      <c r="M633" s="53">
        <v>0</v>
      </c>
      <c r="N633" s="53">
        <v>0</v>
      </c>
      <c r="O633" s="53">
        <v>0</v>
      </c>
      <c r="P633" s="53">
        <v>0</v>
      </c>
      <c r="Q633" s="53">
        <v>0</v>
      </c>
      <c r="R633" s="53">
        <v>0</v>
      </c>
      <c r="S633" s="53">
        <v>0</v>
      </c>
      <c r="T633" s="53">
        <v>0</v>
      </c>
      <c r="U633" s="53">
        <v>0</v>
      </c>
      <c r="V633" s="53">
        <v>0</v>
      </c>
      <c r="W633" s="53">
        <v>0</v>
      </c>
      <c r="X633" s="53">
        <v>0</v>
      </c>
      <c r="Y633" s="53">
        <v>0</v>
      </c>
      <c r="Z633" s="53">
        <v>0</v>
      </c>
      <c r="AA633" s="53">
        <v>0</v>
      </c>
      <c r="AB633" s="53">
        <v>0</v>
      </c>
      <c r="AC633" s="53">
        <v>0</v>
      </c>
      <c r="AD633" s="53">
        <v>0</v>
      </c>
      <c r="AE633" s="53">
        <v>0</v>
      </c>
      <c r="AF633" s="53">
        <v>0</v>
      </c>
      <c r="AG633" s="53">
        <v>0</v>
      </c>
      <c r="AH633" s="53">
        <v>0</v>
      </c>
      <c r="AI633" s="53">
        <v>0</v>
      </c>
      <c r="AJ633" s="53">
        <v>0</v>
      </c>
      <c r="AK633" s="53">
        <v>0</v>
      </c>
      <c r="AL633" s="53">
        <v>0</v>
      </c>
      <c r="AM633" s="53">
        <v>0</v>
      </c>
      <c r="AN633" s="53">
        <v>0</v>
      </c>
      <c r="AO633" s="53">
        <v>0</v>
      </c>
      <c r="AP633" s="53">
        <v>0</v>
      </c>
      <c r="AQ633" s="53">
        <v>0</v>
      </c>
      <c r="AR633" s="53">
        <v>0</v>
      </c>
      <c r="AS633" s="53">
        <v>0</v>
      </c>
      <c r="AT633" s="53">
        <v>0</v>
      </c>
      <c r="AU633" s="53">
        <v>0</v>
      </c>
      <c r="AV633" s="53">
        <v>0</v>
      </c>
      <c r="AW633" s="53">
        <v>0</v>
      </c>
      <c r="AX633" s="53">
        <v>0</v>
      </c>
      <c r="AY633" s="53">
        <v>0</v>
      </c>
      <c r="AZ633" s="53">
        <v>0</v>
      </c>
      <c r="BA633" s="53">
        <v>0</v>
      </c>
    </row>
    <row r="634" spans="1:53">
      <c r="A634" s="52" t="s">
        <v>3947</v>
      </c>
      <c r="B634" s="53">
        <v>0</v>
      </c>
      <c r="C634" s="53">
        <v>0</v>
      </c>
      <c r="D634" s="53">
        <v>0</v>
      </c>
      <c r="E634" s="53">
        <v>0</v>
      </c>
      <c r="F634" s="53">
        <v>0</v>
      </c>
      <c r="G634" s="53">
        <v>0</v>
      </c>
      <c r="H634" s="53">
        <v>0</v>
      </c>
      <c r="I634" s="53">
        <v>0</v>
      </c>
      <c r="J634" s="53">
        <v>0</v>
      </c>
      <c r="K634" s="53">
        <v>0</v>
      </c>
      <c r="L634" s="53">
        <v>0</v>
      </c>
      <c r="M634" s="53">
        <v>0</v>
      </c>
      <c r="N634" s="53">
        <v>0</v>
      </c>
      <c r="O634" s="53">
        <v>0</v>
      </c>
      <c r="P634" s="53">
        <v>0</v>
      </c>
      <c r="Q634" s="53">
        <v>0</v>
      </c>
      <c r="R634" s="53">
        <v>0</v>
      </c>
      <c r="S634" s="53">
        <v>0</v>
      </c>
      <c r="T634" s="53">
        <v>0</v>
      </c>
      <c r="U634" s="53">
        <v>0</v>
      </c>
      <c r="V634" s="53">
        <v>0</v>
      </c>
      <c r="W634" s="53">
        <v>0</v>
      </c>
      <c r="X634" s="53">
        <v>0</v>
      </c>
      <c r="Y634" s="53">
        <v>0</v>
      </c>
      <c r="Z634" s="53">
        <v>0</v>
      </c>
      <c r="AA634" s="53">
        <v>0</v>
      </c>
      <c r="AB634" s="53">
        <v>0</v>
      </c>
      <c r="AC634" s="53">
        <v>0</v>
      </c>
      <c r="AD634" s="53">
        <v>0</v>
      </c>
      <c r="AE634" s="53">
        <v>0</v>
      </c>
      <c r="AF634" s="53">
        <v>0</v>
      </c>
      <c r="AG634" s="53">
        <v>0</v>
      </c>
      <c r="AH634" s="53">
        <v>0</v>
      </c>
      <c r="AI634" s="53">
        <v>0</v>
      </c>
      <c r="AJ634" s="53">
        <v>0</v>
      </c>
      <c r="AK634" s="53">
        <v>0</v>
      </c>
      <c r="AL634" s="53">
        <v>0</v>
      </c>
      <c r="AM634" s="53">
        <v>0</v>
      </c>
      <c r="AN634" s="53">
        <v>0</v>
      </c>
      <c r="AO634" s="53">
        <v>0</v>
      </c>
      <c r="AP634" s="53">
        <v>0</v>
      </c>
      <c r="AQ634" s="53">
        <v>0</v>
      </c>
      <c r="AR634" s="53">
        <v>0</v>
      </c>
      <c r="AS634" s="53">
        <v>0</v>
      </c>
      <c r="AT634" s="53">
        <v>0</v>
      </c>
      <c r="AU634" s="53">
        <v>0</v>
      </c>
      <c r="AV634" s="53">
        <v>0</v>
      </c>
      <c r="AW634" s="53">
        <v>0</v>
      </c>
      <c r="AX634" s="53">
        <v>0</v>
      </c>
      <c r="AY634" s="53">
        <v>0</v>
      </c>
      <c r="AZ634" s="53">
        <v>0</v>
      </c>
      <c r="BA634" s="53">
        <v>0</v>
      </c>
    </row>
    <row r="635" spans="1:53">
      <c r="A635" s="52" t="s">
        <v>3948</v>
      </c>
      <c r="B635" s="53"/>
      <c r="C635" s="53"/>
      <c r="D635" s="53"/>
      <c r="E635" s="53"/>
      <c r="F635" s="53"/>
      <c r="G635" s="53"/>
      <c r="H635" s="53"/>
      <c r="I635" s="53"/>
      <c r="J635" s="53"/>
      <c r="K635" s="53"/>
      <c r="L635" s="53"/>
      <c r="M635" s="53"/>
      <c r="N635" s="53"/>
      <c r="O635" s="53"/>
      <c r="P635" s="53"/>
      <c r="Q635" s="53"/>
      <c r="R635" s="53"/>
      <c r="S635" s="53"/>
      <c r="T635" s="53"/>
      <c r="U635" s="53"/>
      <c r="V635" s="53"/>
      <c r="W635" s="53"/>
      <c r="X635" s="53"/>
      <c r="Y635" s="53"/>
      <c r="Z635" s="53"/>
      <c r="AA635" s="53"/>
      <c r="AB635" s="53"/>
      <c r="AC635" s="53"/>
      <c r="AD635" s="53"/>
      <c r="AE635" s="53"/>
      <c r="AF635" s="53"/>
      <c r="AG635" s="53"/>
      <c r="AH635" s="53"/>
      <c r="AI635" s="53"/>
      <c r="AJ635" s="53"/>
      <c r="AK635" s="53"/>
      <c r="AL635" s="53"/>
      <c r="AM635" s="53"/>
      <c r="AN635" s="53"/>
      <c r="AO635" s="53"/>
      <c r="AP635" s="53"/>
      <c r="AQ635" s="53"/>
      <c r="AR635" s="53"/>
      <c r="AS635" s="53"/>
      <c r="AT635" s="53"/>
      <c r="AU635" s="53"/>
      <c r="AV635" s="53"/>
      <c r="AW635" s="53"/>
      <c r="AX635" s="53"/>
      <c r="AY635" s="53"/>
      <c r="AZ635" s="53"/>
      <c r="BA635" s="53"/>
    </row>
    <row r="636" spans="1:53">
      <c r="A636" s="52" t="s">
        <v>3949</v>
      </c>
      <c r="B636" s="53">
        <v>0</v>
      </c>
      <c r="C636" s="53">
        <v>0</v>
      </c>
      <c r="D636" s="53">
        <v>0</v>
      </c>
      <c r="E636" s="53">
        <v>0</v>
      </c>
      <c r="F636" s="53">
        <v>0</v>
      </c>
      <c r="G636" s="53">
        <v>0</v>
      </c>
      <c r="H636" s="53">
        <v>0</v>
      </c>
      <c r="I636" s="53">
        <v>0</v>
      </c>
      <c r="J636" s="53">
        <v>0</v>
      </c>
      <c r="K636" s="53">
        <v>0</v>
      </c>
      <c r="L636" s="53">
        <v>0</v>
      </c>
      <c r="M636" s="53">
        <v>0</v>
      </c>
      <c r="N636" s="53">
        <v>0</v>
      </c>
      <c r="O636" s="53">
        <v>0</v>
      </c>
      <c r="P636" s="53">
        <v>0</v>
      </c>
      <c r="Q636" s="53">
        <v>0</v>
      </c>
      <c r="R636" s="53">
        <v>0</v>
      </c>
      <c r="S636" s="53">
        <v>0</v>
      </c>
      <c r="T636" s="53">
        <v>0</v>
      </c>
      <c r="U636" s="53">
        <v>0</v>
      </c>
      <c r="V636" s="53">
        <v>0</v>
      </c>
      <c r="W636" s="53">
        <v>0</v>
      </c>
      <c r="X636" s="53">
        <v>0</v>
      </c>
      <c r="Y636" s="53">
        <v>0</v>
      </c>
      <c r="Z636" s="53">
        <v>0</v>
      </c>
      <c r="AA636" s="53">
        <v>0</v>
      </c>
      <c r="AB636" s="53">
        <v>0</v>
      </c>
      <c r="AC636" s="53">
        <v>0</v>
      </c>
      <c r="AD636" s="53">
        <v>0</v>
      </c>
      <c r="AE636" s="53">
        <v>0</v>
      </c>
      <c r="AF636" s="53">
        <v>0</v>
      </c>
      <c r="AG636" s="53">
        <v>0</v>
      </c>
      <c r="AH636" s="53">
        <v>0</v>
      </c>
      <c r="AI636" s="53">
        <v>0</v>
      </c>
      <c r="AJ636" s="53">
        <v>0</v>
      </c>
      <c r="AK636" s="53">
        <v>0</v>
      </c>
      <c r="AL636" s="53">
        <v>0</v>
      </c>
      <c r="AM636" s="53">
        <v>0</v>
      </c>
      <c r="AN636" s="53">
        <v>0</v>
      </c>
      <c r="AO636" s="53">
        <v>0</v>
      </c>
      <c r="AP636" s="53">
        <v>0</v>
      </c>
      <c r="AQ636" s="53">
        <v>0</v>
      </c>
      <c r="AR636" s="53">
        <v>0</v>
      </c>
      <c r="AS636" s="53">
        <v>0</v>
      </c>
      <c r="AT636" s="53">
        <v>0</v>
      </c>
      <c r="AU636" s="53">
        <v>0</v>
      </c>
      <c r="AV636" s="53">
        <v>0</v>
      </c>
      <c r="AW636" s="53">
        <v>0</v>
      </c>
      <c r="AX636" s="53">
        <v>0</v>
      </c>
      <c r="AY636" s="53">
        <v>0</v>
      </c>
      <c r="AZ636" s="53">
        <v>0</v>
      </c>
      <c r="BA636" s="53">
        <v>0</v>
      </c>
    </row>
    <row r="637" spans="1:53">
      <c r="A637" s="52" t="s">
        <v>3950</v>
      </c>
      <c r="B637" s="53">
        <v>0</v>
      </c>
      <c r="C637" s="53">
        <v>0</v>
      </c>
      <c r="D637" s="53">
        <v>0</v>
      </c>
      <c r="E637" s="53">
        <v>0</v>
      </c>
      <c r="F637" s="53">
        <v>0</v>
      </c>
      <c r="G637" s="53">
        <v>0</v>
      </c>
      <c r="H637" s="53">
        <v>0</v>
      </c>
      <c r="I637" s="53">
        <v>0</v>
      </c>
      <c r="J637" s="53">
        <v>0</v>
      </c>
      <c r="K637" s="53">
        <v>0</v>
      </c>
      <c r="L637" s="53">
        <v>0</v>
      </c>
      <c r="M637" s="53">
        <v>0</v>
      </c>
      <c r="N637" s="53">
        <v>0</v>
      </c>
      <c r="O637" s="53">
        <v>0</v>
      </c>
      <c r="P637" s="53">
        <v>0</v>
      </c>
      <c r="Q637" s="53">
        <v>0</v>
      </c>
      <c r="R637" s="53">
        <v>0</v>
      </c>
      <c r="S637" s="53">
        <v>0</v>
      </c>
      <c r="T637" s="53">
        <v>0</v>
      </c>
      <c r="U637" s="53">
        <v>0</v>
      </c>
      <c r="V637" s="53">
        <v>0</v>
      </c>
      <c r="W637" s="53">
        <v>0</v>
      </c>
      <c r="X637" s="53">
        <v>0</v>
      </c>
      <c r="Y637" s="53">
        <v>0</v>
      </c>
      <c r="Z637" s="53">
        <v>0</v>
      </c>
      <c r="AA637" s="53">
        <v>0</v>
      </c>
      <c r="AB637" s="53">
        <v>0</v>
      </c>
      <c r="AC637" s="53">
        <v>0</v>
      </c>
      <c r="AD637" s="53">
        <v>0</v>
      </c>
      <c r="AE637" s="53">
        <v>0</v>
      </c>
      <c r="AF637" s="53">
        <v>0</v>
      </c>
      <c r="AG637" s="53">
        <v>0</v>
      </c>
      <c r="AH637" s="53">
        <v>0</v>
      </c>
      <c r="AI637" s="53">
        <v>0</v>
      </c>
      <c r="AJ637" s="53">
        <v>0</v>
      </c>
      <c r="AK637" s="53">
        <v>0</v>
      </c>
      <c r="AL637" s="53">
        <v>0</v>
      </c>
      <c r="AM637" s="53">
        <v>0</v>
      </c>
      <c r="AN637" s="53">
        <v>0</v>
      </c>
      <c r="AO637" s="53">
        <v>0</v>
      </c>
      <c r="AP637" s="53">
        <v>0</v>
      </c>
      <c r="AQ637" s="53">
        <v>0</v>
      </c>
      <c r="AR637" s="53">
        <v>0</v>
      </c>
      <c r="AS637" s="53">
        <v>0</v>
      </c>
      <c r="AT637" s="53">
        <v>0</v>
      </c>
      <c r="AU637" s="53">
        <v>0</v>
      </c>
      <c r="AV637" s="53">
        <v>0</v>
      </c>
      <c r="AW637" s="53">
        <v>0</v>
      </c>
      <c r="AX637" s="53">
        <v>0</v>
      </c>
      <c r="AY637" s="53">
        <v>0</v>
      </c>
      <c r="AZ637" s="53">
        <v>0</v>
      </c>
      <c r="BA637" s="53">
        <v>0</v>
      </c>
    </row>
    <row r="638" spans="1:53">
      <c r="A638" s="52" t="s">
        <v>3951</v>
      </c>
      <c r="B638" s="53"/>
      <c r="C638" s="53"/>
      <c r="D638" s="53"/>
      <c r="E638" s="53"/>
      <c r="F638" s="53"/>
      <c r="G638" s="53"/>
      <c r="H638" s="53"/>
      <c r="I638" s="53"/>
      <c r="J638" s="53"/>
      <c r="K638" s="53"/>
      <c r="L638" s="53"/>
      <c r="M638" s="53"/>
      <c r="N638" s="53"/>
      <c r="O638" s="53"/>
      <c r="P638" s="53"/>
      <c r="Q638" s="53"/>
      <c r="R638" s="53"/>
      <c r="S638" s="53"/>
      <c r="T638" s="53"/>
      <c r="U638" s="53"/>
      <c r="V638" s="53"/>
      <c r="W638" s="53"/>
      <c r="X638" s="53"/>
      <c r="Y638" s="53"/>
      <c r="Z638" s="53"/>
      <c r="AA638" s="53"/>
      <c r="AB638" s="53"/>
      <c r="AC638" s="53"/>
      <c r="AD638" s="53"/>
      <c r="AE638" s="53"/>
      <c r="AF638" s="53"/>
      <c r="AG638" s="53"/>
      <c r="AH638" s="53"/>
      <c r="AI638" s="53"/>
      <c r="AJ638" s="53"/>
      <c r="AK638" s="53"/>
      <c r="AL638" s="53"/>
      <c r="AM638" s="53"/>
      <c r="AN638" s="53"/>
      <c r="AO638" s="53"/>
      <c r="AP638" s="53"/>
      <c r="AQ638" s="53"/>
      <c r="AR638" s="53"/>
      <c r="AS638" s="53"/>
      <c r="AT638" s="53"/>
      <c r="AU638" s="53"/>
      <c r="AV638" s="53"/>
      <c r="AW638" s="53"/>
      <c r="AX638" s="53"/>
      <c r="AY638" s="53"/>
      <c r="AZ638" s="53"/>
      <c r="BA638" s="53"/>
    </row>
    <row r="639" spans="1:53">
      <c r="A639" s="52" t="s">
        <v>3952</v>
      </c>
      <c r="B639" s="53">
        <v>0</v>
      </c>
      <c r="C639" s="53">
        <v>0</v>
      </c>
      <c r="D639" s="53">
        <v>1570338.8199999901</v>
      </c>
      <c r="E639" s="53">
        <v>0</v>
      </c>
      <c r="F639" s="53">
        <v>0</v>
      </c>
      <c r="G639" s="53">
        <v>1570338.8199999901</v>
      </c>
      <c r="H639" s="53">
        <v>0</v>
      </c>
      <c r="I639" s="53">
        <v>0</v>
      </c>
      <c r="J639" s="53">
        <v>1570338.8199999901</v>
      </c>
      <c r="K639" s="53">
        <v>0</v>
      </c>
      <c r="L639" s="53">
        <v>0</v>
      </c>
      <c r="M639" s="53">
        <v>1570338.8199999901</v>
      </c>
      <c r="N639" s="53">
        <v>6281355.27999999</v>
      </c>
      <c r="O639" s="53">
        <v>0</v>
      </c>
      <c r="P639" s="53">
        <v>0</v>
      </c>
      <c r="Q639" s="53">
        <v>1570338.8199999901</v>
      </c>
      <c r="R639" s="53">
        <v>0</v>
      </c>
      <c r="S639" s="53">
        <v>0</v>
      </c>
      <c r="T639" s="53">
        <v>1570338.8199999901</v>
      </c>
      <c r="U639" s="53">
        <v>0</v>
      </c>
      <c r="V639" s="53">
        <v>0</v>
      </c>
      <c r="W639" s="53">
        <v>1570338.8199999901</v>
      </c>
      <c r="X639" s="53">
        <v>0</v>
      </c>
      <c r="Y639" s="53">
        <v>0</v>
      </c>
      <c r="Z639" s="53">
        <v>1570338.8199999901</v>
      </c>
      <c r="AA639" s="53">
        <v>6281355.27999999</v>
      </c>
      <c r="AB639" s="53">
        <v>0</v>
      </c>
      <c r="AC639" s="53">
        <v>0</v>
      </c>
      <c r="AD639" s="53">
        <v>1570338.8199999901</v>
      </c>
      <c r="AE639" s="53">
        <v>0</v>
      </c>
      <c r="AF639" s="53">
        <v>0</v>
      </c>
      <c r="AG639" s="53">
        <v>1570338.8199999901</v>
      </c>
      <c r="AH639" s="53">
        <v>0</v>
      </c>
      <c r="AI639" s="53">
        <v>0</v>
      </c>
      <c r="AJ639" s="53">
        <v>1570338.8199999901</v>
      </c>
      <c r="AK639" s="53">
        <v>0</v>
      </c>
      <c r="AL639" s="53">
        <v>0</v>
      </c>
      <c r="AM639" s="53">
        <v>1570338.8199999901</v>
      </c>
      <c r="AN639" s="53">
        <v>6281355.27999999</v>
      </c>
      <c r="AO639" s="53">
        <v>0</v>
      </c>
      <c r="AP639" s="53">
        <v>0</v>
      </c>
      <c r="AQ639" s="53">
        <v>1570338.8199999901</v>
      </c>
      <c r="AR639" s="53">
        <v>0</v>
      </c>
      <c r="AS639" s="53">
        <v>0</v>
      </c>
      <c r="AT639" s="53">
        <v>1570338.8199999901</v>
      </c>
      <c r="AU639" s="53">
        <v>0</v>
      </c>
      <c r="AV639" s="53">
        <v>0</v>
      </c>
      <c r="AW639" s="53">
        <v>861366</v>
      </c>
      <c r="AX639" s="53">
        <v>0</v>
      </c>
      <c r="AY639" s="53">
        <v>0</v>
      </c>
      <c r="AZ639" s="53">
        <v>0</v>
      </c>
      <c r="BA639" s="53">
        <v>4002043.6399999899</v>
      </c>
    </row>
    <row r="640" spans="1:53">
      <c r="A640" s="232" t="s">
        <v>3953</v>
      </c>
      <c r="B640" s="53">
        <v>0</v>
      </c>
      <c r="C640" s="53">
        <v>0</v>
      </c>
      <c r="D640" s="53">
        <v>1570338.8199999901</v>
      </c>
      <c r="E640" s="53">
        <v>0</v>
      </c>
      <c r="F640" s="53">
        <v>0</v>
      </c>
      <c r="G640" s="53">
        <v>1570338.8199999901</v>
      </c>
      <c r="H640" s="53">
        <v>0</v>
      </c>
      <c r="I640" s="53">
        <v>0</v>
      </c>
      <c r="J640" s="53">
        <v>1570338.8199999901</v>
      </c>
      <c r="K640" s="53">
        <v>0</v>
      </c>
      <c r="L640" s="53">
        <v>0</v>
      </c>
      <c r="M640" s="53">
        <v>1570338.8199999901</v>
      </c>
      <c r="N640" s="53">
        <v>6281355.27999999</v>
      </c>
      <c r="O640" s="53">
        <v>0</v>
      </c>
      <c r="P640" s="53">
        <v>0</v>
      </c>
      <c r="Q640" s="53">
        <v>1570338.8199999901</v>
      </c>
      <c r="R640" s="53">
        <v>0</v>
      </c>
      <c r="S640" s="53">
        <v>0</v>
      </c>
      <c r="T640" s="53">
        <v>1570338.8199999901</v>
      </c>
      <c r="U640" s="53">
        <v>0</v>
      </c>
      <c r="V640" s="53">
        <v>0</v>
      </c>
      <c r="W640" s="53">
        <v>1570338.8199999901</v>
      </c>
      <c r="X640" s="53">
        <v>0</v>
      </c>
      <c r="Y640" s="53">
        <v>0</v>
      </c>
      <c r="Z640" s="53">
        <v>1570338.8199999901</v>
      </c>
      <c r="AA640" s="53">
        <v>6281355.27999999</v>
      </c>
      <c r="AB640" s="53">
        <v>0</v>
      </c>
      <c r="AC640" s="53">
        <v>0</v>
      </c>
      <c r="AD640" s="53">
        <v>1570338.8199999901</v>
      </c>
      <c r="AE640" s="53">
        <v>0</v>
      </c>
      <c r="AF640" s="53">
        <v>0</v>
      </c>
      <c r="AG640" s="53">
        <v>1570338.8199999901</v>
      </c>
      <c r="AH640" s="53">
        <v>0</v>
      </c>
      <c r="AI640" s="53">
        <v>0</v>
      </c>
      <c r="AJ640" s="53">
        <v>1570338.8199999901</v>
      </c>
      <c r="AK640" s="53">
        <v>0</v>
      </c>
      <c r="AL640" s="53">
        <v>0</v>
      </c>
      <c r="AM640" s="53">
        <v>1570338.8199999901</v>
      </c>
      <c r="AN640" s="53">
        <v>6281355.27999999</v>
      </c>
      <c r="AO640" s="53">
        <v>0</v>
      </c>
      <c r="AP640" s="53">
        <v>0</v>
      </c>
      <c r="AQ640" s="53">
        <v>1570338.8199999901</v>
      </c>
      <c r="AR640" s="53">
        <v>0</v>
      </c>
      <c r="AS640" s="53">
        <v>0</v>
      </c>
      <c r="AT640" s="53">
        <v>1570338.8199999901</v>
      </c>
      <c r="AU640" s="53">
        <v>0</v>
      </c>
      <c r="AV640" s="53">
        <v>0</v>
      </c>
      <c r="AW640" s="53">
        <v>861366</v>
      </c>
      <c r="AX640" s="53">
        <v>0</v>
      </c>
      <c r="AY640" s="53">
        <v>0</v>
      </c>
      <c r="AZ640" s="53">
        <v>0</v>
      </c>
      <c r="BA640" s="53">
        <v>4002043.6399999899</v>
      </c>
    </row>
    <row r="641" spans="1:53">
      <c r="A641" s="52" t="s">
        <v>3954</v>
      </c>
      <c r="B641" s="53"/>
      <c r="C641" s="53"/>
      <c r="D641" s="53"/>
      <c r="E641" s="53"/>
      <c r="F641" s="53"/>
      <c r="G641" s="53"/>
      <c r="H641" s="53"/>
      <c r="I641" s="53"/>
      <c r="J641" s="53"/>
      <c r="K641" s="53"/>
      <c r="L641" s="53"/>
      <c r="M641" s="53"/>
      <c r="N641" s="53"/>
      <c r="O641" s="53"/>
      <c r="P641" s="53"/>
      <c r="Q641" s="53"/>
      <c r="R641" s="53"/>
      <c r="S641" s="53"/>
      <c r="T641" s="53"/>
      <c r="U641" s="53"/>
      <c r="V641" s="53"/>
      <c r="W641" s="53"/>
      <c r="X641" s="53"/>
      <c r="Y641" s="53"/>
      <c r="Z641" s="53"/>
      <c r="AA641" s="53"/>
      <c r="AB641" s="53"/>
      <c r="AC641" s="53"/>
      <c r="AD641" s="53"/>
      <c r="AE641" s="53"/>
      <c r="AF641" s="53"/>
      <c r="AG641" s="53"/>
      <c r="AH641" s="53"/>
      <c r="AI641" s="53"/>
      <c r="AJ641" s="53"/>
      <c r="AK641" s="53"/>
      <c r="AL641" s="53"/>
      <c r="AM641" s="53"/>
      <c r="AN641" s="53"/>
      <c r="AO641" s="53"/>
      <c r="AP641" s="53"/>
      <c r="AQ641" s="53"/>
      <c r="AR641" s="53"/>
      <c r="AS641" s="53"/>
      <c r="AT641" s="53"/>
      <c r="AU641" s="53"/>
      <c r="AV641" s="53"/>
      <c r="AW641" s="53"/>
      <c r="AX641" s="53"/>
      <c r="AY641" s="53"/>
      <c r="AZ641" s="53"/>
      <c r="BA641" s="53"/>
    </row>
    <row r="642" spans="1:53">
      <c r="A642" s="52" t="s">
        <v>3955</v>
      </c>
      <c r="B642" s="53">
        <v>0</v>
      </c>
      <c r="C642" s="53">
        <v>0</v>
      </c>
      <c r="D642" s="53">
        <v>0</v>
      </c>
      <c r="E642" s="53">
        <v>0</v>
      </c>
      <c r="F642" s="53">
        <v>0</v>
      </c>
      <c r="G642" s="53">
        <v>0</v>
      </c>
      <c r="H642" s="53">
        <v>0</v>
      </c>
      <c r="I642" s="53">
        <v>0</v>
      </c>
      <c r="J642" s="53">
        <v>0</v>
      </c>
      <c r="K642" s="53">
        <v>0</v>
      </c>
      <c r="L642" s="53">
        <v>0</v>
      </c>
      <c r="M642" s="53">
        <v>0</v>
      </c>
      <c r="N642" s="53">
        <v>0</v>
      </c>
      <c r="O642" s="53">
        <v>0</v>
      </c>
      <c r="P642" s="53">
        <v>0</v>
      </c>
      <c r="Q642" s="53">
        <v>0</v>
      </c>
      <c r="R642" s="53">
        <v>0</v>
      </c>
      <c r="S642" s="53">
        <v>0</v>
      </c>
      <c r="T642" s="53">
        <v>0</v>
      </c>
      <c r="U642" s="53">
        <v>0</v>
      </c>
      <c r="V642" s="53">
        <v>0</v>
      </c>
      <c r="W642" s="53">
        <v>0</v>
      </c>
      <c r="X642" s="53">
        <v>0</v>
      </c>
      <c r="Y642" s="53">
        <v>0</v>
      </c>
      <c r="Z642" s="53">
        <v>0</v>
      </c>
      <c r="AA642" s="53">
        <v>0</v>
      </c>
      <c r="AB642" s="53">
        <v>0</v>
      </c>
      <c r="AC642" s="53">
        <v>0</v>
      </c>
      <c r="AD642" s="53">
        <v>0</v>
      </c>
      <c r="AE642" s="53">
        <v>0</v>
      </c>
      <c r="AF642" s="53">
        <v>0</v>
      </c>
      <c r="AG642" s="53">
        <v>0</v>
      </c>
      <c r="AH642" s="53">
        <v>0</v>
      </c>
      <c r="AI642" s="53">
        <v>0</v>
      </c>
      <c r="AJ642" s="53">
        <v>0</v>
      </c>
      <c r="AK642" s="53">
        <v>0</v>
      </c>
      <c r="AL642" s="53">
        <v>0</v>
      </c>
      <c r="AM642" s="53">
        <v>0</v>
      </c>
      <c r="AN642" s="53">
        <v>0</v>
      </c>
      <c r="AO642" s="53">
        <v>0</v>
      </c>
      <c r="AP642" s="53">
        <v>0</v>
      </c>
      <c r="AQ642" s="53">
        <v>0</v>
      </c>
      <c r="AR642" s="53">
        <v>0</v>
      </c>
      <c r="AS642" s="53">
        <v>0</v>
      </c>
      <c r="AT642" s="53">
        <v>0</v>
      </c>
      <c r="AU642" s="53">
        <v>0</v>
      </c>
      <c r="AV642" s="53">
        <v>0</v>
      </c>
      <c r="AW642" s="53">
        <v>0</v>
      </c>
      <c r="AX642" s="53">
        <v>0</v>
      </c>
      <c r="AY642" s="53">
        <v>0</v>
      </c>
      <c r="AZ642" s="53">
        <v>0</v>
      </c>
      <c r="BA642" s="53">
        <v>0</v>
      </c>
    </row>
    <row r="643" spans="1:53">
      <c r="A643" s="52" t="s">
        <v>3956</v>
      </c>
      <c r="B643" s="53">
        <v>-3230102.1402793699</v>
      </c>
      <c r="C643" s="53">
        <v>-3230102.1402793699</v>
      </c>
      <c r="D643" s="53">
        <v>-3230102.1402793699</v>
      </c>
      <c r="E643" s="53">
        <v>-3230102.1402793699</v>
      </c>
      <c r="F643" s="53">
        <v>-3230102.1402793699</v>
      </c>
      <c r="G643" s="53">
        <v>-3230102.1402793699</v>
      </c>
      <c r="H643" s="53">
        <v>-3230102.1402793699</v>
      </c>
      <c r="I643" s="53">
        <v>-3230102.1402793699</v>
      </c>
      <c r="J643" s="53">
        <v>-3230102.1402793699</v>
      </c>
      <c r="K643" s="53">
        <v>-3230102.1402793699</v>
      </c>
      <c r="L643" s="53">
        <v>-3230102.1402793699</v>
      </c>
      <c r="M643" s="53">
        <v>-3230102.1402793699</v>
      </c>
      <c r="N643" s="53">
        <v>-38761225.683352403</v>
      </c>
      <c r="O643" s="53">
        <v>0</v>
      </c>
      <c r="P643" s="53">
        <v>0</v>
      </c>
      <c r="Q643" s="53">
        <v>0</v>
      </c>
      <c r="R643" s="53">
        <v>0</v>
      </c>
      <c r="S643" s="53">
        <v>0</v>
      </c>
      <c r="T643" s="53">
        <v>0</v>
      </c>
      <c r="U643" s="53">
        <v>0</v>
      </c>
      <c r="V643" s="53">
        <v>0</v>
      </c>
      <c r="W643" s="53">
        <v>0</v>
      </c>
      <c r="X643" s="53">
        <v>0</v>
      </c>
      <c r="Y643" s="53">
        <v>0</v>
      </c>
      <c r="Z643" s="53">
        <v>0</v>
      </c>
      <c r="AA643" s="53">
        <v>0</v>
      </c>
      <c r="AB643" s="53">
        <v>0</v>
      </c>
      <c r="AC643" s="53">
        <v>0</v>
      </c>
      <c r="AD643" s="53">
        <v>0</v>
      </c>
      <c r="AE643" s="53">
        <v>0</v>
      </c>
      <c r="AF643" s="53">
        <v>0</v>
      </c>
      <c r="AG643" s="53">
        <v>0</v>
      </c>
      <c r="AH643" s="53">
        <v>0</v>
      </c>
      <c r="AI643" s="53">
        <v>0</v>
      </c>
      <c r="AJ643" s="53">
        <v>0</v>
      </c>
      <c r="AK643" s="53">
        <v>0</v>
      </c>
      <c r="AL643" s="53">
        <v>0</v>
      </c>
      <c r="AM643" s="53">
        <v>0</v>
      </c>
      <c r="AN643" s="53">
        <v>0</v>
      </c>
      <c r="AO643" s="53">
        <v>0</v>
      </c>
      <c r="AP643" s="53">
        <v>0</v>
      </c>
      <c r="AQ643" s="53">
        <v>0</v>
      </c>
      <c r="AR643" s="53">
        <v>0</v>
      </c>
      <c r="AS643" s="53">
        <v>0</v>
      </c>
      <c r="AT643" s="53">
        <v>0</v>
      </c>
      <c r="AU643" s="53">
        <v>0</v>
      </c>
      <c r="AV643" s="53">
        <v>0</v>
      </c>
      <c r="AW643" s="53">
        <v>0</v>
      </c>
      <c r="AX643" s="53">
        <v>0</v>
      </c>
      <c r="AY643" s="53">
        <v>0</v>
      </c>
      <c r="AZ643" s="53">
        <v>0</v>
      </c>
      <c r="BA643" s="53">
        <v>0</v>
      </c>
    </row>
    <row r="644" spans="1:53">
      <c r="A644" s="52" t="s">
        <v>3957</v>
      </c>
      <c r="B644" s="53">
        <v>3799663.9101633001</v>
      </c>
      <c r="C644" s="53">
        <v>-863304.80295442406</v>
      </c>
      <c r="D644" s="53">
        <v>-710339.00407149305</v>
      </c>
      <c r="E644" s="53">
        <v>-402364.66049979499</v>
      </c>
      <c r="F644" s="53">
        <v>286569.10679464397</v>
      </c>
      <c r="G644" s="53">
        <v>1693897.8697462201</v>
      </c>
      <c r="H644" s="53">
        <v>1138464.67496833</v>
      </c>
      <c r="I644" s="53">
        <v>5158648.9326208802</v>
      </c>
      <c r="J644" s="53">
        <v>282978.16239803197</v>
      </c>
      <c r="K644" s="53">
        <v>-2697516.11406093</v>
      </c>
      <c r="L644" s="53">
        <v>-4503410.6800672002</v>
      </c>
      <c r="M644" s="53">
        <v>-3183258.0515600899</v>
      </c>
      <c r="N644" s="53">
        <v>29.343477466682</v>
      </c>
      <c r="O644" s="53">
        <v>5913109.3641590197</v>
      </c>
      <c r="P644" s="53">
        <v>-4011193.1215371401</v>
      </c>
      <c r="Q644" s="53">
        <v>-2953319.3685087599</v>
      </c>
      <c r="R644" s="53">
        <v>-1705918.23876927</v>
      </c>
      <c r="S644" s="53">
        <v>1855598.0788416399</v>
      </c>
      <c r="T644" s="53">
        <v>3004862.61351076</v>
      </c>
      <c r="U644" s="53">
        <v>3905699.4260472101</v>
      </c>
      <c r="V644" s="53">
        <v>9619368.2623763308</v>
      </c>
      <c r="W644" s="53">
        <v>1286613.3346935101</v>
      </c>
      <c r="X644" s="53">
        <v>-2812762.0002831202</v>
      </c>
      <c r="Y644" s="53">
        <v>-7387293.7243298199</v>
      </c>
      <c r="Z644" s="53">
        <v>-6714764.6262003798</v>
      </c>
      <c r="AA644" s="53">
        <v>-3.6379788070917103E-8</v>
      </c>
      <c r="AB644" s="53">
        <v>6809499.4464822598</v>
      </c>
      <c r="AC644" s="53">
        <v>-6144447.7744046804</v>
      </c>
      <c r="AD644" s="53">
        <v>-4712397.9186732601</v>
      </c>
      <c r="AE644" s="53">
        <v>-2876115.8678267198</v>
      </c>
      <c r="AF644" s="53">
        <v>2043532.1996126899</v>
      </c>
      <c r="AG644" s="53">
        <v>3910862.0951166302</v>
      </c>
      <c r="AH644" s="53">
        <v>5265869.38696816</v>
      </c>
      <c r="AI644" s="53">
        <v>13006128.0788262</v>
      </c>
      <c r="AJ644" s="53">
        <v>2112726.5611808202</v>
      </c>
      <c r="AK644" s="53">
        <v>-2780207.12228075</v>
      </c>
      <c r="AL644" s="53">
        <v>-8868438.5023748707</v>
      </c>
      <c r="AM644" s="53">
        <v>-7767010.5826264899</v>
      </c>
      <c r="AN644" s="53">
        <v>3.6379788070917103E-8</v>
      </c>
      <c r="AO644" s="53">
        <v>7406617.7010302301</v>
      </c>
      <c r="AP644" s="53">
        <v>-7797925.9351495299</v>
      </c>
      <c r="AQ644" s="53">
        <v>-6097970.3739963397</v>
      </c>
      <c r="AR644" s="53">
        <v>-3838262.1254724101</v>
      </c>
      <c r="AS644" s="53">
        <v>2190394.9316162802</v>
      </c>
      <c r="AT644" s="53">
        <v>4612730.0475481302</v>
      </c>
      <c r="AU644" s="53">
        <v>6340866.2895516902</v>
      </c>
      <c r="AV644" s="53">
        <v>15575185.705872901</v>
      </c>
      <c r="AW644" s="53">
        <v>2861121.7589901998</v>
      </c>
      <c r="AX644" s="53">
        <v>-2838761.5981155802</v>
      </c>
      <c r="AY644" s="53">
        <v>-9925227.9520444497</v>
      </c>
      <c r="AZ644" s="53">
        <v>-8488768.4498310406</v>
      </c>
      <c r="BA644" s="53">
        <v>1.4551915228366799E-7</v>
      </c>
    </row>
    <row r="645" spans="1:53">
      <c r="A645" s="52" t="s">
        <v>3958</v>
      </c>
      <c r="B645" s="53">
        <v>213287.34724999999</v>
      </c>
      <c r="C645" s="53">
        <v>213287.34724999999</v>
      </c>
      <c r="D645" s="53">
        <v>213287.34724999999</v>
      </c>
      <c r="E645" s="53">
        <v>213287.34724999999</v>
      </c>
      <c r="F645" s="53">
        <v>213287.34724999999</v>
      </c>
      <c r="G645" s="53">
        <v>213287.34724999999</v>
      </c>
      <c r="H645" s="53">
        <v>213287.34724999999</v>
      </c>
      <c r="I645" s="53">
        <v>213287.34724999999</v>
      </c>
      <c r="J645" s="53">
        <v>213287.34724999999</v>
      </c>
      <c r="K645" s="53">
        <v>213287.34724999999</v>
      </c>
      <c r="L645" s="53">
        <v>213287.34724999999</v>
      </c>
      <c r="M645" s="53">
        <v>213287.34724999999</v>
      </c>
      <c r="N645" s="53">
        <v>2559448.1669999999</v>
      </c>
      <c r="O645" s="53">
        <v>213287.34724999999</v>
      </c>
      <c r="P645" s="53">
        <v>213287.34724999999</v>
      </c>
      <c r="Q645" s="53">
        <v>213287.34724999999</v>
      </c>
      <c r="R645" s="53">
        <v>213287.34724999999</v>
      </c>
      <c r="S645" s="53">
        <v>213287.34724999999</v>
      </c>
      <c r="T645" s="53">
        <v>213287.34724999999</v>
      </c>
      <c r="U645" s="53">
        <v>213287.34724999999</v>
      </c>
      <c r="V645" s="53">
        <v>213287.34724999999</v>
      </c>
      <c r="W645" s="53">
        <v>144305</v>
      </c>
      <c r="X645" s="53">
        <v>0</v>
      </c>
      <c r="Y645" s="53">
        <v>0</v>
      </c>
      <c r="Z645" s="53">
        <v>0</v>
      </c>
      <c r="AA645" s="53">
        <v>1850603.7779999999</v>
      </c>
      <c r="AB645" s="53">
        <v>0</v>
      </c>
      <c r="AC645" s="53">
        <v>0</v>
      </c>
      <c r="AD645" s="53">
        <v>0</v>
      </c>
      <c r="AE645" s="53">
        <v>0</v>
      </c>
      <c r="AF645" s="53">
        <v>0</v>
      </c>
      <c r="AG645" s="53">
        <v>0</v>
      </c>
      <c r="AH645" s="53">
        <v>0</v>
      </c>
      <c r="AI645" s="53">
        <v>0</v>
      </c>
      <c r="AJ645" s="53">
        <v>0</v>
      </c>
      <c r="AK645" s="53">
        <v>0</v>
      </c>
      <c r="AL645" s="53">
        <v>0</v>
      </c>
      <c r="AM645" s="53">
        <v>0</v>
      </c>
      <c r="AN645" s="53">
        <v>0</v>
      </c>
      <c r="AO645" s="53">
        <v>0</v>
      </c>
      <c r="AP645" s="53">
        <v>0</v>
      </c>
      <c r="AQ645" s="53">
        <v>0</v>
      </c>
      <c r="AR645" s="53">
        <v>0</v>
      </c>
      <c r="AS645" s="53">
        <v>0</v>
      </c>
      <c r="AT645" s="53">
        <v>0</v>
      </c>
      <c r="AU645" s="53">
        <v>0</v>
      </c>
      <c r="AV645" s="53">
        <v>0</v>
      </c>
      <c r="AW645" s="53">
        <v>0</v>
      </c>
      <c r="AX645" s="53">
        <v>0</v>
      </c>
      <c r="AY645" s="53">
        <v>0</v>
      </c>
      <c r="AZ645" s="53">
        <v>0</v>
      </c>
      <c r="BA645" s="53">
        <v>0</v>
      </c>
    </row>
    <row r="646" spans="1:53">
      <c r="A646" s="52" t="s">
        <v>3959</v>
      </c>
      <c r="B646" s="53">
        <v>89506</v>
      </c>
      <c r="C646" s="53">
        <v>89506</v>
      </c>
      <c r="D646" s="53">
        <v>89506</v>
      </c>
      <c r="E646" s="53">
        <v>89506</v>
      </c>
      <c r="F646" s="53">
        <v>89506</v>
      </c>
      <c r="G646" s="53">
        <v>89506</v>
      </c>
      <c r="H646" s="53">
        <v>89506</v>
      </c>
      <c r="I646" s="53">
        <v>89506</v>
      </c>
      <c r="J646" s="53">
        <v>89506</v>
      </c>
      <c r="K646" s="53">
        <v>89506</v>
      </c>
      <c r="L646" s="53">
        <v>89506</v>
      </c>
      <c r="M646" s="53">
        <v>89506</v>
      </c>
      <c r="N646" s="53">
        <v>1074072</v>
      </c>
      <c r="O646" s="53">
        <v>89506</v>
      </c>
      <c r="P646" s="53">
        <v>89506</v>
      </c>
      <c r="Q646" s="53">
        <v>89506</v>
      </c>
      <c r="R646" s="53">
        <v>89506</v>
      </c>
      <c r="S646" s="53">
        <v>89506</v>
      </c>
      <c r="T646" s="53">
        <v>89506</v>
      </c>
      <c r="U646" s="53">
        <v>89506</v>
      </c>
      <c r="V646" s="53">
        <v>89506</v>
      </c>
      <c r="W646" s="53">
        <v>89506</v>
      </c>
      <c r="X646" s="53">
        <v>89506</v>
      </c>
      <c r="Y646" s="53">
        <v>89506</v>
      </c>
      <c r="Z646" s="53">
        <v>89506</v>
      </c>
      <c r="AA646" s="53">
        <v>1074072</v>
      </c>
      <c r="AB646" s="53">
        <v>89506</v>
      </c>
      <c r="AC646" s="53">
        <v>89506</v>
      </c>
      <c r="AD646" s="53">
        <v>89506</v>
      </c>
      <c r="AE646" s="53">
        <v>89506</v>
      </c>
      <c r="AF646" s="53">
        <v>89506</v>
      </c>
      <c r="AG646" s="53">
        <v>89506</v>
      </c>
      <c r="AH646" s="53">
        <v>89506</v>
      </c>
      <c r="AI646" s="53">
        <v>89506</v>
      </c>
      <c r="AJ646" s="53">
        <v>89506</v>
      </c>
      <c r="AK646" s="53">
        <v>89506</v>
      </c>
      <c r="AL646" s="53">
        <v>89506</v>
      </c>
      <c r="AM646" s="53">
        <v>89506</v>
      </c>
      <c r="AN646" s="53">
        <v>1074072</v>
      </c>
      <c r="AO646" s="53">
        <v>89506</v>
      </c>
      <c r="AP646" s="53">
        <v>89506</v>
      </c>
      <c r="AQ646" s="53">
        <v>89506</v>
      </c>
      <c r="AR646" s="53">
        <v>89506</v>
      </c>
      <c r="AS646" s="53">
        <v>89506</v>
      </c>
      <c r="AT646" s="53">
        <v>89506</v>
      </c>
      <c r="AU646" s="53">
        <v>89506</v>
      </c>
      <c r="AV646" s="53">
        <v>89506</v>
      </c>
      <c r="AW646" s="53">
        <v>89506</v>
      </c>
      <c r="AX646" s="53">
        <v>89506</v>
      </c>
      <c r="AY646" s="53">
        <v>89506</v>
      </c>
      <c r="AZ646" s="53">
        <v>89506</v>
      </c>
      <c r="BA646" s="53">
        <v>1074072</v>
      </c>
    </row>
    <row r="647" spans="1:53">
      <c r="A647" s="52" t="s">
        <v>3960</v>
      </c>
      <c r="B647" s="53">
        <v>0</v>
      </c>
      <c r="C647" s="53">
        <v>0</v>
      </c>
      <c r="D647" s="53">
        <v>0</v>
      </c>
      <c r="E647" s="53">
        <v>0</v>
      </c>
      <c r="F647" s="53">
        <v>0</v>
      </c>
      <c r="G647" s="53">
        <v>0</v>
      </c>
      <c r="H647" s="53">
        <v>0</v>
      </c>
      <c r="I647" s="53">
        <v>0</v>
      </c>
      <c r="J647" s="53">
        <v>0</v>
      </c>
      <c r="K647" s="53">
        <v>0</v>
      </c>
      <c r="L647" s="53">
        <v>0</v>
      </c>
      <c r="M647" s="53">
        <v>0</v>
      </c>
      <c r="N647" s="53">
        <v>0</v>
      </c>
      <c r="O647" s="53">
        <v>0</v>
      </c>
      <c r="P647" s="53">
        <v>0</v>
      </c>
      <c r="Q647" s="53">
        <v>0</v>
      </c>
      <c r="R647" s="53">
        <v>0</v>
      </c>
      <c r="S647" s="53">
        <v>0</v>
      </c>
      <c r="T647" s="53">
        <v>0</v>
      </c>
      <c r="U647" s="53">
        <v>0</v>
      </c>
      <c r="V647" s="53">
        <v>0</v>
      </c>
      <c r="W647" s="53">
        <v>0</v>
      </c>
      <c r="X647" s="53">
        <v>0</v>
      </c>
      <c r="Y647" s="53">
        <v>0</v>
      </c>
      <c r="Z647" s="53">
        <v>0</v>
      </c>
      <c r="AA647" s="53">
        <v>0</v>
      </c>
      <c r="AB647" s="53">
        <v>0</v>
      </c>
      <c r="AC647" s="53">
        <v>0</v>
      </c>
      <c r="AD647" s="53">
        <v>0</v>
      </c>
      <c r="AE647" s="53">
        <v>0</v>
      </c>
      <c r="AF647" s="53">
        <v>0</v>
      </c>
      <c r="AG647" s="53">
        <v>0</v>
      </c>
      <c r="AH647" s="53">
        <v>0</v>
      </c>
      <c r="AI647" s="53">
        <v>0</v>
      </c>
      <c r="AJ647" s="53">
        <v>0</v>
      </c>
      <c r="AK647" s="53">
        <v>0</v>
      </c>
      <c r="AL647" s="53">
        <v>0</v>
      </c>
      <c r="AM647" s="53">
        <v>0</v>
      </c>
      <c r="AN647" s="53">
        <v>0</v>
      </c>
      <c r="AO647" s="53">
        <v>0</v>
      </c>
      <c r="AP647" s="53">
        <v>0</v>
      </c>
      <c r="AQ647" s="53">
        <v>0</v>
      </c>
      <c r="AR647" s="53">
        <v>0</v>
      </c>
      <c r="AS647" s="53">
        <v>0</v>
      </c>
      <c r="AT647" s="53">
        <v>0</v>
      </c>
      <c r="AU647" s="53">
        <v>0</v>
      </c>
      <c r="AV647" s="53">
        <v>0</v>
      </c>
      <c r="AW647" s="53">
        <v>0</v>
      </c>
      <c r="AX647" s="53">
        <v>0</v>
      </c>
      <c r="AY647" s="53">
        <v>0</v>
      </c>
      <c r="AZ647" s="53">
        <v>0</v>
      </c>
      <c r="BA647" s="53">
        <v>0</v>
      </c>
    </row>
    <row r="648" spans="1:53">
      <c r="A648" s="52" t="s">
        <v>3961</v>
      </c>
      <c r="B648" s="53">
        <v>48418.384375000001</v>
      </c>
      <c r="C648" s="53">
        <v>48418.384375000001</v>
      </c>
      <c r="D648" s="53">
        <v>48418.384375000001</v>
      </c>
      <c r="E648" s="53">
        <v>48418.384375000001</v>
      </c>
      <c r="F648" s="53">
        <v>48418.384375000001</v>
      </c>
      <c r="G648" s="53">
        <v>48418.384375000001</v>
      </c>
      <c r="H648" s="53">
        <v>48418.384375000001</v>
      </c>
      <c r="I648" s="53">
        <v>48418.384375000001</v>
      </c>
      <c r="J648" s="53">
        <v>48418.384375000001</v>
      </c>
      <c r="K648" s="53">
        <v>48418.384375000001</v>
      </c>
      <c r="L648" s="53">
        <v>48418.384375000001</v>
      </c>
      <c r="M648" s="53">
        <v>48418.384375000001</v>
      </c>
      <c r="N648" s="53">
        <v>581020.61250000005</v>
      </c>
      <c r="O648" s="53">
        <v>48418.384375000001</v>
      </c>
      <c r="P648" s="53">
        <v>48418.384375000001</v>
      </c>
      <c r="Q648" s="53">
        <v>48418.384375000001</v>
      </c>
      <c r="R648" s="53">
        <v>48418.384375000001</v>
      </c>
      <c r="S648" s="53">
        <v>48418.384375000001</v>
      </c>
      <c r="T648" s="53">
        <v>48418.384375000001</v>
      </c>
      <c r="U648" s="53">
        <v>48418.384375000001</v>
      </c>
      <c r="V648" s="53">
        <v>48418.384375000001</v>
      </c>
      <c r="W648" s="53">
        <v>48418.384375000001</v>
      </c>
      <c r="X648" s="53">
        <v>48418.384375000001</v>
      </c>
      <c r="Y648" s="53">
        <v>48418.384375000001</v>
      </c>
      <c r="Z648" s="53">
        <v>48418.384375000001</v>
      </c>
      <c r="AA648" s="53">
        <v>581020.61250000005</v>
      </c>
      <c r="AB648" s="53">
        <v>0</v>
      </c>
      <c r="AC648" s="53">
        <v>0</v>
      </c>
      <c r="AD648" s="53">
        <v>0</v>
      </c>
      <c r="AE648" s="53">
        <v>0</v>
      </c>
      <c r="AF648" s="53">
        <v>0</v>
      </c>
      <c r="AG648" s="53">
        <v>0</v>
      </c>
      <c r="AH648" s="53">
        <v>0</v>
      </c>
      <c r="AI648" s="53">
        <v>0</v>
      </c>
      <c r="AJ648" s="53">
        <v>0</v>
      </c>
      <c r="AK648" s="53">
        <v>0</v>
      </c>
      <c r="AL648" s="53">
        <v>0</v>
      </c>
      <c r="AM648" s="53">
        <v>0</v>
      </c>
      <c r="AN648" s="53">
        <v>0</v>
      </c>
      <c r="AO648" s="53">
        <v>0</v>
      </c>
      <c r="AP648" s="53">
        <v>0</v>
      </c>
      <c r="AQ648" s="53">
        <v>0</v>
      </c>
      <c r="AR648" s="53">
        <v>0</v>
      </c>
      <c r="AS648" s="53">
        <v>0</v>
      </c>
      <c r="AT648" s="53">
        <v>0</v>
      </c>
      <c r="AU648" s="53">
        <v>0</v>
      </c>
      <c r="AV648" s="53">
        <v>0</v>
      </c>
      <c r="AW648" s="53">
        <v>0</v>
      </c>
      <c r="AX648" s="53">
        <v>0</v>
      </c>
      <c r="AY648" s="53">
        <v>0</v>
      </c>
      <c r="AZ648" s="53">
        <v>0</v>
      </c>
      <c r="BA648" s="53">
        <v>0</v>
      </c>
    </row>
    <row r="649" spans="1:53">
      <c r="A649" s="52" t="s">
        <v>3962</v>
      </c>
      <c r="B649" s="53">
        <v>0</v>
      </c>
      <c r="C649" s="53">
        <v>0</v>
      </c>
      <c r="D649" s="53">
        <v>0</v>
      </c>
      <c r="E649" s="53">
        <v>0</v>
      </c>
      <c r="F649" s="53">
        <v>0</v>
      </c>
      <c r="G649" s="53">
        <v>0</v>
      </c>
      <c r="H649" s="53">
        <v>0</v>
      </c>
      <c r="I649" s="53">
        <v>0</v>
      </c>
      <c r="J649" s="53">
        <v>0</v>
      </c>
      <c r="K649" s="53">
        <v>0</v>
      </c>
      <c r="L649" s="53">
        <v>0</v>
      </c>
      <c r="M649" s="53">
        <v>0</v>
      </c>
      <c r="N649" s="53">
        <v>0</v>
      </c>
      <c r="O649" s="53">
        <v>0</v>
      </c>
      <c r="P649" s="53">
        <v>0</v>
      </c>
      <c r="Q649" s="53">
        <v>0</v>
      </c>
      <c r="R649" s="53">
        <v>0</v>
      </c>
      <c r="S649" s="53">
        <v>0</v>
      </c>
      <c r="T649" s="53">
        <v>0</v>
      </c>
      <c r="U649" s="53">
        <v>0</v>
      </c>
      <c r="V649" s="53">
        <v>0</v>
      </c>
      <c r="W649" s="53">
        <v>0</v>
      </c>
      <c r="X649" s="53">
        <v>0</v>
      </c>
      <c r="Y649" s="53">
        <v>0</v>
      </c>
      <c r="Z649" s="53">
        <v>0</v>
      </c>
      <c r="AA649" s="53">
        <v>0</v>
      </c>
      <c r="AB649" s="53">
        <v>0</v>
      </c>
      <c r="AC649" s="53">
        <v>0</v>
      </c>
      <c r="AD649" s="53">
        <v>0</v>
      </c>
      <c r="AE649" s="53">
        <v>0</v>
      </c>
      <c r="AF649" s="53">
        <v>0</v>
      </c>
      <c r="AG649" s="53">
        <v>0</v>
      </c>
      <c r="AH649" s="53">
        <v>0</v>
      </c>
      <c r="AI649" s="53">
        <v>0</v>
      </c>
      <c r="AJ649" s="53">
        <v>0</v>
      </c>
      <c r="AK649" s="53">
        <v>0</v>
      </c>
      <c r="AL649" s="53">
        <v>0</v>
      </c>
      <c r="AM649" s="53">
        <v>0</v>
      </c>
      <c r="AN649" s="53">
        <v>0</v>
      </c>
      <c r="AO649" s="53">
        <v>0</v>
      </c>
      <c r="AP649" s="53">
        <v>0</v>
      </c>
      <c r="AQ649" s="53">
        <v>0</v>
      </c>
      <c r="AR649" s="53">
        <v>0</v>
      </c>
      <c r="AS649" s="53">
        <v>0</v>
      </c>
      <c r="AT649" s="53">
        <v>0</v>
      </c>
      <c r="AU649" s="53">
        <v>0</v>
      </c>
      <c r="AV649" s="53">
        <v>0</v>
      </c>
      <c r="AW649" s="53">
        <v>0</v>
      </c>
      <c r="AX649" s="53">
        <v>0</v>
      </c>
      <c r="AY649" s="53">
        <v>0</v>
      </c>
      <c r="AZ649" s="53">
        <v>0</v>
      </c>
      <c r="BA649" s="53">
        <v>0</v>
      </c>
    </row>
    <row r="650" spans="1:53">
      <c r="A650" s="52" t="s">
        <v>3963</v>
      </c>
      <c r="B650" s="53">
        <v>177141.23564169701</v>
      </c>
      <c r="C650" s="53">
        <v>-120233.260024042</v>
      </c>
      <c r="D650" s="53">
        <v>-51957.761190505902</v>
      </c>
      <c r="E650" s="53">
        <v>-29316.740529094401</v>
      </c>
      <c r="F650" s="53">
        <v>76845.161949838206</v>
      </c>
      <c r="G650" s="53">
        <v>-13059.818789160199</v>
      </c>
      <c r="H650" s="53">
        <v>49361.316240217202</v>
      </c>
      <c r="I650" s="53">
        <v>250456.65353355301</v>
      </c>
      <c r="J650" s="53">
        <v>15335.8983279964</v>
      </c>
      <c r="K650" s="53">
        <v>-24039.2443432158</v>
      </c>
      <c r="L650" s="53">
        <v>-140790.624191788</v>
      </c>
      <c r="M650" s="53">
        <v>-189742.816625495</v>
      </c>
      <c r="N650" s="53">
        <v>-3.4106051316484799E-10</v>
      </c>
      <c r="O650" s="53">
        <v>147125.720324797</v>
      </c>
      <c r="P650" s="53">
        <v>-253710.70540185901</v>
      </c>
      <c r="Q650" s="53">
        <v>-192174.89290034401</v>
      </c>
      <c r="R650" s="53">
        <v>-120143.16900738901</v>
      </c>
      <c r="S650" s="53">
        <v>47583.717166806899</v>
      </c>
      <c r="T650" s="53">
        <v>113977.088166999</v>
      </c>
      <c r="U650" s="53">
        <v>169984.731879889</v>
      </c>
      <c r="V650" s="53">
        <v>428760.60016197601</v>
      </c>
      <c r="W650" s="53">
        <v>97381.657362074504</v>
      </c>
      <c r="X650" s="53">
        <v>-45696.672588984999</v>
      </c>
      <c r="Y650" s="53">
        <v>-219164.028060563</v>
      </c>
      <c r="Z650" s="53">
        <v>-173924.04710340299</v>
      </c>
      <c r="AA650" s="53">
        <v>-6.8212102632969597E-10</v>
      </c>
      <c r="AB650" s="53">
        <v>145039.07254220801</v>
      </c>
      <c r="AC650" s="53">
        <v>-253587.55066168701</v>
      </c>
      <c r="AD650" s="53">
        <v>-196253.70751827501</v>
      </c>
      <c r="AE650" s="53">
        <v>-124119.71688159399</v>
      </c>
      <c r="AF650" s="53">
        <v>44536.775654979603</v>
      </c>
      <c r="AG650" s="53">
        <v>116611.291089391</v>
      </c>
      <c r="AH650" s="53">
        <v>172475.96090962901</v>
      </c>
      <c r="AI650" s="53">
        <v>431204.917778156</v>
      </c>
      <c r="AJ650" s="53">
        <v>99843.120314680506</v>
      </c>
      <c r="AK650" s="53">
        <v>-41812.7814737757</v>
      </c>
      <c r="AL650" s="53">
        <v>-220725.21091428501</v>
      </c>
      <c r="AM650" s="53">
        <v>-173212.170839425</v>
      </c>
      <c r="AN650" s="53">
        <v>1.70530256582424E-9</v>
      </c>
      <c r="AO650" s="53">
        <v>141762.361973127</v>
      </c>
      <c r="AP650" s="53">
        <v>-256308.64963853901</v>
      </c>
      <c r="AQ650" s="53">
        <v>-200674.68809399201</v>
      </c>
      <c r="AR650" s="53">
        <v>-129189.67633088</v>
      </c>
      <c r="AS650" s="53">
        <v>42615.738404112599</v>
      </c>
      <c r="AT650" s="53">
        <v>117793.280674116</v>
      </c>
      <c r="AU650" s="53">
        <v>174538.08424482701</v>
      </c>
      <c r="AV650" s="53">
        <v>432759.65694205102</v>
      </c>
      <c r="AW650" s="53">
        <v>103051.139377049</v>
      </c>
      <c r="AX650" s="53">
        <v>-38942.700383311203</v>
      </c>
      <c r="AY650" s="53">
        <v>-218114.041093951</v>
      </c>
      <c r="AZ650" s="53">
        <v>-169290.506074606</v>
      </c>
      <c r="BA650" s="53">
        <v>3.1832314562052401E-9</v>
      </c>
    </row>
    <row r="651" spans="1:53">
      <c r="A651" s="52" t="s">
        <v>3964</v>
      </c>
      <c r="B651" s="53">
        <v>0</v>
      </c>
      <c r="C651" s="53">
        <v>0</v>
      </c>
      <c r="D651" s="53">
        <v>0</v>
      </c>
      <c r="E651" s="53">
        <v>0</v>
      </c>
      <c r="F651" s="53">
        <v>0</v>
      </c>
      <c r="G651" s="53">
        <v>0</v>
      </c>
      <c r="H651" s="53">
        <v>0</v>
      </c>
      <c r="I651" s="53">
        <v>0</v>
      </c>
      <c r="J651" s="53">
        <v>0</v>
      </c>
      <c r="K651" s="53">
        <v>0</v>
      </c>
      <c r="L651" s="53">
        <v>0</v>
      </c>
      <c r="M651" s="53">
        <v>0</v>
      </c>
      <c r="N651" s="53">
        <v>0</v>
      </c>
      <c r="O651" s="53">
        <v>0</v>
      </c>
      <c r="P651" s="53">
        <v>0</v>
      </c>
      <c r="Q651" s="53">
        <v>0</v>
      </c>
      <c r="R651" s="53">
        <v>0</v>
      </c>
      <c r="S651" s="53">
        <v>0</v>
      </c>
      <c r="T651" s="53">
        <v>0</v>
      </c>
      <c r="U651" s="53">
        <v>0</v>
      </c>
      <c r="V651" s="53">
        <v>0</v>
      </c>
      <c r="W651" s="53">
        <v>0</v>
      </c>
      <c r="X651" s="53">
        <v>0</v>
      </c>
      <c r="Y651" s="53">
        <v>0</v>
      </c>
      <c r="Z651" s="53">
        <v>0</v>
      </c>
      <c r="AA651" s="53">
        <v>0</v>
      </c>
      <c r="AB651" s="53">
        <v>0</v>
      </c>
      <c r="AC651" s="53">
        <v>0</v>
      </c>
      <c r="AD651" s="53">
        <v>0</v>
      </c>
      <c r="AE651" s="53">
        <v>0</v>
      </c>
      <c r="AF651" s="53">
        <v>0</v>
      </c>
      <c r="AG651" s="53">
        <v>0</v>
      </c>
      <c r="AH651" s="53">
        <v>0</v>
      </c>
      <c r="AI651" s="53">
        <v>0</v>
      </c>
      <c r="AJ651" s="53">
        <v>0</v>
      </c>
      <c r="AK651" s="53">
        <v>0</v>
      </c>
      <c r="AL651" s="53">
        <v>0</v>
      </c>
      <c r="AM651" s="53">
        <v>0</v>
      </c>
      <c r="AN651" s="53">
        <v>0</v>
      </c>
      <c r="AO651" s="53">
        <v>0</v>
      </c>
      <c r="AP651" s="53">
        <v>0</v>
      </c>
      <c r="AQ651" s="53">
        <v>0</v>
      </c>
      <c r="AR651" s="53">
        <v>0</v>
      </c>
      <c r="AS651" s="53">
        <v>0</v>
      </c>
      <c r="AT651" s="53">
        <v>0</v>
      </c>
      <c r="AU651" s="53">
        <v>0</v>
      </c>
      <c r="AV651" s="53">
        <v>0</v>
      </c>
      <c r="AW651" s="53">
        <v>0</v>
      </c>
      <c r="AX651" s="53">
        <v>0</v>
      </c>
      <c r="AY651" s="53">
        <v>0</v>
      </c>
      <c r="AZ651" s="53">
        <v>0</v>
      </c>
      <c r="BA651" s="53">
        <v>0</v>
      </c>
    </row>
    <row r="652" spans="1:53">
      <c r="A652" s="52" t="s">
        <v>3965</v>
      </c>
      <c r="B652" s="53">
        <v>545945.02617801004</v>
      </c>
      <c r="C652" s="53">
        <v>545945.02617801004</v>
      </c>
      <c r="D652" s="53">
        <v>545945.02617801004</v>
      </c>
      <c r="E652" s="53">
        <v>545945.02617801004</v>
      </c>
      <c r="F652" s="53">
        <v>545945.02617801004</v>
      </c>
      <c r="G652" s="53">
        <v>545945.02617801004</v>
      </c>
      <c r="H652" s="53">
        <v>545945.02617801004</v>
      </c>
      <c r="I652" s="53">
        <v>545945.02617801004</v>
      </c>
      <c r="J652" s="53">
        <v>545945.02617801004</v>
      </c>
      <c r="K652" s="53">
        <v>545945.02617801004</v>
      </c>
      <c r="L652" s="53">
        <v>545945.02617801004</v>
      </c>
      <c r="M652" s="53">
        <v>545945.02617801004</v>
      </c>
      <c r="N652" s="53">
        <v>6551340.3141361196</v>
      </c>
      <c r="O652" s="53">
        <v>545945.02617801004</v>
      </c>
      <c r="P652" s="53">
        <v>545945.02617801004</v>
      </c>
      <c r="Q652" s="53">
        <v>545945.02617801004</v>
      </c>
      <c r="R652" s="53">
        <v>545945.02617801004</v>
      </c>
      <c r="S652" s="53">
        <v>545945.02617801004</v>
      </c>
      <c r="T652" s="53">
        <v>545945.02617801004</v>
      </c>
      <c r="U652" s="53">
        <v>545945.02617801004</v>
      </c>
      <c r="V652" s="53">
        <v>545945.02617801004</v>
      </c>
      <c r="W652" s="53">
        <v>545945.02617801004</v>
      </c>
      <c r="X652" s="53">
        <v>545945.02617801004</v>
      </c>
      <c r="Y652" s="53">
        <v>545945.02617801004</v>
      </c>
      <c r="Z652" s="53">
        <v>545945.02617801004</v>
      </c>
      <c r="AA652" s="53">
        <v>6551340.3141361196</v>
      </c>
      <c r="AB652" s="53">
        <v>545945.02617801004</v>
      </c>
      <c r="AC652" s="53">
        <v>545945.02617801004</v>
      </c>
      <c r="AD652" s="53">
        <v>545945.02617801004</v>
      </c>
      <c r="AE652" s="53">
        <v>545945.02617801004</v>
      </c>
      <c r="AF652" s="53">
        <v>545945.02617801004</v>
      </c>
      <c r="AG652" s="53">
        <v>545945.02617801004</v>
      </c>
      <c r="AH652" s="53">
        <v>545945.02617801004</v>
      </c>
      <c r="AI652" s="53">
        <v>545945.02617801004</v>
      </c>
      <c r="AJ652" s="53">
        <v>545945.02617801004</v>
      </c>
      <c r="AK652" s="53">
        <v>545945.02617801004</v>
      </c>
      <c r="AL652" s="53">
        <v>545945.02617801004</v>
      </c>
      <c r="AM652" s="53">
        <v>545945.02617801004</v>
      </c>
      <c r="AN652" s="53">
        <v>6551340.3141361196</v>
      </c>
      <c r="AO652" s="53">
        <v>545945.02617801004</v>
      </c>
      <c r="AP652" s="53">
        <v>545945.02617801004</v>
      </c>
      <c r="AQ652" s="53">
        <v>545945.02617801004</v>
      </c>
      <c r="AR652" s="53">
        <v>545945.02617801004</v>
      </c>
      <c r="AS652" s="53">
        <v>545945.02617801004</v>
      </c>
      <c r="AT652" s="53">
        <v>545945.02617801004</v>
      </c>
      <c r="AU652" s="53">
        <v>545945.02617801004</v>
      </c>
      <c r="AV652" s="53">
        <v>545945.02617801004</v>
      </c>
      <c r="AW652" s="53">
        <v>545945.02617801004</v>
      </c>
      <c r="AX652" s="53">
        <v>545945.02617801004</v>
      </c>
      <c r="AY652" s="53">
        <v>545945.02617801004</v>
      </c>
      <c r="AZ652" s="53">
        <v>545945.02617801004</v>
      </c>
      <c r="BA652" s="53">
        <v>6551340.3141361196</v>
      </c>
    </row>
    <row r="653" spans="1:53">
      <c r="A653" s="52" t="s">
        <v>3966</v>
      </c>
      <c r="B653" s="53">
        <v>0</v>
      </c>
      <c r="C653" s="53">
        <v>0</v>
      </c>
      <c r="D653" s="53">
        <v>0</v>
      </c>
      <c r="E653" s="53">
        <v>0</v>
      </c>
      <c r="F653" s="53">
        <v>0</v>
      </c>
      <c r="G653" s="53">
        <v>0</v>
      </c>
      <c r="H653" s="53">
        <v>0</v>
      </c>
      <c r="I653" s="53">
        <v>0</v>
      </c>
      <c r="J653" s="53">
        <v>0</v>
      </c>
      <c r="K653" s="53">
        <v>0</v>
      </c>
      <c r="L653" s="53">
        <v>0</v>
      </c>
      <c r="M653" s="53">
        <v>0</v>
      </c>
      <c r="N653" s="53">
        <v>0</v>
      </c>
      <c r="O653" s="53">
        <v>0</v>
      </c>
      <c r="P653" s="53">
        <v>0</v>
      </c>
      <c r="Q653" s="53">
        <v>0</v>
      </c>
      <c r="R653" s="53">
        <v>0</v>
      </c>
      <c r="S653" s="53">
        <v>0</v>
      </c>
      <c r="T653" s="53">
        <v>0</v>
      </c>
      <c r="U653" s="53">
        <v>0</v>
      </c>
      <c r="V653" s="53">
        <v>0</v>
      </c>
      <c r="W653" s="53">
        <v>0</v>
      </c>
      <c r="X653" s="53">
        <v>0</v>
      </c>
      <c r="Y653" s="53">
        <v>0</v>
      </c>
      <c r="Z653" s="53">
        <v>0</v>
      </c>
      <c r="AA653" s="53">
        <v>0</v>
      </c>
      <c r="AB653" s="53">
        <v>0</v>
      </c>
      <c r="AC653" s="53">
        <v>0</v>
      </c>
      <c r="AD653" s="53">
        <v>0</v>
      </c>
      <c r="AE653" s="53">
        <v>0</v>
      </c>
      <c r="AF653" s="53">
        <v>0</v>
      </c>
      <c r="AG653" s="53">
        <v>0</v>
      </c>
      <c r="AH653" s="53">
        <v>0</v>
      </c>
      <c r="AI653" s="53">
        <v>0</v>
      </c>
      <c r="AJ653" s="53">
        <v>0</v>
      </c>
      <c r="AK653" s="53">
        <v>0</v>
      </c>
      <c r="AL653" s="53">
        <v>0</v>
      </c>
      <c r="AM653" s="53">
        <v>0</v>
      </c>
      <c r="AN653" s="53">
        <v>0</v>
      </c>
      <c r="AO653" s="53">
        <v>0</v>
      </c>
      <c r="AP653" s="53">
        <v>0</v>
      </c>
      <c r="AQ653" s="53">
        <v>0</v>
      </c>
      <c r="AR653" s="53">
        <v>0</v>
      </c>
      <c r="AS653" s="53">
        <v>0</v>
      </c>
      <c r="AT653" s="53">
        <v>0</v>
      </c>
      <c r="AU653" s="53">
        <v>0</v>
      </c>
      <c r="AV653" s="53">
        <v>0</v>
      </c>
      <c r="AW653" s="53">
        <v>0</v>
      </c>
      <c r="AX653" s="53">
        <v>0</v>
      </c>
      <c r="AY653" s="53">
        <v>0</v>
      </c>
      <c r="AZ653" s="53">
        <v>0</v>
      </c>
      <c r="BA653" s="53">
        <v>0</v>
      </c>
    </row>
    <row r="654" spans="1:53">
      <c r="A654" s="52" t="s">
        <v>3967</v>
      </c>
      <c r="B654" s="53">
        <v>0</v>
      </c>
      <c r="C654" s="53">
        <v>0</v>
      </c>
      <c r="D654" s="53">
        <v>0</v>
      </c>
      <c r="E654" s="53">
        <v>0</v>
      </c>
      <c r="F654" s="53">
        <v>0</v>
      </c>
      <c r="G654" s="53">
        <v>0</v>
      </c>
      <c r="H654" s="53">
        <v>0</v>
      </c>
      <c r="I654" s="53">
        <v>0</v>
      </c>
      <c r="J654" s="53">
        <v>0</v>
      </c>
      <c r="K654" s="53">
        <v>0</v>
      </c>
      <c r="L654" s="53">
        <v>0</v>
      </c>
      <c r="M654" s="53">
        <v>0</v>
      </c>
      <c r="N654" s="53">
        <v>0</v>
      </c>
      <c r="O654" s="53">
        <v>0</v>
      </c>
      <c r="P654" s="53">
        <v>0</v>
      </c>
      <c r="Q654" s="53">
        <v>0</v>
      </c>
      <c r="R654" s="53">
        <v>0</v>
      </c>
      <c r="S654" s="53">
        <v>0</v>
      </c>
      <c r="T654" s="53">
        <v>0</v>
      </c>
      <c r="U654" s="53">
        <v>0</v>
      </c>
      <c r="V654" s="53">
        <v>0</v>
      </c>
      <c r="W654" s="53">
        <v>0</v>
      </c>
      <c r="X654" s="53">
        <v>0</v>
      </c>
      <c r="Y654" s="53">
        <v>0</v>
      </c>
      <c r="Z654" s="53">
        <v>0</v>
      </c>
      <c r="AA654" s="53">
        <v>0</v>
      </c>
      <c r="AB654" s="53">
        <v>0</v>
      </c>
      <c r="AC654" s="53">
        <v>0</v>
      </c>
      <c r="AD654" s="53">
        <v>0</v>
      </c>
      <c r="AE654" s="53">
        <v>0</v>
      </c>
      <c r="AF654" s="53">
        <v>0</v>
      </c>
      <c r="AG654" s="53">
        <v>0</v>
      </c>
      <c r="AH654" s="53">
        <v>0</v>
      </c>
      <c r="AI654" s="53">
        <v>0</v>
      </c>
      <c r="AJ654" s="53">
        <v>0</v>
      </c>
      <c r="AK654" s="53">
        <v>0</v>
      </c>
      <c r="AL654" s="53">
        <v>0</v>
      </c>
      <c r="AM654" s="53">
        <v>0</v>
      </c>
      <c r="AN654" s="53">
        <v>0</v>
      </c>
      <c r="AO654" s="53">
        <v>0</v>
      </c>
      <c r="AP654" s="53">
        <v>0</v>
      </c>
      <c r="AQ654" s="53">
        <v>0</v>
      </c>
      <c r="AR654" s="53">
        <v>0</v>
      </c>
      <c r="AS654" s="53">
        <v>0</v>
      </c>
      <c r="AT654" s="53">
        <v>0</v>
      </c>
      <c r="AU654" s="53">
        <v>0</v>
      </c>
      <c r="AV654" s="53">
        <v>0</v>
      </c>
      <c r="AW654" s="53">
        <v>0</v>
      </c>
      <c r="AX654" s="53">
        <v>0</v>
      </c>
      <c r="AY654" s="53">
        <v>0</v>
      </c>
      <c r="AZ654" s="53">
        <v>0</v>
      </c>
      <c r="BA654" s="53">
        <v>0</v>
      </c>
    </row>
    <row r="655" spans="1:53">
      <c r="A655" s="52" t="s">
        <v>3968</v>
      </c>
      <c r="B655" s="53">
        <v>19475.434583333299</v>
      </c>
      <c r="C655" s="53">
        <v>19475.434583333299</v>
      </c>
      <c r="D655" s="53">
        <v>19475.434583333299</v>
      </c>
      <c r="E655" s="53">
        <v>19475.434583333299</v>
      </c>
      <c r="F655" s="53">
        <v>19475.434583333299</v>
      </c>
      <c r="G655" s="53">
        <v>19475.434583333299</v>
      </c>
      <c r="H655" s="53">
        <v>19475.434583333299</v>
      </c>
      <c r="I655" s="53">
        <v>19475.434583333299</v>
      </c>
      <c r="J655" s="53">
        <v>19475.434583333299</v>
      </c>
      <c r="K655" s="53">
        <v>19475.434583333299</v>
      </c>
      <c r="L655" s="53">
        <v>19475.434583333299</v>
      </c>
      <c r="M655" s="53">
        <v>19475.434583333299</v>
      </c>
      <c r="N655" s="53">
        <v>233705.21499999901</v>
      </c>
      <c r="O655" s="53">
        <v>19475.434583333299</v>
      </c>
      <c r="P655" s="53">
        <v>19475.434583333299</v>
      </c>
      <c r="Q655" s="53">
        <v>19475.434583333299</v>
      </c>
      <c r="R655" s="53">
        <v>19475.434583333299</v>
      </c>
      <c r="S655" s="53">
        <v>19475.434583333299</v>
      </c>
      <c r="T655" s="53">
        <v>19475.434583333299</v>
      </c>
      <c r="U655" s="53">
        <v>19475.434583333299</v>
      </c>
      <c r="V655" s="53">
        <v>19475.434583333299</v>
      </c>
      <c r="W655" s="53">
        <v>19475.434583333299</v>
      </c>
      <c r="X655" s="53">
        <v>19475.434583333299</v>
      </c>
      <c r="Y655" s="53">
        <v>19475.434583333299</v>
      </c>
      <c r="Z655" s="53">
        <v>19475.434583333299</v>
      </c>
      <c r="AA655" s="53">
        <v>233705.21499999901</v>
      </c>
      <c r="AB655" s="53">
        <v>0</v>
      </c>
      <c r="AC655" s="53">
        <v>0</v>
      </c>
      <c r="AD655" s="53">
        <v>0</v>
      </c>
      <c r="AE655" s="53">
        <v>0</v>
      </c>
      <c r="AF655" s="53">
        <v>0</v>
      </c>
      <c r="AG655" s="53">
        <v>0</v>
      </c>
      <c r="AH655" s="53">
        <v>0</v>
      </c>
      <c r="AI655" s="53">
        <v>0</v>
      </c>
      <c r="AJ655" s="53">
        <v>0</v>
      </c>
      <c r="AK655" s="53">
        <v>0</v>
      </c>
      <c r="AL655" s="53">
        <v>0</v>
      </c>
      <c r="AM655" s="53">
        <v>0</v>
      </c>
      <c r="AN655" s="53">
        <v>0</v>
      </c>
      <c r="AO655" s="53">
        <v>0</v>
      </c>
      <c r="AP655" s="53">
        <v>0</v>
      </c>
      <c r="AQ655" s="53">
        <v>0</v>
      </c>
      <c r="AR655" s="53">
        <v>0</v>
      </c>
      <c r="AS655" s="53">
        <v>0</v>
      </c>
      <c r="AT655" s="53">
        <v>0</v>
      </c>
      <c r="AU655" s="53">
        <v>0</v>
      </c>
      <c r="AV655" s="53">
        <v>0</v>
      </c>
      <c r="AW655" s="53">
        <v>0</v>
      </c>
      <c r="AX655" s="53">
        <v>0</v>
      </c>
      <c r="AY655" s="53">
        <v>0</v>
      </c>
      <c r="AZ655" s="53">
        <v>0</v>
      </c>
      <c r="BA655" s="53">
        <v>0</v>
      </c>
    </row>
    <row r="656" spans="1:53">
      <c r="A656" s="52" t="s">
        <v>3969</v>
      </c>
      <c r="B656" s="53">
        <v>0</v>
      </c>
      <c r="C656" s="53">
        <v>0</v>
      </c>
      <c r="D656" s="53">
        <v>0</v>
      </c>
      <c r="E656" s="53">
        <v>0</v>
      </c>
      <c r="F656" s="53">
        <v>0</v>
      </c>
      <c r="G656" s="53">
        <v>0</v>
      </c>
      <c r="H656" s="53">
        <v>0</v>
      </c>
      <c r="I656" s="53">
        <v>0</v>
      </c>
      <c r="J656" s="53">
        <v>0</v>
      </c>
      <c r="K656" s="53">
        <v>0</v>
      </c>
      <c r="L656" s="53">
        <v>0</v>
      </c>
      <c r="M656" s="53">
        <v>0</v>
      </c>
      <c r="N656" s="53">
        <v>0</v>
      </c>
      <c r="O656" s="53">
        <v>0</v>
      </c>
      <c r="P656" s="53">
        <v>0</v>
      </c>
      <c r="Q656" s="53">
        <v>0</v>
      </c>
      <c r="R656" s="53">
        <v>0</v>
      </c>
      <c r="S656" s="53">
        <v>0</v>
      </c>
      <c r="T656" s="53">
        <v>0</v>
      </c>
      <c r="U656" s="53">
        <v>0</v>
      </c>
      <c r="V656" s="53">
        <v>0</v>
      </c>
      <c r="W656" s="53">
        <v>0</v>
      </c>
      <c r="X656" s="53">
        <v>0</v>
      </c>
      <c r="Y656" s="53">
        <v>0</v>
      </c>
      <c r="Z656" s="53">
        <v>0</v>
      </c>
      <c r="AA656" s="53">
        <v>0</v>
      </c>
      <c r="AB656" s="53">
        <v>0</v>
      </c>
      <c r="AC656" s="53">
        <v>0</v>
      </c>
      <c r="AD656" s="53">
        <v>0</v>
      </c>
      <c r="AE656" s="53">
        <v>0</v>
      </c>
      <c r="AF656" s="53">
        <v>0</v>
      </c>
      <c r="AG656" s="53">
        <v>0</v>
      </c>
      <c r="AH656" s="53">
        <v>0</v>
      </c>
      <c r="AI656" s="53">
        <v>0</v>
      </c>
      <c r="AJ656" s="53">
        <v>0</v>
      </c>
      <c r="AK656" s="53">
        <v>0</v>
      </c>
      <c r="AL656" s="53">
        <v>0</v>
      </c>
      <c r="AM656" s="53">
        <v>0</v>
      </c>
      <c r="AN656" s="53">
        <v>0</v>
      </c>
      <c r="AO656" s="53">
        <v>0</v>
      </c>
      <c r="AP656" s="53">
        <v>0</v>
      </c>
      <c r="AQ656" s="53">
        <v>0</v>
      </c>
      <c r="AR656" s="53">
        <v>0</v>
      </c>
      <c r="AS656" s="53">
        <v>0</v>
      </c>
      <c r="AT656" s="53">
        <v>0</v>
      </c>
      <c r="AU656" s="53">
        <v>0</v>
      </c>
      <c r="AV656" s="53">
        <v>0</v>
      </c>
      <c r="AW656" s="53">
        <v>0</v>
      </c>
      <c r="AX656" s="53">
        <v>0</v>
      </c>
      <c r="AY656" s="53">
        <v>0</v>
      </c>
      <c r="AZ656" s="53">
        <v>0</v>
      </c>
      <c r="BA656" s="53">
        <v>0</v>
      </c>
    </row>
    <row r="657" spans="1:53">
      <c r="A657" s="52" t="s">
        <v>3970</v>
      </c>
      <c r="B657" s="53">
        <v>0</v>
      </c>
      <c r="C657" s="53">
        <v>0</v>
      </c>
      <c r="D657" s="53">
        <v>0</v>
      </c>
      <c r="E657" s="53">
        <v>0</v>
      </c>
      <c r="F657" s="53">
        <v>0</v>
      </c>
      <c r="G657" s="53">
        <v>0</v>
      </c>
      <c r="H657" s="53">
        <v>0</v>
      </c>
      <c r="I657" s="53">
        <v>0</v>
      </c>
      <c r="J657" s="53">
        <v>0</v>
      </c>
      <c r="K657" s="53">
        <v>0</v>
      </c>
      <c r="L657" s="53">
        <v>0</v>
      </c>
      <c r="M657" s="53">
        <v>0</v>
      </c>
      <c r="N657" s="53">
        <v>0</v>
      </c>
      <c r="O657" s="53">
        <v>0</v>
      </c>
      <c r="P657" s="53">
        <v>0</v>
      </c>
      <c r="Q657" s="53">
        <v>0</v>
      </c>
      <c r="R657" s="53">
        <v>0</v>
      </c>
      <c r="S657" s="53">
        <v>0</v>
      </c>
      <c r="T657" s="53">
        <v>0</v>
      </c>
      <c r="U657" s="53">
        <v>0</v>
      </c>
      <c r="V657" s="53">
        <v>0</v>
      </c>
      <c r="W657" s="53">
        <v>0</v>
      </c>
      <c r="X657" s="53">
        <v>0</v>
      </c>
      <c r="Y657" s="53">
        <v>0</v>
      </c>
      <c r="Z657" s="53">
        <v>0</v>
      </c>
      <c r="AA657" s="53">
        <v>0</v>
      </c>
      <c r="AB657" s="53">
        <v>0</v>
      </c>
      <c r="AC657" s="53">
        <v>0</v>
      </c>
      <c r="AD657" s="53">
        <v>0</v>
      </c>
      <c r="AE657" s="53">
        <v>0</v>
      </c>
      <c r="AF657" s="53">
        <v>0</v>
      </c>
      <c r="AG657" s="53">
        <v>0</v>
      </c>
      <c r="AH657" s="53">
        <v>0</v>
      </c>
      <c r="AI657" s="53">
        <v>0</v>
      </c>
      <c r="AJ657" s="53">
        <v>0</v>
      </c>
      <c r="AK657" s="53">
        <v>0</v>
      </c>
      <c r="AL657" s="53">
        <v>0</v>
      </c>
      <c r="AM657" s="53">
        <v>0</v>
      </c>
      <c r="AN657" s="53">
        <v>0</v>
      </c>
      <c r="AO657" s="53">
        <v>0</v>
      </c>
      <c r="AP657" s="53">
        <v>0</v>
      </c>
      <c r="AQ657" s="53">
        <v>0</v>
      </c>
      <c r="AR657" s="53">
        <v>0</v>
      </c>
      <c r="AS657" s="53">
        <v>0</v>
      </c>
      <c r="AT657" s="53">
        <v>0</v>
      </c>
      <c r="AU657" s="53">
        <v>0</v>
      </c>
      <c r="AV657" s="53">
        <v>0</v>
      </c>
      <c r="AW657" s="53">
        <v>0</v>
      </c>
      <c r="AX657" s="53">
        <v>0</v>
      </c>
      <c r="AY657" s="53">
        <v>0</v>
      </c>
      <c r="AZ657" s="53">
        <v>0</v>
      </c>
      <c r="BA657" s="53">
        <v>0</v>
      </c>
    </row>
    <row r="658" spans="1:53">
      <c r="A658" s="52" t="s">
        <v>3971</v>
      </c>
      <c r="B658" s="53">
        <v>0</v>
      </c>
      <c r="C658" s="53">
        <v>0</v>
      </c>
      <c r="D658" s="53">
        <v>0</v>
      </c>
      <c r="E658" s="53">
        <v>0</v>
      </c>
      <c r="F658" s="53">
        <v>0</v>
      </c>
      <c r="G658" s="53">
        <v>0</v>
      </c>
      <c r="H658" s="53">
        <v>0</v>
      </c>
      <c r="I658" s="53">
        <v>0</v>
      </c>
      <c r="J658" s="53">
        <v>0</v>
      </c>
      <c r="K658" s="53">
        <v>0</v>
      </c>
      <c r="L658" s="53">
        <v>0</v>
      </c>
      <c r="M658" s="53">
        <v>0</v>
      </c>
      <c r="N658" s="53">
        <v>0</v>
      </c>
      <c r="O658" s="53">
        <v>0</v>
      </c>
      <c r="P658" s="53">
        <v>0</v>
      </c>
      <c r="Q658" s="53">
        <v>0</v>
      </c>
      <c r="R658" s="53">
        <v>0</v>
      </c>
      <c r="S658" s="53">
        <v>0</v>
      </c>
      <c r="T658" s="53">
        <v>0</v>
      </c>
      <c r="U658" s="53">
        <v>0</v>
      </c>
      <c r="V658" s="53">
        <v>0</v>
      </c>
      <c r="W658" s="53">
        <v>0</v>
      </c>
      <c r="X658" s="53">
        <v>0</v>
      </c>
      <c r="Y658" s="53">
        <v>0</v>
      </c>
      <c r="Z658" s="53">
        <v>0</v>
      </c>
      <c r="AA658" s="53">
        <v>0</v>
      </c>
      <c r="AB658" s="53">
        <v>0</v>
      </c>
      <c r="AC658" s="53">
        <v>0</v>
      </c>
      <c r="AD658" s="53">
        <v>0</v>
      </c>
      <c r="AE658" s="53">
        <v>0</v>
      </c>
      <c r="AF658" s="53">
        <v>0</v>
      </c>
      <c r="AG658" s="53">
        <v>0</v>
      </c>
      <c r="AH658" s="53">
        <v>0</v>
      </c>
      <c r="AI658" s="53">
        <v>0</v>
      </c>
      <c r="AJ658" s="53">
        <v>0</v>
      </c>
      <c r="AK658" s="53">
        <v>0</v>
      </c>
      <c r="AL658" s="53">
        <v>0</v>
      </c>
      <c r="AM658" s="53">
        <v>0</v>
      </c>
      <c r="AN658" s="53">
        <v>0</v>
      </c>
      <c r="AO658" s="53">
        <v>0</v>
      </c>
      <c r="AP658" s="53">
        <v>0</v>
      </c>
      <c r="AQ658" s="53">
        <v>0</v>
      </c>
      <c r="AR658" s="53">
        <v>0</v>
      </c>
      <c r="AS658" s="53">
        <v>0</v>
      </c>
      <c r="AT658" s="53">
        <v>0</v>
      </c>
      <c r="AU658" s="53">
        <v>0</v>
      </c>
      <c r="AV658" s="53">
        <v>0</v>
      </c>
      <c r="AW658" s="53">
        <v>0</v>
      </c>
      <c r="AX658" s="53">
        <v>0</v>
      </c>
      <c r="AY658" s="53">
        <v>0</v>
      </c>
      <c r="AZ658" s="53">
        <v>0</v>
      </c>
      <c r="BA658" s="53">
        <v>0</v>
      </c>
    </row>
    <row r="659" spans="1:53">
      <c r="A659" s="52" t="s">
        <v>3972</v>
      </c>
      <c r="B659" s="53">
        <v>0</v>
      </c>
      <c r="C659" s="53">
        <v>0</v>
      </c>
      <c r="D659" s="53">
        <v>0</v>
      </c>
      <c r="E659" s="53">
        <v>0</v>
      </c>
      <c r="F659" s="53">
        <v>0</v>
      </c>
      <c r="G659" s="53">
        <v>0</v>
      </c>
      <c r="H659" s="53">
        <v>0</v>
      </c>
      <c r="I659" s="53">
        <v>0</v>
      </c>
      <c r="J659" s="53">
        <v>0</v>
      </c>
      <c r="K659" s="53">
        <v>0</v>
      </c>
      <c r="L659" s="53">
        <v>0</v>
      </c>
      <c r="M659" s="53">
        <v>0</v>
      </c>
      <c r="N659" s="53">
        <v>0</v>
      </c>
      <c r="O659" s="53">
        <v>401760</v>
      </c>
      <c r="P659" s="53">
        <v>401760</v>
      </c>
      <c r="Q659" s="53">
        <v>401760</v>
      </c>
      <c r="R659" s="53">
        <v>401760</v>
      </c>
      <c r="S659" s="53">
        <v>401760</v>
      </c>
      <c r="T659" s="53">
        <v>401760</v>
      </c>
      <c r="U659" s="53">
        <v>401760</v>
      </c>
      <c r="V659" s="53">
        <v>401760</v>
      </c>
      <c r="W659" s="53">
        <v>401760</v>
      </c>
      <c r="X659" s="53">
        <v>401760</v>
      </c>
      <c r="Y659" s="53">
        <v>401760</v>
      </c>
      <c r="Z659" s="53">
        <v>401760</v>
      </c>
      <c r="AA659" s="53">
        <v>4821120</v>
      </c>
      <c r="AB659" s="53">
        <v>401760</v>
      </c>
      <c r="AC659" s="53">
        <v>401760</v>
      </c>
      <c r="AD659" s="53">
        <v>401760</v>
      </c>
      <c r="AE659" s="53">
        <v>401760</v>
      </c>
      <c r="AF659" s="53">
        <v>401760</v>
      </c>
      <c r="AG659" s="53">
        <v>401760</v>
      </c>
      <c r="AH659" s="53">
        <v>401760</v>
      </c>
      <c r="AI659" s="53">
        <v>401760</v>
      </c>
      <c r="AJ659" s="53">
        <v>401760</v>
      </c>
      <c r="AK659" s="53">
        <v>401760</v>
      </c>
      <c r="AL659" s="53">
        <v>401760</v>
      </c>
      <c r="AM659" s="53">
        <v>401760</v>
      </c>
      <c r="AN659" s="53">
        <v>4821120</v>
      </c>
      <c r="AO659" s="53">
        <v>401760</v>
      </c>
      <c r="AP659" s="53">
        <v>401760</v>
      </c>
      <c r="AQ659" s="53">
        <v>401760</v>
      </c>
      <c r="AR659" s="53">
        <v>401760</v>
      </c>
      <c r="AS659" s="53">
        <v>401760</v>
      </c>
      <c r="AT659" s="53">
        <v>401760</v>
      </c>
      <c r="AU659" s="53">
        <v>401760</v>
      </c>
      <c r="AV659" s="53">
        <v>401760</v>
      </c>
      <c r="AW659" s="53">
        <v>401760</v>
      </c>
      <c r="AX659" s="53">
        <v>401760</v>
      </c>
      <c r="AY659" s="53">
        <v>401760</v>
      </c>
      <c r="AZ659" s="53">
        <v>401760</v>
      </c>
      <c r="BA659" s="53">
        <v>4821120</v>
      </c>
    </row>
    <row r="660" spans="1:53">
      <c r="A660" s="52" t="s">
        <v>3973</v>
      </c>
      <c r="B660" s="53">
        <v>0</v>
      </c>
      <c r="C660" s="53">
        <v>0</v>
      </c>
      <c r="D660" s="53">
        <v>-4919044.3867776096</v>
      </c>
      <c r="E660" s="53">
        <v>0</v>
      </c>
      <c r="F660" s="53">
        <v>0</v>
      </c>
      <c r="G660" s="53">
        <v>-4919044.3867776096</v>
      </c>
      <c r="H660" s="53">
        <v>0</v>
      </c>
      <c r="I660" s="53">
        <v>0</v>
      </c>
      <c r="J660" s="53">
        <v>-4919044.3867776096</v>
      </c>
      <c r="K660" s="53">
        <v>0</v>
      </c>
      <c r="L660" s="53">
        <v>0</v>
      </c>
      <c r="M660" s="53">
        <v>-4919044.3867776096</v>
      </c>
      <c r="N660" s="53">
        <v>-19676177.547110401</v>
      </c>
      <c r="O660" s="53">
        <v>0</v>
      </c>
      <c r="P660" s="53">
        <v>0</v>
      </c>
      <c r="Q660" s="53">
        <v>0</v>
      </c>
      <c r="R660" s="53">
        <v>0</v>
      </c>
      <c r="S660" s="53">
        <v>0</v>
      </c>
      <c r="T660" s="53">
        <v>0</v>
      </c>
      <c r="U660" s="53">
        <v>0</v>
      </c>
      <c r="V660" s="53">
        <v>0</v>
      </c>
      <c r="W660" s="53">
        <v>0</v>
      </c>
      <c r="X660" s="53">
        <v>0</v>
      </c>
      <c r="Y660" s="53">
        <v>0</v>
      </c>
      <c r="Z660" s="53">
        <v>0</v>
      </c>
      <c r="AA660" s="53">
        <v>0</v>
      </c>
      <c r="AB660" s="53">
        <v>0</v>
      </c>
      <c r="AC660" s="53">
        <v>0</v>
      </c>
      <c r="AD660" s="53">
        <v>0</v>
      </c>
      <c r="AE660" s="53">
        <v>0</v>
      </c>
      <c r="AF660" s="53">
        <v>0</v>
      </c>
      <c r="AG660" s="53">
        <v>0</v>
      </c>
      <c r="AH660" s="53">
        <v>0</v>
      </c>
      <c r="AI660" s="53">
        <v>0</v>
      </c>
      <c r="AJ660" s="53">
        <v>0</v>
      </c>
      <c r="AK660" s="53">
        <v>0</v>
      </c>
      <c r="AL660" s="53">
        <v>0</v>
      </c>
      <c r="AM660" s="53">
        <v>0</v>
      </c>
      <c r="AN660" s="53">
        <v>0</v>
      </c>
      <c r="AO660" s="53">
        <v>0</v>
      </c>
      <c r="AP660" s="53">
        <v>0</v>
      </c>
      <c r="AQ660" s="53">
        <v>0</v>
      </c>
      <c r="AR660" s="53">
        <v>0</v>
      </c>
      <c r="AS660" s="53">
        <v>0</v>
      </c>
      <c r="AT660" s="53">
        <v>0</v>
      </c>
      <c r="AU660" s="53">
        <v>0</v>
      </c>
      <c r="AV660" s="53">
        <v>0</v>
      </c>
      <c r="AW660" s="53">
        <v>0</v>
      </c>
      <c r="AX660" s="53">
        <v>0</v>
      </c>
      <c r="AY660" s="53">
        <v>0</v>
      </c>
      <c r="AZ660" s="53">
        <v>0</v>
      </c>
      <c r="BA660" s="53">
        <v>0</v>
      </c>
    </row>
    <row r="661" spans="1:53">
      <c r="A661" s="235" t="s">
        <v>3974</v>
      </c>
      <c r="B661" s="53">
        <v>0</v>
      </c>
      <c r="C661" s="53">
        <v>0</v>
      </c>
      <c r="D661" s="53">
        <v>-7066796.7144867899</v>
      </c>
      <c r="E661" s="53">
        <v>0</v>
      </c>
      <c r="F661" s="53">
        <v>0</v>
      </c>
      <c r="G661" s="53">
        <v>-7066796.7144867899</v>
      </c>
      <c r="H661" s="53">
        <v>0</v>
      </c>
      <c r="I661" s="53">
        <v>0</v>
      </c>
      <c r="J661" s="53">
        <v>-7066796.7144867899</v>
      </c>
      <c r="K661" s="53">
        <v>0</v>
      </c>
      <c r="L661" s="53">
        <v>0</v>
      </c>
      <c r="M661" s="53">
        <v>-7066796.7144867899</v>
      </c>
      <c r="N661" s="53">
        <v>-28267186.8579471</v>
      </c>
      <c r="O661" s="53">
        <v>0</v>
      </c>
      <c r="P661" s="53">
        <v>0</v>
      </c>
      <c r="Q661" s="53">
        <v>0</v>
      </c>
      <c r="R661" s="53">
        <v>0</v>
      </c>
      <c r="S661" s="53">
        <v>0</v>
      </c>
      <c r="T661" s="53">
        <v>0</v>
      </c>
      <c r="U661" s="53">
        <v>0</v>
      </c>
      <c r="V661" s="53">
        <v>0</v>
      </c>
      <c r="W661" s="53">
        <v>0</v>
      </c>
      <c r="X661" s="53">
        <v>0</v>
      </c>
      <c r="Y661" s="53">
        <v>0</v>
      </c>
      <c r="Z661" s="53">
        <v>0</v>
      </c>
      <c r="AA661" s="53">
        <v>0</v>
      </c>
      <c r="AB661" s="53">
        <v>0</v>
      </c>
      <c r="AC661" s="53">
        <v>0</v>
      </c>
      <c r="AD661" s="53">
        <v>0</v>
      </c>
      <c r="AE661" s="53">
        <v>0</v>
      </c>
      <c r="AF661" s="53">
        <v>0</v>
      </c>
      <c r="AG661" s="53">
        <v>0</v>
      </c>
      <c r="AH661" s="53">
        <v>0</v>
      </c>
      <c r="AI661" s="53">
        <v>0</v>
      </c>
      <c r="AJ661" s="53">
        <v>0</v>
      </c>
      <c r="AK661" s="53">
        <v>0</v>
      </c>
      <c r="AL661" s="53">
        <v>0</v>
      </c>
      <c r="AM661" s="53">
        <v>0</v>
      </c>
      <c r="AN661" s="53">
        <v>0</v>
      </c>
      <c r="AO661" s="53">
        <v>0</v>
      </c>
      <c r="AP661" s="53">
        <v>0</v>
      </c>
      <c r="AQ661" s="53">
        <v>0</v>
      </c>
      <c r="AR661" s="53">
        <v>0</v>
      </c>
      <c r="AS661" s="53">
        <v>0</v>
      </c>
      <c r="AT661" s="53">
        <v>0</v>
      </c>
      <c r="AU661" s="53">
        <v>0</v>
      </c>
      <c r="AV661" s="53">
        <v>0</v>
      </c>
      <c r="AW661" s="53">
        <v>0</v>
      </c>
      <c r="AX661" s="53">
        <v>0</v>
      </c>
      <c r="AY661" s="53">
        <v>0</v>
      </c>
      <c r="AZ661" s="53">
        <v>0</v>
      </c>
      <c r="BA661" s="53">
        <v>0</v>
      </c>
    </row>
    <row r="662" spans="1:53">
      <c r="A662" s="52" t="s">
        <v>3975</v>
      </c>
      <c r="B662" s="53">
        <v>459444.44399999903</v>
      </c>
      <c r="C662" s="53">
        <v>459444.44399999903</v>
      </c>
      <c r="D662" s="53">
        <v>459444.44399999903</v>
      </c>
      <c r="E662" s="53">
        <v>459444.44399999903</v>
      </c>
      <c r="F662" s="53">
        <v>459444.44399999903</v>
      </c>
      <c r="G662" s="53">
        <v>459444.44399999903</v>
      </c>
      <c r="H662" s="53">
        <v>459444.44399999903</v>
      </c>
      <c r="I662" s="53">
        <v>459444.44399999903</v>
      </c>
      <c r="J662" s="53">
        <v>459444.44399999903</v>
      </c>
      <c r="K662" s="53">
        <v>459444.44399999903</v>
      </c>
      <c r="L662" s="53">
        <v>459444.44399999903</v>
      </c>
      <c r="M662" s="53">
        <v>459444.44399999903</v>
      </c>
      <c r="N662" s="53">
        <v>5513333.3279999904</v>
      </c>
      <c r="O662" s="53">
        <v>459444.44399999903</v>
      </c>
      <c r="P662" s="53">
        <v>459444.44399999903</v>
      </c>
      <c r="Q662" s="53">
        <v>459444.44399999903</v>
      </c>
      <c r="R662" s="53">
        <v>459444.44399999903</v>
      </c>
      <c r="S662" s="53">
        <v>459444.44399999903</v>
      </c>
      <c r="T662" s="53">
        <v>459444.44399999903</v>
      </c>
      <c r="U662" s="53">
        <v>459444.44399999903</v>
      </c>
      <c r="V662" s="53">
        <v>459444.44399999903</v>
      </c>
      <c r="W662" s="53">
        <v>459444.44399999903</v>
      </c>
      <c r="X662" s="53">
        <v>459444.44399999903</v>
      </c>
      <c r="Y662" s="53">
        <v>459444.44399999903</v>
      </c>
      <c r="Z662" s="53">
        <v>459444.44399999903</v>
      </c>
      <c r="AA662" s="53">
        <v>5513333.3279999904</v>
      </c>
      <c r="AB662" s="53">
        <v>459444.44399999903</v>
      </c>
      <c r="AC662" s="53">
        <v>459444.44399999903</v>
      </c>
      <c r="AD662" s="53">
        <v>459444.44399999903</v>
      </c>
      <c r="AE662" s="53">
        <v>459444.44399999903</v>
      </c>
      <c r="AF662" s="53">
        <v>459444.44399999903</v>
      </c>
      <c r="AG662" s="53">
        <v>459444.44399999903</v>
      </c>
      <c r="AH662" s="53">
        <v>459444.44399999903</v>
      </c>
      <c r="AI662" s="53">
        <v>459444.44399999903</v>
      </c>
      <c r="AJ662" s="53">
        <v>459444.44399999903</v>
      </c>
      <c r="AK662" s="53">
        <v>459444.44399999903</v>
      </c>
      <c r="AL662" s="53">
        <v>459444.44399999903</v>
      </c>
      <c r="AM662" s="53">
        <v>459444.44399999903</v>
      </c>
      <c r="AN662" s="53">
        <v>5513333.3279999904</v>
      </c>
      <c r="AO662" s="53">
        <v>459444.44399999903</v>
      </c>
      <c r="AP662" s="53">
        <v>459444.44399999903</v>
      </c>
      <c r="AQ662" s="53">
        <v>459444.44399999903</v>
      </c>
      <c r="AR662" s="53">
        <v>459444.44399999903</v>
      </c>
      <c r="AS662" s="53">
        <v>459444.44399999903</v>
      </c>
      <c r="AT662" s="53">
        <v>459444.44399999903</v>
      </c>
      <c r="AU662" s="53">
        <v>459444.44399999903</v>
      </c>
      <c r="AV662" s="53">
        <v>459444.44399999903</v>
      </c>
      <c r="AW662" s="53">
        <v>459444.44399999903</v>
      </c>
      <c r="AX662" s="53">
        <v>459444.44399999903</v>
      </c>
      <c r="AY662" s="53">
        <v>459444.44399999903</v>
      </c>
      <c r="AZ662" s="53">
        <v>459444.44399999903</v>
      </c>
      <c r="BA662" s="53">
        <v>5513333.3279999904</v>
      </c>
    </row>
    <row r="663" spans="1:53">
      <c r="A663" s="52" t="s">
        <v>3976</v>
      </c>
      <c r="B663" s="53">
        <v>0</v>
      </c>
      <c r="C663" s="53">
        <v>0</v>
      </c>
      <c r="D663" s="53">
        <v>0</v>
      </c>
      <c r="E663" s="53">
        <v>0</v>
      </c>
      <c r="F663" s="53">
        <v>0</v>
      </c>
      <c r="G663" s="53">
        <v>0</v>
      </c>
      <c r="H663" s="53">
        <v>0</v>
      </c>
      <c r="I663" s="53">
        <v>0</v>
      </c>
      <c r="J663" s="53">
        <v>0</v>
      </c>
      <c r="K663" s="53">
        <v>0</v>
      </c>
      <c r="L663" s="53">
        <v>0</v>
      </c>
      <c r="M663" s="53">
        <v>0</v>
      </c>
      <c r="N663" s="53">
        <v>0</v>
      </c>
      <c r="O663" s="53">
        <v>0</v>
      </c>
      <c r="P663" s="53">
        <v>0</v>
      </c>
      <c r="Q663" s="53">
        <v>0</v>
      </c>
      <c r="R663" s="53">
        <v>0</v>
      </c>
      <c r="S663" s="53">
        <v>0</v>
      </c>
      <c r="T663" s="53">
        <v>0</v>
      </c>
      <c r="U663" s="53">
        <v>0</v>
      </c>
      <c r="V663" s="53">
        <v>0</v>
      </c>
      <c r="W663" s="53">
        <v>0</v>
      </c>
      <c r="X663" s="53">
        <v>0</v>
      </c>
      <c r="Y663" s="53">
        <v>0</v>
      </c>
      <c r="Z663" s="53">
        <v>0</v>
      </c>
      <c r="AA663" s="53">
        <v>0</v>
      </c>
      <c r="AB663" s="53">
        <v>0</v>
      </c>
      <c r="AC663" s="53">
        <v>0</v>
      </c>
      <c r="AD663" s="53">
        <v>0</v>
      </c>
      <c r="AE663" s="53">
        <v>0</v>
      </c>
      <c r="AF663" s="53">
        <v>0</v>
      </c>
      <c r="AG663" s="53">
        <v>0</v>
      </c>
      <c r="AH663" s="53">
        <v>0</v>
      </c>
      <c r="AI663" s="53">
        <v>0</v>
      </c>
      <c r="AJ663" s="53">
        <v>0</v>
      </c>
      <c r="AK663" s="53">
        <v>0</v>
      </c>
      <c r="AL663" s="53">
        <v>0</v>
      </c>
      <c r="AM663" s="53">
        <v>0</v>
      </c>
      <c r="AN663" s="53">
        <v>0</v>
      </c>
      <c r="AO663" s="53">
        <v>0</v>
      </c>
      <c r="AP663" s="53">
        <v>0</v>
      </c>
      <c r="AQ663" s="53">
        <v>0</v>
      </c>
      <c r="AR663" s="53">
        <v>0</v>
      </c>
      <c r="AS663" s="53">
        <v>0</v>
      </c>
      <c r="AT663" s="53">
        <v>0</v>
      </c>
      <c r="AU663" s="53">
        <v>0</v>
      </c>
      <c r="AV663" s="53">
        <v>0</v>
      </c>
      <c r="AW663" s="53">
        <v>0</v>
      </c>
      <c r="AX663" s="53">
        <v>0</v>
      </c>
      <c r="AY663" s="53">
        <v>0</v>
      </c>
      <c r="AZ663" s="53">
        <v>0</v>
      </c>
      <c r="BA663" s="53">
        <v>0</v>
      </c>
    </row>
    <row r="664" spans="1:53">
      <c r="A664" s="52" t="s">
        <v>3977</v>
      </c>
      <c r="B664" s="53">
        <v>0</v>
      </c>
      <c r="C664" s="53">
        <v>0</v>
      </c>
      <c r="D664" s="53">
        <v>0</v>
      </c>
      <c r="E664" s="53">
        <v>0</v>
      </c>
      <c r="F664" s="53">
        <v>0</v>
      </c>
      <c r="G664" s="53">
        <v>0</v>
      </c>
      <c r="H664" s="53">
        <v>0</v>
      </c>
      <c r="I664" s="53">
        <v>0</v>
      </c>
      <c r="J664" s="53">
        <v>0</v>
      </c>
      <c r="K664" s="53">
        <v>0</v>
      </c>
      <c r="L664" s="53">
        <v>0</v>
      </c>
      <c r="M664" s="53">
        <v>0</v>
      </c>
      <c r="N664" s="53">
        <v>0</v>
      </c>
      <c r="O664" s="53">
        <v>47271.890776666703</v>
      </c>
      <c r="P664" s="53">
        <v>47271.890776666703</v>
      </c>
      <c r="Q664" s="53">
        <v>47271.890776666703</v>
      </c>
      <c r="R664" s="53">
        <v>47271.890776666703</v>
      </c>
      <c r="S664" s="53">
        <v>47271.890776666703</v>
      </c>
      <c r="T664" s="53">
        <v>47271.890776666703</v>
      </c>
      <c r="U664" s="53">
        <v>47271.890776666703</v>
      </c>
      <c r="V664" s="53">
        <v>47271.890776666703</v>
      </c>
      <c r="W664" s="53">
        <v>47271.890776666703</v>
      </c>
      <c r="X664" s="53">
        <v>47271.890776666703</v>
      </c>
      <c r="Y664" s="53">
        <v>47271.890776666703</v>
      </c>
      <c r="Z664" s="53">
        <v>47271.890776666703</v>
      </c>
      <c r="AA664" s="53">
        <v>567262.68932</v>
      </c>
      <c r="AB664" s="53">
        <v>47271.890776666703</v>
      </c>
      <c r="AC664" s="53">
        <v>47271.890776666703</v>
      </c>
      <c r="AD664" s="53">
        <v>47271.890776666703</v>
      </c>
      <c r="AE664" s="53">
        <v>47271.890776666703</v>
      </c>
      <c r="AF664" s="53">
        <v>47271.890776666703</v>
      </c>
      <c r="AG664" s="53">
        <v>47271.890776666703</v>
      </c>
      <c r="AH664" s="53">
        <v>47271.890776666703</v>
      </c>
      <c r="AI664" s="53">
        <v>47271.890776666703</v>
      </c>
      <c r="AJ664" s="53">
        <v>47271.890776666703</v>
      </c>
      <c r="AK664" s="53">
        <v>47271.890776666703</v>
      </c>
      <c r="AL664" s="53">
        <v>47271.890776666703</v>
      </c>
      <c r="AM664" s="53">
        <v>47271.890776666703</v>
      </c>
      <c r="AN664" s="53">
        <v>567262.68932</v>
      </c>
      <c r="AO664" s="53">
        <v>47271.890776666703</v>
      </c>
      <c r="AP664" s="53">
        <v>47271.890776666703</v>
      </c>
      <c r="AQ664" s="53">
        <v>47271.890776666703</v>
      </c>
      <c r="AR664" s="53">
        <v>47271.890776666703</v>
      </c>
      <c r="AS664" s="53">
        <v>47271.890776666703</v>
      </c>
      <c r="AT664" s="53">
        <v>47271.890776666703</v>
      </c>
      <c r="AU664" s="53">
        <v>47271.890776666703</v>
      </c>
      <c r="AV664" s="53">
        <v>47271.890776666703</v>
      </c>
      <c r="AW664" s="53">
        <v>47271.890776666703</v>
      </c>
      <c r="AX664" s="53">
        <v>47271.890776666703</v>
      </c>
      <c r="AY664" s="53">
        <v>47271.890776666703</v>
      </c>
      <c r="AZ664" s="53">
        <v>47271.890776666703</v>
      </c>
      <c r="BA664" s="53">
        <v>567262.68932</v>
      </c>
    </row>
    <row r="665" spans="1:53">
      <c r="A665" s="52" t="s">
        <v>3978</v>
      </c>
      <c r="B665" s="53">
        <v>0</v>
      </c>
      <c r="C665" s="53">
        <v>0</v>
      </c>
      <c r="D665" s="53">
        <v>0</v>
      </c>
      <c r="E665" s="53">
        <v>0</v>
      </c>
      <c r="F665" s="53">
        <v>0</v>
      </c>
      <c r="G665" s="53">
        <v>0</v>
      </c>
      <c r="H665" s="53">
        <v>0</v>
      </c>
      <c r="I665" s="53">
        <v>0</v>
      </c>
      <c r="J665" s="53">
        <v>0</v>
      </c>
      <c r="K665" s="53">
        <v>0</v>
      </c>
      <c r="L665" s="53">
        <v>0</v>
      </c>
      <c r="M665" s="53">
        <v>0</v>
      </c>
      <c r="N665" s="53">
        <v>0</v>
      </c>
      <c r="O665" s="53">
        <v>0</v>
      </c>
      <c r="P665" s="53">
        <v>0</v>
      </c>
      <c r="Q665" s="53">
        <v>0</v>
      </c>
      <c r="R665" s="53">
        <v>0</v>
      </c>
      <c r="S665" s="53">
        <v>0</v>
      </c>
      <c r="T665" s="53">
        <v>0</v>
      </c>
      <c r="U665" s="53">
        <v>0</v>
      </c>
      <c r="V665" s="53">
        <v>0</v>
      </c>
      <c r="W665" s="53">
        <v>0</v>
      </c>
      <c r="X665" s="53">
        <v>0</v>
      </c>
      <c r="Y665" s="53">
        <v>0</v>
      </c>
      <c r="Z665" s="53">
        <v>0</v>
      </c>
      <c r="AA665" s="53">
        <v>0</v>
      </c>
      <c r="AB665" s="53">
        <v>0</v>
      </c>
      <c r="AC665" s="53">
        <v>0</v>
      </c>
      <c r="AD665" s="53">
        <v>0</v>
      </c>
      <c r="AE665" s="53">
        <v>0</v>
      </c>
      <c r="AF665" s="53">
        <v>0</v>
      </c>
      <c r="AG665" s="53">
        <v>0</v>
      </c>
      <c r="AH665" s="53">
        <v>0</v>
      </c>
      <c r="AI665" s="53">
        <v>0</v>
      </c>
      <c r="AJ665" s="53">
        <v>0</v>
      </c>
      <c r="AK665" s="53">
        <v>0</v>
      </c>
      <c r="AL665" s="53">
        <v>0</v>
      </c>
      <c r="AM665" s="53">
        <v>0</v>
      </c>
      <c r="AN665" s="53">
        <v>0</v>
      </c>
      <c r="AO665" s="53">
        <v>0</v>
      </c>
      <c r="AP665" s="53">
        <v>0</v>
      </c>
      <c r="AQ665" s="53">
        <v>0</v>
      </c>
      <c r="AR665" s="53">
        <v>0</v>
      </c>
      <c r="AS665" s="53">
        <v>0</v>
      </c>
      <c r="AT665" s="53">
        <v>0</v>
      </c>
      <c r="AU665" s="53">
        <v>0</v>
      </c>
      <c r="AV665" s="53">
        <v>0</v>
      </c>
      <c r="AW665" s="53">
        <v>0</v>
      </c>
      <c r="AX665" s="53">
        <v>0</v>
      </c>
      <c r="AY665" s="53">
        <v>0</v>
      </c>
      <c r="AZ665" s="53">
        <v>0</v>
      </c>
      <c r="BA665" s="53">
        <v>0</v>
      </c>
    </row>
    <row r="666" spans="1:53">
      <c r="A666" s="52" t="s">
        <v>3979</v>
      </c>
      <c r="B666" s="53">
        <v>0</v>
      </c>
      <c r="C666" s="53">
        <v>0</v>
      </c>
      <c r="D666" s="53">
        <v>0</v>
      </c>
      <c r="E666" s="53">
        <v>0</v>
      </c>
      <c r="F666" s="53">
        <v>0</v>
      </c>
      <c r="G666" s="53">
        <v>0</v>
      </c>
      <c r="H666" s="53">
        <v>0</v>
      </c>
      <c r="I666" s="53">
        <v>0</v>
      </c>
      <c r="J666" s="53">
        <v>0</v>
      </c>
      <c r="K666" s="53">
        <v>0</v>
      </c>
      <c r="L666" s="53">
        <v>0</v>
      </c>
      <c r="M666" s="53">
        <v>0</v>
      </c>
      <c r="N666" s="53">
        <v>0</v>
      </c>
      <c r="O666" s="53">
        <v>0</v>
      </c>
      <c r="P666" s="53">
        <v>0</v>
      </c>
      <c r="Q666" s="53">
        <v>0</v>
      </c>
      <c r="R666" s="53">
        <v>0</v>
      </c>
      <c r="S666" s="53">
        <v>0</v>
      </c>
      <c r="T666" s="53">
        <v>0</v>
      </c>
      <c r="U666" s="53">
        <v>0</v>
      </c>
      <c r="V666" s="53">
        <v>0</v>
      </c>
      <c r="W666" s="53">
        <v>0</v>
      </c>
      <c r="X666" s="53">
        <v>0</v>
      </c>
      <c r="Y666" s="53">
        <v>0</v>
      </c>
      <c r="Z666" s="53">
        <v>0</v>
      </c>
      <c r="AA666" s="53">
        <v>0</v>
      </c>
      <c r="AB666" s="53">
        <v>0</v>
      </c>
      <c r="AC666" s="53">
        <v>0</v>
      </c>
      <c r="AD666" s="53">
        <v>0</v>
      </c>
      <c r="AE666" s="53">
        <v>0</v>
      </c>
      <c r="AF666" s="53">
        <v>0</v>
      </c>
      <c r="AG666" s="53">
        <v>0</v>
      </c>
      <c r="AH666" s="53">
        <v>0</v>
      </c>
      <c r="AI666" s="53">
        <v>0</v>
      </c>
      <c r="AJ666" s="53">
        <v>0</v>
      </c>
      <c r="AK666" s="53">
        <v>0</v>
      </c>
      <c r="AL666" s="53">
        <v>0</v>
      </c>
      <c r="AM666" s="53">
        <v>0</v>
      </c>
      <c r="AN666" s="53">
        <v>0</v>
      </c>
      <c r="AO666" s="53">
        <v>0</v>
      </c>
      <c r="AP666" s="53">
        <v>0</v>
      </c>
      <c r="AQ666" s="53">
        <v>0</v>
      </c>
      <c r="AR666" s="53">
        <v>0</v>
      </c>
      <c r="AS666" s="53">
        <v>0</v>
      </c>
      <c r="AT666" s="53">
        <v>0</v>
      </c>
      <c r="AU666" s="53">
        <v>0</v>
      </c>
      <c r="AV666" s="53">
        <v>0</v>
      </c>
      <c r="AW666" s="53">
        <v>0</v>
      </c>
      <c r="AX666" s="53">
        <v>0</v>
      </c>
      <c r="AY666" s="53">
        <v>0</v>
      </c>
      <c r="AZ666" s="53">
        <v>0</v>
      </c>
      <c r="BA666" s="53">
        <v>0</v>
      </c>
    </row>
    <row r="667" spans="1:53">
      <c r="A667" s="52" t="s">
        <v>3980</v>
      </c>
      <c r="B667" s="53">
        <v>-1356596.1</v>
      </c>
      <c r="C667" s="53">
        <v>-1356596.1</v>
      </c>
      <c r="D667" s="53">
        <v>-1356596.1</v>
      </c>
      <c r="E667" s="53">
        <v>-1356596.1</v>
      </c>
      <c r="F667" s="53">
        <v>-1356596.1</v>
      </c>
      <c r="G667" s="53">
        <v>-1356596.1</v>
      </c>
      <c r="H667" s="53">
        <v>-1356596.1</v>
      </c>
      <c r="I667" s="53">
        <v>-1356596.1</v>
      </c>
      <c r="J667" s="53">
        <v>-1356596.1</v>
      </c>
      <c r="K667" s="53">
        <v>-1356596.1</v>
      </c>
      <c r="L667" s="53">
        <v>-1356596.1</v>
      </c>
      <c r="M667" s="53">
        <v>-1356596.1</v>
      </c>
      <c r="N667" s="53">
        <v>-16279153.199999999</v>
      </c>
      <c r="O667" s="53">
        <v>317982.89999999898</v>
      </c>
      <c r="P667" s="53">
        <v>317982.89999999898</v>
      </c>
      <c r="Q667" s="53">
        <v>317982.89999999898</v>
      </c>
      <c r="R667" s="53">
        <v>317982.89999999898</v>
      </c>
      <c r="S667" s="53">
        <v>317982.89999999898</v>
      </c>
      <c r="T667" s="53">
        <v>317982.89999999898</v>
      </c>
      <c r="U667" s="53">
        <v>317982.89999999898</v>
      </c>
      <c r="V667" s="53">
        <v>317982.89999999898</v>
      </c>
      <c r="W667" s="53">
        <v>317982.89999999898</v>
      </c>
      <c r="X667" s="53">
        <v>317982.89999999898</v>
      </c>
      <c r="Y667" s="53">
        <v>317982.89999999898</v>
      </c>
      <c r="Z667" s="53">
        <v>317982.89999999898</v>
      </c>
      <c r="AA667" s="53">
        <v>3815794.8</v>
      </c>
      <c r="AB667" s="53">
        <v>317982.89999999898</v>
      </c>
      <c r="AC667" s="53">
        <v>317982.89999999898</v>
      </c>
      <c r="AD667" s="53">
        <v>317982.89999999898</v>
      </c>
      <c r="AE667" s="53">
        <v>317982.89999999898</v>
      </c>
      <c r="AF667" s="53">
        <v>317982.89999999898</v>
      </c>
      <c r="AG667" s="53">
        <v>317982.89999999898</v>
      </c>
      <c r="AH667" s="53">
        <v>317982.89999999898</v>
      </c>
      <c r="AI667" s="53">
        <v>317982.89999999898</v>
      </c>
      <c r="AJ667" s="53">
        <v>317982.89999999898</v>
      </c>
      <c r="AK667" s="53">
        <v>317982.89999999898</v>
      </c>
      <c r="AL667" s="53">
        <v>317982.89999999898</v>
      </c>
      <c r="AM667" s="53">
        <v>317982.89999999898</v>
      </c>
      <c r="AN667" s="53">
        <v>3815794.8</v>
      </c>
      <c r="AO667" s="53">
        <v>317982.89999999898</v>
      </c>
      <c r="AP667" s="53">
        <v>317982.89999999898</v>
      </c>
      <c r="AQ667" s="53">
        <v>317982.89999999898</v>
      </c>
      <c r="AR667" s="53">
        <v>317982.89999999898</v>
      </c>
      <c r="AS667" s="53">
        <v>317982.89999999898</v>
      </c>
      <c r="AT667" s="53">
        <v>317982.89999999898</v>
      </c>
      <c r="AU667" s="53">
        <v>317982.89999999898</v>
      </c>
      <c r="AV667" s="53">
        <v>317982.89999999898</v>
      </c>
      <c r="AW667" s="53">
        <v>317982.89999999898</v>
      </c>
      <c r="AX667" s="53">
        <v>317982.89999999898</v>
      </c>
      <c r="AY667" s="53">
        <v>317982.89999999898</v>
      </c>
      <c r="AZ667" s="53">
        <v>317982.89999999898</v>
      </c>
      <c r="BA667" s="53">
        <v>3815794.8</v>
      </c>
    </row>
    <row r="668" spans="1:53">
      <c r="A668" s="52" t="s">
        <v>3981</v>
      </c>
      <c r="B668" s="53">
        <v>0</v>
      </c>
      <c r="C668" s="53">
        <v>0</v>
      </c>
      <c r="D668" s="53">
        <v>0</v>
      </c>
      <c r="E668" s="53">
        <v>0</v>
      </c>
      <c r="F668" s="53">
        <v>0</v>
      </c>
      <c r="G668" s="53">
        <v>0</v>
      </c>
      <c r="H668" s="53">
        <v>0</v>
      </c>
      <c r="I668" s="53">
        <v>0</v>
      </c>
      <c r="J668" s="53">
        <v>0</v>
      </c>
      <c r="K668" s="53">
        <v>0</v>
      </c>
      <c r="L668" s="53">
        <v>0</v>
      </c>
      <c r="M668" s="53">
        <v>0</v>
      </c>
      <c r="N668" s="53">
        <v>0</v>
      </c>
      <c r="O668" s="53">
        <v>0</v>
      </c>
      <c r="P668" s="53">
        <v>0</v>
      </c>
      <c r="Q668" s="53">
        <v>0</v>
      </c>
      <c r="R668" s="53">
        <v>0</v>
      </c>
      <c r="S668" s="53">
        <v>0</v>
      </c>
      <c r="T668" s="53">
        <v>0</v>
      </c>
      <c r="U668" s="53">
        <v>0</v>
      </c>
      <c r="V668" s="53">
        <v>0</v>
      </c>
      <c r="W668" s="53">
        <v>0</v>
      </c>
      <c r="X668" s="53">
        <v>0</v>
      </c>
      <c r="Y668" s="53">
        <v>0</v>
      </c>
      <c r="Z668" s="53">
        <v>0</v>
      </c>
      <c r="AA668" s="53">
        <v>0</v>
      </c>
      <c r="AB668" s="53">
        <v>0</v>
      </c>
      <c r="AC668" s="53">
        <v>0</v>
      </c>
      <c r="AD668" s="53">
        <v>0</v>
      </c>
      <c r="AE668" s="53">
        <v>0</v>
      </c>
      <c r="AF668" s="53">
        <v>0</v>
      </c>
      <c r="AG668" s="53">
        <v>0</v>
      </c>
      <c r="AH668" s="53">
        <v>0</v>
      </c>
      <c r="AI668" s="53">
        <v>0</v>
      </c>
      <c r="AJ668" s="53">
        <v>0</v>
      </c>
      <c r="AK668" s="53">
        <v>0</v>
      </c>
      <c r="AL668" s="53">
        <v>0</v>
      </c>
      <c r="AM668" s="53">
        <v>0</v>
      </c>
      <c r="AN668" s="53">
        <v>0</v>
      </c>
      <c r="AO668" s="53">
        <v>0</v>
      </c>
      <c r="AP668" s="53">
        <v>0</v>
      </c>
      <c r="AQ668" s="53">
        <v>0</v>
      </c>
      <c r="AR668" s="53">
        <v>0</v>
      </c>
      <c r="AS668" s="53">
        <v>0</v>
      </c>
      <c r="AT668" s="53">
        <v>0</v>
      </c>
      <c r="AU668" s="53">
        <v>0</v>
      </c>
      <c r="AV668" s="53">
        <v>0</v>
      </c>
      <c r="AW668" s="53">
        <v>0</v>
      </c>
      <c r="AX668" s="53">
        <v>0</v>
      </c>
      <c r="AY668" s="53">
        <v>0</v>
      </c>
      <c r="AZ668" s="53">
        <v>0</v>
      </c>
      <c r="BA668" s="53">
        <v>0</v>
      </c>
    </row>
    <row r="669" spans="1:53">
      <c r="A669" s="52" t="s">
        <v>3982</v>
      </c>
      <c r="B669" s="53">
        <v>766183.54191197106</v>
      </c>
      <c r="C669" s="53">
        <v>-4194159.66687149</v>
      </c>
      <c r="D669" s="53">
        <v>-15958759.470419399</v>
      </c>
      <c r="E669" s="53">
        <v>-3642303.0049219099</v>
      </c>
      <c r="F669" s="53">
        <v>-2847207.3351485399</v>
      </c>
      <c r="G669" s="53">
        <v>-13515624.654200301</v>
      </c>
      <c r="H669" s="53">
        <v>-2022795.6126844699</v>
      </c>
      <c r="I669" s="53">
        <v>2198483.9822614002</v>
      </c>
      <c r="J669" s="53">
        <v>-14898148.6444313</v>
      </c>
      <c r="K669" s="53">
        <v>-5932176.9622971797</v>
      </c>
      <c r="L669" s="53">
        <v>-7854822.9081520196</v>
      </c>
      <c r="M669" s="53">
        <v>-18569463.573343001</v>
      </c>
      <c r="N669" s="53">
        <v>-86470794.308296397</v>
      </c>
      <c r="O669" s="53">
        <v>8203326.5116468202</v>
      </c>
      <c r="P669" s="53">
        <v>-2121812.3997759898</v>
      </c>
      <c r="Q669" s="53">
        <v>-1002402.83424609</v>
      </c>
      <c r="R669" s="53">
        <v>317030.019386345</v>
      </c>
      <c r="S669" s="53">
        <v>4046273.2231714502</v>
      </c>
      <c r="T669" s="53">
        <v>5261931.1288407696</v>
      </c>
      <c r="U669" s="53">
        <v>6218775.5850901101</v>
      </c>
      <c r="V669" s="53">
        <v>12191220.2897013</v>
      </c>
      <c r="W669" s="53">
        <v>3458104.0719686002</v>
      </c>
      <c r="X669" s="53">
        <v>-928654.59295910201</v>
      </c>
      <c r="Y669" s="53">
        <v>-5676653.6724773701</v>
      </c>
      <c r="Z669" s="53">
        <v>-4958884.5933907796</v>
      </c>
      <c r="AA669" s="53">
        <v>25008252.736956</v>
      </c>
      <c r="AB669" s="53">
        <v>8816448.7799791507</v>
      </c>
      <c r="AC669" s="53">
        <v>-4536125.06411169</v>
      </c>
      <c r="AD669" s="53">
        <v>-3046741.3652368598</v>
      </c>
      <c r="AE669" s="53">
        <v>-1138325.3237536401</v>
      </c>
      <c r="AF669" s="53">
        <v>3949979.23622235</v>
      </c>
      <c r="AG669" s="53">
        <v>5889383.6471606996</v>
      </c>
      <c r="AH669" s="53">
        <v>7300255.6088324701</v>
      </c>
      <c r="AI669" s="53">
        <v>15299243.257559</v>
      </c>
      <c r="AJ669" s="53">
        <v>4074479.9424501802</v>
      </c>
      <c r="AK669" s="53">
        <v>-960109.64279985195</v>
      </c>
      <c r="AL669" s="53">
        <v>-7227253.4523344804</v>
      </c>
      <c r="AM669" s="53">
        <v>-6078312.4925112398</v>
      </c>
      <c r="AN669" s="53">
        <v>22342923.131456099</v>
      </c>
      <c r="AO669" s="53">
        <v>9410290.3239580393</v>
      </c>
      <c r="AP669" s="53">
        <v>-6192324.3238334004</v>
      </c>
      <c r="AQ669" s="53">
        <v>-4436734.8011356499</v>
      </c>
      <c r="AR669" s="53">
        <v>-2105541.54084861</v>
      </c>
      <c r="AS669" s="53">
        <v>4094920.9309750702</v>
      </c>
      <c r="AT669" s="53">
        <v>6592433.5891769202</v>
      </c>
      <c r="AU669" s="53">
        <v>8377314.6347511997</v>
      </c>
      <c r="AV669" s="53">
        <v>17869855.6237696</v>
      </c>
      <c r="AW669" s="53">
        <v>4826083.1593219303</v>
      </c>
      <c r="AX669" s="53">
        <v>-1015794.03754421</v>
      </c>
      <c r="AY669" s="53">
        <v>-8281431.73218372</v>
      </c>
      <c r="AZ669" s="53">
        <v>-6796148.6949509699</v>
      </c>
      <c r="BA669" s="53">
        <v>22342923.1314562</v>
      </c>
    </row>
    <row r="670" spans="1:53">
      <c r="A670" s="52" t="s">
        <v>3983</v>
      </c>
      <c r="B670" s="53"/>
      <c r="C670" s="53"/>
      <c r="D670" s="53"/>
      <c r="E670" s="53"/>
      <c r="F670" s="53"/>
      <c r="G670" s="53"/>
      <c r="H670" s="53"/>
      <c r="I670" s="53"/>
      <c r="J670" s="53"/>
      <c r="K670" s="53"/>
      <c r="L670" s="53"/>
      <c r="M670" s="53"/>
      <c r="N670" s="53"/>
      <c r="O670" s="53"/>
      <c r="P670" s="53"/>
      <c r="Q670" s="53"/>
      <c r="R670" s="53"/>
      <c r="S670" s="53"/>
      <c r="T670" s="53"/>
      <c r="U670" s="53"/>
      <c r="V670" s="53"/>
      <c r="W670" s="53"/>
      <c r="X670" s="53"/>
      <c r="Y670" s="53"/>
      <c r="Z670" s="53"/>
      <c r="AA670" s="53"/>
      <c r="AB670" s="53"/>
      <c r="AC670" s="53"/>
      <c r="AD670" s="53"/>
      <c r="AE670" s="53"/>
      <c r="AF670" s="53"/>
      <c r="AG670" s="53"/>
      <c r="AH670" s="53"/>
      <c r="AI670" s="53"/>
      <c r="AJ670" s="53"/>
      <c r="AK670" s="53"/>
      <c r="AL670" s="53"/>
      <c r="AM670" s="53"/>
      <c r="AN670" s="53"/>
      <c r="AO670" s="53"/>
      <c r="AP670" s="53"/>
      <c r="AQ670" s="53"/>
      <c r="AR670" s="53"/>
      <c r="AS670" s="53"/>
      <c r="AT670" s="53"/>
      <c r="AU670" s="53"/>
      <c r="AV670" s="53"/>
      <c r="AW670" s="53"/>
      <c r="AX670" s="53"/>
      <c r="AY670" s="53"/>
      <c r="AZ670" s="53"/>
      <c r="BA670" s="53"/>
    </row>
    <row r="671" spans="1:53">
      <c r="A671" s="52" t="s">
        <v>3984</v>
      </c>
      <c r="B671" s="53">
        <v>27670599.241675802</v>
      </c>
      <c r="C671" s="53">
        <v>-48224967.1995501</v>
      </c>
      <c r="D671" s="53">
        <v>-30341278.5618308</v>
      </c>
      <c r="E671" s="53">
        <v>-4763471.9614883298</v>
      </c>
      <c r="F671" s="53">
        <v>7503726.7901726803</v>
      </c>
      <c r="G671" s="53">
        <v>15480937.1527646</v>
      </c>
      <c r="H671" s="53">
        <v>17676564.220773499</v>
      </c>
      <c r="I671" s="53">
        <v>81309051.909450904</v>
      </c>
      <c r="J671" s="53">
        <v>10338773.6698892</v>
      </c>
      <c r="K671" s="53">
        <v>-7466714.5950873904</v>
      </c>
      <c r="L671" s="53">
        <v>-34260594.224009</v>
      </c>
      <c r="M671" s="53">
        <v>-34923073.3583389</v>
      </c>
      <c r="N671" s="53">
        <v>-446.91557777696198</v>
      </c>
      <c r="O671" s="53">
        <v>24231361.526878498</v>
      </c>
      <c r="P671" s="53">
        <v>-24687754.383266799</v>
      </c>
      <c r="Q671" s="53">
        <v>-16980955.885632399</v>
      </c>
      <c r="R671" s="53">
        <v>597040.14400858397</v>
      </c>
      <c r="S671" s="53">
        <v>5179056.73384465</v>
      </c>
      <c r="T671" s="53">
        <v>5411227.8167322204</v>
      </c>
      <c r="U671" s="53">
        <v>4275629.5715572704</v>
      </c>
      <c r="V671" s="53">
        <v>49383922.928237803</v>
      </c>
      <c r="W671" s="53">
        <v>2309967.15946157</v>
      </c>
      <c r="X671" s="53">
        <v>-3740266.34814069</v>
      </c>
      <c r="Y671" s="53">
        <v>-19589360.742612898</v>
      </c>
      <c r="Z671" s="53">
        <v>-26389868.4488369</v>
      </c>
      <c r="AA671" s="53">
        <v>7.2230865043820799E-2</v>
      </c>
      <c r="AB671" s="53">
        <v>24264439.9079291</v>
      </c>
      <c r="AC671" s="53">
        <v>-23756038.0999148</v>
      </c>
      <c r="AD671" s="53">
        <v>-14735324.7720805</v>
      </c>
      <c r="AE671" s="53">
        <v>2527757.9960713</v>
      </c>
      <c r="AF671" s="53">
        <v>6070614.3312913999</v>
      </c>
      <c r="AG671" s="53">
        <v>6603222.2545889895</v>
      </c>
      <c r="AH671" s="53">
        <v>4621901.3716337997</v>
      </c>
      <c r="AI671" s="53">
        <v>46807472.8265559</v>
      </c>
      <c r="AJ671" s="53">
        <v>620648.87349287095</v>
      </c>
      <c r="AK671" s="53">
        <v>-6392796.79832255</v>
      </c>
      <c r="AL671" s="53">
        <v>-21869844.779964801</v>
      </c>
      <c r="AM671" s="53">
        <v>-24762052.890089098</v>
      </c>
      <c r="AN671" s="53">
        <v>0.221191468881443</v>
      </c>
      <c r="AO671" s="53">
        <v>20722545.7932631</v>
      </c>
      <c r="AP671" s="53">
        <v>-25186939.1599067</v>
      </c>
      <c r="AQ671" s="53">
        <v>-18143478.006243199</v>
      </c>
      <c r="AR671" s="53">
        <v>-1028489.7223845701</v>
      </c>
      <c r="AS671" s="53">
        <v>5889781.0133553203</v>
      </c>
      <c r="AT671" s="53">
        <v>6684532.5819095802</v>
      </c>
      <c r="AU671" s="53">
        <v>5134416.1235667998</v>
      </c>
      <c r="AV671" s="53">
        <v>46018699.978442602</v>
      </c>
      <c r="AW671" s="53">
        <v>1636338.18653807</v>
      </c>
      <c r="AX671" s="53">
        <v>-4723869.8531401101</v>
      </c>
      <c r="AY671" s="53">
        <v>-14364305.421770999</v>
      </c>
      <c r="AZ671" s="53">
        <v>-22639231.637156401</v>
      </c>
      <c r="BA671" s="53">
        <v>-0.12352668272797</v>
      </c>
    </row>
    <row r="672" spans="1:53">
      <c r="A672" s="52" t="s">
        <v>3985</v>
      </c>
      <c r="B672" s="53">
        <v>0</v>
      </c>
      <c r="C672" s="53">
        <v>0</v>
      </c>
      <c r="D672" s="53">
        <v>0</v>
      </c>
      <c r="E672" s="53">
        <v>0</v>
      </c>
      <c r="F672" s="53">
        <v>0</v>
      </c>
      <c r="G672" s="53">
        <v>0</v>
      </c>
      <c r="H672" s="53">
        <v>0</v>
      </c>
      <c r="I672" s="53">
        <v>0</v>
      </c>
      <c r="J672" s="53">
        <v>0</v>
      </c>
      <c r="K672" s="53">
        <v>0</v>
      </c>
      <c r="L672" s="53">
        <v>0</v>
      </c>
      <c r="M672" s="53">
        <v>0</v>
      </c>
      <c r="N672" s="53">
        <v>0</v>
      </c>
      <c r="O672" s="53">
        <v>0</v>
      </c>
      <c r="P672" s="53">
        <v>0</v>
      </c>
      <c r="Q672" s="53">
        <v>0</v>
      </c>
      <c r="R672" s="53">
        <v>0</v>
      </c>
      <c r="S672" s="53">
        <v>0</v>
      </c>
      <c r="T672" s="53">
        <v>0</v>
      </c>
      <c r="U672" s="53">
        <v>0</v>
      </c>
      <c r="V672" s="53">
        <v>0</v>
      </c>
      <c r="W672" s="53">
        <v>0</v>
      </c>
      <c r="X672" s="53">
        <v>0</v>
      </c>
      <c r="Y672" s="53">
        <v>0</v>
      </c>
      <c r="Z672" s="53">
        <v>0</v>
      </c>
      <c r="AA672" s="53">
        <v>0</v>
      </c>
      <c r="AB672" s="53">
        <v>0</v>
      </c>
      <c r="AC672" s="53">
        <v>0</v>
      </c>
      <c r="AD672" s="53">
        <v>0</v>
      </c>
      <c r="AE672" s="53">
        <v>0</v>
      </c>
      <c r="AF672" s="53">
        <v>0</v>
      </c>
      <c r="AG672" s="53">
        <v>0</v>
      </c>
      <c r="AH672" s="53">
        <v>0</v>
      </c>
      <c r="AI672" s="53">
        <v>0</v>
      </c>
      <c r="AJ672" s="53">
        <v>0</v>
      </c>
      <c r="AK672" s="53">
        <v>0</v>
      </c>
      <c r="AL672" s="53">
        <v>0</v>
      </c>
      <c r="AM672" s="53">
        <v>0</v>
      </c>
      <c r="AN672" s="53">
        <v>0</v>
      </c>
      <c r="AO672" s="53">
        <v>0</v>
      </c>
      <c r="AP672" s="53">
        <v>0</v>
      </c>
      <c r="AQ672" s="53">
        <v>0</v>
      </c>
      <c r="AR672" s="53">
        <v>0</v>
      </c>
      <c r="AS672" s="53">
        <v>0</v>
      </c>
      <c r="AT672" s="53">
        <v>0</v>
      </c>
      <c r="AU672" s="53">
        <v>0</v>
      </c>
      <c r="AV672" s="53">
        <v>0</v>
      </c>
      <c r="AW672" s="53">
        <v>0</v>
      </c>
      <c r="AX672" s="53">
        <v>0</v>
      </c>
      <c r="AY672" s="53">
        <v>0</v>
      </c>
      <c r="AZ672" s="53">
        <v>0</v>
      </c>
      <c r="BA672" s="53">
        <v>0</v>
      </c>
    </row>
    <row r="673" spans="1:53">
      <c r="A673" s="52" t="s">
        <v>3986</v>
      </c>
      <c r="B673" s="53">
        <v>-30851.5452975644</v>
      </c>
      <c r="C673" s="53">
        <v>-30851.5452975644</v>
      </c>
      <c r="D673" s="53">
        <v>-30851.5452975644</v>
      </c>
      <c r="E673" s="53">
        <v>-30851.5452975644</v>
      </c>
      <c r="F673" s="53">
        <v>-30851.5452975644</v>
      </c>
      <c r="G673" s="53">
        <v>-30851.5452975644</v>
      </c>
      <c r="H673" s="53">
        <v>-30851.5452975644</v>
      </c>
      <c r="I673" s="53">
        <v>-30851.5452975644</v>
      </c>
      <c r="J673" s="53">
        <v>-30851.5452975644</v>
      </c>
      <c r="K673" s="53">
        <v>-30851.5452975644</v>
      </c>
      <c r="L673" s="53">
        <v>-30851.5452975644</v>
      </c>
      <c r="M673" s="53">
        <v>-30851.5452975644</v>
      </c>
      <c r="N673" s="53">
        <v>-370218.54357077298</v>
      </c>
      <c r="O673" s="53">
        <v>2.93098878501041E-11</v>
      </c>
      <c r="P673" s="53">
        <v>2.93098878501041E-11</v>
      </c>
      <c r="Q673" s="53">
        <v>2.93098878501041E-11</v>
      </c>
      <c r="R673" s="53">
        <v>2.93098878501041E-11</v>
      </c>
      <c r="S673" s="53">
        <v>2.93098878501041E-11</v>
      </c>
      <c r="T673" s="53">
        <v>2.93098878501041E-11</v>
      </c>
      <c r="U673" s="53">
        <v>2.93098878501041E-11</v>
      </c>
      <c r="V673" s="53">
        <v>2.93098878501041E-11</v>
      </c>
      <c r="W673" s="53">
        <v>2.93098878501041E-11</v>
      </c>
      <c r="X673" s="53">
        <v>2.93098878501041E-11</v>
      </c>
      <c r="Y673" s="53">
        <v>2.93098878501041E-11</v>
      </c>
      <c r="Z673" s="53">
        <v>2.93098878501041E-11</v>
      </c>
      <c r="AA673" s="53">
        <v>3.5171865420124902E-10</v>
      </c>
      <c r="AB673" s="53">
        <v>3.7821597705563597E-11</v>
      </c>
      <c r="AC673" s="53">
        <v>3.7821597705563597E-11</v>
      </c>
      <c r="AD673" s="53">
        <v>3.7821597705563597E-11</v>
      </c>
      <c r="AE673" s="53">
        <v>3.7821597705563597E-11</v>
      </c>
      <c r="AF673" s="53">
        <v>3.7821597705563597E-11</v>
      </c>
      <c r="AG673" s="53">
        <v>3.7821597705563597E-11</v>
      </c>
      <c r="AH673" s="53">
        <v>3.7821597705563597E-11</v>
      </c>
      <c r="AI673" s="53">
        <v>3.7821597705563597E-11</v>
      </c>
      <c r="AJ673" s="53">
        <v>3.7821597705563597E-11</v>
      </c>
      <c r="AK673" s="53">
        <v>3.7821597705563597E-11</v>
      </c>
      <c r="AL673" s="53">
        <v>3.7821597705563597E-11</v>
      </c>
      <c r="AM673" s="53">
        <v>3.7821597705563597E-11</v>
      </c>
      <c r="AN673" s="53">
        <v>4.5385917246676301E-10</v>
      </c>
      <c r="AO673" s="53">
        <v>-1.52365774318418E-10</v>
      </c>
      <c r="AP673" s="53">
        <v>-1.52365774318418E-10</v>
      </c>
      <c r="AQ673" s="53">
        <v>-1.52365774318418E-10</v>
      </c>
      <c r="AR673" s="53">
        <v>-1.52365774318418E-10</v>
      </c>
      <c r="AS673" s="53">
        <v>-1.52365774318418E-10</v>
      </c>
      <c r="AT673" s="53">
        <v>-1.52365774318418E-10</v>
      </c>
      <c r="AU673" s="53">
        <v>-1.52365774318418E-10</v>
      </c>
      <c r="AV673" s="53">
        <v>-1.52365774318418E-10</v>
      </c>
      <c r="AW673" s="53">
        <v>-1.52365774318418E-10</v>
      </c>
      <c r="AX673" s="53">
        <v>-1.52365774318418E-10</v>
      </c>
      <c r="AY673" s="53">
        <v>-1.52365774318418E-10</v>
      </c>
      <c r="AZ673" s="53">
        <v>-1.52365774318418E-10</v>
      </c>
      <c r="BA673" s="53">
        <v>-1.8283892918210101E-9</v>
      </c>
    </row>
    <row r="674" spans="1:53">
      <c r="A674" s="52" t="s">
        <v>3987</v>
      </c>
      <c r="B674" s="53">
        <v>27639747.696378201</v>
      </c>
      <c r="C674" s="53">
        <v>-48255818.744847603</v>
      </c>
      <c r="D674" s="53">
        <v>-30372130.1071283</v>
      </c>
      <c r="E674" s="53">
        <v>-4794323.5067859003</v>
      </c>
      <c r="F674" s="53">
        <v>7472875.24487512</v>
      </c>
      <c r="G674" s="53">
        <v>15450085.6074671</v>
      </c>
      <c r="H674" s="53">
        <v>17645712.675475899</v>
      </c>
      <c r="I674" s="53">
        <v>81278200.364153296</v>
      </c>
      <c r="J674" s="53">
        <v>10307922.1245916</v>
      </c>
      <c r="K674" s="53">
        <v>-7497566.14038496</v>
      </c>
      <c r="L674" s="53">
        <v>-34291445.7693066</v>
      </c>
      <c r="M674" s="53">
        <v>-34953924.9036365</v>
      </c>
      <c r="N674" s="53">
        <v>-370665.45914855599</v>
      </c>
      <c r="O674" s="53">
        <v>24231361.526878498</v>
      </c>
      <c r="P674" s="53">
        <v>-24687754.383266799</v>
      </c>
      <c r="Q674" s="53">
        <v>-16980955.885632399</v>
      </c>
      <c r="R674" s="53">
        <v>597040.14400858397</v>
      </c>
      <c r="S674" s="53">
        <v>5179056.73384465</v>
      </c>
      <c r="T674" s="53">
        <v>5411227.8167322204</v>
      </c>
      <c r="U674" s="53">
        <v>4275629.5715572704</v>
      </c>
      <c r="V674" s="53">
        <v>49383922.928237803</v>
      </c>
      <c r="W674" s="53">
        <v>2309967.15946157</v>
      </c>
      <c r="X674" s="53">
        <v>-3740266.34814069</v>
      </c>
      <c r="Y674" s="53">
        <v>-19589360.742612898</v>
      </c>
      <c r="Z674" s="53">
        <v>-26389868.4488369</v>
      </c>
      <c r="AA674" s="53">
        <v>7.2230865043820799E-2</v>
      </c>
      <c r="AB674" s="53">
        <v>24264439.9079291</v>
      </c>
      <c r="AC674" s="53">
        <v>-23756038.0999148</v>
      </c>
      <c r="AD674" s="53">
        <v>-14735324.7720805</v>
      </c>
      <c r="AE674" s="53">
        <v>2527757.9960713</v>
      </c>
      <c r="AF674" s="53">
        <v>6070614.3312913999</v>
      </c>
      <c r="AG674" s="53">
        <v>6603222.2545889895</v>
      </c>
      <c r="AH674" s="53">
        <v>4621901.3716337997</v>
      </c>
      <c r="AI674" s="53">
        <v>46807472.8265559</v>
      </c>
      <c r="AJ674" s="53">
        <v>620648.87349287095</v>
      </c>
      <c r="AK674" s="53">
        <v>-6392796.79832255</v>
      </c>
      <c r="AL674" s="53">
        <v>-21869844.779964801</v>
      </c>
      <c r="AM674" s="53">
        <v>-24762052.890089098</v>
      </c>
      <c r="AN674" s="53">
        <v>0.221191468881443</v>
      </c>
      <c r="AO674" s="53">
        <v>20722545.7932631</v>
      </c>
      <c r="AP674" s="53">
        <v>-25186939.1599067</v>
      </c>
      <c r="AQ674" s="53">
        <v>-18143478.006243199</v>
      </c>
      <c r="AR674" s="53">
        <v>-1028489.7223845701</v>
      </c>
      <c r="AS674" s="53">
        <v>5889781.0133553203</v>
      </c>
      <c r="AT674" s="53">
        <v>6684532.5819095802</v>
      </c>
      <c r="AU674" s="53">
        <v>5134416.1235667998</v>
      </c>
      <c r="AV674" s="53">
        <v>46018699.978442602</v>
      </c>
      <c r="AW674" s="53">
        <v>1636338.18653807</v>
      </c>
      <c r="AX674" s="53">
        <v>-4723869.8531401101</v>
      </c>
      <c r="AY674" s="53">
        <v>-14364305.421770999</v>
      </c>
      <c r="AZ674" s="53">
        <v>-22639231.637156401</v>
      </c>
      <c r="BA674" s="53">
        <v>-0.12352668272797</v>
      </c>
    </row>
    <row r="675" spans="1:53">
      <c r="A675" s="237" t="s">
        <v>3988</v>
      </c>
      <c r="B675" s="53">
        <v>110092735.62943199</v>
      </c>
      <c r="C675" s="53">
        <v>29898775.227045801</v>
      </c>
      <c r="D675" s="53">
        <v>38122800.015427001</v>
      </c>
      <c r="E675" s="53">
        <v>74775201.063311696</v>
      </c>
      <c r="F675" s="53">
        <v>87968455.522842601</v>
      </c>
      <c r="G675" s="53">
        <v>87031530.845572203</v>
      </c>
      <c r="H675" s="53">
        <v>99859134.534475699</v>
      </c>
      <c r="I675" s="53">
        <v>167728347.540604</v>
      </c>
      <c r="J675" s="53">
        <v>81403879.706487104</v>
      </c>
      <c r="K675" s="53">
        <v>71240071.781765699</v>
      </c>
      <c r="L675" s="53">
        <v>42971534.566493697</v>
      </c>
      <c r="M675" s="53">
        <v>33431405.929846801</v>
      </c>
      <c r="N675" s="53">
        <v>924523872.36330497</v>
      </c>
      <c r="O675" s="53">
        <v>120406967.612578</v>
      </c>
      <c r="P675" s="53">
        <v>61325052.612648502</v>
      </c>
      <c r="Q675" s="53">
        <v>71813861.546585202</v>
      </c>
      <c r="R675" s="53">
        <v>89970414.922918394</v>
      </c>
      <c r="S675" s="53">
        <v>98441029.124937296</v>
      </c>
      <c r="T675" s="53">
        <v>101653869.994066</v>
      </c>
      <c r="U675" s="53">
        <v>100448192.337073</v>
      </c>
      <c r="V675" s="53">
        <v>151654172.251973</v>
      </c>
      <c r="W675" s="53">
        <v>97529491.667403296</v>
      </c>
      <c r="X675" s="53">
        <v>86077298.846672401</v>
      </c>
      <c r="Y675" s="53">
        <v>65600009.4617908</v>
      </c>
      <c r="Z675" s="53">
        <v>61123564.6146136</v>
      </c>
      <c r="AA675" s="53">
        <v>1106043924.9932599</v>
      </c>
      <c r="AB675" s="53">
        <v>127870161.63656101</v>
      </c>
      <c r="AC675" s="53">
        <v>66588329.001570202</v>
      </c>
      <c r="AD675" s="53">
        <v>78749776.846212402</v>
      </c>
      <c r="AE675" s="53">
        <v>96679601.803625003</v>
      </c>
      <c r="AF675" s="53">
        <v>105436545.06694099</v>
      </c>
      <c r="AG675" s="53">
        <v>109636898.891794</v>
      </c>
      <c r="AH675" s="53">
        <v>108369584.087819</v>
      </c>
      <c r="AI675" s="53">
        <v>158980398.58167401</v>
      </c>
      <c r="AJ675" s="53">
        <v>103336432.94939201</v>
      </c>
      <c r="AK675" s="53">
        <v>90085133.370931998</v>
      </c>
      <c r="AL675" s="53">
        <v>68222158.868797705</v>
      </c>
      <c r="AM675" s="53">
        <v>67473291.426625907</v>
      </c>
      <c r="AN675" s="53">
        <v>1181428312.53194</v>
      </c>
      <c r="AO675" s="53">
        <v>128675671.556545</v>
      </c>
      <c r="AP675" s="53">
        <v>67201393.012819394</v>
      </c>
      <c r="AQ675" s="53">
        <v>77680827.962973595</v>
      </c>
      <c r="AR675" s="53">
        <v>96531325.284124807</v>
      </c>
      <c r="AS675" s="53">
        <v>109634264.89926299</v>
      </c>
      <c r="AT675" s="53">
        <v>114409859.325445</v>
      </c>
      <c r="AU675" s="53">
        <v>114457140.39223801</v>
      </c>
      <c r="AV675" s="53">
        <v>165296601.25995901</v>
      </c>
      <c r="AW675" s="53">
        <v>108550720.05753</v>
      </c>
      <c r="AX675" s="53">
        <v>95871604.767069504</v>
      </c>
      <c r="AY675" s="53">
        <v>79253007.0425978</v>
      </c>
      <c r="AZ675" s="53">
        <v>72600720.734361902</v>
      </c>
      <c r="BA675" s="53">
        <v>1230163136.29493</v>
      </c>
    </row>
    <row r="676" spans="1:53">
      <c r="A676" s="231" t="s">
        <v>3989</v>
      </c>
      <c r="B676" s="53"/>
      <c r="C676" s="53"/>
      <c r="D676" s="53"/>
      <c r="E676" s="53"/>
      <c r="F676" s="53"/>
      <c r="G676" s="53"/>
      <c r="H676" s="53"/>
      <c r="I676" s="53"/>
      <c r="J676" s="53"/>
      <c r="K676" s="53"/>
      <c r="L676" s="53"/>
      <c r="M676" s="53"/>
      <c r="N676" s="53"/>
      <c r="O676" s="53"/>
      <c r="P676" s="53"/>
      <c r="Q676" s="53"/>
      <c r="R676" s="53"/>
      <c r="S676" s="53"/>
      <c r="T676" s="53"/>
      <c r="U676" s="53"/>
      <c r="V676" s="53"/>
      <c r="W676" s="53"/>
      <c r="X676" s="53"/>
      <c r="Y676" s="53"/>
      <c r="Z676" s="53"/>
      <c r="AA676" s="53"/>
      <c r="AB676" s="53"/>
      <c r="AC676" s="53"/>
      <c r="AD676" s="53"/>
      <c r="AE676" s="53"/>
      <c r="AF676" s="53"/>
      <c r="AG676" s="53"/>
      <c r="AH676" s="53"/>
      <c r="AI676" s="53"/>
      <c r="AJ676" s="53"/>
      <c r="AK676" s="53"/>
      <c r="AL676" s="53"/>
      <c r="AM676" s="53"/>
      <c r="AN676" s="53"/>
      <c r="AO676" s="53"/>
      <c r="AP676" s="53"/>
      <c r="AQ676" s="53"/>
      <c r="AR676" s="53"/>
      <c r="AS676" s="53"/>
      <c r="AT676" s="53"/>
      <c r="AU676" s="53"/>
      <c r="AV676" s="53"/>
      <c r="AW676" s="53"/>
      <c r="AX676" s="53"/>
      <c r="AY676" s="53"/>
      <c r="AZ676" s="53"/>
      <c r="BA676" s="53"/>
    </row>
    <row r="677" spans="1:53">
      <c r="A677" s="52" t="s">
        <v>3990</v>
      </c>
      <c r="B677" s="53">
        <v>0</v>
      </c>
      <c r="C677" s="53">
        <v>0</v>
      </c>
      <c r="D677" s="53">
        <v>0</v>
      </c>
      <c r="E677" s="53">
        <v>0</v>
      </c>
      <c r="F677" s="53">
        <v>0</v>
      </c>
      <c r="G677" s="53">
        <v>0</v>
      </c>
      <c r="H677" s="53">
        <v>0</v>
      </c>
      <c r="I677" s="53">
        <v>0</v>
      </c>
      <c r="J677" s="53">
        <v>0</v>
      </c>
      <c r="K677" s="53">
        <v>0</v>
      </c>
      <c r="L677" s="53">
        <v>0</v>
      </c>
      <c r="M677" s="53">
        <v>0</v>
      </c>
      <c r="N677" s="53">
        <v>0</v>
      </c>
      <c r="O677" s="53">
        <v>0</v>
      </c>
      <c r="P677" s="53">
        <v>0</v>
      </c>
      <c r="Q677" s="53">
        <v>0</v>
      </c>
      <c r="R677" s="53">
        <v>0</v>
      </c>
      <c r="S677" s="53">
        <v>0</v>
      </c>
      <c r="T677" s="53">
        <v>0</v>
      </c>
      <c r="U677" s="53">
        <v>0</v>
      </c>
      <c r="V677" s="53">
        <v>0</v>
      </c>
      <c r="W677" s="53">
        <v>0</v>
      </c>
      <c r="X677" s="53">
        <v>0</v>
      </c>
      <c r="Y677" s="53">
        <v>0</v>
      </c>
      <c r="Z677" s="53">
        <v>0</v>
      </c>
      <c r="AA677" s="53">
        <v>0</v>
      </c>
      <c r="AB677" s="53">
        <v>0</v>
      </c>
      <c r="AC677" s="53">
        <v>0</v>
      </c>
      <c r="AD677" s="53">
        <v>0</v>
      </c>
      <c r="AE677" s="53">
        <v>0</v>
      </c>
      <c r="AF677" s="53">
        <v>0</v>
      </c>
      <c r="AG677" s="53">
        <v>0</v>
      </c>
      <c r="AH677" s="53">
        <v>0</v>
      </c>
      <c r="AI677" s="53">
        <v>0</v>
      </c>
      <c r="AJ677" s="53">
        <v>0</v>
      </c>
      <c r="AK677" s="53">
        <v>0</v>
      </c>
      <c r="AL677" s="53">
        <v>0</v>
      </c>
      <c r="AM677" s="53">
        <v>0</v>
      </c>
      <c r="AN677" s="53">
        <v>0</v>
      </c>
      <c r="AO677" s="53">
        <v>0</v>
      </c>
      <c r="AP677" s="53">
        <v>0</v>
      </c>
      <c r="AQ677" s="53">
        <v>0</v>
      </c>
      <c r="AR677" s="53">
        <v>0</v>
      </c>
      <c r="AS677" s="53">
        <v>0</v>
      </c>
      <c r="AT677" s="53">
        <v>0</v>
      </c>
      <c r="AU677" s="53">
        <v>0</v>
      </c>
      <c r="AV677" s="53">
        <v>0</v>
      </c>
      <c r="AW677" s="53">
        <v>0</v>
      </c>
      <c r="AX677" s="53">
        <v>0</v>
      </c>
      <c r="AY677" s="53">
        <v>0</v>
      </c>
      <c r="AZ677" s="53">
        <v>0</v>
      </c>
      <c r="BA677" s="53">
        <v>0</v>
      </c>
    </row>
    <row r="678" spans="1:53">
      <c r="A678" s="52" t="s">
        <v>3991</v>
      </c>
      <c r="B678" s="53">
        <v>0</v>
      </c>
      <c r="C678" s="53">
        <v>0</v>
      </c>
      <c r="D678" s="53">
        <v>0</v>
      </c>
      <c r="E678" s="53">
        <v>0</v>
      </c>
      <c r="F678" s="53">
        <v>0</v>
      </c>
      <c r="G678" s="53">
        <v>0</v>
      </c>
      <c r="H678" s="53">
        <v>0</v>
      </c>
      <c r="I678" s="53">
        <v>0</v>
      </c>
      <c r="J678" s="53">
        <v>0</v>
      </c>
      <c r="K678" s="53">
        <v>0</v>
      </c>
      <c r="L678" s="53">
        <v>0</v>
      </c>
      <c r="M678" s="53">
        <v>0</v>
      </c>
      <c r="N678" s="53">
        <v>0</v>
      </c>
      <c r="O678" s="53">
        <v>0</v>
      </c>
      <c r="P678" s="53">
        <v>0</v>
      </c>
      <c r="Q678" s="53">
        <v>0</v>
      </c>
      <c r="R678" s="53">
        <v>0</v>
      </c>
      <c r="S678" s="53">
        <v>0</v>
      </c>
      <c r="T678" s="53">
        <v>0</v>
      </c>
      <c r="U678" s="53">
        <v>0</v>
      </c>
      <c r="V678" s="53">
        <v>0</v>
      </c>
      <c r="W678" s="53">
        <v>0</v>
      </c>
      <c r="X678" s="53">
        <v>0</v>
      </c>
      <c r="Y678" s="53">
        <v>0</v>
      </c>
      <c r="Z678" s="53">
        <v>0</v>
      </c>
      <c r="AA678" s="53">
        <v>0</v>
      </c>
      <c r="AB678" s="53">
        <v>0</v>
      </c>
      <c r="AC678" s="53">
        <v>0</v>
      </c>
      <c r="AD678" s="53">
        <v>0</v>
      </c>
      <c r="AE678" s="53">
        <v>0</v>
      </c>
      <c r="AF678" s="53">
        <v>0</v>
      </c>
      <c r="AG678" s="53">
        <v>0</v>
      </c>
      <c r="AH678" s="53">
        <v>0</v>
      </c>
      <c r="AI678" s="53">
        <v>0</v>
      </c>
      <c r="AJ678" s="53">
        <v>0</v>
      </c>
      <c r="AK678" s="53">
        <v>0</v>
      </c>
      <c r="AL678" s="53">
        <v>0</v>
      </c>
      <c r="AM678" s="53">
        <v>0</v>
      </c>
      <c r="AN678" s="53">
        <v>0</v>
      </c>
      <c r="AO678" s="53">
        <v>0</v>
      </c>
      <c r="AP678" s="53">
        <v>0</v>
      </c>
      <c r="AQ678" s="53">
        <v>0</v>
      </c>
      <c r="AR678" s="53">
        <v>0</v>
      </c>
      <c r="AS678" s="53">
        <v>0</v>
      </c>
      <c r="AT678" s="53">
        <v>0</v>
      </c>
      <c r="AU678" s="53">
        <v>0</v>
      </c>
      <c r="AV678" s="53">
        <v>0</v>
      </c>
      <c r="AW678" s="53">
        <v>0</v>
      </c>
      <c r="AX678" s="53">
        <v>0</v>
      </c>
      <c r="AY678" s="53">
        <v>0</v>
      </c>
      <c r="AZ678" s="53">
        <v>0</v>
      </c>
      <c r="BA678" s="53">
        <v>0</v>
      </c>
    </row>
    <row r="679" spans="1:53">
      <c r="A679" s="52" t="s">
        <v>3992</v>
      </c>
      <c r="B679" s="53">
        <v>0</v>
      </c>
      <c r="C679" s="53">
        <v>0</v>
      </c>
      <c r="D679" s="53">
        <v>0</v>
      </c>
      <c r="E679" s="53">
        <v>0</v>
      </c>
      <c r="F679" s="53">
        <v>0</v>
      </c>
      <c r="G679" s="53">
        <v>0</v>
      </c>
      <c r="H679" s="53">
        <v>0</v>
      </c>
      <c r="I679" s="53">
        <v>0</v>
      </c>
      <c r="J679" s="53">
        <v>0</v>
      </c>
      <c r="K679" s="53">
        <v>0</v>
      </c>
      <c r="L679" s="53">
        <v>0</v>
      </c>
      <c r="M679" s="53">
        <v>0</v>
      </c>
      <c r="N679" s="53">
        <v>0</v>
      </c>
      <c r="O679" s="53">
        <v>0</v>
      </c>
      <c r="P679" s="53">
        <v>0</v>
      </c>
      <c r="Q679" s="53">
        <v>0</v>
      </c>
      <c r="R679" s="53">
        <v>0</v>
      </c>
      <c r="S679" s="53">
        <v>0</v>
      </c>
      <c r="T679" s="53">
        <v>0</v>
      </c>
      <c r="U679" s="53">
        <v>0</v>
      </c>
      <c r="V679" s="53">
        <v>0</v>
      </c>
      <c r="W679" s="53">
        <v>0</v>
      </c>
      <c r="X679" s="53">
        <v>0</v>
      </c>
      <c r="Y679" s="53">
        <v>0</v>
      </c>
      <c r="Z679" s="53">
        <v>0</v>
      </c>
      <c r="AA679" s="53">
        <v>0</v>
      </c>
      <c r="AB679" s="53">
        <v>0</v>
      </c>
      <c r="AC679" s="53">
        <v>0</v>
      </c>
      <c r="AD679" s="53">
        <v>0</v>
      </c>
      <c r="AE679" s="53">
        <v>0</v>
      </c>
      <c r="AF679" s="53">
        <v>0</v>
      </c>
      <c r="AG679" s="53">
        <v>0</v>
      </c>
      <c r="AH679" s="53">
        <v>0</v>
      </c>
      <c r="AI679" s="53">
        <v>0</v>
      </c>
      <c r="AJ679" s="53">
        <v>0</v>
      </c>
      <c r="AK679" s="53">
        <v>0</v>
      </c>
      <c r="AL679" s="53">
        <v>0</v>
      </c>
      <c r="AM679" s="53">
        <v>0</v>
      </c>
      <c r="AN679" s="53">
        <v>0</v>
      </c>
      <c r="AO679" s="53">
        <v>0</v>
      </c>
      <c r="AP679" s="53">
        <v>0</v>
      </c>
      <c r="AQ679" s="53">
        <v>0</v>
      </c>
      <c r="AR679" s="53">
        <v>0</v>
      </c>
      <c r="AS679" s="53">
        <v>0</v>
      </c>
      <c r="AT679" s="53">
        <v>0</v>
      </c>
      <c r="AU679" s="53">
        <v>0</v>
      </c>
      <c r="AV679" s="53">
        <v>0</v>
      </c>
      <c r="AW679" s="53">
        <v>0</v>
      </c>
      <c r="AX679" s="53">
        <v>0</v>
      </c>
      <c r="AY679" s="53">
        <v>0</v>
      </c>
      <c r="AZ679" s="53">
        <v>0</v>
      </c>
      <c r="BA679" s="53">
        <v>0</v>
      </c>
    </row>
    <row r="680" spans="1:53">
      <c r="A680" s="52" t="s">
        <v>3993</v>
      </c>
      <c r="B680" s="53">
        <v>0</v>
      </c>
      <c r="C680" s="53">
        <v>0</v>
      </c>
      <c r="D680" s="53">
        <v>0</v>
      </c>
      <c r="E680" s="53">
        <v>0</v>
      </c>
      <c r="F680" s="53">
        <v>0</v>
      </c>
      <c r="G680" s="53">
        <v>0</v>
      </c>
      <c r="H680" s="53">
        <v>0</v>
      </c>
      <c r="I680" s="53">
        <v>0</v>
      </c>
      <c r="J680" s="53">
        <v>0</v>
      </c>
      <c r="K680" s="53">
        <v>0</v>
      </c>
      <c r="L680" s="53">
        <v>0</v>
      </c>
      <c r="M680" s="53">
        <v>0</v>
      </c>
      <c r="N680" s="53">
        <v>0</v>
      </c>
      <c r="O680" s="53">
        <v>0</v>
      </c>
      <c r="P680" s="53">
        <v>0</v>
      </c>
      <c r="Q680" s="53">
        <v>0</v>
      </c>
      <c r="R680" s="53">
        <v>0</v>
      </c>
      <c r="S680" s="53">
        <v>0</v>
      </c>
      <c r="T680" s="53">
        <v>0</v>
      </c>
      <c r="U680" s="53">
        <v>0</v>
      </c>
      <c r="V680" s="53">
        <v>0</v>
      </c>
      <c r="W680" s="53">
        <v>0</v>
      </c>
      <c r="X680" s="53">
        <v>0</v>
      </c>
      <c r="Y680" s="53">
        <v>0</v>
      </c>
      <c r="Z680" s="53">
        <v>0</v>
      </c>
      <c r="AA680" s="53">
        <v>0</v>
      </c>
      <c r="AB680" s="53">
        <v>0</v>
      </c>
      <c r="AC680" s="53">
        <v>0</v>
      </c>
      <c r="AD680" s="53">
        <v>0</v>
      </c>
      <c r="AE680" s="53">
        <v>0</v>
      </c>
      <c r="AF680" s="53">
        <v>0</v>
      </c>
      <c r="AG680" s="53">
        <v>0</v>
      </c>
      <c r="AH680" s="53">
        <v>0</v>
      </c>
      <c r="AI680" s="53">
        <v>0</v>
      </c>
      <c r="AJ680" s="53">
        <v>0</v>
      </c>
      <c r="AK680" s="53">
        <v>0</v>
      </c>
      <c r="AL680" s="53">
        <v>0</v>
      </c>
      <c r="AM680" s="53">
        <v>0</v>
      </c>
      <c r="AN680" s="53">
        <v>0</v>
      </c>
      <c r="AO680" s="53">
        <v>0</v>
      </c>
      <c r="AP680" s="53">
        <v>0</v>
      </c>
      <c r="AQ680" s="53">
        <v>0</v>
      </c>
      <c r="AR680" s="53">
        <v>0</v>
      </c>
      <c r="AS680" s="53">
        <v>0</v>
      </c>
      <c r="AT680" s="53">
        <v>0</v>
      </c>
      <c r="AU680" s="53">
        <v>0</v>
      </c>
      <c r="AV680" s="53">
        <v>0</v>
      </c>
      <c r="AW680" s="53">
        <v>0</v>
      </c>
      <c r="AX680" s="53">
        <v>0</v>
      </c>
      <c r="AY680" s="53">
        <v>0</v>
      </c>
      <c r="AZ680" s="53">
        <v>0</v>
      </c>
      <c r="BA680" s="53">
        <v>0</v>
      </c>
    </row>
    <row r="681" spans="1:53">
      <c r="A681" s="52" t="s">
        <v>3994</v>
      </c>
      <c r="B681" s="53">
        <v>0</v>
      </c>
      <c r="C681" s="53">
        <v>0</v>
      </c>
      <c r="D681" s="53">
        <v>0</v>
      </c>
      <c r="E681" s="53">
        <v>0</v>
      </c>
      <c r="F681" s="53">
        <v>0</v>
      </c>
      <c r="G681" s="53">
        <v>0</v>
      </c>
      <c r="H681" s="53">
        <v>0</v>
      </c>
      <c r="I681" s="53">
        <v>0</v>
      </c>
      <c r="J681" s="53">
        <v>0</v>
      </c>
      <c r="K681" s="53">
        <v>0</v>
      </c>
      <c r="L681" s="53">
        <v>0</v>
      </c>
      <c r="M681" s="53">
        <v>0</v>
      </c>
      <c r="N681" s="53">
        <v>0</v>
      </c>
      <c r="O681" s="53">
        <v>0</v>
      </c>
      <c r="P681" s="53">
        <v>0</v>
      </c>
      <c r="Q681" s="53">
        <v>0</v>
      </c>
      <c r="R681" s="53">
        <v>0</v>
      </c>
      <c r="S681" s="53">
        <v>0</v>
      </c>
      <c r="T681" s="53">
        <v>0</v>
      </c>
      <c r="U681" s="53">
        <v>0</v>
      </c>
      <c r="V681" s="53">
        <v>0</v>
      </c>
      <c r="W681" s="53">
        <v>0</v>
      </c>
      <c r="X681" s="53">
        <v>0</v>
      </c>
      <c r="Y681" s="53">
        <v>0</v>
      </c>
      <c r="Z681" s="53">
        <v>0</v>
      </c>
      <c r="AA681" s="53">
        <v>0</v>
      </c>
      <c r="AB681" s="53">
        <v>0</v>
      </c>
      <c r="AC681" s="53">
        <v>0</v>
      </c>
      <c r="AD681" s="53">
        <v>0</v>
      </c>
      <c r="AE681" s="53">
        <v>0</v>
      </c>
      <c r="AF681" s="53">
        <v>0</v>
      </c>
      <c r="AG681" s="53">
        <v>0</v>
      </c>
      <c r="AH681" s="53">
        <v>0</v>
      </c>
      <c r="AI681" s="53">
        <v>0</v>
      </c>
      <c r="AJ681" s="53">
        <v>0</v>
      </c>
      <c r="AK681" s="53">
        <v>0</v>
      </c>
      <c r="AL681" s="53">
        <v>0</v>
      </c>
      <c r="AM681" s="53">
        <v>0</v>
      </c>
      <c r="AN681" s="53">
        <v>0</v>
      </c>
      <c r="AO681" s="53">
        <v>0</v>
      </c>
      <c r="AP681" s="53">
        <v>0</v>
      </c>
      <c r="AQ681" s="53">
        <v>0</v>
      </c>
      <c r="AR681" s="53">
        <v>0</v>
      </c>
      <c r="AS681" s="53">
        <v>0</v>
      </c>
      <c r="AT681" s="53">
        <v>0</v>
      </c>
      <c r="AU681" s="53">
        <v>0</v>
      </c>
      <c r="AV681" s="53">
        <v>0</v>
      </c>
      <c r="AW681" s="53">
        <v>0</v>
      </c>
      <c r="AX681" s="53">
        <v>0</v>
      </c>
      <c r="AY681" s="53">
        <v>0</v>
      </c>
      <c r="AZ681" s="53">
        <v>0</v>
      </c>
      <c r="BA681" s="53">
        <v>0</v>
      </c>
    </row>
    <row r="682" spans="1:53">
      <c r="A682" s="232" t="s">
        <v>3995</v>
      </c>
      <c r="B682" s="53">
        <v>0</v>
      </c>
      <c r="C682" s="53">
        <v>0</v>
      </c>
      <c r="D682" s="53">
        <v>0</v>
      </c>
      <c r="E682" s="53">
        <v>0</v>
      </c>
      <c r="F682" s="53">
        <v>0</v>
      </c>
      <c r="G682" s="53">
        <v>0</v>
      </c>
      <c r="H682" s="53">
        <v>0</v>
      </c>
      <c r="I682" s="53">
        <v>0</v>
      </c>
      <c r="J682" s="53">
        <v>0</v>
      </c>
      <c r="K682" s="53">
        <v>0</v>
      </c>
      <c r="L682" s="53">
        <v>0</v>
      </c>
      <c r="M682" s="53">
        <v>0</v>
      </c>
      <c r="N682" s="53">
        <v>0</v>
      </c>
      <c r="O682" s="53">
        <v>0</v>
      </c>
      <c r="P682" s="53">
        <v>0</v>
      </c>
      <c r="Q682" s="53">
        <v>0</v>
      </c>
      <c r="R682" s="53">
        <v>0</v>
      </c>
      <c r="S682" s="53">
        <v>0</v>
      </c>
      <c r="T682" s="53">
        <v>0</v>
      </c>
      <c r="U682" s="53">
        <v>0</v>
      </c>
      <c r="V682" s="53">
        <v>0</v>
      </c>
      <c r="W682" s="53">
        <v>0</v>
      </c>
      <c r="X682" s="53">
        <v>0</v>
      </c>
      <c r="Y682" s="53">
        <v>0</v>
      </c>
      <c r="Z682" s="53">
        <v>0</v>
      </c>
      <c r="AA682" s="53">
        <v>0</v>
      </c>
      <c r="AB682" s="53">
        <v>0</v>
      </c>
      <c r="AC682" s="53">
        <v>0</v>
      </c>
      <c r="AD682" s="53">
        <v>0</v>
      </c>
      <c r="AE682" s="53">
        <v>0</v>
      </c>
      <c r="AF682" s="53">
        <v>0</v>
      </c>
      <c r="AG682" s="53">
        <v>0</v>
      </c>
      <c r="AH682" s="53">
        <v>0</v>
      </c>
      <c r="AI682" s="53">
        <v>0</v>
      </c>
      <c r="AJ682" s="53">
        <v>0</v>
      </c>
      <c r="AK682" s="53">
        <v>0</v>
      </c>
      <c r="AL682" s="53">
        <v>0</v>
      </c>
      <c r="AM682" s="53">
        <v>0</v>
      </c>
      <c r="AN682" s="53">
        <v>0</v>
      </c>
      <c r="AO682" s="53">
        <v>0</v>
      </c>
      <c r="AP682" s="53">
        <v>0</v>
      </c>
      <c r="AQ682" s="53">
        <v>0</v>
      </c>
      <c r="AR682" s="53">
        <v>0</v>
      </c>
      <c r="AS682" s="53">
        <v>0</v>
      </c>
      <c r="AT682" s="53">
        <v>0</v>
      </c>
      <c r="AU682" s="53">
        <v>0</v>
      </c>
      <c r="AV682" s="53">
        <v>0</v>
      </c>
      <c r="AW682" s="53">
        <v>0</v>
      </c>
      <c r="AX682" s="53">
        <v>0</v>
      </c>
      <c r="AY682" s="53">
        <v>0</v>
      </c>
      <c r="AZ682" s="53">
        <v>0</v>
      </c>
      <c r="BA682" s="53">
        <v>0</v>
      </c>
    </row>
    <row r="683" spans="1:53">
      <c r="A683" s="52" t="s">
        <v>3996</v>
      </c>
      <c r="B683" s="53"/>
      <c r="C683" s="53"/>
      <c r="D683" s="53"/>
      <c r="E683" s="53"/>
      <c r="F683" s="53"/>
      <c r="G683" s="53"/>
      <c r="H683" s="53"/>
      <c r="I683" s="53"/>
      <c r="J683" s="53"/>
      <c r="K683" s="53"/>
      <c r="L683" s="53"/>
      <c r="M683" s="53"/>
      <c r="N683" s="53"/>
      <c r="O683" s="53"/>
      <c r="P683" s="53"/>
      <c r="Q683" s="53"/>
      <c r="R683" s="53"/>
      <c r="S683" s="53"/>
      <c r="T683" s="53"/>
      <c r="U683" s="53"/>
      <c r="V683" s="53"/>
      <c r="W683" s="53"/>
      <c r="X683" s="53"/>
      <c r="Y683" s="53"/>
      <c r="Z683" s="53"/>
      <c r="AA683" s="53"/>
      <c r="AB683" s="53"/>
      <c r="AC683" s="53"/>
      <c r="AD683" s="53"/>
      <c r="AE683" s="53"/>
      <c r="AF683" s="53"/>
      <c r="AG683" s="53"/>
      <c r="AH683" s="53"/>
      <c r="AI683" s="53"/>
      <c r="AJ683" s="53"/>
      <c r="AK683" s="53"/>
      <c r="AL683" s="53"/>
      <c r="AM683" s="53"/>
      <c r="AN683" s="53"/>
      <c r="AO683" s="53"/>
      <c r="AP683" s="53"/>
      <c r="AQ683" s="53"/>
      <c r="AR683" s="53"/>
      <c r="AS683" s="53"/>
      <c r="AT683" s="53"/>
      <c r="AU683" s="53"/>
      <c r="AV683" s="53"/>
      <c r="AW683" s="53"/>
      <c r="AX683" s="53"/>
      <c r="AY683" s="53"/>
      <c r="AZ683" s="53"/>
      <c r="BA683" s="53"/>
    </row>
    <row r="684" spans="1:53">
      <c r="A684" s="232" t="s">
        <v>3997</v>
      </c>
      <c r="B684" s="53">
        <v>110092735.62943199</v>
      </c>
      <c r="C684" s="53">
        <v>29898775.227045801</v>
      </c>
      <c r="D684" s="53">
        <v>38122800.015427001</v>
      </c>
      <c r="E684" s="53">
        <v>74775201.063311696</v>
      </c>
      <c r="F684" s="53">
        <v>87968455.522842601</v>
      </c>
      <c r="G684" s="53">
        <v>87031530.845572203</v>
      </c>
      <c r="H684" s="53">
        <v>99859134.534475699</v>
      </c>
      <c r="I684" s="53">
        <v>167728347.540604</v>
      </c>
      <c r="J684" s="53">
        <v>81403879.706487104</v>
      </c>
      <c r="K684" s="53">
        <v>71240071.781765699</v>
      </c>
      <c r="L684" s="53">
        <v>42971534.566493697</v>
      </c>
      <c r="M684" s="53">
        <v>33431405.929846801</v>
      </c>
      <c r="N684" s="53">
        <v>924523872.36330497</v>
      </c>
      <c r="O684" s="53">
        <v>120406967.612578</v>
      </c>
      <c r="P684" s="53">
        <v>61325052.612648502</v>
      </c>
      <c r="Q684" s="53">
        <v>71813861.546585202</v>
      </c>
      <c r="R684" s="53">
        <v>89970414.922918394</v>
      </c>
      <c r="S684" s="53">
        <v>98441029.124937296</v>
      </c>
      <c r="T684" s="53">
        <v>101653869.994066</v>
      </c>
      <c r="U684" s="53">
        <v>100448192.337073</v>
      </c>
      <c r="V684" s="53">
        <v>151654172.251973</v>
      </c>
      <c r="W684" s="53">
        <v>97529491.667403296</v>
      </c>
      <c r="X684" s="53">
        <v>86077298.846672401</v>
      </c>
      <c r="Y684" s="53">
        <v>65600009.4617908</v>
      </c>
      <c r="Z684" s="53">
        <v>61123564.6146136</v>
      </c>
      <c r="AA684" s="53">
        <v>1106043924.9932599</v>
      </c>
      <c r="AB684" s="53">
        <v>127870161.63656101</v>
      </c>
      <c r="AC684" s="53">
        <v>66588329.001570202</v>
      </c>
      <c r="AD684" s="53">
        <v>78749776.846212402</v>
      </c>
      <c r="AE684" s="53">
        <v>96679601.803625003</v>
      </c>
      <c r="AF684" s="53">
        <v>105436545.06694099</v>
      </c>
      <c r="AG684" s="53">
        <v>109636898.891794</v>
      </c>
      <c r="AH684" s="53">
        <v>108369584.087819</v>
      </c>
      <c r="AI684" s="53">
        <v>158980398.58167401</v>
      </c>
      <c r="AJ684" s="53">
        <v>103336432.94939201</v>
      </c>
      <c r="AK684" s="53">
        <v>90085133.370931998</v>
      </c>
      <c r="AL684" s="53">
        <v>68222158.868797705</v>
      </c>
      <c r="AM684" s="53">
        <v>67473291.426625907</v>
      </c>
      <c r="AN684" s="53">
        <v>1181428312.53194</v>
      </c>
      <c r="AO684" s="53">
        <v>128675671.556545</v>
      </c>
      <c r="AP684" s="53">
        <v>67201393.012819394</v>
      </c>
      <c r="AQ684" s="53">
        <v>77680827.962973595</v>
      </c>
      <c r="AR684" s="53">
        <v>96531325.284124807</v>
      </c>
      <c r="AS684" s="53">
        <v>109634264.89926299</v>
      </c>
      <c r="AT684" s="53">
        <v>114409859.325445</v>
      </c>
      <c r="AU684" s="53">
        <v>114457140.39223801</v>
      </c>
      <c r="AV684" s="53">
        <v>165296601.25995901</v>
      </c>
      <c r="AW684" s="53">
        <v>108550720.05753</v>
      </c>
      <c r="AX684" s="53">
        <v>95871604.767069504</v>
      </c>
      <c r="AY684" s="53">
        <v>79253007.0425978</v>
      </c>
      <c r="AZ684" s="53">
        <v>72600720.734361902</v>
      </c>
      <c r="BA684" s="53">
        <v>1230163136.29493</v>
      </c>
    </row>
    <row r="685" spans="1:53">
      <c r="A685" s="52" t="s">
        <v>3998</v>
      </c>
      <c r="B685" s="53"/>
      <c r="C685" s="53"/>
      <c r="D685" s="53"/>
      <c r="E685" s="53"/>
      <c r="F685" s="53"/>
      <c r="G685" s="53"/>
      <c r="H685" s="53"/>
      <c r="I685" s="53"/>
      <c r="J685" s="53"/>
      <c r="K685" s="53"/>
      <c r="L685" s="53"/>
      <c r="M685" s="53"/>
      <c r="N685" s="53"/>
      <c r="O685" s="53"/>
      <c r="P685" s="53"/>
      <c r="Q685" s="53"/>
      <c r="R685" s="53"/>
      <c r="S685" s="53"/>
      <c r="T685" s="53"/>
      <c r="U685" s="53"/>
      <c r="V685" s="53"/>
      <c r="W685" s="53"/>
      <c r="X685" s="53"/>
      <c r="Y685" s="53"/>
      <c r="Z685" s="53"/>
      <c r="AA685" s="53"/>
      <c r="AB685" s="53"/>
      <c r="AC685" s="53"/>
      <c r="AD685" s="53"/>
      <c r="AE685" s="53"/>
      <c r="AF685" s="53"/>
      <c r="AG685" s="53"/>
      <c r="AH685" s="53"/>
      <c r="AI685" s="53"/>
      <c r="AJ685" s="53"/>
      <c r="AK685" s="53"/>
      <c r="AL685" s="53"/>
      <c r="AM685" s="53"/>
      <c r="AN685" s="53"/>
      <c r="AO685" s="53"/>
      <c r="AP685" s="53"/>
      <c r="AQ685" s="53"/>
      <c r="AR685" s="53"/>
      <c r="AS685" s="53"/>
      <c r="AT685" s="53"/>
      <c r="AU685" s="53"/>
      <c r="AV685" s="53"/>
      <c r="AW685" s="53"/>
      <c r="AX685" s="53"/>
      <c r="AY685" s="53"/>
      <c r="AZ685" s="53"/>
      <c r="BA685" s="53"/>
    </row>
    <row r="686" spans="1:53" ht="10.8" thickBot="1">
      <c r="A686" s="230" t="s">
        <v>3999</v>
      </c>
      <c r="B686" s="53"/>
      <c r="C686" s="53"/>
      <c r="D686" s="53"/>
      <c r="E686" s="53"/>
      <c r="F686" s="53"/>
      <c r="G686" s="53"/>
      <c r="H686" s="53"/>
      <c r="I686" s="53"/>
      <c r="J686" s="53"/>
      <c r="K686" s="53"/>
      <c r="L686" s="53"/>
      <c r="M686" s="53"/>
      <c r="N686" s="53"/>
      <c r="O686" s="53"/>
      <c r="P686" s="53"/>
      <c r="Q686" s="53"/>
      <c r="R686" s="53"/>
      <c r="S686" s="53"/>
      <c r="T686" s="53"/>
      <c r="U686" s="53"/>
      <c r="V686" s="53"/>
      <c r="W686" s="53"/>
      <c r="X686" s="53"/>
      <c r="Y686" s="53"/>
      <c r="Z686" s="53"/>
      <c r="AA686" s="53"/>
      <c r="AB686" s="53"/>
      <c r="AC686" s="53"/>
      <c r="AD686" s="53"/>
      <c r="AE686" s="53"/>
      <c r="AF686" s="53"/>
      <c r="AG686" s="53"/>
      <c r="AH686" s="53"/>
      <c r="AI686" s="53"/>
      <c r="AJ686" s="53"/>
      <c r="AK686" s="53"/>
      <c r="AL686" s="53"/>
      <c r="AM686" s="53"/>
      <c r="AN686" s="53"/>
      <c r="AO686" s="53"/>
      <c r="AP686" s="53"/>
      <c r="AQ686" s="53"/>
      <c r="AR686" s="53"/>
      <c r="AS686" s="53"/>
      <c r="AT686" s="53"/>
      <c r="AU686" s="53"/>
      <c r="AV686" s="53"/>
      <c r="AW686" s="53"/>
      <c r="AX686" s="53"/>
      <c r="AY686" s="53"/>
      <c r="AZ686" s="53"/>
      <c r="BA686" s="53"/>
    </row>
    <row r="687" spans="1:53">
      <c r="A687" s="52" t="s">
        <v>4000</v>
      </c>
      <c r="B687" s="53">
        <v>0</v>
      </c>
      <c r="C687" s="53">
        <v>0</v>
      </c>
      <c r="D687" s="53">
        <v>0</v>
      </c>
      <c r="E687" s="53">
        <v>0</v>
      </c>
      <c r="F687" s="53">
        <v>0</v>
      </c>
      <c r="G687" s="53">
        <v>0</v>
      </c>
      <c r="H687" s="53">
        <v>0</v>
      </c>
      <c r="I687" s="53">
        <v>0</v>
      </c>
      <c r="J687" s="53">
        <v>0</v>
      </c>
      <c r="K687" s="53">
        <v>0</v>
      </c>
      <c r="L687" s="53">
        <v>0</v>
      </c>
      <c r="M687" s="53">
        <v>0</v>
      </c>
      <c r="N687" s="53">
        <v>0</v>
      </c>
      <c r="O687" s="53">
        <v>0</v>
      </c>
      <c r="P687" s="53">
        <v>0</v>
      </c>
      <c r="Q687" s="53">
        <v>0</v>
      </c>
      <c r="R687" s="53">
        <v>0</v>
      </c>
      <c r="S687" s="53">
        <v>0</v>
      </c>
      <c r="T687" s="53">
        <v>0</v>
      </c>
      <c r="U687" s="53">
        <v>0</v>
      </c>
      <c r="V687" s="53">
        <v>0</v>
      </c>
      <c r="W687" s="53">
        <v>0</v>
      </c>
      <c r="X687" s="53">
        <v>0</v>
      </c>
      <c r="Y687" s="53">
        <v>0</v>
      </c>
      <c r="Z687" s="53">
        <v>0</v>
      </c>
      <c r="AA687" s="53">
        <v>0</v>
      </c>
      <c r="AB687" s="53">
        <v>0</v>
      </c>
      <c r="AC687" s="53">
        <v>0</v>
      </c>
      <c r="AD687" s="53">
        <v>0</v>
      </c>
      <c r="AE687" s="53">
        <v>0</v>
      </c>
      <c r="AF687" s="53">
        <v>0</v>
      </c>
      <c r="AG687" s="53">
        <v>0</v>
      </c>
      <c r="AH687" s="53">
        <v>0</v>
      </c>
      <c r="AI687" s="53">
        <v>0</v>
      </c>
      <c r="AJ687" s="53">
        <v>0</v>
      </c>
      <c r="AK687" s="53">
        <v>0</v>
      </c>
      <c r="AL687" s="53">
        <v>0</v>
      </c>
      <c r="AM687" s="53">
        <v>0</v>
      </c>
      <c r="AN687" s="53">
        <v>0</v>
      </c>
      <c r="AO687" s="53">
        <v>0</v>
      </c>
      <c r="AP687" s="53">
        <v>0</v>
      </c>
      <c r="AQ687" s="53">
        <v>0</v>
      </c>
      <c r="AR687" s="53">
        <v>0</v>
      </c>
      <c r="AS687" s="53">
        <v>0</v>
      </c>
      <c r="AT687" s="53">
        <v>0</v>
      </c>
      <c r="AU687" s="53">
        <v>0</v>
      </c>
      <c r="AV687" s="53">
        <v>0</v>
      </c>
      <c r="AW687" s="53">
        <v>0</v>
      </c>
      <c r="AX687" s="53">
        <v>0</v>
      </c>
      <c r="AY687" s="53">
        <v>0</v>
      </c>
      <c r="AZ687" s="53">
        <v>0</v>
      </c>
      <c r="BA687" s="53">
        <v>0</v>
      </c>
    </row>
    <row r="688" spans="1:53">
      <c r="A688" s="52" t="s">
        <v>4001</v>
      </c>
      <c r="B688" s="53">
        <v>129795.999999999</v>
      </c>
      <c r="C688" s="53">
        <v>129795.999999999</v>
      </c>
      <c r="D688" s="53">
        <v>129795.999999999</v>
      </c>
      <c r="E688" s="53">
        <v>129795.999999999</v>
      </c>
      <c r="F688" s="53">
        <v>129795.999999999</v>
      </c>
      <c r="G688" s="53">
        <v>129795.999999999</v>
      </c>
      <c r="H688" s="53">
        <v>129795.999999999</v>
      </c>
      <c r="I688" s="53">
        <v>129795.999999999</v>
      </c>
      <c r="J688" s="53">
        <v>129795.999999999</v>
      </c>
      <c r="K688" s="53">
        <v>129795.999999999</v>
      </c>
      <c r="L688" s="53">
        <v>129795.999999999</v>
      </c>
      <c r="M688" s="53">
        <v>129795.999999999</v>
      </c>
      <c r="N688" s="53">
        <v>1557552</v>
      </c>
      <c r="O688" s="53">
        <v>129795.999999999</v>
      </c>
      <c r="P688" s="53">
        <v>129795.999999999</v>
      </c>
      <c r="Q688" s="53">
        <v>129795.999999999</v>
      </c>
      <c r="R688" s="53">
        <v>129795.999999999</v>
      </c>
      <c r="S688" s="53">
        <v>129795.999999999</v>
      </c>
      <c r="T688" s="53">
        <v>129795.999999999</v>
      </c>
      <c r="U688" s="53">
        <v>129795.999999999</v>
      </c>
      <c r="V688" s="53">
        <v>129795.999999999</v>
      </c>
      <c r="W688" s="53">
        <v>129795.999999999</v>
      </c>
      <c r="X688" s="53">
        <v>129795.999999999</v>
      </c>
      <c r="Y688" s="53">
        <v>129795.999999999</v>
      </c>
      <c r="Z688" s="53">
        <v>129795.999999999</v>
      </c>
      <c r="AA688" s="53">
        <v>1557552</v>
      </c>
      <c r="AB688" s="53">
        <v>129795.999999999</v>
      </c>
      <c r="AC688" s="53">
        <v>129795.999999999</v>
      </c>
      <c r="AD688" s="53">
        <v>129795.999999999</v>
      </c>
      <c r="AE688" s="53">
        <v>129795.999999999</v>
      </c>
      <c r="AF688" s="53">
        <v>129795.999999999</v>
      </c>
      <c r="AG688" s="53">
        <v>129795.999999999</v>
      </c>
      <c r="AH688" s="53">
        <v>129795.999999999</v>
      </c>
      <c r="AI688" s="53">
        <v>129795.999999999</v>
      </c>
      <c r="AJ688" s="53">
        <v>129795.999999999</v>
      </c>
      <c r="AK688" s="53">
        <v>129795.999999999</v>
      </c>
      <c r="AL688" s="53">
        <v>129795.999999999</v>
      </c>
      <c r="AM688" s="53">
        <v>129795.999999999</v>
      </c>
      <c r="AN688" s="53">
        <v>1557552</v>
      </c>
      <c r="AO688" s="53">
        <v>129795.999999999</v>
      </c>
      <c r="AP688" s="53">
        <v>129795.999999999</v>
      </c>
      <c r="AQ688" s="53">
        <v>129795.999999999</v>
      </c>
      <c r="AR688" s="53">
        <v>129795.999999999</v>
      </c>
      <c r="AS688" s="53">
        <v>129795.999999999</v>
      </c>
      <c r="AT688" s="53">
        <v>129795.999999999</v>
      </c>
      <c r="AU688" s="53">
        <v>129795.999999999</v>
      </c>
      <c r="AV688" s="53">
        <v>129795.999999999</v>
      </c>
      <c r="AW688" s="53">
        <v>129795.999999999</v>
      </c>
      <c r="AX688" s="53">
        <v>129795.999999999</v>
      </c>
      <c r="AY688" s="53">
        <v>129795.999999999</v>
      </c>
      <c r="AZ688" s="53">
        <v>129795.999999999</v>
      </c>
      <c r="BA688" s="53">
        <v>1557552</v>
      </c>
    </row>
    <row r="689" spans="1:53">
      <c r="A689" s="52" t="s">
        <v>4002</v>
      </c>
      <c r="B689" s="53">
        <v>0</v>
      </c>
      <c r="C689" s="53">
        <v>0</v>
      </c>
      <c r="D689" s="53">
        <v>0</v>
      </c>
      <c r="E689" s="53">
        <v>0</v>
      </c>
      <c r="F689" s="53">
        <v>0</v>
      </c>
      <c r="G689" s="53">
        <v>0</v>
      </c>
      <c r="H689" s="53">
        <v>0</v>
      </c>
      <c r="I689" s="53">
        <v>0</v>
      </c>
      <c r="J689" s="53">
        <v>0</v>
      </c>
      <c r="K689" s="53">
        <v>0</v>
      </c>
      <c r="L689" s="53">
        <v>0</v>
      </c>
      <c r="M689" s="53">
        <v>0</v>
      </c>
      <c r="N689" s="53">
        <v>0</v>
      </c>
      <c r="O689" s="53">
        <v>0</v>
      </c>
      <c r="P689" s="53">
        <v>0</v>
      </c>
      <c r="Q689" s="53">
        <v>0</v>
      </c>
      <c r="R689" s="53">
        <v>0</v>
      </c>
      <c r="S689" s="53">
        <v>0</v>
      </c>
      <c r="T689" s="53">
        <v>0</v>
      </c>
      <c r="U689" s="53">
        <v>0</v>
      </c>
      <c r="V689" s="53">
        <v>0</v>
      </c>
      <c r="W689" s="53">
        <v>0</v>
      </c>
      <c r="X689" s="53">
        <v>0</v>
      </c>
      <c r="Y689" s="53">
        <v>0</v>
      </c>
      <c r="Z689" s="53">
        <v>0</v>
      </c>
      <c r="AA689" s="53">
        <v>0</v>
      </c>
      <c r="AB689" s="53">
        <v>0</v>
      </c>
      <c r="AC689" s="53">
        <v>0</v>
      </c>
      <c r="AD689" s="53">
        <v>0</v>
      </c>
      <c r="AE689" s="53">
        <v>0</v>
      </c>
      <c r="AF689" s="53">
        <v>0</v>
      </c>
      <c r="AG689" s="53">
        <v>0</v>
      </c>
      <c r="AH689" s="53">
        <v>0</v>
      </c>
      <c r="AI689" s="53">
        <v>0</v>
      </c>
      <c r="AJ689" s="53">
        <v>0</v>
      </c>
      <c r="AK689" s="53">
        <v>0</v>
      </c>
      <c r="AL689" s="53">
        <v>0</v>
      </c>
      <c r="AM689" s="53">
        <v>0</v>
      </c>
      <c r="AN689" s="53">
        <v>0</v>
      </c>
      <c r="AO689" s="53">
        <v>0</v>
      </c>
      <c r="AP689" s="53">
        <v>0</v>
      </c>
      <c r="AQ689" s="53">
        <v>0</v>
      </c>
      <c r="AR689" s="53">
        <v>0</v>
      </c>
      <c r="AS689" s="53">
        <v>0</v>
      </c>
      <c r="AT689" s="53">
        <v>0</v>
      </c>
      <c r="AU689" s="53">
        <v>0</v>
      </c>
      <c r="AV689" s="53">
        <v>0</v>
      </c>
      <c r="AW689" s="53">
        <v>0</v>
      </c>
      <c r="AX689" s="53">
        <v>0</v>
      </c>
      <c r="AY689" s="53">
        <v>0</v>
      </c>
      <c r="AZ689" s="53">
        <v>0</v>
      </c>
      <c r="BA689" s="53">
        <v>0</v>
      </c>
    </row>
    <row r="690" spans="1:53">
      <c r="A690" s="52" t="s">
        <v>4003</v>
      </c>
      <c r="B690" s="53">
        <v>15593108.947459601</v>
      </c>
      <c r="C690" s="53">
        <v>15593108.947459601</v>
      </c>
      <c r="D690" s="53">
        <v>15593108.947459601</v>
      </c>
      <c r="E690" s="53">
        <v>15593108.947459601</v>
      </c>
      <c r="F690" s="53">
        <v>15593108.947459601</v>
      </c>
      <c r="G690" s="53">
        <v>15593108.947459601</v>
      </c>
      <c r="H690" s="53">
        <v>15593108.947459601</v>
      </c>
      <c r="I690" s="53">
        <v>15593108.947459601</v>
      </c>
      <c r="J690" s="53">
        <v>15593108.947459601</v>
      </c>
      <c r="K690" s="53">
        <v>15593108.947459601</v>
      </c>
      <c r="L690" s="53">
        <v>15593108.947459601</v>
      </c>
      <c r="M690" s="53">
        <v>15593108.947459601</v>
      </c>
      <c r="N690" s="53">
        <v>187117307.36951599</v>
      </c>
      <c r="O690" s="53">
        <v>17047149.252494499</v>
      </c>
      <c r="P690" s="53">
        <v>17047149.252494499</v>
      </c>
      <c r="Q690" s="53">
        <v>17047149.252494499</v>
      </c>
      <c r="R690" s="53">
        <v>17047149.252494499</v>
      </c>
      <c r="S690" s="53">
        <v>17047149.252494499</v>
      </c>
      <c r="T690" s="53">
        <v>17047149.252494499</v>
      </c>
      <c r="U690" s="53">
        <v>17047149.252494499</v>
      </c>
      <c r="V690" s="53">
        <v>17047149.252494499</v>
      </c>
      <c r="W690" s="53">
        <v>17047149.252494499</v>
      </c>
      <c r="X690" s="53">
        <v>17047149.252494499</v>
      </c>
      <c r="Y690" s="53">
        <v>17047149.252494499</v>
      </c>
      <c r="Z690" s="53">
        <v>17047149.252494499</v>
      </c>
      <c r="AA690" s="53">
        <v>204565791.029935</v>
      </c>
      <c r="AB690" s="53">
        <v>19022617.884772699</v>
      </c>
      <c r="AC690" s="53">
        <v>19022617.884772699</v>
      </c>
      <c r="AD690" s="53">
        <v>19022617.884772699</v>
      </c>
      <c r="AE690" s="53">
        <v>19022617.884772699</v>
      </c>
      <c r="AF690" s="53">
        <v>19022617.884772699</v>
      </c>
      <c r="AG690" s="53">
        <v>19022617.884772699</v>
      </c>
      <c r="AH690" s="53">
        <v>19022617.884772699</v>
      </c>
      <c r="AI690" s="53">
        <v>19022617.884772699</v>
      </c>
      <c r="AJ690" s="53">
        <v>19022617.884772699</v>
      </c>
      <c r="AK690" s="53">
        <v>19022617.884772699</v>
      </c>
      <c r="AL690" s="53">
        <v>19022617.884772699</v>
      </c>
      <c r="AM690" s="53">
        <v>19022617.884772699</v>
      </c>
      <c r="AN690" s="53">
        <v>228271414.61727199</v>
      </c>
      <c r="AO690" s="53">
        <v>20343678.1158791</v>
      </c>
      <c r="AP690" s="53">
        <v>20343678.1158791</v>
      </c>
      <c r="AQ690" s="53">
        <v>20343678.1158791</v>
      </c>
      <c r="AR690" s="53">
        <v>20343678.1158791</v>
      </c>
      <c r="AS690" s="53">
        <v>20343678.1158791</v>
      </c>
      <c r="AT690" s="53">
        <v>20343678.1158791</v>
      </c>
      <c r="AU690" s="53">
        <v>20343678.1158791</v>
      </c>
      <c r="AV690" s="53">
        <v>20343678.1158791</v>
      </c>
      <c r="AW690" s="53">
        <v>20343678.1158791</v>
      </c>
      <c r="AX690" s="53">
        <v>20343678.1158791</v>
      </c>
      <c r="AY690" s="53">
        <v>20343678.1158791</v>
      </c>
      <c r="AZ690" s="53">
        <v>20343678.1158791</v>
      </c>
      <c r="BA690" s="53">
        <v>244124137.390549</v>
      </c>
    </row>
    <row r="691" spans="1:53">
      <c r="A691" s="52" t="s">
        <v>4004</v>
      </c>
      <c r="B691" s="53">
        <v>0</v>
      </c>
      <c r="C691" s="53">
        <v>0</v>
      </c>
      <c r="D691" s="53">
        <v>0</v>
      </c>
      <c r="E691" s="53">
        <v>0</v>
      </c>
      <c r="F691" s="53">
        <v>0</v>
      </c>
      <c r="G691" s="53">
        <v>0</v>
      </c>
      <c r="H691" s="53">
        <v>0</v>
      </c>
      <c r="I691" s="53">
        <v>0</v>
      </c>
      <c r="J691" s="53">
        <v>0</v>
      </c>
      <c r="K691" s="53">
        <v>0</v>
      </c>
      <c r="L691" s="53">
        <v>0</v>
      </c>
      <c r="M691" s="53">
        <v>0</v>
      </c>
      <c r="N691" s="53">
        <v>0</v>
      </c>
      <c r="O691" s="53">
        <v>0</v>
      </c>
      <c r="P691" s="53">
        <v>0</v>
      </c>
      <c r="Q691" s="53">
        <v>0</v>
      </c>
      <c r="R691" s="53">
        <v>0</v>
      </c>
      <c r="S691" s="53">
        <v>0</v>
      </c>
      <c r="T691" s="53">
        <v>0</v>
      </c>
      <c r="U691" s="53">
        <v>0</v>
      </c>
      <c r="V691" s="53">
        <v>0</v>
      </c>
      <c r="W691" s="53">
        <v>0</v>
      </c>
      <c r="X691" s="53">
        <v>0</v>
      </c>
      <c r="Y691" s="53">
        <v>0</v>
      </c>
      <c r="Z691" s="53">
        <v>0</v>
      </c>
      <c r="AA691" s="53">
        <v>0</v>
      </c>
      <c r="AB691" s="53">
        <v>0</v>
      </c>
      <c r="AC691" s="53">
        <v>0</v>
      </c>
      <c r="AD691" s="53">
        <v>0</v>
      </c>
      <c r="AE691" s="53">
        <v>0</v>
      </c>
      <c r="AF691" s="53">
        <v>0</v>
      </c>
      <c r="AG691" s="53">
        <v>0</v>
      </c>
      <c r="AH691" s="53">
        <v>0</v>
      </c>
      <c r="AI691" s="53">
        <v>0</v>
      </c>
      <c r="AJ691" s="53">
        <v>0</v>
      </c>
      <c r="AK691" s="53">
        <v>0</v>
      </c>
      <c r="AL691" s="53">
        <v>0</v>
      </c>
      <c r="AM691" s="53">
        <v>0</v>
      </c>
      <c r="AN691" s="53">
        <v>0</v>
      </c>
      <c r="AO691" s="53">
        <v>0</v>
      </c>
      <c r="AP691" s="53">
        <v>0</v>
      </c>
      <c r="AQ691" s="53">
        <v>0</v>
      </c>
      <c r="AR691" s="53">
        <v>0</v>
      </c>
      <c r="AS691" s="53">
        <v>0</v>
      </c>
      <c r="AT691" s="53">
        <v>0</v>
      </c>
      <c r="AU691" s="53">
        <v>0</v>
      </c>
      <c r="AV691" s="53">
        <v>0</v>
      </c>
      <c r="AW691" s="53">
        <v>0</v>
      </c>
      <c r="AX691" s="53">
        <v>0</v>
      </c>
      <c r="AY691" s="53">
        <v>0</v>
      </c>
      <c r="AZ691" s="53">
        <v>0</v>
      </c>
      <c r="BA691" s="53">
        <v>0</v>
      </c>
    </row>
    <row r="692" spans="1:53">
      <c r="A692" s="52" t="s">
        <v>4005</v>
      </c>
      <c r="B692" s="53">
        <v>0</v>
      </c>
      <c r="C692" s="53">
        <v>0</v>
      </c>
      <c r="D692" s="53">
        <v>0</v>
      </c>
      <c r="E692" s="53">
        <v>0</v>
      </c>
      <c r="F692" s="53">
        <v>0</v>
      </c>
      <c r="G692" s="53">
        <v>0</v>
      </c>
      <c r="H692" s="53">
        <v>0</v>
      </c>
      <c r="I692" s="53">
        <v>0</v>
      </c>
      <c r="J692" s="53">
        <v>0</v>
      </c>
      <c r="K692" s="53">
        <v>0</v>
      </c>
      <c r="L692" s="53">
        <v>0</v>
      </c>
      <c r="M692" s="53">
        <v>0</v>
      </c>
      <c r="N692" s="53">
        <v>0</v>
      </c>
      <c r="O692" s="53">
        <v>0</v>
      </c>
      <c r="P692" s="53">
        <v>0</v>
      </c>
      <c r="Q692" s="53">
        <v>0</v>
      </c>
      <c r="R692" s="53">
        <v>0</v>
      </c>
      <c r="S692" s="53">
        <v>0</v>
      </c>
      <c r="T692" s="53">
        <v>0</v>
      </c>
      <c r="U692" s="53">
        <v>0</v>
      </c>
      <c r="V692" s="53">
        <v>0</v>
      </c>
      <c r="W692" s="53">
        <v>0</v>
      </c>
      <c r="X692" s="53">
        <v>0</v>
      </c>
      <c r="Y692" s="53">
        <v>0</v>
      </c>
      <c r="Z692" s="53">
        <v>0</v>
      </c>
      <c r="AA692" s="53">
        <v>0</v>
      </c>
      <c r="AB692" s="53">
        <v>0</v>
      </c>
      <c r="AC692" s="53">
        <v>0</v>
      </c>
      <c r="AD692" s="53">
        <v>0</v>
      </c>
      <c r="AE692" s="53">
        <v>0</v>
      </c>
      <c r="AF692" s="53">
        <v>0</v>
      </c>
      <c r="AG692" s="53">
        <v>0</v>
      </c>
      <c r="AH692" s="53">
        <v>0</v>
      </c>
      <c r="AI692" s="53">
        <v>0</v>
      </c>
      <c r="AJ692" s="53">
        <v>0</v>
      </c>
      <c r="AK692" s="53">
        <v>0</v>
      </c>
      <c r="AL692" s="53">
        <v>0</v>
      </c>
      <c r="AM692" s="53">
        <v>0</v>
      </c>
      <c r="AN692" s="53">
        <v>0</v>
      </c>
      <c r="AO692" s="53">
        <v>0</v>
      </c>
      <c r="AP692" s="53">
        <v>0</v>
      </c>
      <c r="AQ692" s="53">
        <v>0</v>
      </c>
      <c r="AR692" s="53">
        <v>0</v>
      </c>
      <c r="AS692" s="53">
        <v>0</v>
      </c>
      <c r="AT692" s="53">
        <v>0</v>
      </c>
      <c r="AU692" s="53">
        <v>0</v>
      </c>
      <c r="AV692" s="53">
        <v>0</v>
      </c>
      <c r="AW692" s="53">
        <v>0</v>
      </c>
      <c r="AX692" s="53">
        <v>0</v>
      </c>
      <c r="AY692" s="53">
        <v>0</v>
      </c>
      <c r="AZ692" s="53">
        <v>0</v>
      </c>
      <c r="BA692" s="53">
        <v>0</v>
      </c>
    </row>
    <row r="693" spans="1:53">
      <c r="A693" s="235" t="s">
        <v>4006</v>
      </c>
      <c r="B693" s="53">
        <v>280</v>
      </c>
      <c r="C693" s="53">
        <v>280</v>
      </c>
      <c r="D693" s="53">
        <v>290</v>
      </c>
      <c r="E693" s="53">
        <v>290</v>
      </c>
      <c r="F693" s="53">
        <v>432</v>
      </c>
      <c r="G693" s="53">
        <v>290</v>
      </c>
      <c r="H693" s="53">
        <v>290</v>
      </c>
      <c r="I693" s="53">
        <v>290</v>
      </c>
      <c r="J693" s="53">
        <v>290</v>
      </c>
      <c r="K693" s="53">
        <v>290</v>
      </c>
      <c r="L693" s="53">
        <v>432</v>
      </c>
      <c r="M693" s="53">
        <v>290</v>
      </c>
      <c r="N693" s="53">
        <v>3744</v>
      </c>
      <c r="O693" s="53">
        <v>312</v>
      </c>
      <c r="P693" s="53">
        <v>312</v>
      </c>
      <c r="Q693" s="53">
        <v>312</v>
      </c>
      <c r="R693" s="53">
        <v>312</v>
      </c>
      <c r="S693" s="53">
        <v>312</v>
      </c>
      <c r="T693" s="53">
        <v>312</v>
      </c>
      <c r="U693" s="53">
        <v>312</v>
      </c>
      <c r="V693" s="53">
        <v>312</v>
      </c>
      <c r="W693" s="53">
        <v>312</v>
      </c>
      <c r="X693" s="53">
        <v>312</v>
      </c>
      <c r="Y693" s="53">
        <v>312</v>
      </c>
      <c r="Z693" s="53">
        <v>312</v>
      </c>
      <c r="AA693" s="53">
        <v>3743.99999999999</v>
      </c>
      <c r="AB693" s="53">
        <v>312</v>
      </c>
      <c r="AC693" s="53">
        <v>312</v>
      </c>
      <c r="AD693" s="53">
        <v>312</v>
      </c>
      <c r="AE693" s="53">
        <v>312</v>
      </c>
      <c r="AF693" s="53">
        <v>312</v>
      </c>
      <c r="AG693" s="53">
        <v>312</v>
      </c>
      <c r="AH693" s="53">
        <v>312</v>
      </c>
      <c r="AI693" s="53">
        <v>312</v>
      </c>
      <c r="AJ693" s="53">
        <v>312</v>
      </c>
      <c r="AK693" s="53">
        <v>312</v>
      </c>
      <c r="AL693" s="53">
        <v>312</v>
      </c>
      <c r="AM693" s="53">
        <v>312</v>
      </c>
      <c r="AN693" s="53">
        <v>3743.99999999999</v>
      </c>
      <c r="AO693" s="53">
        <v>312</v>
      </c>
      <c r="AP693" s="53">
        <v>312</v>
      </c>
      <c r="AQ693" s="53">
        <v>312</v>
      </c>
      <c r="AR693" s="53">
        <v>312</v>
      </c>
      <c r="AS693" s="53">
        <v>312</v>
      </c>
      <c r="AT693" s="53">
        <v>312</v>
      </c>
      <c r="AU693" s="53">
        <v>312</v>
      </c>
      <c r="AV693" s="53">
        <v>312</v>
      </c>
      <c r="AW693" s="53">
        <v>312</v>
      </c>
      <c r="AX693" s="53">
        <v>312</v>
      </c>
      <c r="AY693" s="53">
        <v>312</v>
      </c>
      <c r="AZ693" s="53">
        <v>312</v>
      </c>
      <c r="BA693" s="53">
        <v>3743.99999999999</v>
      </c>
    </row>
    <row r="694" spans="1:53">
      <c r="A694" s="52" t="s">
        <v>4007</v>
      </c>
      <c r="B694" s="53">
        <v>0</v>
      </c>
      <c r="C694" s="53">
        <v>0</v>
      </c>
      <c r="D694" s="53">
        <v>0</v>
      </c>
      <c r="E694" s="53">
        <v>0</v>
      </c>
      <c r="F694" s="53">
        <v>0</v>
      </c>
      <c r="G694" s="53">
        <v>0</v>
      </c>
      <c r="H694" s="53">
        <v>0</v>
      </c>
      <c r="I694" s="53">
        <v>0</v>
      </c>
      <c r="J694" s="53">
        <v>0</v>
      </c>
      <c r="K694" s="53">
        <v>0</v>
      </c>
      <c r="L694" s="53">
        <v>0</v>
      </c>
      <c r="M694" s="53">
        <v>0</v>
      </c>
      <c r="N694" s="53">
        <v>0</v>
      </c>
      <c r="O694" s="53">
        <v>0</v>
      </c>
      <c r="P694" s="53">
        <v>0</v>
      </c>
      <c r="Q694" s="53">
        <v>0</v>
      </c>
      <c r="R694" s="53">
        <v>0</v>
      </c>
      <c r="S694" s="53">
        <v>0</v>
      </c>
      <c r="T694" s="53">
        <v>0</v>
      </c>
      <c r="U694" s="53">
        <v>0</v>
      </c>
      <c r="V694" s="53">
        <v>0</v>
      </c>
      <c r="W694" s="53">
        <v>0</v>
      </c>
      <c r="X694" s="53">
        <v>0</v>
      </c>
      <c r="Y694" s="53">
        <v>0</v>
      </c>
      <c r="Z694" s="53">
        <v>0</v>
      </c>
      <c r="AA694" s="53">
        <v>0</v>
      </c>
      <c r="AB694" s="53">
        <v>0</v>
      </c>
      <c r="AC694" s="53">
        <v>0</v>
      </c>
      <c r="AD694" s="53">
        <v>0</v>
      </c>
      <c r="AE694" s="53">
        <v>0</v>
      </c>
      <c r="AF694" s="53">
        <v>0</v>
      </c>
      <c r="AG694" s="53">
        <v>0</v>
      </c>
      <c r="AH694" s="53">
        <v>0</v>
      </c>
      <c r="AI694" s="53">
        <v>0</v>
      </c>
      <c r="AJ694" s="53">
        <v>0</v>
      </c>
      <c r="AK694" s="53">
        <v>0</v>
      </c>
      <c r="AL694" s="53">
        <v>0</v>
      </c>
      <c r="AM694" s="53">
        <v>0</v>
      </c>
      <c r="AN694" s="53">
        <v>0</v>
      </c>
      <c r="AO694" s="53">
        <v>0</v>
      </c>
      <c r="AP694" s="53">
        <v>0</v>
      </c>
      <c r="AQ694" s="53">
        <v>0</v>
      </c>
      <c r="AR694" s="53">
        <v>0</v>
      </c>
      <c r="AS694" s="53">
        <v>0</v>
      </c>
      <c r="AT694" s="53">
        <v>0</v>
      </c>
      <c r="AU694" s="53">
        <v>0</v>
      </c>
      <c r="AV694" s="53">
        <v>0</v>
      </c>
      <c r="AW694" s="53">
        <v>0</v>
      </c>
      <c r="AX694" s="53">
        <v>0</v>
      </c>
      <c r="AY694" s="53">
        <v>0</v>
      </c>
      <c r="AZ694" s="53">
        <v>0</v>
      </c>
      <c r="BA694" s="53">
        <v>0</v>
      </c>
    </row>
    <row r="695" spans="1:53">
      <c r="A695" s="52" t="s">
        <v>4008</v>
      </c>
      <c r="B695" s="53">
        <v>16110778.703457201</v>
      </c>
      <c r="C695" s="53">
        <v>10497375.691190099</v>
      </c>
      <c r="D695" s="53">
        <v>10603411.780849701</v>
      </c>
      <c r="E695" s="53">
        <v>11483168.200042799</v>
      </c>
      <c r="F695" s="53">
        <v>13767035.513207899</v>
      </c>
      <c r="G695" s="53">
        <v>14733989.880879899</v>
      </c>
      <c r="H695" s="53">
        <v>15436184.3642978</v>
      </c>
      <c r="I695" s="53">
        <v>19179573.502716798</v>
      </c>
      <c r="J695" s="53">
        <v>14429396.623994401</v>
      </c>
      <c r="K695" s="53">
        <v>12637619.3516447</v>
      </c>
      <c r="L695" s="53">
        <v>10160855.9911646</v>
      </c>
      <c r="M695" s="53">
        <v>11137802.4171855</v>
      </c>
      <c r="N695" s="53">
        <v>160177192.020632</v>
      </c>
      <c r="O695" s="53">
        <v>13743467.069129201</v>
      </c>
      <c r="P695" s="53">
        <v>8710645.0066855401</v>
      </c>
      <c r="Q695" s="53">
        <v>8985304.4266470093</v>
      </c>
      <c r="R695" s="53">
        <v>9693618.2777864002</v>
      </c>
      <c r="S695" s="53">
        <v>11667887.123706101</v>
      </c>
      <c r="T695" s="53">
        <v>12520721.4274555</v>
      </c>
      <c r="U695" s="53">
        <v>13165470.906847799</v>
      </c>
      <c r="V695" s="53">
        <v>16320813.188720601</v>
      </c>
      <c r="W695" s="53">
        <v>12315209.224825</v>
      </c>
      <c r="X695" s="53">
        <v>10712831.664315</v>
      </c>
      <c r="Y695" s="53">
        <v>8649668.4829343501</v>
      </c>
      <c r="Z695" s="53">
        <v>9547830.6431922596</v>
      </c>
      <c r="AA695" s="53">
        <v>136033467.44224501</v>
      </c>
      <c r="AB695" s="53">
        <v>13574045.359337499</v>
      </c>
      <c r="AC695" s="53">
        <v>8626048.6393970698</v>
      </c>
      <c r="AD695" s="53">
        <v>8842376.4817025494</v>
      </c>
      <c r="AE695" s="53">
        <v>9541911.3503335491</v>
      </c>
      <c r="AF695" s="53">
        <v>11503766.493758099</v>
      </c>
      <c r="AG695" s="53">
        <v>12415920.072276199</v>
      </c>
      <c r="AH695" s="53">
        <v>13050393.9920762</v>
      </c>
      <c r="AI695" s="53">
        <v>16170663.319424501</v>
      </c>
      <c r="AJ695" s="53">
        <v>12209303.0258683</v>
      </c>
      <c r="AK695" s="53">
        <v>10646575.353121201</v>
      </c>
      <c r="AL695" s="53">
        <v>8538243.9504672494</v>
      </c>
      <c r="AM695" s="53">
        <v>9458975.1169301402</v>
      </c>
      <c r="AN695" s="53">
        <v>134578223.15469199</v>
      </c>
      <c r="AO695" s="53">
        <v>13484274.806882299</v>
      </c>
      <c r="AP695" s="53">
        <v>8558435.9273140095</v>
      </c>
      <c r="AQ695" s="53">
        <v>8747956.7502548601</v>
      </c>
      <c r="AR695" s="53">
        <v>9440738.86531079</v>
      </c>
      <c r="AS695" s="53">
        <v>11433741.0829338</v>
      </c>
      <c r="AT695" s="53">
        <v>12379146.881821999</v>
      </c>
      <c r="AU695" s="53">
        <v>13019700.198248699</v>
      </c>
      <c r="AV695" s="53">
        <v>16124955.760871699</v>
      </c>
      <c r="AW695" s="53">
        <v>12196517.7609357</v>
      </c>
      <c r="AX695" s="53">
        <v>10634719.8600774</v>
      </c>
      <c r="AY695" s="53">
        <v>8538056.7361776996</v>
      </c>
      <c r="AZ695" s="53">
        <v>9473416.4700825904</v>
      </c>
      <c r="BA695" s="53">
        <v>134031661.10091101</v>
      </c>
    </row>
    <row r="696" spans="1:53">
      <c r="A696" s="52" t="s">
        <v>4009</v>
      </c>
      <c r="B696" s="53">
        <v>1359640.3589870301</v>
      </c>
      <c r="C696" s="53">
        <v>1280676.75263077</v>
      </c>
      <c r="D696" s="53">
        <v>1349942.8390300099</v>
      </c>
      <c r="E696" s="53">
        <v>323399.16539985797</v>
      </c>
      <c r="F696" s="53">
        <v>359269.99518581101</v>
      </c>
      <c r="G696" s="53">
        <v>367786.56126039999</v>
      </c>
      <c r="H696" s="53">
        <v>379300.11032719997</v>
      </c>
      <c r="I696" s="53">
        <v>441609.983368274</v>
      </c>
      <c r="J696" s="53">
        <v>334376.31934636697</v>
      </c>
      <c r="K696" s="53">
        <v>304425.355481109</v>
      </c>
      <c r="L696" s="53">
        <v>263803.06917198998</v>
      </c>
      <c r="M696" s="53">
        <v>270966.35001483298</v>
      </c>
      <c r="N696" s="53">
        <v>7035196.8602036703</v>
      </c>
      <c r="O696" s="53">
        <v>399383.64179656497</v>
      </c>
      <c r="P696" s="53">
        <v>328969.51700419502</v>
      </c>
      <c r="Q696" s="53">
        <v>343103.56653145299</v>
      </c>
      <c r="R696" s="53">
        <v>356058.94900321402</v>
      </c>
      <c r="S696" s="53">
        <v>380325.499576198</v>
      </c>
      <c r="T696" s="53">
        <v>366487.69654007797</v>
      </c>
      <c r="U696" s="53">
        <v>374730.54386506602</v>
      </c>
      <c r="V696" s="53">
        <v>421456.003027172</v>
      </c>
      <c r="W696" s="53">
        <v>334201.833062038</v>
      </c>
      <c r="X696" s="53">
        <v>313473.15993018099</v>
      </c>
      <c r="Y696" s="53">
        <v>284467.67383908201</v>
      </c>
      <c r="Z696" s="53">
        <v>288783.37078694499</v>
      </c>
      <c r="AA696" s="53">
        <v>4191441.4549621898</v>
      </c>
      <c r="AB696" s="53">
        <v>410334.332870688</v>
      </c>
      <c r="AC696" s="53">
        <v>340477.89697142498</v>
      </c>
      <c r="AD696" s="53">
        <v>354600.70905947301</v>
      </c>
      <c r="AE696" s="53">
        <v>367546.52336565102</v>
      </c>
      <c r="AF696" s="53">
        <v>391488.55210051499</v>
      </c>
      <c r="AG696" s="53">
        <v>377578.85345050198</v>
      </c>
      <c r="AH696" s="53">
        <v>385690.29338566901</v>
      </c>
      <c r="AI696" s="53">
        <v>432315.54655566998</v>
      </c>
      <c r="AJ696" s="53">
        <v>345189.376723814</v>
      </c>
      <c r="AK696" s="53">
        <v>324763.95709146501</v>
      </c>
      <c r="AL696" s="53">
        <v>295703.93859088398</v>
      </c>
      <c r="AM696" s="53">
        <v>299874.55553364102</v>
      </c>
      <c r="AN696" s="53">
        <v>4325564.5356994001</v>
      </c>
      <c r="AO696" s="53">
        <v>406159.447808308</v>
      </c>
      <c r="AP696" s="53">
        <v>336332.93704362999</v>
      </c>
      <c r="AQ696" s="53">
        <v>350496.82928834902</v>
      </c>
      <c r="AR696" s="53">
        <v>363409.853337434</v>
      </c>
      <c r="AS696" s="53">
        <v>387426.45975350199</v>
      </c>
      <c r="AT696" s="53">
        <v>373449.980857205</v>
      </c>
      <c r="AU696" s="53">
        <v>381532.794738981</v>
      </c>
      <c r="AV696" s="53">
        <v>428139.898544561</v>
      </c>
      <c r="AW696" s="53">
        <v>340956.71439282002</v>
      </c>
      <c r="AX696" s="53">
        <v>320468.94355899002</v>
      </c>
      <c r="AY696" s="53">
        <v>291360.24938659399</v>
      </c>
      <c r="AZ696" s="53">
        <v>295610.63634870702</v>
      </c>
      <c r="BA696" s="53">
        <v>4275344.7450590804</v>
      </c>
    </row>
    <row r="697" spans="1:53">
      <c r="A697" s="52" t="s">
        <v>4010</v>
      </c>
      <c r="B697" s="53">
        <v>0</v>
      </c>
      <c r="C697" s="53">
        <v>0</v>
      </c>
      <c r="D697" s="53">
        <v>0</v>
      </c>
      <c r="E697" s="53">
        <v>0</v>
      </c>
      <c r="F697" s="53">
        <v>0</v>
      </c>
      <c r="G697" s="53">
        <v>0</v>
      </c>
      <c r="H697" s="53">
        <v>0</v>
      </c>
      <c r="I697" s="53">
        <v>0</v>
      </c>
      <c r="J697" s="53">
        <v>0</v>
      </c>
      <c r="K697" s="53">
        <v>0</v>
      </c>
      <c r="L697" s="53">
        <v>0</v>
      </c>
      <c r="M697" s="53">
        <v>0</v>
      </c>
      <c r="N697" s="53">
        <v>0</v>
      </c>
      <c r="O697" s="53">
        <v>0</v>
      </c>
      <c r="P697" s="53">
        <v>0</v>
      </c>
      <c r="Q697" s="53">
        <v>0</v>
      </c>
      <c r="R697" s="53">
        <v>0</v>
      </c>
      <c r="S697" s="53">
        <v>0</v>
      </c>
      <c r="T697" s="53">
        <v>0</v>
      </c>
      <c r="U697" s="53">
        <v>0</v>
      </c>
      <c r="V697" s="53">
        <v>0</v>
      </c>
      <c r="W697" s="53">
        <v>0</v>
      </c>
      <c r="X697" s="53">
        <v>0</v>
      </c>
      <c r="Y697" s="53">
        <v>0</v>
      </c>
      <c r="Z697" s="53">
        <v>0</v>
      </c>
      <c r="AA697" s="53">
        <v>0</v>
      </c>
      <c r="AB697" s="53">
        <v>0</v>
      </c>
      <c r="AC697" s="53">
        <v>0</v>
      </c>
      <c r="AD697" s="53">
        <v>0</v>
      </c>
      <c r="AE697" s="53">
        <v>0</v>
      </c>
      <c r="AF697" s="53">
        <v>0</v>
      </c>
      <c r="AG697" s="53">
        <v>0</v>
      </c>
      <c r="AH697" s="53">
        <v>0</v>
      </c>
      <c r="AI697" s="53">
        <v>0</v>
      </c>
      <c r="AJ697" s="53">
        <v>0</v>
      </c>
      <c r="AK697" s="53">
        <v>0</v>
      </c>
      <c r="AL697" s="53">
        <v>0</v>
      </c>
      <c r="AM697" s="53">
        <v>0</v>
      </c>
      <c r="AN697" s="53">
        <v>0</v>
      </c>
      <c r="AO697" s="53">
        <v>0</v>
      </c>
      <c r="AP697" s="53">
        <v>0</v>
      </c>
      <c r="AQ697" s="53">
        <v>0</v>
      </c>
      <c r="AR697" s="53">
        <v>0</v>
      </c>
      <c r="AS697" s="53">
        <v>0</v>
      </c>
      <c r="AT697" s="53">
        <v>0</v>
      </c>
      <c r="AU697" s="53">
        <v>0</v>
      </c>
      <c r="AV697" s="53">
        <v>0</v>
      </c>
      <c r="AW697" s="53">
        <v>0</v>
      </c>
      <c r="AX697" s="53">
        <v>0</v>
      </c>
      <c r="AY697" s="53">
        <v>0</v>
      </c>
      <c r="AZ697" s="53">
        <v>0</v>
      </c>
      <c r="BA697" s="53">
        <v>0</v>
      </c>
    </row>
    <row r="698" spans="1:53">
      <c r="A698" s="52" t="s">
        <v>4011</v>
      </c>
      <c r="B698" s="53">
        <v>0</v>
      </c>
      <c r="C698" s="53">
        <v>0</v>
      </c>
      <c r="D698" s="53">
        <v>0</v>
      </c>
      <c r="E698" s="53">
        <v>0</v>
      </c>
      <c r="F698" s="53">
        <v>0</v>
      </c>
      <c r="G698" s="53">
        <v>0</v>
      </c>
      <c r="H698" s="53">
        <v>0</v>
      </c>
      <c r="I698" s="53">
        <v>0</v>
      </c>
      <c r="J698" s="53">
        <v>0</v>
      </c>
      <c r="K698" s="53">
        <v>0</v>
      </c>
      <c r="L698" s="53">
        <v>0</v>
      </c>
      <c r="M698" s="53">
        <v>0</v>
      </c>
      <c r="N698" s="53">
        <v>0</v>
      </c>
      <c r="O698" s="53">
        <v>0</v>
      </c>
      <c r="P698" s="53">
        <v>0</v>
      </c>
      <c r="Q698" s="53">
        <v>0</v>
      </c>
      <c r="R698" s="53">
        <v>0</v>
      </c>
      <c r="S698" s="53">
        <v>0</v>
      </c>
      <c r="T698" s="53">
        <v>0</v>
      </c>
      <c r="U698" s="53">
        <v>0</v>
      </c>
      <c r="V698" s="53">
        <v>0</v>
      </c>
      <c r="W698" s="53">
        <v>0</v>
      </c>
      <c r="X698" s="53">
        <v>0</v>
      </c>
      <c r="Y698" s="53">
        <v>0</v>
      </c>
      <c r="Z698" s="53">
        <v>0</v>
      </c>
      <c r="AA698" s="53">
        <v>0</v>
      </c>
      <c r="AB698" s="53">
        <v>0</v>
      </c>
      <c r="AC698" s="53">
        <v>0</v>
      </c>
      <c r="AD698" s="53">
        <v>0</v>
      </c>
      <c r="AE698" s="53">
        <v>0</v>
      </c>
      <c r="AF698" s="53">
        <v>0</v>
      </c>
      <c r="AG698" s="53">
        <v>0</v>
      </c>
      <c r="AH698" s="53">
        <v>0</v>
      </c>
      <c r="AI698" s="53">
        <v>0</v>
      </c>
      <c r="AJ698" s="53">
        <v>0</v>
      </c>
      <c r="AK698" s="53">
        <v>0</v>
      </c>
      <c r="AL698" s="53">
        <v>0</v>
      </c>
      <c r="AM698" s="53">
        <v>0</v>
      </c>
      <c r="AN698" s="53">
        <v>0</v>
      </c>
      <c r="AO698" s="53">
        <v>0</v>
      </c>
      <c r="AP698" s="53">
        <v>0</v>
      </c>
      <c r="AQ698" s="53">
        <v>0</v>
      </c>
      <c r="AR698" s="53">
        <v>0</v>
      </c>
      <c r="AS698" s="53">
        <v>0</v>
      </c>
      <c r="AT698" s="53">
        <v>0</v>
      </c>
      <c r="AU698" s="53">
        <v>0</v>
      </c>
      <c r="AV698" s="53">
        <v>0</v>
      </c>
      <c r="AW698" s="53">
        <v>0</v>
      </c>
      <c r="AX698" s="53">
        <v>0</v>
      </c>
      <c r="AY698" s="53">
        <v>0</v>
      </c>
      <c r="AZ698" s="53">
        <v>0</v>
      </c>
      <c r="BA698" s="53">
        <v>0</v>
      </c>
    </row>
    <row r="699" spans="1:53">
      <c r="A699" s="52" t="s">
        <v>4012</v>
      </c>
      <c r="B699" s="53">
        <v>0</v>
      </c>
      <c r="C699" s="53">
        <v>0</v>
      </c>
      <c r="D699" s="53">
        <v>0</v>
      </c>
      <c r="E699" s="53">
        <v>0</v>
      </c>
      <c r="F699" s="53">
        <v>0</v>
      </c>
      <c r="G699" s="53">
        <v>0</v>
      </c>
      <c r="H699" s="53">
        <v>0</v>
      </c>
      <c r="I699" s="53">
        <v>0</v>
      </c>
      <c r="J699" s="53">
        <v>0</v>
      </c>
      <c r="K699" s="53">
        <v>0</v>
      </c>
      <c r="L699" s="53">
        <v>0</v>
      </c>
      <c r="M699" s="53">
        <v>0</v>
      </c>
      <c r="N699" s="53">
        <v>0</v>
      </c>
      <c r="O699" s="53">
        <v>0</v>
      </c>
      <c r="P699" s="53">
        <v>0</v>
      </c>
      <c r="Q699" s="53">
        <v>0</v>
      </c>
      <c r="R699" s="53">
        <v>0</v>
      </c>
      <c r="S699" s="53">
        <v>0</v>
      </c>
      <c r="T699" s="53">
        <v>0</v>
      </c>
      <c r="U699" s="53">
        <v>0</v>
      </c>
      <c r="V699" s="53">
        <v>0</v>
      </c>
      <c r="W699" s="53">
        <v>0</v>
      </c>
      <c r="X699" s="53">
        <v>0</v>
      </c>
      <c r="Y699" s="53">
        <v>0</v>
      </c>
      <c r="Z699" s="53">
        <v>0</v>
      </c>
      <c r="AA699" s="53">
        <v>0</v>
      </c>
      <c r="AB699" s="53">
        <v>0</v>
      </c>
      <c r="AC699" s="53">
        <v>0</v>
      </c>
      <c r="AD699" s="53">
        <v>0</v>
      </c>
      <c r="AE699" s="53">
        <v>0</v>
      </c>
      <c r="AF699" s="53">
        <v>0</v>
      </c>
      <c r="AG699" s="53">
        <v>0</v>
      </c>
      <c r="AH699" s="53">
        <v>0</v>
      </c>
      <c r="AI699" s="53">
        <v>0</v>
      </c>
      <c r="AJ699" s="53">
        <v>0</v>
      </c>
      <c r="AK699" s="53">
        <v>0</v>
      </c>
      <c r="AL699" s="53">
        <v>0</v>
      </c>
      <c r="AM699" s="53">
        <v>0</v>
      </c>
      <c r="AN699" s="53">
        <v>0</v>
      </c>
      <c r="AO699" s="53">
        <v>0</v>
      </c>
      <c r="AP699" s="53">
        <v>0</v>
      </c>
      <c r="AQ699" s="53">
        <v>0</v>
      </c>
      <c r="AR699" s="53">
        <v>0</v>
      </c>
      <c r="AS699" s="53">
        <v>0</v>
      </c>
      <c r="AT699" s="53">
        <v>0</v>
      </c>
      <c r="AU699" s="53">
        <v>0</v>
      </c>
      <c r="AV699" s="53">
        <v>0</v>
      </c>
      <c r="AW699" s="53">
        <v>0</v>
      </c>
      <c r="AX699" s="53">
        <v>0</v>
      </c>
      <c r="AY699" s="53">
        <v>0</v>
      </c>
      <c r="AZ699" s="53">
        <v>0</v>
      </c>
      <c r="BA699" s="53">
        <v>0</v>
      </c>
    </row>
    <row r="700" spans="1:53">
      <c r="A700" s="52" t="s">
        <v>4013</v>
      </c>
      <c r="B700" s="53">
        <v>0</v>
      </c>
      <c r="C700" s="53">
        <v>0</v>
      </c>
      <c r="D700" s="53">
        <v>0</v>
      </c>
      <c r="E700" s="53">
        <v>0</v>
      </c>
      <c r="F700" s="53">
        <v>0</v>
      </c>
      <c r="G700" s="53">
        <v>0</v>
      </c>
      <c r="H700" s="53">
        <v>0</v>
      </c>
      <c r="I700" s="53">
        <v>0</v>
      </c>
      <c r="J700" s="53">
        <v>0</v>
      </c>
      <c r="K700" s="53">
        <v>0</v>
      </c>
      <c r="L700" s="53">
        <v>0</v>
      </c>
      <c r="M700" s="53">
        <v>0</v>
      </c>
      <c r="N700" s="53">
        <v>0</v>
      </c>
      <c r="O700" s="53">
        <v>0</v>
      </c>
      <c r="P700" s="53">
        <v>0</v>
      </c>
      <c r="Q700" s="53">
        <v>0</v>
      </c>
      <c r="R700" s="53">
        <v>0</v>
      </c>
      <c r="S700" s="53">
        <v>0</v>
      </c>
      <c r="T700" s="53">
        <v>0</v>
      </c>
      <c r="U700" s="53">
        <v>0</v>
      </c>
      <c r="V700" s="53">
        <v>0</v>
      </c>
      <c r="W700" s="53">
        <v>0</v>
      </c>
      <c r="X700" s="53">
        <v>0</v>
      </c>
      <c r="Y700" s="53">
        <v>0</v>
      </c>
      <c r="Z700" s="53">
        <v>0</v>
      </c>
      <c r="AA700" s="53">
        <v>0</v>
      </c>
      <c r="AB700" s="53">
        <v>0</v>
      </c>
      <c r="AC700" s="53">
        <v>0</v>
      </c>
      <c r="AD700" s="53">
        <v>0</v>
      </c>
      <c r="AE700" s="53">
        <v>0</v>
      </c>
      <c r="AF700" s="53">
        <v>0</v>
      </c>
      <c r="AG700" s="53">
        <v>0</v>
      </c>
      <c r="AH700" s="53">
        <v>0</v>
      </c>
      <c r="AI700" s="53">
        <v>0</v>
      </c>
      <c r="AJ700" s="53">
        <v>0</v>
      </c>
      <c r="AK700" s="53">
        <v>0</v>
      </c>
      <c r="AL700" s="53">
        <v>0</v>
      </c>
      <c r="AM700" s="53">
        <v>0</v>
      </c>
      <c r="AN700" s="53">
        <v>0</v>
      </c>
      <c r="AO700" s="53">
        <v>0</v>
      </c>
      <c r="AP700" s="53">
        <v>0</v>
      </c>
      <c r="AQ700" s="53">
        <v>0</v>
      </c>
      <c r="AR700" s="53">
        <v>0</v>
      </c>
      <c r="AS700" s="53">
        <v>0</v>
      </c>
      <c r="AT700" s="53">
        <v>0</v>
      </c>
      <c r="AU700" s="53">
        <v>0</v>
      </c>
      <c r="AV700" s="53">
        <v>0</v>
      </c>
      <c r="AW700" s="53">
        <v>0</v>
      </c>
      <c r="AX700" s="53">
        <v>0</v>
      </c>
      <c r="AY700" s="53">
        <v>0</v>
      </c>
      <c r="AZ700" s="53">
        <v>0</v>
      </c>
      <c r="BA700" s="53">
        <v>0</v>
      </c>
    </row>
    <row r="701" spans="1:53">
      <c r="A701" s="52" t="s">
        <v>4014</v>
      </c>
      <c r="B701" s="53">
        <v>0</v>
      </c>
      <c r="C701" s="53">
        <v>0</v>
      </c>
      <c r="D701" s="53">
        <v>0</v>
      </c>
      <c r="E701" s="53">
        <v>0</v>
      </c>
      <c r="F701" s="53">
        <v>0</v>
      </c>
      <c r="G701" s="53">
        <v>0</v>
      </c>
      <c r="H701" s="53">
        <v>0</v>
      </c>
      <c r="I701" s="53">
        <v>0</v>
      </c>
      <c r="J701" s="53">
        <v>0</v>
      </c>
      <c r="K701" s="53">
        <v>0</v>
      </c>
      <c r="L701" s="53">
        <v>0</v>
      </c>
      <c r="M701" s="53">
        <v>0</v>
      </c>
      <c r="N701" s="53">
        <v>0</v>
      </c>
      <c r="O701" s="53">
        <v>0</v>
      </c>
      <c r="P701" s="53">
        <v>0</v>
      </c>
      <c r="Q701" s="53">
        <v>0</v>
      </c>
      <c r="R701" s="53">
        <v>0</v>
      </c>
      <c r="S701" s="53">
        <v>0</v>
      </c>
      <c r="T701" s="53">
        <v>0</v>
      </c>
      <c r="U701" s="53">
        <v>0</v>
      </c>
      <c r="V701" s="53">
        <v>0</v>
      </c>
      <c r="W701" s="53">
        <v>0</v>
      </c>
      <c r="X701" s="53">
        <v>0</v>
      </c>
      <c r="Y701" s="53">
        <v>0</v>
      </c>
      <c r="Z701" s="53">
        <v>0</v>
      </c>
      <c r="AA701" s="53">
        <v>0</v>
      </c>
      <c r="AB701" s="53">
        <v>0</v>
      </c>
      <c r="AC701" s="53">
        <v>0</v>
      </c>
      <c r="AD701" s="53">
        <v>0</v>
      </c>
      <c r="AE701" s="53">
        <v>0</v>
      </c>
      <c r="AF701" s="53">
        <v>0</v>
      </c>
      <c r="AG701" s="53">
        <v>0</v>
      </c>
      <c r="AH701" s="53">
        <v>0</v>
      </c>
      <c r="AI701" s="53">
        <v>0</v>
      </c>
      <c r="AJ701" s="53">
        <v>0</v>
      </c>
      <c r="AK701" s="53">
        <v>0</v>
      </c>
      <c r="AL701" s="53">
        <v>0</v>
      </c>
      <c r="AM701" s="53">
        <v>0</v>
      </c>
      <c r="AN701" s="53">
        <v>0</v>
      </c>
      <c r="AO701" s="53">
        <v>0</v>
      </c>
      <c r="AP701" s="53">
        <v>0</v>
      </c>
      <c r="AQ701" s="53">
        <v>0</v>
      </c>
      <c r="AR701" s="53">
        <v>0</v>
      </c>
      <c r="AS701" s="53">
        <v>0</v>
      </c>
      <c r="AT701" s="53">
        <v>0</v>
      </c>
      <c r="AU701" s="53">
        <v>0</v>
      </c>
      <c r="AV701" s="53">
        <v>0</v>
      </c>
      <c r="AW701" s="53">
        <v>0</v>
      </c>
      <c r="AX701" s="53">
        <v>0</v>
      </c>
      <c r="AY701" s="53">
        <v>0</v>
      </c>
      <c r="AZ701" s="53">
        <v>0</v>
      </c>
      <c r="BA701" s="53">
        <v>0</v>
      </c>
    </row>
    <row r="702" spans="1:53">
      <c r="A702" s="52" t="s">
        <v>4015</v>
      </c>
      <c r="B702" s="53">
        <v>0</v>
      </c>
      <c r="C702" s="53">
        <v>0</v>
      </c>
      <c r="D702" s="53">
        <v>0</v>
      </c>
      <c r="E702" s="53">
        <v>0</v>
      </c>
      <c r="F702" s="53">
        <v>0</v>
      </c>
      <c r="G702" s="53">
        <v>0</v>
      </c>
      <c r="H702" s="53">
        <v>0</v>
      </c>
      <c r="I702" s="53">
        <v>0</v>
      </c>
      <c r="J702" s="53">
        <v>0</v>
      </c>
      <c r="K702" s="53">
        <v>0</v>
      </c>
      <c r="L702" s="53">
        <v>0</v>
      </c>
      <c r="M702" s="53">
        <v>0</v>
      </c>
      <c r="N702" s="53">
        <v>0</v>
      </c>
      <c r="O702" s="53">
        <v>0</v>
      </c>
      <c r="P702" s="53">
        <v>0</v>
      </c>
      <c r="Q702" s="53">
        <v>0</v>
      </c>
      <c r="R702" s="53">
        <v>0</v>
      </c>
      <c r="S702" s="53">
        <v>0</v>
      </c>
      <c r="T702" s="53">
        <v>0</v>
      </c>
      <c r="U702" s="53">
        <v>0</v>
      </c>
      <c r="V702" s="53">
        <v>0</v>
      </c>
      <c r="W702" s="53">
        <v>0</v>
      </c>
      <c r="X702" s="53">
        <v>0</v>
      </c>
      <c r="Y702" s="53">
        <v>0</v>
      </c>
      <c r="Z702" s="53">
        <v>0</v>
      </c>
      <c r="AA702" s="53">
        <v>0</v>
      </c>
      <c r="AB702" s="53">
        <v>0</v>
      </c>
      <c r="AC702" s="53">
        <v>0</v>
      </c>
      <c r="AD702" s="53">
        <v>0</v>
      </c>
      <c r="AE702" s="53">
        <v>0</v>
      </c>
      <c r="AF702" s="53">
        <v>0</v>
      </c>
      <c r="AG702" s="53">
        <v>0</v>
      </c>
      <c r="AH702" s="53">
        <v>0</v>
      </c>
      <c r="AI702" s="53">
        <v>0</v>
      </c>
      <c r="AJ702" s="53">
        <v>0</v>
      </c>
      <c r="AK702" s="53">
        <v>0</v>
      </c>
      <c r="AL702" s="53">
        <v>0</v>
      </c>
      <c r="AM702" s="53">
        <v>0</v>
      </c>
      <c r="AN702" s="53">
        <v>0</v>
      </c>
      <c r="AO702" s="53">
        <v>0</v>
      </c>
      <c r="AP702" s="53">
        <v>0</v>
      </c>
      <c r="AQ702" s="53">
        <v>0</v>
      </c>
      <c r="AR702" s="53">
        <v>0</v>
      </c>
      <c r="AS702" s="53">
        <v>0</v>
      </c>
      <c r="AT702" s="53">
        <v>0</v>
      </c>
      <c r="AU702" s="53">
        <v>0</v>
      </c>
      <c r="AV702" s="53">
        <v>0</v>
      </c>
      <c r="AW702" s="53">
        <v>0</v>
      </c>
      <c r="AX702" s="53">
        <v>0</v>
      </c>
      <c r="AY702" s="53">
        <v>0</v>
      </c>
      <c r="AZ702" s="53">
        <v>0</v>
      </c>
      <c r="BA702" s="53">
        <v>0</v>
      </c>
    </row>
    <row r="703" spans="1:53">
      <c r="A703" s="52" t="s">
        <v>4016</v>
      </c>
      <c r="B703" s="53">
        <v>0</v>
      </c>
      <c r="C703" s="53">
        <v>0</v>
      </c>
      <c r="D703" s="53">
        <v>0</v>
      </c>
      <c r="E703" s="53">
        <v>0</v>
      </c>
      <c r="F703" s="53">
        <v>0</v>
      </c>
      <c r="G703" s="53">
        <v>0</v>
      </c>
      <c r="H703" s="53">
        <v>0</v>
      </c>
      <c r="I703" s="53">
        <v>0</v>
      </c>
      <c r="J703" s="53">
        <v>0</v>
      </c>
      <c r="K703" s="53">
        <v>0</v>
      </c>
      <c r="L703" s="53">
        <v>0</v>
      </c>
      <c r="M703" s="53">
        <v>0</v>
      </c>
      <c r="N703" s="53">
        <v>0</v>
      </c>
      <c r="O703" s="53">
        <v>0</v>
      </c>
      <c r="P703" s="53">
        <v>0</v>
      </c>
      <c r="Q703" s="53">
        <v>0</v>
      </c>
      <c r="R703" s="53">
        <v>0</v>
      </c>
      <c r="S703" s="53">
        <v>0</v>
      </c>
      <c r="T703" s="53">
        <v>0</v>
      </c>
      <c r="U703" s="53">
        <v>0</v>
      </c>
      <c r="V703" s="53">
        <v>0</v>
      </c>
      <c r="W703" s="53">
        <v>0</v>
      </c>
      <c r="X703" s="53">
        <v>0</v>
      </c>
      <c r="Y703" s="53">
        <v>0</v>
      </c>
      <c r="Z703" s="53">
        <v>0</v>
      </c>
      <c r="AA703" s="53">
        <v>0</v>
      </c>
      <c r="AB703" s="53">
        <v>0</v>
      </c>
      <c r="AC703" s="53">
        <v>0</v>
      </c>
      <c r="AD703" s="53">
        <v>0</v>
      </c>
      <c r="AE703" s="53">
        <v>0</v>
      </c>
      <c r="AF703" s="53">
        <v>0</v>
      </c>
      <c r="AG703" s="53">
        <v>0</v>
      </c>
      <c r="AH703" s="53">
        <v>0</v>
      </c>
      <c r="AI703" s="53">
        <v>0</v>
      </c>
      <c r="AJ703" s="53">
        <v>0</v>
      </c>
      <c r="AK703" s="53">
        <v>0</v>
      </c>
      <c r="AL703" s="53">
        <v>0</v>
      </c>
      <c r="AM703" s="53">
        <v>0</v>
      </c>
      <c r="AN703" s="53">
        <v>0</v>
      </c>
      <c r="AO703" s="53">
        <v>0</v>
      </c>
      <c r="AP703" s="53">
        <v>0</v>
      </c>
      <c r="AQ703" s="53">
        <v>0</v>
      </c>
      <c r="AR703" s="53">
        <v>0</v>
      </c>
      <c r="AS703" s="53">
        <v>0</v>
      </c>
      <c r="AT703" s="53">
        <v>0</v>
      </c>
      <c r="AU703" s="53">
        <v>0</v>
      </c>
      <c r="AV703" s="53">
        <v>0</v>
      </c>
      <c r="AW703" s="53">
        <v>0</v>
      </c>
      <c r="AX703" s="53">
        <v>0</v>
      </c>
      <c r="AY703" s="53">
        <v>0</v>
      </c>
      <c r="AZ703" s="53">
        <v>0</v>
      </c>
      <c r="BA703" s="53">
        <v>0</v>
      </c>
    </row>
    <row r="704" spans="1:53">
      <c r="A704" s="52" t="s">
        <v>4017</v>
      </c>
      <c r="B704" s="53">
        <v>0</v>
      </c>
      <c r="C704" s="53">
        <v>0</v>
      </c>
      <c r="D704" s="53">
        <v>0</v>
      </c>
      <c r="E704" s="53">
        <v>0</v>
      </c>
      <c r="F704" s="53">
        <v>0</v>
      </c>
      <c r="G704" s="53">
        <v>0</v>
      </c>
      <c r="H704" s="53">
        <v>0</v>
      </c>
      <c r="I704" s="53">
        <v>0</v>
      </c>
      <c r="J704" s="53">
        <v>0</v>
      </c>
      <c r="K704" s="53">
        <v>0</v>
      </c>
      <c r="L704" s="53">
        <v>0</v>
      </c>
      <c r="M704" s="53">
        <v>0</v>
      </c>
      <c r="N704" s="53">
        <v>0</v>
      </c>
      <c r="O704" s="53">
        <v>0</v>
      </c>
      <c r="P704" s="53">
        <v>0</v>
      </c>
      <c r="Q704" s="53">
        <v>0</v>
      </c>
      <c r="R704" s="53">
        <v>0</v>
      </c>
      <c r="S704" s="53">
        <v>0</v>
      </c>
      <c r="T704" s="53">
        <v>0</v>
      </c>
      <c r="U704" s="53">
        <v>0</v>
      </c>
      <c r="V704" s="53">
        <v>0</v>
      </c>
      <c r="W704" s="53">
        <v>0</v>
      </c>
      <c r="X704" s="53">
        <v>0</v>
      </c>
      <c r="Y704" s="53">
        <v>0</v>
      </c>
      <c r="Z704" s="53">
        <v>0</v>
      </c>
      <c r="AA704" s="53">
        <v>0</v>
      </c>
      <c r="AB704" s="53">
        <v>0</v>
      </c>
      <c r="AC704" s="53">
        <v>0</v>
      </c>
      <c r="AD704" s="53">
        <v>0</v>
      </c>
      <c r="AE704" s="53">
        <v>0</v>
      </c>
      <c r="AF704" s="53">
        <v>0</v>
      </c>
      <c r="AG704" s="53">
        <v>0</v>
      </c>
      <c r="AH704" s="53">
        <v>0</v>
      </c>
      <c r="AI704" s="53">
        <v>0</v>
      </c>
      <c r="AJ704" s="53">
        <v>0</v>
      </c>
      <c r="AK704" s="53">
        <v>0</v>
      </c>
      <c r="AL704" s="53">
        <v>0</v>
      </c>
      <c r="AM704" s="53">
        <v>0</v>
      </c>
      <c r="AN704" s="53">
        <v>0</v>
      </c>
      <c r="AO704" s="53">
        <v>0</v>
      </c>
      <c r="AP704" s="53">
        <v>0</v>
      </c>
      <c r="AQ704" s="53">
        <v>0</v>
      </c>
      <c r="AR704" s="53">
        <v>0</v>
      </c>
      <c r="AS704" s="53">
        <v>0</v>
      </c>
      <c r="AT704" s="53">
        <v>0</v>
      </c>
      <c r="AU704" s="53">
        <v>0</v>
      </c>
      <c r="AV704" s="53">
        <v>0</v>
      </c>
      <c r="AW704" s="53">
        <v>0</v>
      </c>
      <c r="AX704" s="53">
        <v>0</v>
      </c>
      <c r="AY704" s="53">
        <v>0</v>
      </c>
      <c r="AZ704" s="53">
        <v>0</v>
      </c>
      <c r="BA704" s="53">
        <v>0</v>
      </c>
    </row>
    <row r="705" spans="1:53">
      <c r="A705" s="52" t="s">
        <v>4018</v>
      </c>
      <c r="B705" s="53">
        <v>16673340.2071738</v>
      </c>
      <c r="C705" s="53">
        <v>11158005.876895299</v>
      </c>
      <c r="D705" s="53">
        <v>11293023.6847606</v>
      </c>
      <c r="E705" s="53">
        <v>11169516.032837899</v>
      </c>
      <c r="F705" s="53">
        <v>13462136.211989099</v>
      </c>
      <c r="G705" s="53">
        <v>14434133.9971273</v>
      </c>
      <c r="H705" s="53">
        <v>15153385.502221599</v>
      </c>
      <c r="I705" s="53">
        <v>18845437.1082456</v>
      </c>
      <c r="J705" s="53">
        <v>14094785.191708701</v>
      </c>
      <c r="K705" s="53">
        <v>12265927.429524999</v>
      </c>
      <c r="L705" s="53">
        <v>9834103.4855600893</v>
      </c>
      <c r="M705" s="53">
        <v>10876222.983557601</v>
      </c>
      <c r="N705" s="53">
        <v>159260017.71160299</v>
      </c>
      <c r="O705" s="53">
        <v>13536931.500774501</v>
      </c>
      <c r="P705" s="53">
        <v>8593146.6960018706</v>
      </c>
      <c r="Q705" s="53">
        <v>8834739.5994117409</v>
      </c>
      <c r="R705" s="53">
        <v>9513315.1191203203</v>
      </c>
      <c r="S705" s="53">
        <v>11490041.319464</v>
      </c>
      <c r="T705" s="53">
        <v>12335691.749756601</v>
      </c>
      <c r="U705" s="53">
        <v>12989236.5789869</v>
      </c>
      <c r="V705" s="53">
        <v>16104603.4030931</v>
      </c>
      <c r="W705" s="53">
        <v>12091455.411407299</v>
      </c>
      <c r="X705" s="53">
        <v>10471262.599202</v>
      </c>
      <c r="Y705" s="53">
        <v>8440563.2898029592</v>
      </c>
      <c r="Z705" s="53">
        <v>9395109.4227143805</v>
      </c>
      <c r="AA705" s="53">
        <v>133796096.68973599</v>
      </c>
      <c r="AB705" s="53">
        <v>13385707.4079687</v>
      </c>
      <c r="AC705" s="53">
        <v>8515215.4189815205</v>
      </c>
      <c r="AD705" s="53">
        <v>8704523.0797799993</v>
      </c>
      <c r="AE705" s="53">
        <v>9374181.8909555301</v>
      </c>
      <c r="AF705" s="53">
        <v>11341489.472606501</v>
      </c>
      <c r="AG705" s="53">
        <v>12241620.802284099</v>
      </c>
      <c r="AH705" s="53">
        <v>12888080.394499401</v>
      </c>
      <c r="AI705" s="53">
        <v>15970223.4975267</v>
      </c>
      <c r="AJ705" s="53">
        <v>11999997.751832999</v>
      </c>
      <c r="AK705" s="53">
        <v>10411731.5803637</v>
      </c>
      <c r="AL705" s="53">
        <v>8346119.5786378803</v>
      </c>
      <c r="AM705" s="53">
        <v>9319648.2228321694</v>
      </c>
      <c r="AN705" s="53">
        <v>132498539.098269</v>
      </c>
      <c r="AO705" s="53">
        <v>13296277.1803068</v>
      </c>
      <c r="AP705" s="53">
        <v>8445822.4787537009</v>
      </c>
      <c r="AQ705" s="53">
        <v>8609534.4198097307</v>
      </c>
      <c r="AR705" s="53">
        <v>9273554.5234287791</v>
      </c>
      <c r="AS705" s="53">
        <v>11267425.8098874</v>
      </c>
      <c r="AT705" s="53">
        <v>12200374.852050699</v>
      </c>
      <c r="AU705" s="53">
        <v>12853728.781517699</v>
      </c>
      <c r="AV705" s="53">
        <v>15922913.195390601</v>
      </c>
      <c r="AW705" s="53">
        <v>11984198.7245756</v>
      </c>
      <c r="AX705" s="53">
        <v>10397575.552062601</v>
      </c>
      <c r="AY705" s="53">
        <v>8343008.6694663204</v>
      </c>
      <c r="AZ705" s="53">
        <v>9329415.5978695806</v>
      </c>
      <c r="BA705" s="53">
        <v>131923829.785119</v>
      </c>
    </row>
    <row r="706" spans="1:53">
      <c r="A706" s="52" t="s">
        <v>4019</v>
      </c>
      <c r="B706" s="53">
        <v>0</v>
      </c>
      <c r="C706" s="53">
        <v>0</v>
      </c>
      <c r="D706" s="53">
        <v>0</v>
      </c>
      <c r="E706" s="53">
        <v>0</v>
      </c>
      <c r="F706" s="53">
        <v>0</v>
      </c>
      <c r="G706" s="53">
        <v>0</v>
      </c>
      <c r="H706" s="53">
        <v>0</v>
      </c>
      <c r="I706" s="53">
        <v>0</v>
      </c>
      <c r="J706" s="53">
        <v>0</v>
      </c>
      <c r="K706" s="53">
        <v>0</v>
      </c>
      <c r="L706" s="53">
        <v>0</v>
      </c>
      <c r="M706" s="53">
        <v>0</v>
      </c>
      <c r="N706" s="53">
        <v>0</v>
      </c>
      <c r="O706" s="53">
        <v>0</v>
      </c>
      <c r="P706" s="53">
        <v>0</v>
      </c>
      <c r="Q706" s="53">
        <v>0</v>
      </c>
      <c r="R706" s="53">
        <v>0</v>
      </c>
      <c r="S706" s="53">
        <v>0</v>
      </c>
      <c r="T706" s="53">
        <v>0</v>
      </c>
      <c r="U706" s="53">
        <v>0</v>
      </c>
      <c r="V706" s="53">
        <v>0</v>
      </c>
      <c r="W706" s="53">
        <v>0</v>
      </c>
      <c r="X706" s="53">
        <v>0</v>
      </c>
      <c r="Y706" s="53">
        <v>0</v>
      </c>
      <c r="Z706" s="53">
        <v>0</v>
      </c>
      <c r="AA706" s="53">
        <v>0</v>
      </c>
      <c r="AB706" s="53">
        <v>0</v>
      </c>
      <c r="AC706" s="53">
        <v>0</v>
      </c>
      <c r="AD706" s="53">
        <v>0</v>
      </c>
      <c r="AE706" s="53">
        <v>0</v>
      </c>
      <c r="AF706" s="53">
        <v>0</v>
      </c>
      <c r="AG706" s="53">
        <v>0</v>
      </c>
      <c r="AH706" s="53">
        <v>0</v>
      </c>
      <c r="AI706" s="53">
        <v>0</v>
      </c>
      <c r="AJ706" s="53">
        <v>0</v>
      </c>
      <c r="AK706" s="53">
        <v>0</v>
      </c>
      <c r="AL706" s="53">
        <v>0</v>
      </c>
      <c r="AM706" s="53">
        <v>0</v>
      </c>
      <c r="AN706" s="53">
        <v>0</v>
      </c>
      <c r="AO706" s="53">
        <v>0</v>
      </c>
      <c r="AP706" s="53">
        <v>0</v>
      </c>
      <c r="AQ706" s="53">
        <v>0</v>
      </c>
      <c r="AR706" s="53">
        <v>0</v>
      </c>
      <c r="AS706" s="53">
        <v>0</v>
      </c>
      <c r="AT706" s="53">
        <v>0</v>
      </c>
      <c r="AU706" s="53">
        <v>0</v>
      </c>
      <c r="AV706" s="53">
        <v>0</v>
      </c>
      <c r="AW706" s="53">
        <v>0</v>
      </c>
      <c r="AX706" s="53">
        <v>0</v>
      </c>
      <c r="AY706" s="53">
        <v>0</v>
      </c>
      <c r="AZ706" s="53">
        <v>0</v>
      </c>
      <c r="BA706" s="53">
        <v>0</v>
      </c>
    </row>
    <row r="707" spans="1:53">
      <c r="A707" s="52" t="s">
        <v>4020</v>
      </c>
      <c r="B707" s="53">
        <v>0</v>
      </c>
      <c r="C707" s="53">
        <v>0</v>
      </c>
      <c r="D707" s="53">
        <v>0</v>
      </c>
      <c r="E707" s="53">
        <v>0</v>
      </c>
      <c r="F707" s="53">
        <v>0</v>
      </c>
      <c r="G707" s="53">
        <v>0</v>
      </c>
      <c r="H707" s="53">
        <v>0</v>
      </c>
      <c r="I707" s="53">
        <v>0</v>
      </c>
      <c r="J707" s="53">
        <v>0</v>
      </c>
      <c r="K707" s="53">
        <v>0</v>
      </c>
      <c r="L707" s="53">
        <v>0</v>
      </c>
      <c r="M707" s="53">
        <v>0</v>
      </c>
      <c r="N707" s="53">
        <v>0</v>
      </c>
      <c r="O707" s="53">
        <v>0</v>
      </c>
      <c r="P707" s="53">
        <v>0</v>
      </c>
      <c r="Q707" s="53">
        <v>0</v>
      </c>
      <c r="R707" s="53">
        <v>0</v>
      </c>
      <c r="S707" s="53">
        <v>0</v>
      </c>
      <c r="T707" s="53">
        <v>0</v>
      </c>
      <c r="U707" s="53">
        <v>0</v>
      </c>
      <c r="V707" s="53">
        <v>0</v>
      </c>
      <c r="W707" s="53">
        <v>0</v>
      </c>
      <c r="X707" s="53">
        <v>0</v>
      </c>
      <c r="Y707" s="53">
        <v>0</v>
      </c>
      <c r="Z707" s="53">
        <v>0</v>
      </c>
      <c r="AA707" s="53">
        <v>0</v>
      </c>
      <c r="AB707" s="53">
        <v>0</v>
      </c>
      <c r="AC707" s="53">
        <v>0</v>
      </c>
      <c r="AD707" s="53">
        <v>0</v>
      </c>
      <c r="AE707" s="53">
        <v>0</v>
      </c>
      <c r="AF707" s="53">
        <v>0</v>
      </c>
      <c r="AG707" s="53">
        <v>0</v>
      </c>
      <c r="AH707" s="53">
        <v>0</v>
      </c>
      <c r="AI707" s="53">
        <v>0</v>
      </c>
      <c r="AJ707" s="53">
        <v>0</v>
      </c>
      <c r="AK707" s="53">
        <v>0</v>
      </c>
      <c r="AL707" s="53">
        <v>0</v>
      </c>
      <c r="AM707" s="53">
        <v>0</v>
      </c>
      <c r="AN707" s="53">
        <v>0</v>
      </c>
      <c r="AO707" s="53">
        <v>0</v>
      </c>
      <c r="AP707" s="53">
        <v>0</v>
      </c>
      <c r="AQ707" s="53">
        <v>0</v>
      </c>
      <c r="AR707" s="53">
        <v>0</v>
      </c>
      <c r="AS707" s="53">
        <v>0</v>
      </c>
      <c r="AT707" s="53">
        <v>0</v>
      </c>
      <c r="AU707" s="53">
        <v>0</v>
      </c>
      <c r="AV707" s="53">
        <v>0</v>
      </c>
      <c r="AW707" s="53">
        <v>0</v>
      </c>
      <c r="AX707" s="53">
        <v>0</v>
      </c>
      <c r="AY707" s="53">
        <v>0</v>
      </c>
      <c r="AZ707" s="53">
        <v>0</v>
      </c>
      <c r="BA707" s="53">
        <v>0</v>
      </c>
    </row>
    <row r="708" spans="1:53">
      <c r="A708" s="52" t="s">
        <v>4021</v>
      </c>
      <c r="B708" s="53">
        <v>0</v>
      </c>
      <c r="C708" s="53">
        <v>0</v>
      </c>
      <c r="D708" s="53">
        <v>0</v>
      </c>
      <c r="E708" s="53">
        <v>0</v>
      </c>
      <c r="F708" s="53">
        <v>0</v>
      </c>
      <c r="G708" s="53">
        <v>0</v>
      </c>
      <c r="H708" s="53">
        <v>0</v>
      </c>
      <c r="I708" s="53">
        <v>0</v>
      </c>
      <c r="J708" s="53">
        <v>0</v>
      </c>
      <c r="K708" s="53">
        <v>0</v>
      </c>
      <c r="L708" s="53">
        <v>0</v>
      </c>
      <c r="M708" s="53">
        <v>0</v>
      </c>
      <c r="N708" s="53">
        <v>0</v>
      </c>
      <c r="O708" s="53">
        <v>0</v>
      </c>
      <c r="P708" s="53">
        <v>0</v>
      </c>
      <c r="Q708" s="53">
        <v>0</v>
      </c>
      <c r="R708" s="53">
        <v>0</v>
      </c>
      <c r="S708" s="53">
        <v>0</v>
      </c>
      <c r="T708" s="53">
        <v>0</v>
      </c>
      <c r="U708" s="53">
        <v>0</v>
      </c>
      <c r="V708" s="53">
        <v>0</v>
      </c>
      <c r="W708" s="53">
        <v>0</v>
      </c>
      <c r="X708" s="53">
        <v>0</v>
      </c>
      <c r="Y708" s="53">
        <v>0</v>
      </c>
      <c r="Z708" s="53">
        <v>0</v>
      </c>
      <c r="AA708" s="53">
        <v>0</v>
      </c>
      <c r="AB708" s="53">
        <v>0</v>
      </c>
      <c r="AC708" s="53">
        <v>0</v>
      </c>
      <c r="AD708" s="53">
        <v>0</v>
      </c>
      <c r="AE708" s="53">
        <v>0</v>
      </c>
      <c r="AF708" s="53">
        <v>0</v>
      </c>
      <c r="AG708" s="53">
        <v>0</v>
      </c>
      <c r="AH708" s="53">
        <v>0</v>
      </c>
      <c r="AI708" s="53">
        <v>0</v>
      </c>
      <c r="AJ708" s="53">
        <v>0</v>
      </c>
      <c r="AK708" s="53">
        <v>0</v>
      </c>
      <c r="AL708" s="53">
        <v>0</v>
      </c>
      <c r="AM708" s="53">
        <v>0</v>
      </c>
      <c r="AN708" s="53">
        <v>0</v>
      </c>
      <c r="AO708" s="53">
        <v>0</v>
      </c>
      <c r="AP708" s="53">
        <v>0</v>
      </c>
      <c r="AQ708" s="53">
        <v>0</v>
      </c>
      <c r="AR708" s="53">
        <v>0</v>
      </c>
      <c r="AS708" s="53">
        <v>0</v>
      </c>
      <c r="AT708" s="53">
        <v>0</v>
      </c>
      <c r="AU708" s="53">
        <v>0</v>
      </c>
      <c r="AV708" s="53">
        <v>0</v>
      </c>
      <c r="AW708" s="53">
        <v>0</v>
      </c>
      <c r="AX708" s="53">
        <v>0</v>
      </c>
      <c r="AY708" s="53">
        <v>0</v>
      </c>
      <c r="AZ708" s="53">
        <v>0</v>
      </c>
      <c r="BA708" s="53">
        <v>0</v>
      </c>
    </row>
    <row r="709" spans="1:53">
      <c r="A709" s="52" t="s">
        <v>4022</v>
      </c>
      <c r="B709" s="53">
        <v>0</v>
      </c>
      <c r="C709" s="53">
        <v>0</v>
      </c>
      <c r="D709" s="53">
        <v>0</v>
      </c>
      <c r="E709" s="53">
        <v>0</v>
      </c>
      <c r="F709" s="53">
        <v>0</v>
      </c>
      <c r="G709" s="53">
        <v>0</v>
      </c>
      <c r="H709" s="53">
        <v>0</v>
      </c>
      <c r="I709" s="53">
        <v>0</v>
      </c>
      <c r="J709" s="53">
        <v>0</v>
      </c>
      <c r="K709" s="53">
        <v>0</v>
      </c>
      <c r="L709" s="53">
        <v>0</v>
      </c>
      <c r="M709" s="53">
        <v>0</v>
      </c>
      <c r="N709" s="53">
        <v>0</v>
      </c>
      <c r="O709" s="53">
        <v>0</v>
      </c>
      <c r="P709" s="53">
        <v>0</v>
      </c>
      <c r="Q709" s="53">
        <v>0</v>
      </c>
      <c r="R709" s="53">
        <v>0</v>
      </c>
      <c r="S709" s="53">
        <v>0</v>
      </c>
      <c r="T709" s="53">
        <v>0</v>
      </c>
      <c r="U709" s="53">
        <v>0</v>
      </c>
      <c r="V709" s="53">
        <v>0</v>
      </c>
      <c r="W709" s="53">
        <v>0</v>
      </c>
      <c r="X709" s="53">
        <v>0</v>
      </c>
      <c r="Y709" s="53">
        <v>0</v>
      </c>
      <c r="Z709" s="53">
        <v>0</v>
      </c>
      <c r="AA709" s="53">
        <v>0</v>
      </c>
      <c r="AB709" s="53">
        <v>0</v>
      </c>
      <c r="AC709" s="53">
        <v>0</v>
      </c>
      <c r="AD709" s="53">
        <v>0</v>
      </c>
      <c r="AE709" s="53">
        <v>0</v>
      </c>
      <c r="AF709" s="53">
        <v>0</v>
      </c>
      <c r="AG709" s="53">
        <v>0</v>
      </c>
      <c r="AH709" s="53">
        <v>0</v>
      </c>
      <c r="AI709" s="53">
        <v>0</v>
      </c>
      <c r="AJ709" s="53">
        <v>0</v>
      </c>
      <c r="AK709" s="53">
        <v>0</v>
      </c>
      <c r="AL709" s="53">
        <v>0</v>
      </c>
      <c r="AM709" s="53">
        <v>0</v>
      </c>
      <c r="AN709" s="53">
        <v>0</v>
      </c>
      <c r="AO709" s="53">
        <v>0</v>
      </c>
      <c r="AP709" s="53">
        <v>0</v>
      </c>
      <c r="AQ709" s="53">
        <v>0</v>
      </c>
      <c r="AR709" s="53">
        <v>0</v>
      </c>
      <c r="AS709" s="53">
        <v>0</v>
      </c>
      <c r="AT709" s="53">
        <v>0</v>
      </c>
      <c r="AU709" s="53">
        <v>0</v>
      </c>
      <c r="AV709" s="53">
        <v>0</v>
      </c>
      <c r="AW709" s="53">
        <v>0</v>
      </c>
      <c r="AX709" s="53">
        <v>0</v>
      </c>
      <c r="AY709" s="53">
        <v>0</v>
      </c>
      <c r="AZ709" s="53">
        <v>0</v>
      </c>
      <c r="BA709" s="53">
        <v>0</v>
      </c>
    </row>
    <row r="710" spans="1:53">
      <c r="A710" s="52" t="s">
        <v>4023</v>
      </c>
      <c r="B710" s="53">
        <v>0</v>
      </c>
      <c r="C710" s="53">
        <v>0</v>
      </c>
      <c r="D710" s="53">
        <v>0</v>
      </c>
      <c r="E710" s="53">
        <v>0</v>
      </c>
      <c r="F710" s="53">
        <v>0</v>
      </c>
      <c r="G710" s="53">
        <v>0</v>
      </c>
      <c r="H710" s="53">
        <v>0</v>
      </c>
      <c r="I710" s="53">
        <v>0</v>
      </c>
      <c r="J710" s="53">
        <v>0</v>
      </c>
      <c r="K710" s="53">
        <v>0</v>
      </c>
      <c r="L710" s="53">
        <v>0</v>
      </c>
      <c r="M710" s="53">
        <v>0</v>
      </c>
      <c r="N710" s="53">
        <v>0</v>
      </c>
      <c r="O710" s="53">
        <v>0</v>
      </c>
      <c r="P710" s="53">
        <v>0</v>
      </c>
      <c r="Q710" s="53">
        <v>0</v>
      </c>
      <c r="R710" s="53">
        <v>0</v>
      </c>
      <c r="S710" s="53">
        <v>0</v>
      </c>
      <c r="T710" s="53">
        <v>0</v>
      </c>
      <c r="U710" s="53">
        <v>0</v>
      </c>
      <c r="V710" s="53">
        <v>0</v>
      </c>
      <c r="W710" s="53">
        <v>0</v>
      </c>
      <c r="X710" s="53">
        <v>0</v>
      </c>
      <c r="Y710" s="53">
        <v>0</v>
      </c>
      <c r="Z710" s="53">
        <v>0</v>
      </c>
      <c r="AA710" s="53">
        <v>0</v>
      </c>
      <c r="AB710" s="53">
        <v>0</v>
      </c>
      <c r="AC710" s="53">
        <v>0</v>
      </c>
      <c r="AD710" s="53">
        <v>0</v>
      </c>
      <c r="AE710" s="53">
        <v>0</v>
      </c>
      <c r="AF710" s="53">
        <v>0</v>
      </c>
      <c r="AG710" s="53">
        <v>0</v>
      </c>
      <c r="AH710" s="53">
        <v>0</v>
      </c>
      <c r="AI710" s="53">
        <v>0</v>
      </c>
      <c r="AJ710" s="53">
        <v>0</v>
      </c>
      <c r="AK710" s="53">
        <v>0</v>
      </c>
      <c r="AL710" s="53">
        <v>0</v>
      </c>
      <c r="AM710" s="53">
        <v>0</v>
      </c>
      <c r="AN710" s="53">
        <v>0</v>
      </c>
      <c r="AO710" s="53">
        <v>0</v>
      </c>
      <c r="AP710" s="53">
        <v>0</v>
      </c>
      <c r="AQ710" s="53">
        <v>0</v>
      </c>
      <c r="AR710" s="53">
        <v>0</v>
      </c>
      <c r="AS710" s="53">
        <v>0</v>
      </c>
      <c r="AT710" s="53">
        <v>0</v>
      </c>
      <c r="AU710" s="53">
        <v>0</v>
      </c>
      <c r="AV710" s="53">
        <v>0</v>
      </c>
      <c r="AW710" s="53">
        <v>0</v>
      </c>
      <c r="AX710" s="53">
        <v>0</v>
      </c>
      <c r="AY710" s="53">
        <v>0</v>
      </c>
      <c r="AZ710" s="53">
        <v>0</v>
      </c>
      <c r="BA710" s="53">
        <v>0</v>
      </c>
    </row>
    <row r="711" spans="1:53">
      <c r="A711" s="52" t="s">
        <v>4024</v>
      </c>
      <c r="B711" s="53">
        <v>0</v>
      </c>
      <c r="C711" s="53">
        <v>0</v>
      </c>
      <c r="D711" s="53">
        <v>0</v>
      </c>
      <c r="E711" s="53">
        <v>0</v>
      </c>
      <c r="F711" s="53">
        <v>0</v>
      </c>
      <c r="G711" s="53">
        <v>0</v>
      </c>
      <c r="H711" s="53">
        <v>0</v>
      </c>
      <c r="I711" s="53">
        <v>0</v>
      </c>
      <c r="J711" s="53">
        <v>0</v>
      </c>
      <c r="K711" s="53">
        <v>0</v>
      </c>
      <c r="L711" s="53">
        <v>0</v>
      </c>
      <c r="M711" s="53">
        <v>0</v>
      </c>
      <c r="N711" s="53">
        <v>0</v>
      </c>
      <c r="O711" s="53">
        <v>0</v>
      </c>
      <c r="P711" s="53">
        <v>0</v>
      </c>
      <c r="Q711" s="53">
        <v>0</v>
      </c>
      <c r="R711" s="53">
        <v>0</v>
      </c>
      <c r="S711" s="53">
        <v>0</v>
      </c>
      <c r="T711" s="53">
        <v>0</v>
      </c>
      <c r="U711" s="53">
        <v>0</v>
      </c>
      <c r="V711" s="53">
        <v>0</v>
      </c>
      <c r="W711" s="53">
        <v>0</v>
      </c>
      <c r="X711" s="53">
        <v>0</v>
      </c>
      <c r="Y711" s="53">
        <v>0</v>
      </c>
      <c r="Z711" s="53">
        <v>0</v>
      </c>
      <c r="AA711" s="53">
        <v>0</v>
      </c>
      <c r="AB711" s="53">
        <v>0</v>
      </c>
      <c r="AC711" s="53">
        <v>0</v>
      </c>
      <c r="AD711" s="53">
        <v>0</v>
      </c>
      <c r="AE711" s="53">
        <v>0</v>
      </c>
      <c r="AF711" s="53">
        <v>0</v>
      </c>
      <c r="AG711" s="53">
        <v>0</v>
      </c>
      <c r="AH711" s="53">
        <v>0</v>
      </c>
      <c r="AI711" s="53">
        <v>0</v>
      </c>
      <c r="AJ711" s="53">
        <v>0</v>
      </c>
      <c r="AK711" s="53">
        <v>0</v>
      </c>
      <c r="AL711" s="53">
        <v>0</v>
      </c>
      <c r="AM711" s="53">
        <v>0</v>
      </c>
      <c r="AN711" s="53">
        <v>0</v>
      </c>
      <c r="AO711" s="53">
        <v>0</v>
      </c>
      <c r="AP711" s="53">
        <v>0</v>
      </c>
      <c r="AQ711" s="53">
        <v>0</v>
      </c>
      <c r="AR711" s="53">
        <v>0</v>
      </c>
      <c r="AS711" s="53">
        <v>0</v>
      </c>
      <c r="AT711" s="53">
        <v>0</v>
      </c>
      <c r="AU711" s="53">
        <v>0</v>
      </c>
      <c r="AV711" s="53">
        <v>0</v>
      </c>
      <c r="AW711" s="53">
        <v>0</v>
      </c>
      <c r="AX711" s="53">
        <v>0</v>
      </c>
      <c r="AY711" s="53">
        <v>0</v>
      </c>
      <c r="AZ711" s="53">
        <v>0</v>
      </c>
      <c r="BA711" s="53">
        <v>0</v>
      </c>
    </row>
    <row r="712" spans="1:53">
      <c r="A712" s="52" t="s">
        <v>4025</v>
      </c>
      <c r="B712" s="53">
        <v>1322735</v>
      </c>
      <c r="C712" s="53">
        <v>1347755</v>
      </c>
      <c r="D712" s="53">
        <v>1361043</v>
      </c>
      <c r="E712" s="53">
        <v>1376515</v>
      </c>
      <c r="F712" s="53">
        <v>1541295</v>
      </c>
      <c r="G712" s="53">
        <v>1442950</v>
      </c>
      <c r="H712" s="53">
        <v>1401889</v>
      </c>
      <c r="I712" s="53">
        <v>1374728</v>
      </c>
      <c r="J712" s="53">
        <v>1362800</v>
      </c>
      <c r="K712" s="53">
        <v>1360469</v>
      </c>
      <c r="L712" s="53">
        <v>1549908</v>
      </c>
      <c r="M712" s="53">
        <v>1433105</v>
      </c>
      <c r="N712" s="53">
        <v>16875192</v>
      </c>
      <c r="O712" s="53">
        <v>1406265.99999999</v>
      </c>
      <c r="P712" s="53">
        <v>1406265.99999999</v>
      </c>
      <c r="Q712" s="53">
        <v>1406265.99999999</v>
      </c>
      <c r="R712" s="53">
        <v>1406265.99999999</v>
      </c>
      <c r="S712" s="53">
        <v>1406265.99999999</v>
      </c>
      <c r="T712" s="53">
        <v>1406265.99999999</v>
      </c>
      <c r="U712" s="53">
        <v>1406265.99999999</v>
      </c>
      <c r="V712" s="53">
        <v>1406265.99999999</v>
      </c>
      <c r="W712" s="53">
        <v>1406265.99999999</v>
      </c>
      <c r="X712" s="53">
        <v>1406265.99999999</v>
      </c>
      <c r="Y712" s="53">
        <v>1406265.99999999</v>
      </c>
      <c r="Z712" s="53">
        <v>1406265.99999999</v>
      </c>
      <c r="AA712" s="53">
        <v>16875192</v>
      </c>
      <c r="AB712" s="53">
        <v>1406265.99999999</v>
      </c>
      <c r="AC712" s="53">
        <v>1406265.99999999</v>
      </c>
      <c r="AD712" s="53">
        <v>1406265.99999999</v>
      </c>
      <c r="AE712" s="53">
        <v>1406265.99999999</v>
      </c>
      <c r="AF712" s="53">
        <v>1406265.99999999</v>
      </c>
      <c r="AG712" s="53">
        <v>1406265.99999999</v>
      </c>
      <c r="AH712" s="53">
        <v>1406265.99999999</v>
      </c>
      <c r="AI712" s="53">
        <v>1406265.99999999</v>
      </c>
      <c r="AJ712" s="53">
        <v>1406265.99999999</v>
      </c>
      <c r="AK712" s="53">
        <v>1406265.99999999</v>
      </c>
      <c r="AL712" s="53">
        <v>1406265.99999999</v>
      </c>
      <c r="AM712" s="53">
        <v>1406265.99999999</v>
      </c>
      <c r="AN712" s="53">
        <v>16875192</v>
      </c>
      <c r="AO712" s="53">
        <v>1406265.99999999</v>
      </c>
      <c r="AP712" s="53">
        <v>1406265.99999999</v>
      </c>
      <c r="AQ712" s="53">
        <v>1406265.99999999</v>
      </c>
      <c r="AR712" s="53">
        <v>1406265.99999999</v>
      </c>
      <c r="AS712" s="53">
        <v>1406265.99999999</v>
      </c>
      <c r="AT712" s="53">
        <v>1406265.99999999</v>
      </c>
      <c r="AU712" s="53">
        <v>1406265.99999999</v>
      </c>
      <c r="AV712" s="53">
        <v>1406265.99999999</v>
      </c>
      <c r="AW712" s="53">
        <v>1406265.99999999</v>
      </c>
      <c r="AX712" s="53">
        <v>1406265.99999999</v>
      </c>
      <c r="AY712" s="53">
        <v>1406265.99999999</v>
      </c>
      <c r="AZ712" s="53">
        <v>1406265.99999999</v>
      </c>
      <c r="BA712" s="53">
        <v>16875192</v>
      </c>
    </row>
    <row r="713" spans="1:53">
      <c r="A713" s="232" t="s">
        <v>4026</v>
      </c>
      <c r="B713" s="53">
        <v>51189679.217077799</v>
      </c>
      <c r="C713" s="53">
        <v>40006998.2681759</v>
      </c>
      <c r="D713" s="53">
        <v>40330616.252100103</v>
      </c>
      <c r="E713" s="53">
        <v>40075793.345740303</v>
      </c>
      <c r="F713" s="53">
        <v>44853073.667842597</v>
      </c>
      <c r="G713" s="53">
        <v>46702055.386727303</v>
      </c>
      <c r="H713" s="53">
        <v>48093953.924306303</v>
      </c>
      <c r="I713" s="53">
        <v>55564543.541790403</v>
      </c>
      <c r="J713" s="53">
        <v>45944553.082509197</v>
      </c>
      <c r="K713" s="53">
        <v>42291636.084110498</v>
      </c>
      <c r="L713" s="53">
        <v>37532007.493356399</v>
      </c>
      <c r="M713" s="53">
        <v>39441291.698217697</v>
      </c>
      <c r="N713" s="53">
        <v>532026201.961954</v>
      </c>
      <c r="O713" s="53">
        <v>46263305.464194901</v>
      </c>
      <c r="P713" s="53">
        <v>36216284.472186103</v>
      </c>
      <c r="Q713" s="53">
        <v>36746670.845084801</v>
      </c>
      <c r="R713" s="53">
        <v>38146515.598404497</v>
      </c>
      <c r="S713" s="53">
        <v>42121777.1952409</v>
      </c>
      <c r="T713" s="53">
        <v>43806424.126246803</v>
      </c>
      <c r="U713" s="53">
        <v>45112961.282194398</v>
      </c>
      <c r="V713" s="53">
        <v>51430395.847335503</v>
      </c>
      <c r="W713" s="53">
        <v>43324389.721789002</v>
      </c>
      <c r="X713" s="53">
        <v>40081090.675941803</v>
      </c>
      <c r="Y713" s="53">
        <v>35958222.699070901</v>
      </c>
      <c r="Z713" s="53">
        <v>37815246.6891881</v>
      </c>
      <c r="AA713" s="53">
        <v>497023284.61687797</v>
      </c>
      <c r="AB713" s="53">
        <v>47929078.984949701</v>
      </c>
      <c r="AC713" s="53">
        <v>38040733.8401227</v>
      </c>
      <c r="AD713" s="53">
        <v>38460492.155314699</v>
      </c>
      <c r="AE713" s="53">
        <v>39842631.649427399</v>
      </c>
      <c r="AF713" s="53">
        <v>43795736.403237902</v>
      </c>
      <c r="AG713" s="53">
        <v>45594111.612783603</v>
      </c>
      <c r="AH713" s="53">
        <v>46883156.564734101</v>
      </c>
      <c r="AI713" s="53">
        <v>53132194.248279601</v>
      </c>
      <c r="AJ713" s="53">
        <v>45113482.039197899</v>
      </c>
      <c r="AK713" s="53">
        <v>41942062.7753492</v>
      </c>
      <c r="AL713" s="53">
        <v>37739059.352468699</v>
      </c>
      <c r="AM713" s="53">
        <v>39637489.780068703</v>
      </c>
      <c r="AN713" s="53">
        <v>518110229.40593398</v>
      </c>
      <c r="AO713" s="53">
        <v>49066763.550876603</v>
      </c>
      <c r="AP713" s="53">
        <v>39220643.458990499</v>
      </c>
      <c r="AQ713" s="53">
        <v>39588040.115232103</v>
      </c>
      <c r="AR713" s="53">
        <v>40957755.357956097</v>
      </c>
      <c r="AS713" s="53">
        <v>44968645.468453899</v>
      </c>
      <c r="AT713" s="53">
        <v>46833023.830609202</v>
      </c>
      <c r="AU713" s="53">
        <v>48135013.8903846</v>
      </c>
      <c r="AV713" s="53">
        <v>54356060.9706861</v>
      </c>
      <c r="AW713" s="53">
        <v>46401725.315783396</v>
      </c>
      <c r="AX713" s="53">
        <v>43232816.471578099</v>
      </c>
      <c r="AY713" s="53">
        <v>39052477.770909801</v>
      </c>
      <c r="AZ713" s="53">
        <v>40978494.820179999</v>
      </c>
      <c r="BA713" s="53">
        <v>532791461.02164</v>
      </c>
    </row>
    <row r="714" spans="1:53">
      <c r="A714" s="52" t="s">
        <v>4027</v>
      </c>
      <c r="B714" s="53"/>
      <c r="C714" s="53"/>
      <c r="D714" s="53"/>
      <c r="E714" s="53"/>
      <c r="F714" s="53"/>
      <c r="G714" s="53"/>
      <c r="H714" s="53"/>
      <c r="I714" s="53"/>
      <c r="J714" s="53"/>
      <c r="K714" s="53"/>
      <c r="L714" s="53"/>
      <c r="M714" s="53"/>
      <c r="N714" s="53"/>
      <c r="O714" s="53"/>
      <c r="P714" s="53"/>
      <c r="Q714" s="53"/>
      <c r="R714" s="53"/>
      <c r="S714" s="53"/>
      <c r="T714" s="53"/>
      <c r="U714" s="53"/>
      <c r="V714" s="53"/>
      <c r="W714" s="53"/>
      <c r="X714" s="53"/>
      <c r="Y714" s="53"/>
      <c r="Z714" s="53"/>
      <c r="AA714" s="53"/>
      <c r="AB714" s="53"/>
      <c r="AC714" s="53"/>
      <c r="AD714" s="53"/>
      <c r="AE714" s="53"/>
      <c r="AF714" s="53"/>
      <c r="AG714" s="53"/>
      <c r="AH714" s="53"/>
      <c r="AI714" s="53"/>
      <c r="AJ714" s="53"/>
      <c r="AK714" s="53"/>
      <c r="AL714" s="53"/>
      <c r="AM714" s="53"/>
      <c r="AN714" s="53"/>
      <c r="AO714" s="53"/>
      <c r="AP714" s="53"/>
      <c r="AQ714" s="53"/>
      <c r="AR714" s="53"/>
      <c r="AS714" s="53"/>
      <c r="AT714" s="53"/>
      <c r="AU714" s="53"/>
      <c r="AV714" s="53"/>
      <c r="AW714" s="53"/>
      <c r="AX714" s="53"/>
      <c r="AY714" s="53"/>
      <c r="AZ714" s="53"/>
      <c r="BA714" s="53"/>
    </row>
    <row r="715" spans="1:53">
      <c r="A715" s="237" t="s">
        <v>4028</v>
      </c>
      <c r="B715" s="53">
        <v>566656701.96189702</v>
      </c>
      <c r="C715" s="53">
        <v>357032614.11043102</v>
      </c>
      <c r="D715" s="53">
        <v>389604865.12320697</v>
      </c>
      <c r="E715" s="53">
        <v>402208009.416354</v>
      </c>
      <c r="F715" s="53">
        <v>468593140.85506201</v>
      </c>
      <c r="G715" s="53">
        <v>480344723.35108602</v>
      </c>
      <c r="H715" s="53">
        <v>513927781.81284797</v>
      </c>
      <c r="I715" s="53">
        <v>662202181.65922999</v>
      </c>
      <c r="J715" s="53">
        <v>474716216.81009799</v>
      </c>
      <c r="K715" s="53">
        <v>419573464.61227798</v>
      </c>
      <c r="L715" s="53">
        <v>333275912.35638201</v>
      </c>
      <c r="M715" s="53">
        <v>334729189.247289</v>
      </c>
      <c r="N715" s="53">
        <v>5402864801.3161602</v>
      </c>
      <c r="O715" s="53">
        <v>439146000.41335398</v>
      </c>
      <c r="P715" s="53">
        <v>280648448.19338399</v>
      </c>
      <c r="Q715" s="53">
        <v>309215579.64747</v>
      </c>
      <c r="R715" s="53">
        <v>338170793.76429898</v>
      </c>
      <c r="S715" s="53">
        <v>387301024.47520602</v>
      </c>
      <c r="T715" s="53">
        <v>400293474.85661501</v>
      </c>
      <c r="U715" s="53">
        <v>413529795.55596203</v>
      </c>
      <c r="V715" s="53">
        <v>522076166.31566203</v>
      </c>
      <c r="W715" s="53">
        <v>398320087.91889</v>
      </c>
      <c r="X715" s="53">
        <v>351473492.89961803</v>
      </c>
      <c r="Y715" s="53">
        <v>293848363.53548199</v>
      </c>
      <c r="Z715" s="53">
        <v>296160811.64388299</v>
      </c>
      <c r="AA715" s="53">
        <v>4430184039.2198296</v>
      </c>
      <c r="AB715" s="53">
        <v>435681370.52094603</v>
      </c>
      <c r="AC715" s="53">
        <v>280887979.89448702</v>
      </c>
      <c r="AD715" s="53">
        <v>309400424.32209998</v>
      </c>
      <c r="AE715" s="53">
        <v>337175715.12993598</v>
      </c>
      <c r="AF715" s="53">
        <v>384587181.32402498</v>
      </c>
      <c r="AG715" s="53">
        <v>398855055.70855498</v>
      </c>
      <c r="AH715" s="53">
        <v>411239194.40522099</v>
      </c>
      <c r="AI715" s="53">
        <v>515668913.953013</v>
      </c>
      <c r="AJ715" s="53">
        <v>394903665.44539899</v>
      </c>
      <c r="AK715" s="53">
        <v>348561507.01157898</v>
      </c>
      <c r="AL715" s="53">
        <v>290794637.59413099</v>
      </c>
      <c r="AM715" s="53">
        <v>296670462.41956699</v>
      </c>
      <c r="AN715" s="53">
        <v>4404426107.72896</v>
      </c>
      <c r="AO715" s="53">
        <v>435026788.18965602</v>
      </c>
      <c r="AP715" s="53">
        <v>279312094.61522102</v>
      </c>
      <c r="AQ715" s="53">
        <v>305253147.51511401</v>
      </c>
      <c r="AR715" s="53">
        <v>333374329.96148002</v>
      </c>
      <c r="AS715" s="53">
        <v>384334890.48911601</v>
      </c>
      <c r="AT715" s="53">
        <v>398947322.485457</v>
      </c>
      <c r="AU715" s="53">
        <v>412340120.18166798</v>
      </c>
      <c r="AV715" s="53">
        <v>514845376.15460998</v>
      </c>
      <c r="AW715" s="53">
        <v>396125952.25363803</v>
      </c>
      <c r="AX715" s="53">
        <v>351419997.48074102</v>
      </c>
      <c r="AY715" s="53">
        <v>300409174.87776101</v>
      </c>
      <c r="AZ715" s="53">
        <v>300190875.42483699</v>
      </c>
      <c r="BA715" s="53">
        <v>4411580069.6293001</v>
      </c>
    </row>
    <row r="716" spans="1:53">
      <c r="A716" s="52" t="s">
        <v>4029</v>
      </c>
      <c r="B716" s="53"/>
      <c r="C716" s="53"/>
      <c r="D716" s="53"/>
      <c r="E716" s="53"/>
      <c r="F716" s="53"/>
      <c r="G716" s="53"/>
      <c r="H716" s="53"/>
      <c r="I716" s="53"/>
      <c r="J716" s="53"/>
      <c r="K716" s="53"/>
      <c r="L716" s="53"/>
      <c r="M716" s="53"/>
      <c r="N716" s="53"/>
      <c r="O716" s="53"/>
      <c r="P716" s="53"/>
      <c r="Q716" s="53"/>
      <c r="R716" s="53"/>
      <c r="S716" s="53"/>
      <c r="T716" s="53"/>
      <c r="U716" s="53"/>
      <c r="V716" s="53"/>
      <c r="W716" s="53"/>
      <c r="X716" s="53"/>
      <c r="Y716" s="53"/>
      <c r="Z716" s="53"/>
      <c r="AA716" s="53"/>
      <c r="AB716" s="53"/>
      <c r="AC716" s="53"/>
      <c r="AD716" s="53"/>
      <c r="AE716" s="53"/>
      <c r="AF716" s="53"/>
      <c r="AG716" s="53"/>
      <c r="AH716" s="53"/>
      <c r="AI716" s="53"/>
      <c r="AJ716" s="53"/>
      <c r="AK716" s="53"/>
      <c r="AL716" s="53"/>
      <c r="AM716" s="53"/>
      <c r="AN716" s="53"/>
      <c r="AO716" s="53"/>
      <c r="AP716" s="53"/>
      <c r="AQ716" s="53"/>
      <c r="AR716" s="53"/>
      <c r="AS716" s="53"/>
      <c r="AT716" s="53"/>
      <c r="AU716" s="53"/>
      <c r="AV716" s="53"/>
      <c r="AW716" s="53"/>
      <c r="AX716" s="53"/>
      <c r="AY716" s="53"/>
      <c r="AZ716" s="53"/>
      <c r="BA716" s="53"/>
    </row>
    <row r="717" spans="1:53">
      <c r="A717" s="237" t="s">
        <v>4030</v>
      </c>
      <c r="B717" s="53">
        <v>-152172277.94819301</v>
      </c>
      <c r="C717" s="53">
        <v>-133106328.81846499</v>
      </c>
      <c r="D717" s="53">
        <v>-104171377.336192</v>
      </c>
      <c r="E717" s="53">
        <v>-88071537.151519403</v>
      </c>
      <c r="F717" s="53">
        <v>-116621751.020055</v>
      </c>
      <c r="G717" s="53">
        <v>-147675545.25409701</v>
      </c>
      <c r="H717" s="53">
        <v>-144554118.13567901</v>
      </c>
      <c r="I717" s="53">
        <v>-147566904.693306</v>
      </c>
      <c r="J717" s="53">
        <v>-138856659.463763</v>
      </c>
      <c r="K717" s="53">
        <v>-120441561.048071</v>
      </c>
      <c r="L717" s="53">
        <v>-102355735.19827899</v>
      </c>
      <c r="M717" s="53">
        <v>-146340879.49756899</v>
      </c>
      <c r="N717" s="53">
        <v>-1541934675.5651901</v>
      </c>
      <c r="O717" s="53">
        <v>-149059933.42269701</v>
      </c>
      <c r="P717" s="53">
        <v>-102061514.08019701</v>
      </c>
      <c r="Q717" s="53">
        <v>-81007996.406717807</v>
      </c>
      <c r="R717" s="53">
        <v>-81107759.032399401</v>
      </c>
      <c r="S717" s="53">
        <v>-114147357.72823399</v>
      </c>
      <c r="T717" s="53">
        <v>-137662178.52251101</v>
      </c>
      <c r="U717" s="53">
        <v>-151685149.81396699</v>
      </c>
      <c r="V717" s="53">
        <v>-171179851.740475</v>
      </c>
      <c r="W717" s="53">
        <v>-129283682.127132</v>
      </c>
      <c r="X717" s="53">
        <v>-110446546.428977</v>
      </c>
      <c r="Y717" s="53">
        <v>-80815670.737292305</v>
      </c>
      <c r="Z717" s="53">
        <v>-119244010.68019401</v>
      </c>
      <c r="AA717" s="53">
        <v>-1427701650.7207899</v>
      </c>
      <c r="AB717" s="53">
        <v>-148054014.64820799</v>
      </c>
      <c r="AC717" s="53">
        <v>-100183977.00381599</v>
      </c>
      <c r="AD717" s="53">
        <v>-76789833.836448193</v>
      </c>
      <c r="AE717" s="53">
        <v>-77748630.117803201</v>
      </c>
      <c r="AF717" s="53">
        <v>-112320164.164644</v>
      </c>
      <c r="AG717" s="53">
        <v>-137653963.058981</v>
      </c>
      <c r="AH717" s="53">
        <v>-152205673.87199599</v>
      </c>
      <c r="AI717" s="53">
        <v>-174526281.26839</v>
      </c>
      <c r="AJ717" s="53">
        <v>-131287938.797409</v>
      </c>
      <c r="AK717" s="53">
        <v>-113193604.749267</v>
      </c>
      <c r="AL717" s="53">
        <v>-81993831.6819942</v>
      </c>
      <c r="AM717" s="53">
        <v>-117793571.21773399</v>
      </c>
      <c r="AN717" s="53">
        <v>-1423751484.4166901</v>
      </c>
      <c r="AO717" s="53">
        <v>-147704201.99206001</v>
      </c>
      <c r="AP717" s="53">
        <v>-101288345.83424</v>
      </c>
      <c r="AQ717" s="53">
        <v>-79075535.595391497</v>
      </c>
      <c r="AR717" s="53">
        <v>-79650162.243895799</v>
      </c>
      <c r="AS717" s="53">
        <v>-111936046.68981799</v>
      </c>
      <c r="AT717" s="53">
        <v>-136317522.366054</v>
      </c>
      <c r="AU717" s="53">
        <v>-150132161.282327</v>
      </c>
      <c r="AV717" s="53">
        <v>-173850127.71280101</v>
      </c>
      <c r="AW717" s="53">
        <v>-129845251.29949</v>
      </c>
      <c r="AX717" s="53">
        <v>-110155670.65316901</v>
      </c>
      <c r="AY717" s="53">
        <v>-72636298.938789204</v>
      </c>
      <c r="AZ717" s="53">
        <v>-114844344.437029</v>
      </c>
      <c r="BA717" s="53">
        <v>-1407435669.0450599</v>
      </c>
    </row>
    <row r="718" spans="1:53">
      <c r="A718" s="52" t="s">
        <v>4031</v>
      </c>
      <c r="B718" s="53"/>
      <c r="C718" s="53"/>
      <c r="D718" s="53"/>
      <c r="E718" s="53"/>
      <c r="F718" s="53"/>
      <c r="G718" s="53"/>
      <c r="H718" s="53"/>
      <c r="I718" s="53"/>
      <c r="J718" s="53"/>
      <c r="K718" s="53"/>
      <c r="L718" s="53"/>
      <c r="M718" s="53"/>
      <c r="N718" s="53"/>
      <c r="O718" s="53"/>
      <c r="P718" s="53"/>
      <c r="Q718" s="53"/>
      <c r="R718" s="53"/>
      <c r="S718" s="53"/>
      <c r="T718" s="53"/>
      <c r="U718" s="53"/>
      <c r="V718" s="53"/>
      <c r="W718" s="53"/>
      <c r="X718" s="53"/>
      <c r="Y718" s="53"/>
      <c r="Z718" s="53"/>
      <c r="AA718" s="53"/>
      <c r="AB718" s="53"/>
      <c r="AC718" s="53"/>
      <c r="AD718" s="53"/>
      <c r="AE718" s="53"/>
      <c r="AF718" s="53"/>
      <c r="AG718" s="53"/>
      <c r="AH718" s="53"/>
      <c r="AI718" s="53"/>
      <c r="AJ718" s="53"/>
      <c r="AK718" s="53"/>
      <c r="AL718" s="53"/>
      <c r="AM718" s="53"/>
      <c r="AN718" s="53"/>
      <c r="AO718" s="53"/>
      <c r="AP718" s="53"/>
      <c r="AQ718" s="53"/>
      <c r="AR718" s="53"/>
      <c r="AS718" s="53"/>
      <c r="AT718" s="53"/>
      <c r="AU718" s="53"/>
      <c r="AV718" s="53"/>
      <c r="AW718" s="53"/>
      <c r="AX718" s="53"/>
      <c r="AY718" s="53"/>
      <c r="AZ718" s="53"/>
      <c r="BA718" s="53"/>
    </row>
    <row r="719" spans="1:53" ht="10.8" thickBot="1">
      <c r="A719" s="230" t="s">
        <v>4032</v>
      </c>
      <c r="B719" s="53"/>
      <c r="C719" s="53"/>
      <c r="D719" s="53"/>
      <c r="E719" s="53"/>
      <c r="F719" s="53"/>
      <c r="G719" s="53"/>
      <c r="H719" s="53"/>
      <c r="I719" s="53"/>
      <c r="J719" s="53"/>
      <c r="K719" s="53"/>
      <c r="L719" s="53"/>
      <c r="M719" s="53"/>
      <c r="N719" s="53"/>
      <c r="O719" s="53"/>
      <c r="P719" s="53"/>
      <c r="Q719" s="53"/>
      <c r="R719" s="53"/>
      <c r="S719" s="53"/>
      <c r="T719" s="53"/>
      <c r="U719" s="53"/>
      <c r="V719" s="53"/>
      <c r="W719" s="53"/>
      <c r="X719" s="53"/>
      <c r="Y719" s="53"/>
      <c r="Z719" s="53"/>
      <c r="AA719" s="53"/>
      <c r="AB719" s="53"/>
      <c r="AC719" s="53"/>
      <c r="AD719" s="53"/>
      <c r="AE719" s="53"/>
      <c r="AF719" s="53"/>
      <c r="AG719" s="53"/>
      <c r="AH719" s="53"/>
      <c r="AI719" s="53"/>
      <c r="AJ719" s="53"/>
      <c r="AK719" s="53"/>
      <c r="AL719" s="53"/>
      <c r="AM719" s="53"/>
      <c r="AN719" s="53"/>
      <c r="AO719" s="53"/>
      <c r="AP719" s="53"/>
      <c r="AQ719" s="53"/>
      <c r="AR719" s="53"/>
      <c r="AS719" s="53"/>
      <c r="AT719" s="53"/>
      <c r="AU719" s="53"/>
      <c r="AV719" s="53"/>
      <c r="AW719" s="53"/>
      <c r="AX719" s="53"/>
      <c r="AY719" s="53"/>
      <c r="AZ719" s="53"/>
      <c r="BA719" s="53"/>
    </row>
    <row r="720" spans="1:53">
      <c r="A720" s="231" t="s">
        <v>4033</v>
      </c>
      <c r="B720" s="53"/>
      <c r="C720" s="53"/>
      <c r="D720" s="53"/>
      <c r="E720" s="53"/>
      <c r="F720" s="53"/>
      <c r="G720" s="53"/>
      <c r="H720" s="53"/>
      <c r="I720" s="53"/>
      <c r="J720" s="53"/>
      <c r="K720" s="53"/>
      <c r="L720" s="53"/>
      <c r="M720" s="53"/>
      <c r="N720" s="53"/>
      <c r="O720" s="53"/>
      <c r="P720" s="53"/>
      <c r="Q720" s="53"/>
      <c r="R720" s="53"/>
      <c r="S720" s="53"/>
      <c r="T720" s="53"/>
      <c r="U720" s="53"/>
      <c r="V720" s="53"/>
      <c r="W720" s="53"/>
      <c r="X720" s="53"/>
      <c r="Y720" s="53"/>
      <c r="Z720" s="53"/>
      <c r="AA720" s="53"/>
      <c r="AB720" s="53"/>
      <c r="AC720" s="53"/>
      <c r="AD720" s="53"/>
      <c r="AE720" s="53"/>
      <c r="AF720" s="53"/>
      <c r="AG720" s="53"/>
      <c r="AH720" s="53"/>
      <c r="AI720" s="53"/>
      <c r="AJ720" s="53"/>
      <c r="AK720" s="53"/>
      <c r="AL720" s="53"/>
      <c r="AM720" s="53"/>
      <c r="AN720" s="53"/>
      <c r="AO720" s="53"/>
      <c r="AP720" s="53"/>
      <c r="AQ720" s="53"/>
      <c r="AR720" s="53"/>
      <c r="AS720" s="53"/>
      <c r="AT720" s="53"/>
      <c r="AU720" s="53"/>
      <c r="AV720" s="53"/>
      <c r="AW720" s="53"/>
      <c r="AX720" s="53"/>
      <c r="AY720" s="53"/>
      <c r="AZ720" s="53"/>
      <c r="BA720" s="53"/>
    </row>
    <row r="721" spans="1:53">
      <c r="A721" s="52" t="s">
        <v>4034</v>
      </c>
      <c r="B721" s="53">
        <v>11414596.8842202</v>
      </c>
      <c r="C721" s="53">
        <v>1514305.6375380501</v>
      </c>
      <c r="D721" s="53">
        <v>2595878.4307696898</v>
      </c>
      <c r="E721" s="53">
        <v>1846363.65242466</v>
      </c>
      <c r="F721" s="53">
        <v>4973074.1397540104</v>
      </c>
      <c r="G721" s="53">
        <v>8367182.2703944603</v>
      </c>
      <c r="H721" s="53">
        <v>7731451.19137963</v>
      </c>
      <c r="I721" s="53">
        <v>15166673.1172392</v>
      </c>
      <c r="J721" s="53">
        <v>7308805.4911649097</v>
      </c>
      <c r="K721" s="53">
        <v>3394350.7901153602</v>
      </c>
      <c r="L721" s="53">
        <v>-761424.94363369199</v>
      </c>
      <c r="M721" s="53">
        <v>7493091.2614629501</v>
      </c>
      <c r="N721" s="53">
        <v>71044347.922829598</v>
      </c>
      <c r="O721" s="53">
        <v>6142610.0030084401</v>
      </c>
      <c r="P721" s="53">
        <v>-2926636.5540941101</v>
      </c>
      <c r="Q721" s="53">
        <v>-3142195.5917643299</v>
      </c>
      <c r="R721" s="53">
        <v>-1123046.2000915599</v>
      </c>
      <c r="S721" s="53">
        <v>1582333.10181981</v>
      </c>
      <c r="T721" s="53">
        <v>2988178.6074626902</v>
      </c>
      <c r="U721" s="53">
        <v>3648939.7100463398</v>
      </c>
      <c r="V721" s="53">
        <v>10130649.876380101</v>
      </c>
      <c r="W721" s="53">
        <v>2166689.6168618598</v>
      </c>
      <c r="X721" s="53">
        <v>136627.09832290499</v>
      </c>
      <c r="Y721" s="53">
        <v>-3580682.81269946</v>
      </c>
      <c r="Z721" s="53">
        <v>2470314.0027029398</v>
      </c>
      <c r="AA721" s="53">
        <v>18493780.857955702</v>
      </c>
      <c r="AB721" s="53">
        <v>5876637.7292088699</v>
      </c>
      <c r="AC721" s="53">
        <v>-3316966.3593311901</v>
      </c>
      <c r="AD721" s="53">
        <v>-3461298.2790469802</v>
      </c>
      <c r="AE721" s="53">
        <v>-1407731.23473382</v>
      </c>
      <c r="AF721" s="53">
        <v>1340119.64495466</v>
      </c>
      <c r="AG721" s="53">
        <v>2877649.0728832302</v>
      </c>
      <c r="AH721" s="53">
        <v>3493673.3166221101</v>
      </c>
      <c r="AI721" s="53">
        <v>9932955.2097134404</v>
      </c>
      <c r="AJ721" s="53">
        <v>1861755.6262061601</v>
      </c>
      <c r="AK721" s="53">
        <v>-281850.44941057201</v>
      </c>
      <c r="AL721" s="53">
        <v>-4150851.39394964</v>
      </c>
      <c r="AM721" s="53">
        <v>2107467.49482268</v>
      </c>
      <c r="AN721" s="53">
        <v>14871560.3779389</v>
      </c>
      <c r="AO721" s="53">
        <v>5495581.05975293</v>
      </c>
      <c r="AP721" s="53">
        <v>-3525222.8913948899</v>
      </c>
      <c r="AQ721" s="53">
        <v>-3821677.0772784902</v>
      </c>
      <c r="AR721" s="53">
        <v>-1743993.4862323699</v>
      </c>
      <c r="AS721" s="53">
        <v>1316057.11980044</v>
      </c>
      <c r="AT721" s="53">
        <v>2796527.71236477</v>
      </c>
      <c r="AU721" s="53">
        <v>3491509.58103436</v>
      </c>
      <c r="AV721" s="53">
        <v>9959155.8171976805</v>
      </c>
      <c r="AW721" s="53">
        <v>1870232.90152394</v>
      </c>
      <c r="AX721" s="53">
        <v>-307836.38098748901</v>
      </c>
      <c r="AY721" s="53">
        <v>-3922950.0231422698</v>
      </c>
      <c r="AZ721" s="53">
        <v>-4188370.5328472201</v>
      </c>
      <c r="BA721" s="53">
        <v>7419013.7997913696</v>
      </c>
    </row>
    <row r="722" spans="1:53">
      <c r="A722" s="52" t="s">
        <v>4035</v>
      </c>
      <c r="B722" s="53">
        <v>0</v>
      </c>
      <c r="C722" s="53">
        <v>0</v>
      </c>
      <c r="D722" s="53">
        <v>0</v>
      </c>
      <c r="E722" s="53">
        <v>0</v>
      </c>
      <c r="F722" s="53">
        <v>0</v>
      </c>
      <c r="G722" s="53">
        <v>0</v>
      </c>
      <c r="H722" s="53">
        <v>0</v>
      </c>
      <c r="I722" s="53">
        <v>0</v>
      </c>
      <c r="J722" s="53">
        <v>0</v>
      </c>
      <c r="K722" s="53">
        <v>0</v>
      </c>
      <c r="L722" s="53">
        <v>0</v>
      </c>
      <c r="M722" s="53">
        <v>0</v>
      </c>
      <c r="N722" s="53">
        <v>0</v>
      </c>
      <c r="O722" s="53">
        <v>0</v>
      </c>
      <c r="P722" s="53">
        <v>0</v>
      </c>
      <c r="Q722" s="53">
        <v>0</v>
      </c>
      <c r="R722" s="53">
        <v>0</v>
      </c>
      <c r="S722" s="53">
        <v>0</v>
      </c>
      <c r="T722" s="53">
        <v>0</v>
      </c>
      <c r="U722" s="53">
        <v>0</v>
      </c>
      <c r="V722" s="53">
        <v>0</v>
      </c>
      <c r="W722" s="53">
        <v>0</v>
      </c>
      <c r="X722" s="53">
        <v>0</v>
      </c>
      <c r="Y722" s="53">
        <v>0</v>
      </c>
      <c r="Z722" s="53">
        <v>0</v>
      </c>
      <c r="AA722" s="53">
        <v>0</v>
      </c>
      <c r="AB722" s="53">
        <v>0</v>
      </c>
      <c r="AC722" s="53">
        <v>0</v>
      </c>
      <c r="AD722" s="53">
        <v>0</v>
      </c>
      <c r="AE722" s="53">
        <v>0</v>
      </c>
      <c r="AF722" s="53">
        <v>0</v>
      </c>
      <c r="AG722" s="53">
        <v>0</v>
      </c>
      <c r="AH722" s="53">
        <v>0</v>
      </c>
      <c r="AI722" s="53">
        <v>0</v>
      </c>
      <c r="AJ722" s="53">
        <v>0</v>
      </c>
      <c r="AK722" s="53">
        <v>0</v>
      </c>
      <c r="AL722" s="53">
        <v>0</v>
      </c>
      <c r="AM722" s="53">
        <v>0</v>
      </c>
      <c r="AN722" s="53">
        <v>0</v>
      </c>
      <c r="AO722" s="53">
        <v>0</v>
      </c>
      <c r="AP722" s="53">
        <v>0</v>
      </c>
      <c r="AQ722" s="53">
        <v>0</v>
      </c>
      <c r="AR722" s="53">
        <v>0</v>
      </c>
      <c r="AS722" s="53">
        <v>0</v>
      </c>
      <c r="AT722" s="53">
        <v>0</v>
      </c>
      <c r="AU722" s="53">
        <v>0</v>
      </c>
      <c r="AV722" s="53">
        <v>0</v>
      </c>
      <c r="AW722" s="53">
        <v>0</v>
      </c>
      <c r="AX722" s="53">
        <v>0</v>
      </c>
      <c r="AY722" s="53">
        <v>0</v>
      </c>
      <c r="AZ722" s="53">
        <v>0</v>
      </c>
      <c r="BA722" s="53">
        <v>0</v>
      </c>
    </row>
    <row r="723" spans="1:53">
      <c r="A723" s="52" t="s">
        <v>4036</v>
      </c>
      <c r="B723" s="53">
        <v>-89678.476527316903</v>
      </c>
      <c r="C723" s="53">
        <v>-89180.812031664304</v>
      </c>
      <c r="D723" s="53">
        <v>-88739.355773250107</v>
      </c>
      <c r="E723" s="53">
        <v>-88294.893490685703</v>
      </c>
      <c r="F723" s="53">
        <v>-87832.746996741</v>
      </c>
      <c r="G723" s="53">
        <v>-87351.469917359602</v>
      </c>
      <c r="H723" s="53">
        <v>-86907.007306467407</v>
      </c>
      <c r="I723" s="53">
        <v>-86408.871607354304</v>
      </c>
      <c r="J723" s="53">
        <v>-85964.409859275795</v>
      </c>
      <c r="K723" s="53">
        <v>-85519.948134104503</v>
      </c>
      <c r="L723" s="53">
        <v>-85057.802571693304</v>
      </c>
      <c r="M723" s="53">
        <v>-84576.526385669102</v>
      </c>
      <c r="N723" s="53">
        <v>-1045512.32060158</v>
      </c>
      <c r="O723" s="53">
        <v>-1280644.1172605499</v>
      </c>
      <c r="P723" s="53">
        <v>66699.658004534896</v>
      </c>
      <c r="Q723" s="53">
        <v>64541.304769627597</v>
      </c>
      <c r="R723" s="53">
        <v>64630.039234720804</v>
      </c>
      <c r="S723" s="53">
        <v>-46730.794800183598</v>
      </c>
      <c r="T723" s="53">
        <v>-52055.498885090499</v>
      </c>
      <c r="U723" s="53">
        <v>9491.8191800029199</v>
      </c>
      <c r="V723" s="53">
        <v>-49447.697904904198</v>
      </c>
      <c r="W723" s="53">
        <v>58572.972510189902</v>
      </c>
      <c r="X723" s="53">
        <v>58852.554825280502</v>
      </c>
      <c r="Y723" s="53">
        <v>62344.869340375502</v>
      </c>
      <c r="Z723" s="53">
        <v>59182.093755469199</v>
      </c>
      <c r="AA723" s="53">
        <v>-984562.797230531</v>
      </c>
      <c r="AB723" s="53">
        <v>-1276918.07868077</v>
      </c>
      <c r="AC723" s="53">
        <v>70406.910741378597</v>
      </c>
      <c r="AD723" s="53">
        <v>68229.771663531094</v>
      </c>
      <c r="AE723" s="53">
        <v>68299.720285683201</v>
      </c>
      <c r="AF723" s="53">
        <v>-43079.899592162699</v>
      </c>
      <c r="AG723" s="53">
        <v>-48423.3895200107</v>
      </c>
      <c r="AH723" s="53">
        <v>13105.1427021415</v>
      </c>
      <c r="AI723" s="53">
        <v>-45853.160225706597</v>
      </c>
      <c r="AJ723" s="53">
        <v>62148.724346445997</v>
      </c>
      <c r="AK723" s="53">
        <v>62409.520818595403</v>
      </c>
      <c r="AL723" s="53">
        <v>65883.049490750302</v>
      </c>
      <c r="AM723" s="53">
        <v>62701.488062901903</v>
      </c>
      <c r="AN723" s="53">
        <v>-941090.199907223</v>
      </c>
      <c r="AO723" s="53">
        <v>-1273417.4702142901</v>
      </c>
      <c r="AP723" s="53">
        <v>73902.259172275604</v>
      </c>
      <c r="AQ723" s="53">
        <v>71719.860058844395</v>
      </c>
      <c r="AR723" s="53">
        <v>71784.548645412797</v>
      </c>
      <c r="AS723" s="53">
        <v>-39600.331268019501</v>
      </c>
      <c r="AT723" s="53">
        <v>-44949.081231450298</v>
      </c>
      <c r="AU723" s="53">
        <v>16574.190955120201</v>
      </c>
      <c r="AV723" s="53">
        <v>-42389.372008313498</v>
      </c>
      <c r="AW723" s="53">
        <v>65607.252528257304</v>
      </c>
      <c r="AX723" s="53">
        <v>65862.788964823107</v>
      </c>
      <c r="AY723" s="53">
        <v>69331.057601393302</v>
      </c>
      <c r="AZ723" s="53">
        <v>66144.236137962303</v>
      </c>
      <c r="BA723" s="53">
        <v>-899430.06065798504</v>
      </c>
    </row>
    <row r="724" spans="1:53">
      <c r="A724" s="52" t="s">
        <v>4037</v>
      </c>
      <c r="B724" s="53">
        <v>0</v>
      </c>
      <c r="C724" s="53">
        <v>0</v>
      </c>
      <c r="D724" s="53">
        <v>0</v>
      </c>
      <c r="E724" s="53">
        <v>0</v>
      </c>
      <c r="F724" s="53">
        <v>0</v>
      </c>
      <c r="G724" s="53">
        <v>0</v>
      </c>
      <c r="H724" s="53">
        <v>0</v>
      </c>
      <c r="I724" s="53">
        <v>0</v>
      </c>
      <c r="J724" s="53">
        <v>0</v>
      </c>
      <c r="K724" s="53">
        <v>0</v>
      </c>
      <c r="L724" s="53">
        <v>0</v>
      </c>
      <c r="M724" s="53">
        <v>0</v>
      </c>
      <c r="N724" s="53">
        <v>0</v>
      </c>
      <c r="O724" s="53">
        <v>0</v>
      </c>
      <c r="P724" s="53">
        <v>0</v>
      </c>
      <c r="Q724" s="53">
        <v>0</v>
      </c>
      <c r="R724" s="53">
        <v>0</v>
      </c>
      <c r="S724" s="53">
        <v>0</v>
      </c>
      <c r="T724" s="53">
        <v>0</v>
      </c>
      <c r="U724" s="53">
        <v>0</v>
      </c>
      <c r="V724" s="53">
        <v>0</v>
      </c>
      <c r="W724" s="53">
        <v>0</v>
      </c>
      <c r="X724" s="53">
        <v>0</v>
      </c>
      <c r="Y724" s="53">
        <v>0</v>
      </c>
      <c r="Z724" s="53">
        <v>0</v>
      </c>
      <c r="AA724" s="53">
        <v>0</v>
      </c>
      <c r="AB724" s="53">
        <v>0</v>
      </c>
      <c r="AC724" s="53">
        <v>0</v>
      </c>
      <c r="AD724" s="53">
        <v>0</v>
      </c>
      <c r="AE724" s="53">
        <v>0</v>
      </c>
      <c r="AF724" s="53">
        <v>0</v>
      </c>
      <c r="AG724" s="53">
        <v>0</v>
      </c>
      <c r="AH724" s="53">
        <v>0</v>
      </c>
      <c r="AI724" s="53">
        <v>0</v>
      </c>
      <c r="AJ724" s="53">
        <v>0</v>
      </c>
      <c r="AK724" s="53">
        <v>0</v>
      </c>
      <c r="AL724" s="53">
        <v>0</v>
      </c>
      <c r="AM724" s="53">
        <v>0</v>
      </c>
      <c r="AN724" s="53">
        <v>0</v>
      </c>
      <c r="AO724" s="53">
        <v>0</v>
      </c>
      <c r="AP724" s="53">
        <v>0</v>
      </c>
      <c r="AQ724" s="53">
        <v>0</v>
      </c>
      <c r="AR724" s="53">
        <v>0</v>
      </c>
      <c r="AS724" s="53">
        <v>0</v>
      </c>
      <c r="AT724" s="53">
        <v>0</v>
      </c>
      <c r="AU724" s="53">
        <v>0</v>
      </c>
      <c r="AV724" s="53">
        <v>0</v>
      </c>
      <c r="AW724" s="53">
        <v>0</v>
      </c>
      <c r="AX724" s="53">
        <v>0</v>
      </c>
      <c r="AY724" s="53">
        <v>0</v>
      </c>
      <c r="AZ724" s="53">
        <v>0</v>
      </c>
      <c r="BA724" s="53">
        <v>0</v>
      </c>
    </row>
    <row r="725" spans="1:53">
      <c r="A725" s="52" t="s">
        <v>4038</v>
      </c>
      <c r="B725" s="53">
        <v>43580118.047018401</v>
      </c>
      <c r="C725" s="53">
        <v>7858067.1760350401</v>
      </c>
      <c r="D725" s="53">
        <v>11760578.463613501</v>
      </c>
      <c r="E725" s="53">
        <v>7330252.86793043</v>
      </c>
      <c r="F725" s="53">
        <v>20337932.799030598</v>
      </c>
      <c r="G725" s="53">
        <v>30858552.0449505</v>
      </c>
      <c r="H725" s="53">
        <v>30290658.724396098</v>
      </c>
      <c r="I725" s="53">
        <v>57118291.291429602</v>
      </c>
      <c r="J725" s="53">
        <v>22454610.443348601</v>
      </c>
      <c r="K725" s="53">
        <v>14641611.912925299</v>
      </c>
      <c r="L725" s="53">
        <v>-353182.53002921201</v>
      </c>
      <c r="M725" s="53">
        <v>14526945.0009092</v>
      </c>
      <c r="N725" s="53">
        <v>260404436.24155799</v>
      </c>
      <c r="O725" s="53">
        <v>22537491.966536801</v>
      </c>
      <c r="P725" s="53">
        <v>-10185998.5654086</v>
      </c>
      <c r="Q725" s="53">
        <v>-11049113.601338901</v>
      </c>
      <c r="R725" s="53">
        <v>-6914338.0567379901</v>
      </c>
      <c r="S725" s="53">
        <v>6083183.7657935098</v>
      </c>
      <c r="T725" s="53">
        <v>7919708.5443373397</v>
      </c>
      <c r="U725" s="53">
        <v>13539876.1549308</v>
      </c>
      <c r="V725" s="53">
        <v>36927064.927820697</v>
      </c>
      <c r="W725" s="53">
        <v>5180752.90461489</v>
      </c>
      <c r="X725" s="53">
        <v>866813.64953965298</v>
      </c>
      <c r="Y725" s="53">
        <v>-12545916.383958301</v>
      </c>
      <c r="Z725" s="53">
        <v>5826032.8931632703</v>
      </c>
      <c r="AA725" s="53">
        <v>58185558.199293099</v>
      </c>
      <c r="AB725" s="53">
        <v>21340350.204072699</v>
      </c>
      <c r="AC725" s="53">
        <v>-11831844.911759499</v>
      </c>
      <c r="AD725" s="53">
        <v>-12352620.7202613</v>
      </c>
      <c r="AE725" s="53">
        <v>-64777317.341752</v>
      </c>
      <c r="AF725" s="53">
        <v>4971768.13461369</v>
      </c>
      <c r="AG725" s="53">
        <v>-49314886.031813703</v>
      </c>
      <c r="AH725" s="53">
        <v>12742181.3372028</v>
      </c>
      <c r="AI725" s="53">
        <v>35976281.186002403</v>
      </c>
      <c r="AJ725" s="53">
        <v>95252273.384272397</v>
      </c>
      <c r="AK725" s="53">
        <v>-880594.86950959603</v>
      </c>
      <c r="AL725" s="53">
        <v>-14840653.732123701</v>
      </c>
      <c r="AM725" s="53">
        <v>33825923.6947283</v>
      </c>
      <c r="AN725" s="53">
        <v>50110860.333672397</v>
      </c>
      <c r="AO725" s="53">
        <v>19829055.660144899</v>
      </c>
      <c r="AP725" s="53">
        <v>-12719645.1417694</v>
      </c>
      <c r="AQ725" s="53">
        <v>-8812835.3430757299</v>
      </c>
      <c r="AR725" s="53">
        <v>-66074876.331780598</v>
      </c>
      <c r="AS725" s="53">
        <v>4748573.3713526903</v>
      </c>
      <c r="AT725" s="53">
        <v>-49691850.297933199</v>
      </c>
      <c r="AU725" s="53">
        <v>12598001.388295701</v>
      </c>
      <c r="AV725" s="53">
        <v>35934444.944052398</v>
      </c>
      <c r="AW725" s="53">
        <v>-53034090.392685302</v>
      </c>
      <c r="AX725" s="53">
        <v>-1110729.6328539399</v>
      </c>
      <c r="AY725" s="53">
        <v>-14154716.9471379</v>
      </c>
      <c r="AZ725" s="53">
        <v>90090541.327708304</v>
      </c>
      <c r="BA725" s="53">
        <v>-42398127.395682096</v>
      </c>
    </row>
    <row r="726" spans="1:53">
      <c r="A726" s="235" t="s">
        <v>4039</v>
      </c>
      <c r="B726" s="53">
        <v>-281904.562842999</v>
      </c>
      <c r="C726" s="53">
        <v>-243805.95884299901</v>
      </c>
      <c r="D726" s="53">
        <v>-243854.62631199899</v>
      </c>
      <c r="E726" s="53">
        <v>-243854.62631199899</v>
      </c>
      <c r="F726" s="53">
        <v>-244562.50202399999</v>
      </c>
      <c r="G726" s="53">
        <v>-243854.62631199899</v>
      </c>
      <c r="H726" s="53">
        <v>-243854.62631199899</v>
      </c>
      <c r="I726" s="53">
        <v>-243854.62631199899</v>
      </c>
      <c r="J726" s="53">
        <v>-243854.62631199899</v>
      </c>
      <c r="K726" s="53">
        <v>-243854.62631199899</v>
      </c>
      <c r="L726" s="53">
        <v>-244562.50202399999</v>
      </c>
      <c r="M726" s="53">
        <v>-243854.62631199899</v>
      </c>
      <c r="N726" s="53">
        <v>-2965672.53622999</v>
      </c>
      <c r="O726" s="53">
        <v>-246597.964042999</v>
      </c>
      <c r="P726" s="53">
        <v>-246597.964042999</v>
      </c>
      <c r="Q726" s="53">
        <v>-246646.63151199999</v>
      </c>
      <c r="R726" s="53">
        <v>-246646.63151199999</v>
      </c>
      <c r="S726" s="53">
        <v>-247354.50722399901</v>
      </c>
      <c r="T726" s="53">
        <v>-246646.63151199999</v>
      </c>
      <c r="U726" s="53">
        <v>-246646.63151199999</v>
      </c>
      <c r="V726" s="53">
        <v>-246646.63151199999</v>
      </c>
      <c r="W726" s="53">
        <v>-246646.63151199999</v>
      </c>
      <c r="X726" s="53">
        <v>-246646.63151199999</v>
      </c>
      <c r="Y726" s="53">
        <v>-247354.50722399901</v>
      </c>
      <c r="Z726" s="53">
        <v>-246646.63151199999</v>
      </c>
      <c r="AA726" s="53">
        <v>-2961077.9946300001</v>
      </c>
      <c r="AB726" s="53">
        <v>-246597.964042999</v>
      </c>
      <c r="AC726" s="53">
        <v>-246597.964042999</v>
      </c>
      <c r="AD726" s="53">
        <v>-246646.63151199999</v>
      </c>
      <c r="AE726" s="53">
        <v>-246646.63151199999</v>
      </c>
      <c r="AF726" s="53">
        <v>-247354.50722399901</v>
      </c>
      <c r="AG726" s="53">
        <v>-246646.63151199999</v>
      </c>
      <c r="AH726" s="53">
        <v>-246646.63151199999</v>
      </c>
      <c r="AI726" s="53">
        <v>-246646.63151199999</v>
      </c>
      <c r="AJ726" s="53">
        <v>-246646.63151199999</v>
      </c>
      <c r="AK726" s="53">
        <v>-246646.63151199999</v>
      </c>
      <c r="AL726" s="53">
        <v>-247354.50722399901</v>
      </c>
      <c r="AM726" s="53">
        <v>-246646.63151199999</v>
      </c>
      <c r="AN726" s="53">
        <v>-2961077.9946300001</v>
      </c>
      <c r="AO726" s="53">
        <v>-246597.964042999</v>
      </c>
      <c r="AP726" s="53">
        <v>-246597.964042999</v>
      </c>
      <c r="AQ726" s="53">
        <v>-246646.63151199999</v>
      </c>
      <c r="AR726" s="53">
        <v>-246646.63151199999</v>
      </c>
      <c r="AS726" s="53">
        <v>-247354.50722399901</v>
      </c>
      <c r="AT726" s="53">
        <v>-246646.63151199999</v>
      </c>
      <c r="AU726" s="53">
        <v>-246646.63151199999</v>
      </c>
      <c r="AV726" s="53">
        <v>-246646.63151199999</v>
      </c>
      <c r="AW726" s="53">
        <v>-246646.63151199999</v>
      </c>
      <c r="AX726" s="53">
        <v>-246646.63151199999</v>
      </c>
      <c r="AY726" s="53">
        <v>-247354.50722399901</v>
      </c>
      <c r="AZ726" s="53">
        <v>-246646.63151199999</v>
      </c>
      <c r="BA726" s="53">
        <v>-2961077.9946300001</v>
      </c>
    </row>
    <row r="727" spans="1:53">
      <c r="A727" s="52" t="s">
        <v>4040</v>
      </c>
      <c r="B727" s="53">
        <v>0</v>
      </c>
      <c r="C727" s="53">
        <v>0</v>
      </c>
      <c r="D727" s="53">
        <v>0</v>
      </c>
      <c r="E727" s="53">
        <v>0</v>
      </c>
      <c r="F727" s="53">
        <v>0</v>
      </c>
      <c r="G727" s="53">
        <v>0</v>
      </c>
      <c r="H727" s="53">
        <v>0</v>
      </c>
      <c r="I727" s="53">
        <v>0</v>
      </c>
      <c r="J727" s="53">
        <v>0</v>
      </c>
      <c r="K727" s="53">
        <v>0</v>
      </c>
      <c r="L727" s="53">
        <v>0</v>
      </c>
      <c r="M727" s="53">
        <v>0</v>
      </c>
      <c r="N727" s="53">
        <v>0</v>
      </c>
      <c r="O727" s="53">
        <v>0</v>
      </c>
      <c r="P727" s="53">
        <v>0</v>
      </c>
      <c r="Q727" s="53">
        <v>0</v>
      </c>
      <c r="R727" s="53">
        <v>0</v>
      </c>
      <c r="S727" s="53">
        <v>0</v>
      </c>
      <c r="T727" s="53">
        <v>0</v>
      </c>
      <c r="U727" s="53">
        <v>0</v>
      </c>
      <c r="V727" s="53">
        <v>0</v>
      </c>
      <c r="W727" s="53">
        <v>0</v>
      </c>
      <c r="X727" s="53">
        <v>0</v>
      </c>
      <c r="Y727" s="53">
        <v>0</v>
      </c>
      <c r="Z727" s="53">
        <v>0</v>
      </c>
      <c r="AA727" s="53">
        <v>0</v>
      </c>
      <c r="AB727" s="53">
        <v>0</v>
      </c>
      <c r="AC727" s="53">
        <v>0</v>
      </c>
      <c r="AD727" s="53">
        <v>0</v>
      </c>
      <c r="AE727" s="53">
        <v>0</v>
      </c>
      <c r="AF727" s="53">
        <v>0</v>
      </c>
      <c r="AG727" s="53">
        <v>0</v>
      </c>
      <c r="AH727" s="53">
        <v>0</v>
      </c>
      <c r="AI727" s="53">
        <v>0</v>
      </c>
      <c r="AJ727" s="53">
        <v>0</v>
      </c>
      <c r="AK727" s="53">
        <v>0</v>
      </c>
      <c r="AL727" s="53">
        <v>0</v>
      </c>
      <c r="AM727" s="53">
        <v>0</v>
      </c>
      <c r="AN727" s="53">
        <v>0</v>
      </c>
      <c r="AO727" s="53">
        <v>0</v>
      </c>
      <c r="AP727" s="53">
        <v>0</v>
      </c>
      <c r="AQ727" s="53">
        <v>0</v>
      </c>
      <c r="AR727" s="53">
        <v>0</v>
      </c>
      <c r="AS727" s="53">
        <v>0</v>
      </c>
      <c r="AT727" s="53">
        <v>0</v>
      </c>
      <c r="AU727" s="53">
        <v>0</v>
      </c>
      <c r="AV727" s="53">
        <v>0</v>
      </c>
      <c r="AW727" s="53">
        <v>0</v>
      </c>
      <c r="AX727" s="53">
        <v>0</v>
      </c>
      <c r="AY727" s="53">
        <v>0</v>
      </c>
      <c r="AZ727" s="53">
        <v>0</v>
      </c>
      <c r="BA727" s="53">
        <v>0</v>
      </c>
    </row>
    <row r="728" spans="1:53">
      <c r="A728" s="52" t="s">
        <v>4041</v>
      </c>
      <c r="B728" s="53">
        <v>0</v>
      </c>
      <c r="C728" s="53">
        <v>0</v>
      </c>
      <c r="D728" s="53">
        <v>0</v>
      </c>
      <c r="E728" s="53">
        <v>0</v>
      </c>
      <c r="F728" s="53">
        <v>0</v>
      </c>
      <c r="G728" s="53">
        <v>0</v>
      </c>
      <c r="H728" s="53">
        <v>0</v>
      </c>
      <c r="I728" s="53">
        <v>0</v>
      </c>
      <c r="J728" s="53">
        <v>0</v>
      </c>
      <c r="K728" s="53">
        <v>0</v>
      </c>
      <c r="L728" s="53">
        <v>0</v>
      </c>
      <c r="M728" s="53">
        <v>0</v>
      </c>
      <c r="N728" s="53">
        <v>0</v>
      </c>
      <c r="O728" s="53">
        <v>0</v>
      </c>
      <c r="P728" s="53">
        <v>0</v>
      </c>
      <c r="Q728" s="53">
        <v>0</v>
      </c>
      <c r="R728" s="53">
        <v>0</v>
      </c>
      <c r="S728" s="53">
        <v>0</v>
      </c>
      <c r="T728" s="53">
        <v>0</v>
      </c>
      <c r="U728" s="53">
        <v>0</v>
      </c>
      <c r="V728" s="53">
        <v>0</v>
      </c>
      <c r="W728" s="53">
        <v>0</v>
      </c>
      <c r="X728" s="53">
        <v>0</v>
      </c>
      <c r="Y728" s="53">
        <v>0</v>
      </c>
      <c r="Z728" s="53">
        <v>0</v>
      </c>
      <c r="AA728" s="53">
        <v>0</v>
      </c>
      <c r="AB728" s="53">
        <v>0</v>
      </c>
      <c r="AC728" s="53">
        <v>0</v>
      </c>
      <c r="AD728" s="53">
        <v>0</v>
      </c>
      <c r="AE728" s="53">
        <v>0</v>
      </c>
      <c r="AF728" s="53">
        <v>0</v>
      </c>
      <c r="AG728" s="53">
        <v>0</v>
      </c>
      <c r="AH728" s="53">
        <v>0</v>
      </c>
      <c r="AI728" s="53">
        <v>0</v>
      </c>
      <c r="AJ728" s="53">
        <v>0</v>
      </c>
      <c r="AK728" s="53">
        <v>0</v>
      </c>
      <c r="AL728" s="53">
        <v>0</v>
      </c>
      <c r="AM728" s="53">
        <v>0</v>
      </c>
      <c r="AN728" s="53">
        <v>0</v>
      </c>
      <c r="AO728" s="53">
        <v>0</v>
      </c>
      <c r="AP728" s="53">
        <v>0</v>
      </c>
      <c r="AQ728" s="53">
        <v>0</v>
      </c>
      <c r="AR728" s="53">
        <v>0</v>
      </c>
      <c r="AS728" s="53">
        <v>0</v>
      </c>
      <c r="AT728" s="53">
        <v>0</v>
      </c>
      <c r="AU728" s="53">
        <v>0</v>
      </c>
      <c r="AV728" s="53">
        <v>0</v>
      </c>
      <c r="AW728" s="53">
        <v>0</v>
      </c>
      <c r="AX728" s="53">
        <v>0</v>
      </c>
      <c r="AY728" s="53">
        <v>0</v>
      </c>
      <c r="AZ728" s="53">
        <v>0</v>
      </c>
      <c r="BA728" s="53">
        <v>0</v>
      </c>
    </row>
    <row r="729" spans="1:53">
      <c r="A729" s="52" t="s">
        <v>4042</v>
      </c>
      <c r="B729" s="53">
        <v>0</v>
      </c>
      <c r="C729" s="53">
        <v>0</v>
      </c>
      <c r="D729" s="53">
        <v>0</v>
      </c>
      <c r="E729" s="53">
        <v>0</v>
      </c>
      <c r="F729" s="53">
        <v>0</v>
      </c>
      <c r="G729" s="53">
        <v>0</v>
      </c>
      <c r="H729" s="53">
        <v>0</v>
      </c>
      <c r="I729" s="53">
        <v>0</v>
      </c>
      <c r="J729" s="53">
        <v>0</v>
      </c>
      <c r="K729" s="53">
        <v>0</v>
      </c>
      <c r="L729" s="53">
        <v>0</v>
      </c>
      <c r="M729" s="53">
        <v>0</v>
      </c>
      <c r="N729" s="53">
        <v>0</v>
      </c>
      <c r="O729" s="53">
        <v>0</v>
      </c>
      <c r="P729" s="53">
        <v>0</v>
      </c>
      <c r="Q729" s="53">
        <v>0</v>
      </c>
      <c r="R729" s="53">
        <v>0</v>
      </c>
      <c r="S729" s="53">
        <v>0</v>
      </c>
      <c r="T729" s="53">
        <v>0</v>
      </c>
      <c r="U729" s="53">
        <v>0</v>
      </c>
      <c r="V729" s="53">
        <v>0</v>
      </c>
      <c r="W729" s="53">
        <v>0</v>
      </c>
      <c r="X729" s="53">
        <v>0</v>
      </c>
      <c r="Y729" s="53">
        <v>0</v>
      </c>
      <c r="Z729" s="53">
        <v>0</v>
      </c>
      <c r="AA729" s="53">
        <v>0</v>
      </c>
      <c r="AB729" s="53">
        <v>0</v>
      </c>
      <c r="AC729" s="53">
        <v>0</v>
      </c>
      <c r="AD729" s="53">
        <v>0</v>
      </c>
      <c r="AE729" s="53">
        <v>0</v>
      </c>
      <c r="AF729" s="53">
        <v>0</v>
      </c>
      <c r="AG729" s="53">
        <v>0</v>
      </c>
      <c r="AH729" s="53">
        <v>0</v>
      </c>
      <c r="AI729" s="53">
        <v>0</v>
      </c>
      <c r="AJ729" s="53">
        <v>0</v>
      </c>
      <c r="AK729" s="53">
        <v>0</v>
      </c>
      <c r="AL729" s="53">
        <v>0</v>
      </c>
      <c r="AM729" s="53">
        <v>0</v>
      </c>
      <c r="AN729" s="53">
        <v>0</v>
      </c>
      <c r="AO729" s="53">
        <v>0</v>
      </c>
      <c r="AP729" s="53">
        <v>0</v>
      </c>
      <c r="AQ729" s="53">
        <v>0</v>
      </c>
      <c r="AR729" s="53">
        <v>0</v>
      </c>
      <c r="AS729" s="53">
        <v>0</v>
      </c>
      <c r="AT729" s="53">
        <v>0</v>
      </c>
      <c r="AU729" s="53">
        <v>0</v>
      </c>
      <c r="AV729" s="53">
        <v>0</v>
      </c>
      <c r="AW729" s="53">
        <v>0</v>
      </c>
      <c r="AX729" s="53">
        <v>0</v>
      </c>
      <c r="AY729" s="53">
        <v>0</v>
      </c>
      <c r="AZ729" s="53">
        <v>0</v>
      </c>
      <c r="BA729" s="53">
        <v>0</v>
      </c>
    </row>
    <row r="730" spans="1:53">
      <c r="A730" s="52" t="s">
        <v>4043</v>
      </c>
      <c r="B730" s="53">
        <v>0</v>
      </c>
      <c r="C730" s="53">
        <v>0</v>
      </c>
      <c r="D730" s="53">
        <v>0</v>
      </c>
      <c r="E730" s="53">
        <v>0</v>
      </c>
      <c r="F730" s="53">
        <v>0</v>
      </c>
      <c r="G730" s="53">
        <v>0</v>
      </c>
      <c r="H730" s="53">
        <v>0</v>
      </c>
      <c r="I730" s="53">
        <v>0</v>
      </c>
      <c r="J730" s="53">
        <v>0</v>
      </c>
      <c r="K730" s="53">
        <v>0</v>
      </c>
      <c r="L730" s="53">
        <v>0</v>
      </c>
      <c r="M730" s="53">
        <v>0</v>
      </c>
      <c r="N730" s="53">
        <v>0</v>
      </c>
      <c r="O730" s="53">
        <v>0</v>
      </c>
      <c r="P730" s="53">
        <v>0</v>
      </c>
      <c r="Q730" s="53">
        <v>0</v>
      </c>
      <c r="R730" s="53">
        <v>0</v>
      </c>
      <c r="S730" s="53">
        <v>0</v>
      </c>
      <c r="T730" s="53">
        <v>0</v>
      </c>
      <c r="U730" s="53">
        <v>0</v>
      </c>
      <c r="V730" s="53">
        <v>0</v>
      </c>
      <c r="W730" s="53">
        <v>0</v>
      </c>
      <c r="X730" s="53">
        <v>0</v>
      </c>
      <c r="Y730" s="53">
        <v>0</v>
      </c>
      <c r="Z730" s="53">
        <v>0</v>
      </c>
      <c r="AA730" s="53">
        <v>0</v>
      </c>
      <c r="AB730" s="53">
        <v>0</v>
      </c>
      <c r="AC730" s="53">
        <v>0</v>
      </c>
      <c r="AD730" s="53">
        <v>0</v>
      </c>
      <c r="AE730" s="53">
        <v>0</v>
      </c>
      <c r="AF730" s="53">
        <v>0</v>
      </c>
      <c r="AG730" s="53">
        <v>0</v>
      </c>
      <c r="AH730" s="53">
        <v>0</v>
      </c>
      <c r="AI730" s="53">
        <v>0</v>
      </c>
      <c r="AJ730" s="53">
        <v>0</v>
      </c>
      <c r="AK730" s="53">
        <v>0</v>
      </c>
      <c r="AL730" s="53">
        <v>0</v>
      </c>
      <c r="AM730" s="53">
        <v>0</v>
      </c>
      <c r="AN730" s="53">
        <v>0</v>
      </c>
      <c r="AO730" s="53">
        <v>0</v>
      </c>
      <c r="AP730" s="53">
        <v>0</v>
      </c>
      <c r="AQ730" s="53">
        <v>0</v>
      </c>
      <c r="AR730" s="53">
        <v>0</v>
      </c>
      <c r="AS730" s="53">
        <v>0</v>
      </c>
      <c r="AT730" s="53">
        <v>0</v>
      </c>
      <c r="AU730" s="53">
        <v>0</v>
      </c>
      <c r="AV730" s="53">
        <v>0</v>
      </c>
      <c r="AW730" s="53">
        <v>0</v>
      </c>
      <c r="AX730" s="53">
        <v>0</v>
      </c>
      <c r="AY730" s="53">
        <v>0</v>
      </c>
      <c r="AZ730" s="53">
        <v>0</v>
      </c>
      <c r="BA730" s="53">
        <v>0</v>
      </c>
    </row>
    <row r="731" spans="1:53">
      <c r="A731" s="52" t="s">
        <v>4044</v>
      </c>
      <c r="B731" s="53">
        <v>0</v>
      </c>
      <c r="C731" s="53">
        <v>0</v>
      </c>
      <c r="D731" s="53">
        <v>0</v>
      </c>
      <c r="E731" s="53">
        <v>0</v>
      </c>
      <c r="F731" s="53">
        <v>0</v>
      </c>
      <c r="G731" s="53">
        <v>0</v>
      </c>
      <c r="H731" s="53">
        <v>0</v>
      </c>
      <c r="I731" s="53">
        <v>0</v>
      </c>
      <c r="J731" s="53">
        <v>0</v>
      </c>
      <c r="K731" s="53">
        <v>0</v>
      </c>
      <c r="L731" s="53">
        <v>0</v>
      </c>
      <c r="M731" s="53">
        <v>0</v>
      </c>
      <c r="N731" s="53">
        <v>0</v>
      </c>
      <c r="O731" s="53">
        <v>0</v>
      </c>
      <c r="P731" s="53">
        <v>0</v>
      </c>
      <c r="Q731" s="53">
        <v>0</v>
      </c>
      <c r="R731" s="53">
        <v>0</v>
      </c>
      <c r="S731" s="53">
        <v>0</v>
      </c>
      <c r="T731" s="53">
        <v>0</v>
      </c>
      <c r="U731" s="53">
        <v>0</v>
      </c>
      <c r="V731" s="53">
        <v>0</v>
      </c>
      <c r="W731" s="53">
        <v>0</v>
      </c>
      <c r="X731" s="53">
        <v>0</v>
      </c>
      <c r="Y731" s="53">
        <v>0</v>
      </c>
      <c r="Z731" s="53">
        <v>0</v>
      </c>
      <c r="AA731" s="53">
        <v>0</v>
      </c>
      <c r="AB731" s="53">
        <v>0</v>
      </c>
      <c r="AC731" s="53">
        <v>0</v>
      </c>
      <c r="AD731" s="53">
        <v>0</v>
      </c>
      <c r="AE731" s="53">
        <v>0</v>
      </c>
      <c r="AF731" s="53">
        <v>0</v>
      </c>
      <c r="AG731" s="53">
        <v>0</v>
      </c>
      <c r="AH731" s="53">
        <v>0</v>
      </c>
      <c r="AI731" s="53">
        <v>0</v>
      </c>
      <c r="AJ731" s="53">
        <v>0</v>
      </c>
      <c r="AK731" s="53">
        <v>0</v>
      </c>
      <c r="AL731" s="53">
        <v>0</v>
      </c>
      <c r="AM731" s="53">
        <v>0</v>
      </c>
      <c r="AN731" s="53">
        <v>0</v>
      </c>
      <c r="AO731" s="53">
        <v>0</v>
      </c>
      <c r="AP731" s="53">
        <v>0</v>
      </c>
      <c r="AQ731" s="53">
        <v>0</v>
      </c>
      <c r="AR731" s="53">
        <v>0</v>
      </c>
      <c r="AS731" s="53">
        <v>0</v>
      </c>
      <c r="AT731" s="53">
        <v>0</v>
      </c>
      <c r="AU731" s="53">
        <v>0</v>
      </c>
      <c r="AV731" s="53">
        <v>0</v>
      </c>
      <c r="AW731" s="53">
        <v>0</v>
      </c>
      <c r="AX731" s="53">
        <v>0</v>
      </c>
      <c r="AY731" s="53">
        <v>0</v>
      </c>
      <c r="AZ731" s="53">
        <v>0</v>
      </c>
      <c r="BA731" s="53">
        <v>0</v>
      </c>
    </row>
    <row r="732" spans="1:53">
      <c r="A732" s="52" t="s">
        <v>4045</v>
      </c>
      <c r="B732" s="53">
        <v>0</v>
      </c>
      <c r="C732" s="53">
        <v>0</v>
      </c>
      <c r="D732" s="53">
        <v>0</v>
      </c>
      <c r="E732" s="53">
        <v>0</v>
      </c>
      <c r="F732" s="53">
        <v>0</v>
      </c>
      <c r="G732" s="53">
        <v>0</v>
      </c>
      <c r="H732" s="53">
        <v>0</v>
      </c>
      <c r="I732" s="53">
        <v>0</v>
      </c>
      <c r="J732" s="53">
        <v>0</v>
      </c>
      <c r="K732" s="53">
        <v>0</v>
      </c>
      <c r="L732" s="53">
        <v>0</v>
      </c>
      <c r="M732" s="53">
        <v>0</v>
      </c>
      <c r="N732" s="53">
        <v>0</v>
      </c>
      <c r="O732" s="53">
        <v>0</v>
      </c>
      <c r="P732" s="53">
        <v>0</v>
      </c>
      <c r="Q732" s="53">
        <v>0</v>
      </c>
      <c r="R732" s="53">
        <v>0</v>
      </c>
      <c r="S732" s="53">
        <v>0</v>
      </c>
      <c r="T732" s="53">
        <v>0</v>
      </c>
      <c r="U732" s="53">
        <v>0</v>
      </c>
      <c r="V732" s="53">
        <v>0</v>
      </c>
      <c r="W732" s="53">
        <v>0</v>
      </c>
      <c r="X732" s="53">
        <v>0</v>
      </c>
      <c r="Y732" s="53">
        <v>0</v>
      </c>
      <c r="Z732" s="53">
        <v>0</v>
      </c>
      <c r="AA732" s="53">
        <v>0</v>
      </c>
      <c r="AB732" s="53">
        <v>0</v>
      </c>
      <c r="AC732" s="53">
        <v>0</v>
      </c>
      <c r="AD732" s="53">
        <v>0</v>
      </c>
      <c r="AE732" s="53">
        <v>0</v>
      </c>
      <c r="AF732" s="53">
        <v>0</v>
      </c>
      <c r="AG732" s="53">
        <v>0</v>
      </c>
      <c r="AH732" s="53">
        <v>0</v>
      </c>
      <c r="AI732" s="53">
        <v>0</v>
      </c>
      <c r="AJ732" s="53">
        <v>0</v>
      </c>
      <c r="AK732" s="53">
        <v>0</v>
      </c>
      <c r="AL732" s="53">
        <v>0</v>
      </c>
      <c r="AM732" s="53">
        <v>0</v>
      </c>
      <c r="AN732" s="53">
        <v>0</v>
      </c>
      <c r="AO732" s="53">
        <v>0</v>
      </c>
      <c r="AP732" s="53">
        <v>0</v>
      </c>
      <c r="AQ732" s="53">
        <v>0</v>
      </c>
      <c r="AR732" s="53">
        <v>0</v>
      </c>
      <c r="AS732" s="53">
        <v>0</v>
      </c>
      <c r="AT732" s="53">
        <v>0</v>
      </c>
      <c r="AU732" s="53">
        <v>0</v>
      </c>
      <c r="AV732" s="53">
        <v>0</v>
      </c>
      <c r="AW732" s="53">
        <v>0</v>
      </c>
      <c r="AX732" s="53">
        <v>0</v>
      </c>
      <c r="AY732" s="53">
        <v>0</v>
      </c>
      <c r="AZ732" s="53">
        <v>0</v>
      </c>
      <c r="BA732" s="53">
        <v>0</v>
      </c>
    </row>
    <row r="733" spans="1:53">
      <c r="A733" s="52" t="s">
        <v>4046</v>
      </c>
      <c r="B733" s="53">
        <v>0</v>
      </c>
      <c r="C733" s="53">
        <v>0</v>
      </c>
      <c r="D733" s="53">
        <v>0</v>
      </c>
      <c r="E733" s="53">
        <v>0</v>
      </c>
      <c r="F733" s="53">
        <v>0</v>
      </c>
      <c r="G733" s="53">
        <v>0</v>
      </c>
      <c r="H733" s="53">
        <v>0</v>
      </c>
      <c r="I733" s="53">
        <v>0</v>
      </c>
      <c r="J733" s="53">
        <v>0</v>
      </c>
      <c r="K733" s="53">
        <v>0</v>
      </c>
      <c r="L733" s="53">
        <v>0</v>
      </c>
      <c r="M733" s="53">
        <v>0</v>
      </c>
      <c r="N733" s="53">
        <v>0</v>
      </c>
      <c r="O733" s="53">
        <v>0</v>
      </c>
      <c r="P733" s="53">
        <v>0</v>
      </c>
      <c r="Q733" s="53">
        <v>0</v>
      </c>
      <c r="R733" s="53">
        <v>0</v>
      </c>
      <c r="S733" s="53">
        <v>0</v>
      </c>
      <c r="T733" s="53">
        <v>0</v>
      </c>
      <c r="U733" s="53">
        <v>0</v>
      </c>
      <c r="V733" s="53">
        <v>0</v>
      </c>
      <c r="W733" s="53">
        <v>0</v>
      </c>
      <c r="X733" s="53">
        <v>0</v>
      </c>
      <c r="Y733" s="53">
        <v>0</v>
      </c>
      <c r="Z733" s="53">
        <v>0</v>
      </c>
      <c r="AA733" s="53">
        <v>0</v>
      </c>
      <c r="AB733" s="53">
        <v>0</v>
      </c>
      <c r="AC733" s="53">
        <v>0</v>
      </c>
      <c r="AD733" s="53">
        <v>0</v>
      </c>
      <c r="AE733" s="53">
        <v>0</v>
      </c>
      <c r="AF733" s="53">
        <v>0</v>
      </c>
      <c r="AG733" s="53">
        <v>0</v>
      </c>
      <c r="AH733" s="53">
        <v>0</v>
      </c>
      <c r="AI733" s="53">
        <v>0</v>
      </c>
      <c r="AJ733" s="53">
        <v>0</v>
      </c>
      <c r="AK733" s="53">
        <v>0</v>
      </c>
      <c r="AL733" s="53">
        <v>0</v>
      </c>
      <c r="AM733" s="53">
        <v>0</v>
      </c>
      <c r="AN733" s="53">
        <v>0</v>
      </c>
      <c r="AO733" s="53">
        <v>0</v>
      </c>
      <c r="AP733" s="53">
        <v>0</v>
      </c>
      <c r="AQ733" s="53">
        <v>0</v>
      </c>
      <c r="AR733" s="53">
        <v>0</v>
      </c>
      <c r="AS733" s="53">
        <v>0</v>
      </c>
      <c r="AT733" s="53">
        <v>0</v>
      </c>
      <c r="AU733" s="53">
        <v>0</v>
      </c>
      <c r="AV733" s="53">
        <v>0</v>
      </c>
      <c r="AW733" s="53">
        <v>0</v>
      </c>
      <c r="AX733" s="53">
        <v>0</v>
      </c>
      <c r="AY733" s="53">
        <v>0</v>
      </c>
      <c r="AZ733" s="53">
        <v>0</v>
      </c>
      <c r="BA733" s="53">
        <v>0</v>
      </c>
    </row>
    <row r="734" spans="1:53">
      <c r="A734" s="52" t="s">
        <v>4047</v>
      </c>
      <c r="B734" s="53">
        <v>0</v>
      </c>
      <c r="C734" s="53">
        <v>0</v>
      </c>
      <c r="D734" s="53">
        <v>0</v>
      </c>
      <c r="E734" s="53">
        <v>0</v>
      </c>
      <c r="F734" s="53">
        <v>0</v>
      </c>
      <c r="G734" s="53">
        <v>0</v>
      </c>
      <c r="H734" s="53">
        <v>0</v>
      </c>
      <c r="I734" s="53">
        <v>0</v>
      </c>
      <c r="J734" s="53">
        <v>0</v>
      </c>
      <c r="K734" s="53">
        <v>0</v>
      </c>
      <c r="L734" s="53">
        <v>0</v>
      </c>
      <c r="M734" s="53">
        <v>0</v>
      </c>
      <c r="N734" s="53">
        <v>0</v>
      </c>
      <c r="O734" s="53">
        <v>0</v>
      </c>
      <c r="P734" s="53">
        <v>0</v>
      </c>
      <c r="Q734" s="53">
        <v>0</v>
      </c>
      <c r="R734" s="53">
        <v>0</v>
      </c>
      <c r="S734" s="53">
        <v>0</v>
      </c>
      <c r="T734" s="53">
        <v>0</v>
      </c>
      <c r="U734" s="53">
        <v>0</v>
      </c>
      <c r="V734" s="53">
        <v>0</v>
      </c>
      <c r="W734" s="53">
        <v>0</v>
      </c>
      <c r="X734" s="53">
        <v>0</v>
      </c>
      <c r="Y734" s="53">
        <v>0</v>
      </c>
      <c r="Z734" s="53">
        <v>0</v>
      </c>
      <c r="AA734" s="53">
        <v>0</v>
      </c>
      <c r="AB734" s="53">
        <v>0</v>
      </c>
      <c r="AC734" s="53">
        <v>0</v>
      </c>
      <c r="AD734" s="53">
        <v>0</v>
      </c>
      <c r="AE734" s="53">
        <v>0</v>
      </c>
      <c r="AF734" s="53">
        <v>0</v>
      </c>
      <c r="AG734" s="53">
        <v>0</v>
      </c>
      <c r="AH734" s="53">
        <v>0</v>
      </c>
      <c r="AI734" s="53">
        <v>0</v>
      </c>
      <c r="AJ734" s="53">
        <v>0</v>
      </c>
      <c r="AK734" s="53">
        <v>0</v>
      </c>
      <c r="AL734" s="53">
        <v>0</v>
      </c>
      <c r="AM734" s="53">
        <v>0</v>
      </c>
      <c r="AN734" s="53">
        <v>0</v>
      </c>
      <c r="AO734" s="53">
        <v>0</v>
      </c>
      <c r="AP734" s="53">
        <v>0</v>
      </c>
      <c r="AQ734" s="53">
        <v>0</v>
      </c>
      <c r="AR734" s="53">
        <v>0</v>
      </c>
      <c r="AS734" s="53">
        <v>0</v>
      </c>
      <c r="AT734" s="53">
        <v>0</v>
      </c>
      <c r="AU734" s="53">
        <v>0</v>
      </c>
      <c r="AV734" s="53">
        <v>0</v>
      </c>
      <c r="AW734" s="53">
        <v>0</v>
      </c>
      <c r="AX734" s="53">
        <v>0</v>
      </c>
      <c r="AY734" s="53">
        <v>0</v>
      </c>
      <c r="AZ734" s="53">
        <v>0</v>
      </c>
      <c r="BA734" s="53">
        <v>0</v>
      </c>
    </row>
    <row r="735" spans="1:53">
      <c r="A735" s="52" t="s">
        <v>4048</v>
      </c>
      <c r="B735" s="53">
        <v>54623131.891868398</v>
      </c>
      <c r="C735" s="53">
        <v>9039386.0426984299</v>
      </c>
      <c r="D735" s="53">
        <v>14023862.912297999</v>
      </c>
      <c r="E735" s="53">
        <v>8844467.0005524103</v>
      </c>
      <c r="F735" s="53">
        <v>24978611.689763799</v>
      </c>
      <c r="G735" s="53">
        <v>38894528.2191156</v>
      </c>
      <c r="H735" s="53">
        <v>37691348.282157198</v>
      </c>
      <c r="I735" s="53">
        <v>71954700.910749495</v>
      </c>
      <c r="J735" s="53">
        <v>29433596.8983423</v>
      </c>
      <c r="K735" s="53">
        <v>17706588.1285946</v>
      </c>
      <c r="L735" s="53">
        <v>-1444227.77825859</v>
      </c>
      <c r="M735" s="53">
        <v>21691605.109674498</v>
      </c>
      <c r="N735" s="53">
        <v>327437599.30755597</v>
      </c>
      <c r="O735" s="53">
        <v>27152859.888241701</v>
      </c>
      <c r="P735" s="53">
        <v>-13292533.4255412</v>
      </c>
      <c r="Q735" s="53">
        <v>-14373414.519845599</v>
      </c>
      <c r="R735" s="53">
        <v>-8219400.8491068399</v>
      </c>
      <c r="S735" s="53">
        <v>7371431.5655891402</v>
      </c>
      <c r="T735" s="53">
        <v>10609185.021402899</v>
      </c>
      <c r="U735" s="53">
        <v>16951661.052645199</v>
      </c>
      <c r="V735" s="53">
        <v>46761620.474783897</v>
      </c>
      <c r="W735" s="53">
        <v>7159368.86247495</v>
      </c>
      <c r="X735" s="53">
        <v>815646.67117583903</v>
      </c>
      <c r="Y735" s="53">
        <v>-16311608.834541401</v>
      </c>
      <c r="Z735" s="53">
        <v>8108882.3581096902</v>
      </c>
      <c r="AA735" s="53">
        <v>72733698.265388206</v>
      </c>
      <c r="AB735" s="53">
        <v>25693471.890557799</v>
      </c>
      <c r="AC735" s="53">
        <v>-15325002.3243923</v>
      </c>
      <c r="AD735" s="53">
        <v>-15992335.8591568</v>
      </c>
      <c r="AE735" s="53">
        <v>-66363395.4877121</v>
      </c>
      <c r="AF735" s="53">
        <v>6021453.3727521896</v>
      </c>
      <c r="AG735" s="53">
        <v>-46732306.979962498</v>
      </c>
      <c r="AH735" s="53">
        <v>16002313.1650151</v>
      </c>
      <c r="AI735" s="53">
        <v>45616736.603978097</v>
      </c>
      <c r="AJ735" s="53">
        <v>96929531.103312999</v>
      </c>
      <c r="AK735" s="53">
        <v>-1346682.42961357</v>
      </c>
      <c r="AL735" s="53">
        <v>-19172976.5838066</v>
      </c>
      <c r="AM735" s="53">
        <v>35749446.046101898</v>
      </c>
      <c r="AN735" s="53">
        <v>61080252.517074198</v>
      </c>
      <c r="AO735" s="53">
        <v>23804621.2856405</v>
      </c>
      <c r="AP735" s="53">
        <v>-16417563.738035001</v>
      </c>
      <c r="AQ735" s="53">
        <v>-12809439.1918073</v>
      </c>
      <c r="AR735" s="53">
        <v>-67993731.900879607</v>
      </c>
      <c r="AS735" s="53">
        <v>5777675.6526611103</v>
      </c>
      <c r="AT735" s="53">
        <v>-47186918.298311897</v>
      </c>
      <c r="AU735" s="53">
        <v>15859438.5287732</v>
      </c>
      <c r="AV735" s="53">
        <v>45604564.757729702</v>
      </c>
      <c r="AW735" s="53">
        <v>-51344896.870145097</v>
      </c>
      <c r="AX735" s="53">
        <v>-1599349.8563886101</v>
      </c>
      <c r="AY735" s="53">
        <v>-18255690.419902701</v>
      </c>
      <c r="AZ735" s="53">
        <v>85721668.399487004</v>
      </c>
      <c r="BA735" s="53">
        <v>-38839621.6511788</v>
      </c>
    </row>
    <row r="736" spans="1:53">
      <c r="A736" s="231" t="s">
        <v>4049</v>
      </c>
      <c r="B736" s="53"/>
      <c r="C736" s="53"/>
      <c r="D736" s="53"/>
      <c r="E736" s="53"/>
      <c r="F736" s="53"/>
      <c r="G736" s="53"/>
      <c r="H736" s="53"/>
      <c r="I736" s="53"/>
      <c r="J736" s="53"/>
      <c r="K736" s="53"/>
      <c r="L736" s="53"/>
      <c r="M736" s="53"/>
      <c r="N736" s="53"/>
      <c r="O736" s="53"/>
      <c r="P736" s="53"/>
      <c r="Q736" s="53"/>
      <c r="R736" s="53"/>
      <c r="S736" s="53"/>
      <c r="T736" s="53"/>
      <c r="U736" s="53"/>
      <c r="V736" s="53"/>
      <c r="W736" s="53"/>
      <c r="X736" s="53"/>
      <c r="Y736" s="53"/>
      <c r="Z736" s="53"/>
      <c r="AA736" s="53"/>
      <c r="AB736" s="53"/>
      <c r="AC736" s="53"/>
      <c r="AD736" s="53"/>
      <c r="AE736" s="53"/>
      <c r="AF736" s="53"/>
      <c r="AG736" s="53"/>
      <c r="AH736" s="53"/>
      <c r="AI736" s="53"/>
      <c r="AJ736" s="53"/>
      <c r="AK736" s="53"/>
      <c r="AL736" s="53"/>
      <c r="AM736" s="53"/>
      <c r="AN736" s="53"/>
      <c r="AO736" s="53"/>
      <c r="AP736" s="53"/>
      <c r="AQ736" s="53"/>
      <c r="AR736" s="53"/>
      <c r="AS736" s="53"/>
      <c r="AT736" s="53"/>
      <c r="AU736" s="53"/>
      <c r="AV736" s="53"/>
      <c r="AW736" s="53"/>
      <c r="AX736" s="53"/>
      <c r="AY736" s="53"/>
      <c r="AZ736" s="53"/>
      <c r="BA736" s="53"/>
    </row>
    <row r="737" spans="1:53">
      <c r="A737" s="52" t="s">
        <v>4050</v>
      </c>
      <c r="B737" s="53">
        <v>-14205560.5724639</v>
      </c>
      <c r="C737" s="53">
        <v>2633230.9528962099</v>
      </c>
      <c r="D737" s="53">
        <v>-3517836.4229075299</v>
      </c>
      <c r="E737" s="53">
        <v>2854447.0392502402</v>
      </c>
      <c r="F737" s="53">
        <v>-2068305.1422609</v>
      </c>
      <c r="G737" s="53">
        <v>-4944562.1243217802</v>
      </c>
      <c r="H737" s="53">
        <v>-4499474.5256960699</v>
      </c>
      <c r="I737" s="53">
        <v>-18346148.567803401</v>
      </c>
      <c r="J737" s="53">
        <v>575279.64237679495</v>
      </c>
      <c r="K737" s="53">
        <v>1227375.75562345</v>
      </c>
      <c r="L737" s="53">
        <v>7318947.6499166302</v>
      </c>
      <c r="M737" s="53">
        <v>928094.78588230698</v>
      </c>
      <c r="N737" s="53">
        <v>-32044511.529507998</v>
      </c>
      <c r="O737" s="53">
        <v>6254851.7032658802</v>
      </c>
      <c r="P737" s="53">
        <v>18855187.7629974</v>
      </c>
      <c r="Q737" s="53">
        <v>16966221.996850401</v>
      </c>
      <c r="R737" s="53">
        <v>16328156.587768899</v>
      </c>
      <c r="S737" s="53">
        <v>10835170.1890318</v>
      </c>
      <c r="T737" s="53">
        <v>13296512.282506101</v>
      </c>
      <c r="U737" s="53">
        <v>10200735.5357037</v>
      </c>
      <c r="V737" s="53">
        <v>-318195.92703634303</v>
      </c>
      <c r="W737" s="53">
        <v>13628296.703326199</v>
      </c>
      <c r="X737" s="53">
        <v>13064890.5516051</v>
      </c>
      <c r="Y737" s="53">
        <v>17450370.3061704</v>
      </c>
      <c r="Z737" s="53">
        <v>5222296.8475252399</v>
      </c>
      <c r="AA737" s="53">
        <v>141784494.53971499</v>
      </c>
      <c r="AB737" s="53">
        <v>6567206.30285135</v>
      </c>
      <c r="AC737" s="53">
        <v>19618161.5670936</v>
      </c>
      <c r="AD737" s="53">
        <v>17203656.759505998</v>
      </c>
      <c r="AE737" s="53">
        <v>73269981.4358785</v>
      </c>
      <c r="AF737" s="53">
        <v>11152939.033828501</v>
      </c>
      <c r="AG737" s="53">
        <v>70192514.780195206</v>
      </c>
      <c r="AH737" s="53">
        <v>10605470.533079101</v>
      </c>
      <c r="AI737" s="53">
        <v>222270.29983017</v>
      </c>
      <c r="AJ737" s="53">
        <v>-76942003.062831804</v>
      </c>
      <c r="AK737" s="53">
        <v>14271822.3101121</v>
      </c>
      <c r="AL737" s="53">
        <v>18969478.945599802</v>
      </c>
      <c r="AM737" s="53">
        <v>-23272666.8560698</v>
      </c>
      <c r="AN737" s="53">
        <v>141858832.04907301</v>
      </c>
      <c r="AO737" s="53">
        <v>6790409.1137053398</v>
      </c>
      <c r="AP737" s="53">
        <v>19934444.560178299</v>
      </c>
      <c r="AQ737" s="53">
        <v>12901446.4551137</v>
      </c>
      <c r="AR737" s="53">
        <v>73698317.039921001</v>
      </c>
      <c r="AS737" s="53">
        <v>10724243.5522664</v>
      </c>
      <c r="AT737" s="53">
        <v>69578810.796039507</v>
      </c>
      <c r="AU737" s="53">
        <v>9754224.4154698402</v>
      </c>
      <c r="AV737" s="53">
        <v>-713416.80361134897</v>
      </c>
      <c r="AW737" s="53">
        <v>70571629.170744807</v>
      </c>
      <c r="AX737" s="53">
        <v>13541091.707983101</v>
      </c>
      <c r="AY737" s="53">
        <v>17225644.421030901</v>
      </c>
      <c r="AZ737" s="53">
        <v>-80394451.838415205</v>
      </c>
      <c r="BA737" s="53">
        <v>223612392.590426</v>
      </c>
    </row>
    <row r="738" spans="1:53">
      <c r="A738" s="52" t="s">
        <v>4051</v>
      </c>
      <c r="B738" s="53">
        <v>-3263588.0919577</v>
      </c>
      <c r="C738" s="53">
        <v>1403247.5537707401</v>
      </c>
      <c r="D738" s="53">
        <v>-301507.82879013498</v>
      </c>
      <c r="E738" s="53">
        <v>986216.48674868105</v>
      </c>
      <c r="F738" s="53">
        <v>100226.71611066999</v>
      </c>
      <c r="G738" s="53">
        <v>-1175262.49534485</v>
      </c>
      <c r="H738" s="53">
        <v>-573566.76380333398</v>
      </c>
      <c r="I738" s="53">
        <v>-4411143.3438784303</v>
      </c>
      <c r="J738" s="53">
        <v>-916207.91777658905</v>
      </c>
      <c r="K738" s="53">
        <v>1013617.74349106</v>
      </c>
      <c r="L738" s="53">
        <v>2701884.0785181499</v>
      </c>
      <c r="M738" s="53">
        <v>-3199847.5124201099</v>
      </c>
      <c r="N738" s="53">
        <v>-7635931.3753318498</v>
      </c>
      <c r="O738" s="53">
        <v>1847039.4813578001</v>
      </c>
      <c r="P738" s="53">
        <v>5339196.1116688997</v>
      </c>
      <c r="Q738" s="53">
        <v>4792021.74488331</v>
      </c>
      <c r="R738" s="53">
        <v>3741978.2108753002</v>
      </c>
      <c r="S738" s="53">
        <v>3116465.1135932598</v>
      </c>
      <c r="T738" s="53">
        <v>2901764.3696586001</v>
      </c>
      <c r="U738" s="53">
        <v>2940632.8841498601</v>
      </c>
      <c r="V738" s="53">
        <v>25333.1590266284</v>
      </c>
      <c r="W738" s="53">
        <v>3056110.9211582602</v>
      </c>
      <c r="X738" s="53">
        <v>3734427.4211847601</v>
      </c>
      <c r="Y738" s="53">
        <v>4949853.9089705702</v>
      </c>
      <c r="Z738" s="53">
        <v>601619.35114538798</v>
      </c>
      <c r="AA738" s="53">
        <v>37046442.677672699</v>
      </c>
      <c r="AB738" s="53">
        <v>1867794.82234481</v>
      </c>
      <c r="AC738" s="53">
        <v>5484839.6171713602</v>
      </c>
      <c r="AD738" s="53">
        <v>4815664.6893944796</v>
      </c>
      <c r="AE738" s="53">
        <v>3771367.1992183798</v>
      </c>
      <c r="AF738" s="53">
        <v>3138721.0012500701</v>
      </c>
      <c r="AG738" s="53">
        <v>2918453.7899838998</v>
      </c>
      <c r="AH738" s="53">
        <v>2986991.2580340598</v>
      </c>
      <c r="AI738" s="53">
        <v>109309.157612315</v>
      </c>
      <c r="AJ738" s="53">
        <v>3222809.2498544799</v>
      </c>
      <c r="AK738" s="53">
        <v>4003112.6626035399</v>
      </c>
      <c r="AL738" s="53">
        <v>5305058.3161778497</v>
      </c>
      <c r="AM738" s="53">
        <v>827257.13657677802</v>
      </c>
      <c r="AN738" s="53">
        <v>38451378.900222003</v>
      </c>
      <c r="AO738" s="53">
        <v>1884926.8388785</v>
      </c>
      <c r="AP738" s="53">
        <v>5527768.6103877705</v>
      </c>
      <c r="AQ738" s="53">
        <v>4957806.2840496497</v>
      </c>
      <c r="AR738" s="53">
        <v>3859793.2789729601</v>
      </c>
      <c r="AS738" s="53">
        <v>2975180.7775071599</v>
      </c>
      <c r="AT738" s="53">
        <v>2718080.7901169099</v>
      </c>
      <c r="AU738" s="53">
        <v>2706342.0144746099</v>
      </c>
      <c r="AV738" s="53">
        <v>-194742.72752320001</v>
      </c>
      <c r="AW738" s="53">
        <v>2993238.59111861</v>
      </c>
      <c r="AX738" s="53">
        <v>3755864.5949141802</v>
      </c>
      <c r="AY738" s="53">
        <v>4777030.6277568499</v>
      </c>
      <c r="AZ738" s="53">
        <v>6878600.8519843603</v>
      </c>
      <c r="BA738" s="53">
        <v>42839890.532638401</v>
      </c>
    </row>
    <row r="739" spans="1:53">
      <c r="A739" s="52" t="s">
        <v>4052</v>
      </c>
      <c r="B739" s="53">
        <v>0</v>
      </c>
      <c r="C739" s="53">
        <v>0</v>
      </c>
      <c r="D739" s="53">
        <v>0</v>
      </c>
      <c r="E739" s="53">
        <v>0</v>
      </c>
      <c r="F739" s="53">
        <v>0</v>
      </c>
      <c r="G739" s="53">
        <v>0</v>
      </c>
      <c r="H739" s="53">
        <v>0</v>
      </c>
      <c r="I739" s="53">
        <v>0</v>
      </c>
      <c r="J739" s="53">
        <v>0</v>
      </c>
      <c r="K739" s="53">
        <v>0</v>
      </c>
      <c r="L739" s="53">
        <v>0</v>
      </c>
      <c r="M739" s="53">
        <v>0</v>
      </c>
      <c r="N739" s="53">
        <v>0</v>
      </c>
      <c r="O739" s="53">
        <v>0</v>
      </c>
      <c r="P739" s="53">
        <v>0</v>
      </c>
      <c r="Q739" s="53">
        <v>0</v>
      </c>
      <c r="R739" s="53">
        <v>0</v>
      </c>
      <c r="S739" s="53">
        <v>0</v>
      </c>
      <c r="T739" s="53">
        <v>0</v>
      </c>
      <c r="U739" s="53">
        <v>0</v>
      </c>
      <c r="V739" s="53">
        <v>0</v>
      </c>
      <c r="W739" s="53">
        <v>0</v>
      </c>
      <c r="X739" s="53">
        <v>0</v>
      </c>
      <c r="Y739" s="53">
        <v>0</v>
      </c>
      <c r="Z739" s="53">
        <v>0</v>
      </c>
      <c r="AA739" s="53">
        <v>0</v>
      </c>
      <c r="AB739" s="53">
        <v>0</v>
      </c>
      <c r="AC739" s="53">
        <v>0</v>
      </c>
      <c r="AD739" s="53">
        <v>0</v>
      </c>
      <c r="AE739" s="53">
        <v>0</v>
      </c>
      <c r="AF739" s="53">
        <v>0</v>
      </c>
      <c r="AG739" s="53">
        <v>0</v>
      </c>
      <c r="AH739" s="53">
        <v>0</v>
      </c>
      <c r="AI739" s="53">
        <v>0</v>
      </c>
      <c r="AJ739" s="53">
        <v>0</v>
      </c>
      <c r="AK739" s="53">
        <v>0</v>
      </c>
      <c r="AL739" s="53">
        <v>0</v>
      </c>
      <c r="AM739" s="53">
        <v>0</v>
      </c>
      <c r="AN739" s="53">
        <v>0</v>
      </c>
      <c r="AO739" s="53">
        <v>0</v>
      </c>
      <c r="AP739" s="53">
        <v>0</v>
      </c>
      <c r="AQ739" s="53">
        <v>0</v>
      </c>
      <c r="AR739" s="53">
        <v>0</v>
      </c>
      <c r="AS739" s="53">
        <v>0</v>
      </c>
      <c r="AT739" s="53">
        <v>0</v>
      </c>
      <c r="AU739" s="53">
        <v>0</v>
      </c>
      <c r="AV739" s="53">
        <v>0</v>
      </c>
      <c r="AW739" s="53">
        <v>0</v>
      </c>
      <c r="AX739" s="53">
        <v>0</v>
      </c>
      <c r="AY739" s="53">
        <v>0</v>
      </c>
      <c r="AZ739" s="53">
        <v>0</v>
      </c>
      <c r="BA739" s="53">
        <v>0</v>
      </c>
    </row>
    <row r="740" spans="1:53">
      <c r="A740" s="52" t="s">
        <v>4053</v>
      </c>
      <c r="B740" s="53">
        <v>0</v>
      </c>
      <c r="C740" s="53">
        <v>0</v>
      </c>
      <c r="D740" s="53">
        <v>0</v>
      </c>
      <c r="E740" s="53">
        <v>0</v>
      </c>
      <c r="F740" s="53">
        <v>0</v>
      </c>
      <c r="G740" s="53">
        <v>0</v>
      </c>
      <c r="H740" s="53">
        <v>0</v>
      </c>
      <c r="I740" s="53">
        <v>0</v>
      </c>
      <c r="J740" s="53">
        <v>0</v>
      </c>
      <c r="K740" s="53">
        <v>0</v>
      </c>
      <c r="L740" s="53">
        <v>0</v>
      </c>
      <c r="M740" s="53">
        <v>0</v>
      </c>
      <c r="N740" s="53">
        <v>0</v>
      </c>
      <c r="O740" s="53">
        <v>0</v>
      </c>
      <c r="P740" s="53">
        <v>0</v>
      </c>
      <c r="Q740" s="53">
        <v>0</v>
      </c>
      <c r="R740" s="53">
        <v>0</v>
      </c>
      <c r="S740" s="53">
        <v>0</v>
      </c>
      <c r="T740" s="53">
        <v>0</v>
      </c>
      <c r="U740" s="53">
        <v>0</v>
      </c>
      <c r="V740" s="53">
        <v>0</v>
      </c>
      <c r="W740" s="53">
        <v>0</v>
      </c>
      <c r="X740" s="53">
        <v>0</v>
      </c>
      <c r="Y740" s="53">
        <v>0</v>
      </c>
      <c r="Z740" s="53">
        <v>0</v>
      </c>
      <c r="AA740" s="53">
        <v>0</v>
      </c>
      <c r="AB740" s="53">
        <v>0</v>
      </c>
      <c r="AC740" s="53">
        <v>0</v>
      </c>
      <c r="AD740" s="53">
        <v>0</v>
      </c>
      <c r="AE740" s="53">
        <v>0</v>
      </c>
      <c r="AF740" s="53">
        <v>0</v>
      </c>
      <c r="AG740" s="53">
        <v>0</v>
      </c>
      <c r="AH740" s="53">
        <v>0</v>
      </c>
      <c r="AI740" s="53">
        <v>0</v>
      </c>
      <c r="AJ740" s="53">
        <v>0</v>
      </c>
      <c r="AK740" s="53">
        <v>0</v>
      </c>
      <c r="AL740" s="53">
        <v>0</v>
      </c>
      <c r="AM740" s="53">
        <v>0</v>
      </c>
      <c r="AN740" s="53">
        <v>0</v>
      </c>
      <c r="AO740" s="53">
        <v>0</v>
      </c>
      <c r="AP740" s="53">
        <v>0</v>
      </c>
      <c r="AQ740" s="53">
        <v>0</v>
      </c>
      <c r="AR740" s="53">
        <v>0</v>
      </c>
      <c r="AS740" s="53">
        <v>0</v>
      </c>
      <c r="AT740" s="53">
        <v>0</v>
      </c>
      <c r="AU740" s="53">
        <v>0</v>
      </c>
      <c r="AV740" s="53">
        <v>0</v>
      </c>
      <c r="AW740" s="53">
        <v>0</v>
      </c>
      <c r="AX740" s="53">
        <v>0</v>
      </c>
      <c r="AY740" s="53">
        <v>0</v>
      </c>
      <c r="AZ740" s="53">
        <v>0</v>
      </c>
      <c r="BA740" s="53">
        <v>0</v>
      </c>
    </row>
    <row r="741" spans="1:53">
      <c r="A741" s="52" t="s">
        <v>4054</v>
      </c>
      <c r="B741" s="53">
        <v>0</v>
      </c>
      <c r="C741" s="53">
        <v>0</v>
      </c>
      <c r="D741" s="53">
        <v>0</v>
      </c>
      <c r="E741" s="53">
        <v>0</v>
      </c>
      <c r="F741" s="53">
        <v>0</v>
      </c>
      <c r="G741" s="53">
        <v>0</v>
      </c>
      <c r="H741" s="53">
        <v>0</v>
      </c>
      <c r="I741" s="53">
        <v>0</v>
      </c>
      <c r="J741" s="53">
        <v>0</v>
      </c>
      <c r="K741" s="53">
        <v>0</v>
      </c>
      <c r="L741" s="53">
        <v>0</v>
      </c>
      <c r="M741" s="53">
        <v>0</v>
      </c>
      <c r="N741" s="53">
        <v>0</v>
      </c>
      <c r="O741" s="53">
        <v>0</v>
      </c>
      <c r="P741" s="53">
        <v>0</v>
      </c>
      <c r="Q741" s="53">
        <v>0</v>
      </c>
      <c r="R741" s="53">
        <v>0</v>
      </c>
      <c r="S741" s="53">
        <v>0</v>
      </c>
      <c r="T741" s="53">
        <v>0</v>
      </c>
      <c r="U741" s="53">
        <v>0</v>
      </c>
      <c r="V741" s="53">
        <v>0</v>
      </c>
      <c r="W741" s="53">
        <v>0</v>
      </c>
      <c r="X741" s="53">
        <v>0</v>
      </c>
      <c r="Y741" s="53">
        <v>0</v>
      </c>
      <c r="Z741" s="53">
        <v>0</v>
      </c>
      <c r="AA741" s="53">
        <v>0</v>
      </c>
      <c r="AB741" s="53">
        <v>0</v>
      </c>
      <c r="AC741" s="53">
        <v>0</v>
      </c>
      <c r="AD741" s="53">
        <v>0</v>
      </c>
      <c r="AE741" s="53">
        <v>0</v>
      </c>
      <c r="AF741" s="53">
        <v>0</v>
      </c>
      <c r="AG741" s="53">
        <v>0</v>
      </c>
      <c r="AH741" s="53">
        <v>0</v>
      </c>
      <c r="AI741" s="53">
        <v>0</v>
      </c>
      <c r="AJ741" s="53">
        <v>0</v>
      </c>
      <c r="AK741" s="53">
        <v>0</v>
      </c>
      <c r="AL741" s="53">
        <v>0</v>
      </c>
      <c r="AM741" s="53">
        <v>0</v>
      </c>
      <c r="AN741" s="53">
        <v>0</v>
      </c>
      <c r="AO741" s="53">
        <v>0</v>
      </c>
      <c r="AP741" s="53">
        <v>0</v>
      </c>
      <c r="AQ741" s="53">
        <v>0</v>
      </c>
      <c r="AR741" s="53">
        <v>0</v>
      </c>
      <c r="AS741" s="53">
        <v>0</v>
      </c>
      <c r="AT741" s="53">
        <v>0</v>
      </c>
      <c r="AU741" s="53">
        <v>0</v>
      </c>
      <c r="AV741" s="53">
        <v>0</v>
      </c>
      <c r="AW741" s="53">
        <v>0</v>
      </c>
      <c r="AX741" s="53">
        <v>0</v>
      </c>
      <c r="AY741" s="53">
        <v>0</v>
      </c>
      <c r="AZ741" s="53">
        <v>0</v>
      </c>
      <c r="BA741" s="53">
        <v>0</v>
      </c>
    </row>
    <row r="742" spans="1:53">
      <c r="A742" s="52" t="s">
        <v>4055</v>
      </c>
      <c r="B742" s="53">
        <v>0</v>
      </c>
      <c r="C742" s="53">
        <v>0</v>
      </c>
      <c r="D742" s="53">
        <v>0</v>
      </c>
      <c r="E742" s="53">
        <v>0</v>
      </c>
      <c r="F742" s="53">
        <v>0</v>
      </c>
      <c r="G742" s="53">
        <v>0</v>
      </c>
      <c r="H742" s="53">
        <v>0</v>
      </c>
      <c r="I742" s="53">
        <v>0</v>
      </c>
      <c r="J742" s="53">
        <v>0</v>
      </c>
      <c r="K742" s="53">
        <v>0</v>
      </c>
      <c r="L742" s="53">
        <v>0</v>
      </c>
      <c r="M742" s="53">
        <v>0</v>
      </c>
      <c r="N742" s="53">
        <v>0</v>
      </c>
      <c r="O742" s="53">
        <v>0</v>
      </c>
      <c r="P742" s="53">
        <v>0</v>
      </c>
      <c r="Q742" s="53">
        <v>0</v>
      </c>
      <c r="R742" s="53">
        <v>0</v>
      </c>
      <c r="S742" s="53">
        <v>0</v>
      </c>
      <c r="T742" s="53">
        <v>0</v>
      </c>
      <c r="U742" s="53">
        <v>0</v>
      </c>
      <c r="V742" s="53">
        <v>0</v>
      </c>
      <c r="W742" s="53">
        <v>0</v>
      </c>
      <c r="X742" s="53">
        <v>0</v>
      </c>
      <c r="Y742" s="53">
        <v>0</v>
      </c>
      <c r="Z742" s="53">
        <v>0</v>
      </c>
      <c r="AA742" s="53">
        <v>0</v>
      </c>
      <c r="AB742" s="53">
        <v>0</v>
      </c>
      <c r="AC742" s="53">
        <v>0</v>
      </c>
      <c r="AD742" s="53">
        <v>0</v>
      </c>
      <c r="AE742" s="53">
        <v>0</v>
      </c>
      <c r="AF742" s="53">
        <v>0</v>
      </c>
      <c r="AG742" s="53">
        <v>0</v>
      </c>
      <c r="AH742" s="53">
        <v>0</v>
      </c>
      <c r="AI742" s="53">
        <v>0</v>
      </c>
      <c r="AJ742" s="53">
        <v>0</v>
      </c>
      <c r="AK742" s="53">
        <v>0</v>
      </c>
      <c r="AL742" s="53">
        <v>0</v>
      </c>
      <c r="AM742" s="53">
        <v>0</v>
      </c>
      <c r="AN742" s="53">
        <v>0</v>
      </c>
      <c r="AO742" s="53">
        <v>0</v>
      </c>
      <c r="AP742" s="53">
        <v>0</v>
      </c>
      <c r="AQ742" s="53">
        <v>0</v>
      </c>
      <c r="AR742" s="53">
        <v>0</v>
      </c>
      <c r="AS742" s="53">
        <v>0</v>
      </c>
      <c r="AT742" s="53">
        <v>0</v>
      </c>
      <c r="AU742" s="53">
        <v>0</v>
      </c>
      <c r="AV742" s="53">
        <v>0</v>
      </c>
      <c r="AW742" s="53">
        <v>0</v>
      </c>
      <c r="AX742" s="53">
        <v>0</v>
      </c>
      <c r="AY742" s="53">
        <v>0</v>
      </c>
      <c r="AZ742" s="53">
        <v>0</v>
      </c>
      <c r="BA742" s="53">
        <v>0</v>
      </c>
    </row>
    <row r="743" spans="1:53">
      <c r="A743" s="52" t="s">
        <v>4056</v>
      </c>
      <c r="B743" s="53">
        <v>0</v>
      </c>
      <c r="C743" s="53">
        <v>0</v>
      </c>
      <c r="D743" s="53">
        <v>0</v>
      </c>
      <c r="E743" s="53">
        <v>0</v>
      </c>
      <c r="F743" s="53">
        <v>0</v>
      </c>
      <c r="G743" s="53">
        <v>0</v>
      </c>
      <c r="H743" s="53">
        <v>0</v>
      </c>
      <c r="I743" s="53">
        <v>0</v>
      </c>
      <c r="J743" s="53">
        <v>0</v>
      </c>
      <c r="K743" s="53">
        <v>0</v>
      </c>
      <c r="L743" s="53">
        <v>0</v>
      </c>
      <c r="M743" s="53">
        <v>0</v>
      </c>
      <c r="N743" s="53">
        <v>0</v>
      </c>
      <c r="O743" s="53">
        <v>0</v>
      </c>
      <c r="P743" s="53">
        <v>0</v>
      </c>
      <c r="Q743" s="53">
        <v>0</v>
      </c>
      <c r="R743" s="53">
        <v>0</v>
      </c>
      <c r="S743" s="53">
        <v>0</v>
      </c>
      <c r="T743" s="53">
        <v>0</v>
      </c>
      <c r="U743" s="53">
        <v>0</v>
      </c>
      <c r="V743" s="53">
        <v>0</v>
      </c>
      <c r="W743" s="53">
        <v>0</v>
      </c>
      <c r="X743" s="53">
        <v>0</v>
      </c>
      <c r="Y743" s="53">
        <v>0</v>
      </c>
      <c r="Z743" s="53">
        <v>0</v>
      </c>
      <c r="AA743" s="53">
        <v>0</v>
      </c>
      <c r="AB743" s="53">
        <v>0</v>
      </c>
      <c r="AC743" s="53">
        <v>0</v>
      </c>
      <c r="AD743" s="53">
        <v>0</v>
      </c>
      <c r="AE743" s="53">
        <v>0</v>
      </c>
      <c r="AF743" s="53">
        <v>0</v>
      </c>
      <c r="AG743" s="53">
        <v>0</v>
      </c>
      <c r="AH743" s="53">
        <v>0</v>
      </c>
      <c r="AI743" s="53">
        <v>0</v>
      </c>
      <c r="AJ743" s="53">
        <v>0</v>
      </c>
      <c r="AK743" s="53">
        <v>0</v>
      </c>
      <c r="AL743" s="53">
        <v>0</v>
      </c>
      <c r="AM743" s="53">
        <v>0</v>
      </c>
      <c r="AN743" s="53">
        <v>0</v>
      </c>
      <c r="AO743" s="53">
        <v>0</v>
      </c>
      <c r="AP743" s="53">
        <v>0</v>
      </c>
      <c r="AQ743" s="53">
        <v>0</v>
      </c>
      <c r="AR743" s="53">
        <v>0</v>
      </c>
      <c r="AS743" s="53">
        <v>0</v>
      </c>
      <c r="AT743" s="53">
        <v>0</v>
      </c>
      <c r="AU743" s="53">
        <v>0</v>
      </c>
      <c r="AV743" s="53">
        <v>0</v>
      </c>
      <c r="AW743" s="53">
        <v>0</v>
      </c>
      <c r="AX743" s="53">
        <v>0</v>
      </c>
      <c r="AY743" s="53">
        <v>0</v>
      </c>
      <c r="AZ743" s="53">
        <v>0</v>
      </c>
      <c r="BA743" s="53">
        <v>0</v>
      </c>
    </row>
    <row r="744" spans="1:53">
      <c r="A744" s="52" t="s">
        <v>4057</v>
      </c>
      <c r="B744" s="53">
        <v>0</v>
      </c>
      <c r="C744" s="53">
        <v>0</v>
      </c>
      <c r="D744" s="53">
        <v>0</v>
      </c>
      <c r="E744" s="53">
        <v>0</v>
      </c>
      <c r="F744" s="53">
        <v>0</v>
      </c>
      <c r="G744" s="53">
        <v>0</v>
      </c>
      <c r="H744" s="53">
        <v>0</v>
      </c>
      <c r="I744" s="53">
        <v>0</v>
      </c>
      <c r="J744" s="53">
        <v>0</v>
      </c>
      <c r="K744" s="53">
        <v>0</v>
      </c>
      <c r="L744" s="53">
        <v>0</v>
      </c>
      <c r="M744" s="53">
        <v>0</v>
      </c>
      <c r="N744" s="53">
        <v>0</v>
      </c>
      <c r="O744" s="53">
        <v>0</v>
      </c>
      <c r="P744" s="53">
        <v>0</v>
      </c>
      <c r="Q744" s="53">
        <v>0</v>
      </c>
      <c r="R744" s="53">
        <v>0</v>
      </c>
      <c r="S744" s="53">
        <v>0</v>
      </c>
      <c r="T744" s="53">
        <v>0</v>
      </c>
      <c r="U744" s="53">
        <v>0</v>
      </c>
      <c r="V744" s="53">
        <v>0</v>
      </c>
      <c r="W744" s="53">
        <v>0</v>
      </c>
      <c r="X744" s="53">
        <v>0</v>
      </c>
      <c r="Y744" s="53">
        <v>0</v>
      </c>
      <c r="Z744" s="53">
        <v>0</v>
      </c>
      <c r="AA744" s="53">
        <v>0</v>
      </c>
      <c r="AB744" s="53">
        <v>0</v>
      </c>
      <c r="AC744" s="53">
        <v>0</v>
      </c>
      <c r="AD744" s="53">
        <v>0</v>
      </c>
      <c r="AE744" s="53">
        <v>0</v>
      </c>
      <c r="AF744" s="53">
        <v>0</v>
      </c>
      <c r="AG744" s="53">
        <v>0</v>
      </c>
      <c r="AH744" s="53">
        <v>0</v>
      </c>
      <c r="AI744" s="53">
        <v>0</v>
      </c>
      <c r="AJ744" s="53">
        <v>0</v>
      </c>
      <c r="AK744" s="53">
        <v>0</v>
      </c>
      <c r="AL744" s="53">
        <v>0</v>
      </c>
      <c r="AM744" s="53">
        <v>0</v>
      </c>
      <c r="AN744" s="53">
        <v>0</v>
      </c>
      <c r="AO744" s="53">
        <v>0</v>
      </c>
      <c r="AP744" s="53">
        <v>0</v>
      </c>
      <c r="AQ744" s="53">
        <v>0</v>
      </c>
      <c r="AR744" s="53">
        <v>0</v>
      </c>
      <c r="AS744" s="53">
        <v>0</v>
      </c>
      <c r="AT744" s="53">
        <v>0</v>
      </c>
      <c r="AU744" s="53">
        <v>0</v>
      </c>
      <c r="AV744" s="53">
        <v>0</v>
      </c>
      <c r="AW744" s="53">
        <v>0</v>
      </c>
      <c r="AX744" s="53">
        <v>0</v>
      </c>
      <c r="AY744" s="53">
        <v>0</v>
      </c>
      <c r="AZ744" s="53">
        <v>0</v>
      </c>
      <c r="BA744" s="53">
        <v>0</v>
      </c>
    </row>
    <row r="745" spans="1:53">
      <c r="A745" s="52" t="s">
        <v>4058</v>
      </c>
      <c r="B745" s="53">
        <v>0</v>
      </c>
      <c r="C745" s="53">
        <v>0</v>
      </c>
      <c r="D745" s="53">
        <v>0</v>
      </c>
      <c r="E745" s="53">
        <v>0</v>
      </c>
      <c r="F745" s="53">
        <v>0</v>
      </c>
      <c r="G745" s="53">
        <v>0</v>
      </c>
      <c r="H745" s="53">
        <v>0</v>
      </c>
      <c r="I745" s="53">
        <v>0</v>
      </c>
      <c r="J745" s="53">
        <v>0</v>
      </c>
      <c r="K745" s="53">
        <v>0</v>
      </c>
      <c r="L745" s="53">
        <v>0</v>
      </c>
      <c r="M745" s="53">
        <v>0</v>
      </c>
      <c r="N745" s="53">
        <v>0</v>
      </c>
      <c r="O745" s="53">
        <v>0</v>
      </c>
      <c r="P745" s="53">
        <v>0</v>
      </c>
      <c r="Q745" s="53">
        <v>0</v>
      </c>
      <c r="R745" s="53">
        <v>0</v>
      </c>
      <c r="S745" s="53">
        <v>0</v>
      </c>
      <c r="T745" s="53">
        <v>0</v>
      </c>
      <c r="U745" s="53">
        <v>0</v>
      </c>
      <c r="V745" s="53">
        <v>0</v>
      </c>
      <c r="W745" s="53">
        <v>0</v>
      </c>
      <c r="X745" s="53">
        <v>0</v>
      </c>
      <c r="Y745" s="53">
        <v>0</v>
      </c>
      <c r="Z745" s="53">
        <v>0</v>
      </c>
      <c r="AA745" s="53">
        <v>0</v>
      </c>
      <c r="AB745" s="53">
        <v>0</v>
      </c>
      <c r="AC745" s="53">
        <v>0</v>
      </c>
      <c r="AD745" s="53">
        <v>0</v>
      </c>
      <c r="AE745" s="53">
        <v>0</v>
      </c>
      <c r="AF745" s="53">
        <v>0</v>
      </c>
      <c r="AG745" s="53">
        <v>0</v>
      </c>
      <c r="AH745" s="53">
        <v>0</v>
      </c>
      <c r="AI745" s="53">
        <v>0</v>
      </c>
      <c r="AJ745" s="53">
        <v>0</v>
      </c>
      <c r="AK745" s="53">
        <v>0</v>
      </c>
      <c r="AL745" s="53">
        <v>0</v>
      </c>
      <c r="AM745" s="53">
        <v>0</v>
      </c>
      <c r="AN745" s="53">
        <v>0</v>
      </c>
      <c r="AO745" s="53">
        <v>0</v>
      </c>
      <c r="AP745" s="53">
        <v>0</v>
      </c>
      <c r="AQ745" s="53">
        <v>0</v>
      </c>
      <c r="AR745" s="53">
        <v>0</v>
      </c>
      <c r="AS745" s="53">
        <v>0</v>
      </c>
      <c r="AT745" s="53">
        <v>0</v>
      </c>
      <c r="AU745" s="53">
        <v>0</v>
      </c>
      <c r="AV745" s="53">
        <v>0</v>
      </c>
      <c r="AW745" s="53">
        <v>0</v>
      </c>
      <c r="AX745" s="53">
        <v>0</v>
      </c>
      <c r="AY745" s="53">
        <v>0</v>
      </c>
      <c r="AZ745" s="53">
        <v>0</v>
      </c>
      <c r="BA745" s="53">
        <v>0</v>
      </c>
    </row>
    <row r="746" spans="1:53">
      <c r="A746" s="52" t="s">
        <v>4059</v>
      </c>
      <c r="B746" s="53">
        <v>0</v>
      </c>
      <c r="C746" s="53">
        <v>0</v>
      </c>
      <c r="D746" s="53">
        <v>0</v>
      </c>
      <c r="E746" s="53">
        <v>0</v>
      </c>
      <c r="F746" s="53">
        <v>0</v>
      </c>
      <c r="G746" s="53">
        <v>0</v>
      </c>
      <c r="H746" s="53">
        <v>0</v>
      </c>
      <c r="I746" s="53">
        <v>0</v>
      </c>
      <c r="J746" s="53">
        <v>0</v>
      </c>
      <c r="K746" s="53">
        <v>0</v>
      </c>
      <c r="L746" s="53">
        <v>0</v>
      </c>
      <c r="M746" s="53">
        <v>0</v>
      </c>
      <c r="N746" s="53">
        <v>0</v>
      </c>
      <c r="O746" s="53">
        <v>0</v>
      </c>
      <c r="P746" s="53">
        <v>0</v>
      </c>
      <c r="Q746" s="53">
        <v>0</v>
      </c>
      <c r="R746" s="53">
        <v>0</v>
      </c>
      <c r="S746" s="53">
        <v>0</v>
      </c>
      <c r="T746" s="53">
        <v>0</v>
      </c>
      <c r="U746" s="53">
        <v>0</v>
      </c>
      <c r="V746" s="53">
        <v>0</v>
      </c>
      <c r="W746" s="53">
        <v>0</v>
      </c>
      <c r="X746" s="53">
        <v>0</v>
      </c>
      <c r="Y746" s="53">
        <v>0</v>
      </c>
      <c r="Z746" s="53">
        <v>0</v>
      </c>
      <c r="AA746" s="53">
        <v>0</v>
      </c>
      <c r="AB746" s="53">
        <v>0</v>
      </c>
      <c r="AC746" s="53">
        <v>0</v>
      </c>
      <c r="AD746" s="53">
        <v>0</v>
      </c>
      <c r="AE746" s="53">
        <v>0</v>
      </c>
      <c r="AF746" s="53">
        <v>0</v>
      </c>
      <c r="AG746" s="53">
        <v>0</v>
      </c>
      <c r="AH746" s="53">
        <v>0</v>
      </c>
      <c r="AI746" s="53">
        <v>0</v>
      </c>
      <c r="AJ746" s="53">
        <v>0</v>
      </c>
      <c r="AK746" s="53">
        <v>0</v>
      </c>
      <c r="AL746" s="53">
        <v>0</v>
      </c>
      <c r="AM746" s="53">
        <v>0</v>
      </c>
      <c r="AN746" s="53">
        <v>0</v>
      </c>
      <c r="AO746" s="53">
        <v>0</v>
      </c>
      <c r="AP746" s="53">
        <v>0</v>
      </c>
      <c r="AQ746" s="53">
        <v>0</v>
      </c>
      <c r="AR746" s="53">
        <v>0</v>
      </c>
      <c r="AS746" s="53">
        <v>0</v>
      </c>
      <c r="AT746" s="53">
        <v>0</v>
      </c>
      <c r="AU746" s="53">
        <v>0</v>
      </c>
      <c r="AV746" s="53">
        <v>0</v>
      </c>
      <c r="AW746" s="53">
        <v>0</v>
      </c>
      <c r="AX746" s="53">
        <v>0</v>
      </c>
      <c r="AY746" s="53">
        <v>0</v>
      </c>
      <c r="AZ746" s="53">
        <v>0</v>
      </c>
      <c r="BA746" s="53">
        <v>0</v>
      </c>
    </row>
    <row r="747" spans="1:53">
      <c r="A747" s="52" t="s">
        <v>4060</v>
      </c>
      <c r="B747" s="53">
        <v>0</v>
      </c>
      <c r="C747" s="53">
        <v>0</v>
      </c>
      <c r="D747" s="53">
        <v>0</v>
      </c>
      <c r="E747" s="53">
        <v>0</v>
      </c>
      <c r="F747" s="53">
        <v>0</v>
      </c>
      <c r="G747" s="53">
        <v>0</v>
      </c>
      <c r="H747" s="53">
        <v>0</v>
      </c>
      <c r="I747" s="53">
        <v>0</v>
      </c>
      <c r="J747" s="53">
        <v>0</v>
      </c>
      <c r="K747" s="53">
        <v>0</v>
      </c>
      <c r="L747" s="53">
        <v>0</v>
      </c>
      <c r="M747" s="53">
        <v>0</v>
      </c>
      <c r="N747" s="53">
        <v>0</v>
      </c>
      <c r="O747" s="53">
        <v>0</v>
      </c>
      <c r="P747" s="53">
        <v>0</v>
      </c>
      <c r="Q747" s="53">
        <v>0</v>
      </c>
      <c r="R747" s="53">
        <v>0</v>
      </c>
      <c r="S747" s="53">
        <v>0</v>
      </c>
      <c r="T747" s="53">
        <v>0</v>
      </c>
      <c r="U747" s="53">
        <v>0</v>
      </c>
      <c r="V747" s="53">
        <v>0</v>
      </c>
      <c r="W747" s="53">
        <v>0</v>
      </c>
      <c r="X747" s="53">
        <v>0</v>
      </c>
      <c r="Y747" s="53">
        <v>0</v>
      </c>
      <c r="Z747" s="53">
        <v>0</v>
      </c>
      <c r="AA747" s="53">
        <v>0</v>
      </c>
      <c r="AB747" s="53">
        <v>0</v>
      </c>
      <c r="AC747" s="53">
        <v>0</v>
      </c>
      <c r="AD747" s="53">
        <v>0</v>
      </c>
      <c r="AE747" s="53">
        <v>0</v>
      </c>
      <c r="AF747" s="53">
        <v>0</v>
      </c>
      <c r="AG747" s="53">
        <v>0</v>
      </c>
      <c r="AH747" s="53">
        <v>0</v>
      </c>
      <c r="AI747" s="53">
        <v>0</v>
      </c>
      <c r="AJ747" s="53">
        <v>0</v>
      </c>
      <c r="AK747" s="53">
        <v>0</v>
      </c>
      <c r="AL747" s="53">
        <v>0</v>
      </c>
      <c r="AM747" s="53">
        <v>0</v>
      </c>
      <c r="AN747" s="53">
        <v>0</v>
      </c>
      <c r="AO747" s="53">
        <v>0</v>
      </c>
      <c r="AP747" s="53">
        <v>0</v>
      </c>
      <c r="AQ747" s="53">
        <v>0</v>
      </c>
      <c r="AR747" s="53">
        <v>0</v>
      </c>
      <c r="AS747" s="53">
        <v>0</v>
      </c>
      <c r="AT747" s="53">
        <v>0</v>
      </c>
      <c r="AU747" s="53">
        <v>0</v>
      </c>
      <c r="AV747" s="53">
        <v>0</v>
      </c>
      <c r="AW747" s="53">
        <v>0</v>
      </c>
      <c r="AX747" s="53">
        <v>0</v>
      </c>
      <c r="AY747" s="53">
        <v>0</v>
      </c>
      <c r="AZ747" s="53">
        <v>0</v>
      </c>
      <c r="BA747" s="53">
        <v>0</v>
      </c>
    </row>
    <row r="748" spans="1:53">
      <c r="A748" s="52" t="s">
        <v>4061</v>
      </c>
      <c r="B748" s="53">
        <v>0</v>
      </c>
      <c r="C748" s="53">
        <v>0</v>
      </c>
      <c r="D748" s="53">
        <v>0</v>
      </c>
      <c r="E748" s="53">
        <v>0</v>
      </c>
      <c r="F748" s="53">
        <v>0</v>
      </c>
      <c r="G748" s="53">
        <v>0</v>
      </c>
      <c r="H748" s="53">
        <v>0</v>
      </c>
      <c r="I748" s="53">
        <v>0</v>
      </c>
      <c r="J748" s="53">
        <v>0</v>
      </c>
      <c r="K748" s="53">
        <v>0</v>
      </c>
      <c r="L748" s="53">
        <v>0</v>
      </c>
      <c r="M748" s="53">
        <v>0</v>
      </c>
      <c r="N748" s="53">
        <v>0</v>
      </c>
      <c r="O748" s="53">
        <v>0</v>
      </c>
      <c r="P748" s="53">
        <v>0</v>
      </c>
      <c r="Q748" s="53">
        <v>0</v>
      </c>
      <c r="R748" s="53">
        <v>0</v>
      </c>
      <c r="S748" s="53">
        <v>0</v>
      </c>
      <c r="T748" s="53">
        <v>0</v>
      </c>
      <c r="U748" s="53">
        <v>0</v>
      </c>
      <c r="V748" s="53">
        <v>0</v>
      </c>
      <c r="W748" s="53">
        <v>0</v>
      </c>
      <c r="X748" s="53">
        <v>0</v>
      </c>
      <c r="Y748" s="53">
        <v>0</v>
      </c>
      <c r="Z748" s="53">
        <v>0</v>
      </c>
      <c r="AA748" s="53">
        <v>0</v>
      </c>
      <c r="AB748" s="53">
        <v>0</v>
      </c>
      <c r="AC748" s="53">
        <v>0</v>
      </c>
      <c r="AD748" s="53">
        <v>0</v>
      </c>
      <c r="AE748" s="53">
        <v>0</v>
      </c>
      <c r="AF748" s="53">
        <v>0</v>
      </c>
      <c r="AG748" s="53">
        <v>0</v>
      </c>
      <c r="AH748" s="53">
        <v>0</v>
      </c>
      <c r="AI748" s="53">
        <v>0</v>
      </c>
      <c r="AJ748" s="53">
        <v>0</v>
      </c>
      <c r="AK748" s="53">
        <v>0</v>
      </c>
      <c r="AL748" s="53">
        <v>0</v>
      </c>
      <c r="AM748" s="53">
        <v>0</v>
      </c>
      <c r="AN748" s="53">
        <v>0</v>
      </c>
      <c r="AO748" s="53">
        <v>0</v>
      </c>
      <c r="AP748" s="53">
        <v>0</v>
      </c>
      <c r="AQ748" s="53">
        <v>0</v>
      </c>
      <c r="AR748" s="53">
        <v>0</v>
      </c>
      <c r="AS748" s="53">
        <v>0</v>
      </c>
      <c r="AT748" s="53">
        <v>0</v>
      </c>
      <c r="AU748" s="53">
        <v>0</v>
      </c>
      <c r="AV748" s="53">
        <v>0</v>
      </c>
      <c r="AW748" s="53">
        <v>0</v>
      </c>
      <c r="AX748" s="53">
        <v>0</v>
      </c>
      <c r="AY748" s="53">
        <v>0</v>
      </c>
      <c r="AZ748" s="53">
        <v>0</v>
      </c>
      <c r="BA748" s="53">
        <v>0</v>
      </c>
    </row>
    <row r="749" spans="1:53">
      <c r="A749" s="52" t="s">
        <v>4062</v>
      </c>
      <c r="B749" s="53">
        <v>0</v>
      </c>
      <c r="C749" s="53">
        <v>0</v>
      </c>
      <c r="D749" s="53">
        <v>0</v>
      </c>
      <c r="E749" s="53">
        <v>0</v>
      </c>
      <c r="F749" s="53">
        <v>0</v>
      </c>
      <c r="G749" s="53">
        <v>0</v>
      </c>
      <c r="H749" s="53">
        <v>0</v>
      </c>
      <c r="I749" s="53">
        <v>0</v>
      </c>
      <c r="J749" s="53">
        <v>0</v>
      </c>
      <c r="K749" s="53">
        <v>0</v>
      </c>
      <c r="L749" s="53">
        <v>0</v>
      </c>
      <c r="M749" s="53">
        <v>0</v>
      </c>
      <c r="N749" s="53">
        <v>0</v>
      </c>
      <c r="O749" s="53">
        <v>0</v>
      </c>
      <c r="P749" s="53">
        <v>0</v>
      </c>
      <c r="Q749" s="53">
        <v>0</v>
      </c>
      <c r="R749" s="53">
        <v>0</v>
      </c>
      <c r="S749" s="53">
        <v>0</v>
      </c>
      <c r="T749" s="53">
        <v>0</v>
      </c>
      <c r="U749" s="53">
        <v>0</v>
      </c>
      <c r="V749" s="53">
        <v>0</v>
      </c>
      <c r="W749" s="53">
        <v>0</v>
      </c>
      <c r="X749" s="53">
        <v>0</v>
      </c>
      <c r="Y749" s="53">
        <v>0</v>
      </c>
      <c r="Z749" s="53">
        <v>0</v>
      </c>
      <c r="AA749" s="53">
        <v>0</v>
      </c>
      <c r="AB749" s="53">
        <v>0</v>
      </c>
      <c r="AC749" s="53">
        <v>0</v>
      </c>
      <c r="AD749" s="53">
        <v>0</v>
      </c>
      <c r="AE749" s="53">
        <v>0</v>
      </c>
      <c r="AF749" s="53">
        <v>0</v>
      </c>
      <c r="AG749" s="53">
        <v>0</v>
      </c>
      <c r="AH749" s="53">
        <v>0</v>
      </c>
      <c r="AI749" s="53">
        <v>0</v>
      </c>
      <c r="AJ749" s="53">
        <v>0</v>
      </c>
      <c r="AK749" s="53">
        <v>0</v>
      </c>
      <c r="AL749" s="53">
        <v>0</v>
      </c>
      <c r="AM749" s="53">
        <v>0</v>
      </c>
      <c r="AN749" s="53">
        <v>0</v>
      </c>
      <c r="AO749" s="53">
        <v>0</v>
      </c>
      <c r="AP749" s="53">
        <v>0</v>
      </c>
      <c r="AQ749" s="53">
        <v>0</v>
      </c>
      <c r="AR749" s="53">
        <v>0</v>
      </c>
      <c r="AS749" s="53">
        <v>0</v>
      </c>
      <c r="AT749" s="53">
        <v>0</v>
      </c>
      <c r="AU749" s="53">
        <v>0</v>
      </c>
      <c r="AV749" s="53">
        <v>0</v>
      </c>
      <c r="AW749" s="53">
        <v>0</v>
      </c>
      <c r="AX749" s="53">
        <v>0</v>
      </c>
      <c r="AY749" s="53">
        <v>0</v>
      </c>
      <c r="AZ749" s="53">
        <v>0</v>
      </c>
      <c r="BA749" s="53">
        <v>0</v>
      </c>
    </row>
    <row r="750" spans="1:53">
      <c r="A750" s="52" t="s">
        <v>4063</v>
      </c>
      <c r="B750" s="53">
        <v>0</v>
      </c>
      <c r="C750" s="53">
        <v>0</v>
      </c>
      <c r="D750" s="53">
        <v>0</v>
      </c>
      <c r="E750" s="53">
        <v>0</v>
      </c>
      <c r="F750" s="53">
        <v>0</v>
      </c>
      <c r="G750" s="53">
        <v>0</v>
      </c>
      <c r="H750" s="53">
        <v>0</v>
      </c>
      <c r="I750" s="53">
        <v>0</v>
      </c>
      <c r="J750" s="53">
        <v>0</v>
      </c>
      <c r="K750" s="53">
        <v>0</v>
      </c>
      <c r="L750" s="53">
        <v>0</v>
      </c>
      <c r="M750" s="53">
        <v>0</v>
      </c>
      <c r="N750" s="53">
        <v>0</v>
      </c>
      <c r="O750" s="53">
        <v>0</v>
      </c>
      <c r="P750" s="53">
        <v>0</v>
      </c>
      <c r="Q750" s="53">
        <v>0</v>
      </c>
      <c r="R750" s="53">
        <v>0</v>
      </c>
      <c r="S750" s="53">
        <v>0</v>
      </c>
      <c r="T750" s="53">
        <v>0</v>
      </c>
      <c r="U750" s="53">
        <v>0</v>
      </c>
      <c r="V750" s="53">
        <v>0</v>
      </c>
      <c r="W750" s="53">
        <v>0</v>
      </c>
      <c r="X750" s="53">
        <v>0</v>
      </c>
      <c r="Y750" s="53">
        <v>0</v>
      </c>
      <c r="Z750" s="53">
        <v>0</v>
      </c>
      <c r="AA750" s="53">
        <v>0</v>
      </c>
      <c r="AB750" s="53">
        <v>0</v>
      </c>
      <c r="AC750" s="53">
        <v>0</v>
      </c>
      <c r="AD750" s="53">
        <v>0</v>
      </c>
      <c r="AE750" s="53">
        <v>0</v>
      </c>
      <c r="AF750" s="53">
        <v>0</v>
      </c>
      <c r="AG750" s="53">
        <v>0</v>
      </c>
      <c r="AH750" s="53">
        <v>0</v>
      </c>
      <c r="AI750" s="53">
        <v>0</v>
      </c>
      <c r="AJ750" s="53">
        <v>0</v>
      </c>
      <c r="AK750" s="53">
        <v>0</v>
      </c>
      <c r="AL750" s="53">
        <v>0</v>
      </c>
      <c r="AM750" s="53">
        <v>0</v>
      </c>
      <c r="AN750" s="53">
        <v>0</v>
      </c>
      <c r="AO750" s="53">
        <v>0</v>
      </c>
      <c r="AP750" s="53">
        <v>0</v>
      </c>
      <c r="AQ750" s="53">
        <v>0</v>
      </c>
      <c r="AR750" s="53">
        <v>0</v>
      </c>
      <c r="AS750" s="53">
        <v>0</v>
      </c>
      <c r="AT750" s="53">
        <v>0</v>
      </c>
      <c r="AU750" s="53">
        <v>0</v>
      </c>
      <c r="AV750" s="53">
        <v>0</v>
      </c>
      <c r="AW750" s="53">
        <v>0</v>
      </c>
      <c r="AX750" s="53">
        <v>0</v>
      </c>
      <c r="AY750" s="53">
        <v>0</v>
      </c>
      <c r="AZ750" s="53">
        <v>0</v>
      </c>
      <c r="BA750" s="53">
        <v>0</v>
      </c>
    </row>
    <row r="751" spans="1:53">
      <c r="A751" s="52" t="s">
        <v>4064</v>
      </c>
      <c r="B751" s="53">
        <v>-4601940.0750000002</v>
      </c>
      <c r="C751" s="53">
        <v>-4601940.0750000002</v>
      </c>
      <c r="D751" s="53">
        <v>-4601940.0750000002</v>
      </c>
      <c r="E751" s="53">
        <v>-4601940.0750000002</v>
      </c>
      <c r="F751" s="53">
        <v>-4601940.0750000002</v>
      </c>
      <c r="G751" s="53">
        <v>-4601940.0750000002</v>
      </c>
      <c r="H751" s="53">
        <v>-4601940.0750000002</v>
      </c>
      <c r="I751" s="53">
        <v>-4601940.0750000002</v>
      </c>
      <c r="J751" s="53">
        <v>-4601940.0750000002</v>
      </c>
      <c r="K751" s="53">
        <v>-4601940.0750000002</v>
      </c>
      <c r="L751" s="53">
        <v>-4601940.0750000002</v>
      </c>
      <c r="M751" s="53">
        <v>-4601940.0750000002</v>
      </c>
      <c r="N751" s="53">
        <v>-55223280.899999902</v>
      </c>
      <c r="O751" s="53">
        <v>-5380238.7000000002</v>
      </c>
      <c r="P751" s="53">
        <v>-5380238.7000000002</v>
      </c>
      <c r="Q751" s="53">
        <v>-5380238.7000000002</v>
      </c>
      <c r="R751" s="53">
        <v>-5380238.7000000002</v>
      </c>
      <c r="S751" s="53">
        <v>-5380238.7000000002</v>
      </c>
      <c r="T751" s="53">
        <v>-5380238.7000000002</v>
      </c>
      <c r="U751" s="53">
        <v>-5380238.7000000002</v>
      </c>
      <c r="V751" s="53">
        <v>-5380238.7000000002</v>
      </c>
      <c r="W751" s="53">
        <v>-5380238.7000000002</v>
      </c>
      <c r="X751" s="53">
        <v>-5380238.7000000002</v>
      </c>
      <c r="Y751" s="53">
        <v>-5380238.7000000002</v>
      </c>
      <c r="Z751" s="53">
        <v>-5380238.7000000002</v>
      </c>
      <c r="AA751" s="53">
        <v>-64562864.399999999</v>
      </c>
      <c r="AB751" s="53">
        <v>-7994523.8250000002</v>
      </c>
      <c r="AC751" s="53">
        <v>-7994523.8250000002</v>
      </c>
      <c r="AD751" s="53">
        <v>-7994523.8250000002</v>
      </c>
      <c r="AE751" s="53">
        <v>-7994523.8250000002</v>
      </c>
      <c r="AF751" s="53">
        <v>-7994523.8250000002</v>
      </c>
      <c r="AG751" s="53">
        <v>-7994523.8250000002</v>
      </c>
      <c r="AH751" s="53">
        <v>-7994523.8250000002</v>
      </c>
      <c r="AI751" s="53">
        <v>-7994523.8250000002</v>
      </c>
      <c r="AJ751" s="53">
        <v>-7994523.8250000002</v>
      </c>
      <c r="AK751" s="53">
        <v>-7994523.8250000002</v>
      </c>
      <c r="AL751" s="53">
        <v>-7994523.8250000002</v>
      </c>
      <c r="AM751" s="53">
        <v>-7994523.8250000002</v>
      </c>
      <c r="AN751" s="53">
        <v>-95934285.899999902</v>
      </c>
      <c r="AO751" s="53">
        <v>-9750684.8249999993</v>
      </c>
      <c r="AP751" s="53">
        <v>-9750684.8249999993</v>
      </c>
      <c r="AQ751" s="53">
        <v>-9750684.8249999993</v>
      </c>
      <c r="AR751" s="53">
        <v>-9750684.8249999993</v>
      </c>
      <c r="AS751" s="53">
        <v>-9750684.8249999993</v>
      </c>
      <c r="AT751" s="53">
        <v>-9750684.8249999993</v>
      </c>
      <c r="AU751" s="53">
        <v>-9750684.8249999993</v>
      </c>
      <c r="AV751" s="53">
        <v>-9750684.8249999993</v>
      </c>
      <c r="AW751" s="53">
        <v>-9750684.8249999993</v>
      </c>
      <c r="AX751" s="53">
        <v>-9750684.8249999993</v>
      </c>
      <c r="AY751" s="53">
        <v>-9750684.8249999993</v>
      </c>
      <c r="AZ751" s="53">
        <v>-9750684.8249999993</v>
      </c>
      <c r="BA751" s="53">
        <v>-117008217.90000001</v>
      </c>
    </row>
    <row r="752" spans="1:53">
      <c r="A752" s="52" t="s">
        <v>4065</v>
      </c>
      <c r="B752" s="53">
        <v>0</v>
      </c>
      <c r="C752" s="53">
        <v>0</v>
      </c>
      <c r="D752" s="53">
        <v>0</v>
      </c>
      <c r="E752" s="53">
        <v>0</v>
      </c>
      <c r="F752" s="53">
        <v>0</v>
      </c>
      <c r="G752" s="53">
        <v>0</v>
      </c>
      <c r="H752" s="53">
        <v>0</v>
      </c>
      <c r="I752" s="53">
        <v>0</v>
      </c>
      <c r="J752" s="53">
        <v>0</v>
      </c>
      <c r="K752" s="53">
        <v>0</v>
      </c>
      <c r="L752" s="53">
        <v>0</v>
      </c>
      <c r="M752" s="53">
        <v>0</v>
      </c>
      <c r="N752" s="53">
        <v>0</v>
      </c>
      <c r="O752" s="53">
        <v>0</v>
      </c>
      <c r="P752" s="53">
        <v>0</v>
      </c>
      <c r="Q752" s="53">
        <v>0</v>
      </c>
      <c r="R752" s="53">
        <v>0</v>
      </c>
      <c r="S752" s="53">
        <v>0</v>
      </c>
      <c r="T752" s="53">
        <v>0</v>
      </c>
      <c r="U752" s="53">
        <v>0</v>
      </c>
      <c r="V752" s="53">
        <v>0</v>
      </c>
      <c r="W752" s="53">
        <v>0</v>
      </c>
      <c r="X752" s="53">
        <v>0</v>
      </c>
      <c r="Y752" s="53">
        <v>0</v>
      </c>
      <c r="Z752" s="53">
        <v>0</v>
      </c>
      <c r="AA752" s="53">
        <v>0</v>
      </c>
      <c r="AB752" s="53">
        <v>0</v>
      </c>
      <c r="AC752" s="53">
        <v>0</v>
      </c>
      <c r="AD752" s="53">
        <v>0</v>
      </c>
      <c r="AE752" s="53">
        <v>0</v>
      </c>
      <c r="AF752" s="53">
        <v>0</v>
      </c>
      <c r="AG752" s="53">
        <v>0</v>
      </c>
      <c r="AH752" s="53">
        <v>0</v>
      </c>
      <c r="AI752" s="53">
        <v>0</v>
      </c>
      <c r="AJ752" s="53">
        <v>0</v>
      </c>
      <c r="AK752" s="53">
        <v>0</v>
      </c>
      <c r="AL752" s="53">
        <v>0</v>
      </c>
      <c r="AM752" s="53">
        <v>0</v>
      </c>
      <c r="AN752" s="53">
        <v>0</v>
      </c>
      <c r="AO752" s="53">
        <v>0</v>
      </c>
      <c r="AP752" s="53">
        <v>0</v>
      </c>
      <c r="AQ752" s="53">
        <v>0</v>
      </c>
      <c r="AR752" s="53">
        <v>0</v>
      </c>
      <c r="AS752" s="53">
        <v>0</v>
      </c>
      <c r="AT752" s="53">
        <v>0</v>
      </c>
      <c r="AU752" s="53">
        <v>0</v>
      </c>
      <c r="AV752" s="53">
        <v>0</v>
      </c>
      <c r="AW752" s="53">
        <v>0</v>
      </c>
      <c r="AX752" s="53">
        <v>0</v>
      </c>
      <c r="AY752" s="53">
        <v>0</v>
      </c>
      <c r="AZ752" s="53">
        <v>0</v>
      </c>
      <c r="BA752" s="53">
        <v>0</v>
      </c>
    </row>
    <row r="753" spans="1:53">
      <c r="A753" s="52" t="s">
        <v>4066</v>
      </c>
      <c r="B753" s="53">
        <v>-1758987.74999999</v>
      </c>
      <c r="C753" s="53">
        <v>-1758987.74999999</v>
      </c>
      <c r="D753" s="53">
        <v>-1758987.74999999</v>
      </c>
      <c r="E753" s="53">
        <v>-1758987.74999999</v>
      </c>
      <c r="F753" s="53">
        <v>-1758987.74999999</v>
      </c>
      <c r="G753" s="53">
        <v>-1758987.74999999</v>
      </c>
      <c r="H753" s="53">
        <v>-1758987.74999999</v>
      </c>
      <c r="I753" s="53">
        <v>-1758987.74999999</v>
      </c>
      <c r="J753" s="53">
        <v>-1758987.74999999</v>
      </c>
      <c r="K753" s="53">
        <v>-1758987.74999999</v>
      </c>
      <c r="L753" s="53">
        <v>-1758987.74999999</v>
      </c>
      <c r="M753" s="53">
        <v>-1758987.74999999</v>
      </c>
      <c r="N753" s="53">
        <v>-21107853</v>
      </c>
      <c r="O753" s="53">
        <v>-1792607.99999999</v>
      </c>
      <c r="P753" s="53">
        <v>-1792607.99999999</v>
      </c>
      <c r="Q753" s="53">
        <v>-1792607.99999999</v>
      </c>
      <c r="R753" s="53">
        <v>-1792607.99999999</v>
      </c>
      <c r="S753" s="53">
        <v>-1792607.99999999</v>
      </c>
      <c r="T753" s="53">
        <v>-1792607.99999999</v>
      </c>
      <c r="U753" s="53">
        <v>-1792607.99999999</v>
      </c>
      <c r="V753" s="53">
        <v>-1792607.99999999</v>
      </c>
      <c r="W753" s="53">
        <v>-1792607.99999999</v>
      </c>
      <c r="X753" s="53">
        <v>-1792607.99999999</v>
      </c>
      <c r="Y753" s="53">
        <v>-1792607.99999999</v>
      </c>
      <c r="Z753" s="53">
        <v>-1792607.99999999</v>
      </c>
      <c r="AA753" s="53">
        <v>-21511296</v>
      </c>
      <c r="AB753" s="53">
        <v>-1874453.91666666</v>
      </c>
      <c r="AC753" s="53">
        <v>-1874453.91666666</v>
      </c>
      <c r="AD753" s="53">
        <v>-1874453.91666666</v>
      </c>
      <c r="AE753" s="53">
        <v>-1874453.91666666</v>
      </c>
      <c r="AF753" s="53">
        <v>-1874453.91666666</v>
      </c>
      <c r="AG753" s="53">
        <v>-1874453.91666666</v>
      </c>
      <c r="AH753" s="53">
        <v>-1874453.91666666</v>
      </c>
      <c r="AI753" s="53">
        <v>-1874453.91666666</v>
      </c>
      <c r="AJ753" s="53">
        <v>-1874453.91666666</v>
      </c>
      <c r="AK753" s="53">
        <v>-1874453.91666666</v>
      </c>
      <c r="AL753" s="53">
        <v>-1874453.91666666</v>
      </c>
      <c r="AM753" s="53">
        <v>-1874453.91666666</v>
      </c>
      <c r="AN753" s="53">
        <v>-22493446.999999899</v>
      </c>
      <c r="AO753" s="53">
        <v>-1905986.91666666</v>
      </c>
      <c r="AP753" s="53">
        <v>-1905986.91666666</v>
      </c>
      <c r="AQ753" s="53">
        <v>-1905986.91666666</v>
      </c>
      <c r="AR753" s="53">
        <v>-1905986.91666666</v>
      </c>
      <c r="AS753" s="53">
        <v>-1905986.91666666</v>
      </c>
      <c r="AT753" s="53">
        <v>-1905986.91666666</v>
      </c>
      <c r="AU753" s="53">
        <v>-1905986.91666666</v>
      </c>
      <c r="AV753" s="53">
        <v>-1905986.91666666</v>
      </c>
      <c r="AW753" s="53">
        <v>-1905986.91666666</v>
      </c>
      <c r="AX753" s="53">
        <v>-1905986.91666666</v>
      </c>
      <c r="AY753" s="53">
        <v>-1905986.91666666</v>
      </c>
      <c r="AZ753" s="53">
        <v>-1905986.91666666</v>
      </c>
      <c r="BA753" s="53">
        <v>-22871843</v>
      </c>
    </row>
    <row r="754" spans="1:53">
      <c r="A754" s="52" t="s">
        <v>4067</v>
      </c>
      <c r="B754" s="53">
        <v>-241596.58333333299</v>
      </c>
      <c r="C754" s="53">
        <v>-241596.58333333299</v>
      </c>
      <c r="D754" s="53">
        <v>-241596.58333333299</v>
      </c>
      <c r="E754" s="53">
        <v>-241596.58333333299</v>
      </c>
      <c r="F754" s="53">
        <v>-241596.58333333299</v>
      </c>
      <c r="G754" s="53">
        <v>-241596.58333333299</v>
      </c>
      <c r="H754" s="53">
        <v>-241596.58333333299</v>
      </c>
      <c r="I754" s="53">
        <v>-241596.58333333299</v>
      </c>
      <c r="J754" s="53">
        <v>-241596.58333333299</v>
      </c>
      <c r="K754" s="53">
        <v>-241596.58333333299</v>
      </c>
      <c r="L754" s="53">
        <v>-241596.58333333299</v>
      </c>
      <c r="M754" s="53">
        <v>-241596.58333333299</v>
      </c>
      <c r="N754" s="53">
        <v>-2899159</v>
      </c>
      <c r="O754" s="53">
        <v>-142070.58333333299</v>
      </c>
      <c r="P754" s="53">
        <v>-142070.58333333299</v>
      </c>
      <c r="Q754" s="53">
        <v>-142070.58333333299</v>
      </c>
      <c r="R754" s="53">
        <v>-142070.58333333299</v>
      </c>
      <c r="S754" s="53">
        <v>-142070.58333333299</v>
      </c>
      <c r="T754" s="53">
        <v>-142070.58333333299</v>
      </c>
      <c r="U754" s="53">
        <v>-142070.58333333299</v>
      </c>
      <c r="V754" s="53">
        <v>-142070.58333333299</v>
      </c>
      <c r="W754" s="53">
        <v>-142070.58333333299</v>
      </c>
      <c r="X754" s="53">
        <v>-142070.58333333299</v>
      </c>
      <c r="Y754" s="53">
        <v>-142070.58333333299</v>
      </c>
      <c r="Z754" s="53">
        <v>-142070.58333333299</v>
      </c>
      <c r="AA754" s="53">
        <v>-1704847</v>
      </c>
      <c r="AB754" s="53">
        <v>-72626.083333333299</v>
      </c>
      <c r="AC754" s="53">
        <v>-72626.083333333299</v>
      </c>
      <c r="AD754" s="53">
        <v>-72626.083333333299</v>
      </c>
      <c r="AE754" s="53">
        <v>-72626.083333333299</v>
      </c>
      <c r="AF754" s="53">
        <v>-72626.083333333299</v>
      </c>
      <c r="AG754" s="53">
        <v>-72626.083333333299</v>
      </c>
      <c r="AH754" s="53">
        <v>-72626.083333333299</v>
      </c>
      <c r="AI754" s="53">
        <v>-72626.083333333299</v>
      </c>
      <c r="AJ754" s="53">
        <v>-72626.083333333299</v>
      </c>
      <c r="AK754" s="53">
        <v>-72626.083333333299</v>
      </c>
      <c r="AL754" s="53">
        <v>-72626.083333333299</v>
      </c>
      <c r="AM754" s="53">
        <v>-72626.083333333299</v>
      </c>
      <c r="AN754" s="53">
        <v>-871512.99999999895</v>
      </c>
      <c r="AO754" s="53">
        <v>-73847.833333333299</v>
      </c>
      <c r="AP754" s="53">
        <v>-73847.833333333299</v>
      </c>
      <c r="AQ754" s="53">
        <v>-73847.833333333299</v>
      </c>
      <c r="AR754" s="53">
        <v>-73847.833333333299</v>
      </c>
      <c r="AS754" s="53">
        <v>-73847.833333333299</v>
      </c>
      <c r="AT754" s="53">
        <v>-73847.833333333299</v>
      </c>
      <c r="AU754" s="53">
        <v>-73847.833333333299</v>
      </c>
      <c r="AV754" s="53">
        <v>-73847.833333333299</v>
      </c>
      <c r="AW754" s="53">
        <v>-73847.833333333299</v>
      </c>
      <c r="AX754" s="53">
        <v>-73847.833333333299</v>
      </c>
      <c r="AY754" s="53">
        <v>-73847.833333333299</v>
      </c>
      <c r="AZ754" s="53">
        <v>-73847.833333333299</v>
      </c>
      <c r="BA754" s="53">
        <v>-886174</v>
      </c>
    </row>
    <row r="755" spans="1:53">
      <c r="A755" s="52" t="s">
        <v>4068</v>
      </c>
      <c r="B755" s="53">
        <v>-24071673.072755001</v>
      </c>
      <c r="C755" s="53">
        <v>-2566045.90166638</v>
      </c>
      <c r="D755" s="53">
        <v>-10421868.660031</v>
      </c>
      <c r="E755" s="53">
        <v>-2761860.8823344</v>
      </c>
      <c r="F755" s="53">
        <v>-8570602.8344835602</v>
      </c>
      <c r="G755" s="53">
        <v>-12722349.0279999</v>
      </c>
      <c r="H755" s="53">
        <v>-11675565.6978327</v>
      </c>
      <c r="I755" s="53">
        <v>-29359816.320015099</v>
      </c>
      <c r="J755" s="53">
        <v>-6943452.6837331196</v>
      </c>
      <c r="K755" s="53">
        <v>-4361530.9092188096</v>
      </c>
      <c r="L755" s="53">
        <v>3418307.32010144</v>
      </c>
      <c r="M755" s="53">
        <v>-8874277.1348711401</v>
      </c>
      <c r="N755" s="53">
        <v>-118910735.804839</v>
      </c>
      <c r="O755" s="53">
        <v>786973.90129036002</v>
      </c>
      <c r="P755" s="53">
        <v>16879466.591333002</v>
      </c>
      <c r="Q755" s="53">
        <v>14443326.4584004</v>
      </c>
      <c r="R755" s="53">
        <v>12755217.5153108</v>
      </c>
      <c r="S755" s="53">
        <v>6636718.0192917604</v>
      </c>
      <c r="T755" s="53">
        <v>8883359.3688313905</v>
      </c>
      <c r="U755" s="53">
        <v>5826451.1365202898</v>
      </c>
      <c r="V755" s="53">
        <v>-7607780.0513430396</v>
      </c>
      <c r="W755" s="53">
        <v>9369490.3411511704</v>
      </c>
      <c r="X755" s="53">
        <v>9484400.6894565895</v>
      </c>
      <c r="Y755" s="53">
        <v>15085306.931807701</v>
      </c>
      <c r="Z755" s="53">
        <v>-1491001.0846627001</v>
      </c>
      <c r="AA755" s="53">
        <v>91051929.817387894</v>
      </c>
      <c r="AB755" s="53">
        <v>-1506602.6998038201</v>
      </c>
      <c r="AC755" s="53">
        <v>15161397.359265</v>
      </c>
      <c r="AD755" s="53">
        <v>12077717.623900499</v>
      </c>
      <c r="AE755" s="53">
        <v>67099744.810096897</v>
      </c>
      <c r="AF755" s="53">
        <v>4350056.2100786502</v>
      </c>
      <c r="AG755" s="53">
        <v>63169364.745179102</v>
      </c>
      <c r="AH755" s="53">
        <v>3650857.96611324</v>
      </c>
      <c r="AI755" s="53">
        <v>-9610024.3675575107</v>
      </c>
      <c r="AJ755" s="53">
        <v>-83660797.637977302</v>
      </c>
      <c r="AK755" s="53">
        <v>8333331.1477156896</v>
      </c>
      <c r="AL755" s="53">
        <v>14332933.4367777</v>
      </c>
      <c r="AM755" s="53">
        <v>-32387013.544493001</v>
      </c>
      <c r="AN755" s="53">
        <v>61010965.049295001</v>
      </c>
      <c r="AO755" s="53">
        <v>-3055183.6224161498</v>
      </c>
      <c r="AP755" s="53">
        <v>13731693.595566001</v>
      </c>
      <c r="AQ755" s="53">
        <v>6128733.1641634097</v>
      </c>
      <c r="AR755" s="53">
        <v>65827590.743894003</v>
      </c>
      <c r="AS755" s="53">
        <v>1968904.75477357</v>
      </c>
      <c r="AT755" s="53">
        <v>60566372.011156499</v>
      </c>
      <c r="AU755" s="53">
        <v>730046.85494445101</v>
      </c>
      <c r="AV755" s="53">
        <v>-12638679.1061345</v>
      </c>
      <c r="AW755" s="53">
        <v>61834348.1868634</v>
      </c>
      <c r="AX755" s="53">
        <v>5566436.7278973795</v>
      </c>
      <c r="AY755" s="53">
        <v>10272155.473787701</v>
      </c>
      <c r="AZ755" s="53">
        <v>-85246370.561430901</v>
      </c>
      <c r="BA755" s="53">
        <v>125686048.223065</v>
      </c>
    </row>
    <row r="756" spans="1:53">
      <c r="A756" s="231" t="s">
        <v>4069</v>
      </c>
      <c r="B756" s="53"/>
      <c r="C756" s="53"/>
      <c r="D756" s="53"/>
      <c r="E756" s="53"/>
      <c r="F756" s="53"/>
      <c r="G756" s="53"/>
      <c r="H756" s="53"/>
      <c r="I756" s="53"/>
      <c r="J756" s="53"/>
      <c r="K756" s="53"/>
      <c r="L756" s="53"/>
      <c r="M756" s="53"/>
      <c r="N756" s="53"/>
      <c r="O756" s="53"/>
      <c r="P756" s="53"/>
      <c r="Q756" s="53"/>
      <c r="R756" s="53"/>
      <c r="S756" s="53"/>
      <c r="T756" s="53"/>
      <c r="U756" s="53"/>
      <c r="V756" s="53"/>
      <c r="W756" s="53"/>
      <c r="X756" s="53"/>
      <c r="Y756" s="53"/>
      <c r="Z756" s="53"/>
      <c r="AA756" s="53"/>
      <c r="AB756" s="53"/>
      <c r="AC756" s="53"/>
      <c r="AD756" s="53"/>
      <c r="AE756" s="53"/>
      <c r="AF756" s="53"/>
      <c r="AG756" s="53"/>
      <c r="AH756" s="53"/>
      <c r="AI756" s="53"/>
      <c r="AJ756" s="53"/>
      <c r="AK756" s="53"/>
      <c r="AL756" s="53"/>
      <c r="AM756" s="53"/>
      <c r="AN756" s="53"/>
      <c r="AO756" s="53"/>
      <c r="AP756" s="53"/>
      <c r="AQ756" s="53"/>
      <c r="AR756" s="53"/>
      <c r="AS756" s="53"/>
      <c r="AT756" s="53"/>
      <c r="AU756" s="53"/>
      <c r="AV756" s="53"/>
      <c r="AW756" s="53"/>
      <c r="AX756" s="53"/>
      <c r="AY756" s="53"/>
      <c r="AZ756" s="53"/>
      <c r="BA756" s="53"/>
    </row>
    <row r="757" spans="1:53">
      <c r="A757" s="52" t="s">
        <v>4070</v>
      </c>
      <c r="B757" s="53">
        <v>-43587.578017551299</v>
      </c>
      <c r="C757" s="53">
        <v>-43587.578017551299</v>
      </c>
      <c r="D757" s="53">
        <v>-43587.578017551299</v>
      </c>
      <c r="E757" s="53">
        <v>-43587.578017551299</v>
      </c>
      <c r="F757" s="53">
        <v>-43587.578017551299</v>
      </c>
      <c r="G757" s="53">
        <v>-43587.578017551299</v>
      </c>
      <c r="H757" s="53">
        <v>-43587.578017551299</v>
      </c>
      <c r="I757" s="53">
        <v>-43587.578017551299</v>
      </c>
      <c r="J757" s="53">
        <v>-43587.578017551299</v>
      </c>
      <c r="K757" s="53">
        <v>-43587.578017551299</v>
      </c>
      <c r="L757" s="53">
        <v>-43587.578017551299</v>
      </c>
      <c r="M757" s="53">
        <v>-43587.578017551299</v>
      </c>
      <c r="N757" s="53">
        <v>-523050.93621061603</v>
      </c>
      <c r="O757" s="53">
        <v>-84321.719867274704</v>
      </c>
      <c r="P757" s="53">
        <v>-84321.719867274704</v>
      </c>
      <c r="Q757" s="53">
        <v>-84321.719867274704</v>
      </c>
      <c r="R757" s="53">
        <v>-84321.719867274704</v>
      </c>
      <c r="S757" s="53">
        <v>-84321.719867274704</v>
      </c>
      <c r="T757" s="53">
        <v>-84321.719867274704</v>
      </c>
      <c r="U757" s="53">
        <v>-84321.719867274704</v>
      </c>
      <c r="V757" s="53">
        <v>-84321.719867274704</v>
      </c>
      <c r="W757" s="53">
        <v>-84321.719867274704</v>
      </c>
      <c r="X757" s="53">
        <v>-84321.719867274704</v>
      </c>
      <c r="Y757" s="53">
        <v>-84321.719867274704</v>
      </c>
      <c r="Z757" s="53">
        <v>-84321.719867274704</v>
      </c>
      <c r="AA757" s="53">
        <v>-1011860.63840729</v>
      </c>
      <c r="AB757" s="53">
        <v>-121525.40568617699</v>
      </c>
      <c r="AC757" s="53">
        <v>-121525.40568617699</v>
      </c>
      <c r="AD757" s="53">
        <v>-121525.40568617699</v>
      </c>
      <c r="AE757" s="53">
        <v>-121525.40568617699</v>
      </c>
      <c r="AF757" s="53">
        <v>-121525.40568617699</v>
      </c>
      <c r="AG757" s="53">
        <v>-121525.40568617699</v>
      </c>
      <c r="AH757" s="53">
        <v>-121525.40568617699</v>
      </c>
      <c r="AI757" s="53">
        <v>-121525.40568617699</v>
      </c>
      <c r="AJ757" s="53">
        <v>-121525.40568617699</v>
      </c>
      <c r="AK757" s="53">
        <v>-121525.40568617699</v>
      </c>
      <c r="AL757" s="53">
        <v>-121525.40568617699</v>
      </c>
      <c r="AM757" s="53">
        <v>-121525.40568617699</v>
      </c>
      <c r="AN757" s="53">
        <v>-1458304.8682341201</v>
      </c>
      <c r="AO757" s="53">
        <v>-208098.906841872</v>
      </c>
      <c r="AP757" s="53">
        <v>-208098.906841872</v>
      </c>
      <c r="AQ757" s="53">
        <v>-208098.906841872</v>
      </c>
      <c r="AR757" s="53">
        <v>-208098.906841872</v>
      </c>
      <c r="AS757" s="53">
        <v>-208098.906841872</v>
      </c>
      <c r="AT757" s="53">
        <v>-208098.906841872</v>
      </c>
      <c r="AU757" s="53">
        <v>-208098.906841872</v>
      </c>
      <c r="AV757" s="53">
        <v>-208098.906841872</v>
      </c>
      <c r="AW757" s="53">
        <v>-208098.906841872</v>
      </c>
      <c r="AX757" s="53">
        <v>-208098.906841872</v>
      </c>
      <c r="AY757" s="53">
        <v>-208098.906841872</v>
      </c>
      <c r="AZ757" s="53">
        <v>-208098.906841872</v>
      </c>
      <c r="BA757" s="53">
        <v>-2497186.8821024699</v>
      </c>
    </row>
    <row r="758" spans="1:53">
      <c r="A758" s="52" t="s">
        <v>4071</v>
      </c>
      <c r="B758" s="53">
        <v>-43587.578017551299</v>
      </c>
      <c r="C758" s="53">
        <v>-43587.578017551299</v>
      </c>
      <c r="D758" s="53">
        <v>-43587.578017551299</v>
      </c>
      <c r="E758" s="53">
        <v>-43587.578017551299</v>
      </c>
      <c r="F758" s="53">
        <v>-43587.578017551299</v>
      </c>
      <c r="G758" s="53">
        <v>-43587.578017551299</v>
      </c>
      <c r="H758" s="53">
        <v>-43587.578017551299</v>
      </c>
      <c r="I758" s="53">
        <v>-43587.578017551299</v>
      </c>
      <c r="J758" s="53">
        <v>-43587.578017551299</v>
      </c>
      <c r="K758" s="53">
        <v>-43587.578017551299</v>
      </c>
      <c r="L758" s="53">
        <v>-43587.578017551299</v>
      </c>
      <c r="M758" s="53">
        <v>-43587.578017551299</v>
      </c>
      <c r="N758" s="53">
        <v>-523050.93621061603</v>
      </c>
      <c r="O758" s="53">
        <v>-84321.719867274704</v>
      </c>
      <c r="P758" s="53">
        <v>-84321.719867274704</v>
      </c>
      <c r="Q758" s="53">
        <v>-84321.719867274704</v>
      </c>
      <c r="R758" s="53">
        <v>-84321.719867274704</v>
      </c>
      <c r="S758" s="53">
        <v>-84321.719867274704</v>
      </c>
      <c r="T758" s="53">
        <v>-84321.719867274704</v>
      </c>
      <c r="U758" s="53">
        <v>-84321.719867274704</v>
      </c>
      <c r="V758" s="53">
        <v>-84321.719867274704</v>
      </c>
      <c r="W758" s="53">
        <v>-84321.719867274704</v>
      </c>
      <c r="X758" s="53">
        <v>-84321.719867274704</v>
      </c>
      <c r="Y758" s="53">
        <v>-84321.719867274704</v>
      </c>
      <c r="Z758" s="53">
        <v>-84321.719867274704</v>
      </c>
      <c r="AA758" s="53">
        <v>-1011860.63840729</v>
      </c>
      <c r="AB758" s="53">
        <v>-121525.40568617699</v>
      </c>
      <c r="AC758" s="53">
        <v>-121525.40568617699</v>
      </c>
      <c r="AD758" s="53">
        <v>-121525.40568617699</v>
      </c>
      <c r="AE758" s="53">
        <v>-121525.40568617699</v>
      </c>
      <c r="AF758" s="53">
        <v>-121525.40568617699</v>
      </c>
      <c r="AG758" s="53">
        <v>-121525.40568617699</v>
      </c>
      <c r="AH758" s="53">
        <v>-121525.40568617699</v>
      </c>
      <c r="AI758" s="53">
        <v>-121525.40568617699</v>
      </c>
      <c r="AJ758" s="53">
        <v>-121525.40568617699</v>
      </c>
      <c r="AK758" s="53">
        <v>-121525.40568617699</v>
      </c>
      <c r="AL758" s="53">
        <v>-121525.40568617699</v>
      </c>
      <c r="AM758" s="53">
        <v>-121525.40568617699</v>
      </c>
      <c r="AN758" s="53">
        <v>-1458304.8682341201</v>
      </c>
      <c r="AO758" s="53">
        <v>-208098.906841872</v>
      </c>
      <c r="AP758" s="53">
        <v>-208098.906841872</v>
      </c>
      <c r="AQ758" s="53">
        <v>-208098.906841872</v>
      </c>
      <c r="AR758" s="53">
        <v>-208098.906841872</v>
      </c>
      <c r="AS758" s="53">
        <v>-208098.906841872</v>
      </c>
      <c r="AT758" s="53">
        <v>-208098.906841872</v>
      </c>
      <c r="AU758" s="53">
        <v>-208098.906841872</v>
      </c>
      <c r="AV758" s="53">
        <v>-208098.906841872</v>
      </c>
      <c r="AW758" s="53">
        <v>-208098.906841872</v>
      </c>
      <c r="AX758" s="53">
        <v>-208098.906841872</v>
      </c>
      <c r="AY758" s="53">
        <v>-208098.906841872</v>
      </c>
      <c r="AZ758" s="53">
        <v>-208098.906841872</v>
      </c>
      <c r="BA758" s="53">
        <v>-2497186.8821024699</v>
      </c>
    </row>
    <row r="759" spans="1:53">
      <c r="A759" s="232" t="s">
        <v>4072</v>
      </c>
      <c r="B759" s="53">
        <v>30507871.2410958</v>
      </c>
      <c r="C759" s="53">
        <v>6429752.5630144998</v>
      </c>
      <c r="D759" s="53">
        <v>3558406.67424944</v>
      </c>
      <c r="E759" s="53">
        <v>6039018.5402004598</v>
      </c>
      <c r="F759" s="53">
        <v>16364421.277262701</v>
      </c>
      <c r="G759" s="53">
        <v>26128591.6130981</v>
      </c>
      <c r="H759" s="53">
        <v>25972195.006306902</v>
      </c>
      <c r="I759" s="53">
        <v>42551297.0127168</v>
      </c>
      <c r="J759" s="53">
        <v>22446556.636591598</v>
      </c>
      <c r="K759" s="53">
        <v>13301469.6413582</v>
      </c>
      <c r="L759" s="53">
        <v>1930491.9638252901</v>
      </c>
      <c r="M759" s="53">
        <v>12773740.396785799</v>
      </c>
      <c r="N759" s="53">
        <v>208003812.566506</v>
      </c>
      <c r="O759" s="53">
        <v>27855512.069664799</v>
      </c>
      <c r="P759" s="53">
        <v>3502611.4459245</v>
      </c>
      <c r="Q759" s="53">
        <v>-14409.7813125551</v>
      </c>
      <c r="R759" s="53">
        <v>4451494.9463367704</v>
      </c>
      <c r="S759" s="53">
        <v>13923827.865013599</v>
      </c>
      <c r="T759" s="53">
        <v>19408222.670366999</v>
      </c>
      <c r="U759" s="53">
        <v>22693790.469298199</v>
      </c>
      <c r="V759" s="53">
        <v>39069518.703573599</v>
      </c>
      <c r="W759" s="53">
        <v>16444537.4837588</v>
      </c>
      <c r="X759" s="53">
        <v>10215725.640765101</v>
      </c>
      <c r="Y759" s="53">
        <v>-1310623.6226009601</v>
      </c>
      <c r="Z759" s="53">
        <v>6533559.5535797104</v>
      </c>
      <c r="AA759" s="53">
        <v>162773767.444368</v>
      </c>
      <c r="AB759" s="53">
        <v>24065343.7850678</v>
      </c>
      <c r="AC759" s="53">
        <v>-285130.37081347202</v>
      </c>
      <c r="AD759" s="53">
        <v>-4036143.6409424702</v>
      </c>
      <c r="AE759" s="53">
        <v>614823.91669855802</v>
      </c>
      <c r="AF759" s="53">
        <v>10249984.1771446</v>
      </c>
      <c r="AG759" s="53">
        <v>16315532.3595303</v>
      </c>
      <c r="AH759" s="53">
        <v>19531645.725442201</v>
      </c>
      <c r="AI759" s="53">
        <v>35885186.830734402</v>
      </c>
      <c r="AJ759" s="53">
        <v>13147208.0596494</v>
      </c>
      <c r="AK759" s="53">
        <v>6865123.3124159398</v>
      </c>
      <c r="AL759" s="53">
        <v>-4961568.5527151404</v>
      </c>
      <c r="AM759" s="53">
        <v>3240907.0959226801</v>
      </c>
      <c r="AN759" s="53">
        <v>120632912.698135</v>
      </c>
      <c r="AO759" s="53">
        <v>20541338.756382499</v>
      </c>
      <c r="AP759" s="53">
        <v>-2893969.0493108202</v>
      </c>
      <c r="AQ759" s="53">
        <v>-6888804.9344858397</v>
      </c>
      <c r="AR759" s="53">
        <v>-2374240.0638274201</v>
      </c>
      <c r="AS759" s="53">
        <v>7538481.5005928101</v>
      </c>
      <c r="AT759" s="53">
        <v>13171354.8060026</v>
      </c>
      <c r="AU759" s="53">
        <v>16381386.476875801</v>
      </c>
      <c r="AV759" s="53">
        <v>32757786.744753301</v>
      </c>
      <c r="AW759" s="53">
        <v>10281352.4098763</v>
      </c>
      <c r="AX759" s="53">
        <v>3758987.9646669002</v>
      </c>
      <c r="AY759" s="53">
        <v>-8191633.8529568696</v>
      </c>
      <c r="AZ759" s="53">
        <v>267198.93121430499</v>
      </c>
      <c r="BA759" s="53">
        <v>84349239.689783797</v>
      </c>
    </row>
    <row r="760" spans="1:53">
      <c r="A760" s="52" t="s">
        <v>1204</v>
      </c>
      <c r="B760" s="53"/>
      <c r="C760" s="53"/>
      <c r="D760" s="53"/>
      <c r="E760" s="53"/>
      <c r="F760" s="53"/>
      <c r="G760" s="53"/>
      <c r="H760" s="53"/>
      <c r="I760" s="53"/>
      <c r="J760" s="53"/>
      <c r="K760" s="53"/>
      <c r="L760" s="53"/>
      <c r="M760" s="53"/>
      <c r="N760" s="53"/>
      <c r="O760" s="53"/>
      <c r="P760" s="53"/>
      <c r="Q760" s="53"/>
      <c r="R760" s="53"/>
      <c r="S760" s="53"/>
      <c r="T760" s="53"/>
      <c r="U760" s="53"/>
      <c r="V760" s="53"/>
      <c r="W760" s="53"/>
      <c r="X760" s="53"/>
      <c r="Y760" s="53"/>
      <c r="Z760" s="53"/>
      <c r="AA760" s="53"/>
      <c r="AB760" s="53"/>
      <c r="AC760" s="53"/>
      <c r="AD760" s="53"/>
      <c r="AE760" s="53"/>
      <c r="AF760" s="53"/>
      <c r="AG760" s="53"/>
      <c r="AH760" s="53"/>
      <c r="AI760" s="53"/>
      <c r="AJ760" s="53"/>
      <c r="AK760" s="53"/>
      <c r="AL760" s="53"/>
      <c r="AM760" s="53"/>
      <c r="AN760" s="53"/>
      <c r="AO760" s="53"/>
      <c r="AP760" s="53"/>
      <c r="AQ760" s="53"/>
      <c r="AR760" s="53"/>
      <c r="AS760" s="53"/>
      <c r="AT760" s="53"/>
      <c r="AU760" s="53"/>
      <c r="AV760" s="53"/>
      <c r="AW760" s="53"/>
      <c r="AX760" s="53"/>
      <c r="AY760" s="53"/>
      <c r="AZ760" s="53"/>
      <c r="BA760" s="53"/>
    </row>
    <row r="761" spans="1:53">
      <c r="A761" s="232" t="s">
        <v>4073</v>
      </c>
      <c r="B761" s="53">
        <v>597164573.20299196</v>
      </c>
      <c r="C761" s="53">
        <v>363462366.673446</v>
      </c>
      <c r="D761" s="53">
        <v>393163271.79745698</v>
      </c>
      <c r="E761" s="53">
        <v>408247027.956554</v>
      </c>
      <c r="F761" s="53">
        <v>484957562.13232499</v>
      </c>
      <c r="G761" s="53">
        <v>506473314.96418399</v>
      </c>
      <c r="H761" s="53">
        <v>539899976.81915498</v>
      </c>
      <c r="I761" s="53">
        <v>704753478.671947</v>
      </c>
      <c r="J761" s="53">
        <v>497162773.44669002</v>
      </c>
      <c r="K761" s="53">
        <v>432874934.253636</v>
      </c>
      <c r="L761" s="53">
        <v>335206404.32020801</v>
      </c>
      <c r="M761" s="53">
        <v>347502929.64407498</v>
      </c>
      <c r="N761" s="53">
        <v>5610868613.8826704</v>
      </c>
      <c r="O761" s="53">
        <v>467001512.48301798</v>
      </c>
      <c r="P761" s="53">
        <v>284151059.63930798</v>
      </c>
      <c r="Q761" s="53">
        <v>309201169.866157</v>
      </c>
      <c r="R761" s="53">
        <v>342622288.71063602</v>
      </c>
      <c r="S761" s="53">
        <v>401224852.34021997</v>
      </c>
      <c r="T761" s="53">
        <v>419701697.52698201</v>
      </c>
      <c r="U761" s="53">
        <v>436223586.02525997</v>
      </c>
      <c r="V761" s="53">
        <v>561145685.01923597</v>
      </c>
      <c r="W761" s="53">
        <v>414764625.40264899</v>
      </c>
      <c r="X761" s="53">
        <v>361689218.54038298</v>
      </c>
      <c r="Y761" s="53">
        <v>292537739.91288102</v>
      </c>
      <c r="Z761" s="53">
        <v>302694371.19746202</v>
      </c>
      <c r="AA761" s="53">
        <v>4592957806.6641903</v>
      </c>
      <c r="AB761" s="53">
        <v>459746714.306014</v>
      </c>
      <c r="AC761" s="53">
        <v>280602849.52367401</v>
      </c>
      <c r="AD761" s="53">
        <v>305364280.68115699</v>
      </c>
      <c r="AE761" s="53">
        <v>337790539.04663497</v>
      </c>
      <c r="AF761" s="53">
        <v>394837165.50116903</v>
      </c>
      <c r="AG761" s="53">
        <v>415170588.06808501</v>
      </c>
      <c r="AH761" s="53">
        <v>430770840.13066298</v>
      </c>
      <c r="AI761" s="53">
        <v>551554100.78374803</v>
      </c>
      <c r="AJ761" s="53">
        <v>408050873.50504899</v>
      </c>
      <c r="AK761" s="53">
        <v>355426630.32399499</v>
      </c>
      <c r="AL761" s="53">
        <v>285833069.04141498</v>
      </c>
      <c r="AM761" s="53">
        <v>299911369.51548898</v>
      </c>
      <c r="AN761" s="53">
        <v>4525059020.4270897</v>
      </c>
      <c r="AO761" s="53">
        <v>455568126.94603902</v>
      </c>
      <c r="AP761" s="53">
        <v>276418125.565911</v>
      </c>
      <c r="AQ761" s="53">
        <v>298364342.58062798</v>
      </c>
      <c r="AR761" s="53">
        <v>331000089.89765298</v>
      </c>
      <c r="AS761" s="53">
        <v>391873371.98970801</v>
      </c>
      <c r="AT761" s="53">
        <v>412118677.29145998</v>
      </c>
      <c r="AU761" s="53">
        <v>428721506.658544</v>
      </c>
      <c r="AV761" s="53">
        <v>547603162.89936399</v>
      </c>
      <c r="AW761" s="53">
        <v>406407304.66351497</v>
      </c>
      <c r="AX761" s="53">
        <v>355178985.44540799</v>
      </c>
      <c r="AY761" s="53">
        <v>292217541.024804</v>
      </c>
      <c r="AZ761" s="53">
        <v>300458074.35605103</v>
      </c>
      <c r="BA761" s="53">
        <v>4495929309.3190899</v>
      </c>
    </row>
    <row r="762" spans="1:53">
      <c r="A762" s="52" t="s">
        <v>4074</v>
      </c>
      <c r="B762" s="53"/>
      <c r="C762" s="53"/>
      <c r="D762" s="53"/>
      <c r="E762" s="53"/>
      <c r="F762" s="53"/>
      <c r="G762" s="53"/>
      <c r="H762" s="53"/>
      <c r="I762" s="53"/>
      <c r="J762" s="53"/>
      <c r="K762" s="53"/>
      <c r="L762" s="53"/>
      <c r="M762" s="53"/>
      <c r="N762" s="53"/>
      <c r="O762" s="53"/>
      <c r="P762" s="53"/>
      <c r="Q762" s="53"/>
      <c r="R762" s="53"/>
      <c r="S762" s="53"/>
      <c r="T762" s="53"/>
      <c r="U762" s="53"/>
      <c r="V762" s="53"/>
      <c r="W762" s="53"/>
      <c r="X762" s="53"/>
      <c r="Y762" s="53"/>
      <c r="Z762" s="53"/>
      <c r="AA762" s="53"/>
      <c r="AB762" s="53"/>
      <c r="AC762" s="53"/>
      <c r="AD762" s="53"/>
      <c r="AE762" s="53"/>
      <c r="AF762" s="53"/>
      <c r="AG762" s="53"/>
      <c r="AH762" s="53"/>
      <c r="AI762" s="53"/>
      <c r="AJ762" s="53"/>
      <c r="AK762" s="53"/>
      <c r="AL762" s="53"/>
      <c r="AM762" s="53"/>
      <c r="AN762" s="53"/>
      <c r="AO762" s="53"/>
      <c r="AP762" s="53"/>
      <c r="AQ762" s="53"/>
      <c r="AR762" s="53"/>
      <c r="AS762" s="53"/>
      <c r="AT762" s="53"/>
      <c r="AU762" s="53"/>
      <c r="AV762" s="53"/>
      <c r="AW762" s="53"/>
      <c r="AX762" s="53"/>
      <c r="AY762" s="53"/>
      <c r="AZ762" s="53"/>
      <c r="BA762" s="53"/>
    </row>
    <row r="763" spans="1:53">
      <c r="A763" s="232" t="s">
        <v>4075</v>
      </c>
      <c r="B763" s="53">
        <v>-121664406.70709699</v>
      </c>
      <c r="C763" s="53">
        <v>-126676576.25545</v>
      </c>
      <c r="D763" s="53">
        <v>-100612970.66194201</v>
      </c>
      <c r="E763" s="53">
        <v>-82032518.611318901</v>
      </c>
      <c r="F763" s="53">
        <v>-100257329.742792</v>
      </c>
      <c r="G763" s="53">
        <v>-121546953.64099801</v>
      </c>
      <c r="H763" s="53">
        <v>-118581923.129372</v>
      </c>
      <c r="I763" s="53">
        <v>-105015607.68058901</v>
      </c>
      <c r="J763" s="53">
        <v>-116410102.827171</v>
      </c>
      <c r="K763" s="53">
        <v>-107140091.406712</v>
      </c>
      <c r="L763" s="53">
        <v>-100425243.23445401</v>
      </c>
      <c r="M763" s="53">
        <v>-133567139.10078301</v>
      </c>
      <c r="N763" s="53">
        <v>-1333930862.9986801</v>
      </c>
      <c r="O763" s="53">
        <v>-121204421.35303199</v>
      </c>
      <c r="P763" s="53">
        <v>-98558902.634273201</v>
      </c>
      <c r="Q763" s="53">
        <v>-81022406.188030407</v>
      </c>
      <c r="R763" s="53">
        <v>-76656264.086062595</v>
      </c>
      <c r="S763" s="53">
        <v>-100223529.86322001</v>
      </c>
      <c r="T763" s="53">
        <v>-118253955.852144</v>
      </c>
      <c r="U763" s="53">
        <v>-128991359.344669</v>
      </c>
      <c r="V763" s="53">
        <v>-132110333.036901</v>
      </c>
      <c r="W763" s="53">
        <v>-112839144.643373</v>
      </c>
      <c r="X763" s="53">
        <v>-100230820.788212</v>
      </c>
      <c r="Y763" s="53">
        <v>-82126294.359893203</v>
      </c>
      <c r="Z763" s="53">
        <v>-112710451.126614</v>
      </c>
      <c r="AA763" s="53">
        <v>-1264927883.2764201</v>
      </c>
      <c r="AB763" s="53">
        <v>-123988670.863141</v>
      </c>
      <c r="AC763" s="53">
        <v>-100469107.37463</v>
      </c>
      <c r="AD763" s="53">
        <v>-80825977.477390707</v>
      </c>
      <c r="AE763" s="53">
        <v>-77133806.201104596</v>
      </c>
      <c r="AF763" s="53">
        <v>-102070179.987499</v>
      </c>
      <c r="AG763" s="53">
        <v>-121338430.69945</v>
      </c>
      <c r="AH763" s="53">
        <v>-132674028.14655399</v>
      </c>
      <c r="AI763" s="53">
        <v>-138641094.43765599</v>
      </c>
      <c r="AJ763" s="53">
        <v>-118140730.73776001</v>
      </c>
      <c r="AK763" s="53">
        <v>-106328481.43685099</v>
      </c>
      <c r="AL763" s="53">
        <v>-86955400.234709293</v>
      </c>
      <c r="AM763" s="53">
        <v>-114552664.121811</v>
      </c>
      <c r="AN763" s="53">
        <v>-1303118571.71856</v>
      </c>
      <c r="AO763" s="53">
        <v>-127162863.235678</v>
      </c>
      <c r="AP763" s="53">
        <v>-104182314.883551</v>
      </c>
      <c r="AQ763" s="53">
        <v>-85964340.529877305</v>
      </c>
      <c r="AR763" s="53">
        <v>-82024402.307723194</v>
      </c>
      <c r="AS763" s="53">
        <v>-104397565.189225</v>
      </c>
      <c r="AT763" s="53">
        <v>-123146167.56005099</v>
      </c>
      <c r="AU763" s="53">
        <v>-133750774.80545101</v>
      </c>
      <c r="AV763" s="53">
        <v>-141092340.96804699</v>
      </c>
      <c r="AW763" s="53">
        <v>-119563898.889613</v>
      </c>
      <c r="AX763" s="53">
        <v>-106396682.688502</v>
      </c>
      <c r="AY763" s="53">
        <v>-80827932.791746095</v>
      </c>
      <c r="AZ763" s="53">
        <v>-114577145.505814</v>
      </c>
      <c r="BA763" s="53">
        <v>-1323086429.3552799</v>
      </c>
    </row>
    <row r="764" spans="1:53">
      <c r="A764" s="52" t="s">
        <v>4076</v>
      </c>
      <c r="B764" s="53"/>
      <c r="C764" s="53"/>
      <c r="D764" s="53"/>
      <c r="E764" s="53"/>
      <c r="F764" s="53"/>
      <c r="G764" s="53"/>
      <c r="H764" s="53"/>
      <c r="I764" s="53"/>
      <c r="J764" s="53"/>
      <c r="K764" s="53"/>
      <c r="L764" s="53"/>
      <c r="M764" s="53"/>
      <c r="N764" s="53"/>
      <c r="O764" s="53"/>
      <c r="P764" s="53"/>
      <c r="Q764" s="53"/>
      <c r="R764" s="53"/>
      <c r="S764" s="53"/>
      <c r="T764" s="53"/>
      <c r="U764" s="53"/>
      <c r="V764" s="53"/>
      <c r="W764" s="53"/>
      <c r="X764" s="53"/>
      <c r="Y764" s="53"/>
      <c r="Z764" s="53"/>
      <c r="AA764" s="53"/>
      <c r="AB764" s="53"/>
      <c r="AC764" s="53"/>
      <c r="AD764" s="53"/>
      <c r="AE764" s="53"/>
      <c r="AF764" s="53"/>
      <c r="AG764" s="53"/>
      <c r="AH764" s="53"/>
      <c r="AI764" s="53"/>
      <c r="AJ764" s="53"/>
      <c r="AK764" s="53"/>
      <c r="AL764" s="53"/>
      <c r="AM764" s="53"/>
      <c r="AN764" s="53"/>
      <c r="AO764" s="53"/>
      <c r="AP764" s="53"/>
      <c r="AQ764" s="53"/>
      <c r="AR764" s="53"/>
      <c r="AS764" s="53"/>
      <c r="AT764" s="53"/>
      <c r="AU764" s="53"/>
      <c r="AV764" s="53"/>
      <c r="AW764" s="53"/>
      <c r="AX764" s="53"/>
      <c r="AY764" s="53"/>
      <c r="AZ764" s="53"/>
      <c r="BA764" s="53"/>
    </row>
    <row r="765" spans="1:53" ht="10.8" thickBot="1">
      <c r="A765" s="230" t="s">
        <v>4077</v>
      </c>
      <c r="B765" s="53"/>
      <c r="C765" s="53"/>
      <c r="D765" s="53"/>
      <c r="E765" s="53"/>
      <c r="F765" s="53"/>
      <c r="G765" s="53"/>
      <c r="H765" s="53"/>
      <c r="I765" s="53"/>
      <c r="J765" s="53"/>
      <c r="K765" s="53"/>
      <c r="L765" s="53"/>
      <c r="M765" s="53"/>
      <c r="N765" s="53"/>
      <c r="O765" s="53"/>
      <c r="P765" s="53"/>
      <c r="Q765" s="53"/>
      <c r="R765" s="53"/>
      <c r="S765" s="53"/>
      <c r="T765" s="53"/>
      <c r="U765" s="53"/>
      <c r="V765" s="53"/>
      <c r="W765" s="53"/>
      <c r="X765" s="53"/>
      <c r="Y765" s="53"/>
      <c r="Z765" s="53"/>
      <c r="AA765" s="53"/>
      <c r="AB765" s="53"/>
      <c r="AC765" s="53"/>
      <c r="AD765" s="53"/>
      <c r="AE765" s="53"/>
      <c r="AF765" s="53"/>
      <c r="AG765" s="53"/>
      <c r="AH765" s="53"/>
      <c r="AI765" s="53"/>
      <c r="AJ765" s="53"/>
      <c r="AK765" s="53"/>
      <c r="AL765" s="53"/>
      <c r="AM765" s="53"/>
      <c r="AN765" s="53"/>
      <c r="AO765" s="53"/>
      <c r="AP765" s="53"/>
      <c r="AQ765" s="53"/>
      <c r="AR765" s="53"/>
      <c r="AS765" s="53"/>
      <c r="AT765" s="53"/>
      <c r="AU765" s="53"/>
      <c r="AV765" s="53"/>
      <c r="AW765" s="53"/>
      <c r="AX765" s="53"/>
      <c r="AY765" s="53"/>
      <c r="AZ765" s="53"/>
      <c r="BA765" s="53"/>
    </row>
    <row r="766" spans="1:53" ht="10.8" thickBot="1">
      <c r="A766" s="230" t="s">
        <v>4078</v>
      </c>
      <c r="B766" s="53"/>
      <c r="C766" s="53"/>
      <c r="D766" s="53"/>
      <c r="E766" s="53"/>
      <c r="F766" s="53"/>
      <c r="G766" s="53"/>
      <c r="H766" s="53"/>
      <c r="I766" s="53"/>
      <c r="J766" s="53"/>
      <c r="K766" s="53"/>
      <c r="L766" s="53"/>
      <c r="M766" s="53"/>
      <c r="N766" s="53"/>
      <c r="O766" s="53"/>
      <c r="P766" s="53"/>
      <c r="Q766" s="53"/>
      <c r="R766" s="53"/>
      <c r="S766" s="53"/>
      <c r="T766" s="53"/>
      <c r="U766" s="53"/>
      <c r="V766" s="53"/>
      <c r="W766" s="53"/>
      <c r="X766" s="53"/>
      <c r="Y766" s="53"/>
      <c r="Z766" s="53"/>
      <c r="AA766" s="53"/>
      <c r="AB766" s="53"/>
      <c r="AC766" s="53"/>
      <c r="AD766" s="53"/>
      <c r="AE766" s="53"/>
      <c r="AF766" s="53"/>
      <c r="AG766" s="53"/>
      <c r="AH766" s="53"/>
      <c r="AI766" s="53"/>
      <c r="AJ766" s="53"/>
      <c r="AK766" s="53"/>
      <c r="AL766" s="53"/>
      <c r="AM766" s="53"/>
      <c r="AN766" s="53"/>
      <c r="AO766" s="53"/>
      <c r="AP766" s="53"/>
      <c r="AQ766" s="53"/>
      <c r="AR766" s="53"/>
      <c r="AS766" s="53"/>
      <c r="AT766" s="53"/>
      <c r="AU766" s="53"/>
      <c r="AV766" s="53"/>
      <c r="AW766" s="53"/>
      <c r="AX766" s="53"/>
      <c r="AY766" s="53"/>
      <c r="AZ766" s="53"/>
      <c r="BA766" s="53"/>
    </row>
    <row r="767" spans="1:53">
      <c r="A767" s="52" t="s">
        <v>4079</v>
      </c>
      <c r="B767" s="53">
        <v>130.80000000000001</v>
      </c>
      <c r="C767" s="53">
        <v>130.80000000000001</v>
      </c>
      <c r="D767" s="53">
        <v>130.80000000000001</v>
      </c>
      <c r="E767" s="53">
        <v>130.80000000000001</v>
      </c>
      <c r="F767" s="53">
        <v>130.80000000000001</v>
      </c>
      <c r="G767" s="53">
        <v>130.80000000000001</v>
      </c>
      <c r="H767" s="53">
        <v>130.80000000000001</v>
      </c>
      <c r="I767" s="53">
        <v>130.80000000000001</v>
      </c>
      <c r="J767" s="53">
        <v>130.80000000000001</v>
      </c>
      <c r="K767" s="53">
        <v>130.80000000000001</v>
      </c>
      <c r="L767" s="53">
        <v>130.80000000000001</v>
      </c>
      <c r="M767" s="53">
        <v>130.80000000000001</v>
      </c>
      <c r="N767" s="53">
        <v>1569.6</v>
      </c>
      <c r="O767" s="53">
        <v>130.80000000000001</v>
      </c>
      <c r="P767" s="53">
        <v>130.80000000000001</v>
      </c>
      <c r="Q767" s="53">
        <v>130.80000000000001</v>
      </c>
      <c r="R767" s="53">
        <v>130.80000000000001</v>
      </c>
      <c r="S767" s="53">
        <v>130.80000000000001</v>
      </c>
      <c r="T767" s="53">
        <v>130.80000000000001</v>
      </c>
      <c r="U767" s="53">
        <v>130.80000000000001</v>
      </c>
      <c r="V767" s="53">
        <v>130.80000000000001</v>
      </c>
      <c r="W767" s="53">
        <v>130.80000000000001</v>
      </c>
      <c r="X767" s="53">
        <v>130.80000000000001</v>
      </c>
      <c r="Y767" s="53">
        <v>130.80000000000001</v>
      </c>
      <c r="Z767" s="53">
        <v>130.80000000000001</v>
      </c>
      <c r="AA767" s="53">
        <v>1569.6</v>
      </c>
      <c r="AB767" s="53">
        <v>130.80000000000001</v>
      </c>
      <c r="AC767" s="53">
        <v>130.80000000000001</v>
      </c>
      <c r="AD767" s="53">
        <v>130.80000000000001</v>
      </c>
      <c r="AE767" s="53">
        <v>130.80000000000001</v>
      </c>
      <c r="AF767" s="53">
        <v>130.80000000000001</v>
      </c>
      <c r="AG767" s="53">
        <v>130.80000000000001</v>
      </c>
      <c r="AH767" s="53">
        <v>130.80000000000001</v>
      </c>
      <c r="AI767" s="53">
        <v>130.80000000000001</v>
      </c>
      <c r="AJ767" s="53">
        <v>130.80000000000001</v>
      </c>
      <c r="AK767" s="53">
        <v>130.80000000000001</v>
      </c>
      <c r="AL767" s="53">
        <v>130.80000000000001</v>
      </c>
      <c r="AM767" s="53">
        <v>130.80000000000001</v>
      </c>
      <c r="AN767" s="53">
        <v>1569.6</v>
      </c>
      <c r="AO767" s="53">
        <v>130.80000000000001</v>
      </c>
      <c r="AP767" s="53">
        <v>130.80000000000001</v>
      </c>
      <c r="AQ767" s="53">
        <v>130.80000000000001</v>
      </c>
      <c r="AR767" s="53">
        <v>130.80000000000001</v>
      </c>
      <c r="AS767" s="53">
        <v>130.80000000000001</v>
      </c>
      <c r="AT767" s="53">
        <v>130.80000000000001</v>
      </c>
      <c r="AU767" s="53">
        <v>130.80000000000001</v>
      </c>
      <c r="AV767" s="53">
        <v>130.80000000000001</v>
      </c>
      <c r="AW767" s="53">
        <v>130.80000000000001</v>
      </c>
      <c r="AX767" s="53">
        <v>130.80000000000001</v>
      </c>
      <c r="AY767" s="53">
        <v>130.80000000000001</v>
      </c>
      <c r="AZ767" s="53">
        <v>130.80000000000001</v>
      </c>
      <c r="BA767" s="53">
        <v>1569.6</v>
      </c>
    </row>
    <row r="768" spans="1:53">
      <c r="A768" s="52" t="s">
        <v>4080</v>
      </c>
      <c r="B768" s="53">
        <v>0</v>
      </c>
      <c r="C768" s="53">
        <v>0</v>
      </c>
      <c r="D768" s="53">
        <v>0</v>
      </c>
      <c r="E768" s="53">
        <v>0</v>
      </c>
      <c r="F768" s="53">
        <v>0</v>
      </c>
      <c r="G768" s="53">
        <v>0</v>
      </c>
      <c r="H768" s="53">
        <v>0</v>
      </c>
      <c r="I768" s="53">
        <v>0</v>
      </c>
      <c r="J768" s="53">
        <v>0</v>
      </c>
      <c r="K768" s="53">
        <v>0</v>
      </c>
      <c r="L768" s="53">
        <v>0</v>
      </c>
      <c r="M768" s="53">
        <v>0</v>
      </c>
      <c r="N768" s="53">
        <v>0</v>
      </c>
      <c r="O768" s="53">
        <v>0</v>
      </c>
      <c r="P768" s="53">
        <v>0</v>
      </c>
      <c r="Q768" s="53">
        <v>0</v>
      </c>
      <c r="R768" s="53">
        <v>0</v>
      </c>
      <c r="S768" s="53">
        <v>0</v>
      </c>
      <c r="T768" s="53">
        <v>0</v>
      </c>
      <c r="U768" s="53">
        <v>0</v>
      </c>
      <c r="V768" s="53">
        <v>0</v>
      </c>
      <c r="W768" s="53">
        <v>0</v>
      </c>
      <c r="X768" s="53">
        <v>0</v>
      </c>
      <c r="Y768" s="53">
        <v>0</v>
      </c>
      <c r="Z768" s="53">
        <v>0</v>
      </c>
      <c r="AA768" s="53">
        <v>0</v>
      </c>
      <c r="AB768" s="53">
        <v>0</v>
      </c>
      <c r="AC768" s="53">
        <v>0</v>
      </c>
      <c r="AD768" s="53">
        <v>0</v>
      </c>
      <c r="AE768" s="53">
        <v>0</v>
      </c>
      <c r="AF768" s="53">
        <v>0</v>
      </c>
      <c r="AG768" s="53">
        <v>0</v>
      </c>
      <c r="AH768" s="53">
        <v>0</v>
      </c>
      <c r="AI768" s="53">
        <v>0</v>
      </c>
      <c r="AJ768" s="53">
        <v>0</v>
      </c>
      <c r="AK768" s="53">
        <v>0</v>
      </c>
      <c r="AL768" s="53">
        <v>0</v>
      </c>
      <c r="AM768" s="53">
        <v>0</v>
      </c>
      <c r="AN768" s="53">
        <v>0</v>
      </c>
      <c r="AO768" s="53">
        <v>0</v>
      </c>
      <c r="AP768" s="53">
        <v>0</v>
      </c>
      <c r="AQ768" s="53">
        <v>0</v>
      </c>
      <c r="AR768" s="53">
        <v>0</v>
      </c>
      <c r="AS768" s="53">
        <v>0</v>
      </c>
      <c r="AT768" s="53">
        <v>0</v>
      </c>
      <c r="AU768" s="53">
        <v>0</v>
      </c>
      <c r="AV768" s="53">
        <v>0</v>
      </c>
      <c r="AW768" s="53">
        <v>0</v>
      </c>
      <c r="AX768" s="53">
        <v>0</v>
      </c>
      <c r="AY768" s="53">
        <v>0</v>
      </c>
      <c r="AZ768" s="53">
        <v>0</v>
      </c>
      <c r="BA768" s="53">
        <v>0</v>
      </c>
    </row>
    <row r="769" spans="1:53">
      <c r="A769" s="52" t="s">
        <v>4081</v>
      </c>
      <c r="B769" s="53">
        <v>130.80000000000001</v>
      </c>
      <c r="C769" s="53">
        <v>130.80000000000001</v>
      </c>
      <c r="D769" s="53">
        <v>130.80000000000001</v>
      </c>
      <c r="E769" s="53">
        <v>130.80000000000001</v>
      </c>
      <c r="F769" s="53">
        <v>130.80000000000001</v>
      </c>
      <c r="G769" s="53">
        <v>130.80000000000001</v>
      </c>
      <c r="H769" s="53">
        <v>130.80000000000001</v>
      </c>
      <c r="I769" s="53">
        <v>130.80000000000001</v>
      </c>
      <c r="J769" s="53">
        <v>130.80000000000001</v>
      </c>
      <c r="K769" s="53">
        <v>130.80000000000001</v>
      </c>
      <c r="L769" s="53">
        <v>130.80000000000001</v>
      </c>
      <c r="M769" s="53">
        <v>130.80000000000001</v>
      </c>
      <c r="N769" s="53">
        <v>1569.6</v>
      </c>
      <c r="O769" s="53">
        <v>130.80000000000001</v>
      </c>
      <c r="P769" s="53">
        <v>130.80000000000001</v>
      </c>
      <c r="Q769" s="53">
        <v>130.80000000000001</v>
      </c>
      <c r="R769" s="53">
        <v>130.80000000000001</v>
      </c>
      <c r="S769" s="53">
        <v>130.80000000000001</v>
      </c>
      <c r="T769" s="53">
        <v>130.80000000000001</v>
      </c>
      <c r="U769" s="53">
        <v>130.80000000000001</v>
      </c>
      <c r="V769" s="53">
        <v>130.80000000000001</v>
      </c>
      <c r="W769" s="53">
        <v>130.80000000000001</v>
      </c>
      <c r="X769" s="53">
        <v>130.80000000000001</v>
      </c>
      <c r="Y769" s="53">
        <v>130.80000000000001</v>
      </c>
      <c r="Z769" s="53">
        <v>130.80000000000001</v>
      </c>
      <c r="AA769" s="53">
        <v>1569.6</v>
      </c>
      <c r="AB769" s="53">
        <v>130.80000000000001</v>
      </c>
      <c r="AC769" s="53">
        <v>130.80000000000001</v>
      </c>
      <c r="AD769" s="53">
        <v>130.80000000000001</v>
      </c>
      <c r="AE769" s="53">
        <v>130.80000000000001</v>
      </c>
      <c r="AF769" s="53">
        <v>130.80000000000001</v>
      </c>
      <c r="AG769" s="53">
        <v>130.80000000000001</v>
      </c>
      <c r="AH769" s="53">
        <v>130.80000000000001</v>
      </c>
      <c r="AI769" s="53">
        <v>130.80000000000001</v>
      </c>
      <c r="AJ769" s="53">
        <v>130.80000000000001</v>
      </c>
      <c r="AK769" s="53">
        <v>130.80000000000001</v>
      </c>
      <c r="AL769" s="53">
        <v>130.80000000000001</v>
      </c>
      <c r="AM769" s="53">
        <v>130.80000000000001</v>
      </c>
      <c r="AN769" s="53">
        <v>1569.6</v>
      </c>
      <c r="AO769" s="53">
        <v>130.80000000000001</v>
      </c>
      <c r="AP769" s="53">
        <v>130.80000000000001</v>
      </c>
      <c r="AQ769" s="53">
        <v>130.80000000000001</v>
      </c>
      <c r="AR769" s="53">
        <v>130.80000000000001</v>
      </c>
      <c r="AS769" s="53">
        <v>130.80000000000001</v>
      </c>
      <c r="AT769" s="53">
        <v>130.80000000000001</v>
      </c>
      <c r="AU769" s="53">
        <v>130.80000000000001</v>
      </c>
      <c r="AV769" s="53">
        <v>130.80000000000001</v>
      </c>
      <c r="AW769" s="53">
        <v>130.80000000000001</v>
      </c>
      <c r="AX769" s="53">
        <v>130.80000000000001</v>
      </c>
      <c r="AY769" s="53">
        <v>130.80000000000001</v>
      </c>
      <c r="AZ769" s="53">
        <v>130.80000000000001</v>
      </c>
      <c r="BA769" s="53">
        <v>1569.6</v>
      </c>
    </row>
    <row r="770" spans="1:53">
      <c r="A770" s="52" t="s">
        <v>4082</v>
      </c>
      <c r="B770" s="53"/>
      <c r="C770" s="53"/>
      <c r="D770" s="53"/>
      <c r="E770" s="53"/>
      <c r="F770" s="53"/>
      <c r="G770" s="53"/>
      <c r="H770" s="53"/>
      <c r="I770" s="53"/>
      <c r="J770" s="53"/>
      <c r="K770" s="53"/>
      <c r="L770" s="53"/>
      <c r="M770" s="53"/>
      <c r="N770" s="53"/>
      <c r="O770" s="53"/>
      <c r="P770" s="53"/>
      <c r="Q770" s="53"/>
      <c r="R770" s="53"/>
      <c r="S770" s="53"/>
      <c r="T770" s="53"/>
      <c r="U770" s="53"/>
      <c r="V770" s="53"/>
      <c r="W770" s="53"/>
      <c r="X770" s="53"/>
      <c r="Y770" s="53"/>
      <c r="Z770" s="53"/>
      <c r="AA770" s="53"/>
      <c r="AB770" s="53"/>
      <c r="AC770" s="53"/>
      <c r="AD770" s="53"/>
      <c r="AE770" s="53"/>
      <c r="AF770" s="53"/>
      <c r="AG770" s="53"/>
      <c r="AH770" s="53"/>
      <c r="AI770" s="53"/>
      <c r="AJ770" s="53"/>
      <c r="AK770" s="53"/>
      <c r="AL770" s="53"/>
      <c r="AM770" s="53"/>
      <c r="AN770" s="53"/>
      <c r="AO770" s="53"/>
      <c r="AP770" s="53"/>
      <c r="AQ770" s="53"/>
      <c r="AR770" s="53"/>
      <c r="AS770" s="53"/>
      <c r="AT770" s="53"/>
      <c r="AU770" s="53"/>
      <c r="AV770" s="53"/>
      <c r="AW770" s="53"/>
      <c r="AX770" s="53"/>
      <c r="AY770" s="53"/>
      <c r="AZ770" s="53"/>
      <c r="BA770" s="53"/>
    </row>
    <row r="771" spans="1:53">
      <c r="A771" s="52" t="s">
        <v>4083</v>
      </c>
      <c r="B771" s="53">
        <v>-5699788.2964362102</v>
      </c>
      <c r="C771" s="53">
        <v>-5711981.6864362098</v>
      </c>
      <c r="D771" s="53">
        <v>-5727899.5464361999</v>
      </c>
      <c r="E771" s="53">
        <v>-5725322.09643621</v>
      </c>
      <c r="F771" s="53">
        <v>-5738090.2464362001</v>
      </c>
      <c r="G771" s="53">
        <v>-5768050.4864362096</v>
      </c>
      <c r="H771" s="53">
        <v>-5797078.5364362104</v>
      </c>
      <c r="I771" s="53">
        <v>-5794770.2964362102</v>
      </c>
      <c r="J771" s="53">
        <v>-5785648.63643621</v>
      </c>
      <c r="K771" s="53">
        <v>-5784153.3164362097</v>
      </c>
      <c r="L771" s="53">
        <v>-5755172.5464362102</v>
      </c>
      <c r="M771" s="53">
        <v>-5741900.3664362002</v>
      </c>
      <c r="N771" s="53">
        <v>-69029856.057234496</v>
      </c>
      <c r="O771" s="53">
        <v>-5500056.7931007501</v>
      </c>
      <c r="P771" s="53">
        <v>-5511521.5831007501</v>
      </c>
      <c r="Q771" s="53">
        <v>-5526622.1831007497</v>
      </c>
      <c r="R771" s="53">
        <v>-5523861.25310075</v>
      </c>
      <c r="S771" s="53">
        <v>-5535849.7031007502</v>
      </c>
      <c r="T771" s="53">
        <v>-5564307.7731007496</v>
      </c>
      <c r="U771" s="53">
        <v>-5611820.0653382502</v>
      </c>
      <c r="V771" s="53">
        <v>-5607106.91033825</v>
      </c>
      <c r="W771" s="53">
        <v>-5595906.9703382496</v>
      </c>
      <c r="X771" s="53">
        <v>-5594254.6103382502</v>
      </c>
      <c r="Y771" s="53">
        <v>-5565324.2903382499</v>
      </c>
      <c r="Z771" s="53">
        <v>-5551472.45033825</v>
      </c>
      <c r="AA771" s="53">
        <v>-66688104.585633896</v>
      </c>
      <c r="AB771" s="53">
        <v>-5572624.9123756699</v>
      </c>
      <c r="AC771" s="53">
        <v>-5580913.8723756699</v>
      </c>
      <c r="AD771" s="53">
        <v>-5595090.9423756702</v>
      </c>
      <c r="AE771" s="53">
        <v>-5592014.5223756703</v>
      </c>
      <c r="AF771" s="53">
        <v>-5603085.2223756704</v>
      </c>
      <c r="AG771" s="53">
        <v>-5629901.52237566</v>
      </c>
      <c r="AH771" s="53">
        <v>-5673963.02217355</v>
      </c>
      <c r="AI771" s="53">
        <v>-5671397.5621735603</v>
      </c>
      <c r="AJ771" s="53">
        <v>-5662551.4621735597</v>
      </c>
      <c r="AK771" s="53">
        <v>-5660691.5221735602</v>
      </c>
      <c r="AL771" s="53">
        <v>-5630096.52217355</v>
      </c>
      <c r="AM771" s="53">
        <v>-5615772.9121735599</v>
      </c>
      <c r="AN771" s="53">
        <v>-67488103.997295305</v>
      </c>
      <c r="AO771" s="53">
        <v>-5658463.2623289097</v>
      </c>
      <c r="AP771" s="53">
        <v>-5668292.3023289097</v>
      </c>
      <c r="AQ771" s="53">
        <v>-5681688.5523289097</v>
      </c>
      <c r="AR771" s="53">
        <v>-5678470.7723289104</v>
      </c>
      <c r="AS771" s="53">
        <v>-5688766.6423289096</v>
      </c>
      <c r="AT771" s="53">
        <v>-5714074.0923289098</v>
      </c>
      <c r="AU771" s="53">
        <v>-5766010.7171539096</v>
      </c>
      <c r="AV771" s="53">
        <v>-5763370.7871539099</v>
      </c>
      <c r="AW771" s="53">
        <v>-5753506.5471539097</v>
      </c>
      <c r="AX771" s="53">
        <v>-5751526.2471539099</v>
      </c>
      <c r="AY771" s="53">
        <v>-5722735.32715391</v>
      </c>
      <c r="AZ771" s="53">
        <v>-5708001.9171539098</v>
      </c>
      <c r="BA771" s="53">
        <v>-68554907.166896895</v>
      </c>
    </row>
    <row r="772" spans="1:53">
      <c r="A772" s="238" t="s">
        <v>4084</v>
      </c>
      <c r="B772" s="53">
        <v>-108000</v>
      </c>
      <c r="C772" s="53">
        <v>-108000</v>
      </c>
      <c r="D772" s="53">
        <v>-108000</v>
      </c>
      <c r="E772" s="53">
        <v>-108000</v>
      </c>
      <c r="F772" s="53">
        <v>-108000</v>
      </c>
      <c r="G772" s="53">
        <v>-108000</v>
      </c>
      <c r="H772" s="53">
        <v>-108000</v>
      </c>
      <c r="I772" s="53">
        <v>-108000</v>
      </c>
      <c r="J772" s="53">
        <v>-108000</v>
      </c>
      <c r="K772" s="53">
        <v>-108000</v>
      </c>
      <c r="L772" s="53">
        <v>-108000</v>
      </c>
      <c r="M772" s="53">
        <v>-108000</v>
      </c>
      <c r="N772" s="53">
        <v>-1296000</v>
      </c>
      <c r="O772" s="53">
        <v>-108000</v>
      </c>
      <c r="P772" s="53">
        <v>-108000</v>
      </c>
      <c r="Q772" s="53">
        <v>-108000</v>
      </c>
      <c r="R772" s="53">
        <v>-108000</v>
      </c>
      <c r="S772" s="53">
        <v>-108000</v>
      </c>
      <c r="T772" s="53">
        <v>-108000</v>
      </c>
      <c r="U772" s="53">
        <v>-108000</v>
      </c>
      <c r="V772" s="53">
        <v>-108000</v>
      </c>
      <c r="W772" s="53">
        <v>-108000</v>
      </c>
      <c r="X772" s="53">
        <v>-108000</v>
      </c>
      <c r="Y772" s="53">
        <v>-108000</v>
      </c>
      <c r="Z772" s="53">
        <v>-108000</v>
      </c>
      <c r="AA772" s="53">
        <v>-1296000</v>
      </c>
      <c r="AB772" s="53">
        <v>-108000</v>
      </c>
      <c r="AC772" s="53">
        <v>-108000</v>
      </c>
      <c r="AD772" s="53">
        <v>-108000</v>
      </c>
      <c r="AE772" s="53">
        <v>-108000</v>
      </c>
      <c r="AF772" s="53">
        <v>-108000</v>
      </c>
      <c r="AG772" s="53">
        <v>-108000</v>
      </c>
      <c r="AH772" s="53">
        <v>-108000</v>
      </c>
      <c r="AI772" s="53">
        <v>-108000</v>
      </c>
      <c r="AJ772" s="53">
        <v>-108000</v>
      </c>
      <c r="AK772" s="53">
        <v>-108000</v>
      </c>
      <c r="AL772" s="53">
        <v>-108000</v>
      </c>
      <c r="AM772" s="53">
        <v>-108000</v>
      </c>
      <c r="AN772" s="53">
        <v>-1296000</v>
      </c>
      <c r="AO772" s="53">
        <v>-108000</v>
      </c>
      <c r="AP772" s="53">
        <v>-108000</v>
      </c>
      <c r="AQ772" s="53">
        <v>-108000</v>
      </c>
      <c r="AR772" s="53">
        <v>-108000</v>
      </c>
      <c r="AS772" s="53">
        <v>-108000</v>
      </c>
      <c r="AT772" s="53">
        <v>-108000</v>
      </c>
      <c r="AU772" s="53">
        <v>-108000</v>
      </c>
      <c r="AV772" s="53">
        <v>-108000</v>
      </c>
      <c r="AW772" s="53">
        <v>-108000</v>
      </c>
      <c r="AX772" s="53">
        <v>-108000</v>
      </c>
      <c r="AY772" s="53">
        <v>-108000</v>
      </c>
      <c r="AZ772" s="53">
        <v>-108000</v>
      </c>
      <c r="BA772" s="53">
        <v>-1296000</v>
      </c>
    </row>
    <row r="773" spans="1:53">
      <c r="A773" s="52" t="s">
        <v>4085</v>
      </c>
      <c r="B773" s="53">
        <v>0</v>
      </c>
      <c r="C773" s="53">
        <v>0</v>
      </c>
      <c r="D773" s="53">
        <v>0</v>
      </c>
      <c r="E773" s="53">
        <v>0</v>
      </c>
      <c r="F773" s="53">
        <v>0</v>
      </c>
      <c r="G773" s="53">
        <v>0</v>
      </c>
      <c r="H773" s="53">
        <v>0</v>
      </c>
      <c r="I773" s="53">
        <v>0</v>
      </c>
      <c r="J773" s="53">
        <v>0</v>
      </c>
      <c r="K773" s="53">
        <v>0</v>
      </c>
      <c r="L773" s="53">
        <v>0</v>
      </c>
      <c r="M773" s="53">
        <v>0</v>
      </c>
      <c r="N773" s="53">
        <v>0</v>
      </c>
      <c r="O773" s="53">
        <v>0</v>
      </c>
      <c r="P773" s="53">
        <v>0</v>
      </c>
      <c r="Q773" s="53">
        <v>0</v>
      </c>
      <c r="R773" s="53">
        <v>0</v>
      </c>
      <c r="S773" s="53">
        <v>0</v>
      </c>
      <c r="T773" s="53">
        <v>0</v>
      </c>
      <c r="U773" s="53">
        <v>0</v>
      </c>
      <c r="V773" s="53">
        <v>0</v>
      </c>
      <c r="W773" s="53">
        <v>0</v>
      </c>
      <c r="X773" s="53">
        <v>0</v>
      </c>
      <c r="Y773" s="53">
        <v>0</v>
      </c>
      <c r="Z773" s="53">
        <v>0</v>
      </c>
      <c r="AA773" s="53">
        <v>0</v>
      </c>
      <c r="AB773" s="53">
        <v>0</v>
      </c>
      <c r="AC773" s="53">
        <v>0</v>
      </c>
      <c r="AD773" s="53">
        <v>0</v>
      </c>
      <c r="AE773" s="53">
        <v>0</v>
      </c>
      <c r="AF773" s="53">
        <v>0</v>
      </c>
      <c r="AG773" s="53">
        <v>0</v>
      </c>
      <c r="AH773" s="53">
        <v>0</v>
      </c>
      <c r="AI773" s="53">
        <v>0</v>
      </c>
      <c r="AJ773" s="53">
        <v>0</v>
      </c>
      <c r="AK773" s="53">
        <v>0</v>
      </c>
      <c r="AL773" s="53">
        <v>0</v>
      </c>
      <c r="AM773" s="53">
        <v>0</v>
      </c>
      <c r="AN773" s="53">
        <v>0</v>
      </c>
      <c r="AO773" s="53">
        <v>0</v>
      </c>
      <c r="AP773" s="53">
        <v>0</v>
      </c>
      <c r="AQ773" s="53">
        <v>0</v>
      </c>
      <c r="AR773" s="53">
        <v>0</v>
      </c>
      <c r="AS773" s="53">
        <v>0</v>
      </c>
      <c r="AT773" s="53">
        <v>0</v>
      </c>
      <c r="AU773" s="53">
        <v>0</v>
      </c>
      <c r="AV773" s="53">
        <v>0</v>
      </c>
      <c r="AW773" s="53">
        <v>0</v>
      </c>
      <c r="AX773" s="53">
        <v>0</v>
      </c>
      <c r="AY773" s="53">
        <v>0</v>
      </c>
      <c r="AZ773" s="53">
        <v>0</v>
      </c>
      <c r="BA773" s="53">
        <v>0</v>
      </c>
    </row>
    <row r="774" spans="1:53">
      <c r="A774" s="52" t="s">
        <v>4086</v>
      </c>
      <c r="B774" s="53">
        <v>0</v>
      </c>
      <c r="C774" s="53">
        <v>0</v>
      </c>
      <c r="D774" s="53">
        <v>0</v>
      </c>
      <c r="E774" s="53">
        <v>0</v>
      </c>
      <c r="F774" s="53">
        <v>0</v>
      </c>
      <c r="G774" s="53">
        <v>0</v>
      </c>
      <c r="H774" s="53">
        <v>0</v>
      </c>
      <c r="I774" s="53">
        <v>0</v>
      </c>
      <c r="J774" s="53">
        <v>0</v>
      </c>
      <c r="K774" s="53">
        <v>0</v>
      </c>
      <c r="L774" s="53">
        <v>0</v>
      </c>
      <c r="M774" s="53">
        <v>0</v>
      </c>
      <c r="N774" s="53">
        <v>0</v>
      </c>
      <c r="O774" s="53">
        <v>0</v>
      </c>
      <c r="P774" s="53">
        <v>0</v>
      </c>
      <c r="Q774" s="53">
        <v>0</v>
      </c>
      <c r="R774" s="53">
        <v>0</v>
      </c>
      <c r="S774" s="53">
        <v>0</v>
      </c>
      <c r="T774" s="53">
        <v>0</v>
      </c>
      <c r="U774" s="53">
        <v>0</v>
      </c>
      <c r="V774" s="53">
        <v>0</v>
      </c>
      <c r="W774" s="53">
        <v>0</v>
      </c>
      <c r="X774" s="53">
        <v>0</v>
      </c>
      <c r="Y774" s="53">
        <v>0</v>
      </c>
      <c r="Z774" s="53">
        <v>0</v>
      </c>
      <c r="AA774" s="53">
        <v>0</v>
      </c>
      <c r="AB774" s="53">
        <v>0</v>
      </c>
      <c r="AC774" s="53">
        <v>0</v>
      </c>
      <c r="AD774" s="53">
        <v>0</v>
      </c>
      <c r="AE774" s="53">
        <v>0</v>
      </c>
      <c r="AF774" s="53">
        <v>0</v>
      </c>
      <c r="AG774" s="53">
        <v>0</v>
      </c>
      <c r="AH774" s="53">
        <v>0</v>
      </c>
      <c r="AI774" s="53">
        <v>0</v>
      </c>
      <c r="AJ774" s="53">
        <v>0</v>
      </c>
      <c r="AK774" s="53">
        <v>0</v>
      </c>
      <c r="AL774" s="53">
        <v>0</v>
      </c>
      <c r="AM774" s="53">
        <v>0</v>
      </c>
      <c r="AN774" s="53">
        <v>0</v>
      </c>
      <c r="AO774" s="53">
        <v>0</v>
      </c>
      <c r="AP774" s="53">
        <v>0</v>
      </c>
      <c r="AQ774" s="53">
        <v>0</v>
      </c>
      <c r="AR774" s="53">
        <v>0</v>
      </c>
      <c r="AS774" s="53">
        <v>0</v>
      </c>
      <c r="AT774" s="53">
        <v>0</v>
      </c>
      <c r="AU774" s="53">
        <v>0</v>
      </c>
      <c r="AV774" s="53">
        <v>0</v>
      </c>
      <c r="AW774" s="53">
        <v>0</v>
      </c>
      <c r="AX774" s="53">
        <v>0</v>
      </c>
      <c r="AY774" s="53">
        <v>0</v>
      </c>
      <c r="AZ774" s="53">
        <v>0</v>
      </c>
      <c r="BA774" s="53">
        <v>0</v>
      </c>
    </row>
    <row r="775" spans="1:53">
      <c r="A775" s="52" t="s">
        <v>4087</v>
      </c>
      <c r="B775" s="53">
        <v>0</v>
      </c>
      <c r="C775" s="53">
        <v>0</v>
      </c>
      <c r="D775" s="53">
        <v>0</v>
      </c>
      <c r="E775" s="53">
        <v>0</v>
      </c>
      <c r="F775" s="53">
        <v>0</v>
      </c>
      <c r="G775" s="53">
        <v>0</v>
      </c>
      <c r="H775" s="53">
        <v>0</v>
      </c>
      <c r="I775" s="53">
        <v>0</v>
      </c>
      <c r="J775" s="53">
        <v>0</v>
      </c>
      <c r="K775" s="53">
        <v>0</v>
      </c>
      <c r="L775" s="53">
        <v>0</v>
      </c>
      <c r="M775" s="53">
        <v>0</v>
      </c>
      <c r="N775" s="53">
        <v>0</v>
      </c>
      <c r="O775" s="53">
        <v>0</v>
      </c>
      <c r="P775" s="53">
        <v>0</v>
      </c>
      <c r="Q775" s="53">
        <v>0</v>
      </c>
      <c r="R775" s="53">
        <v>0</v>
      </c>
      <c r="S775" s="53">
        <v>0</v>
      </c>
      <c r="T775" s="53">
        <v>0</v>
      </c>
      <c r="U775" s="53">
        <v>0</v>
      </c>
      <c r="V775" s="53">
        <v>0</v>
      </c>
      <c r="W775" s="53">
        <v>0</v>
      </c>
      <c r="X775" s="53">
        <v>0</v>
      </c>
      <c r="Y775" s="53">
        <v>0</v>
      </c>
      <c r="Z775" s="53">
        <v>0</v>
      </c>
      <c r="AA775" s="53">
        <v>0</v>
      </c>
      <c r="AB775" s="53">
        <v>0</v>
      </c>
      <c r="AC775" s="53">
        <v>0</v>
      </c>
      <c r="AD775" s="53">
        <v>0</v>
      </c>
      <c r="AE775" s="53">
        <v>0</v>
      </c>
      <c r="AF775" s="53">
        <v>0</v>
      </c>
      <c r="AG775" s="53">
        <v>0</v>
      </c>
      <c r="AH775" s="53">
        <v>0</v>
      </c>
      <c r="AI775" s="53">
        <v>0</v>
      </c>
      <c r="AJ775" s="53">
        <v>0</v>
      </c>
      <c r="AK775" s="53">
        <v>0</v>
      </c>
      <c r="AL775" s="53">
        <v>0</v>
      </c>
      <c r="AM775" s="53">
        <v>0</v>
      </c>
      <c r="AN775" s="53">
        <v>0</v>
      </c>
      <c r="AO775" s="53">
        <v>0</v>
      </c>
      <c r="AP775" s="53">
        <v>0</v>
      </c>
      <c r="AQ775" s="53">
        <v>0</v>
      </c>
      <c r="AR775" s="53">
        <v>0</v>
      </c>
      <c r="AS775" s="53">
        <v>0</v>
      </c>
      <c r="AT775" s="53">
        <v>0</v>
      </c>
      <c r="AU775" s="53">
        <v>0</v>
      </c>
      <c r="AV775" s="53">
        <v>0</v>
      </c>
      <c r="AW775" s="53">
        <v>0</v>
      </c>
      <c r="AX775" s="53">
        <v>0</v>
      </c>
      <c r="AY775" s="53">
        <v>0</v>
      </c>
      <c r="AZ775" s="53">
        <v>0</v>
      </c>
      <c r="BA775" s="53">
        <v>0</v>
      </c>
    </row>
    <row r="776" spans="1:53">
      <c r="A776" s="52" t="s">
        <v>4088</v>
      </c>
      <c r="B776" s="53">
        <v>-1238720.3023143699</v>
      </c>
      <c r="C776" s="53">
        <v>-2456479.8436416099</v>
      </c>
      <c r="D776" s="53">
        <v>-2439549.4083999898</v>
      </c>
      <c r="E776" s="53">
        <v>-1714084.2897509199</v>
      </c>
      <c r="F776" s="53">
        <v>111016.311645783</v>
      </c>
      <c r="G776" s="53">
        <v>1797967.6474464999</v>
      </c>
      <c r="H776" s="53">
        <v>2912474.8920887401</v>
      </c>
      <c r="I776" s="53">
        <v>2633779.1663658898</v>
      </c>
      <c r="J776" s="53">
        <v>1436649.0809032801</v>
      </c>
      <c r="K776" s="53">
        <v>-593038.95863220503</v>
      </c>
      <c r="L776" s="53">
        <v>-2614036.8098948202</v>
      </c>
      <c r="M776" s="53">
        <v>-2764823.1158238798</v>
      </c>
      <c r="N776" s="53">
        <v>-4928845.6300076004</v>
      </c>
      <c r="O776" s="53">
        <v>0</v>
      </c>
      <c r="P776" s="53">
        <v>0</v>
      </c>
      <c r="Q776" s="53">
        <v>0</v>
      </c>
      <c r="R776" s="53">
        <v>0</v>
      </c>
      <c r="S776" s="53">
        <v>0</v>
      </c>
      <c r="T776" s="53">
        <v>0</v>
      </c>
      <c r="U776" s="53">
        <v>0</v>
      </c>
      <c r="V776" s="53">
        <v>0</v>
      </c>
      <c r="W776" s="53">
        <v>0</v>
      </c>
      <c r="X776" s="53">
        <v>0</v>
      </c>
      <c r="Y776" s="53">
        <v>0</v>
      </c>
      <c r="Z776" s="53">
        <v>-5508550.0231116097</v>
      </c>
      <c r="AA776" s="53">
        <v>-5508550.0231116097</v>
      </c>
      <c r="AB776" s="53">
        <v>0</v>
      </c>
      <c r="AC776" s="53">
        <v>0</v>
      </c>
      <c r="AD776" s="53">
        <v>0</v>
      </c>
      <c r="AE776" s="53">
        <v>0</v>
      </c>
      <c r="AF776" s="53">
        <v>0</v>
      </c>
      <c r="AG776" s="53">
        <v>0</v>
      </c>
      <c r="AH776" s="53">
        <v>0</v>
      </c>
      <c r="AI776" s="53">
        <v>0</v>
      </c>
      <c r="AJ776" s="53">
        <v>0</v>
      </c>
      <c r="AK776" s="53">
        <v>0</v>
      </c>
      <c r="AL776" s="53">
        <v>0</v>
      </c>
      <c r="AM776" s="53">
        <v>-6035834.9153659903</v>
      </c>
      <c r="AN776" s="53">
        <v>-6035834.9153659903</v>
      </c>
      <c r="AO776" s="53">
        <v>0</v>
      </c>
      <c r="AP776" s="53">
        <v>0</v>
      </c>
      <c r="AQ776" s="53">
        <v>0</v>
      </c>
      <c r="AR776" s="53">
        <v>0</v>
      </c>
      <c r="AS776" s="53">
        <v>0</v>
      </c>
      <c r="AT776" s="53">
        <v>0</v>
      </c>
      <c r="AU776" s="53">
        <v>0</v>
      </c>
      <c r="AV776" s="53">
        <v>0</v>
      </c>
      <c r="AW776" s="53">
        <v>0</v>
      </c>
      <c r="AX776" s="53">
        <v>0</v>
      </c>
      <c r="AY776" s="53">
        <v>0</v>
      </c>
      <c r="AZ776" s="53">
        <v>-6516816.12011889</v>
      </c>
      <c r="BA776" s="53">
        <v>-6516816.12011889</v>
      </c>
    </row>
    <row r="777" spans="1:53">
      <c r="A777" s="52" t="s">
        <v>4089</v>
      </c>
      <c r="B777" s="53">
        <v>-7046508.5987505801</v>
      </c>
      <c r="C777" s="53">
        <v>-8276461.5300778197</v>
      </c>
      <c r="D777" s="53">
        <v>-8275448.9548362</v>
      </c>
      <c r="E777" s="53">
        <v>-7547406.3861871297</v>
      </c>
      <c r="F777" s="53">
        <v>-5735073.9347904203</v>
      </c>
      <c r="G777" s="53">
        <v>-4078082.83898971</v>
      </c>
      <c r="H777" s="53">
        <v>-2992603.6443474698</v>
      </c>
      <c r="I777" s="53">
        <v>-3268991.1300703199</v>
      </c>
      <c r="J777" s="53">
        <v>-4456999.5555329202</v>
      </c>
      <c r="K777" s="53">
        <v>-6485192.2750684097</v>
      </c>
      <c r="L777" s="53">
        <v>-8477209.3563310299</v>
      </c>
      <c r="M777" s="53">
        <v>-8614723.4822600894</v>
      </c>
      <c r="N777" s="53">
        <v>-75254701.687242106</v>
      </c>
      <c r="O777" s="53">
        <v>-5608056.7931007501</v>
      </c>
      <c r="P777" s="53">
        <v>-5619521.5831007501</v>
      </c>
      <c r="Q777" s="53">
        <v>-5634622.1831007497</v>
      </c>
      <c r="R777" s="53">
        <v>-5631861.25310075</v>
      </c>
      <c r="S777" s="53">
        <v>-5643849.7031007502</v>
      </c>
      <c r="T777" s="53">
        <v>-5672307.7731007496</v>
      </c>
      <c r="U777" s="53">
        <v>-5719820.0653382502</v>
      </c>
      <c r="V777" s="53">
        <v>-5715106.91033825</v>
      </c>
      <c r="W777" s="53">
        <v>-5703906.9703382496</v>
      </c>
      <c r="X777" s="53">
        <v>-5702254.6103382502</v>
      </c>
      <c r="Y777" s="53">
        <v>-5673324.2903382499</v>
      </c>
      <c r="Z777" s="53">
        <v>-11168022.4734498</v>
      </c>
      <c r="AA777" s="53">
        <v>-73492654.6087455</v>
      </c>
      <c r="AB777" s="53">
        <v>-5680624.9123756699</v>
      </c>
      <c r="AC777" s="53">
        <v>-5688913.8723756699</v>
      </c>
      <c r="AD777" s="53">
        <v>-5703090.9423756702</v>
      </c>
      <c r="AE777" s="53">
        <v>-5700014.5223756703</v>
      </c>
      <c r="AF777" s="53">
        <v>-5711085.2223756704</v>
      </c>
      <c r="AG777" s="53">
        <v>-5737901.52237566</v>
      </c>
      <c r="AH777" s="53">
        <v>-5781963.02217355</v>
      </c>
      <c r="AI777" s="53">
        <v>-5779397.5621735603</v>
      </c>
      <c r="AJ777" s="53">
        <v>-5770551.4621735597</v>
      </c>
      <c r="AK777" s="53">
        <v>-5768691.5221735602</v>
      </c>
      <c r="AL777" s="53">
        <v>-5738096.52217355</v>
      </c>
      <c r="AM777" s="53">
        <v>-11759607.8275395</v>
      </c>
      <c r="AN777" s="53">
        <v>-74819938.912661299</v>
      </c>
      <c r="AO777" s="53">
        <v>-5766463.2623289097</v>
      </c>
      <c r="AP777" s="53">
        <v>-5776292.3023289097</v>
      </c>
      <c r="AQ777" s="53">
        <v>-5789688.5523289097</v>
      </c>
      <c r="AR777" s="53">
        <v>-5786470.7723289104</v>
      </c>
      <c r="AS777" s="53">
        <v>-5796766.6423289096</v>
      </c>
      <c r="AT777" s="53">
        <v>-5822074.0923289098</v>
      </c>
      <c r="AU777" s="53">
        <v>-5874010.7171539096</v>
      </c>
      <c r="AV777" s="53">
        <v>-5871370.7871539099</v>
      </c>
      <c r="AW777" s="53">
        <v>-5861506.5471539097</v>
      </c>
      <c r="AX777" s="53">
        <v>-5859526.2471539099</v>
      </c>
      <c r="AY777" s="53">
        <v>-5830735.32715391</v>
      </c>
      <c r="AZ777" s="53">
        <v>-12332818.037272699</v>
      </c>
      <c r="BA777" s="53">
        <v>-76367723.287015796</v>
      </c>
    </row>
    <row r="778" spans="1:53">
      <c r="A778" s="52" t="s">
        <v>4090</v>
      </c>
      <c r="B778" s="53"/>
      <c r="C778" s="53"/>
      <c r="D778" s="53"/>
      <c r="E778" s="53"/>
      <c r="F778" s="53"/>
      <c r="G778" s="53"/>
      <c r="H778" s="53"/>
      <c r="I778" s="53"/>
      <c r="J778" s="53"/>
      <c r="K778" s="53"/>
      <c r="L778" s="53"/>
      <c r="M778" s="53"/>
      <c r="N778" s="53"/>
      <c r="O778" s="53"/>
      <c r="P778" s="53"/>
      <c r="Q778" s="53"/>
      <c r="R778" s="53"/>
      <c r="S778" s="53"/>
      <c r="T778" s="53"/>
      <c r="U778" s="53"/>
      <c r="V778" s="53"/>
      <c r="W778" s="53"/>
      <c r="X778" s="53"/>
      <c r="Y778" s="53"/>
      <c r="Z778" s="53"/>
      <c r="AA778" s="53"/>
      <c r="AB778" s="53"/>
      <c r="AC778" s="53"/>
      <c r="AD778" s="53"/>
      <c r="AE778" s="53"/>
      <c r="AF778" s="53"/>
      <c r="AG778" s="53"/>
      <c r="AH778" s="53"/>
      <c r="AI778" s="53"/>
      <c r="AJ778" s="53"/>
      <c r="AK778" s="53"/>
      <c r="AL778" s="53"/>
      <c r="AM778" s="53"/>
      <c r="AN778" s="53"/>
      <c r="AO778" s="53"/>
      <c r="AP778" s="53"/>
      <c r="AQ778" s="53"/>
      <c r="AR778" s="53"/>
      <c r="AS778" s="53"/>
      <c r="AT778" s="53"/>
      <c r="AU778" s="53"/>
      <c r="AV778" s="53"/>
      <c r="AW778" s="53"/>
      <c r="AX778" s="53"/>
      <c r="AY778" s="53"/>
      <c r="AZ778" s="53"/>
      <c r="BA778" s="53"/>
    </row>
    <row r="779" spans="1:53">
      <c r="A779" s="52" t="s">
        <v>4091</v>
      </c>
      <c r="B779" s="53">
        <v>0</v>
      </c>
      <c r="C779" s="53">
        <v>0</v>
      </c>
      <c r="D779" s="53">
        <v>0</v>
      </c>
      <c r="E779" s="53">
        <v>0</v>
      </c>
      <c r="F779" s="53">
        <v>0</v>
      </c>
      <c r="G779" s="53">
        <v>0</v>
      </c>
      <c r="H779" s="53">
        <v>0</v>
      </c>
      <c r="I779" s="53">
        <v>0</v>
      </c>
      <c r="J779" s="53">
        <v>0</v>
      </c>
      <c r="K779" s="53">
        <v>0</v>
      </c>
      <c r="L779" s="53">
        <v>0</v>
      </c>
      <c r="M779" s="53">
        <v>0</v>
      </c>
      <c r="N779" s="53">
        <v>0</v>
      </c>
      <c r="O779" s="53">
        <v>0</v>
      </c>
      <c r="P779" s="53">
        <v>0</v>
      </c>
      <c r="Q779" s="53">
        <v>0</v>
      </c>
      <c r="R779" s="53">
        <v>0</v>
      </c>
      <c r="S779" s="53">
        <v>0</v>
      </c>
      <c r="T779" s="53">
        <v>0</v>
      </c>
      <c r="U779" s="53">
        <v>0</v>
      </c>
      <c r="V779" s="53">
        <v>0</v>
      </c>
      <c r="W779" s="53">
        <v>0</v>
      </c>
      <c r="X779" s="53">
        <v>0</v>
      </c>
      <c r="Y779" s="53">
        <v>0</v>
      </c>
      <c r="Z779" s="53">
        <v>0</v>
      </c>
      <c r="AA779" s="53">
        <v>0</v>
      </c>
      <c r="AB779" s="53">
        <v>0</v>
      </c>
      <c r="AC779" s="53">
        <v>0</v>
      </c>
      <c r="AD779" s="53">
        <v>0</v>
      </c>
      <c r="AE779" s="53">
        <v>0</v>
      </c>
      <c r="AF779" s="53">
        <v>0</v>
      </c>
      <c r="AG779" s="53">
        <v>0</v>
      </c>
      <c r="AH779" s="53">
        <v>0</v>
      </c>
      <c r="AI779" s="53">
        <v>0</v>
      </c>
      <c r="AJ779" s="53">
        <v>0</v>
      </c>
      <c r="AK779" s="53">
        <v>0</v>
      </c>
      <c r="AL779" s="53">
        <v>0</v>
      </c>
      <c r="AM779" s="53">
        <v>0</v>
      </c>
      <c r="AN779" s="53">
        <v>0</v>
      </c>
      <c r="AO779" s="53">
        <v>0</v>
      </c>
      <c r="AP779" s="53">
        <v>0</v>
      </c>
      <c r="AQ779" s="53">
        <v>0</v>
      </c>
      <c r="AR779" s="53">
        <v>0</v>
      </c>
      <c r="AS779" s="53">
        <v>0</v>
      </c>
      <c r="AT779" s="53">
        <v>0</v>
      </c>
      <c r="AU779" s="53">
        <v>0</v>
      </c>
      <c r="AV779" s="53">
        <v>0</v>
      </c>
      <c r="AW779" s="53">
        <v>0</v>
      </c>
      <c r="AX779" s="53">
        <v>0</v>
      </c>
      <c r="AY779" s="53">
        <v>0</v>
      </c>
      <c r="AZ779" s="53">
        <v>0</v>
      </c>
      <c r="BA779" s="53">
        <v>0</v>
      </c>
    </row>
    <row r="780" spans="1:53">
      <c r="A780" s="52" t="s">
        <v>4092</v>
      </c>
      <c r="B780" s="53">
        <v>2551130.7999999998</v>
      </c>
      <c r="C780" s="53">
        <v>2547658.65</v>
      </c>
      <c r="D780" s="53">
        <v>2767033.7699999898</v>
      </c>
      <c r="E780" s="53">
        <v>2571117.8599999901</v>
      </c>
      <c r="F780" s="53">
        <v>2638717.13</v>
      </c>
      <c r="G780" s="53">
        <v>2839349.09</v>
      </c>
      <c r="H780" s="53">
        <v>2713713.5999999898</v>
      </c>
      <c r="I780" s="53">
        <v>2607862.73</v>
      </c>
      <c r="J780" s="53">
        <v>3155101.4999999902</v>
      </c>
      <c r="K780" s="53">
        <v>2983359.04999999</v>
      </c>
      <c r="L780" s="53">
        <v>2562642.7400000002</v>
      </c>
      <c r="M780" s="53">
        <v>2915257.21999999</v>
      </c>
      <c r="N780" s="53">
        <v>32852944.140000001</v>
      </c>
      <c r="O780" s="53">
        <v>2729713.8</v>
      </c>
      <c r="P780" s="53">
        <v>2729639.65</v>
      </c>
      <c r="Q780" s="53">
        <v>2753283.7699999898</v>
      </c>
      <c r="R780" s="53">
        <v>2734066.8599999901</v>
      </c>
      <c r="S780" s="53">
        <v>2757558.1299999901</v>
      </c>
      <c r="T780" s="53">
        <v>2752980.0899999901</v>
      </c>
      <c r="U780" s="53">
        <v>2734075.5999999898</v>
      </c>
      <c r="V780" s="53">
        <v>2734078.73</v>
      </c>
      <c r="W780" s="53">
        <v>2751234.4999999902</v>
      </c>
      <c r="X780" s="53">
        <v>2734082.04999999</v>
      </c>
      <c r="Y780" s="53">
        <v>2757563.74</v>
      </c>
      <c r="Z780" s="53">
        <v>2749624.21999999</v>
      </c>
      <c r="AA780" s="53">
        <v>32917901.140000001</v>
      </c>
      <c r="AB780" s="53">
        <v>2789138.8</v>
      </c>
      <c r="AC780" s="53">
        <v>2789064.65</v>
      </c>
      <c r="AD780" s="53">
        <v>2812708.7699999898</v>
      </c>
      <c r="AE780" s="53">
        <v>2793491.8599999901</v>
      </c>
      <c r="AF780" s="53">
        <v>2816983.1299999901</v>
      </c>
      <c r="AG780" s="53">
        <v>2812405.09</v>
      </c>
      <c r="AH780" s="53">
        <v>2793500.5999999898</v>
      </c>
      <c r="AI780" s="53">
        <v>2793503.73</v>
      </c>
      <c r="AJ780" s="53">
        <v>2810659.4999999902</v>
      </c>
      <c r="AK780" s="53">
        <v>2793507.05</v>
      </c>
      <c r="AL780" s="53">
        <v>2816988.74</v>
      </c>
      <c r="AM780" s="53">
        <v>2809049.21999999</v>
      </c>
      <c r="AN780" s="53">
        <v>33631001.140000001</v>
      </c>
      <c r="AO780" s="53">
        <v>2850515.8</v>
      </c>
      <c r="AP780" s="53">
        <v>2850441.65</v>
      </c>
      <c r="AQ780" s="53">
        <v>2874085.7699999898</v>
      </c>
      <c r="AR780" s="53">
        <v>2854868.8599999901</v>
      </c>
      <c r="AS780" s="53">
        <v>2878360.1299999901</v>
      </c>
      <c r="AT780" s="53">
        <v>2873782.09</v>
      </c>
      <c r="AU780" s="53">
        <v>2854877.5999999898</v>
      </c>
      <c r="AV780" s="53">
        <v>2854880.73</v>
      </c>
      <c r="AW780" s="53">
        <v>2872036.4999999902</v>
      </c>
      <c r="AX780" s="53">
        <v>2854884.05</v>
      </c>
      <c r="AY780" s="53">
        <v>2878365.74</v>
      </c>
      <c r="AZ780" s="53">
        <v>2870426.21999999</v>
      </c>
      <c r="BA780" s="53">
        <v>34367525.140000001</v>
      </c>
    </row>
    <row r="781" spans="1:53">
      <c r="A781" s="52" t="s">
        <v>4093</v>
      </c>
      <c r="B781" s="53">
        <v>2551130.7999999998</v>
      </c>
      <c r="C781" s="53">
        <v>2547658.65</v>
      </c>
      <c r="D781" s="53">
        <v>2767033.7699999898</v>
      </c>
      <c r="E781" s="53">
        <v>2571117.8599999901</v>
      </c>
      <c r="F781" s="53">
        <v>2638717.13</v>
      </c>
      <c r="G781" s="53">
        <v>2839349.09</v>
      </c>
      <c r="H781" s="53">
        <v>2713713.5999999898</v>
      </c>
      <c r="I781" s="53">
        <v>2607862.73</v>
      </c>
      <c r="J781" s="53">
        <v>3155101.4999999902</v>
      </c>
      <c r="K781" s="53">
        <v>2983359.04999999</v>
      </c>
      <c r="L781" s="53">
        <v>2562642.7400000002</v>
      </c>
      <c r="M781" s="53">
        <v>2915257.21999999</v>
      </c>
      <c r="N781" s="53">
        <v>32852944.140000001</v>
      </c>
      <c r="O781" s="53">
        <v>2729713.8</v>
      </c>
      <c r="P781" s="53">
        <v>2729639.65</v>
      </c>
      <c r="Q781" s="53">
        <v>2753283.7699999898</v>
      </c>
      <c r="R781" s="53">
        <v>2734066.8599999901</v>
      </c>
      <c r="S781" s="53">
        <v>2757558.1299999901</v>
      </c>
      <c r="T781" s="53">
        <v>2752980.0899999901</v>
      </c>
      <c r="U781" s="53">
        <v>2734075.5999999898</v>
      </c>
      <c r="V781" s="53">
        <v>2734078.73</v>
      </c>
      <c r="W781" s="53">
        <v>2751234.4999999902</v>
      </c>
      <c r="X781" s="53">
        <v>2734082.04999999</v>
      </c>
      <c r="Y781" s="53">
        <v>2757563.74</v>
      </c>
      <c r="Z781" s="53">
        <v>2749624.21999999</v>
      </c>
      <c r="AA781" s="53">
        <v>32917901.140000001</v>
      </c>
      <c r="AB781" s="53">
        <v>2789138.8</v>
      </c>
      <c r="AC781" s="53">
        <v>2789064.65</v>
      </c>
      <c r="AD781" s="53">
        <v>2812708.7699999898</v>
      </c>
      <c r="AE781" s="53">
        <v>2793491.8599999901</v>
      </c>
      <c r="AF781" s="53">
        <v>2816983.1299999901</v>
      </c>
      <c r="AG781" s="53">
        <v>2812405.09</v>
      </c>
      <c r="AH781" s="53">
        <v>2793500.5999999898</v>
      </c>
      <c r="AI781" s="53">
        <v>2793503.73</v>
      </c>
      <c r="AJ781" s="53">
        <v>2810659.4999999902</v>
      </c>
      <c r="AK781" s="53">
        <v>2793507.05</v>
      </c>
      <c r="AL781" s="53">
        <v>2816988.74</v>
      </c>
      <c r="AM781" s="53">
        <v>2809049.21999999</v>
      </c>
      <c r="AN781" s="53">
        <v>33631001.140000001</v>
      </c>
      <c r="AO781" s="53">
        <v>2850515.8</v>
      </c>
      <c r="AP781" s="53">
        <v>2850441.65</v>
      </c>
      <c r="AQ781" s="53">
        <v>2874085.7699999898</v>
      </c>
      <c r="AR781" s="53">
        <v>2854868.8599999901</v>
      </c>
      <c r="AS781" s="53">
        <v>2878360.1299999901</v>
      </c>
      <c r="AT781" s="53">
        <v>2873782.09</v>
      </c>
      <c r="AU781" s="53">
        <v>2854877.5999999898</v>
      </c>
      <c r="AV781" s="53">
        <v>2854880.73</v>
      </c>
      <c r="AW781" s="53">
        <v>2872036.4999999902</v>
      </c>
      <c r="AX781" s="53">
        <v>2854884.05</v>
      </c>
      <c r="AY781" s="53">
        <v>2878365.74</v>
      </c>
      <c r="AZ781" s="53">
        <v>2870426.21999999</v>
      </c>
      <c r="BA781" s="53">
        <v>34367525.140000001</v>
      </c>
    </row>
    <row r="782" spans="1:53">
      <c r="A782" s="52" t="s">
        <v>4094</v>
      </c>
      <c r="B782" s="53"/>
      <c r="C782" s="53"/>
      <c r="D782" s="53"/>
      <c r="E782" s="53"/>
      <c r="F782" s="53"/>
      <c r="G782" s="53"/>
      <c r="H782" s="53"/>
      <c r="I782" s="53"/>
      <c r="J782" s="53"/>
      <c r="K782" s="53"/>
      <c r="L782" s="53"/>
      <c r="M782" s="53"/>
      <c r="N782" s="53"/>
      <c r="O782" s="53"/>
      <c r="P782" s="53"/>
      <c r="Q782" s="53"/>
      <c r="R782" s="53"/>
      <c r="S782" s="53"/>
      <c r="T782" s="53"/>
      <c r="U782" s="53"/>
      <c r="V782" s="53"/>
      <c r="W782" s="53"/>
      <c r="X782" s="53"/>
      <c r="Y782" s="53"/>
      <c r="Z782" s="53"/>
      <c r="AA782" s="53"/>
      <c r="AB782" s="53"/>
      <c r="AC782" s="53"/>
      <c r="AD782" s="53"/>
      <c r="AE782" s="53"/>
      <c r="AF782" s="53"/>
      <c r="AG782" s="53"/>
      <c r="AH782" s="53"/>
      <c r="AI782" s="53"/>
      <c r="AJ782" s="53"/>
      <c r="AK782" s="53"/>
      <c r="AL782" s="53"/>
      <c r="AM782" s="53"/>
      <c r="AN782" s="53"/>
      <c r="AO782" s="53"/>
      <c r="AP782" s="53"/>
      <c r="AQ782" s="53"/>
      <c r="AR782" s="53"/>
      <c r="AS782" s="53"/>
      <c r="AT782" s="53"/>
      <c r="AU782" s="53"/>
      <c r="AV782" s="53"/>
      <c r="AW782" s="53"/>
      <c r="AX782" s="53"/>
      <c r="AY782" s="53"/>
      <c r="AZ782" s="53"/>
      <c r="BA782" s="53"/>
    </row>
    <row r="783" spans="1:53">
      <c r="A783" s="52" t="s">
        <v>4095</v>
      </c>
      <c r="B783" s="53">
        <v>0</v>
      </c>
      <c r="C783" s="53">
        <v>0</v>
      </c>
      <c r="D783" s="53">
        <v>0</v>
      </c>
      <c r="E783" s="53">
        <v>0</v>
      </c>
      <c r="F783" s="53">
        <v>0</v>
      </c>
      <c r="G783" s="53">
        <v>0</v>
      </c>
      <c r="H783" s="53">
        <v>0</v>
      </c>
      <c r="I783" s="53">
        <v>0</v>
      </c>
      <c r="J783" s="53">
        <v>0</v>
      </c>
      <c r="K783" s="53">
        <v>0</v>
      </c>
      <c r="L783" s="53">
        <v>0</v>
      </c>
      <c r="M783" s="53">
        <v>0</v>
      </c>
      <c r="N783" s="53">
        <v>0</v>
      </c>
      <c r="O783" s="53">
        <v>0</v>
      </c>
      <c r="P783" s="53">
        <v>0</v>
      </c>
      <c r="Q783" s="53">
        <v>0</v>
      </c>
      <c r="R783" s="53">
        <v>0</v>
      </c>
      <c r="S783" s="53">
        <v>0</v>
      </c>
      <c r="T783" s="53">
        <v>0</v>
      </c>
      <c r="U783" s="53">
        <v>0</v>
      </c>
      <c r="V783" s="53">
        <v>0</v>
      </c>
      <c r="W783" s="53">
        <v>0</v>
      </c>
      <c r="X783" s="53">
        <v>0</v>
      </c>
      <c r="Y783" s="53">
        <v>0</v>
      </c>
      <c r="Z783" s="53">
        <v>0</v>
      </c>
      <c r="AA783" s="53">
        <v>0</v>
      </c>
      <c r="AB783" s="53">
        <v>0</v>
      </c>
      <c r="AC783" s="53">
        <v>0</v>
      </c>
      <c r="AD783" s="53">
        <v>0</v>
      </c>
      <c r="AE783" s="53">
        <v>0</v>
      </c>
      <c r="AF783" s="53">
        <v>0</v>
      </c>
      <c r="AG783" s="53">
        <v>0</v>
      </c>
      <c r="AH783" s="53">
        <v>0</v>
      </c>
      <c r="AI783" s="53">
        <v>0</v>
      </c>
      <c r="AJ783" s="53">
        <v>0</v>
      </c>
      <c r="AK783" s="53">
        <v>0</v>
      </c>
      <c r="AL783" s="53">
        <v>0</v>
      </c>
      <c r="AM783" s="53">
        <v>0</v>
      </c>
      <c r="AN783" s="53">
        <v>0</v>
      </c>
      <c r="AO783" s="53">
        <v>0</v>
      </c>
      <c r="AP783" s="53">
        <v>0</v>
      </c>
      <c r="AQ783" s="53">
        <v>0</v>
      </c>
      <c r="AR783" s="53">
        <v>0</v>
      </c>
      <c r="AS783" s="53">
        <v>0</v>
      </c>
      <c r="AT783" s="53">
        <v>0</v>
      </c>
      <c r="AU783" s="53">
        <v>0</v>
      </c>
      <c r="AV783" s="53">
        <v>0</v>
      </c>
      <c r="AW783" s="53">
        <v>0</v>
      </c>
      <c r="AX783" s="53">
        <v>0</v>
      </c>
      <c r="AY783" s="53">
        <v>0</v>
      </c>
      <c r="AZ783" s="53">
        <v>0</v>
      </c>
      <c r="BA783" s="53">
        <v>0</v>
      </c>
    </row>
    <row r="784" spans="1:53">
      <c r="A784" s="52" t="s">
        <v>4096</v>
      </c>
      <c r="B784" s="53">
        <v>0</v>
      </c>
      <c r="C784" s="53">
        <v>0</v>
      </c>
      <c r="D784" s="53">
        <v>0</v>
      </c>
      <c r="E784" s="53">
        <v>0</v>
      </c>
      <c r="F784" s="53">
        <v>0</v>
      </c>
      <c r="G784" s="53">
        <v>0</v>
      </c>
      <c r="H784" s="53">
        <v>0</v>
      </c>
      <c r="I784" s="53">
        <v>0</v>
      </c>
      <c r="J784" s="53">
        <v>0</v>
      </c>
      <c r="K784" s="53">
        <v>0</v>
      </c>
      <c r="L784" s="53">
        <v>0</v>
      </c>
      <c r="M784" s="53">
        <v>0</v>
      </c>
      <c r="N784" s="53">
        <v>0</v>
      </c>
      <c r="O784" s="53">
        <v>0</v>
      </c>
      <c r="P784" s="53">
        <v>0</v>
      </c>
      <c r="Q784" s="53">
        <v>0</v>
      </c>
      <c r="R784" s="53">
        <v>0</v>
      </c>
      <c r="S784" s="53">
        <v>0</v>
      </c>
      <c r="T784" s="53">
        <v>0</v>
      </c>
      <c r="U784" s="53">
        <v>0</v>
      </c>
      <c r="V784" s="53">
        <v>0</v>
      </c>
      <c r="W784" s="53">
        <v>0</v>
      </c>
      <c r="X784" s="53">
        <v>0</v>
      </c>
      <c r="Y784" s="53">
        <v>0</v>
      </c>
      <c r="Z784" s="53">
        <v>0</v>
      </c>
      <c r="AA784" s="53">
        <v>0</v>
      </c>
      <c r="AB784" s="53">
        <v>0</v>
      </c>
      <c r="AC784" s="53">
        <v>0</v>
      </c>
      <c r="AD784" s="53">
        <v>0</v>
      </c>
      <c r="AE784" s="53">
        <v>0</v>
      </c>
      <c r="AF784" s="53">
        <v>0</v>
      </c>
      <c r="AG784" s="53">
        <v>0</v>
      </c>
      <c r="AH784" s="53">
        <v>0</v>
      </c>
      <c r="AI784" s="53">
        <v>0</v>
      </c>
      <c r="AJ784" s="53">
        <v>0</v>
      </c>
      <c r="AK784" s="53">
        <v>0</v>
      </c>
      <c r="AL784" s="53">
        <v>0</v>
      </c>
      <c r="AM784" s="53">
        <v>0</v>
      </c>
      <c r="AN784" s="53">
        <v>0</v>
      </c>
      <c r="AO784" s="53">
        <v>0</v>
      </c>
      <c r="AP784" s="53">
        <v>0</v>
      </c>
      <c r="AQ784" s="53">
        <v>0</v>
      </c>
      <c r="AR784" s="53">
        <v>0</v>
      </c>
      <c r="AS784" s="53">
        <v>0</v>
      </c>
      <c r="AT784" s="53">
        <v>0</v>
      </c>
      <c r="AU784" s="53">
        <v>0</v>
      </c>
      <c r="AV784" s="53">
        <v>0</v>
      </c>
      <c r="AW784" s="53">
        <v>0</v>
      </c>
      <c r="AX784" s="53">
        <v>0</v>
      </c>
      <c r="AY784" s="53">
        <v>0</v>
      </c>
      <c r="AZ784" s="53">
        <v>0</v>
      </c>
      <c r="BA784" s="53">
        <v>0</v>
      </c>
    </row>
    <row r="785" spans="1:53">
      <c r="A785" s="52" t="s">
        <v>4097</v>
      </c>
      <c r="B785" s="53">
        <v>0</v>
      </c>
      <c r="C785" s="53">
        <v>0</v>
      </c>
      <c r="D785" s="53">
        <v>0</v>
      </c>
      <c r="E785" s="53">
        <v>0</v>
      </c>
      <c r="F785" s="53">
        <v>0</v>
      </c>
      <c r="G785" s="53">
        <v>0</v>
      </c>
      <c r="H785" s="53">
        <v>0</v>
      </c>
      <c r="I785" s="53">
        <v>0</v>
      </c>
      <c r="J785" s="53">
        <v>0</v>
      </c>
      <c r="K785" s="53">
        <v>0</v>
      </c>
      <c r="L785" s="53">
        <v>0</v>
      </c>
      <c r="M785" s="53">
        <v>0</v>
      </c>
      <c r="N785" s="53">
        <v>0</v>
      </c>
      <c r="O785" s="53">
        <v>0</v>
      </c>
      <c r="P785" s="53">
        <v>0</v>
      </c>
      <c r="Q785" s="53">
        <v>0</v>
      </c>
      <c r="R785" s="53">
        <v>0</v>
      </c>
      <c r="S785" s="53">
        <v>0</v>
      </c>
      <c r="T785" s="53">
        <v>0</v>
      </c>
      <c r="U785" s="53">
        <v>0</v>
      </c>
      <c r="V785" s="53">
        <v>0</v>
      </c>
      <c r="W785" s="53">
        <v>0</v>
      </c>
      <c r="X785" s="53">
        <v>0</v>
      </c>
      <c r="Y785" s="53">
        <v>0</v>
      </c>
      <c r="Z785" s="53">
        <v>0</v>
      </c>
      <c r="AA785" s="53">
        <v>0</v>
      </c>
      <c r="AB785" s="53">
        <v>0</v>
      </c>
      <c r="AC785" s="53">
        <v>0</v>
      </c>
      <c r="AD785" s="53">
        <v>0</v>
      </c>
      <c r="AE785" s="53">
        <v>0</v>
      </c>
      <c r="AF785" s="53">
        <v>0</v>
      </c>
      <c r="AG785" s="53">
        <v>0</v>
      </c>
      <c r="AH785" s="53">
        <v>0</v>
      </c>
      <c r="AI785" s="53">
        <v>0</v>
      </c>
      <c r="AJ785" s="53">
        <v>0</v>
      </c>
      <c r="AK785" s="53">
        <v>0</v>
      </c>
      <c r="AL785" s="53">
        <v>0</v>
      </c>
      <c r="AM785" s="53">
        <v>0</v>
      </c>
      <c r="AN785" s="53">
        <v>0</v>
      </c>
      <c r="AO785" s="53">
        <v>0</v>
      </c>
      <c r="AP785" s="53">
        <v>0</v>
      </c>
      <c r="AQ785" s="53">
        <v>0</v>
      </c>
      <c r="AR785" s="53">
        <v>0</v>
      </c>
      <c r="AS785" s="53">
        <v>0</v>
      </c>
      <c r="AT785" s="53">
        <v>0</v>
      </c>
      <c r="AU785" s="53">
        <v>0</v>
      </c>
      <c r="AV785" s="53">
        <v>0</v>
      </c>
      <c r="AW785" s="53">
        <v>0</v>
      </c>
      <c r="AX785" s="53">
        <v>0</v>
      </c>
      <c r="AY785" s="53">
        <v>0</v>
      </c>
      <c r="AZ785" s="53">
        <v>0</v>
      </c>
      <c r="BA785" s="53">
        <v>0</v>
      </c>
    </row>
    <row r="786" spans="1:53">
      <c r="A786" s="52" t="s">
        <v>4098</v>
      </c>
      <c r="B786" s="53">
        <v>0</v>
      </c>
      <c r="C786" s="53">
        <v>0</v>
      </c>
      <c r="D786" s="53">
        <v>0</v>
      </c>
      <c r="E786" s="53">
        <v>0</v>
      </c>
      <c r="F786" s="53">
        <v>0</v>
      </c>
      <c r="G786" s="53">
        <v>0</v>
      </c>
      <c r="H786" s="53">
        <v>0</v>
      </c>
      <c r="I786" s="53">
        <v>0</v>
      </c>
      <c r="J786" s="53">
        <v>0</v>
      </c>
      <c r="K786" s="53">
        <v>0</v>
      </c>
      <c r="L786" s="53">
        <v>0</v>
      </c>
      <c r="M786" s="53">
        <v>0</v>
      </c>
      <c r="N786" s="53">
        <v>0</v>
      </c>
      <c r="O786" s="53">
        <v>0</v>
      </c>
      <c r="P786" s="53">
        <v>0</v>
      </c>
      <c r="Q786" s="53">
        <v>0</v>
      </c>
      <c r="R786" s="53">
        <v>0</v>
      </c>
      <c r="S786" s="53">
        <v>0</v>
      </c>
      <c r="T786" s="53">
        <v>0</v>
      </c>
      <c r="U786" s="53">
        <v>0</v>
      </c>
      <c r="V786" s="53">
        <v>0</v>
      </c>
      <c r="W786" s="53">
        <v>0</v>
      </c>
      <c r="X786" s="53">
        <v>0</v>
      </c>
      <c r="Y786" s="53">
        <v>0</v>
      </c>
      <c r="Z786" s="53">
        <v>0</v>
      </c>
      <c r="AA786" s="53">
        <v>0</v>
      </c>
      <c r="AB786" s="53">
        <v>0</v>
      </c>
      <c r="AC786" s="53">
        <v>0</v>
      </c>
      <c r="AD786" s="53">
        <v>0</v>
      </c>
      <c r="AE786" s="53">
        <v>0</v>
      </c>
      <c r="AF786" s="53">
        <v>0</v>
      </c>
      <c r="AG786" s="53">
        <v>0</v>
      </c>
      <c r="AH786" s="53">
        <v>0</v>
      </c>
      <c r="AI786" s="53">
        <v>0</v>
      </c>
      <c r="AJ786" s="53">
        <v>0</v>
      </c>
      <c r="AK786" s="53">
        <v>0</v>
      </c>
      <c r="AL786" s="53">
        <v>0</v>
      </c>
      <c r="AM786" s="53">
        <v>0</v>
      </c>
      <c r="AN786" s="53">
        <v>0</v>
      </c>
      <c r="AO786" s="53">
        <v>0</v>
      </c>
      <c r="AP786" s="53">
        <v>0</v>
      </c>
      <c r="AQ786" s="53">
        <v>0</v>
      </c>
      <c r="AR786" s="53">
        <v>0</v>
      </c>
      <c r="AS786" s="53">
        <v>0</v>
      </c>
      <c r="AT786" s="53">
        <v>0</v>
      </c>
      <c r="AU786" s="53">
        <v>0</v>
      </c>
      <c r="AV786" s="53">
        <v>0</v>
      </c>
      <c r="AW786" s="53">
        <v>0</v>
      </c>
      <c r="AX786" s="53">
        <v>0</v>
      </c>
      <c r="AY786" s="53">
        <v>0</v>
      </c>
      <c r="AZ786" s="53">
        <v>0</v>
      </c>
      <c r="BA786" s="53">
        <v>0</v>
      </c>
    </row>
    <row r="787" spans="1:53">
      <c r="A787" s="52" t="s">
        <v>4099</v>
      </c>
      <c r="B787" s="53"/>
      <c r="C787" s="53"/>
      <c r="D787" s="53"/>
      <c r="E787" s="53"/>
      <c r="F787" s="53"/>
      <c r="G787" s="53"/>
      <c r="H787" s="53"/>
      <c r="I787" s="53"/>
      <c r="J787" s="53"/>
      <c r="K787" s="53"/>
      <c r="L787" s="53"/>
      <c r="M787" s="53"/>
      <c r="N787" s="53"/>
      <c r="O787" s="53"/>
      <c r="P787" s="53"/>
      <c r="Q787" s="53"/>
      <c r="R787" s="53"/>
      <c r="S787" s="53"/>
      <c r="T787" s="53"/>
      <c r="U787" s="53"/>
      <c r="V787" s="53"/>
      <c r="W787" s="53"/>
      <c r="X787" s="53"/>
      <c r="Y787" s="53"/>
      <c r="Z787" s="53"/>
      <c r="AA787" s="53"/>
      <c r="AB787" s="53"/>
      <c r="AC787" s="53"/>
      <c r="AD787" s="53"/>
      <c r="AE787" s="53"/>
      <c r="AF787" s="53"/>
      <c r="AG787" s="53"/>
      <c r="AH787" s="53"/>
      <c r="AI787" s="53"/>
      <c r="AJ787" s="53"/>
      <c r="AK787" s="53"/>
      <c r="AL787" s="53"/>
      <c r="AM787" s="53"/>
      <c r="AN787" s="53"/>
      <c r="AO787" s="53"/>
      <c r="AP787" s="53"/>
      <c r="AQ787" s="53"/>
      <c r="AR787" s="53"/>
      <c r="AS787" s="53"/>
      <c r="AT787" s="53"/>
      <c r="AU787" s="53"/>
      <c r="AV787" s="53"/>
      <c r="AW787" s="53"/>
      <c r="AX787" s="53"/>
      <c r="AY787" s="53"/>
      <c r="AZ787" s="53"/>
      <c r="BA787" s="53"/>
    </row>
    <row r="788" spans="1:53">
      <c r="A788" s="52" t="s">
        <v>4100</v>
      </c>
      <c r="B788" s="53">
        <v>-11833.333333333499</v>
      </c>
      <c r="C788" s="53">
        <v>-11833.333333333499</v>
      </c>
      <c r="D788" s="53">
        <v>-11833.333333333499</v>
      </c>
      <c r="E788" s="53">
        <v>-11833.333333333499</v>
      </c>
      <c r="F788" s="53">
        <v>-11833.333333333399</v>
      </c>
      <c r="G788" s="53">
        <v>-11833.333333333499</v>
      </c>
      <c r="H788" s="53">
        <v>-11833.333333333499</v>
      </c>
      <c r="I788" s="53">
        <v>-11833.333333333499</v>
      </c>
      <c r="J788" s="53">
        <v>-11833.3333333336</v>
      </c>
      <c r="K788" s="53">
        <v>-11833.3333333336</v>
      </c>
      <c r="L788" s="53">
        <v>-11833.3333333336</v>
      </c>
      <c r="M788" s="53">
        <v>-11833.3333333336</v>
      </c>
      <c r="N788" s="53">
        <v>-142000.00000000201</v>
      </c>
      <c r="O788" s="53">
        <v>-9166.6666666669098</v>
      </c>
      <c r="P788" s="53">
        <v>-9166.6666666669298</v>
      </c>
      <c r="Q788" s="53">
        <v>-9166.6666666669298</v>
      </c>
      <c r="R788" s="53">
        <v>-9166.6666666669007</v>
      </c>
      <c r="S788" s="53">
        <v>-9166.6666666668807</v>
      </c>
      <c r="T788" s="53">
        <v>-9166.6666666668498</v>
      </c>
      <c r="U788" s="53">
        <v>-9166.6666666668207</v>
      </c>
      <c r="V788" s="53">
        <v>-9166.6666666668407</v>
      </c>
      <c r="W788" s="53">
        <v>-9166.6666666668298</v>
      </c>
      <c r="X788" s="53">
        <v>-9166.6666666668207</v>
      </c>
      <c r="Y788" s="53">
        <v>-9166.6666666668807</v>
      </c>
      <c r="Z788" s="53">
        <v>-9166.6666666669498</v>
      </c>
      <c r="AA788" s="53">
        <v>-110000.00000000199</v>
      </c>
      <c r="AB788" s="53">
        <v>-9000.0000000003092</v>
      </c>
      <c r="AC788" s="53">
        <v>-9000.0000000002892</v>
      </c>
      <c r="AD788" s="53">
        <v>-9000.0000000002892</v>
      </c>
      <c r="AE788" s="53">
        <v>-9000.0000000003292</v>
      </c>
      <c r="AF788" s="53">
        <v>-9000.0000000003492</v>
      </c>
      <c r="AG788" s="53">
        <v>-9000.0000000002801</v>
      </c>
      <c r="AH788" s="53">
        <v>-9000.0000000002201</v>
      </c>
      <c r="AI788" s="53">
        <v>-9000.0000000002201</v>
      </c>
      <c r="AJ788" s="53">
        <v>-9000.0000000002292</v>
      </c>
      <c r="AK788" s="53">
        <v>-9000.0000000002601</v>
      </c>
      <c r="AL788" s="53">
        <v>-9000.0000000002692</v>
      </c>
      <c r="AM788" s="53">
        <v>-9000.0000000002001</v>
      </c>
      <c r="AN788" s="53">
        <v>-108000.000000003</v>
      </c>
      <c r="AO788" s="53">
        <v>-9000.0000000002001</v>
      </c>
      <c r="AP788" s="53">
        <v>-9000.0000000003001</v>
      </c>
      <c r="AQ788" s="53">
        <v>-9000.0000000003201</v>
      </c>
      <c r="AR788" s="53">
        <v>-9000.0000000002401</v>
      </c>
      <c r="AS788" s="53">
        <v>-9000.0000000002601</v>
      </c>
      <c r="AT788" s="53">
        <v>-9000.0000000003201</v>
      </c>
      <c r="AU788" s="53">
        <v>-9000.0000000003292</v>
      </c>
      <c r="AV788" s="53">
        <v>-9000.0000000003402</v>
      </c>
      <c r="AW788" s="53">
        <v>-9000.0000000003092</v>
      </c>
      <c r="AX788" s="53">
        <v>-9000.0000000002692</v>
      </c>
      <c r="AY788" s="53">
        <v>-9000.0000000003092</v>
      </c>
      <c r="AZ788" s="53">
        <v>-9000.0000000003802</v>
      </c>
      <c r="BA788" s="53">
        <v>-108000.000000003</v>
      </c>
    </row>
    <row r="789" spans="1:53">
      <c r="A789" s="52" t="s">
        <v>4101</v>
      </c>
      <c r="B789" s="53">
        <v>-24584.7778143982</v>
      </c>
      <c r="C789" s="53">
        <v>-28514.5339191987</v>
      </c>
      <c r="D789" s="53">
        <v>-31446.560061600499</v>
      </c>
      <c r="E789" s="53">
        <v>-34061.375462779601</v>
      </c>
      <c r="F789" s="53">
        <v>-37446.783301867501</v>
      </c>
      <c r="G789" s="53">
        <v>-39637.879894775499</v>
      </c>
      <c r="H789" s="53">
        <v>-41831.6628519242</v>
      </c>
      <c r="I789" s="53">
        <v>-277499.50665326999</v>
      </c>
      <c r="J789" s="53">
        <v>-683702.56186630495</v>
      </c>
      <c r="K789" s="53">
        <v>-1117692.3990843</v>
      </c>
      <c r="L789" s="53">
        <v>-1043279.58792354</v>
      </c>
      <c r="M789" s="53">
        <v>-381505.16954861698</v>
      </c>
      <c r="N789" s="53">
        <v>-3741202.7983825901</v>
      </c>
      <c r="O789" s="53">
        <v>-46241.396584904098</v>
      </c>
      <c r="P789" s="53">
        <v>-49278.495800286801</v>
      </c>
      <c r="Q789" s="53">
        <v>-51690.9373709262</v>
      </c>
      <c r="R789" s="53">
        <v>-53843.654649800599</v>
      </c>
      <c r="S789" s="53">
        <v>-56639.181859727898</v>
      </c>
      <c r="T789" s="53">
        <v>-375085.74310126802</v>
      </c>
      <c r="U789" s="53">
        <v>-685204.03348313004</v>
      </c>
      <c r="V789" s="53">
        <v>-752122.33813516004</v>
      </c>
      <c r="W789" s="53">
        <v>-908750.27426525904</v>
      </c>
      <c r="X789" s="53">
        <v>-1050926.7779061799</v>
      </c>
      <c r="Y789" s="53">
        <v>-688428.59590731305</v>
      </c>
      <c r="Z789" s="53">
        <v>-169230.05226203401</v>
      </c>
      <c r="AA789" s="53">
        <v>-4887441.4813259896</v>
      </c>
      <c r="AB789" s="53">
        <v>-72213.545118841706</v>
      </c>
      <c r="AC789" s="53">
        <v>-75273.238252225405</v>
      </c>
      <c r="AD789" s="53">
        <v>-77703.520853199399</v>
      </c>
      <c r="AE789" s="53">
        <v>-79872.384392955602</v>
      </c>
      <c r="AF789" s="53">
        <v>-82688.605185210006</v>
      </c>
      <c r="AG789" s="53">
        <v>-395966.39144515799</v>
      </c>
      <c r="AH789" s="53">
        <v>-739845.830697948</v>
      </c>
      <c r="AI789" s="53">
        <v>-853219.66380438302</v>
      </c>
      <c r="AJ789" s="53">
        <v>-900355.02818740497</v>
      </c>
      <c r="AK789" s="53">
        <v>-941043.58054850297</v>
      </c>
      <c r="AL789" s="53">
        <v>-591503.63352829299</v>
      </c>
      <c r="AM789" s="53">
        <v>-132570.26288658599</v>
      </c>
      <c r="AN789" s="53">
        <v>-4942255.6849007104</v>
      </c>
      <c r="AO789" s="53">
        <v>-99520.670136694302</v>
      </c>
      <c r="AP789" s="53">
        <v>-102653.279491754</v>
      </c>
      <c r="AQ789" s="53">
        <v>-105142.811461994</v>
      </c>
      <c r="AR789" s="53">
        <v>-107364.995618972</v>
      </c>
      <c r="AS789" s="53">
        <v>-110248.540961871</v>
      </c>
      <c r="AT789" s="53">
        <v>-231377.082085489</v>
      </c>
      <c r="AU789" s="53">
        <v>-408384.196210475</v>
      </c>
      <c r="AV789" s="53">
        <v>-572193.32027949695</v>
      </c>
      <c r="AW789" s="53">
        <v>-872238.45394645701</v>
      </c>
      <c r="AX789" s="53">
        <v>-1136639.42701022</v>
      </c>
      <c r="AY789" s="53">
        <v>-768384.14449808805</v>
      </c>
      <c r="AZ789" s="53">
        <v>-227657.04625880899</v>
      </c>
      <c r="BA789" s="53">
        <v>-4741803.9679603204</v>
      </c>
    </row>
    <row r="790" spans="1:53">
      <c r="A790" s="52" t="s">
        <v>4102</v>
      </c>
      <c r="B790" s="53">
        <v>0</v>
      </c>
      <c r="C790" s="53">
        <v>0</v>
      </c>
      <c r="D790" s="53">
        <v>0</v>
      </c>
      <c r="E790" s="53">
        <v>0</v>
      </c>
      <c r="F790" s="53">
        <v>0</v>
      </c>
      <c r="G790" s="53">
        <v>0</v>
      </c>
      <c r="H790" s="53">
        <v>0</v>
      </c>
      <c r="I790" s="53">
        <v>0</v>
      </c>
      <c r="J790" s="53">
        <v>0</v>
      </c>
      <c r="K790" s="53">
        <v>0</v>
      </c>
      <c r="L790" s="53">
        <v>0</v>
      </c>
      <c r="M790" s="53">
        <v>0</v>
      </c>
      <c r="N790" s="53">
        <v>0</v>
      </c>
      <c r="O790" s="53">
        <v>0</v>
      </c>
      <c r="P790" s="53">
        <v>0</v>
      </c>
      <c r="Q790" s="53">
        <v>0</v>
      </c>
      <c r="R790" s="53">
        <v>0</v>
      </c>
      <c r="S790" s="53">
        <v>0</v>
      </c>
      <c r="T790" s="53">
        <v>0</v>
      </c>
      <c r="U790" s="53">
        <v>0</v>
      </c>
      <c r="V790" s="53">
        <v>0</v>
      </c>
      <c r="W790" s="53">
        <v>0</v>
      </c>
      <c r="X790" s="53">
        <v>0</v>
      </c>
      <c r="Y790" s="53">
        <v>0</v>
      </c>
      <c r="Z790" s="53">
        <v>0</v>
      </c>
      <c r="AA790" s="53">
        <v>0</v>
      </c>
      <c r="AB790" s="53">
        <v>0</v>
      </c>
      <c r="AC790" s="53">
        <v>0</v>
      </c>
      <c r="AD790" s="53">
        <v>0</v>
      </c>
      <c r="AE790" s="53">
        <v>0</v>
      </c>
      <c r="AF790" s="53">
        <v>0</v>
      </c>
      <c r="AG790" s="53">
        <v>0</v>
      </c>
      <c r="AH790" s="53">
        <v>0</v>
      </c>
      <c r="AI790" s="53">
        <v>0</v>
      </c>
      <c r="AJ790" s="53">
        <v>0</v>
      </c>
      <c r="AK790" s="53">
        <v>0</v>
      </c>
      <c r="AL790" s="53">
        <v>0</v>
      </c>
      <c r="AM790" s="53">
        <v>0</v>
      </c>
      <c r="AN790" s="53">
        <v>0</v>
      </c>
      <c r="AO790" s="53">
        <v>0</v>
      </c>
      <c r="AP790" s="53">
        <v>0</v>
      </c>
      <c r="AQ790" s="53">
        <v>0</v>
      </c>
      <c r="AR790" s="53">
        <v>0</v>
      </c>
      <c r="AS790" s="53">
        <v>0</v>
      </c>
      <c r="AT790" s="53">
        <v>0</v>
      </c>
      <c r="AU790" s="53">
        <v>0</v>
      </c>
      <c r="AV790" s="53">
        <v>0</v>
      </c>
      <c r="AW790" s="53">
        <v>0</v>
      </c>
      <c r="AX790" s="53">
        <v>0</v>
      </c>
      <c r="AY790" s="53">
        <v>0</v>
      </c>
      <c r="AZ790" s="53">
        <v>0</v>
      </c>
      <c r="BA790" s="53">
        <v>0</v>
      </c>
    </row>
    <row r="791" spans="1:53">
      <c r="A791" s="52" t="s">
        <v>4103</v>
      </c>
      <c r="B791" s="53">
        <v>0</v>
      </c>
      <c r="C791" s="53">
        <v>0</v>
      </c>
      <c r="D791" s="53">
        <v>0</v>
      </c>
      <c r="E791" s="53">
        <v>0</v>
      </c>
      <c r="F791" s="53">
        <v>0</v>
      </c>
      <c r="G791" s="53">
        <v>0</v>
      </c>
      <c r="H791" s="53">
        <v>0</v>
      </c>
      <c r="I791" s="53">
        <v>0</v>
      </c>
      <c r="J791" s="53">
        <v>0</v>
      </c>
      <c r="K791" s="53">
        <v>0</v>
      </c>
      <c r="L791" s="53">
        <v>0</v>
      </c>
      <c r="M791" s="53">
        <v>0</v>
      </c>
      <c r="N791" s="53">
        <v>0</v>
      </c>
      <c r="O791" s="53">
        <v>0</v>
      </c>
      <c r="P791" s="53">
        <v>0</v>
      </c>
      <c r="Q791" s="53">
        <v>0</v>
      </c>
      <c r="R791" s="53">
        <v>0</v>
      </c>
      <c r="S791" s="53">
        <v>0</v>
      </c>
      <c r="T791" s="53">
        <v>0</v>
      </c>
      <c r="U791" s="53">
        <v>0</v>
      </c>
      <c r="V791" s="53">
        <v>0</v>
      </c>
      <c r="W791" s="53">
        <v>0</v>
      </c>
      <c r="X791" s="53">
        <v>0</v>
      </c>
      <c r="Y791" s="53">
        <v>0</v>
      </c>
      <c r="Z791" s="53">
        <v>0</v>
      </c>
      <c r="AA791" s="53">
        <v>0</v>
      </c>
      <c r="AB791" s="53">
        <v>0</v>
      </c>
      <c r="AC791" s="53">
        <v>0</v>
      </c>
      <c r="AD791" s="53">
        <v>0</v>
      </c>
      <c r="AE791" s="53">
        <v>0</v>
      </c>
      <c r="AF791" s="53">
        <v>0</v>
      </c>
      <c r="AG791" s="53">
        <v>0</v>
      </c>
      <c r="AH791" s="53">
        <v>0</v>
      </c>
      <c r="AI791" s="53">
        <v>0</v>
      </c>
      <c r="AJ791" s="53">
        <v>0</v>
      </c>
      <c r="AK791" s="53">
        <v>0</v>
      </c>
      <c r="AL791" s="53">
        <v>0</v>
      </c>
      <c r="AM791" s="53">
        <v>0</v>
      </c>
      <c r="AN791" s="53">
        <v>0</v>
      </c>
      <c r="AO791" s="53">
        <v>0</v>
      </c>
      <c r="AP791" s="53">
        <v>0</v>
      </c>
      <c r="AQ791" s="53">
        <v>0</v>
      </c>
      <c r="AR791" s="53">
        <v>0</v>
      </c>
      <c r="AS791" s="53">
        <v>0</v>
      </c>
      <c r="AT791" s="53">
        <v>0</v>
      </c>
      <c r="AU791" s="53">
        <v>0</v>
      </c>
      <c r="AV791" s="53">
        <v>0</v>
      </c>
      <c r="AW791" s="53">
        <v>0</v>
      </c>
      <c r="AX791" s="53">
        <v>0</v>
      </c>
      <c r="AY791" s="53">
        <v>0</v>
      </c>
      <c r="AZ791" s="53">
        <v>0</v>
      </c>
      <c r="BA791" s="53">
        <v>0</v>
      </c>
    </row>
    <row r="792" spans="1:53">
      <c r="A792" s="52" t="s">
        <v>4104</v>
      </c>
      <c r="B792" s="53">
        <v>-36418.111147731797</v>
      </c>
      <c r="C792" s="53">
        <v>-40347.867252532204</v>
      </c>
      <c r="D792" s="53">
        <v>-43279.893394934101</v>
      </c>
      <c r="E792" s="53">
        <v>-45894.708796113198</v>
      </c>
      <c r="F792" s="53">
        <v>-49280.116635201099</v>
      </c>
      <c r="G792" s="53">
        <v>-51471.213228109002</v>
      </c>
      <c r="H792" s="53">
        <v>-53664.996185257703</v>
      </c>
      <c r="I792" s="53">
        <v>-289332.839986604</v>
      </c>
      <c r="J792" s="53">
        <v>-695535.89519963902</v>
      </c>
      <c r="K792" s="53">
        <v>-1129525.73241763</v>
      </c>
      <c r="L792" s="53">
        <v>-1055112.92125688</v>
      </c>
      <c r="M792" s="53">
        <v>-393338.50288195099</v>
      </c>
      <c r="N792" s="53">
        <v>-3883202.7983825901</v>
      </c>
      <c r="O792" s="53">
        <v>-55408.063251571002</v>
      </c>
      <c r="P792" s="53">
        <v>-58445.162466953698</v>
      </c>
      <c r="Q792" s="53">
        <v>-60857.604037593097</v>
      </c>
      <c r="R792" s="53">
        <v>-63010.321316467402</v>
      </c>
      <c r="S792" s="53">
        <v>-65805.848526394795</v>
      </c>
      <c r="T792" s="53">
        <v>-384252.40976793499</v>
      </c>
      <c r="U792" s="53">
        <v>-694370.70014979702</v>
      </c>
      <c r="V792" s="53">
        <v>-761289.00480182702</v>
      </c>
      <c r="W792" s="53">
        <v>-917916.94093192602</v>
      </c>
      <c r="X792" s="53">
        <v>-1060093.4445728499</v>
      </c>
      <c r="Y792" s="53">
        <v>-697595.26257398003</v>
      </c>
      <c r="Z792" s="53">
        <v>-178396.71892870101</v>
      </c>
      <c r="AA792" s="53">
        <v>-4997441.4813259896</v>
      </c>
      <c r="AB792" s="53">
        <v>-81213.545118841997</v>
      </c>
      <c r="AC792" s="53">
        <v>-84273.238252225696</v>
      </c>
      <c r="AD792" s="53">
        <v>-86703.520853199705</v>
      </c>
      <c r="AE792" s="53">
        <v>-88872.384392955893</v>
      </c>
      <c r="AF792" s="53">
        <v>-91688.605185210297</v>
      </c>
      <c r="AG792" s="53">
        <v>-404966.39144515799</v>
      </c>
      <c r="AH792" s="53">
        <v>-748845.830697948</v>
      </c>
      <c r="AI792" s="53">
        <v>-862219.66380438395</v>
      </c>
      <c r="AJ792" s="53">
        <v>-909355.02818740602</v>
      </c>
      <c r="AK792" s="53">
        <v>-950043.58054850297</v>
      </c>
      <c r="AL792" s="53">
        <v>-600503.63352829299</v>
      </c>
      <c r="AM792" s="53">
        <v>-141570.26288658701</v>
      </c>
      <c r="AN792" s="53">
        <v>-5050255.6849007104</v>
      </c>
      <c r="AO792" s="53">
        <v>-108520.670136694</v>
      </c>
      <c r="AP792" s="53">
        <v>-111653.279491754</v>
      </c>
      <c r="AQ792" s="53">
        <v>-114142.81146199501</v>
      </c>
      <c r="AR792" s="53">
        <v>-116364.995618973</v>
      </c>
      <c r="AS792" s="53">
        <v>-119248.540961871</v>
      </c>
      <c r="AT792" s="53">
        <v>-240377.08208548999</v>
      </c>
      <c r="AU792" s="53">
        <v>-417384.196210475</v>
      </c>
      <c r="AV792" s="53">
        <v>-581193.32027949695</v>
      </c>
      <c r="AW792" s="53">
        <v>-881238.45394645701</v>
      </c>
      <c r="AX792" s="53">
        <v>-1145639.42701022</v>
      </c>
      <c r="AY792" s="53">
        <v>-777384.14449808805</v>
      </c>
      <c r="AZ792" s="53">
        <v>-236657.04625881001</v>
      </c>
      <c r="BA792" s="53">
        <v>-4849803.9679603204</v>
      </c>
    </row>
    <row r="793" spans="1:53">
      <c r="A793" s="52" t="s">
        <v>4105</v>
      </c>
      <c r="B793" s="53"/>
      <c r="C793" s="53"/>
      <c r="D793" s="53"/>
      <c r="E793" s="53"/>
      <c r="F793" s="53"/>
      <c r="G793" s="53"/>
      <c r="H793" s="53"/>
      <c r="I793" s="53"/>
      <c r="J793" s="53"/>
      <c r="K793" s="53"/>
      <c r="L793" s="53"/>
      <c r="M793" s="53"/>
      <c r="N793" s="53"/>
      <c r="O793" s="53"/>
      <c r="P793" s="53"/>
      <c r="Q793" s="53"/>
      <c r="R793" s="53"/>
      <c r="S793" s="53"/>
      <c r="T793" s="53"/>
      <c r="U793" s="53"/>
      <c r="V793" s="53"/>
      <c r="W793" s="53"/>
      <c r="X793" s="53"/>
      <c r="Y793" s="53"/>
      <c r="Z793" s="53"/>
      <c r="AA793" s="53"/>
      <c r="AB793" s="53"/>
      <c r="AC793" s="53"/>
      <c r="AD793" s="53"/>
      <c r="AE793" s="53"/>
      <c r="AF793" s="53"/>
      <c r="AG793" s="53"/>
      <c r="AH793" s="53"/>
      <c r="AI793" s="53"/>
      <c r="AJ793" s="53"/>
      <c r="AK793" s="53"/>
      <c r="AL793" s="53"/>
      <c r="AM793" s="53"/>
      <c r="AN793" s="53"/>
      <c r="AO793" s="53"/>
      <c r="AP793" s="53"/>
      <c r="AQ793" s="53"/>
      <c r="AR793" s="53"/>
      <c r="AS793" s="53"/>
      <c r="AT793" s="53"/>
      <c r="AU793" s="53"/>
      <c r="AV793" s="53"/>
      <c r="AW793" s="53"/>
      <c r="AX793" s="53"/>
      <c r="AY793" s="53"/>
      <c r="AZ793" s="53"/>
      <c r="BA793" s="53"/>
    </row>
    <row r="794" spans="1:53">
      <c r="A794" s="52" t="s">
        <v>4106</v>
      </c>
      <c r="B794" s="53">
        <v>-1628536.39234651</v>
      </c>
      <c r="C794" s="53">
        <v>-1000630.1662231</v>
      </c>
      <c r="D794" s="53">
        <v>-1063065.7737821799</v>
      </c>
      <c r="E794" s="53">
        <v>-1124084.9225818799</v>
      </c>
      <c r="F794" s="53">
        <v>-1184836.8315369</v>
      </c>
      <c r="G794" s="53">
        <v>-1243965.76444549</v>
      </c>
      <c r="H794" s="53">
        <v>-1303937.35334939</v>
      </c>
      <c r="I794" s="53">
        <v>-1360542.25622231</v>
      </c>
      <c r="J794" s="53">
        <v>-1419762.99795754</v>
      </c>
      <c r="K794" s="53">
        <v>-969983.63380643597</v>
      </c>
      <c r="L794" s="53">
        <v>-1012028.09912474</v>
      </c>
      <c r="M794" s="53">
        <v>-428363.86857025803</v>
      </c>
      <c r="N794" s="53">
        <v>-13739738.059946701</v>
      </c>
      <c r="O794" s="53">
        <v>-428695.30360231898</v>
      </c>
      <c r="P794" s="53">
        <v>-445035.24696670199</v>
      </c>
      <c r="Q794" s="53">
        <v>-459047.51420579402</v>
      </c>
      <c r="R794" s="53">
        <v>-473238.05153247598</v>
      </c>
      <c r="S794" s="53">
        <v>-486647.497324411</v>
      </c>
      <c r="T794" s="53">
        <v>-499731.424036148</v>
      </c>
      <c r="U794" s="53">
        <v>-514172.37521796598</v>
      </c>
      <c r="V794" s="53">
        <v>-528573.59822041704</v>
      </c>
      <c r="W794" s="53">
        <v>-543937.793520284</v>
      </c>
      <c r="X794" s="53">
        <v>-558724.77859566896</v>
      </c>
      <c r="Y794" s="53">
        <v>-571021.90375214396</v>
      </c>
      <c r="Z794" s="53">
        <v>-89208.547779216897</v>
      </c>
      <c r="AA794" s="53">
        <v>-5598034.0347535498</v>
      </c>
      <c r="AB794" s="53">
        <v>-88257.952567376298</v>
      </c>
      <c r="AC794" s="53">
        <v>-105000.722327504</v>
      </c>
      <c r="AD794" s="53">
        <v>-135803.870542588</v>
      </c>
      <c r="AE794" s="53">
        <v>-166991.81070715</v>
      </c>
      <c r="AF794" s="53">
        <v>-198569.34896613299</v>
      </c>
      <c r="AG794" s="53">
        <v>-230541.35913505199</v>
      </c>
      <c r="AH794" s="53">
        <v>-262912.78376551101</v>
      </c>
      <c r="AI794" s="53">
        <v>-295688.63522928703</v>
      </c>
      <c r="AJ794" s="53">
        <v>-328873.99682111002</v>
      </c>
      <c r="AK794" s="53">
        <v>-362474.02388059499</v>
      </c>
      <c r="AL794" s="53">
        <v>-396493.94493376999</v>
      </c>
      <c r="AM794" s="53">
        <v>-430939.06285446999</v>
      </c>
      <c r="AN794" s="53">
        <v>-3002547.5117305499</v>
      </c>
      <c r="AO794" s="53">
        <v>-445632.05835041997</v>
      </c>
      <c r="AP794" s="53">
        <v>-480386.91746492498</v>
      </c>
      <c r="AQ794" s="53">
        <v>-84073.627312331999</v>
      </c>
      <c r="AR794" s="53">
        <v>-99689.554899825598</v>
      </c>
      <c r="AS794" s="53">
        <v>-115499.899806432</v>
      </c>
      <c r="AT794" s="53">
        <v>-131507.09123788201</v>
      </c>
      <c r="AU794" s="53">
        <v>-147713.59264516199</v>
      </c>
      <c r="AV794" s="53">
        <v>-164121.902264567</v>
      </c>
      <c r="AW794" s="53">
        <v>-180734.553667042</v>
      </c>
      <c r="AX794" s="53">
        <v>-197554.116317081</v>
      </c>
      <c r="AY794" s="53">
        <v>-214583.19614138</v>
      </c>
      <c r="AZ794" s="53">
        <v>-231824.43610739501</v>
      </c>
      <c r="BA794" s="53">
        <v>-2493320.9462144398</v>
      </c>
    </row>
    <row r="795" spans="1:53">
      <c r="A795" s="52" t="s">
        <v>4107</v>
      </c>
      <c r="B795" s="53">
        <v>0</v>
      </c>
      <c r="C795" s="53">
        <v>0</v>
      </c>
      <c r="D795" s="53">
        <v>0</v>
      </c>
      <c r="E795" s="53">
        <v>0</v>
      </c>
      <c r="F795" s="53">
        <v>0</v>
      </c>
      <c r="G795" s="53">
        <v>0</v>
      </c>
      <c r="H795" s="53">
        <v>0</v>
      </c>
      <c r="I795" s="53">
        <v>0</v>
      </c>
      <c r="J795" s="53">
        <v>0</v>
      </c>
      <c r="K795" s="53">
        <v>0</v>
      </c>
      <c r="L795" s="53">
        <v>0</v>
      </c>
      <c r="M795" s="53">
        <v>0</v>
      </c>
      <c r="N795" s="53">
        <v>0</v>
      </c>
      <c r="O795" s="53">
        <v>0</v>
      </c>
      <c r="P795" s="53">
        <v>0</v>
      </c>
      <c r="Q795" s="53">
        <v>0</v>
      </c>
      <c r="R795" s="53">
        <v>0</v>
      </c>
      <c r="S795" s="53">
        <v>0</v>
      </c>
      <c r="T795" s="53">
        <v>0</v>
      </c>
      <c r="U795" s="53">
        <v>0</v>
      </c>
      <c r="V795" s="53">
        <v>0</v>
      </c>
      <c r="W795" s="53">
        <v>0</v>
      </c>
      <c r="X795" s="53">
        <v>0</v>
      </c>
      <c r="Y795" s="53">
        <v>0</v>
      </c>
      <c r="Z795" s="53">
        <v>0</v>
      </c>
      <c r="AA795" s="53">
        <v>0</v>
      </c>
      <c r="AB795" s="53">
        <v>0</v>
      </c>
      <c r="AC795" s="53">
        <v>0</v>
      </c>
      <c r="AD795" s="53">
        <v>0</v>
      </c>
      <c r="AE795" s="53">
        <v>0</v>
      </c>
      <c r="AF795" s="53">
        <v>0</v>
      </c>
      <c r="AG795" s="53">
        <v>0</v>
      </c>
      <c r="AH795" s="53">
        <v>0</v>
      </c>
      <c r="AI795" s="53">
        <v>0</v>
      </c>
      <c r="AJ795" s="53">
        <v>0</v>
      </c>
      <c r="AK795" s="53">
        <v>0</v>
      </c>
      <c r="AL795" s="53">
        <v>0</v>
      </c>
      <c r="AM795" s="53">
        <v>0</v>
      </c>
      <c r="AN795" s="53">
        <v>0</v>
      </c>
      <c r="AO795" s="53">
        <v>0</v>
      </c>
      <c r="AP795" s="53">
        <v>0</v>
      </c>
      <c r="AQ795" s="53">
        <v>0</v>
      </c>
      <c r="AR795" s="53">
        <v>0</v>
      </c>
      <c r="AS795" s="53">
        <v>0</v>
      </c>
      <c r="AT795" s="53">
        <v>0</v>
      </c>
      <c r="AU795" s="53">
        <v>0</v>
      </c>
      <c r="AV795" s="53">
        <v>0</v>
      </c>
      <c r="AW795" s="53">
        <v>0</v>
      </c>
      <c r="AX795" s="53">
        <v>0</v>
      </c>
      <c r="AY795" s="53">
        <v>0</v>
      </c>
      <c r="AZ795" s="53">
        <v>0</v>
      </c>
      <c r="BA795" s="53">
        <v>0</v>
      </c>
    </row>
    <row r="796" spans="1:53">
      <c r="A796" s="52" t="s">
        <v>4108</v>
      </c>
      <c r="B796" s="53">
        <v>-1628536.39234651</v>
      </c>
      <c r="C796" s="53">
        <v>-1000630.1662231</v>
      </c>
      <c r="D796" s="53">
        <v>-1063065.7737821799</v>
      </c>
      <c r="E796" s="53">
        <v>-1124084.9225818799</v>
      </c>
      <c r="F796" s="53">
        <v>-1184836.8315369</v>
      </c>
      <c r="G796" s="53">
        <v>-1243965.76444549</v>
      </c>
      <c r="H796" s="53">
        <v>-1303937.35334939</v>
      </c>
      <c r="I796" s="53">
        <v>-1360542.25622231</v>
      </c>
      <c r="J796" s="53">
        <v>-1419762.99795754</v>
      </c>
      <c r="K796" s="53">
        <v>-969983.63380643597</v>
      </c>
      <c r="L796" s="53">
        <v>-1012028.09912474</v>
      </c>
      <c r="M796" s="53">
        <v>-428363.86857025803</v>
      </c>
      <c r="N796" s="53">
        <v>-13739738.059946701</v>
      </c>
      <c r="O796" s="53">
        <v>-428695.30360231898</v>
      </c>
      <c r="P796" s="53">
        <v>-445035.24696670199</v>
      </c>
      <c r="Q796" s="53">
        <v>-459047.51420579402</v>
      </c>
      <c r="R796" s="53">
        <v>-473238.05153247598</v>
      </c>
      <c r="S796" s="53">
        <v>-486647.497324411</v>
      </c>
      <c r="T796" s="53">
        <v>-499731.424036148</v>
      </c>
      <c r="U796" s="53">
        <v>-514172.37521796598</v>
      </c>
      <c r="V796" s="53">
        <v>-528573.59822041704</v>
      </c>
      <c r="W796" s="53">
        <v>-543937.793520284</v>
      </c>
      <c r="X796" s="53">
        <v>-558724.77859566896</v>
      </c>
      <c r="Y796" s="53">
        <v>-571021.90375214396</v>
      </c>
      <c r="Z796" s="53">
        <v>-89208.547779216897</v>
      </c>
      <c r="AA796" s="53">
        <v>-5598034.0347535498</v>
      </c>
      <c r="AB796" s="53">
        <v>-88257.952567376298</v>
      </c>
      <c r="AC796" s="53">
        <v>-105000.722327504</v>
      </c>
      <c r="AD796" s="53">
        <v>-135803.870542588</v>
      </c>
      <c r="AE796" s="53">
        <v>-166991.81070715</v>
      </c>
      <c r="AF796" s="53">
        <v>-198569.34896613299</v>
      </c>
      <c r="AG796" s="53">
        <v>-230541.35913505199</v>
      </c>
      <c r="AH796" s="53">
        <v>-262912.78376551101</v>
      </c>
      <c r="AI796" s="53">
        <v>-295688.63522928703</v>
      </c>
      <c r="AJ796" s="53">
        <v>-328873.99682111002</v>
      </c>
      <c r="AK796" s="53">
        <v>-362474.02388059499</v>
      </c>
      <c r="AL796" s="53">
        <v>-396493.94493376999</v>
      </c>
      <c r="AM796" s="53">
        <v>-430939.06285446999</v>
      </c>
      <c r="AN796" s="53">
        <v>-3002547.5117305499</v>
      </c>
      <c r="AO796" s="53">
        <v>-445632.05835041997</v>
      </c>
      <c r="AP796" s="53">
        <v>-480386.91746492498</v>
      </c>
      <c r="AQ796" s="53">
        <v>-84073.627312331999</v>
      </c>
      <c r="AR796" s="53">
        <v>-99689.554899825598</v>
      </c>
      <c r="AS796" s="53">
        <v>-115499.899806432</v>
      </c>
      <c r="AT796" s="53">
        <v>-131507.09123788201</v>
      </c>
      <c r="AU796" s="53">
        <v>-147713.59264516199</v>
      </c>
      <c r="AV796" s="53">
        <v>-164121.902264567</v>
      </c>
      <c r="AW796" s="53">
        <v>-180734.553667042</v>
      </c>
      <c r="AX796" s="53">
        <v>-197554.116317081</v>
      </c>
      <c r="AY796" s="53">
        <v>-214583.19614138</v>
      </c>
      <c r="AZ796" s="53">
        <v>-231824.43610739501</v>
      </c>
      <c r="BA796" s="53">
        <v>-2493320.9462144398</v>
      </c>
    </row>
    <row r="797" spans="1:53">
      <c r="A797" s="52" t="s">
        <v>4109</v>
      </c>
      <c r="B797" s="53"/>
      <c r="C797" s="53"/>
      <c r="D797" s="53"/>
      <c r="E797" s="53"/>
      <c r="F797" s="53"/>
      <c r="G797" s="53"/>
      <c r="H797" s="53"/>
      <c r="I797" s="53"/>
      <c r="J797" s="53"/>
      <c r="K797" s="53"/>
      <c r="L797" s="53"/>
      <c r="M797" s="53"/>
      <c r="N797" s="53"/>
      <c r="O797" s="53"/>
      <c r="P797" s="53"/>
      <c r="Q797" s="53"/>
      <c r="R797" s="53"/>
      <c r="S797" s="53"/>
      <c r="T797" s="53"/>
      <c r="U797" s="53"/>
      <c r="V797" s="53"/>
      <c r="W797" s="53"/>
      <c r="X797" s="53"/>
      <c r="Y797" s="53"/>
      <c r="Z797" s="53"/>
      <c r="AA797" s="53"/>
      <c r="AB797" s="53"/>
      <c r="AC797" s="53"/>
      <c r="AD797" s="53"/>
      <c r="AE797" s="53"/>
      <c r="AF797" s="53"/>
      <c r="AG797" s="53"/>
      <c r="AH797" s="53"/>
      <c r="AI797" s="53"/>
      <c r="AJ797" s="53"/>
      <c r="AK797" s="53"/>
      <c r="AL797" s="53"/>
      <c r="AM797" s="53"/>
      <c r="AN797" s="53"/>
      <c r="AO797" s="53"/>
      <c r="AP797" s="53"/>
      <c r="AQ797" s="53"/>
      <c r="AR797" s="53"/>
      <c r="AS797" s="53"/>
      <c r="AT797" s="53"/>
      <c r="AU797" s="53"/>
      <c r="AV797" s="53"/>
      <c r="AW797" s="53"/>
      <c r="AX797" s="53"/>
      <c r="AY797" s="53"/>
      <c r="AZ797" s="53"/>
      <c r="BA797" s="53"/>
    </row>
    <row r="798" spans="1:53">
      <c r="A798" s="52" t="s">
        <v>4110</v>
      </c>
      <c r="B798" s="53">
        <v>0</v>
      </c>
      <c r="C798" s="53">
        <v>0</v>
      </c>
      <c r="D798" s="53">
        <v>0</v>
      </c>
      <c r="E798" s="53">
        <v>0</v>
      </c>
      <c r="F798" s="53">
        <v>0</v>
      </c>
      <c r="G798" s="53">
        <v>0</v>
      </c>
      <c r="H798" s="53">
        <v>0</v>
      </c>
      <c r="I798" s="53">
        <v>0</v>
      </c>
      <c r="J798" s="53">
        <v>0</v>
      </c>
      <c r="K798" s="53">
        <v>0</v>
      </c>
      <c r="L798" s="53">
        <v>0</v>
      </c>
      <c r="M798" s="53">
        <v>0</v>
      </c>
      <c r="N798" s="53">
        <v>0</v>
      </c>
      <c r="O798" s="53">
        <v>0</v>
      </c>
      <c r="P798" s="53">
        <v>0</v>
      </c>
      <c r="Q798" s="53">
        <v>0</v>
      </c>
      <c r="R798" s="53">
        <v>0</v>
      </c>
      <c r="S798" s="53">
        <v>0</v>
      </c>
      <c r="T798" s="53">
        <v>0</v>
      </c>
      <c r="U798" s="53">
        <v>0</v>
      </c>
      <c r="V798" s="53">
        <v>0</v>
      </c>
      <c r="W798" s="53">
        <v>0</v>
      </c>
      <c r="X798" s="53">
        <v>0</v>
      </c>
      <c r="Y798" s="53">
        <v>0</v>
      </c>
      <c r="Z798" s="53">
        <v>0</v>
      </c>
      <c r="AA798" s="53">
        <v>0</v>
      </c>
      <c r="AB798" s="53">
        <v>0</v>
      </c>
      <c r="AC798" s="53">
        <v>0</v>
      </c>
      <c r="AD798" s="53">
        <v>0</v>
      </c>
      <c r="AE798" s="53">
        <v>0</v>
      </c>
      <c r="AF798" s="53">
        <v>0</v>
      </c>
      <c r="AG798" s="53">
        <v>0</v>
      </c>
      <c r="AH798" s="53">
        <v>0</v>
      </c>
      <c r="AI798" s="53">
        <v>0</v>
      </c>
      <c r="AJ798" s="53">
        <v>0</v>
      </c>
      <c r="AK798" s="53">
        <v>0</v>
      </c>
      <c r="AL798" s="53">
        <v>0</v>
      </c>
      <c r="AM798" s="53">
        <v>0</v>
      </c>
      <c r="AN798" s="53">
        <v>0</v>
      </c>
      <c r="AO798" s="53">
        <v>0</v>
      </c>
      <c r="AP798" s="53">
        <v>0</v>
      </c>
      <c r="AQ798" s="53">
        <v>0</v>
      </c>
      <c r="AR798" s="53">
        <v>0</v>
      </c>
      <c r="AS798" s="53">
        <v>0</v>
      </c>
      <c r="AT798" s="53">
        <v>0</v>
      </c>
      <c r="AU798" s="53">
        <v>0</v>
      </c>
      <c r="AV798" s="53">
        <v>0</v>
      </c>
      <c r="AW798" s="53">
        <v>0</v>
      </c>
      <c r="AX798" s="53">
        <v>0</v>
      </c>
      <c r="AY798" s="53">
        <v>0</v>
      </c>
      <c r="AZ798" s="53">
        <v>0</v>
      </c>
      <c r="BA798" s="53">
        <v>0</v>
      </c>
    </row>
    <row r="799" spans="1:53">
      <c r="A799" s="52" t="s">
        <v>4111</v>
      </c>
      <c r="B799" s="53">
        <v>0</v>
      </c>
      <c r="C799" s="53">
        <v>0</v>
      </c>
      <c r="D799" s="53">
        <v>0</v>
      </c>
      <c r="E799" s="53">
        <v>0</v>
      </c>
      <c r="F799" s="53">
        <v>0</v>
      </c>
      <c r="G799" s="53">
        <v>0</v>
      </c>
      <c r="H799" s="53">
        <v>0</v>
      </c>
      <c r="I799" s="53">
        <v>0</v>
      </c>
      <c r="J799" s="53">
        <v>0</v>
      </c>
      <c r="K799" s="53">
        <v>0</v>
      </c>
      <c r="L799" s="53">
        <v>0</v>
      </c>
      <c r="M799" s="53">
        <v>0</v>
      </c>
      <c r="N799" s="53">
        <v>0</v>
      </c>
      <c r="O799" s="53">
        <v>0</v>
      </c>
      <c r="P799" s="53">
        <v>0</v>
      </c>
      <c r="Q799" s="53">
        <v>0</v>
      </c>
      <c r="R799" s="53">
        <v>0</v>
      </c>
      <c r="S799" s="53">
        <v>0</v>
      </c>
      <c r="T799" s="53">
        <v>0</v>
      </c>
      <c r="U799" s="53">
        <v>0</v>
      </c>
      <c r="V799" s="53">
        <v>0</v>
      </c>
      <c r="W799" s="53">
        <v>0</v>
      </c>
      <c r="X799" s="53">
        <v>0</v>
      </c>
      <c r="Y799" s="53">
        <v>0</v>
      </c>
      <c r="Z799" s="53">
        <v>0</v>
      </c>
      <c r="AA799" s="53">
        <v>0</v>
      </c>
      <c r="AB799" s="53">
        <v>0</v>
      </c>
      <c r="AC799" s="53">
        <v>0</v>
      </c>
      <c r="AD799" s="53">
        <v>0</v>
      </c>
      <c r="AE799" s="53">
        <v>0</v>
      </c>
      <c r="AF799" s="53">
        <v>0</v>
      </c>
      <c r="AG799" s="53">
        <v>0</v>
      </c>
      <c r="AH799" s="53">
        <v>0</v>
      </c>
      <c r="AI799" s="53">
        <v>0</v>
      </c>
      <c r="AJ799" s="53">
        <v>0</v>
      </c>
      <c r="AK799" s="53">
        <v>0</v>
      </c>
      <c r="AL799" s="53">
        <v>0</v>
      </c>
      <c r="AM799" s="53">
        <v>0</v>
      </c>
      <c r="AN799" s="53">
        <v>0</v>
      </c>
      <c r="AO799" s="53">
        <v>0</v>
      </c>
      <c r="AP799" s="53">
        <v>0</v>
      </c>
      <c r="AQ799" s="53">
        <v>0</v>
      </c>
      <c r="AR799" s="53">
        <v>0</v>
      </c>
      <c r="AS799" s="53">
        <v>0</v>
      </c>
      <c r="AT799" s="53">
        <v>0</v>
      </c>
      <c r="AU799" s="53">
        <v>0</v>
      </c>
      <c r="AV799" s="53">
        <v>0</v>
      </c>
      <c r="AW799" s="53">
        <v>0</v>
      </c>
      <c r="AX799" s="53">
        <v>0</v>
      </c>
      <c r="AY799" s="53">
        <v>0</v>
      </c>
      <c r="AZ799" s="53">
        <v>0</v>
      </c>
      <c r="BA799" s="53">
        <v>0</v>
      </c>
    </row>
    <row r="800" spans="1:53">
      <c r="A800" s="52" t="s">
        <v>4112</v>
      </c>
      <c r="B800" s="53">
        <v>-216833.99999999901</v>
      </c>
      <c r="C800" s="53">
        <v>-216833.99999999901</v>
      </c>
      <c r="D800" s="53">
        <v>-216833.99999999901</v>
      </c>
      <c r="E800" s="53">
        <v>-216833.99999999901</v>
      </c>
      <c r="F800" s="53">
        <v>-216833.99999999901</v>
      </c>
      <c r="G800" s="53">
        <v>-216833.99999999901</v>
      </c>
      <c r="H800" s="53">
        <v>-216833.99999999901</v>
      </c>
      <c r="I800" s="53">
        <v>-216833.99999999901</v>
      </c>
      <c r="J800" s="53">
        <v>-216833.99999999901</v>
      </c>
      <c r="K800" s="53">
        <v>-216833.99999999901</v>
      </c>
      <c r="L800" s="53">
        <v>-216833.99999999901</v>
      </c>
      <c r="M800" s="53">
        <v>-216833.99999999901</v>
      </c>
      <c r="N800" s="53">
        <v>-2602007.99999998</v>
      </c>
      <c r="O800" s="53">
        <v>-216833.99999999901</v>
      </c>
      <c r="P800" s="53">
        <v>-216833.99999999901</v>
      </c>
      <c r="Q800" s="53">
        <v>-216833.99999999901</v>
      </c>
      <c r="R800" s="53">
        <v>-216833.99999999901</v>
      </c>
      <c r="S800" s="53">
        <v>-216833.99999999901</v>
      </c>
      <c r="T800" s="53">
        <v>-216833.99999999901</v>
      </c>
      <c r="U800" s="53">
        <v>-216833.99999999901</v>
      </c>
      <c r="V800" s="53">
        <v>-216833.99999999901</v>
      </c>
      <c r="W800" s="53">
        <v>-216833.99999999901</v>
      </c>
      <c r="X800" s="53">
        <v>-216833.99999999901</v>
      </c>
      <c r="Y800" s="53">
        <v>-216833.99999999901</v>
      </c>
      <c r="Z800" s="53">
        <v>-216833.99999999901</v>
      </c>
      <c r="AA800" s="53">
        <v>-2602007.99999998</v>
      </c>
      <c r="AB800" s="53">
        <v>-216833.99999999901</v>
      </c>
      <c r="AC800" s="53">
        <v>-216833.99999999901</v>
      </c>
      <c r="AD800" s="53">
        <v>-216833.99999999901</v>
      </c>
      <c r="AE800" s="53">
        <v>-216833.99999999901</v>
      </c>
      <c r="AF800" s="53">
        <v>-216833.99999999901</v>
      </c>
      <c r="AG800" s="53">
        <v>-216833.99999999901</v>
      </c>
      <c r="AH800" s="53">
        <v>-216833.99999999901</v>
      </c>
      <c r="AI800" s="53">
        <v>-216833.99999999901</v>
      </c>
      <c r="AJ800" s="53">
        <v>-216833.99999999901</v>
      </c>
      <c r="AK800" s="53">
        <v>-216833.99999999901</v>
      </c>
      <c r="AL800" s="53">
        <v>-216833.99999999901</v>
      </c>
      <c r="AM800" s="53">
        <v>-216833.99999999901</v>
      </c>
      <c r="AN800" s="53">
        <v>-2602007.99999998</v>
      </c>
      <c r="AO800" s="53">
        <v>-216833.99999999901</v>
      </c>
      <c r="AP800" s="53">
        <v>-216833.99999999901</v>
      </c>
      <c r="AQ800" s="53">
        <v>-216833.99999999901</v>
      </c>
      <c r="AR800" s="53">
        <v>-216833.99999999901</v>
      </c>
      <c r="AS800" s="53">
        <v>-216833.99999999901</v>
      </c>
      <c r="AT800" s="53">
        <v>-216833.99999999901</v>
      </c>
      <c r="AU800" s="53">
        <v>-216833.99999999901</v>
      </c>
      <c r="AV800" s="53">
        <v>-216833.99999999901</v>
      </c>
      <c r="AW800" s="53">
        <v>-216833.99999999901</v>
      </c>
      <c r="AX800" s="53">
        <v>-216833.99999999901</v>
      </c>
      <c r="AY800" s="53">
        <v>-216833.99999999901</v>
      </c>
      <c r="AZ800" s="53">
        <v>-216833.99999999901</v>
      </c>
      <c r="BA800" s="53">
        <v>-2602007.99999998</v>
      </c>
    </row>
    <row r="801" spans="1:53">
      <c r="A801" s="52" t="s">
        <v>4113</v>
      </c>
      <c r="B801" s="53">
        <v>0</v>
      </c>
      <c r="C801" s="53">
        <v>0</v>
      </c>
      <c r="D801" s="53">
        <v>0</v>
      </c>
      <c r="E801" s="53">
        <v>0</v>
      </c>
      <c r="F801" s="53">
        <v>0</v>
      </c>
      <c r="G801" s="53">
        <v>0</v>
      </c>
      <c r="H801" s="53">
        <v>0</v>
      </c>
      <c r="I801" s="53">
        <v>0</v>
      </c>
      <c r="J801" s="53">
        <v>0</v>
      </c>
      <c r="K801" s="53">
        <v>0</v>
      </c>
      <c r="L801" s="53">
        <v>0</v>
      </c>
      <c r="M801" s="53">
        <v>0</v>
      </c>
      <c r="N801" s="53">
        <v>0</v>
      </c>
      <c r="O801" s="53">
        <v>0</v>
      </c>
      <c r="P801" s="53">
        <v>0</v>
      </c>
      <c r="Q801" s="53">
        <v>0</v>
      </c>
      <c r="R801" s="53">
        <v>0</v>
      </c>
      <c r="S801" s="53">
        <v>0</v>
      </c>
      <c r="T801" s="53">
        <v>0</v>
      </c>
      <c r="U801" s="53">
        <v>0</v>
      </c>
      <c r="V801" s="53">
        <v>0</v>
      </c>
      <c r="W801" s="53">
        <v>0</v>
      </c>
      <c r="X801" s="53">
        <v>0</v>
      </c>
      <c r="Y801" s="53">
        <v>0</v>
      </c>
      <c r="Z801" s="53">
        <v>0</v>
      </c>
      <c r="AA801" s="53">
        <v>0</v>
      </c>
      <c r="AB801" s="53">
        <v>0</v>
      </c>
      <c r="AC801" s="53">
        <v>0</v>
      </c>
      <c r="AD801" s="53">
        <v>0</v>
      </c>
      <c r="AE801" s="53">
        <v>0</v>
      </c>
      <c r="AF801" s="53">
        <v>0</v>
      </c>
      <c r="AG801" s="53">
        <v>0</v>
      </c>
      <c r="AH801" s="53">
        <v>0</v>
      </c>
      <c r="AI801" s="53">
        <v>0</v>
      </c>
      <c r="AJ801" s="53">
        <v>0</v>
      </c>
      <c r="AK801" s="53">
        <v>0</v>
      </c>
      <c r="AL801" s="53">
        <v>0</v>
      </c>
      <c r="AM801" s="53">
        <v>0</v>
      </c>
      <c r="AN801" s="53">
        <v>0</v>
      </c>
      <c r="AO801" s="53">
        <v>0</v>
      </c>
      <c r="AP801" s="53">
        <v>0</v>
      </c>
      <c r="AQ801" s="53">
        <v>0</v>
      </c>
      <c r="AR801" s="53">
        <v>0</v>
      </c>
      <c r="AS801" s="53">
        <v>0</v>
      </c>
      <c r="AT801" s="53">
        <v>0</v>
      </c>
      <c r="AU801" s="53">
        <v>0</v>
      </c>
      <c r="AV801" s="53">
        <v>0</v>
      </c>
      <c r="AW801" s="53">
        <v>0</v>
      </c>
      <c r="AX801" s="53">
        <v>0</v>
      </c>
      <c r="AY801" s="53">
        <v>0</v>
      </c>
      <c r="AZ801" s="53">
        <v>0</v>
      </c>
      <c r="BA801" s="53">
        <v>0</v>
      </c>
    </row>
    <row r="802" spans="1:53">
      <c r="A802" s="52" t="s">
        <v>4114</v>
      </c>
      <c r="B802" s="53">
        <v>0</v>
      </c>
      <c r="C802" s="53">
        <v>0</v>
      </c>
      <c r="D802" s="53">
        <v>0</v>
      </c>
      <c r="E802" s="53">
        <v>0</v>
      </c>
      <c r="F802" s="53">
        <v>0</v>
      </c>
      <c r="G802" s="53">
        <v>0</v>
      </c>
      <c r="H802" s="53">
        <v>0</v>
      </c>
      <c r="I802" s="53">
        <v>0</v>
      </c>
      <c r="J802" s="53">
        <v>0</v>
      </c>
      <c r="K802" s="53">
        <v>0</v>
      </c>
      <c r="L802" s="53">
        <v>0</v>
      </c>
      <c r="M802" s="53">
        <v>0</v>
      </c>
      <c r="N802" s="53">
        <v>0</v>
      </c>
      <c r="O802" s="53">
        <v>0</v>
      </c>
      <c r="P802" s="53">
        <v>0</v>
      </c>
      <c r="Q802" s="53">
        <v>0</v>
      </c>
      <c r="R802" s="53">
        <v>0</v>
      </c>
      <c r="S802" s="53">
        <v>0</v>
      </c>
      <c r="T802" s="53">
        <v>0</v>
      </c>
      <c r="U802" s="53">
        <v>0</v>
      </c>
      <c r="V802" s="53">
        <v>0</v>
      </c>
      <c r="W802" s="53">
        <v>0</v>
      </c>
      <c r="X802" s="53">
        <v>0</v>
      </c>
      <c r="Y802" s="53">
        <v>0</v>
      </c>
      <c r="Z802" s="53">
        <v>0</v>
      </c>
      <c r="AA802" s="53">
        <v>0</v>
      </c>
      <c r="AB802" s="53">
        <v>0</v>
      </c>
      <c r="AC802" s="53">
        <v>0</v>
      </c>
      <c r="AD802" s="53">
        <v>0</v>
      </c>
      <c r="AE802" s="53">
        <v>0</v>
      </c>
      <c r="AF802" s="53">
        <v>0</v>
      </c>
      <c r="AG802" s="53">
        <v>0</v>
      </c>
      <c r="AH802" s="53">
        <v>0</v>
      </c>
      <c r="AI802" s="53">
        <v>0</v>
      </c>
      <c r="AJ802" s="53">
        <v>0</v>
      </c>
      <c r="AK802" s="53">
        <v>0</v>
      </c>
      <c r="AL802" s="53">
        <v>0</v>
      </c>
      <c r="AM802" s="53">
        <v>0</v>
      </c>
      <c r="AN802" s="53">
        <v>0</v>
      </c>
      <c r="AO802" s="53">
        <v>0</v>
      </c>
      <c r="AP802" s="53">
        <v>0</v>
      </c>
      <c r="AQ802" s="53">
        <v>0</v>
      </c>
      <c r="AR802" s="53">
        <v>0</v>
      </c>
      <c r="AS802" s="53">
        <v>0</v>
      </c>
      <c r="AT802" s="53">
        <v>0</v>
      </c>
      <c r="AU802" s="53">
        <v>0</v>
      </c>
      <c r="AV802" s="53">
        <v>0</v>
      </c>
      <c r="AW802" s="53">
        <v>0</v>
      </c>
      <c r="AX802" s="53">
        <v>0</v>
      </c>
      <c r="AY802" s="53">
        <v>0</v>
      </c>
      <c r="AZ802" s="53">
        <v>0</v>
      </c>
      <c r="BA802" s="53">
        <v>0</v>
      </c>
    </row>
    <row r="803" spans="1:53">
      <c r="A803" s="52" t="s">
        <v>4115</v>
      </c>
      <c r="B803" s="53">
        <v>0</v>
      </c>
      <c r="C803" s="53">
        <v>0</v>
      </c>
      <c r="D803" s="53">
        <v>0</v>
      </c>
      <c r="E803" s="53">
        <v>0</v>
      </c>
      <c r="F803" s="53">
        <v>0</v>
      </c>
      <c r="G803" s="53">
        <v>0</v>
      </c>
      <c r="H803" s="53">
        <v>0</v>
      </c>
      <c r="I803" s="53">
        <v>0</v>
      </c>
      <c r="J803" s="53">
        <v>0</v>
      </c>
      <c r="K803" s="53">
        <v>0</v>
      </c>
      <c r="L803" s="53">
        <v>0</v>
      </c>
      <c r="M803" s="53">
        <v>0</v>
      </c>
      <c r="N803" s="53">
        <v>0</v>
      </c>
      <c r="O803" s="53">
        <v>0</v>
      </c>
      <c r="P803" s="53">
        <v>0</v>
      </c>
      <c r="Q803" s="53">
        <v>0</v>
      </c>
      <c r="R803" s="53">
        <v>0</v>
      </c>
      <c r="S803" s="53">
        <v>0</v>
      </c>
      <c r="T803" s="53">
        <v>0</v>
      </c>
      <c r="U803" s="53">
        <v>0</v>
      </c>
      <c r="V803" s="53">
        <v>0</v>
      </c>
      <c r="W803" s="53">
        <v>0</v>
      </c>
      <c r="X803" s="53">
        <v>0</v>
      </c>
      <c r="Y803" s="53">
        <v>0</v>
      </c>
      <c r="Z803" s="53">
        <v>0</v>
      </c>
      <c r="AA803" s="53">
        <v>0</v>
      </c>
      <c r="AB803" s="53">
        <v>0</v>
      </c>
      <c r="AC803" s="53">
        <v>0</v>
      </c>
      <c r="AD803" s="53">
        <v>0</v>
      </c>
      <c r="AE803" s="53">
        <v>0</v>
      </c>
      <c r="AF803" s="53">
        <v>0</v>
      </c>
      <c r="AG803" s="53">
        <v>0</v>
      </c>
      <c r="AH803" s="53">
        <v>0</v>
      </c>
      <c r="AI803" s="53">
        <v>0</v>
      </c>
      <c r="AJ803" s="53">
        <v>0</v>
      </c>
      <c r="AK803" s="53">
        <v>0</v>
      </c>
      <c r="AL803" s="53">
        <v>0</v>
      </c>
      <c r="AM803" s="53">
        <v>0</v>
      </c>
      <c r="AN803" s="53">
        <v>0</v>
      </c>
      <c r="AO803" s="53">
        <v>0</v>
      </c>
      <c r="AP803" s="53">
        <v>0</v>
      </c>
      <c r="AQ803" s="53">
        <v>0</v>
      </c>
      <c r="AR803" s="53">
        <v>0</v>
      </c>
      <c r="AS803" s="53">
        <v>0</v>
      </c>
      <c r="AT803" s="53">
        <v>0</v>
      </c>
      <c r="AU803" s="53">
        <v>0</v>
      </c>
      <c r="AV803" s="53">
        <v>0</v>
      </c>
      <c r="AW803" s="53">
        <v>0</v>
      </c>
      <c r="AX803" s="53">
        <v>0</v>
      </c>
      <c r="AY803" s="53">
        <v>0</v>
      </c>
      <c r="AZ803" s="53">
        <v>0</v>
      </c>
      <c r="BA803" s="53">
        <v>0</v>
      </c>
    </row>
    <row r="804" spans="1:53">
      <c r="A804" s="52" t="s">
        <v>4116</v>
      </c>
      <c r="B804" s="53">
        <v>0</v>
      </c>
      <c r="C804" s="53">
        <v>0</v>
      </c>
      <c r="D804" s="53">
        <v>0</v>
      </c>
      <c r="E804" s="53">
        <v>0</v>
      </c>
      <c r="F804" s="53">
        <v>0</v>
      </c>
      <c r="G804" s="53">
        <v>0</v>
      </c>
      <c r="H804" s="53">
        <v>0</v>
      </c>
      <c r="I804" s="53">
        <v>0</v>
      </c>
      <c r="J804" s="53">
        <v>0</v>
      </c>
      <c r="K804" s="53">
        <v>0</v>
      </c>
      <c r="L804" s="53">
        <v>0</v>
      </c>
      <c r="M804" s="53">
        <v>0</v>
      </c>
      <c r="N804" s="53">
        <v>0</v>
      </c>
      <c r="O804" s="53">
        <v>0</v>
      </c>
      <c r="P804" s="53">
        <v>0</v>
      </c>
      <c r="Q804" s="53">
        <v>0</v>
      </c>
      <c r="R804" s="53">
        <v>0</v>
      </c>
      <c r="S804" s="53">
        <v>0</v>
      </c>
      <c r="T804" s="53">
        <v>0</v>
      </c>
      <c r="U804" s="53">
        <v>0</v>
      </c>
      <c r="V804" s="53">
        <v>0</v>
      </c>
      <c r="W804" s="53">
        <v>0</v>
      </c>
      <c r="X804" s="53">
        <v>0</v>
      </c>
      <c r="Y804" s="53">
        <v>0</v>
      </c>
      <c r="Z804" s="53">
        <v>0</v>
      </c>
      <c r="AA804" s="53">
        <v>0</v>
      </c>
      <c r="AB804" s="53">
        <v>0</v>
      </c>
      <c r="AC804" s="53">
        <v>0</v>
      </c>
      <c r="AD804" s="53">
        <v>0</v>
      </c>
      <c r="AE804" s="53">
        <v>0</v>
      </c>
      <c r="AF804" s="53">
        <v>0</v>
      </c>
      <c r="AG804" s="53">
        <v>0</v>
      </c>
      <c r="AH804" s="53">
        <v>0</v>
      </c>
      <c r="AI804" s="53">
        <v>0</v>
      </c>
      <c r="AJ804" s="53">
        <v>0</v>
      </c>
      <c r="AK804" s="53">
        <v>0</v>
      </c>
      <c r="AL804" s="53">
        <v>0</v>
      </c>
      <c r="AM804" s="53">
        <v>0</v>
      </c>
      <c r="AN804" s="53">
        <v>0</v>
      </c>
      <c r="AO804" s="53">
        <v>0</v>
      </c>
      <c r="AP804" s="53">
        <v>0</v>
      </c>
      <c r="AQ804" s="53">
        <v>0</v>
      </c>
      <c r="AR804" s="53">
        <v>0</v>
      </c>
      <c r="AS804" s="53">
        <v>0</v>
      </c>
      <c r="AT804" s="53">
        <v>0</v>
      </c>
      <c r="AU804" s="53">
        <v>0</v>
      </c>
      <c r="AV804" s="53">
        <v>0</v>
      </c>
      <c r="AW804" s="53">
        <v>0</v>
      </c>
      <c r="AX804" s="53">
        <v>0</v>
      </c>
      <c r="AY804" s="53">
        <v>0</v>
      </c>
      <c r="AZ804" s="53">
        <v>0</v>
      </c>
      <c r="BA804" s="53">
        <v>0</v>
      </c>
    </row>
    <row r="805" spans="1:53">
      <c r="A805" s="52" t="s">
        <v>4117</v>
      </c>
      <c r="B805" s="53">
        <v>0</v>
      </c>
      <c r="C805" s="53">
        <v>0</v>
      </c>
      <c r="D805" s="53">
        <v>0</v>
      </c>
      <c r="E805" s="53">
        <v>0</v>
      </c>
      <c r="F805" s="53">
        <v>0</v>
      </c>
      <c r="G805" s="53">
        <v>0</v>
      </c>
      <c r="H805" s="53">
        <v>0</v>
      </c>
      <c r="I805" s="53">
        <v>0</v>
      </c>
      <c r="J805" s="53">
        <v>0</v>
      </c>
      <c r="K805" s="53">
        <v>0</v>
      </c>
      <c r="L805" s="53">
        <v>0</v>
      </c>
      <c r="M805" s="53">
        <v>0</v>
      </c>
      <c r="N805" s="53">
        <v>0</v>
      </c>
      <c r="O805" s="53">
        <v>0</v>
      </c>
      <c r="P805" s="53">
        <v>0</v>
      </c>
      <c r="Q805" s="53">
        <v>0</v>
      </c>
      <c r="R805" s="53">
        <v>0</v>
      </c>
      <c r="S805" s="53">
        <v>0</v>
      </c>
      <c r="T805" s="53">
        <v>0</v>
      </c>
      <c r="U805" s="53">
        <v>0</v>
      </c>
      <c r="V805" s="53">
        <v>0</v>
      </c>
      <c r="W805" s="53">
        <v>0</v>
      </c>
      <c r="X805" s="53">
        <v>0</v>
      </c>
      <c r="Y805" s="53">
        <v>0</v>
      </c>
      <c r="Z805" s="53">
        <v>0</v>
      </c>
      <c r="AA805" s="53">
        <v>0</v>
      </c>
      <c r="AB805" s="53">
        <v>0</v>
      </c>
      <c r="AC805" s="53">
        <v>0</v>
      </c>
      <c r="AD805" s="53">
        <v>0</v>
      </c>
      <c r="AE805" s="53">
        <v>0</v>
      </c>
      <c r="AF805" s="53">
        <v>0</v>
      </c>
      <c r="AG805" s="53">
        <v>0</v>
      </c>
      <c r="AH805" s="53">
        <v>0</v>
      </c>
      <c r="AI805" s="53">
        <v>0</v>
      </c>
      <c r="AJ805" s="53">
        <v>0</v>
      </c>
      <c r="AK805" s="53">
        <v>0</v>
      </c>
      <c r="AL805" s="53">
        <v>0</v>
      </c>
      <c r="AM805" s="53">
        <v>0</v>
      </c>
      <c r="AN805" s="53">
        <v>0</v>
      </c>
      <c r="AO805" s="53">
        <v>0</v>
      </c>
      <c r="AP805" s="53">
        <v>0</v>
      </c>
      <c r="AQ805" s="53">
        <v>0</v>
      </c>
      <c r="AR805" s="53">
        <v>0</v>
      </c>
      <c r="AS805" s="53">
        <v>0</v>
      </c>
      <c r="AT805" s="53">
        <v>0</v>
      </c>
      <c r="AU805" s="53">
        <v>0</v>
      </c>
      <c r="AV805" s="53">
        <v>0</v>
      </c>
      <c r="AW805" s="53">
        <v>0</v>
      </c>
      <c r="AX805" s="53">
        <v>0</v>
      </c>
      <c r="AY805" s="53">
        <v>0</v>
      </c>
      <c r="AZ805" s="53">
        <v>0</v>
      </c>
      <c r="BA805" s="53">
        <v>0</v>
      </c>
    </row>
    <row r="806" spans="1:53">
      <c r="A806" s="52" t="s">
        <v>4118</v>
      </c>
      <c r="B806" s="53">
        <v>0</v>
      </c>
      <c r="C806" s="53">
        <v>0</v>
      </c>
      <c r="D806" s="53">
        <v>0</v>
      </c>
      <c r="E806" s="53">
        <v>0</v>
      </c>
      <c r="F806" s="53">
        <v>0</v>
      </c>
      <c r="G806" s="53">
        <v>0</v>
      </c>
      <c r="H806" s="53">
        <v>0</v>
      </c>
      <c r="I806" s="53">
        <v>0</v>
      </c>
      <c r="J806" s="53">
        <v>0</v>
      </c>
      <c r="K806" s="53">
        <v>0</v>
      </c>
      <c r="L806" s="53">
        <v>0</v>
      </c>
      <c r="M806" s="53">
        <v>0</v>
      </c>
      <c r="N806" s="53">
        <v>0</v>
      </c>
      <c r="O806" s="53">
        <v>0</v>
      </c>
      <c r="P806" s="53">
        <v>0</v>
      </c>
      <c r="Q806" s="53">
        <v>0</v>
      </c>
      <c r="R806" s="53">
        <v>0</v>
      </c>
      <c r="S806" s="53">
        <v>0</v>
      </c>
      <c r="T806" s="53">
        <v>0</v>
      </c>
      <c r="U806" s="53">
        <v>0</v>
      </c>
      <c r="V806" s="53">
        <v>0</v>
      </c>
      <c r="W806" s="53">
        <v>0</v>
      </c>
      <c r="X806" s="53">
        <v>0</v>
      </c>
      <c r="Y806" s="53">
        <v>0</v>
      </c>
      <c r="Z806" s="53">
        <v>0</v>
      </c>
      <c r="AA806" s="53">
        <v>0</v>
      </c>
      <c r="AB806" s="53">
        <v>0</v>
      </c>
      <c r="AC806" s="53">
        <v>0</v>
      </c>
      <c r="AD806" s="53">
        <v>0</v>
      </c>
      <c r="AE806" s="53">
        <v>0</v>
      </c>
      <c r="AF806" s="53">
        <v>0</v>
      </c>
      <c r="AG806" s="53">
        <v>0</v>
      </c>
      <c r="AH806" s="53">
        <v>0</v>
      </c>
      <c r="AI806" s="53">
        <v>0</v>
      </c>
      <c r="AJ806" s="53">
        <v>0</v>
      </c>
      <c r="AK806" s="53">
        <v>0</v>
      </c>
      <c r="AL806" s="53">
        <v>0</v>
      </c>
      <c r="AM806" s="53">
        <v>0</v>
      </c>
      <c r="AN806" s="53">
        <v>0</v>
      </c>
      <c r="AO806" s="53">
        <v>0</v>
      </c>
      <c r="AP806" s="53">
        <v>0</v>
      </c>
      <c r="AQ806" s="53">
        <v>0</v>
      </c>
      <c r="AR806" s="53">
        <v>0</v>
      </c>
      <c r="AS806" s="53">
        <v>0</v>
      </c>
      <c r="AT806" s="53">
        <v>0</v>
      </c>
      <c r="AU806" s="53">
        <v>0</v>
      </c>
      <c r="AV806" s="53">
        <v>0</v>
      </c>
      <c r="AW806" s="53">
        <v>0</v>
      </c>
      <c r="AX806" s="53">
        <v>0</v>
      </c>
      <c r="AY806" s="53">
        <v>0</v>
      </c>
      <c r="AZ806" s="53">
        <v>0</v>
      </c>
      <c r="BA806" s="53">
        <v>0</v>
      </c>
    </row>
    <row r="807" spans="1:53">
      <c r="A807" s="52" t="s">
        <v>4119</v>
      </c>
      <c r="B807" s="53">
        <v>0</v>
      </c>
      <c r="C807" s="53">
        <v>0</v>
      </c>
      <c r="D807" s="53">
        <v>0</v>
      </c>
      <c r="E807" s="53">
        <v>0</v>
      </c>
      <c r="F807" s="53">
        <v>0</v>
      </c>
      <c r="G807" s="53">
        <v>0</v>
      </c>
      <c r="H807" s="53">
        <v>0</v>
      </c>
      <c r="I807" s="53">
        <v>0</v>
      </c>
      <c r="J807" s="53">
        <v>0</v>
      </c>
      <c r="K807" s="53">
        <v>0</v>
      </c>
      <c r="L807" s="53">
        <v>0</v>
      </c>
      <c r="M807" s="53">
        <v>0</v>
      </c>
      <c r="N807" s="53">
        <v>0</v>
      </c>
      <c r="O807" s="53">
        <v>0</v>
      </c>
      <c r="P807" s="53">
        <v>0</v>
      </c>
      <c r="Q807" s="53">
        <v>0</v>
      </c>
      <c r="R807" s="53">
        <v>0</v>
      </c>
      <c r="S807" s="53">
        <v>0</v>
      </c>
      <c r="T807" s="53">
        <v>0</v>
      </c>
      <c r="U807" s="53">
        <v>0</v>
      </c>
      <c r="V807" s="53">
        <v>0</v>
      </c>
      <c r="W807" s="53">
        <v>0</v>
      </c>
      <c r="X807" s="53">
        <v>0</v>
      </c>
      <c r="Y807" s="53">
        <v>0</v>
      </c>
      <c r="Z807" s="53">
        <v>0</v>
      </c>
      <c r="AA807" s="53">
        <v>0</v>
      </c>
      <c r="AB807" s="53">
        <v>0</v>
      </c>
      <c r="AC807" s="53">
        <v>0</v>
      </c>
      <c r="AD807" s="53">
        <v>0</v>
      </c>
      <c r="AE807" s="53">
        <v>0</v>
      </c>
      <c r="AF807" s="53">
        <v>0</v>
      </c>
      <c r="AG807" s="53">
        <v>0</v>
      </c>
      <c r="AH807" s="53">
        <v>0</v>
      </c>
      <c r="AI807" s="53">
        <v>0</v>
      </c>
      <c r="AJ807" s="53">
        <v>0</v>
      </c>
      <c r="AK807" s="53">
        <v>0</v>
      </c>
      <c r="AL807" s="53">
        <v>0</v>
      </c>
      <c r="AM807" s="53">
        <v>0</v>
      </c>
      <c r="AN807" s="53">
        <v>0</v>
      </c>
      <c r="AO807" s="53">
        <v>0</v>
      </c>
      <c r="AP807" s="53">
        <v>0</v>
      </c>
      <c r="AQ807" s="53">
        <v>0</v>
      </c>
      <c r="AR807" s="53">
        <v>0</v>
      </c>
      <c r="AS807" s="53">
        <v>0</v>
      </c>
      <c r="AT807" s="53">
        <v>0</v>
      </c>
      <c r="AU807" s="53">
        <v>0</v>
      </c>
      <c r="AV807" s="53">
        <v>0</v>
      </c>
      <c r="AW807" s="53">
        <v>0</v>
      </c>
      <c r="AX807" s="53">
        <v>0</v>
      </c>
      <c r="AY807" s="53">
        <v>0</v>
      </c>
      <c r="AZ807" s="53">
        <v>0</v>
      </c>
      <c r="BA807" s="53">
        <v>0</v>
      </c>
    </row>
    <row r="808" spans="1:53">
      <c r="A808" s="52" t="s">
        <v>4120</v>
      </c>
      <c r="B808" s="53">
        <v>-216833.99999999901</v>
      </c>
      <c r="C808" s="53">
        <v>-216833.99999999901</v>
      </c>
      <c r="D808" s="53">
        <v>-216833.99999999901</v>
      </c>
      <c r="E808" s="53">
        <v>-216833.99999999901</v>
      </c>
      <c r="F808" s="53">
        <v>-216833.99999999901</v>
      </c>
      <c r="G808" s="53">
        <v>-216833.99999999901</v>
      </c>
      <c r="H808" s="53">
        <v>-216833.99999999901</v>
      </c>
      <c r="I808" s="53">
        <v>-216833.99999999901</v>
      </c>
      <c r="J808" s="53">
        <v>-216833.99999999901</v>
      </c>
      <c r="K808" s="53">
        <v>-216833.99999999901</v>
      </c>
      <c r="L808" s="53">
        <v>-216833.99999999901</v>
      </c>
      <c r="M808" s="53">
        <v>-216833.99999999901</v>
      </c>
      <c r="N808" s="53">
        <v>-2602007.99999998</v>
      </c>
      <c r="O808" s="53">
        <v>-216833.99999999901</v>
      </c>
      <c r="P808" s="53">
        <v>-216833.99999999901</v>
      </c>
      <c r="Q808" s="53">
        <v>-216833.99999999901</v>
      </c>
      <c r="R808" s="53">
        <v>-216833.99999999901</v>
      </c>
      <c r="S808" s="53">
        <v>-216833.99999999901</v>
      </c>
      <c r="T808" s="53">
        <v>-216833.99999999901</v>
      </c>
      <c r="U808" s="53">
        <v>-216833.99999999901</v>
      </c>
      <c r="V808" s="53">
        <v>-216833.99999999901</v>
      </c>
      <c r="W808" s="53">
        <v>-216833.99999999901</v>
      </c>
      <c r="X808" s="53">
        <v>-216833.99999999901</v>
      </c>
      <c r="Y808" s="53">
        <v>-216833.99999999901</v>
      </c>
      <c r="Z808" s="53">
        <v>-216833.99999999901</v>
      </c>
      <c r="AA808" s="53">
        <v>-2602007.99999998</v>
      </c>
      <c r="AB808" s="53">
        <v>-216833.99999999901</v>
      </c>
      <c r="AC808" s="53">
        <v>-216833.99999999901</v>
      </c>
      <c r="AD808" s="53">
        <v>-216833.99999999901</v>
      </c>
      <c r="AE808" s="53">
        <v>-216833.99999999901</v>
      </c>
      <c r="AF808" s="53">
        <v>-216833.99999999901</v>
      </c>
      <c r="AG808" s="53">
        <v>-216833.99999999901</v>
      </c>
      <c r="AH808" s="53">
        <v>-216833.99999999901</v>
      </c>
      <c r="AI808" s="53">
        <v>-216833.99999999901</v>
      </c>
      <c r="AJ808" s="53">
        <v>-216833.99999999901</v>
      </c>
      <c r="AK808" s="53">
        <v>-216833.99999999901</v>
      </c>
      <c r="AL808" s="53">
        <v>-216833.99999999901</v>
      </c>
      <c r="AM808" s="53">
        <v>-216833.99999999901</v>
      </c>
      <c r="AN808" s="53">
        <v>-2602007.99999998</v>
      </c>
      <c r="AO808" s="53">
        <v>-216833.99999999901</v>
      </c>
      <c r="AP808" s="53">
        <v>-216833.99999999901</v>
      </c>
      <c r="AQ808" s="53">
        <v>-216833.99999999901</v>
      </c>
      <c r="AR808" s="53">
        <v>-216833.99999999901</v>
      </c>
      <c r="AS808" s="53">
        <v>-216833.99999999901</v>
      </c>
      <c r="AT808" s="53">
        <v>-216833.99999999901</v>
      </c>
      <c r="AU808" s="53">
        <v>-216833.99999999901</v>
      </c>
      <c r="AV808" s="53">
        <v>-216833.99999999901</v>
      </c>
      <c r="AW808" s="53">
        <v>-216833.99999999901</v>
      </c>
      <c r="AX808" s="53">
        <v>-216833.99999999901</v>
      </c>
      <c r="AY808" s="53">
        <v>-216833.99999999901</v>
      </c>
      <c r="AZ808" s="53">
        <v>-216833.99999999901</v>
      </c>
      <c r="BA808" s="53">
        <v>-2602007.99999998</v>
      </c>
    </row>
    <row r="809" spans="1:53">
      <c r="A809" s="52" t="s">
        <v>4121</v>
      </c>
      <c r="B809" s="53"/>
      <c r="C809" s="53"/>
      <c r="D809" s="53"/>
      <c r="E809" s="53"/>
      <c r="F809" s="53"/>
      <c r="G809" s="53"/>
      <c r="H809" s="53"/>
      <c r="I809" s="53"/>
      <c r="J809" s="53"/>
      <c r="K809" s="53"/>
      <c r="L809" s="53"/>
      <c r="M809" s="53"/>
      <c r="N809" s="53"/>
      <c r="O809" s="53"/>
      <c r="P809" s="53"/>
      <c r="Q809" s="53"/>
      <c r="R809" s="53"/>
      <c r="S809" s="53"/>
      <c r="T809" s="53"/>
      <c r="U809" s="53"/>
      <c r="V809" s="53"/>
      <c r="W809" s="53"/>
      <c r="X809" s="53"/>
      <c r="Y809" s="53"/>
      <c r="Z809" s="53"/>
      <c r="AA809" s="53"/>
      <c r="AB809" s="53"/>
      <c r="AC809" s="53"/>
      <c r="AD809" s="53"/>
      <c r="AE809" s="53"/>
      <c r="AF809" s="53"/>
      <c r="AG809" s="53"/>
      <c r="AH809" s="53"/>
      <c r="AI809" s="53"/>
      <c r="AJ809" s="53"/>
      <c r="AK809" s="53"/>
      <c r="AL809" s="53"/>
      <c r="AM809" s="53"/>
      <c r="AN809" s="53"/>
      <c r="AO809" s="53"/>
      <c r="AP809" s="53"/>
      <c r="AQ809" s="53"/>
      <c r="AR809" s="53"/>
      <c r="AS809" s="53"/>
      <c r="AT809" s="53"/>
      <c r="AU809" s="53"/>
      <c r="AV809" s="53"/>
      <c r="AW809" s="53"/>
      <c r="AX809" s="53"/>
      <c r="AY809" s="53"/>
      <c r="AZ809" s="53"/>
      <c r="BA809" s="53"/>
    </row>
    <row r="810" spans="1:53">
      <c r="A810" s="52" t="s">
        <v>4122</v>
      </c>
      <c r="B810" s="53">
        <v>-110447.08333333299</v>
      </c>
      <c r="C810" s="53">
        <v>-110447.08333333299</v>
      </c>
      <c r="D810" s="53">
        <v>-110447.08333333299</v>
      </c>
      <c r="E810" s="53">
        <v>-110447.08333333299</v>
      </c>
      <c r="F810" s="53">
        <v>-110447.08333333299</v>
      </c>
      <c r="G810" s="53">
        <v>-110447.08333333299</v>
      </c>
      <c r="H810" s="53">
        <v>-110447.08333333299</v>
      </c>
      <c r="I810" s="53">
        <v>-110447.08333333299</v>
      </c>
      <c r="J810" s="53">
        <v>-110447.08333333299</v>
      </c>
      <c r="K810" s="53">
        <v>-110447.08333333299</v>
      </c>
      <c r="L810" s="53">
        <v>-110447.08333333299</v>
      </c>
      <c r="M810" s="53">
        <v>-110447.08333333299</v>
      </c>
      <c r="N810" s="53">
        <v>-1325364.99999999</v>
      </c>
      <c r="O810" s="53">
        <v>-110280.66666666701</v>
      </c>
      <c r="P810" s="53">
        <v>-110280.66666666701</v>
      </c>
      <c r="Q810" s="53">
        <v>-110280.66666666701</v>
      </c>
      <c r="R810" s="53">
        <v>-110280.66666666701</v>
      </c>
      <c r="S810" s="53">
        <v>-110280.66666666701</v>
      </c>
      <c r="T810" s="53">
        <v>-110280.66666666701</v>
      </c>
      <c r="U810" s="53">
        <v>-110280.66666666701</v>
      </c>
      <c r="V810" s="53">
        <v>-110280.66666666701</v>
      </c>
      <c r="W810" s="53">
        <v>-110280.66666666701</v>
      </c>
      <c r="X810" s="53">
        <v>-110280.66666666701</v>
      </c>
      <c r="Y810" s="53">
        <v>-110280.66666666701</v>
      </c>
      <c r="Z810" s="53">
        <v>-110280.66666666701</v>
      </c>
      <c r="AA810" s="53">
        <v>-1323368</v>
      </c>
      <c r="AB810" s="53">
        <v>-94724.916666666701</v>
      </c>
      <c r="AC810" s="53">
        <v>-94724.916666666701</v>
      </c>
      <c r="AD810" s="53">
        <v>-94724.916666666701</v>
      </c>
      <c r="AE810" s="53">
        <v>-94724.916666666701</v>
      </c>
      <c r="AF810" s="53">
        <v>-94724.916666666701</v>
      </c>
      <c r="AG810" s="53">
        <v>-94724.916666666701</v>
      </c>
      <c r="AH810" s="53">
        <v>-94724.916666666701</v>
      </c>
      <c r="AI810" s="53">
        <v>-94724.916666666701</v>
      </c>
      <c r="AJ810" s="53">
        <v>-94724.916666666701</v>
      </c>
      <c r="AK810" s="53">
        <v>-94724.916666666701</v>
      </c>
      <c r="AL810" s="53">
        <v>-94724.916666666701</v>
      </c>
      <c r="AM810" s="53">
        <v>-94724.916666666701</v>
      </c>
      <c r="AN810" s="53">
        <v>-1136699</v>
      </c>
      <c r="AO810" s="53">
        <v>-81829.833333333299</v>
      </c>
      <c r="AP810" s="53">
        <v>-81829.833333333299</v>
      </c>
      <c r="AQ810" s="53">
        <v>-81829.833333333299</v>
      </c>
      <c r="AR810" s="53">
        <v>-81829.833333333299</v>
      </c>
      <c r="AS810" s="53">
        <v>-81829.833333333299</v>
      </c>
      <c r="AT810" s="53">
        <v>-81829.833333333299</v>
      </c>
      <c r="AU810" s="53">
        <v>-81829.833333333299</v>
      </c>
      <c r="AV810" s="53">
        <v>-81829.833333333299</v>
      </c>
      <c r="AW810" s="53">
        <v>-81829.833333333299</v>
      </c>
      <c r="AX810" s="53">
        <v>-81829.833333333299</v>
      </c>
      <c r="AY810" s="53">
        <v>-81829.833333333299</v>
      </c>
      <c r="AZ810" s="53">
        <v>-81829.833333333299</v>
      </c>
      <c r="BA810" s="53">
        <v>-981957.99999999895</v>
      </c>
    </row>
    <row r="811" spans="1:53">
      <c r="A811" s="52" t="s">
        <v>4123</v>
      </c>
      <c r="B811" s="53">
        <v>0</v>
      </c>
      <c r="C811" s="53">
        <v>0</v>
      </c>
      <c r="D811" s="53">
        <v>0</v>
      </c>
      <c r="E811" s="53">
        <v>0</v>
      </c>
      <c r="F811" s="53">
        <v>0</v>
      </c>
      <c r="G811" s="53">
        <v>0</v>
      </c>
      <c r="H811" s="53">
        <v>0</v>
      </c>
      <c r="I811" s="53">
        <v>0</v>
      </c>
      <c r="J811" s="53">
        <v>0</v>
      </c>
      <c r="K811" s="53">
        <v>0</v>
      </c>
      <c r="L811" s="53">
        <v>0</v>
      </c>
      <c r="M811" s="53">
        <v>0</v>
      </c>
      <c r="N811" s="53">
        <v>0</v>
      </c>
      <c r="O811" s="53">
        <v>0</v>
      </c>
      <c r="P811" s="53">
        <v>0</v>
      </c>
      <c r="Q811" s="53">
        <v>0</v>
      </c>
      <c r="R811" s="53">
        <v>0</v>
      </c>
      <c r="S811" s="53">
        <v>0</v>
      </c>
      <c r="T811" s="53">
        <v>0</v>
      </c>
      <c r="U811" s="53">
        <v>0</v>
      </c>
      <c r="V811" s="53">
        <v>0</v>
      </c>
      <c r="W811" s="53">
        <v>0</v>
      </c>
      <c r="X811" s="53">
        <v>0</v>
      </c>
      <c r="Y811" s="53">
        <v>0</v>
      </c>
      <c r="Z811" s="53">
        <v>0</v>
      </c>
      <c r="AA811" s="53">
        <v>0</v>
      </c>
      <c r="AB811" s="53">
        <v>0</v>
      </c>
      <c r="AC811" s="53">
        <v>0</v>
      </c>
      <c r="AD811" s="53">
        <v>0</v>
      </c>
      <c r="AE811" s="53">
        <v>0</v>
      </c>
      <c r="AF811" s="53">
        <v>0</v>
      </c>
      <c r="AG811" s="53">
        <v>0</v>
      </c>
      <c r="AH811" s="53">
        <v>0</v>
      </c>
      <c r="AI811" s="53">
        <v>0</v>
      </c>
      <c r="AJ811" s="53">
        <v>0</v>
      </c>
      <c r="AK811" s="53">
        <v>0</v>
      </c>
      <c r="AL811" s="53">
        <v>0</v>
      </c>
      <c r="AM811" s="53">
        <v>0</v>
      </c>
      <c r="AN811" s="53">
        <v>0</v>
      </c>
      <c r="AO811" s="53">
        <v>0</v>
      </c>
      <c r="AP811" s="53">
        <v>0</v>
      </c>
      <c r="AQ811" s="53">
        <v>0</v>
      </c>
      <c r="AR811" s="53">
        <v>0</v>
      </c>
      <c r="AS811" s="53">
        <v>0</v>
      </c>
      <c r="AT811" s="53">
        <v>0</v>
      </c>
      <c r="AU811" s="53">
        <v>0</v>
      </c>
      <c r="AV811" s="53">
        <v>0</v>
      </c>
      <c r="AW811" s="53">
        <v>0</v>
      </c>
      <c r="AX811" s="53">
        <v>0</v>
      </c>
      <c r="AY811" s="53">
        <v>0</v>
      </c>
      <c r="AZ811" s="53">
        <v>0</v>
      </c>
      <c r="BA811" s="53">
        <v>0</v>
      </c>
    </row>
    <row r="812" spans="1:53">
      <c r="A812" s="52" t="s">
        <v>4124</v>
      </c>
      <c r="B812" s="53">
        <v>0</v>
      </c>
      <c r="C812" s="53">
        <v>0</v>
      </c>
      <c r="D812" s="53">
        <v>0</v>
      </c>
      <c r="E812" s="53">
        <v>0</v>
      </c>
      <c r="F812" s="53">
        <v>0</v>
      </c>
      <c r="G812" s="53">
        <v>0</v>
      </c>
      <c r="H812" s="53">
        <v>0</v>
      </c>
      <c r="I812" s="53">
        <v>0</v>
      </c>
      <c r="J812" s="53">
        <v>0</v>
      </c>
      <c r="K812" s="53">
        <v>0</v>
      </c>
      <c r="L812" s="53">
        <v>0</v>
      </c>
      <c r="M812" s="53">
        <v>0</v>
      </c>
      <c r="N812" s="53">
        <v>0</v>
      </c>
      <c r="O812" s="53">
        <v>0</v>
      </c>
      <c r="P812" s="53">
        <v>0</v>
      </c>
      <c r="Q812" s="53">
        <v>0</v>
      </c>
      <c r="R812" s="53">
        <v>0</v>
      </c>
      <c r="S812" s="53">
        <v>0</v>
      </c>
      <c r="T812" s="53">
        <v>0</v>
      </c>
      <c r="U812" s="53">
        <v>0</v>
      </c>
      <c r="V812" s="53">
        <v>0</v>
      </c>
      <c r="W812" s="53">
        <v>0</v>
      </c>
      <c r="X812" s="53">
        <v>0</v>
      </c>
      <c r="Y812" s="53">
        <v>0</v>
      </c>
      <c r="Z812" s="53">
        <v>0</v>
      </c>
      <c r="AA812" s="53">
        <v>0</v>
      </c>
      <c r="AB812" s="53">
        <v>0</v>
      </c>
      <c r="AC812" s="53">
        <v>0</v>
      </c>
      <c r="AD812" s="53">
        <v>0</v>
      </c>
      <c r="AE812" s="53">
        <v>0</v>
      </c>
      <c r="AF812" s="53">
        <v>0</v>
      </c>
      <c r="AG812" s="53">
        <v>0</v>
      </c>
      <c r="AH812" s="53">
        <v>0</v>
      </c>
      <c r="AI812" s="53">
        <v>0</v>
      </c>
      <c r="AJ812" s="53">
        <v>0</v>
      </c>
      <c r="AK812" s="53">
        <v>0</v>
      </c>
      <c r="AL812" s="53">
        <v>0</v>
      </c>
      <c r="AM812" s="53">
        <v>0</v>
      </c>
      <c r="AN812" s="53">
        <v>0</v>
      </c>
      <c r="AO812" s="53">
        <v>0</v>
      </c>
      <c r="AP812" s="53">
        <v>0</v>
      </c>
      <c r="AQ812" s="53">
        <v>0</v>
      </c>
      <c r="AR812" s="53">
        <v>0</v>
      </c>
      <c r="AS812" s="53">
        <v>0</v>
      </c>
      <c r="AT812" s="53">
        <v>0</v>
      </c>
      <c r="AU812" s="53">
        <v>0</v>
      </c>
      <c r="AV812" s="53">
        <v>0</v>
      </c>
      <c r="AW812" s="53">
        <v>0</v>
      </c>
      <c r="AX812" s="53">
        <v>0</v>
      </c>
      <c r="AY812" s="53">
        <v>0</v>
      </c>
      <c r="AZ812" s="53">
        <v>0</v>
      </c>
      <c r="BA812" s="53">
        <v>0</v>
      </c>
    </row>
    <row r="813" spans="1:53">
      <c r="A813" s="52" t="s">
        <v>4125</v>
      </c>
      <c r="B813" s="53">
        <v>-110447.08333333299</v>
      </c>
      <c r="C813" s="53">
        <v>-110447.08333333299</v>
      </c>
      <c r="D813" s="53">
        <v>-110447.08333333299</v>
      </c>
      <c r="E813" s="53">
        <v>-110447.08333333299</v>
      </c>
      <c r="F813" s="53">
        <v>-110447.08333333299</v>
      </c>
      <c r="G813" s="53">
        <v>-110447.08333333299</v>
      </c>
      <c r="H813" s="53">
        <v>-110447.08333333299</v>
      </c>
      <c r="I813" s="53">
        <v>-110447.08333333299</v>
      </c>
      <c r="J813" s="53">
        <v>-110447.08333333299</v>
      </c>
      <c r="K813" s="53">
        <v>-110447.08333333299</v>
      </c>
      <c r="L813" s="53">
        <v>-110447.08333333299</v>
      </c>
      <c r="M813" s="53">
        <v>-110447.08333333299</v>
      </c>
      <c r="N813" s="53">
        <v>-1325364.99999999</v>
      </c>
      <c r="O813" s="53">
        <v>-110280.66666666701</v>
      </c>
      <c r="P813" s="53">
        <v>-110280.66666666701</v>
      </c>
      <c r="Q813" s="53">
        <v>-110280.66666666701</v>
      </c>
      <c r="R813" s="53">
        <v>-110280.66666666701</v>
      </c>
      <c r="S813" s="53">
        <v>-110280.66666666701</v>
      </c>
      <c r="T813" s="53">
        <v>-110280.66666666701</v>
      </c>
      <c r="U813" s="53">
        <v>-110280.66666666701</v>
      </c>
      <c r="V813" s="53">
        <v>-110280.66666666701</v>
      </c>
      <c r="W813" s="53">
        <v>-110280.66666666701</v>
      </c>
      <c r="X813" s="53">
        <v>-110280.66666666701</v>
      </c>
      <c r="Y813" s="53">
        <v>-110280.66666666701</v>
      </c>
      <c r="Z813" s="53">
        <v>-110280.66666666701</v>
      </c>
      <c r="AA813" s="53">
        <v>-1323368</v>
      </c>
      <c r="AB813" s="53">
        <v>-94724.916666666701</v>
      </c>
      <c r="AC813" s="53">
        <v>-94724.916666666701</v>
      </c>
      <c r="AD813" s="53">
        <v>-94724.916666666701</v>
      </c>
      <c r="AE813" s="53">
        <v>-94724.916666666701</v>
      </c>
      <c r="AF813" s="53">
        <v>-94724.916666666701</v>
      </c>
      <c r="AG813" s="53">
        <v>-94724.916666666701</v>
      </c>
      <c r="AH813" s="53">
        <v>-94724.916666666701</v>
      </c>
      <c r="AI813" s="53">
        <v>-94724.916666666701</v>
      </c>
      <c r="AJ813" s="53">
        <v>-94724.916666666701</v>
      </c>
      <c r="AK813" s="53">
        <v>-94724.916666666701</v>
      </c>
      <c r="AL813" s="53">
        <v>-94724.916666666701</v>
      </c>
      <c r="AM813" s="53">
        <v>-94724.916666666701</v>
      </c>
      <c r="AN813" s="53">
        <v>-1136699</v>
      </c>
      <c r="AO813" s="53">
        <v>-81829.833333333299</v>
      </c>
      <c r="AP813" s="53">
        <v>-81829.833333333299</v>
      </c>
      <c r="AQ813" s="53">
        <v>-81829.833333333299</v>
      </c>
      <c r="AR813" s="53">
        <v>-81829.833333333299</v>
      </c>
      <c r="AS813" s="53">
        <v>-81829.833333333299</v>
      </c>
      <c r="AT813" s="53">
        <v>-81829.833333333299</v>
      </c>
      <c r="AU813" s="53">
        <v>-81829.833333333299</v>
      </c>
      <c r="AV813" s="53">
        <v>-81829.833333333299</v>
      </c>
      <c r="AW813" s="53">
        <v>-81829.833333333299</v>
      </c>
      <c r="AX813" s="53">
        <v>-81829.833333333299</v>
      </c>
      <c r="AY813" s="53">
        <v>-81829.833333333299</v>
      </c>
      <c r="AZ813" s="53">
        <v>-81829.833333333299</v>
      </c>
      <c r="BA813" s="53">
        <v>-981957.99999999895</v>
      </c>
    </row>
    <row r="814" spans="1:53">
      <c r="A814" s="52" t="s">
        <v>4126</v>
      </c>
      <c r="B814" s="53"/>
      <c r="C814" s="53"/>
      <c r="D814" s="53"/>
      <c r="E814" s="53"/>
      <c r="F814" s="53"/>
      <c r="G814" s="53"/>
      <c r="H814" s="53"/>
      <c r="I814" s="53"/>
      <c r="J814" s="53"/>
      <c r="K814" s="53"/>
      <c r="L814" s="53"/>
      <c r="M814" s="53"/>
      <c r="N814" s="53"/>
      <c r="O814" s="53"/>
      <c r="P814" s="53"/>
      <c r="Q814" s="53"/>
      <c r="R814" s="53"/>
      <c r="S814" s="53"/>
      <c r="T814" s="53"/>
      <c r="U814" s="53"/>
      <c r="V814" s="53"/>
      <c r="W814" s="53"/>
      <c r="X814" s="53"/>
      <c r="Y814" s="53"/>
      <c r="Z814" s="53"/>
      <c r="AA814" s="53"/>
      <c r="AB814" s="53"/>
      <c r="AC814" s="53"/>
      <c r="AD814" s="53"/>
      <c r="AE814" s="53"/>
      <c r="AF814" s="53"/>
      <c r="AG814" s="53"/>
      <c r="AH814" s="53"/>
      <c r="AI814" s="53"/>
      <c r="AJ814" s="53"/>
      <c r="AK814" s="53"/>
      <c r="AL814" s="53"/>
      <c r="AM814" s="53"/>
      <c r="AN814" s="53"/>
      <c r="AO814" s="53"/>
      <c r="AP814" s="53"/>
      <c r="AQ814" s="53"/>
      <c r="AR814" s="53"/>
      <c r="AS814" s="53"/>
      <c r="AT814" s="53"/>
      <c r="AU814" s="53"/>
      <c r="AV814" s="53"/>
      <c r="AW814" s="53"/>
      <c r="AX814" s="53"/>
      <c r="AY814" s="53"/>
      <c r="AZ814" s="53"/>
      <c r="BA814" s="53"/>
    </row>
    <row r="815" spans="1:53">
      <c r="A815" s="52" t="s">
        <v>4127</v>
      </c>
      <c r="B815" s="53">
        <v>0</v>
      </c>
      <c r="C815" s="53">
        <v>0</v>
      </c>
      <c r="D815" s="53">
        <v>0</v>
      </c>
      <c r="E815" s="53">
        <v>0</v>
      </c>
      <c r="F815" s="53">
        <v>0</v>
      </c>
      <c r="G815" s="53">
        <v>0</v>
      </c>
      <c r="H815" s="53">
        <v>0</v>
      </c>
      <c r="I815" s="53">
        <v>0</v>
      </c>
      <c r="J815" s="53">
        <v>0</v>
      </c>
      <c r="K815" s="53">
        <v>0</v>
      </c>
      <c r="L815" s="53">
        <v>0</v>
      </c>
      <c r="M815" s="53">
        <v>0</v>
      </c>
      <c r="N815" s="53">
        <v>0</v>
      </c>
      <c r="O815" s="53">
        <v>0</v>
      </c>
      <c r="P815" s="53">
        <v>0</v>
      </c>
      <c r="Q815" s="53">
        <v>0</v>
      </c>
      <c r="R815" s="53">
        <v>0</v>
      </c>
      <c r="S815" s="53">
        <v>0</v>
      </c>
      <c r="T815" s="53">
        <v>0</v>
      </c>
      <c r="U815" s="53">
        <v>0</v>
      </c>
      <c r="V815" s="53">
        <v>0</v>
      </c>
      <c r="W815" s="53">
        <v>0</v>
      </c>
      <c r="X815" s="53">
        <v>0</v>
      </c>
      <c r="Y815" s="53">
        <v>0</v>
      </c>
      <c r="Z815" s="53">
        <v>0</v>
      </c>
      <c r="AA815" s="53">
        <v>0</v>
      </c>
      <c r="AB815" s="53">
        <v>0</v>
      </c>
      <c r="AC815" s="53">
        <v>0</v>
      </c>
      <c r="AD815" s="53">
        <v>0</v>
      </c>
      <c r="AE815" s="53">
        <v>0</v>
      </c>
      <c r="AF815" s="53">
        <v>0</v>
      </c>
      <c r="AG815" s="53">
        <v>0</v>
      </c>
      <c r="AH815" s="53">
        <v>0</v>
      </c>
      <c r="AI815" s="53">
        <v>0</v>
      </c>
      <c r="AJ815" s="53">
        <v>0</v>
      </c>
      <c r="AK815" s="53">
        <v>0</v>
      </c>
      <c r="AL815" s="53">
        <v>0</v>
      </c>
      <c r="AM815" s="53">
        <v>0</v>
      </c>
      <c r="AN815" s="53">
        <v>0</v>
      </c>
      <c r="AO815" s="53">
        <v>0</v>
      </c>
      <c r="AP815" s="53">
        <v>0</v>
      </c>
      <c r="AQ815" s="53">
        <v>0</v>
      </c>
      <c r="AR815" s="53">
        <v>0</v>
      </c>
      <c r="AS815" s="53">
        <v>0</v>
      </c>
      <c r="AT815" s="53">
        <v>0</v>
      </c>
      <c r="AU815" s="53">
        <v>0</v>
      </c>
      <c r="AV815" s="53">
        <v>0</v>
      </c>
      <c r="AW815" s="53">
        <v>0</v>
      </c>
      <c r="AX815" s="53">
        <v>0</v>
      </c>
      <c r="AY815" s="53">
        <v>0</v>
      </c>
      <c r="AZ815" s="53">
        <v>0</v>
      </c>
      <c r="BA815" s="53">
        <v>0</v>
      </c>
    </row>
    <row r="816" spans="1:53">
      <c r="A816" s="52" t="s">
        <v>4128</v>
      </c>
      <c r="B816" s="53">
        <v>0</v>
      </c>
      <c r="C816" s="53">
        <v>0</v>
      </c>
      <c r="D816" s="53">
        <v>0</v>
      </c>
      <c r="E816" s="53">
        <v>0</v>
      </c>
      <c r="F816" s="53">
        <v>0</v>
      </c>
      <c r="G816" s="53">
        <v>0</v>
      </c>
      <c r="H816" s="53">
        <v>0</v>
      </c>
      <c r="I816" s="53">
        <v>0</v>
      </c>
      <c r="J816" s="53">
        <v>0</v>
      </c>
      <c r="K816" s="53">
        <v>0</v>
      </c>
      <c r="L816" s="53">
        <v>0</v>
      </c>
      <c r="M816" s="53">
        <v>0</v>
      </c>
      <c r="N816" s="53">
        <v>0</v>
      </c>
      <c r="O816" s="53">
        <v>0</v>
      </c>
      <c r="P816" s="53">
        <v>0</v>
      </c>
      <c r="Q816" s="53">
        <v>0</v>
      </c>
      <c r="R816" s="53">
        <v>0</v>
      </c>
      <c r="S816" s="53">
        <v>0</v>
      </c>
      <c r="T816" s="53">
        <v>0</v>
      </c>
      <c r="U816" s="53">
        <v>0</v>
      </c>
      <c r="V816" s="53">
        <v>0</v>
      </c>
      <c r="W816" s="53">
        <v>0</v>
      </c>
      <c r="X816" s="53">
        <v>0</v>
      </c>
      <c r="Y816" s="53">
        <v>0</v>
      </c>
      <c r="Z816" s="53">
        <v>0</v>
      </c>
      <c r="AA816" s="53">
        <v>0</v>
      </c>
      <c r="AB816" s="53">
        <v>0</v>
      </c>
      <c r="AC816" s="53">
        <v>0</v>
      </c>
      <c r="AD816" s="53">
        <v>0</v>
      </c>
      <c r="AE816" s="53">
        <v>0</v>
      </c>
      <c r="AF816" s="53">
        <v>0</v>
      </c>
      <c r="AG816" s="53">
        <v>0</v>
      </c>
      <c r="AH816" s="53">
        <v>0</v>
      </c>
      <c r="AI816" s="53">
        <v>0</v>
      </c>
      <c r="AJ816" s="53">
        <v>0</v>
      </c>
      <c r="AK816" s="53">
        <v>0</v>
      </c>
      <c r="AL816" s="53">
        <v>0</v>
      </c>
      <c r="AM816" s="53">
        <v>0</v>
      </c>
      <c r="AN816" s="53">
        <v>0</v>
      </c>
      <c r="AO816" s="53">
        <v>0</v>
      </c>
      <c r="AP816" s="53">
        <v>0</v>
      </c>
      <c r="AQ816" s="53">
        <v>0</v>
      </c>
      <c r="AR816" s="53">
        <v>0</v>
      </c>
      <c r="AS816" s="53">
        <v>0</v>
      </c>
      <c r="AT816" s="53">
        <v>0</v>
      </c>
      <c r="AU816" s="53">
        <v>0</v>
      </c>
      <c r="AV816" s="53">
        <v>0</v>
      </c>
      <c r="AW816" s="53">
        <v>0</v>
      </c>
      <c r="AX816" s="53">
        <v>0</v>
      </c>
      <c r="AY816" s="53">
        <v>0</v>
      </c>
      <c r="AZ816" s="53">
        <v>0</v>
      </c>
      <c r="BA816" s="53">
        <v>0</v>
      </c>
    </row>
    <row r="817" spans="1:53">
      <c r="A817" s="52" t="s">
        <v>4129</v>
      </c>
      <c r="B817" s="53">
        <v>0</v>
      </c>
      <c r="C817" s="53">
        <v>0</v>
      </c>
      <c r="D817" s="53">
        <v>0</v>
      </c>
      <c r="E817" s="53">
        <v>0</v>
      </c>
      <c r="F817" s="53">
        <v>0</v>
      </c>
      <c r="G817" s="53">
        <v>0</v>
      </c>
      <c r="H817" s="53">
        <v>0</v>
      </c>
      <c r="I817" s="53">
        <v>0</v>
      </c>
      <c r="J817" s="53">
        <v>0</v>
      </c>
      <c r="K817" s="53">
        <v>0</v>
      </c>
      <c r="L817" s="53">
        <v>0</v>
      </c>
      <c r="M817" s="53">
        <v>0</v>
      </c>
      <c r="N817" s="53">
        <v>0</v>
      </c>
      <c r="O817" s="53">
        <v>0</v>
      </c>
      <c r="P817" s="53">
        <v>0</v>
      </c>
      <c r="Q817" s="53">
        <v>0</v>
      </c>
      <c r="R817" s="53">
        <v>0</v>
      </c>
      <c r="S817" s="53">
        <v>0</v>
      </c>
      <c r="T817" s="53">
        <v>0</v>
      </c>
      <c r="U817" s="53">
        <v>0</v>
      </c>
      <c r="V817" s="53">
        <v>0</v>
      </c>
      <c r="W817" s="53">
        <v>0</v>
      </c>
      <c r="X817" s="53">
        <v>0</v>
      </c>
      <c r="Y817" s="53">
        <v>0</v>
      </c>
      <c r="Z817" s="53">
        <v>0</v>
      </c>
      <c r="AA817" s="53">
        <v>0</v>
      </c>
      <c r="AB817" s="53">
        <v>0</v>
      </c>
      <c r="AC817" s="53">
        <v>0</v>
      </c>
      <c r="AD817" s="53">
        <v>0</v>
      </c>
      <c r="AE817" s="53">
        <v>0</v>
      </c>
      <c r="AF817" s="53">
        <v>0</v>
      </c>
      <c r="AG817" s="53">
        <v>0</v>
      </c>
      <c r="AH817" s="53">
        <v>0</v>
      </c>
      <c r="AI817" s="53">
        <v>0</v>
      </c>
      <c r="AJ817" s="53">
        <v>0</v>
      </c>
      <c r="AK817" s="53">
        <v>0</v>
      </c>
      <c r="AL817" s="53">
        <v>0</v>
      </c>
      <c r="AM817" s="53">
        <v>0</v>
      </c>
      <c r="AN817" s="53">
        <v>0</v>
      </c>
      <c r="AO817" s="53">
        <v>0</v>
      </c>
      <c r="AP817" s="53">
        <v>0</v>
      </c>
      <c r="AQ817" s="53">
        <v>0</v>
      </c>
      <c r="AR817" s="53">
        <v>0</v>
      </c>
      <c r="AS817" s="53">
        <v>0</v>
      </c>
      <c r="AT817" s="53">
        <v>0</v>
      </c>
      <c r="AU817" s="53">
        <v>0</v>
      </c>
      <c r="AV817" s="53">
        <v>0</v>
      </c>
      <c r="AW817" s="53">
        <v>0</v>
      </c>
      <c r="AX817" s="53">
        <v>0</v>
      </c>
      <c r="AY817" s="53">
        <v>0</v>
      </c>
      <c r="AZ817" s="53">
        <v>0</v>
      </c>
      <c r="BA817" s="53">
        <v>0</v>
      </c>
    </row>
    <row r="818" spans="1:53">
      <c r="A818" s="232" t="s">
        <v>4130</v>
      </c>
      <c r="B818" s="53">
        <v>-6487482.5855781501</v>
      </c>
      <c r="C818" s="53">
        <v>-7096931.1968867797</v>
      </c>
      <c r="D818" s="53">
        <v>-6941911.1353466501</v>
      </c>
      <c r="E818" s="53">
        <v>-6473418.4408984603</v>
      </c>
      <c r="F818" s="53">
        <v>-4657624.0362958601</v>
      </c>
      <c r="G818" s="53">
        <v>-2861321.00999664</v>
      </c>
      <c r="H818" s="53">
        <v>-1963642.67721545</v>
      </c>
      <c r="I818" s="53">
        <v>-2638153.7796125701</v>
      </c>
      <c r="J818" s="53">
        <v>-3744347.2320234398</v>
      </c>
      <c r="K818" s="53">
        <v>-5928492.8746258197</v>
      </c>
      <c r="L818" s="53">
        <v>-8308857.9200459896</v>
      </c>
      <c r="M818" s="53">
        <v>-6848318.9170456296</v>
      </c>
      <c r="N818" s="53">
        <v>-63950501.805571496</v>
      </c>
      <c r="O818" s="53">
        <v>-3689430.2266213</v>
      </c>
      <c r="P818" s="53">
        <v>-3720346.20920107</v>
      </c>
      <c r="Q818" s="53">
        <v>-3728227.3980108001</v>
      </c>
      <c r="R818" s="53">
        <v>-3761026.6326163602</v>
      </c>
      <c r="S818" s="53">
        <v>-3765728.78561822</v>
      </c>
      <c r="T818" s="53">
        <v>-4130295.3835715</v>
      </c>
      <c r="U818" s="53">
        <v>-4521271.4073726796</v>
      </c>
      <c r="V818" s="53">
        <v>-4597874.6500271503</v>
      </c>
      <c r="W818" s="53">
        <v>-4741511.0714571197</v>
      </c>
      <c r="X818" s="53">
        <v>-4913974.6501734303</v>
      </c>
      <c r="Y818" s="53">
        <v>-4511361.5833310401</v>
      </c>
      <c r="Z818" s="53">
        <v>-9012987.3868244402</v>
      </c>
      <c r="AA818" s="53">
        <v>-55094035.384825103</v>
      </c>
      <c r="AB818" s="53">
        <v>-3372385.7267285502</v>
      </c>
      <c r="AC818" s="53">
        <v>-3400551.2996220598</v>
      </c>
      <c r="AD818" s="53">
        <v>-3424317.6804381199</v>
      </c>
      <c r="AE818" s="53">
        <v>-3473814.9741424401</v>
      </c>
      <c r="AF818" s="53">
        <v>-3495788.1631936799</v>
      </c>
      <c r="AG818" s="53">
        <v>-3872432.2996225399</v>
      </c>
      <c r="AH818" s="53">
        <v>-4311649.15330368</v>
      </c>
      <c r="AI818" s="53">
        <v>-4455230.2478738902</v>
      </c>
      <c r="AJ818" s="53">
        <v>-4509549.1038487405</v>
      </c>
      <c r="AK818" s="53">
        <v>-4599130.1932693198</v>
      </c>
      <c r="AL818" s="53">
        <v>-4229533.4773022896</v>
      </c>
      <c r="AM818" s="53">
        <v>-9834496.0499472693</v>
      </c>
      <c r="AN818" s="53">
        <v>-52978878.369292602</v>
      </c>
      <c r="AO818" s="53">
        <v>-3768633.2241493501</v>
      </c>
      <c r="AP818" s="53">
        <v>-3816423.8826189199</v>
      </c>
      <c r="AQ818" s="53">
        <v>-3412352.2544365702</v>
      </c>
      <c r="AR818" s="53">
        <v>-3446189.4961810401</v>
      </c>
      <c r="AS818" s="53">
        <v>-3451687.9864305402</v>
      </c>
      <c r="AT818" s="53">
        <v>-3618709.2089856099</v>
      </c>
      <c r="AU818" s="53">
        <v>-3882763.9393428802</v>
      </c>
      <c r="AV818" s="53">
        <v>-4060338.3130313</v>
      </c>
      <c r="AW818" s="53">
        <v>-4349976.0881007398</v>
      </c>
      <c r="AX818" s="53">
        <v>-4646368.7738145404</v>
      </c>
      <c r="AY818" s="53">
        <v>-4242869.9611267103</v>
      </c>
      <c r="AZ818" s="53">
        <v>-10229406.332972299</v>
      </c>
      <c r="BA818" s="53">
        <v>-52925719.461190499</v>
      </c>
    </row>
    <row r="819" spans="1:53" ht="10.8" thickBot="1">
      <c r="A819" s="230" t="s">
        <v>4131</v>
      </c>
      <c r="B819" s="53"/>
      <c r="C819" s="53"/>
      <c r="D819" s="53"/>
      <c r="E819" s="53"/>
      <c r="F819" s="53"/>
      <c r="G819" s="53"/>
      <c r="H819" s="53"/>
      <c r="I819" s="53"/>
      <c r="J819" s="53"/>
      <c r="K819" s="53"/>
      <c r="L819" s="53"/>
      <c r="M819" s="53"/>
      <c r="N819" s="53"/>
      <c r="O819" s="53"/>
      <c r="P819" s="53"/>
      <c r="Q819" s="53"/>
      <c r="R819" s="53"/>
      <c r="S819" s="53"/>
      <c r="T819" s="53"/>
      <c r="U819" s="53"/>
      <c r="V819" s="53"/>
      <c r="W819" s="53"/>
      <c r="X819" s="53"/>
      <c r="Y819" s="53"/>
      <c r="Z819" s="53"/>
      <c r="AA819" s="53"/>
      <c r="AB819" s="53"/>
      <c r="AC819" s="53"/>
      <c r="AD819" s="53"/>
      <c r="AE819" s="53"/>
      <c r="AF819" s="53"/>
      <c r="AG819" s="53"/>
      <c r="AH819" s="53"/>
      <c r="AI819" s="53"/>
      <c r="AJ819" s="53"/>
      <c r="AK819" s="53"/>
      <c r="AL819" s="53"/>
      <c r="AM819" s="53"/>
      <c r="AN819" s="53"/>
      <c r="AO819" s="53"/>
      <c r="AP819" s="53"/>
      <c r="AQ819" s="53"/>
      <c r="AR819" s="53"/>
      <c r="AS819" s="53"/>
      <c r="AT819" s="53"/>
      <c r="AU819" s="53"/>
      <c r="AV819" s="53"/>
      <c r="AW819" s="53"/>
      <c r="AX819" s="53"/>
      <c r="AY819" s="53"/>
      <c r="AZ819" s="53"/>
      <c r="BA819" s="53"/>
    </row>
    <row r="820" spans="1:53">
      <c r="A820" s="52" t="s">
        <v>4132</v>
      </c>
      <c r="B820" s="53">
        <v>0</v>
      </c>
      <c r="C820" s="53">
        <v>0</v>
      </c>
      <c r="D820" s="53">
        <v>0</v>
      </c>
      <c r="E820" s="53">
        <v>0</v>
      </c>
      <c r="F820" s="53">
        <v>0</v>
      </c>
      <c r="G820" s="53">
        <v>0</v>
      </c>
      <c r="H820" s="53">
        <v>0</v>
      </c>
      <c r="I820" s="53">
        <v>0</v>
      </c>
      <c r="J820" s="53">
        <v>0</v>
      </c>
      <c r="K820" s="53">
        <v>0</v>
      </c>
      <c r="L820" s="53">
        <v>0</v>
      </c>
      <c r="M820" s="53">
        <v>0</v>
      </c>
      <c r="N820" s="53">
        <v>0</v>
      </c>
      <c r="O820" s="53">
        <v>0</v>
      </c>
      <c r="P820" s="53">
        <v>0</v>
      </c>
      <c r="Q820" s="53">
        <v>0</v>
      </c>
      <c r="R820" s="53">
        <v>0</v>
      </c>
      <c r="S820" s="53">
        <v>0</v>
      </c>
      <c r="T820" s="53">
        <v>0</v>
      </c>
      <c r="U820" s="53">
        <v>0</v>
      </c>
      <c r="V820" s="53">
        <v>0</v>
      </c>
      <c r="W820" s="53">
        <v>0</v>
      </c>
      <c r="X820" s="53">
        <v>0</v>
      </c>
      <c r="Y820" s="53">
        <v>0</v>
      </c>
      <c r="Z820" s="53">
        <v>0</v>
      </c>
      <c r="AA820" s="53">
        <v>0</v>
      </c>
      <c r="AB820" s="53">
        <v>0</v>
      </c>
      <c r="AC820" s="53">
        <v>0</v>
      </c>
      <c r="AD820" s="53">
        <v>0</v>
      </c>
      <c r="AE820" s="53">
        <v>0</v>
      </c>
      <c r="AF820" s="53">
        <v>0</v>
      </c>
      <c r="AG820" s="53">
        <v>0</v>
      </c>
      <c r="AH820" s="53">
        <v>0</v>
      </c>
      <c r="AI820" s="53">
        <v>0</v>
      </c>
      <c r="AJ820" s="53">
        <v>0</v>
      </c>
      <c r="AK820" s="53">
        <v>0</v>
      </c>
      <c r="AL820" s="53">
        <v>0</v>
      </c>
      <c r="AM820" s="53">
        <v>0</v>
      </c>
      <c r="AN820" s="53">
        <v>0</v>
      </c>
      <c r="AO820" s="53">
        <v>0</v>
      </c>
      <c r="AP820" s="53">
        <v>0</v>
      </c>
      <c r="AQ820" s="53">
        <v>0</v>
      </c>
      <c r="AR820" s="53">
        <v>0</v>
      </c>
      <c r="AS820" s="53">
        <v>0</v>
      </c>
      <c r="AT820" s="53">
        <v>0</v>
      </c>
      <c r="AU820" s="53">
        <v>0</v>
      </c>
      <c r="AV820" s="53">
        <v>0</v>
      </c>
      <c r="AW820" s="53">
        <v>0</v>
      </c>
      <c r="AX820" s="53">
        <v>0</v>
      </c>
      <c r="AY820" s="53">
        <v>0</v>
      </c>
      <c r="AZ820" s="53">
        <v>0</v>
      </c>
      <c r="BA820" s="53">
        <v>0</v>
      </c>
    </row>
    <row r="821" spans="1:53">
      <c r="A821" s="235" t="s">
        <v>4133</v>
      </c>
      <c r="B821" s="53">
        <v>-2707743.54289325</v>
      </c>
      <c r="C821" s="53">
        <v>-2216740.5723132598</v>
      </c>
      <c r="D821" s="53">
        <v>-2145831.10314909</v>
      </c>
      <c r="E821" s="53">
        <v>-2001341.0413122501</v>
      </c>
      <c r="F821" s="53">
        <v>-1792499.8789852301</v>
      </c>
      <c r="G821" s="53">
        <v>-1548791.4373550499</v>
      </c>
      <c r="H821" s="53">
        <v>-1287093.81657022</v>
      </c>
      <c r="I821" s="53">
        <v>-913428.02266334102</v>
      </c>
      <c r="J821" s="53">
        <v>-550883.628256639</v>
      </c>
      <c r="K821" s="53">
        <v>-336924.75249522401</v>
      </c>
      <c r="L821" s="53">
        <v>-197505.19884906599</v>
      </c>
      <c r="M821" s="53">
        <v>-103947.70962234</v>
      </c>
      <c r="N821" s="53">
        <v>-15802730.704464899</v>
      </c>
      <c r="O821" s="53">
        <v>0</v>
      </c>
      <c r="P821" s="53">
        <v>0</v>
      </c>
      <c r="Q821" s="53">
        <v>0</v>
      </c>
      <c r="R821" s="53">
        <v>0</v>
      </c>
      <c r="S821" s="53">
        <v>0</v>
      </c>
      <c r="T821" s="53">
        <v>0</v>
      </c>
      <c r="U821" s="53">
        <v>0</v>
      </c>
      <c r="V821" s="53">
        <v>0</v>
      </c>
      <c r="W821" s="53">
        <v>0</v>
      </c>
      <c r="X821" s="53">
        <v>0</v>
      </c>
      <c r="Y821" s="53">
        <v>0</v>
      </c>
      <c r="Z821" s="53">
        <v>0</v>
      </c>
      <c r="AA821" s="53">
        <v>0</v>
      </c>
      <c r="AB821" s="53">
        <v>0</v>
      </c>
      <c r="AC821" s="53">
        <v>0</v>
      </c>
      <c r="AD821" s="53">
        <v>0</v>
      </c>
      <c r="AE821" s="53">
        <v>0</v>
      </c>
      <c r="AF821" s="53">
        <v>0</v>
      </c>
      <c r="AG821" s="53">
        <v>0</v>
      </c>
      <c r="AH821" s="53">
        <v>0</v>
      </c>
      <c r="AI821" s="53">
        <v>0</v>
      </c>
      <c r="AJ821" s="53">
        <v>0</v>
      </c>
      <c r="AK821" s="53">
        <v>0</v>
      </c>
      <c r="AL821" s="53">
        <v>0</v>
      </c>
      <c r="AM821" s="53">
        <v>0</v>
      </c>
      <c r="AN821" s="53">
        <v>0</v>
      </c>
      <c r="AO821" s="53">
        <v>0</v>
      </c>
      <c r="AP821" s="53">
        <v>0</v>
      </c>
      <c r="AQ821" s="53">
        <v>0</v>
      </c>
      <c r="AR821" s="53">
        <v>0</v>
      </c>
      <c r="AS821" s="53">
        <v>0</v>
      </c>
      <c r="AT821" s="53">
        <v>0</v>
      </c>
      <c r="AU821" s="53">
        <v>0</v>
      </c>
      <c r="AV821" s="53">
        <v>0</v>
      </c>
      <c r="AW821" s="53">
        <v>0</v>
      </c>
      <c r="AX821" s="53">
        <v>0</v>
      </c>
      <c r="AY821" s="53">
        <v>0</v>
      </c>
      <c r="AZ821" s="53">
        <v>0</v>
      </c>
      <c r="BA821" s="53">
        <v>0</v>
      </c>
    </row>
    <row r="822" spans="1:53">
      <c r="A822" s="52" t="s">
        <v>4134</v>
      </c>
      <c r="B822" s="53">
        <v>0</v>
      </c>
      <c r="C822" s="53">
        <v>0</v>
      </c>
      <c r="D822" s="53">
        <v>0</v>
      </c>
      <c r="E822" s="53">
        <v>0</v>
      </c>
      <c r="F822" s="53">
        <v>0</v>
      </c>
      <c r="G822" s="53">
        <v>0</v>
      </c>
      <c r="H822" s="53">
        <v>0</v>
      </c>
      <c r="I822" s="53">
        <v>0</v>
      </c>
      <c r="J822" s="53">
        <v>0</v>
      </c>
      <c r="K822" s="53">
        <v>0</v>
      </c>
      <c r="L822" s="53">
        <v>0</v>
      </c>
      <c r="M822" s="53">
        <v>0</v>
      </c>
      <c r="N822" s="53">
        <v>0</v>
      </c>
      <c r="O822" s="53">
        <v>0</v>
      </c>
      <c r="P822" s="53">
        <v>0</v>
      </c>
      <c r="Q822" s="53">
        <v>0</v>
      </c>
      <c r="R822" s="53">
        <v>0</v>
      </c>
      <c r="S822" s="53">
        <v>0</v>
      </c>
      <c r="T822" s="53">
        <v>0</v>
      </c>
      <c r="U822" s="53">
        <v>0</v>
      </c>
      <c r="V822" s="53">
        <v>0</v>
      </c>
      <c r="W822" s="53">
        <v>0</v>
      </c>
      <c r="X822" s="53">
        <v>0</v>
      </c>
      <c r="Y822" s="53">
        <v>0</v>
      </c>
      <c r="Z822" s="53">
        <v>0</v>
      </c>
      <c r="AA822" s="53">
        <v>0</v>
      </c>
      <c r="AB822" s="53">
        <v>0</v>
      </c>
      <c r="AC822" s="53">
        <v>0</v>
      </c>
      <c r="AD822" s="53">
        <v>0</v>
      </c>
      <c r="AE822" s="53">
        <v>0</v>
      </c>
      <c r="AF822" s="53">
        <v>0</v>
      </c>
      <c r="AG822" s="53">
        <v>0</v>
      </c>
      <c r="AH822" s="53">
        <v>0</v>
      </c>
      <c r="AI822" s="53">
        <v>0</v>
      </c>
      <c r="AJ822" s="53">
        <v>0</v>
      </c>
      <c r="AK822" s="53">
        <v>0</v>
      </c>
      <c r="AL822" s="53">
        <v>0</v>
      </c>
      <c r="AM822" s="53">
        <v>0</v>
      </c>
      <c r="AN822" s="53">
        <v>0</v>
      </c>
      <c r="AO822" s="53">
        <v>0</v>
      </c>
      <c r="AP822" s="53">
        <v>0</v>
      </c>
      <c r="AQ822" s="53">
        <v>0</v>
      </c>
      <c r="AR822" s="53">
        <v>0</v>
      </c>
      <c r="AS822" s="53">
        <v>0</v>
      </c>
      <c r="AT822" s="53">
        <v>0</v>
      </c>
      <c r="AU822" s="53">
        <v>0</v>
      </c>
      <c r="AV822" s="53">
        <v>0</v>
      </c>
      <c r="AW822" s="53">
        <v>0</v>
      </c>
      <c r="AX822" s="53">
        <v>0</v>
      </c>
      <c r="AY822" s="53">
        <v>0</v>
      </c>
      <c r="AZ822" s="53">
        <v>0</v>
      </c>
      <c r="BA822" s="53">
        <v>0</v>
      </c>
    </row>
    <row r="823" spans="1:53">
      <c r="A823" s="52" t="s">
        <v>4135</v>
      </c>
      <c r="B823" s="53">
        <v>0</v>
      </c>
      <c r="C823" s="53">
        <v>0</v>
      </c>
      <c r="D823" s="53">
        <v>0</v>
      </c>
      <c r="E823" s="53">
        <v>0</v>
      </c>
      <c r="F823" s="53">
        <v>0</v>
      </c>
      <c r="G823" s="53">
        <v>0</v>
      </c>
      <c r="H823" s="53">
        <v>0</v>
      </c>
      <c r="I823" s="53">
        <v>0</v>
      </c>
      <c r="J823" s="53">
        <v>0</v>
      </c>
      <c r="K823" s="53">
        <v>0</v>
      </c>
      <c r="L823" s="53">
        <v>0</v>
      </c>
      <c r="M823" s="53">
        <v>0</v>
      </c>
      <c r="N823" s="53">
        <v>0</v>
      </c>
      <c r="O823" s="53">
        <v>0</v>
      </c>
      <c r="P823" s="53">
        <v>0</v>
      </c>
      <c r="Q823" s="53">
        <v>0</v>
      </c>
      <c r="R823" s="53">
        <v>0</v>
      </c>
      <c r="S823" s="53">
        <v>0</v>
      </c>
      <c r="T823" s="53">
        <v>0</v>
      </c>
      <c r="U823" s="53">
        <v>0</v>
      </c>
      <c r="V823" s="53">
        <v>0</v>
      </c>
      <c r="W823" s="53">
        <v>0</v>
      </c>
      <c r="X823" s="53">
        <v>0</v>
      </c>
      <c r="Y823" s="53">
        <v>0</v>
      </c>
      <c r="Z823" s="53">
        <v>0</v>
      </c>
      <c r="AA823" s="53">
        <v>0</v>
      </c>
      <c r="AB823" s="53">
        <v>0</v>
      </c>
      <c r="AC823" s="53">
        <v>0</v>
      </c>
      <c r="AD823" s="53">
        <v>0</v>
      </c>
      <c r="AE823" s="53">
        <v>0</v>
      </c>
      <c r="AF823" s="53">
        <v>0</v>
      </c>
      <c r="AG823" s="53">
        <v>0</v>
      </c>
      <c r="AH823" s="53">
        <v>0</v>
      </c>
      <c r="AI823" s="53">
        <v>0</v>
      </c>
      <c r="AJ823" s="53">
        <v>0</v>
      </c>
      <c r="AK823" s="53">
        <v>0</v>
      </c>
      <c r="AL823" s="53">
        <v>0</v>
      </c>
      <c r="AM823" s="53">
        <v>0</v>
      </c>
      <c r="AN823" s="53">
        <v>0</v>
      </c>
      <c r="AO823" s="53">
        <v>0</v>
      </c>
      <c r="AP823" s="53">
        <v>0</v>
      </c>
      <c r="AQ823" s="53">
        <v>0</v>
      </c>
      <c r="AR823" s="53">
        <v>0</v>
      </c>
      <c r="AS823" s="53">
        <v>0</v>
      </c>
      <c r="AT823" s="53">
        <v>0</v>
      </c>
      <c r="AU823" s="53">
        <v>0</v>
      </c>
      <c r="AV823" s="53">
        <v>0</v>
      </c>
      <c r="AW823" s="53">
        <v>0</v>
      </c>
      <c r="AX823" s="53">
        <v>0</v>
      </c>
      <c r="AY823" s="53">
        <v>0</v>
      </c>
      <c r="AZ823" s="53">
        <v>0</v>
      </c>
      <c r="BA823" s="53">
        <v>0</v>
      </c>
    </row>
    <row r="824" spans="1:53">
      <c r="A824" s="52" t="s">
        <v>4136</v>
      </c>
      <c r="B824" s="53">
        <v>0</v>
      </c>
      <c r="C824" s="53">
        <v>0</v>
      </c>
      <c r="D824" s="53">
        <v>0</v>
      </c>
      <c r="E824" s="53">
        <v>0</v>
      </c>
      <c r="F824" s="53">
        <v>0</v>
      </c>
      <c r="G824" s="53">
        <v>0</v>
      </c>
      <c r="H824" s="53">
        <v>0</v>
      </c>
      <c r="I824" s="53">
        <v>0</v>
      </c>
      <c r="J824" s="53">
        <v>0</v>
      </c>
      <c r="K824" s="53">
        <v>0</v>
      </c>
      <c r="L824" s="53">
        <v>0</v>
      </c>
      <c r="M824" s="53">
        <v>0</v>
      </c>
      <c r="N824" s="53">
        <v>0</v>
      </c>
      <c r="O824" s="53">
        <v>0</v>
      </c>
      <c r="P824" s="53">
        <v>0</v>
      </c>
      <c r="Q824" s="53">
        <v>0</v>
      </c>
      <c r="R824" s="53">
        <v>0</v>
      </c>
      <c r="S824" s="53">
        <v>0</v>
      </c>
      <c r="T824" s="53">
        <v>0</v>
      </c>
      <c r="U824" s="53">
        <v>0</v>
      </c>
      <c r="V824" s="53">
        <v>0</v>
      </c>
      <c r="W824" s="53">
        <v>0</v>
      </c>
      <c r="X824" s="53">
        <v>0</v>
      </c>
      <c r="Y824" s="53">
        <v>0</v>
      </c>
      <c r="Z824" s="53">
        <v>0</v>
      </c>
      <c r="AA824" s="53">
        <v>0</v>
      </c>
      <c r="AB824" s="53">
        <v>0</v>
      </c>
      <c r="AC824" s="53">
        <v>0</v>
      </c>
      <c r="AD824" s="53">
        <v>0</v>
      </c>
      <c r="AE824" s="53">
        <v>0</v>
      </c>
      <c r="AF824" s="53">
        <v>0</v>
      </c>
      <c r="AG824" s="53">
        <v>0</v>
      </c>
      <c r="AH824" s="53">
        <v>0</v>
      </c>
      <c r="AI824" s="53">
        <v>0</v>
      </c>
      <c r="AJ824" s="53">
        <v>0</v>
      </c>
      <c r="AK824" s="53">
        <v>0</v>
      </c>
      <c r="AL824" s="53">
        <v>0</v>
      </c>
      <c r="AM824" s="53">
        <v>0</v>
      </c>
      <c r="AN824" s="53">
        <v>0</v>
      </c>
      <c r="AO824" s="53">
        <v>0</v>
      </c>
      <c r="AP824" s="53">
        <v>0</v>
      </c>
      <c r="AQ824" s="53">
        <v>0</v>
      </c>
      <c r="AR824" s="53">
        <v>0</v>
      </c>
      <c r="AS824" s="53">
        <v>0</v>
      </c>
      <c r="AT824" s="53">
        <v>0</v>
      </c>
      <c r="AU824" s="53">
        <v>0</v>
      </c>
      <c r="AV824" s="53">
        <v>0</v>
      </c>
      <c r="AW824" s="53">
        <v>0</v>
      </c>
      <c r="AX824" s="53">
        <v>0</v>
      </c>
      <c r="AY824" s="53">
        <v>0</v>
      </c>
      <c r="AZ824" s="53">
        <v>0</v>
      </c>
      <c r="BA824" s="53">
        <v>0</v>
      </c>
    </row>
    <row r="825" spans="1:53">
      <c r="A825" s="52" t="s">
        <v>4137</v>
      </c>
      <c r="B825" s="53">
        <v>214992.44999999899</v>
      </c>
      <c r="C825" s="53">
        <v>187237.59</v>
      </c>
      <c r="D825" s="53">
        <v>202549.35</v>
      </c>
      <c r="E825" s="53">
        <v>333378.57999999903</v>
      </c>
      <c r="F825" s="53">
        <v>382093.12</v>
      </c>
      <c r="G825" s="53">
        <v>364327.13</v>
      </c>
      <c r="H825" s="53">
        <v>438002.02</v>
      </c>
      <c r="I825" s="53">
        <v>437373.25</v>
      </c>
      <c r="J825" s="53">
        <v>540296.94999999995</v>
      </c>
      <c r="K825" s="53">
        <v>717684.72</v>
      </c>
      <c r="L825" s="53">
        <v>449059.19</v>
      </c>
      <c r="M825" s="53">
        <v>630298.41999999899</v>
      </c>
      <c r="N825" s="53">
        <v>4897292.7699999996</v>
      </c>
      <c r="O825" s="53">
        <v>214992.44999999899</v>
      </c>
      <c r="P825" s="53">
        <v>187237.59</v>
      </c>
      <c r="Q825" s="53">
        <v>202549.35</v>
      </c>
      <c r="R825" s="53">
        <v>333378.57999999903</v>
      </c>
      <c r="S825" s="53">
        <v>382093.12</v>
      </c>
      <c r="T825" s="53">
        <v>364327.13</v>
      </c>
      <c r="U825" s="53">
        <v>438002.02</v>
      </c>
      <c r="V825" s="53">
        <v>437373.25</v>
      </c>
      <c r="W825" s="53">
        <v>540296.94999999995</v>
      </c>
      <c r="X825" s="53">
        <v>717684.72</v>
      </c>
      <c r="Y825" s="53">
        <v>449059.19</v>
      </c>
      <c r="Z825" s="53">
        <v>630298.41999999899</v>
      </c>
      <c r="AA825" s="53">
        <v>4897292.7699999996</v>
      </c>
      <c r="AB825" s="53">
        <v>214992.44999999899</v>
      </c>
      <c r="AC825" s="53">
        <v>187237.59</v>
      </c>
      <c r="AD825" s="53">
        <v>202549.35</v>
      </c>
      <c r="AE825" s="53">
        <v>333378.57999999903</v>
      </c>
      <c r="AF825" s="53">
        <v>382093.12</v>
      </c>
      <c r="AG825" s="53">
        <v>364327.13</v>
      </c>
      <c r="AH825" s="53">
        <v>438002.02</v>
      </c>
      <c r="AI825" s="53">
        <v>437373.25</v>
      </c>
      <c r="AJ825" s="53">
        <v>540296.94999999995</v>
      </c>
      <c r="AK825" s="53">
        <v>717684.72</v>
      </c>
      <c r="AL825" s="53">
        <v>449059.19</v>
      </c>
      <c r="AM825" s="53">
        <v>630298.41999999899</v>
      </c>
      <c r="AN825" s="53">
        <v>4897292.7699999996</v>
      </c>
      <c r="AO825" s="53">
        <v>214992.44999999899</v>
      </c>
      <c r="AP825" s="53">
        <v>187237.59</v>
      </c>
      <c r="AQ825" s="53">
        <v>202549.35</v>
      </c>
      <c r="AR825" s="53">
        <v>333378.57999999903</v>
      </c>
      <c r="AS825" s="53">
        <v>382093.12</v>
      </c>
      <c r="AT825" s="53">
        <v>364327.13</v>
      </c>
      <c r="AU825" s="53">
        <v>438002.02</v>
      </c>
      <c r="AV825" s="53">
        <v>437373.25</v>
      </c>
      <c r="AW825" s="53">
        <v>540296.94999999995</v>
      </c>
      <c r="AX825" s="53">
        <v>717684.72</v>
      </c>
      <c r="AY825" s="53">
        <v>449059.19</v>
      </c>
      <c r="AZ825" s="53">
        <v>630298.41999999899</v>
      </c>
      <c r="BA825" s="53">
        <v>4897292.7699999996</v>
      </c>
    </row>
    <row r="826" spans="1:53">
      <c r="A826" s="235" t="s">
        <v>4138</v>
      </c>
      <c r="B826" s="53">
        <v>-90834</v>
      </c>
      <c r="C826" s="53">
        <v>-90834</v>
      </c>
      <c r="D826" s="53">
        <v>-90834</v>
      </c>
      <c r="E826" s="53">
        <v>-90834</v>
      </c>
      <c r="F826" s="53">
        <v>-90834</v>
      </c>
      <c r="G826" s="53">
        <v>-90834</v>
      </c>
      <c r="H826" s="53">
        <v>-90834</v>
      </c>
      <c r="I826" s="53">
        <v>-90834</v>
      </c>
      <c r="J826" s="53">
        <v>-90834</v>
      </c>
      <c r="K826" s="53">
        <v>-90834</v>
      </c>
      <c r="L826" s="53">
        <v>-90834</v>
      </c>
      <c r="M826" s="53">
        <v>-90834</v>
      </c>
      <c r="N826" s="53">
        <v>-1090008</v>
      </c>
      <c r="O826" s="53">
        <v>-90833.999999999898</v>
      </c>
      <c r="P826" s="53">
        <v>-90833.999999999898</v>
      </c>
      <c r="Q826" s="53">
        <v>-90833.999999999898</v>
      </c>
      <c r="R826" s="53">
        <v>-90833.999999999898</v>
      </c>
      <c r="S826" s="53">
        <v>-90833.999999999898</v>
      </c>
      <c r="T826" s="53">
        <v>-90833.999999999898</v>
      </c>
      <c r="U826" s="53">
        <v>-90833.999999999898</v>
      </c>
      <c r="V826" s="53">
        <v>-90833.999999999898</v>
      </c>
      <c r="W826" s="53">
        <v>-90833.999999999898</v>
      </c>
      <c r="X826" s="53">
        <v>-90833.999999999898</v>
      </c>
      <c r="Y826" s="53">
        <v>-90833.999999999898</v>
      </c>
      <c r="Z826" s="53">
        <v>-90833.999999999898</v>
      </c>
      <c r="AA826" s="53">
        <v>-1090007.99999999</v>
      </c>
      <c r="AB826" s="53">
        <v>-90833.999999999898</v>
      </c>
      <c r="AC826" s="53">
        <v>-90833.999999999898</v>
      </c>
      <c r="AD826" s="53">
        <v>-90833.999999999898</v>
      </c>
      <c r="AE826" s="53">
        <v>-90833.999999999898</v>
      </c>
      <c r="AF826" s="53">
        <v>-90833.999999999898</v>
      </c>
      <c r="AG826" s="53">
        <v>-90833.999999999898</v>
      </c>
      <c r="AH826" s="53">
        <v>-90833.999999999898</v>
      </c>
      <c r="AI826" s="53">
        <v>-90833.999999999898</v>
      </c>
      <c r="AJ826" s="53">
        <v>-90833.999999999898</v>
      </c>
      <c r="AK826" s="53">
        <v>-90833.999999999898</v>
      </c>
      <c r="AL826" s="53">
        <v>-90833.999999999898</v>
      </c>
      <c r="AM826" s="53">
        <v>-90833.999999999898</v>
      </c>
      <c r="AN826" s="53">
        <v>-1090007.99999999</v>
      </c>
      <c r="AO826" s="53">
        <v>-90833.999999999898</v>
      </c>
      <c r="AP826" s="53">
        <v>-90833.999999999898</v>
      </c>
      <c r="AQ826" s="53">
        <v>-90833.999999999898</v>
      </c>
      <c r="AR826" s="53">
        <v>-90833.999999999898</v>
      </c>
      <c r="AS826" s="53">
        <v>-90833.999999999898</v>
      </c>
      <c r="AT826" s="53">
        <v>-90833.999999999898</v>
      </c>
      <c r="AU826" s="53">
        <v>-90833.999999999898</v>
      </c>
      <c r="AV826" s="53">
        <v>-90833.999999999898</v>
      </c>
      <c r="AW826" s="53">
        <v>-90833.999999999898</v>
      </c>
      <c r="AX826" s="53">
        <v>-90833.999999999898</v>
      </c>
      <c r="AY826" s="53">
        <v>-90833.999999999898</v>
      </c>
      <c r="AZ826" s="53">
        <v>-90833.999999999898</v>
      </c>
      <c r="BA826" s="53">
        <v>-1090007.99999999</v>
      </c>
    </row>
    <row r="827" spans="1:53">
      <c r="A827" s="52" t="s">
        <v>4139</v>
      </c>
      <c r="B827" s="53">
        <v>0</v>
      </c>
      <c r="C827" s="53">
        <v>0</v>
      </c>
      <c r="D827" s="53">
        <v>0</v>
      </c>
      <c r="E827" s="53">
        <v>0</v>
      </c>
      <c r="F827" s="53">
        <v>0</v>
      </c>
      <c r="G827" s="53">
        <v>0</v>
      </c>
      <c r="H827" s="53">
        <v>0</v>
      </c>
      <c r="I827" s="53">
        <v>0</v>
      </c>
      <c r="J827" s="53">
        <v>0</v>
      </c>
      <c r="K827" s="53">
        <v>0</v>
      </c>
      <c r="L827" s="53">
        <v>0</v>
      </c>
      <c r="M827" s="53">
        <v>0</v>
      </c>
      <c r="N827" s="53">
        <v>0</v>
      </c>
      <c r="O827" s="53">
        <v>0</v>
      </c>
      <c r="P827" s="53">
        <v>0</v>
      </c>
      <c r="Q827" s="53">
        <v>0</v>
      </c>
      <c r="R827" s="53">
        <v>0</v>
      </c>
      <c r="S827" s="53">
        <v>0</v>
      </c>
      <c r="T827" s="53">
        <v>0</v>
      </c>
      <c r="U827" s="53">
        <v>0</v>
      </c>
      <c r="V827" s="53">
        <v>0</v>
      </c>
      <c r="W827" s="53">
        <v>0</v>
      </c>
      <c r="X827" s="53">
        <v>0</v>
      </c>
      <c r="Y827" s="53">
        <v>0</v>
      </c>
      <c r="Z827" s="53">
        <v>0</v>
      </c>
      <c r="AA827" s="53">
        <v>0</v>
      </c>
      <c r="AB827" s="53">
        <v>0</v>
      </c>
      <c r="AC827" s="53">
        <v>0</v>
      </c>
      <c r="AD827" s="53">
        <v>0</v>
      </c>
      <c r="AE827" s="53">
        <v>0</v>
      </c>
      <c r="AF827" s="53">
        <v>0</v>
      </c>
      <c r="AG827" s="53">
        <v>0</v>
      </c>
      <c r="AH827" s="53">
        <v>0</v>
      </c>
      <c r="AI827" s="53">
        <v>0</v>
      </c>
      <c r="AJ827" s="53">
        <v>0</v>
      </c>
      <c r="AK827" s="53">
        <v>0</v>
      </c>
      <c r="AL827" s="53">
        <v>0</v>
      </c>
      <c r="AM827" s="53">
        <v>0</v>
      </c>
      <c r="AN827" s="53">
        <v>0</v>
      </c>
      <c r="AO827" s="53">
        <v>0</v>
      </c>
      <c r="AP827" s="53">
        <v>0</v>
      </c>
      <c r="AQ827" s="53">
        <v>0</v>
      </c>
      <c r="AR827" s="53">
        <v>0</v>
      </c>
      <c r="AS827" s="53">
        <v>0</v>
      </c>
      <c r="AT827" s="53">
        <v>0</v>
      </c>
      <c r="AU827" s="53">
        <v>0</v>
      </c>
      <c r="AV827" s="53">
        <v>0</v>
      </c>
      <c r="AW827" s="53">
        <v>0</v>
      </c>
      <c r="AX827" s="53">
        <v>0</v>
      </c>
      <c r="AY827" s="53">
        <v>0</v>
      </c>
      <c r="AZ827" s="53">
        <v>0</v>
      </c>
      <c r="BA827" s="53">
        <v>0</v>
      </c>
    </row>
    <row r="828" spans="1:53">
      <c r="A828" s="52" t="s">
        <v>4140</v>
      </c>
      <c r="B828" s="53">
        <v>373156.97</v>
      </c>
      <c r="C828" s="53">
        <v>350377.34</v>
      </c>
      <c r="D828" s="53">
        <v>425383.56</v>
      </c>
      <c r="E828" s="53">
        <v>362166.27</v>
      </c>
      <c r="F828" s="53">
        <v>384451.08</v>
      </c>
      <c r="G828" s="53">
        <v>412968.53</v>
      </c>
      <c r="H828" s="53">
        <v>380638.79</v>
      </c>
      <c r="I828" s="53">
        <v>389846.83</v>
      </c>
      <c r="J828" s="53">
        <v>431237.18</v>
      </c>
      <c r="K828" s="53">
        <v>457106.43</v>
      </c>
      <c r="L828" s="53">
        <v>454852.8</v>
      </c>
      <c r="M828" s="53">
        <v>637512.72</v>
      </c>
      <c r="N828" s="53">
        <v>5059698.4999999898</v>
      </c>
      <c r="O828" s="53">
        <v>373156.97</v>
      </c>
      <c r="P828" s="53">
        <v>350377.34</v>
      </c>
      <c r="Q828" s="53">
        <v>425383.56</v>
      </c>
      <c r="R828" s="53">
        <v>362166.27</v>
      </c>
      <c r="S828" s="53">
        <v>384451.08</v>
      </c>
      <c r="T828" s="53">
        <v>412968.53</v>
      </c>
      <c r="U828" s="53">
        <v>380638.79</v>
      </c>
      <c r="V828" s="53">
        <v>389846.83</v>
      </c>
      <c r="W828" s="53">
        <v>431237.18</v>
      </c>
      <c r="X828" s="53">
        <v>457106.43</v>
      </c>
      <c r="Y828" s="53">
        <v>454852.8</v>
      </c>
      <c r="Z828" s="53">
        <v>637512.72</v>
      </c>
      <c r="AA828" s="53">
        <v>5059698.4999999898</v>
      </c>
      <c r="AB828" s="53">
        <v>373156.97</v>
      </c>
      <c r="AC828" s="53">
        <v>350377.34</v>
      </c>
      <c r="AD828" s="53">
        <v>425383.56</v>
      </c>
      <c r="AE828" s="53">
        <v>362166.27</v>
      </c>
      <c r="AF828" s="53">
        <v>384451.08</v>
      </c>
      <c r="AG828" s="53">
        <v>412968.53</v>
      </c>
      <c r="AH828" s="53">
        <v>380638.79</v>
      </c>
      <c r="AI828" s="53">
        <v>389846.83</v>
      </c>
      <c r="AJ828" s="53">
        <v>431237.18</v>
      </c>
      <c r="AK828" s="53">
        <v>457106.43</v>
      </c>
      <c r="AL828" s="53">
        <v>454852.8</v>
      </c>
      <c r="AM828" s="53">
        <v>637512.72</v>
      </c>
      <c r="AN828" s="53">
        <v>5059698.4999999898</v>
      </c>
      <c r="AO828" s="53">
        <v>373156.97</v>
      </c>
      <c r="AP828" s="53">
        <v>350377.34</v>
      </c>
      <c r="AQ828" s="53">
        <v>425383.56</v>
      </c>
      <c r="AR828" s="53">
        <v>362166.27</v>
      </c>
      <c r="AS828" s="53">
        <v>384451.08</v>
      </c>
      <c r="AT828" s="53">
        <v>412968.53</v>
      </c>
      <c r="AU828" s="53">
        <v>380638.79</v>
      </c>
      <c r="AV828" s="53">
        <v>389846.83</v>
      </c>
      <c r="AW828" s="53">
        <v>431237.18</v>
      </c>
      <c r="AX828" s="53">
        <v>457106.43</v>
      </c>
      <c r="AY828" s="53">
        <v>454852.8</v>
      </c>
      <c r="AZ828" s="53">
        <v>637512.72</v>
      </c>
      <c r="BA828" s="53">
        <v>5059698.4999999898</v>
      </c>
    </row>
    <row r="829" spans="1:53">
      <c r="A829" s="52" t="s">
        <v>4141</v>
      </c>
      <c r="B829" s="53">
        <v>0</v>
      </c>
      <c r="C829" s="53">
        <v>0</v>
      </c>
      <c r="D829" s="53">
        <v>0</v>
      </c>
      <c r="E829" s="53">
        <v>0</v>
      </c>
      <c r="F829" s="53">
        <v>0</v>
      </c>
      <c r="G829" s="53">
        <v>0</v>
      </c>
      <c r="H829" s="53">
        <v>0</v>
      </c>
      <c r="I829" s="53">
        <v>0</v>
      </c>
      <c r="J829" s="53">
        <v>0</v>
      </c>
      <c r="K829" s="53">
        <v>0</v>
      </c>
      <c r="L829" s="53">
        <v>0</v>
      </c>
      <c r="M829" s="53">
        <v>0</v>
      </c>
      <c r="N829" s="53">
        <v>0</v>
      </c>
      <c r="O829" s="53">
        <v>0</v>
      </c>
      <c r="P829" s="53">
        <v>0</v>
      </c>
      <c r="Q829" s="53">
        <v>0</v>
      </c>
      <c r="R829" s="53">
        <v>0</v>
      </c>
      <c r="S829" s="53">
        <v>0</v>
      </c>
      <c r="T829" s="53">
        <v>0</v>
      </c>
      <c r="U829" s="53">
        <v>0</v>
      </c>
      <c r="V829" s="53">
        <v>0</v>
      </c>
      <c r="W829" s="53">
        <v>0</v>
      </c>
      <c r="X829" s="53">
        <v>0</v>
      </c>
      <c r="Y829" s="53">
        <v>0</v>
      </c>
      <c r="Z829" s="53">
        <v>0</v>
      </c>
      <c r="AA829" s="53">
        <v>0</v>
      </c>
      <c r="AB829" s="53">
        <v>0</v>
      </c>
      <c r="AC829" s="53">
        <v>0</v>
      </c>
      <c r="AD829" s="53">
        <v>0</v>
      </c>
      <c r="AE829" s="53">
        <v>0</v>
      </c>
      <c r="AF829" s="53">
        <v>0</v>
      </c>
      <c r="AG829" s="53">
        <v>0</v>
      </c>
      <c r="AH829" s="53">
        <v>0</v>
      </c>
      <c r="AI829" s="53">
        <v>0</v>
      </c>
      <c r="AJ829" s="53">
        <v>0</v>
      </c>
      <c r="AK829" s="53">
        <v>0</v>
      </c>
      <c r="AL829" s="53">
        <v>0</v>
      </c>
      <c r="AM829" s="53">
        <v>0</v>
      </c>
      <c r="AN829" s="53">
        <v>0</v>
      </c>
      <c r="AO829" s="53">
        <v>0</v>
      </c>
      <c r="AP829" s="53">
        <v>0</v>
      </c>
      <c r="AQ829" s="53">
        <v>0</v>
      </c>
      <c r="AR829" s="53">
        <v>0</v>
      </c>
      <c r="AS829" s="53">
        <v>0</v>
      </c>
      <c r="AT829" s="53">
        <v>0</v>
      </c>
      <c r="AU829" s="53">
        <v>0</v>
      </c>
      <c r="AV829" s="53">
        <v>0</v>
      </c>
      <c r="AW829" s="53">
        <v>0</v>
      </c>
      <c r="AX829" s="53">
        <v>0</v>
      </c>
      <c r="AY829" s="53">
        <v>0</v>
      </c>
      <c r="AZ829" s="53">
        <v>0</v>
      </c>
      <c r="BA829" s="53">
        <v>0</v>
      </c>
    </row>
    <row r="830" spans="1:53">
      <c r="A830" s="52" t="s">
        <v>4142</v>
      </c>
      <c r="B830" s="53">
        <v>0</v>
      </c>
      <c r="C830" s="53">
        <v>0</v>
      </c>
      <c r="D830" s="53">
        <v>0</v>
      </c>
      <c r="E830" s="53">
        <v>0</v>
      </c>
      <c r="F830" s="53">
        <v>0</v>
      </c>
      <c r="G830" s="53">
        <v>0</v>
      </c>
      <c r="H830" s="53">
        <v>0</v>
      </c>
      <c r="I830" s="53">
        <v>0</v>
      </c>
      <c r="J830" s="53">
        <v>0</v>
      </c>
      <c r="K830" s="53">
        <v>0</v>
      </c>
      <c r="L830" s="53">
        <v>0</v>
      </c>
      <c r="M830" s="53">
        <v>0</v>
      </c>
      <c r="N830" s="53">
        <v>0</v>
      </c>
      <c r="O830" s="53">
        <v>0</v>
      </c>
      <c r="P830" s="53">
        <v>0</v>
      </c>
      <c r="Q830" s="53">
        <v>0</v>
      </c>
      <c r="R830" s="53">
        <v>0</v>
      </c>
      <c r="S830" s="53">
        <v>0</v>
      </c>
      <c r="T830" s="53">
        <v>0</v>
      </c>
      <c r="U830" s="53">
        <v>0</v>
      </c>
      <c r="V830" s="53">
        <v>0</v>
      </c>
      <c r="W830" s="53">
        <v>0</v>
      </c>
      <c r="X830" s="53">
        <v>0</v>
      </c>
      <c r="Y830" s="53">
        <v>0</v>
      </c>
      <c r="Z830" s="53">
        <v>0</v>
      </c>
      <c r="AA830" s="53">
        <v>0</v>
      </c>
      <c r="AB830" s="53">
        <v>0</v>
      </c>
      <c r="AC830" s="53">
        <v>0</v>
      </c>
      <c r="AD830" s="53">
        <v>0</v>
      </c>
      <c r="AE830" s="53">
        <v>0</v>
      </c>
      <c r="AF830" s="53">
        <v>0</v>
      </c>
      <c r="AG830" s="53">
        <v>0</v>
      </c>
      <c r="AH830" s="53">
        <v>0</v>
      </c>
      <c r="AI830" s="53">
        <v>0</v>
      </c>
      <c r="AJ830" s="53">
        <v>0</v>
      </c>
      <c r="AK830" s="53">
        <v>0</v>
      </c>
      <c r="AL830" s="53">
        <v>0</v>
      </c>
      <c r="AM830" s="53">
        <v>0</v>
      </c>
      <c r="AN830" s="53">
        <v>0</v>
      </c>
      <c r="AO830" s="53">
        <v>0</v>
      </c>
      <c r="AP830" s="53">
        <v>0</v>
      </c>
      <c r="AQ830" s="53">
        <v>0</v>
      </c>
      <c r="AR830" s="53">
        <v>0</v>
      </c>
      <c r="AS830" s="53">
        <v>0</v>
      </c>
      <c r="AT830" s="53">
        <v>0</v>
      </c>
      <c r="AU830" s="53">
        <v>0</v>
      </c>
      <c r="AV830" s="53">
        <v>0</v>
      </c>
      <c r="AW830" s="53">
        <v>0</v>
      </c>
      <c r="AX830" s="53">
        <v>0</v>
      </c>
      <c r="AY830" s="53">
        <v>0</v>
      </c>
      <c r="AZ830" s="53">
        <v>0</v>
      </c>
      <c r="BA830" s="53">
        <v>0</v>
      </c>
    </row>
    <row r="831" spans="1:53">
      <c r="A831" s="52" t="s">
        <v>4143</v>
      </c>
      <c r="B831" s="53">
        <v>0</v>
      </c>
      <c r="C831" s="53">
        <v>0</v>
      </c>
      <c r="D831" s="53">
        <v>0</v>
      </c>
      <c r="E831" s="53">
        <v>0</v>
      </c>
      <c r="F831" s="53">
        <v>0</v>
      </c>
      <c r="G831" s="53">
        <v>0</v>
      </c>
      <c r="H831" s="53">
        <v>0</v>
      </c>
      <c r="I831" s="53">
        <v>0</v>
      </c>
      <c r="J831" s="53">
        <v>0</v>
      </c>
      <c r="K831" s="53">
        <v>0</v>
      </c>
      <c r="L831" s="53">
        <v>0</v>
      </c>
      <c r="M831" s="53">
        <v>0</v>
      </c>
      <c r="N831" s="53">
        <v>0</v>
      </c>
      <c r="O831" s="53">
        <v>0</v>
      </c>
      <c r="P831" s="53">
        <v>0</v>
      </c>
      <c r="Q831" s="53">
        <v>0</v>
      </c>
      <c r="R831" s="53">
        <v>0</v>
      </c>
      <c r="S831" s="53">
        <v>0</v>
      </c>
      <c r="T831" s="53">
        <v>0</v>
      </c>
      <c r="U831" s="53">
        <v>0</v>
      </c>
      <c r="V831" s="53">
        <v>0</v>
      </c>
      <c r="W831" s="53">
        <v>0</v>
      </c>
      <c r="X831" s="53">
        <v>0</v>
      </c>
      <c r="Y831" s="53">
        <v>0</v>
      </c>
      <c r="Z831" s="53">
        <v>0</v>
      </c>
      <c r="AA831" s="53">
        <v>0</v>
      </c>
      <c r="AB831" s="53">
        <v>0</v>
      </c>
      <c r="AC831" s="53">
        <v>0</v>
      </c>
      <c r="AD831" s="53">
        <v>0</v>
      </c>
      <c r="AE831" s="53">
        <v>0</v>
      </c>
      <c r="AF831" s="53">
        <v>0</v>
      </c>
      <c r="AG831" s="53">
        <v>0</v>
      </c>
      <c r="AH831" s="53">
        <v>0</v>
      </c>
      <c r="AI831" s="53">
        <v>0</v>
      </c>
      <c r="AJ831" s="53">
        <v>0</v>
      </c>
      <c r="AK831" s="53">
        <v>0</v>
      </c>
      <c r="AL831" s="53">
        <v>0</v>
      </c>
      <c r="AM831" s="53">
        <v>0</v>
      </c>
      <c r="AN831" s="53">
        <v>0</v>
      </c>
      <c r="AO831" s="53">
        <v>0</v>
      </c>
      <c r="AP831" s="53">
        <v>0</v>
      </c>
      <c r="AQ831" s="53">
        <v>0</v>
      </c>
      <c r="AR831" s="53">
        <v>0</v>
      </c>
      <c r="AS831" s="53">
        <v>0</v>
      </c>
      <c r="AT831" s="53">
        <v>0</v>
      </c>
      <c r="AU831" s="53">
        <v>0</v>
      </c>
      <c r="AV831" s="53">
        <v>0</v>
      </c>
      <c r="AW831" s="53">
        <v>0</v>
      </c>
      <c r="AX831" s="53">
        <v>0</v>
      </c>
      <c r="AY831" s="53">
        <v>0</v>
      </c>
      <c r="AZ831" s="53">
        <v>0</v>
      </c>
      <c r="BA831" s="53">
        <v>0</v>
      </c>
    </row>
    <row r="832" spans="1:53">
      <c r="A832" s="52" t="s">
        <v>4144</v>
      </c>
      <c r="B832" s="53">
        <v>4849.54</v>
      </c>
      <c r="C832" s="53">
        <v>4849.54</v>
      </c>
      <c r="D832" s="53">
        <v>4849.54</v>
      </c>
      <c r="E832" s="53">
        <v>4849.54</v>
      </c>
      <c r="F832" s="53">
        <v>4849.54</v>
      </c>
      <c r="G832" s="53">
        <v>4849.54</v>
      </c>
      <c r="H832" s="53">
        <v>-39374.370000000003</v>
      </c>
      <c r="I832" s="53">
        <v>4849.54</v>
      </c>
      <c r="J832" s="53">
        <v>4849.54</v>
      </c>
      <c r="K832" s="53">
        <v>4849.54</v>
      </c>
      <c r="L832" s="53">
        <v>4849.54</v>
      </c>
      <c r="M832" s="53">
        <v>-174540.84</v>
      </c>
      <c r="N832" s="53">
        <v>-165419.81</v>
      </c>
      <c r="O832" s="53">
        <v>4849.54</v>
      </c>
      <c r="P832" s="53">
        <v>4849.54</v>
      </c>
      <c r="Q832" s="53">
        <v>4849.54</v>
      </c>
      <c r="R832" s="53">
        <v>4849.54</v>
      </c>
      <c r="S832" s="53">
        <v>4849.54</v>
      </c>
      <c r="T832" s="53">
        <v>4849.54</v>
      </c>
      <c r="U832" s="53">
        <v>-39374.370000000003</v>
      </c>
      <c r="V832" s="53">
        <v>4849.54</v>
      </c>
      <c r="W832" s="53">
        <v>4849.54</v>
      </c>
      <c r="X832" s="53">
        <v>4849.54</v>
      </c>
      <c r="Y832" s="53">
        <v>4849.54</v>
      </c>
      <c r="Z832" s="53">
        <v>-174540.84</v>
      </c>
      <c r="AA832" s="53">
        <v>-165419.81</v>
      </c>
      <c r="AB832" s="53">
        <v>4849.54</v>
      </c>
      <c r="AC832" s="53">
        <v>4849.54</v>
      </c>
      <c r="AD832" s="53">
        <v>4849.54</v>
      </c>
      <c r="AE832" s="53">
        <v>4849.54</v>
      </c>
      <c r="AF832" s="53">
        <v>4849.54</v>
      </c>
      <c r="AG832" s="53">
        <v>4849.54</v>
      </c>
      <c r="AH832" s="53">
        <v>-39374.370000000003</v>
      </c>
      <c r="AI832" s="53">
        <v>4849.54</v>
      </c>
      <c r="AJ832" s="53">
        <v>4849.54</v>
      </c>
      <c r="AK832" s="53">
        <v>4849.54</v>
      </c>
      <c r="AL832" s="53">
        <v>4849.54</v>
      </c>
      <c r="AM832" s="53">
        <v>-174540.84</v>
      </c>
      <c r="AN832" s="53">
        <v>-165419.81</v>
      </c>
      <c r="AO832" s="53">
        <v>4849.54</v>
      </c>
      <c r="AP832" s="53">
        <v>4849.54</v>
      </c>
      <c r="AQ832" s="53">
        <v>4849.54</v>
      </c>
      <c r="AR832" s="53">
        <v>4849.54</v>
      </c>
      <c r="AS832" s="53">
        <v>4849.54</v>
      </c>
      <c r="AT832" s="53">
        <v>4849.54</v>
      </c>
      <c r="AU832" s="53">
        <v>-39374.370000000003</v>
      </c>
      <c r="AV832" s="53">
        <v>4849.54</v>
      </c>
      <c r="AW832" s="53">
        <v>4849.54</v>
      </c>
      <c r="AX832" s="53">
        <v>4849.54</v>
      </c>
      <c r="AY832" s="53">
        <v>4849.54</v>
      </c>
      <c r="AZ832" s="53">
        <v>-174540.84</v>
      </c>
      <c r="BA832" s="53">
        <v>-165419.81</v>
      </c>
    </row>
    <row r="833" spans="1:53">
      <c r="A833" s="52" t="s">
        <v>4145</v>
      </c>
      <c r="B833" s="53">
        <v>0</v>
      </c>
      <c r="C833" s="53">
        <v>0</v>
      </c>
      <c r="D833" s="53">
        <v>0</v>
      </c>
      <c r="E833" s="53">
        <v>0</v>
      </c>
      <c r="F833" s="53">
        <v>0</v>
      </c>
      <c r="G833" s="53">
        <v>0</v>
      </c>
      <c r="H833" s="53">
        <v>0</v>
      </c>
      <c r="I833" s="53">
        <v>0</v>
      </c>
      <c r="J833" s="53">
        <v>0</v>
      </c>
      <c r="K833" s="53">
        <v>0</v>
      </c>
      <c r="L833" s="53">
        <v>0</v>
      </c>
      <c r="M833" s="53">
        <v>0</v>
      </c>
      <c r="N833" s="53">
        <v>0</v>
      </c>
      <c r="O833" s="53">
        <v>0</v>
      </c>
      <c r="P833" s="53">
        <v>0</v>
      </c>
      <c r="Q833" s="53">
        <v>0</v>
      </c>
      <c r="R833" s="53">
        <v>0</v>
      </c>
      <c r="S833" s="53">
        <v>0</v>
      </c>
      <c r="T833" s="53">
        <v>0</v>
      </c>
      <c r="U833" s="53">
        <v>0</v>
      </c>
      <c r="V833" s="53">
        <v>0</v>
      </c>
      <c r="W833" s="53">
        <v>0</v>
      </c>
      <c r="X833" s="53">
        <v>0</v>
      </c>
      <c r="Y833" s="53">
        <v>0</v>
      </c>
      <c r="Z833" s="53">
        <v>0</v>
      </c>
      <c r="AA833" s="53">
        <v>0</v>
      </c>
      <c r="AB833" s="53">
        <v>0</v>
      </c>
      <c r="AC833" s="53">
        <v>0</v>
      </c>
      <c r="AD833" s="53">
        <v>0</v>
      </c>
      <c r="AE833" s="53">
        <v>0</v>
      </c>
      <c r="AF833" s="53">
        <v>0</v>
      </c>
      <c r="AG833" s="53">
        <v>0</v>
      </c>
      <c r="AH833" s="53">
        <v>0</v>
      </c>
      <c r="AI833" s="53">
        <v>0</v>
      </c>
      <c r="AJ833" s="53">
        <v>0</v>
      </c>
      <c r="AK833" s="53">
        <v>0</v>
      </c>
      <c r="AL833" s="53">
        <v>0</v>
      </c>
      <c r="AM833" s="53">
        <v>0</v>
      </c>
      <c r="AN833" s="53">
        <v>0</v>
      </c>
      <c r="AO833" s="53">
        <v>0</v>
      </c>
      <c r="AP833" s="53">
        <v>0</v>
      </c>
      <c r="AQ833" s="53">
        <v>0</v>
      </c>
      <c r="AR833" s="53">
        <v>0</v>
      </c>
      <c r="AS833" s="53">
        <v>0</v>
      </c>
      <c r="AT833" s="53">
        <v>0</v>
      </c>
      <c r="AU833" s="53">
        <v>0</v>
      </c>
      <c r="AV833" s="53">
        <v>0</v>
      </c>
      <c r="AW833" s="53">
        <v>0</v>
      </c>
      <c r="AX833" s="53">
        <v>0</v>
      </c>
      <c r="AY833" s="53">
        <v>0</v>
      </c>
      <c r="AZ833" s="53">
        <v>0</v>
      </c>
      <c r="BA833" s="53">
        <v>0</v>
      </c>
    </row>
    <row r="834" spans="1:53">
      <c r="A834" s="52" t="s">
        <v>4146</v>
      </c>
      <c r="B834" s="53">
        <v>0</v>
      </c>
      <c r="C834" s="53">
        <v>0</v>
      </c>
      <c r="D834" s="53">
        <v>0</v>
      </c>
      <c r="E834" s="53">
        <v>0</v>
      </c>
      <c r="F834" s="53">
        <v>0</v>
      </c>
      <c r="G834" s="53">
        <v>0</v>
      </c>
      <c r="H834" s="53">
        <v>0</v>
      </c>
      <c r="I834" s="53">
        <v>0</v>
      </c>
      <c r="J834" s="53">
        <v>0</v>
      </c>
      <c r="K834" s="53">
        <v>0</v>
      </c>
      <c r="L834" s="53">
        <v>0</v>
      </c>
      <c r="M834" s="53">
        <v>0</v>
      </c>
      <c r="N834" s="53">
        <v>0</v>
      </c>
      <c r="O834" s="53">
        <v>0</v>
      </c>
      <c r="P834" s="53">
        <v>0</v>
      </c>
      <c r="Q834" s="53">
        <v>0</v>
      </c>
      <c r="R834" s="53">
        <v>0</v>
      </c>
      <c r="S834" s="53">
        <v>0</v>
      </c>
      <c r="T834" s="53">
        <v>0</v>
      </c>
      <c r="U834" s="53">
        <v>0</v>
      </c>
      <c r="V834" s="53">
        <v>0</v>
      </c>
      <c r="W834" s="53">
        <v>0</v>
      </c>
      <c r="X834" s="53">
        <v>0</v>
      </c>
      <c r="Y834" s="53">
        <v>0</v>
      </c>
      <c r="Z834" s="53">
        <v>0</v>
      </c>
      <c r="AA834" s="53">
        <v>0</v>
      </c>
      <c r="AB834" s="53">
        <v>0</v>
      </c>
      <c r="AC834" s="53">
        <v>0</v>
      </c>
      <c r="AD834" s="53">
        <v>0</v>
      </c>
      <c r="AE834" s="53">
        <v>0</v>
      </c>
      <c r="AF834" s="53">
        <v>0</v>
      </c>
      <c r="AG834" s="53">
        <v>0</v>
      </c>
      <c r="AH834" s="53">
        <v>0</v>
      </c>
      <c r="AI834" s="53">
        <v>0</v>
      </c>
      <c r="AJ834" s="53">
        <v>0</v>
      </c>
      <c r="AK834" s="53">
        <v>0</v>
      </c>
      <c r="AL834" s="53">
        <v>0</v>
      </c>
      <c r="AM834" s="53">
        <v>0</v>
      </c>
      <c r="AN834" s="53">
        <v>0</v>
      </c>
      <c r="AO834" s="53">
        <v>0</v>
      </c>
      <c r="AP834" s="53">
        <v>0</v>
      </c>
      <c r="AQ834" s="53">
        <v>0</v>
      </c>
      <c r="AR834" s="53">
        <v>0</v>
      </c>
      <c r="AS834" s="53">
        <v>0</v>
      </c>
      <c r="AT834" s="53">
        <v>0</v>
      </c>
      <c r="AU834" s="53">
        <v>0</v>
      </c>
      <c r="AV834" s="53">
        <v>0</v>
      </c>
      <c r="AW834" s="53">
        <v>0</v>
      </c>
      <c r="AX834" s="53">
        <v>0</v>
      </c>
      <c r="AY834" s="53">
        <v>0</v>
      </c>
      <c r="AZ834" s="53">
        <v>0</v>
      </c>
      <c r="BA834" s="53">
        <v>0</v>
      </c>
    </row>
    <row r="835" spans="1:53">
      <c r="A835" s="52" t="s">
        <v>4147</v>
      </c>
      <c r="B835" s="53">
        <v>0</v>
      </c>
      <c r="C835" s="53">
        <v>0</v>
      </c>
      <c r="D835" s="53">
        <v>0</v>
      </c>
      <c r="E835" s="53">
        <v>0</v>
      </c>
      <c r="F835" s="53">
        <v>0</v>
      </c>
      <c r="G835" s="53">
        <v>0</v>
      </c>
      <c r="H835" s="53">
        <v>0</v>
      </c>
      <c r="I835" s="53">
        <v>0</v>
      </c>
      <c r="J835" s="53">
        <v>0</v>
      </c>
      <c r="K835" s="53">
        <v>0</v>
      </c>
      <c r="L835" s="53">
        <v>0</v>
      </c>
      <c r="M835" s="53">
        <v>0</v>
      </c>
      <c r="N835" s="53">
        <v>0</v>
      </c>
      <c r="O835" s="53">
        <v>0</v>
      </c>
      <c r="P835" s="53">
        <v>0</v>
      </c>
      <c r="Q835" s="53">
        <v>0</v>
      </c>
      <c r="R835" s="53">
        <v>0</v>
      </c>
      <c r="S835" s="53">
        <v>0</v>
      </c>
      <c r="T835" s="53">
        <v>0</v>
      </c>
      <c r="U835" s="53">
        <v>0</v>
      </c>
      <c r="V835" s="53">
        <v>0</v>
      </c>
      <c r="W835" s="53">
        <v>0</v>
      </c>
      <c r="X835" s="53">
        <v>0</v>
      </c>
      <c r="Y835" s="53">
        <v>0</v>
      </c>
      <c r="Z835" s="53">
        <v>0</v>
      </c>
      <c r="AA835" s="53">
        <v>0</v>
      </c>
      <c r="AB835" s="53">
        <v>0</v>
      </c>
      <c r="AC835" s="53">
        <v>0</v>
      </c>
      <c r="AD835" s="53">
        <v>0</v>
      </c>
      <c r="AE835" s="53">
        <v>0</v>
      </c>
      <c r="AF835" s="53">
        <v>0</v>
      </c>
      <c r="AG835" s="53">
        <v>0</v>
      </c>
      <c r="AH835" s="53">
        <v>0</v>
      </c>
      <c r="AI835" s="53">
        <v>0</v>
      </c>
      <c r="AJ835" s="53">
        <v>0</v>
      </c>
      <c r="AK835" s="53">
        <v>0</v>
      </c>
      <c r="AL835" s="53">
        <v>0</v>
      </c>
      <c r="AM835" s="53">
        <v>0</v>
      </c>
      <c r="AN835" s="53">
        <v>0</v>
      </c>
      <c r="AO835" s="53">
        <v>0</v>
      </c>
      <c r="AP835" s="53">
        <v>0</v>
      </c>
      <c r="AQ835" s="53">
        <v>0</v>
      </c>
      <c r="AR835" s="53">
        <v>0</v>
      </c>
      <c r="AS835" s="53">
        <v>0</v>
      </c>
      <c r="AT835" s="53">
        <v>0</v>
      </c>
      <c r="AU835" s="53">
        <v>0</v>
      </c>
      <c r="AV835" s="53">
        <v>0</v>
      </c>
      <c r="AW835" s="53">
        <v>0</v>
      </c>
      <c r="AX835" s="53">
        <v>0</v>
      </c>
      <c r="AY835" s="53">
        <v>0</v>
      </c>
      <c r="AZ835" s="53">
        <v>0</v>
      </c>
      <c r="BA835" s="53">
        <v>0</v>
      </c>
    </row>
    <row r="836" spans="1:53">
      <c r="A836" s="52" t="s">
        <v>4148</v>
      </c>
      <c r="B836" s="53">
        <v>0</v>
      </c>
      <c r="C836" s="53">
        <v>0</v>
      </c>
      <c r="D836" s="53">
        <v>0</v>
      </c>
      <c r="E836" s="53">
        <v>0</v>
      </c>
      <c r="F836" s="53">
        <v>0</v>
      </c>
      <c r="G836" s="53">
        <v>0</v>
      </c>
      <c r="H836" s="53">
        <v>0</v>
      </c>
      <c r="I836" s="53">
        <v>0</v>
      </c>
      <c r="J836" s="53">
        <v>0</v>
      </c>
      <c r="K836" s="53">
        <v>0</v>
      </c>
      <c r="L836" s="53">
        <v>0</v>
      </c>
      <c r="M836" s="53">
        <v>0</v>
      </c>
      <c r="N836" s="53">
        <v>0</v>
      </c>
      <c r="O836" s="53">
        <v>0</v>
      </c>
      <c r="P836" s="53">
        <v>0</v>
      </c>
      <c r="Q836" s="53">
        <v>0</v>
      </c>
      <c r="R836" s="53">
        <v>0</v>
      </c>
      <c r="S836" s="53">
        <v>0</v>
      </c>
      <c r="T836" s="53">
        <v>0</v>
      </c>
      <c r="U836" s="53">
        <v>0</v>
      </c>
      <c r="V836" s="53">
        <v>0</v>
      </c>
      <c r="W836" s="53">
        <v>0</v>
      </c>
      <c r="X836" s="53">
        <v>0</v>
      </c>
      <c r="Y836" s="53">
        <v>0</v>
      </c>
      <c r="Z836" s="53">
        <v>0</v>
      </c>
      <c r="AA836" s="53">
        <v>0</v>
      </c>
      <c r="AB836" s="53">
        <v>0</v>
      </c>
      <c r="AC836" s="53">
        <v>0</v>
      </c>
      <c r="AD836" s="53">
        <v>0</v>
      </c>
      <c r="AE836" s="53">
        <v>0</v>
      </c>
      <c r="AF836" s="53">
        <v>0</v>
      </c>
      <c r="AG836" s="53">
        <v>0</v>
      </c>
      <c r="AH836" s="53">
        <v>0</v>
      </c>
      <c r="AI836" s="53">
        <v>0</v>
      </c>
      <c r="AJ836" s="53">
        <v>0</v>
      </c>
      <c r="AK836" s="53">
        <v>0</v>
      </c>
      <c r="AL836" s="53">
        <v>0</v>
      </c>
      <c r="AM836" s="53">
        <v>0</v>
      </c>
      <c r="AN836" s="53">
        <v>0</v>
      </c>
      <c r="AO836" s="53">
        <v>0</v>
      </c>
      <c r="AP836" s="53">
        <v>0</v>
      </c>
      <c r="AQ836" s="53">
        <v>0</v>
      </c>
      <c r="AR836" s="53">
        <v>0</v>
      </c>
      <c r="AS836" s="53">
        <v>0</v>
      </c>
      <c r="AT836" s="53">
        <v>0</v>
      </c>
      <c r="AU836" s="53">
        <v>0</v>
      </c>
      <c r="AV836" s="53">
        <v>0</v>
      </c>
      <c r="AW836" s="53">
        <v>0</v>
      </c>
      <c r="AX836" s="53">
        <v>0</v>
      </c>
      <c r="AY836" s="53">
        <v>0</v>
      </c>
      <c r="AZ836" s="53">
        <v>0</v>
      </c>
      <c r="BA836" s="53">
        <v>0</v>
      </c>
    </row>
    <row r="837" spans="1:53">
      <c r="A837" s="52" t="s">
        <v>4149</v>
      </c>
      <c r="B837" s="53">
        <v>0</v>
      </c>
      <c r="C837" s="53">
        <v>0</v>
      </c>
      <c r="D837" s="53">
        <v>0</v>
      </c>
      <c r="E837" s="53">
        <v>0</v>
      </c>
      <c r="F837" s="53">
        <v>0</v>
      </c>
      <c r="G837" s="53">
        <v>0</v>
      </c>
      <c r="H837" s="53">
        <v>0</v>
      </c>
      <c r="I837" s="53">
        <v>0</v>
      </c>
      <c r="J837" s="53">
        <v>0</v>
      </c>
      <c r="K837" s="53">
        <v>0</v>
      </c>
      <c r="L837" s="53">
        <v>0</v>
      </c>
      <c r="M837" s="53">
        <v>0</v>
      </c>
      <c r="N837" s="53">
        <v>0</v>
      </c>
      <c r="O837" s="53">
        <v>0</v>
      </c>
      <c r="P837" s="53">
        <v>0</v>
      </c>
      <c r="Q837" s="53">
        <v>0</v>
      </c>
      <c r="R837" s="53">
        <v>0</v>
      </c>
      <c r="S837" s="53">
        <v>0</v>
      </c>
      <c r="T837" s="53">
        <v>0</v>
      </c>
      <c r="U837" s="53">
        <v>0</v>
      </c>
      <c r="V837" s="53">
        <v>0</v>
      </c>
      <c r="W837" s="53">
        <v>0</v>
      </c>
      <c r="X837" s="53">
        <v>0</v>
      </c>
      <c r="Y837" s="53">
        <v>0</v>
      </c>
      <c r="Z837" s="53">
        <v>0</v>
      </c>
      <c r="AA837" s="53">
        <v>0</v>
      </c>
      <c r="AB837" s="53">
        <v>0</v>
      </c>
      <c r="AC837" s="53">
        <v>0</v>
      </c>
      <c r="AD837" s="53">
        <v>0</v>
      </c>
      <c r="AE837" s="53">
        <v>0</v>
      </c>
      <c r="AF837" s="53">
        <v>0</v>
      </c>
      <c r="AG837" s="53">
        <v>0</v>
      </c>
      <c r="AH837" s="53">
        <v>0</v>
      </c>
      <c r="AI837" s="53">
        <v>0</v>
      </c>
      <c r="AJ837" s="53">
        <v>0</v>
      </c>
      <c r="AK837" s="53">
        <v>0</v>
      </c>
      <c r="AL837" s="53">
        <v>0</v>
      </c>
      <c r="AM837" s="53">
        <v>0</v>
      </c>
      <c r="AN837" s="53">
        <v>0</v>
      </c>
      <c r="AO837" s="53">
        <v>0</v>
      </c>
      <c r="AP837" s="53">
        <v>0</v>
      </c>
      <c r="AQ837" s="53">
        <v>0</v>
      </c>
      <c r="AR837" s="53">
        <v>0</v>
      </c>
      <c r="AS837" s="53">
        <v>0</v>
      </c>
      <c r="AT837" s="53">
        <v>0</v>
      </c>
      <c r="AU837" s="53">
        <v>0</v>
      </c>
      <c r="AV837" s="53">
        <v>0</v>
      </c>
      <c r="AW837" s="53">
        <v>0</v>
      </c>
      <c r="AX837" s="53">
        <v>0</v>
      </c>
      <c r="AY837" s="53">
        <v>0</v>
      </c>
      <c r="AZ837" s="53">
        <v>0</v>
      </c>
      <c r="BA837" s="53">
        <v>0</v>
      </c>
    </row>
    <row r="838" spans="1:53">
      <c r="A838" s="52" t="s">
        <v>4150</v>
      </c>
      <c r="B838" s="53">
        <v>0</v>
      </c>
      <c r="C838" s="53">
        <v>0</v>
      </c>
      <c r="D838" s="53">
        <v>0</v>
      </c>
      <c r="E838" s="53">
        <v>0</v>
      </c>
      <c r="F838" s="53">
        <v>0</v>
      </c>
      <c r="G838" s="53">
        <v>0</v>
      </c>
      <c r="H838" s="53">
        <v>0</v>
      </c>
      <c r="I838" s="53">
        <v>0</v>
      </c>
      <c r="J838" s="53">
        <v>0</v>
      </c>
      <c r="K838" s="53">
        <v>0</v>
      </c>
      <c r="L838" s="53">
        <v>0</v>
      </c>
      <c r="M838" s="53">
        <v>0</v>
      </c>
      <c r="N838" s="53">
        <v>0</v>
      </c>
      <c r="O838" s="53">
        <v>0</v>
      </c>
      <c r="P838" s="53">
        <v>0</v>
      </c>
      <c r="Q838" s="53">
        <v>0</v>
      </c>
      <c r="R838" s="53">
        <v>0</v>
      </c>
      <c r="S838" s="53">
        <v>0</v>
      </c>
      <c r="T838" s="53">
        <v>0</v>
      </c>
      <c r="U838" s="53">
        <v>0</v>
      </c>
      <c r="V838" s="53">
        <v>0</v>
      </c>
      <c r="W838" s="53">
        <v>0</v>
      </c>
      <c r="X838" s="53">
        <v>0</v>
      </c>
      <c r="Y838" s="53">
        <v>0</v>
      </c>
      <c r="Z838" s="53">
        <v>0</v>
      </c>
      <c r="AA838" s="53">
        <v>0</v>
      </c>
      <c r="AB838" s="53">
        <v>0</v>
      </c>
      <c r="AC838" s="53">
        <v>0</v>
      </c>
      <c r="AD838" s="53">
        <v>0</v>
      </c>
      <c r="AE838" s="53">
        <v>0</v>
      </c>
      <c r="AF838" s="53">
        <v>0</v>
      </c>
      <c r="AG838" s="53">
        <v>0</v>
      </c>
      <c r="AH838" s="53">
        <v>0</v>
      </c>
      <c r="AI838" s="53">
        <v>0</v>
      </c>
      <c r="AJ838" s="53">
        <v>0</v>
      </c>
      <c r="AK838" s="53">
        <v>0</v>
      </c>
      <c r="AL838" s="53">
        <v>0</v>
      </c>
      <c r="AM838" s="53">
        <v>0</v>
      </c>
      <c r="AN838" s="53">
        <v>0</v>
      </c>
      <c r="AO838" s="53">
        <v>0</v>
      </c>
      <c r="AP838" s="53">
        <v>0</v>
      </c>
      <c r="AQ838" s="53">
        <v>0</v>
      </c>
      <c r="AR838" s="53">
        <v>0</v>
      </c>
      <c r="AS838" s="53">
        <v>0</v>
      </c>
      <c r="AT838" s="53">
        <v>0</v>
      </c>
      <c r="AU838" s="53">
        <v>0</v>
      </c>
      <c r="AV838" s="53">
        <v>0</v>
      </c>
      <c r="AW838" s="53">
        <v>0</v>
      </c>
      <c r="AX838" s="53">
        <v>0</v>
      </c>
      <c r="AY838" s="53">
        <v>0</v>
      </c>
      <c r="AZ838" s="53">
        <v>0</v>
      </c>
      <c r="BA838" s="53">
        <v>0</v>
      </c>
    </row>
    <row r="839" spans="1:53">
      <c r="A839" s="52" t="s">
        <v>4151</v>
      </c>
      <c r="B839" s="53">
        <v>0</v>
      </c>
      <c r="C839" s="53">
        <v>0</v>
      </c>
      <c r="D839" s="53">
        <v>0</v>
      </c>
      <c r="E839" s="53">
        <v>0</v>
      </c>
      <c r="F839" s="53">
        <v>0</v>
      </c>
      <c r="G839" s="53">
        <v>0</v>
      </c>
      <c r="H839" s="53">
        <v>0</v>
      </c>
      <c r="I839" s="53">
        <v>0</v>
      </c>
      <c r="J839" s="53">
        <v>0</v>
      </c>
      <c r="K839" s="53">
        <v>0</v>
      </c>
      <c r="L839" s="53">
        <v>0</v>
      </c>
      <c r="M839" s="53">
        <v>0</v>
      </c>
      <c r="N839" s="53">
        <v>0</v>
      </c>
      <c r="O839" s="53">
        <v>0</v>
      </c>
      <c r="P839" s="53">
        <v>0</v>
      </c>
      <c r="Q839" s="53">
        <v>0</v>
      </c>
      <c r="R839" s="53">
        <v>0</v>
      </c>
      <c r="S839" s="53">
        <v>0</v>
      </c>
      <c r="T839" s="53">
        <v>0</v>
      </c>
      <c r="U839" s="53">
        <v>0</v>
      </c>
      <c r="V839" s="53">
        <v>0</v>
      </c>
      <c r="W839" s="53">
        <v>0</v>
      </c>
      <c r="X839" s="53">
        <v>0</v>
      </c>
      <c r="Y839" s="53">
        <v>0</v>
      </c>
      <c r="Z839" s="53">
        <v>0</v>
      </c>
      <c r="AA839" s="53">
        <v>0</v>
      </c>
      <c r="AB839" s="53">
        <v>0</v>
      </c>
      <c r="AC839" s="53">
        <v>0</v>
      </c>
      <c r="AD839" s="53">
        <v>0</v>
      </c>
      <c r="AE839" s="53">
        <v>0</v>
      </c>
      <c r="AF839" s="53">
        <v>0</v>
      </c>
      <c r="AG839" s="53">
        <v>0</v>
      </c>
      <c r="AH839" s="53">
        <v>0</v>
      </c>
      <c r="AI839" s="53">
        <v>0</v>
      </c>
      <c r="AJ839" s="53">
        <v>0</v>
      </c>
      <c r="AK839" s="53">
        <v>0</v>
      </c>
      <c r="AL839" s="53">
        <v>0</v>
      </c>
      <c r="AM839" s="53">
        <v>0</v>
      </c>
      <c r="AN839" s="53">
        <v>0</v>
      </c>
      <c r="AO839" s="53">
        <v>0</v>
      </c>
      <c r="AP839" s="53">
        <v>0</v>
      </c>
      <c r="AQ839" s="53">
        <v>0</v>
      </c>
      <c r="AR839" s="53">
        <v>0</v>
      </c>
      <c r="AS839" s="53">
        <v>0</v>
      </c>
      <c r="AT839" s="53">
        <v>0</v>
      </c>
      <c r="AU839" s="53">
        <v>0</v>
      </c>
      <c r="AV839" s="53">
        <v>0</v>
      </c>
      <c r="AW839" s="53">
        <v>0</v>
      </c>
      <c r="AX839" s="53">
        <v>0</v>
      </c>
      <c r="AY839" s="53">
        <v>0</v>
      </c>
      <c r="AZ839" s="53">
        <v>0</v>
      </c>
      <c r="BA839" s="53">
        <v>0</v>
      </c>
    </row>
    <row r="840" spans="1:53">
      <c r="A840" s="52" t="s">
        <v>4152</v>
      </c>
      <c r="B840" s="53">
        <v>0</v>
      </c>
      <c r="C840" s="53">
        <v>0</v>
      </c>
      <c r="D840" s="53">
        <v>0</v>
      </c>
      <c r="E840" s="53">
        <v>0</v>
      </c>
      <c r="F840" s="53">
        <v>0</v>
      </c>
      <c r="G840" s="53">
        <v>0</v>
      </c>
      <c r="H840" s="53">
        <v>0</v>
      </c>
      <c r="I840" s="53">
        <v>0</v>
      </c>
      <c r="J840" s="53">
        <v>0</v>
      </c>
      <c r="K840" s="53">
        <v>0</v>
      </c>
      <c r="L840" s="53">
        <v>0</v>
      </c>
      <c r="M840" s="53">
        <v>0</v>
      </c>
      <c r="N840" s="53">
        <v>0</v>
      </c>
      <c r="O840" s="53">
        <v>0</v>
      </c>
      <c r="P840" s="53">
        <v>0</v>
      </c>
      <c r="Q840" s="53">
        <v>0</v>
      </c>
      <c r="R840" s="53">
        <v>0</v>
      </c>
      <c r="S840" s="53">
        <v>0</v>
      </c>
      <c r="T840" s="53">
        <v>0</v>
      </c>
      <c r="U840" s="53">
        <v>0</v>
      </c>
      <c r="V840" s="53">
        <v>0</v>
      </c>
      <c r="W840" s="53">
        <v>0</v>
      </c>
      <c r="X840" s="53">
        <v>0</v>
      </c>
      <c r="Y840" s="53">
        <v>0</v>
      </c>
      <c r="Z840" s="53">
        <v>0</v>
      </c>
      <c r="AA840" s="53">
        <v>0</v>
      </c>
      <c r="AB840" s="53">
        <v>0</v>
      </c>
      <c r="AC840" s="53">
        <v>0</v>
      </c>
      <c r="AD840" s="53">
        <v>0</v>
      </c>
      <c r="AE840" s="53">
        <v>0</v>
      </c>
      <c r="AF840" s="53">
        <v>0</v>
      </c>
      <c r="AG840" s="53">
        <v>0</v>
      </c>
      <c r="AH840" s="53">
        <v>0</v>
      </c>
      <c r="AI840" s="53">
        <v>0</v>
      </c>
      <c r="AJ840" s="53">
        <v>0</v>
      </c>
      <c r="AK840" s="53">
        <v>0</v>
      </c>
      <c r="AL840" s="53">
        <v>0</v>
      </c>
      <c r="AM840" s="53">
        <v>0</v>
      </c>
      <c r="AN840" s="53">
        <v>0</v>
      </c>
      <c r="AO840" s="53">
        <v>0</v>
      </c>
      <c r="AP840" s="53">
        <v>0</v>
      </c>
      <c r="AQ840" s="53">
        <v>0</v>
      </c>
      <c r="AR840" s="53">
        <v>0</v>
      </c>
      <c r="AS840" s="53">
        <v>0</v>
      </c>
      <c r="AT840" s="53">
        <v>0</v>
      </c>
      <c r="AU840" s="53">
        <v>0</v>
      </c>
      <c r="AV840" s="53">
        <v>0</v>
      </c>
      <c r="AW840" s="53">
        <v>0</v>
      </c>
      <c r="AX840" s="53">
        <v>0</v>
      </c>
      <c r="AY840" s="53">
        <v>0</v>
      </c>
      <c r="AZ840" s="53">
        <v>0</v>
      </c>
      <c r="BA840" s="53">
        <v>0</v>
      </c>
    </row>
    <row r="841" spans="1:53">
      <c r="A841" s="52" t="s">
        <v>4153</v>
      </c>
      <c r="B841" s="53">
        <v>0</v>
      </c>
      <c r="C841" s="53">
        <v>0</v>
      </c>
      <c r="D841" s="53">
        <v>0</v>
      </c>
      <c r="E841" s="53">
        <v>0</v>
      </c>
      <c r="F841" s="53">
        <v>0</v>
      </c>
      <c r="G841" s="53">
        <v>0</v>
      </c>
      <c r="H841" s="53">
        <v>0</v>
      </c>
      <c r="I841" s="53">
        <v>0</v>
      </c>
      <c r="J841" s="53">
        <v>0</v>
      </c>
      <c r="K841" s="53">
        <v>0</v>
      </c>
      <c r="L841" s="53">
        <v>0</v>
      </c>
      <c r="M841" s="53">
        <v>0</v>
      </c>
      <c r="N841" s="53">
        <v>0</v>
      </c>
      <c r="O841" s="53">
        <v>0</v>
      </c>
      <c r="P841" s="53">
        <v>0</v>
      </c>
      <c r="Q841" s="53">
        <v>0</v>
      </c>
      <c r="R841" s="53">
        <v>0</v>
      </c>
      <c r="S841" s="53">
        <v>0</v>
      </c>
      <c r="T841" s="53">
        <v>0</v>
      </c>
      <c r="U841" s="53">
        <v>0</v>
      </c>
      <c r="V841" s="53">
        <v>0</v>
      </c>
      <c r="W841" s="53">
        <v>0</v>
      </c>
      <c r="X841" s="53">
        <v>0</v>
      </c>
      <c r="Y841" s="53">
        <v>0</v>
      </c>
      <c r="Z841" s="53">
        <v>0</v>
      </c>
      <c r="AA841" s="53">
        <v>0</v>
      </c>
      <c r="AB841" s="53">
        <v>0</v>
      </c>
      <c r="AC841" s="53">
        <v>0</v>
      </c>
      <c r="AD841" s="53">
        <v>0</v>
      </c>
      <c r="AE841" s="53">
        <v>0</v>
      </c>
      <c r="AF841" s="53">
        <v>0</v>
      </c>
      <c r="AG841" s="53">
        <v>0</v>
      </c>
      <c r="AH841" s="53">
        <v>0</v>
      </c>
      <c r="AI841" s="53">
        <v>0</v>
      </c>
      <c r="AJ841" s="53">
        <v>0</v>
      </c>
      <c r="AK841" s="53">
        <v>0</v>
      </c>
      <c r="AL841" s="53">
        <v>0</v>
      </c>
      <c r="AM841" s="53">
        <v>0</v>
      </c>
      <c r="AN841" s="53">
        <v>0</v>
      </c>
      <c r="AO841" s="53">
        <v>0</v>
      </c>
      <c r="AP841" s="53">
        <v>0</v>
      </c>
      <c r="AQ841" s="53">
        <v>0</v>
      </c>
      <c r="AR841" s="53">
        <v>0</v>
      </c>
      <c r="AS841" s="53">
        <v>0</v>
      </c>
      <c r="AT841" s="53">
        <v>0</v>
      </c>
      <c r="AU841" s="53">
        <v>0</v>
      </c>
      <c r="AV841" s="53">
        <v>0</v>
      </c>
      <c r="AW841" s="53">
        <v>0</v>
      </c>
      <c r="AX841" s="53">
        <v>0</v>
      </c>
      <c r="AY841" s="53">
        <v>0</v>
      </c>
      <c r="AZ841" s="53">
        <v>0</v>
      </c>
      <c r="BA841" s="53">
        <v>0</v>
      </c>
    </row>
    <row r="842" spans="1:53">
      <c r="A842" s="232" t="s">
        <v>4154</v>
      </c>
      <c r="B842" s="53">
        <v>-2205578.5828932398</v>
      </c>
      <c r="C842" s="53">
        <v>-1765110.1023132601</v>
      </c>
      <c r="D842" s="53">
        <v>-1603882.65314909</v>
      </c>
      <c r="E842" s="53">
        <v>-1391780.65131226</v>
      </c>
      <c r="F842" s="53">
        <v>-1111940.1389852299</v>
      </c>
      <c r="G842" s="53">
        <v>-857480.237355049</v>
      </c>
      <c r="H842" s="53">
        <v>-598661.37657021999</v>
      </c>
      <c r="I842" s="53">
        <v>-172192.402663341</v>
      </c>
      <c r="J842" s="53">
        <v>334666.04174336098</v>
      </c>
      <c r="K842" s="53">
        <v>751881.93750477605</v>
      </c>
      <c r="L842" s="53">
        <v>620422.33115093398</v>
      </c>
      <c r="M842" s="53">
        <v>898488.59037766</v>
      </c>
      <c r="N842" s="53">
        <v>-7101167.2444649599</v>
      </c>
      <c r="O842" s="53">
        <v>502164.96</v>
      </c>
      <c r="P842" s="53">
        <v>451630.47</v>
      </c>
      <c r="Q842" s="53">
        <v>541948.44999999995</v>
      </c>
      <c r="R842" s="53">
        <v>609560.39</v>
      </c>
      <c r="S842" s="53">
        <v>680559.74</v>
      </c>
      <c r="T842" s="53">
        <v>691311.2</v>
      </c>
      <c r="U842" s="53">
        <v>688432.44</v>
      </c>
      <c r="V842" s="53">
        <v>741235.62</v>
      </c>
      <c r="W842" s="53">
        <v>885549.67</v>
      </c>
      <c r="X842" s="53">
        <v>1088806.69</v>
      </c>
      <c r="Y842" s="53">
        <v>817927.53</v>
      </c>
      <c r="Z842" s="53">
        <v>1002436.3</v>
      </c>
      <c r="AA842" s="53">
        <v>8701563.4600000009</v>
      </c>
      <c r="AB842" s="53">
        <v>502164.96</v>
      </c>
      <c r="AC842" s="53">
        <v>451630.47</v>
      </c>
      <c r="AD842" s="53">
        <v>541948.44999999995</v>
      </c>
      <c r="AE842" s="53">
        <v>609560.39</v>
      </c>
      <c r="AF842" s="53">
        <v>680559.74</v>
      </c>
      <c r="AG842" s="53">
        <v>691311.2</v>
      </c>
      <c r="AH842" s="53">
        <v>688432.44</v>
      </c>
      <c r="AI842" s="53">
        <v>741235.62</v>
      </c>
      <c r="AJ842" s="53">
        <v>885549.67</v>
      </c>
      <c r="AK842" s="53">
        <v>1088806.69</v>
      </c>
      <c r="AL842" s="53">
        <v>817927.53</v>
      </c>
      <c r="AM842" s="53">
        <v>1002436.3</v>
      </c>
      <c r="AN842" s="53">
        <v>8701563.4600000009</v>
      </c>
      <c r="AO842" s="53">
        <v>502164.96</v>
      </c>
      <c r="AP842" s="53">
        <v>451630.47</v>
      </c>
      <c r="AQ842" s="53">
        <v>541948.44999999995</v>
      </c>
      <c r="AR842" s="53">
        <v>609560.39</v>
      </c>
      <c r="AS842" s="53">
        <v>680559.74</v>
      </c>
      <c r="AT842" s="53">
        <v>691311.2</v>
      </c>
      <c r="AU842" s="53">
        <v>688432.44</v>
      </c>
      <c r="AV842" s="53">
        <v>741235.62</v>
      </c>
      <c r="AW842" s="53">
        <v>885549.67</v>
      </c>
      <c r="AX842" s="53">
        <v>1088806.69</v>
      </c>
      <c r="AY842" s="53">
        <v>817927.53</v>
      </c>
      <c r="AZ842" s="53">
        <v>1002436.3</v>
      </c>
      <c r="BA842" s="53">
        <v>8701563.4600000009</v>
      </c>
    </row>
    <row r="843" spans="1:53" ht="10.8" thickBot="1">
      <c r="A843" s="230" t="s">
        <v>4155</v>
      </c>
      <c r="B843" s="53"/>
      <c r="C843" s="53"/>
      <c r="D843" s="53"/>
      <c r="E843" s="53"/>
      <c r="F843" s="53"/>
      <c r="G843" s="53"/>
      <c r="H843" s="53"/>
      <c r="I843" s="53"/>
      <c r="J843" s="53"/>
      <c r="K843" s="53"/>
      <c r="L843" s="53"/>
      <c r="M843" s="53"/>
      <c r="N843" s="53"/>
      <c r="O843" s="53"/>
      <c r="P843" s="53"/>
      <c r="Q843" s="53"/>
      <c r="R843" s="53"/>
      <c r="S843" s="53"/>
      <c r="T843" s="53"/>
      <c r="U843" s="53"/>
      <c r="V843" s="53"/>
      <c r="W843" s="53"/>
      <c r="X843" s="53"/>
      <c r="Y843" s="53"/>
      <c r="Z843" s="53"/>
      <c r="AA843" s="53"/>
      <c r="AB843" s="53"/>
      <c r="AC843" s="53"/>
      <c r="AD843" s="53"/>
      <c r="AE843" s="53"/>
      <c r="AF843" s="53"/>
      <c r="AG843" s="53"/>
      <c r="AH843" s="53"/>
      <c r="AI843" s="53"/>
      <c r="AJ843" s="53"/>
      <c r="AK843" s="53"/>
      <c r="AL843" s="53"/>
      <c r="AM843" s="53"/>
      <c r="AN843" s="53"/>
      <c r="AO843" s="53"/>
      <c r="AP843" s="53"/>
      <c r="AQ843" s="53"/>
      <c r="AR843" s="53"/>
      <c r="AS843" s="53"/>
      <c r="AT843" s="53"/>
      <c r="AU843" s="53"/>
      <c r="AV843" s="53"/>
      <c r="AW843" s="53"/>
      <c r="AX843" s="53"/>
      <c r="AY843" s="53"/>
      <c r="AZ843" s="53"/>
      <c r="BA843" s="53"/>
    </row>
    <row r="844" spans="1:53">
      <c r="A844" s="52" t="s">
        <v>4156</v>
      </c>
      <c r="B844" s="53">
        <v>0</v>
      </c>
      <c r="C844" s="53">
        <v>0</v>
      </c>
      <c r="D844" s="53">
        <v>0</v>
      </c>
      <c r="E844" s="53">
        <v>0</v>
      </c>
      <c r="F844" s="53">
        <v>0</v>
      </c>
      <c r="G844" s="53">
        <v>0</v>
      </c>
      <c r="H844" s="53">
        <v>0</v>
      </c>
      <c r="I844" s="53">
        <v>0</v>
      </c>
      <c r="J844" s="53">
        <v>0</v>
      </c>
      <c r="K844" s="53">
        <v>0</v>
      </c>
      <c r="L844" s="53">
        <v>0</v>
      </c>
      <c r="M844" s="53">
        <v>0</v>
      </c>
      <c r="N844" s="53">
        <v>0</v>
      </c>
      <c r="O844" s="53">
        <v>0</v>
      </c>
      <c r="P844" s="53">
        <v>0</v>
      </c>
      <c r="Q844" s="53">
        <v>0</v>
      </c>
      <c r="R844" s="53">
        <v>0</v>
      </c>
      <c r="S844" s="53">
        <v>0</v>
      </c>
      <c r="T844" s="53">
        <v>0</v>
      </c>
      <c r="U844" s="53">
        <v>0</v>
      </c>
      <c r="V844" s="53">
        <v>0</v>
      </c>
      <c r="W844" s="53">
        <v>0</v>
      </c>
      <c r="X844" s="53">
        <v>0</v>
      </c>
      <c r="Y844" s="53">
        <v>0</v>
      </c>
      <c r="Z844" s="53">
        <v>0</v>
      </c>
      <c r="AA844" s="53">
        <v>0</v>
      </c>
      <c r="AB844" s="53">
        <v>0</v>
      </c>
      <c r="AC844" s="53">
        <v>0</v>
      </c>
      <c r="AD844" s="53">
        <v>0</v>
      </c>
      <c r="AE844" s="53">
        <v>0</v>
      </c>
      <c r="AF844" s="53">
        <v>0</v>
      </c>
      <c r="AG844" s="53">
        <v>0</v>
      </c>
      <c r="AH844" s="53">
        <v>0</v>
      </c>
      <c r="AI844" s="53">
        <v>0</v>
      </c>
      <c r="AJ844" s="53">
        <v>0</v>
      </c>
      <c r="AK844" s="53">
        <v>0</v>
      </c>
      <c r="AL844" s="53">
        <v>0</v>
      </c>
      <c r="AM844" s="53">
        <v>0</v>
      </c>
      <c r="AN844" s="53">
        <v>0</v>
      </c>
      <c r="AO844" s="53">
        <v>0</v>
      </c>
      <c r="AP844" s="53">
        <v>0</v>
      </c>
      <c r="AQ844" s="53">
        <v>0</v>
      </c>
      <c r="AR844" s="53">
        <v>0</v>
      </c>
      <c r="AS844" s="53">
        <v>0</v>
      </c>
      <c r="AT844" s="53">
        <v>0</v>
      </c>
      <c r="AU844" s="53">
        <v>0</v>
      </c>
      <c r="AV844" s="53">
        <v>0</v>
      </c>
      <c r="AW844" s="53">
        <v>0</v>
      </c>
      <c r="AX844" s="53">
        <v>0</v>
      </c>
      <c r="AY844" s="53">
        <v>0</v>
      </c>
      <c r="AZ844" s="53">
        <v>0</v>
      </c>
      <c r="BA844" s="53">
        <v>0</v>
      </c>
    </row>
    <row r="845" spans="1:53">
      <c r="A845" s="52" t="s">
        <v>4157</v>
      </c>
      <c r="B845" s="53">
        <v>0</v>
      </c>
      <c r="C845" s="53">
        <v>0</v>
      </c>
      <c r="D845" s="53">
        <v>0</v>
      </c>
      <c r="E845" s="53">
        <v>0</v>
      </c>
      <c r="F845" s="53">
        <v>0</v>
      </c>
      <c r="G845" s="53">
        <v>0</v>
      </c>
      <c r="H845" s="53">
        <v>0</v>
      </c>
      <c r="I845" s="53">
        <v>0</v>
      </c>
      <c r="J845" s="53">
        <v>0</v>
      </c>
      <c r="K845" s="53">
        <v>0</v>
      </c>
      <c r="L845" s="53">
        <v>0</v>
      </c>
      <c r="M845" s="53">
        <v>0</v>
      </c>
      <c r="N845" s="53">
        <v>0</v>
      </c>
      <c r="O845" s="53">
        <v>0</v>
      </c>
      <c r="P845" s="53">
        <v>0</v>
      </c>
      <c r="Q845" s="53">
        <v>0</v>
      </c>
      <c r="R845" s="53">
        <v>0</v>
      </c>
      <c r="S845" s="53">
        <v>0</v>
      </c>
      <c r="T845" s="53">
        <v>0</v>
      </c>
      <c r="U845" s="53">
        <v>0</v>
      </c>
      <c r="V845" s="53">
        <v>0</v>
      </c>
      <c r="W845" s="53">
        <v>0</v>
      </c>
      <c r="X845" s="53">
        <v>0</v>
      </c>
      <c r="Y845" s="53">
        <v>0</v>
      </c>
      <c r="Z845" s="53">
        <v>0</v>
      </c>
      <c r="AA845" s="53">
        <v>0</v>
      </c>
      <c r="AB845" s="53">
        <v>0</v>
      </c>
      <c r="AC845" s="53">
        <v>0</v>
      </c>
      <c r="AD845" s="53">
        <v>0</v>
      </c>
      <c r="AE845" s="53">
        <v>0</v>
      </c>
      <c r="AF845" s="53">
        <v>0</v>
      </c>
      <c r="AG845" s="53">
        <v>0</v>
      </c>
      <c r="AH845" s="53">
        <v>0</v>
      </c>
      <c r="AI845" s="53">
        <v>0</v>
      </c>
      <c r="AJ845" s="53">
        <v>0</v>
      </c>
      <c r="AK845" s="53">
        <v>0</v>
      </c>
      <c r="AL845" s="53">
        <v>0</v>
      </c>
      <c r="AM845" s="53">
        <v>0</v>
      </c>
      <c r="AN845" s="53">
        <v>0</v>
      </c>
      <c r="AO845" s="53">
        <v>0</v>
      </c>
      <c r="AP845" s="53">
        <v>0</v>
      </c>
      <c r="AQ845" s="53">
        <v>0</v>
      </c>
      <c r="AR845" s="53">
        <v>0</v>
      </c>
      <c r="AS845" s="53">
        <v>0</v>
      </c>
      <c r="AT845" s="53">
        <v>0</v>
      </c>
      <c r="AU845" s="53">
        <v>0</v>
      </c>
      <c r="AV845" s="53">
        <v>0</v>
      </c>
      <c r="AW845" s="53">
        <v>0</v>
      </c>
      <c r="AX845" s="53">
        <v>0</v>
      </c>
      <c r="AY845" s="53">
        <v>0</v>
      </c>
      <c r="AZ845" s="53">
        <v>0</v>
      </c>
      <c r="BA845" s="53">
        <v>0</v>
      </c>
    </row>
    <row r="846" spans="1:53">
      <c r="A846" s="52" t="s">
        <v>4158</v>
      </c>
      <c r="B846" s="53">
        <v>0</v>
      </c>
      <c r="C846" s="53">
        <v>0</v>
      </c>
      <c r="D846" s="53">
        <v>0</v>
      </c>
      <c r="E846" s="53">
        <v>0</v>
      </c>
      <c r="F846" s="53">
        <v>0</v>
      </c>
      <c r="G846" s="53">
        <v>0</v>
      </c>
      <c r="H846" s="53">
        <v>0</v>
      </c>
      <c r="I846" s="53">
        <v>0</v>
      </c>
      <c r="J846" s="53">
        <v>0</v>
      </c>
      <c r="K846" s="53">
        <v>0</v>
      </c>
      <c r="L846" s="53">
        <v>0</v>
      </c>
      <c r="M846" s="53">
        <v>0</v>
      </c>
      <c r="N846" s="53">
        <v>0</v>
      </c>
      <c r="O846" s="53">
        <v>0</v>
      </c>
      <c r="P846" s="53">
        <v>0</v>
      </c>
      <c r="Q846" s="53">
        <v>0</v>
      </c>
      <c r="R846" s="53">
        <v>0</v>
      </c>
      <c r="S846" s="53">
        <v>0</v>
      </c>
      <c r="T846" s="53">
        <v>0</v>
      </c>
      <c r="U846" s="53">
        <v>0</v>
      </c>
      <c r="V846" s="53">
        <v>0</v>
      </c>
      <c r="W846" s="53">
        <v>0</v>
      </c>
      <c r="X846" s="53">
        <v>0</v>
      </c>
      <c r="Y846" s="53">
        <v>0</v>
      </c>
      <c r="Z846" s="53">
        <v>0</v>
      </c>
      <c r="AA846" s="53">
        <v>0</v>
      </c>
      <c r="AB846" s="53">
        <v>0</v>
      </c>
      <c r="AC846" s="53">
        <v>0</v>
      </c>
      <c r="AD846" s="53">
        <v>0</v>
      </c>
      <c r="AE846" s="53">
        <v>0</v>
      </c>
      <c r="AF846" s="53">
        <v>0</v>
      </c>
      <c r="AG846" s="53">
        <v>0</v>
      </c>
      <c r="AH846" s="53">
        <v>0</v>
      </c>
      <c r="AI846" s="53">
        <v>0</v>
      </c>
      <c r="AJ846" s="53">
        <v>0</v>
      </c>
      <c r="AK846" s="53">
        <v>0</v>
      </c>
      <c r="AL846" s="53">
        <v>0</v>
      </c>
      <c r="AM846" s="53">
        <v>0</v>
      </c>
      <c r="AN846" s="53">
        <v>0</v>
      </c>
      <c r="AO846" s="53">
        <v>0</v>
      </c>
      <c r="AP846" s="53">
        <v>0</v>
      </c>
      <c r="AQ846" s="53">
        <v>0</v>
      </c>
      <c r="AR846" s="53">
        <v>0</v>
      </c>
      <c r="AS846" s="53">
        <v>0</v>
      </c>
      <c r="AT846" s="53">
        <v>0</v>
      </c>
      <c r="AU846" s="53">
        <v>0</v>
      </c>
      <c r="AV846" s="53">
        <v>0</v>
      </c>
      <c r="AW846" s="53">
        <v>0</v>
      </c>
      <c r="AX846" s="53">
        <v>0</v>
      </c>
      <c r="AY846" s="53">
        <v>0</v>
      </c>
      <c r="AZ846" s="53">
        <v>0</v>
      </c>
      <c r="BA846" s="53">
        <v>0</v>
      </c>
    </row>
    <row r="847" spans="1:53">
      <c r="A847" s="236" t="s">
        <v>4159</v>
      </c>
      <c r="B847" s="53">
        <v>0</v>
      </c>
      <c r="C847" s="53">
        <v>0</v>
      </c>
      <c r="D847" s="53">
        <v>0</v>
      </c>
      <c r="E847" s="53">
        <v>0</v>
      </c>
      <c r="F847" s="53">
        <v>0</v>
      </c>
      <c r="G847" s="53">
        <v>0</v>
      </c>
      <c r="H847" s="53">
        <v>0</v>
      </c>
      <c r="I847" s="53">
        <v>0</v>
      </c>
      <c r="J847" s="53">
        <v>0</v>
      </c>
      <c r="K847" s="53">
        <v>0</v>
      </c>
      <c r="L847" s="53">
        <v>0</v>
      </c>
      <c r="M847" s="53">
        <v>0</v>
      </c>
      <c r="N847" s="53">
        <v>0</v>
      </c>
      <c r="O847" s="53">
        <v>0</v>
      </c>
      <c r="P847" s="53">
        <v>0</v>
      </c>
      <c r="Q847" s="53">
        <v>0</v>
      </c>
      <c r="R847" s="53">
        <v>0</v>
      </c>
      <c r="S847" s="53">
        <v>0</v>
      </c>
      <c r="T847" s="53">
        <v>0</v>
      </c>
      <c r="U847" s="53">
        <v>0</v>
      </c>
      <c r="V847" s="53">
        <v>0</v>
      </c>
      <c r="W847" s="53">
        <v>0</v>
      </c>
      <c r="X847" s="53">
        <v>0</v>
      </c>
      <c r="Y847" s="53">
        <v>0</v>
      </c>
      <c r="Z847" s="53">
        <v>0</v>
      </c>
      <c r="AA847" s="53">
        <v>0</v>
      </c>
      <c r="AB847" s="53">
        <v>0</v>
      </c>
      <c r="AC847" s="53">
        <v>0</v>
      </c>
      <c r="AD847" s="53">
        <v>0</v>
      </c>
      <c r="AE847" s="53">
        <v>0</v>
      </c>
      <c r="AF847" s="53">
        <v>0</v>
      </c>
      <c r="AG847" s="53">
        <v>0</v>
      </c>
      <c r="AH847" s="53">
        <v>0</v>
      </c>
      <c r="AI847" s="53">
        <v>0</v>
      </c>
      <c r="AJ847" s="53">
        <v>0</v>
      </c>
      <c r="AK847" s="53">
        <v>0</v>
      </c>
      <c r="AL847" s="53">
        <v>0</v>
      </c>
      <c r="AM847" s="53">
        <v>0</v>
      </c>
      <c r="AN847" s="53">
        <v>0</v>
      </c>
      <c r="AO847" s="53">
        <v>0</v>
      </c>
      <c r="AP847" s="53">
        <v>0</v>
      </c>
      <c r="AQ847" s="53">
        <v>0</v>
      </c>
      <c r="AR847" s="53">
        <v>0</v>
      </c>
      <c r="AS847" s="53">
        <v>0</v>
      </c>
      <c r="AT847" s="53">
        <v>0</v>
      </c>
      <c r="AU847" s="53">
        <v>0</v>
      </c>
      <c r="AV847" s="53">
        <v>0</v>
      </c>
      <c r="AW847" s="53">
        <v>0</v>
      </c>
      <c r="AX847" s="53">
        <v>0</v>
      </c>
      <c r="AY847" s="53">
        <v>0</v>
      </c>
      <c r="AZ847" s="53">
        <v>0</v>
      </c>
      <c r="BA847" s="53">
        <v>0</v>
      </c>
    </row>
    <row r="848" spans="1:53">
      <c r="A848" s="52" t="s">
        <v>4160</v>
      </c>
      <c r="B848" s="53"/>
      <c r="C848" s="53"/>
      <c r="D848" s="53"/>
      <c r="E848" s="53"/>
      <c r="F848" s="53"/>
      <c r="G848" s="53"/>
      <c r="H848" s="53"/>
      <c r="I848" s="53"/>
      <c r="J848" s="53"/>
      <c r="K848" s="53"/>
      <c r="L848" s="53"/>
      <c r="M848" s="53"/>
      <c r="N848" s="53"/>
      <c r="O848" s="53"/>
      <c r="P848" s="53"/>
      <c r="Q848" s="53"/>
      <c r="R848" s="53"/>
      <c r="S848" s="53"/>
      <c r="T848" s="53"/>
      <c r="U848" s="53"/>
      <c r="V848" s="53"/>
      <c r="W848" s="53"/>
      <c r="X848" s="53"/>
      <c r="Y848" s="53"/>
      <c r="Z848" s="53"/>
      <c r="AA848" s="53"/>
      <c r="AB848" s="53"/>
      <c r="AC848" s="53"/>
      <c r="AD848" s="53"/>
      <c r="AE848" s="53"/>
      <c r="AF848" s="53"/>
      <c r="AG848" s="53"/>
      <c r="AH848" s="53"/>
      <c r="AI848" s="53"/>
      <c r="AJ848" s="53"/>
      <c r="AK848" s="53"/>
      <c r="AL848" s="53"/>
      <c r="AM848" s="53"/>
      <c r="AN848" s="53"/>
      <c r="AO848" s="53"/>
      <c r="AP848" s="53"/>
      <c r="AQ848" s="53"/>
      <c r="AR848" s="53"/>
      <c r="AS848" s="53"/>
      <c r="AT848" s="53"/>
      <c r="AU848" s="53"/>
      <c r="AV848" s="53"/>
      <c r="AW848" s="53"/>
      <c r="AX848" s="53"/>
      <c r="AY848" s="53"/>
      <c r="AZ848" s="53"/>
      <c r="BA848" s="53"/>
    </row>
    <row r="849" spans="1:53">
      <c r="A849" s="237" t="s">
        <v>4161</v>
      </c>
      <c r="B849" s="53">
        <v>-8693061.1684713997</v>
      </c>
      <c r="C849" s="53">
        <v>-8862041.2992000394</v>
      </c>
      <c r="D849" s="53">
        <v>-8545793.7884957399</v>
      </c>
      <c r="E849" s="53">
        <v>-7865199.0922107203</v>
      </c>
      <c r="F849" s="53">
        <v>-5769564.1752810897</v>
      </c>
      <c r="G849" s="53">
        <v>-3718801.2473516902</v>
      </c>
      <c r="H849" s="53">
        <v>-2562304.0537856701</v>
      </c>
      <c r="I849" s="53">
        <v>-2810346.1822759099</v>
      </c>
      <c r="J849" s="53">
        <v>-3409681.1902800798</v>
      </c>
      <c r="K849" s="53">
        <v>-5176610.9371210402</v>
      </c>
      <c r="L849" s="53">
        <v>-7688435.5888950499</v>
      </c>
      <c r="M849" s="53">
        <v>-5949830.32666797</v>
      </c>
      <c r="N849" s="53">
        <v>-71051669.050036401</v>
      </c>
      <c r="O849" s="53">
        <v>-3187265.2666213</v>
      </c>
      <c r="P849" s="53">
        <v>-3268715.7392010698</v>
      </c>
      <c r="Q849" s="53">
        <v>-3186278.9480107999</v>
      </c>
      <c r="R849" s="53">
        <v>-3151466.2426163601</v>
      </c>
      <c r="S849" s="53">
        <v>-3085169.0456182202</v>
      </c>
      <c r="T849" s="53">
        <v>-3438984.18357149</v>
      </c>
      <c r="U849" s="53">
        <v>-3832838.9673726801</v>
      </c>
      <c r="V849" s="53">
        <v>-3856639.0300271502</v>
      </c>
      <c r="W849" s="53">
        <v>-3855961.4014571202</v>
      </c>
      <c r="X849" s="53">
        <v>-3825167.9601734299</v>
      </c>
      <c r="Y849" s="53">
        <v>-3693434.0533310398</v>
      </c>
      <c r="Z849" s="53">
        <v>-8010551.0868244404</v>
      </c>
      <c r="AA849" s="53">
        <v>-46392471.924825102</v>
      </c>
      <c r="AB849" s="53">
        <v>-2870220.7667285502</v>
      </c>
      <c r="AC849" s="53">
        <v>-2948920.8296220601</v>
      </c>
      <c r="AD849" s="53">
        <v>-2882369.2304381202</v>
      </c>
      <c r="AE849" s="53">
        <v>-2864254.58414244</v>
      </c>
      <c r="AF849" s="53">
        <v>-2815228.4231936801</v>
      </c>
      <c r="AG849" s="53">
        <v>-3181121.0996225402</v>
      </c>
      <c r="AH849" s="53">
        <v>-3623216.7133036801</v>
      </c>
      <c r="AI849" s="53">
        <v>-3713994.6278738901</v>
      </c>
      <c r="AJ849" s="53">
        <v>-3623999.4338487401</v>
      </c>
      <c r="AK849" s="53">
        <v>-3510323.5032693199</v>
      </c>
      <c r="AL849" s="53">
        <v>-3411605.94730228</v>
      </c>
      <c r="AM849" s="53">
        <v>-8832059.7499472704</v>
      </c>
      <c r="AN849" s="53">
        <v>-44277314.909292601</v>
      </c>
      <c r="AO849" s="53">
        <v>-3266468.2641493501</v>
      </c>
      <c r="AP849" s="53">
        <v>-3364793.4126189202</v>
      </c>
      <c r="AQ849" s="53">
        <v>-2870403.8044365598</v>
      </c>
      <c r="AR849" s="53">
        <v>-2836629.1061810399</v>
      </c>
      <c r="AS849" s="53">
        <v>-2771128.24643054</v>
      </c>
      <c r="AT849" s="53">
        <v>-2927398.0089856102</v>
      </c>
      <c r="AU849" s="53">
        <v>-3194331.4993428802</v>
      </c>
      <c r="AV849" s="53">
        <v>-3319102.6930312999</v>
      </c>
      <c r="AW849" s="53">
        <v>-3464426.4181007398</v>
      </c>
      <c r="AX849" s="53">
        <v>-3557562.0838145399</v>
      </c>
      <c r="AY849" s="53">
        <v>-3424942.43112671</v>
      </c>
      <c r="AZ849" s="53">
        <v>-9226970.0329723302</v>
      </c>
      <c r="BA849" s="53">
        <v>-44224156.001190498</v>
      </c>
    </row>
    <row r="850" spans="1:53" ht="10.8" thickBot="1">
      <c r="A850" s="230" t="s">
        <v>4162</v>
      </c>
      <c r="B850" s="53"/>
      <c r="C850" s="53"/>
      <c r="D850" s="53"/>
      <c r="E850" s="53"/>
      <c r="F850" s="53"/>
      <c r="G850" s="53"/>
      <c r="H850" s="53"/>
      <c r="I850" s="53"/>
      <c r="J850" s="53"/>
      <c r="K850" s="53"/>
      <c r="L850" s="53"/>
      <c r="M850" s="53"/>
      <c r="N850" s="53"/>
      <c r="O850" s="53"/>
      <c r="P850" s="53"/>
      <c r="Q850" s="53"/>
      <c r="R850" s="53"/>
      <c r="S850" s="53"/>
      <c r="T850" s="53"/>
      <c r="U850" s="53"/>
      <c r="V850" s="53"/>
      <c r="W850" s="53"/>
      <c r="X850" s="53"/>
      <c r="Y850" s="53"/>
      <c r="Z850" s="53"/>
      <c r="AA850" s="53"/>
      <c r="AB850" s="53"/>
      <c r="AC850" s="53"/>
      <c r="AD850" s="53"/>
      <c r="AE850" s="53"/>
      <c r="AF850" s="53"/>
      <c r="AG850" s="53"/>
      <c r="AH850" s="53"/>
      <c r="AI850" s="53"/>
      <c r="AJ850" s="53"/>
      <c r="AK850" s="53"/>
      <c r="AL850" s="53"/>
      <c r="AM850" s="53"/>
      <c r="AN850" s="53"/>
      <c r="AO850" s="53"/>
      <c r="AP850" s="53"/>
      <c r="AQ850" s="53"/>
      <c r="AR850" s="53"/>
      <c r="AS850" s="53"/>
      <c r="AT850" s="53"/>
      <c r="AU850" s="53"/>
      <c r="AV850" s="53"/>
      <c r="AW850" s="53"/>
      <c r="AX850" s="53"/>
      <c r="AY850" s="53"/>
      <c r="AZ850" s="53"/>
      <c r="BA850" s="53"/>
    </row>
    <row r="851" spans="1:53">
      <c r="A851" s="231" t="s">
        <v>4163</v>
      </c>
      <c r="B851" s="53"/>
      <c r="C851" s="53"/>
      <c r="D851" s="53"/>
      <c r="E851" s="53"/>
      <c r="F851" s="53"/>
      <c r="G851" s="53"/>
      <c r="H851" s="53"/>
      <c r="I851" s="53"/>
      <c r="J851" s="53"/>
      <c r="K851" s="53"/>
      <c r="L851" s="53"/>
      <c r="M851" s="53"/>
      <c r="N851" s="53"/>
      <c r="O851" s="53"/>
      <c r="P851" s="53"/>
      <c r="Q851" s="53"/>
      <c r="R851" s="53"/>
      <c r="S851" s="53"/>
      <c r="T851" s="53"/>
      <c r="U851" s="53"/>
      <c r="V851" s="53"/>
      <c r="W851" s="53"/>
      <c r="X851" s="53"/>
      <c r="Y851" s="53"/>
      <c r="Z851" s="53"/>
      <c r="AA851" s="53"/>
      <c r="AB851" s="53"/>
      <c r="AC851" s="53"/>
      <c r="AD851" s="53"/>
      <c r="AE851" s="53"/>
      <c r="AF851" s="53"/>
      <c r="AG851" s="53"/>
      <c r="AH851" s="53"/>
      <c r="AI851" s="53"/>
      <c r="AJ851" s="53"/>
      <c r="AK851" s="53"/>
      <c r="AL851" s="53"/>
      <c r="AM851" s="53"/>
      <c r="AN851" s="53"/>
      <c r="AO851" s="53"/>
      <c r="AP851" s="53"/>
      <c r="AQ851" s="53"/>
      <c r="AR851" s="53"/>
      <c r="AS851" s="53"/>
      <c r="AT851" s="53"/>
      <c r="AU851" s="53"/>
      <c r="AV851" s="53"/>
      <c r="AW851" s="53"/>
      <c r="AX851" s="53"/>
      <c r="AY851" s="53"/>
      <c r="AZ851" s="53"/>
      <c r="BA851" s="53"/>
    </row>
    <row r="852" spans="1:53">
      <c r="A852" s="52" t="s">
        <v>4164</v>
      </c>
      <c r="B852" s="53">
        <v>388603.78935353499</v>
      </c>
      <c r="C852" s="53">
        <v>432432.53898039798</v>
      </c>
      <c r="D852" s="53">
        <v>411604.96747591201</v>
      </c>
      <c r="E852" s="53">
        <v>370816.20599625201</v>
      </c>
      <c r="F852" s="53">
        <v>252214.93057259699</v>
      </c>
      <c r="G852" s="53">
        <v>136170.87822650699</v>
      </c>
      <c r="H852" s="53">
        <v>69265.095190662105</v>
      </c>
      <c r="I852" s="53">
        <v>79794.142599614497</v>
      </c>
      <c r="J852" s="53">
        <v>109500.427244406</v>
      </c>
      <c r="K852" s="53">
        <v>231419.42834896999</v>
      </c>
      <c r="L852" s="53">
        <v>367257.33860403299</v>
      </c>
      <c r="M852" s="53">
        <v>303735.58186203998</v>
      </c>
      <c r="N852" s="53">
        <v>3152815.3244549301</v>
      </c>
      <c r="O852" s="53">
        <v>150669.42878270999</v>
      </c>
      <c r="P852" s="53">
        <v>154250.50788955699</v>
      </c>
      <c r="Q852" s="53">
        <v>148945.809675942</v>
      </c>
      <c r="R852" s="53">
        <v>146250.63132628001</v>
      </c>
      <c r="S852" s="53">
        <v>141866.76597282599</v>
      </c>
      <c r="T852" s="53">
        <v>160606.98259111101</v>
      </c>
      <c r="U852" s="53">
        <v>181474.743385176</v>
      </c>
      <c r="V852" s="53">
        <v>181991.679566037</v>
      </c>
      <c r="W852" s="53">
        <v>181109.37925319301</v>
      </c>
      <c r="X852" s="53">
        <v>178602.45580344301</v>
      </c>
      <c r="Y852" s="53">
        <v>170680.74904350599</v>
      </c>
      <c r="Z852" s="53">
        <v>434621.92046415398</v>
      </c>
      <c r="AA852" s="53">
        <v>2231071.0537539301</v>
      </c>
      <c r="AB852" s="53">
        <v>151953.103710531</v>
      </c>
      <c r="AC852" s="53">
        <v>155360.75483286701</v>
      </c>
      <c r="AD852" s="53">
        <v>150006.243725921</v>
      </c>
      <c r="AE852" s="53">
        <v>147294.60147060701</v>
      </c>
      <c r="AF852" s="53">
        <v>142861.398014181</v>
      </c>
      <c r="AG852" s="53">
        <v>161227.03465847799</v>
      </c>
      <c r="AH852" s="53">
        <v>183761.86505626599</v>
      </c>
      <c r="AI852" s="53">
        <v>186951.97852711999</v>
      </c>
      <c r="AJ852" s="53">
        <v>180177.047968186</v>
      </c>
      <c r="AK852" s="53">
        <v>172076.87029804601</v>
      </c>
      <c r="AL852" s="53">
        <v>164776.309061935</v>
      </c>
      <c r="AM852" s="53">
        <v>461006.78672177001</v>
      </c>
      <c r="AN852" s="53">
        <v>2257453.99404591</v>
      </c>
      <c r="AO852" s="53">
        <v>154090.94335060799</v>
      </c>
      <c r="AP852" s="53">
        <v>157587.30926513599</v>
      </c>
      <c r="AQ852" s="53">
        <v>152193.111773499</v>
      </c>
      <c r="AR852" s="53">
        <v>149476.62735213299</v>
      </c>
      <c r="AS852" s="53">
        <v>145004.51109599299</v>
      </c>
      <c r="AT852" s="53">
        <v>152718.95250779201</v>
      </c>
      <c r="AU852" s="53">
        <v>166508.93690004101</v>
      </c>
      <c r="AV852" s="53">
        <v>172468.89552383701</v>
      </c>
      <c r="AW852" s="53">
        <v>179548.00457552</v>
      </c>
      <c r="AX852" s="53">
        <v>183745.39024402699</v>
      </c>
      <c r="AY852" s="53">
        <v>175514.709955859</v>
      </c>
      <c r="AZ852" s="53">
        <v>493677.95985923801</v>
      </c>
      <c r="BA852" s="53">
        <v>2282535.3524036799</v>
      </c>
    </row>
    <row r="853" spans="1:53">
      <c r="A853" s="52" t="s">
        <v>4165</v>
      </c>
      <c r="B853" s="53">
        <v>1402153.1272219799</v>
      </c>
      <c r="C853" s="53">
        <v>1560295.2247392701</v>
      </c>
      <c r="D853" s="53">
        <v>1485145.5599199</v>
      </c>
      <c r="E853" s="53">
        <v>1337972.2923628399</v>
      </c>
      <c r="F853" s="53">
        <v>910037.32676603401</v>
      </c>
      <c r="G853" s="53">
        <v>491329.28698273498</v>
      </c>
      <c r="H853" s="53">
        <v>249921.05710157999</v>
      </c>
      <c r="I853" s="53">
        <v>287911.77452533599</v>
      </c>
      <c r="J853" s="53">
        <v>395097.450666408</v>
      </c>
      <c r="K853" s="53">
        <v>835003.37374278402</v>
      </c>
      <c r="L853" s="53">
        <v>1325131.2517449099</v>
      </c>
      <c r="M853" s="53">
        <v>1095933.2040094901</v>
      </c>
      <c r="N853" s="53">
        <v>11375930.929783201</v>
      </c>
      <c r="O853" s="53">
        <v>543642.69348961802</v>
      </c>
      <c r="P853" s="53">
        <v>556563.87801241002</v>
      </c>
      <c r="Q853" s="53">
        <v>537423.56236710399</v>
      </c>
      <c r="R853" s="53">
        <v>527698.86884909705</v>
      </c>
      <c r="S853" s="53">
        <v>511881.085587407</v>
      </c>
      <c r="T853" s="53">
        <v>579499.19445829</v>
      </c>
      <c r="U853" s="53">
        <v>654793.86954160302</v>
      </c>
      <c r="V853" s="53">
        <v>656659.06927054795</v>
      </c>
      <c r="W853" s="53">
        <v>653475.56932356604</v>
      </c>
      <c r="X853" s="53">
        <v>644430.13371260802</v>
      </c>
      <c r="Y853" s="53">
        <v>615847.17541243206</v>
      </c>
      <c r="Z853" s="53">
        <v>1568194.91120202</v>
      </c>
      <c r="AA853" s="53">
        <v>8050110.0112267099</v>
      </c>
      <c r="AB853" s="53">
        <v>548274.42602463497</v>
      </c>
      <c r="AC853" s="53">
        <v>560569.85084695497</v>
      </c>
      <c r="AD853" s="53">
        <v>541249.80122561904</v>
      </c>
      <c r="AE853" s="53">
        <v>531465.70294258394</v>
      </c>
      <c r="AF853" s="53">
        <v>515469.89883480599</v>
      </c>
      <c r="AG853" s="53">
        <v>581736.45505409304</v>
      </c>
      <c r="AH853" s="53">
        <v>663046.22037120105</v>
      </c>
      <c r="AI853" s="53">
        <v>674556.72979467199</v>
      </c>
      <c r="AJ853" s="53">
        <v>650111.54853248305</v>
      </c>
      <c r="AK853" s="53">
        <v>620884.63473904296</v>
      </c>
      <c r="AL853" s="53">
        <v>594542.88242438203</v>
      </c>
      <c r="AM853" s="53">
        <v>1663396.30590791</v>
      </c>
      <c r="AN853" s="53">
        <v>8145304.4566983897</v>
      </c>
      <c r="AO853" s="53">
        <v>555988.14014414896</v>
      </c>
      <c r="AP853" s="53">
        <v>568603.66406665999</v>
      </c>
      <c r="AQ853" s="53">
        <v>549140.41875365505</v>
      </c>
      <c r="AR853" s="53">
        <v>539338.84905510698</v>
      </c>
      <c r="AS853" s="53">
        <v>523202.64049090497</v>
      </c>
      <c r="AT853" s="53">
        <v>551037.74773038703</v>
      </c>
      <c r="AU853" s="53">
        <v>600794.51868751203</v>
      </c>
      <c r="AV853" s="53">
        <v>622299.133031009</v>
      </c>
      <c r="AW853" s="53">
        <v>647841.84560021805</v>
      </c>
      <c r="AX853" s="53">
        <v>662986.77625322097</v>
      </c>
      <c r="AY853" s="53">
        <v>633288.98528618796</v>
      </c>
      <c r="AZ853" s="53">
        <v>1781279.83880119</v>
      </c>
      <c r="BA853" s="53">
        <v>8235802.5579002099</v>
      </c>
    </row>
    <row r="854" spans="1:53">
      <c r="A854" s="52" t="s">
        <v>4166</v>
      </c>
      <c r="B854" s="53">
        <v>50394.477299999999</v>
      </c>
      <c r="C854" s="53">
        <v>50394.477299999999</v>
      </c>
      <c r="D854" s="53">
        <v>50394.477299999999</v>
      </c>
      <c r="E854" s="53">
        <v>50394.477299999999</v>
      </c>
      <c r="F854" s="53">
        <v>50394.477299999999</v>
      </c>
      <c r="G854" s="53">
        <v>50394.477299999999</v>
      </c>
      <c r="H854" s="53">
        <v>50394.477299999999</v>
      </c>
      <c r="I854" s="53">
        <v>50394.477299999999</v>
      </c>
      <c r="J854" s="53">
        <v>50394.477299999999</v>
      </c>
      <c r="K854" s="53">
        <v>50394.477299999999</v>
      </c>
      <c r="L854" s="53">
        <v>50394.477299999999</v>
      </c>
      <c r="M854" s="53">
        <v>50394.477299999999</v>
      </c>
      <c r="N854" s="53">
        <v>604733.72759999998</v>
      </c>
      <c r="O854" s="53">
        <v>50394.477299999999</v>
      </c>
      <c r="P854" s="53">
        <v>50394.477299999999</v>
      </c>
      <c r="Q854" s="53">
        <v>50394.477299999999</v>
      </c>
      <c r="R854" s="53">
        <v>50394.477299999999</v>
      </c>
      <c r="S854" s="53">
        <v>50394.477299999999</v>
      </c>
      <c r="T854" s="53">
        <v>50394.477299999999</v>
      </c>
      <c r="U854" s="53">
        <v>50394.477299999999</v>
      </c>
      <c r="V854" s="53">
        <v>50394.477299999999</v>
      </c>
      <c r="W854" s="53">
        <v>50394.477299999999</v>
      </c>
      <c r="X854" s="53">
        <v>50394.477299999999</v>
      </c>
      <c r="Y854" s="53">
        <v>50394.477299999999</v>
      </c>
      <c r="Z854" s="53">
        <v>50394.477299999999</v>
      </c>
      <c r="AA854" s="53">
        <v>604733.72759999998</v>
      </c>
      <c r="AB854" s="53">
        <v>50394.477299999999</v>
      </c>
      <c r="AC854" s="53">
        <v>50394.477299999999</v>
      </c>
      <c r="AD854" s="53">
        <v>50394.477299999999</v>
      </c>
      <c r="AE854" s="53">
        <v>50394.477299999999</v>
      </c>
      <c r="AF854" s="53">
        <v>50394.477299999999</v>
      </c>
      <c r="AG854" s="53">
        <v>50394.477299999999</v>
      </c>
      <c r="AH854" s="53">
        <v>50394.477299999999</v>
      </c>
      <c r="AI854" s="53">
        <v>50394.477299999999</v>
      </c>
      <c r="AJ854" s="53">
        <v>50394.477299999999</v>
      </c>
      <c r="AK854" s="53">
        <v>50394.477299999999</v>
      </c>
      <c r="AL854" s="53">
        <v>50394.477299999999</v>
      </c>
      <c r="AM854" s="53">
        <v>50394.477299999999</v>
      </c>
      <c r="AN854" s="53">
        <v>604733.72759999998</v>
      </c>
      <c r="AO854" s="53">
        <v>50394.477299999999</v>
      </c>
      <c r="AP854" s="53">
        <v>50394.477299999999</v>
      </c>
      <c r="AQ854" s="53">
        <v>50394.477299999999</v>
      </c>
      <c r="AR854" s="53">
        <v>50394.477299999999</v>
      </c>
      <c r="AS854" s="53">
        <v>50394.477299999999</v>
      </c>
      <c r="AT854" s="53">
        <v>50394.477299999999</v>
      </c>
      <c r="AU854" s="53">
        <v>50394.477299999999</v>
      </c>
      <c r="AV854" s="53">
        <v>50394.477299999999</v>
      </c>
      <c r="AW854" s="53">
        <v>50394.477299999999</v>
      </c>
      <c r="AX854" s="53">
        <v>50394.477299999999</v>
      </c>
      <c r="AY854" s="53">
        <v>50394.477299999999</v>
      </c>
      <c r="AZ854" s="53">
        <v>50394.477299999999</v>
      </c>
      <c r="BA854" s="53">
        <v>604733.72759999998</v>
      </c>
    </row>
    <row r="855" spans="1:53">
      <c r="A855" s="52" t="s">
        <v>4167</v>
      </c>
      <c r="B855" s="53">
        <v>0</v>
      </c>
      <c r="C855" s="53">
        <v>0</v>
      </c>
      <c r="D855" s="53">
        <v>0</v>
      </c>
      <c r="E855" s="53">
        <v>0</v>
      </c>
      <c r="F855" s="53">
        <v>0</v>
      </c>
      <c r="G855" s="53">
        <v>0</v>
      </c>
      <c r="H855" s="53">
        <v>0</v>
      </c>
      <c r="I855" s="53">
        <v>0</v>
      </c>
      <c r="J855" s="53">
        <v>0</v>
      </c>
      <c r="K855" s="53">
        <v>0</v>
      </c>
      <c r="L855" s="53">
        <v>0</v>
      </c>
      <c r="M855" s="53">
        <v>0</v>
      </c>
      <c r="N855" s="53">
        <v>0</v>
      </c>
      <c r="O855" s="53">
        <v>0</v>
      </c>
      <c r="P855" s="53">
        <v>0</v>
      </c>
      <c r="Q855" s="53">
        <v>0</v>
      </c>
      <c r="R855" s="53">
        <v>0</v>
      </c>
      <c r="S855" s="53">
        <v>0</v>
      </c>
      <c r="T855" s="53">
        <v>0</v>
      </c>
      <c r="U855" s="53">
        <v>0</v>
      </c>
      <c r="V855" s="53">
        <v>0</v>
      </c>
      <c r="W855" s="53">
        <v>0</v>
      </c>
      <c r="X855" s="53">
        <v>0</v>
      </c>
      <c r="Y855" s="53">
        <v>0</v>
      </c>
      <c r="Z855" s="53">
        <v>0</v>
      </c>
      <c r="AA855" s="53">
        <v>0</v>
      </c>
      <c r="AB855" s="53">
        <v>0</v>
      </c>
      <c r="AC855" s="53">
        <v>0</v>
      </c>
      <c r="AD855" s="53">
        <v>0</v>
      </c>
      <c r="AE855" s="53">
        <v>0</v>
      </c>
      <c r="AF855" s="53">
        <v>0</v>
      </c>
      <c r="AG855" s="53">
        <v>0</v>
      </c>
      <c r="AH855" s="53">
        <v>0</v>
      </c>
      <c r="AI855" s="53">
        <v>0</v>
      </c>
      <c r="AJ855" s="53">
        <v>0</v>
      </c>
      <c r="AK855" s="53">
        <v>0</v>
      </c>
      <c r="AL855" s="53">
        <v>0</v>
      </c>
      <c r="AM855" s="53">
        <v>0</v>
      </c>
      <c r="AN855" s="53">
        <v>0</v>
      </c>
      <c r="AO855" s="53">
        <v>0</v>
      </c>
      <c r="AP855" s="53">
        <v>0</v>
      </c>
      <c r="AQ855" s="53">
        <v>0</v>
      </c>
      <c r="AR855" s="53">
        <v>0</v>
      </c>
      <c r="AS855" s="53">
        <v>0</v>
      </c>
      <c r="AT855" s="53">
        <v>0</v>
      </c>
      <c r="AU855" s="53">
        <v>0</v>
      </c>
      <c r="AV855" s="53">
        <v>0</v>
      </c>
      <c r="AW855" s="53">
        <v>0</v>
      </c>
      <c r="AX855" s="53">
        <v>0</v>
      </c>
      <c r="AY855" s="53">
        <v>0</v>
      </c>
      <c r="AZ855" s="53">
        <v>0</v>
      </c>
      <c r="BA855" s="53">
        <v>0</v>
      </c>
    </row>
    <row r="856" spans="1:53">
      <c r="A856" s="52" t="s">
        <v>4168</v>
      </c>
      <c r="B856" s="53">
        <v>0</v>
      </c>
      <c r="C856" s="53">
        <v>0</v>
      </c>
      <c r="D856" s="53">
        <v>0</v>
      </c>
      <c r="E856" s="53">
        <v>0</v>
      </c>
      <c r="F856" s="53">
        <v>0</v>
      </c>
      <c r="G856" s="53">
        <v>0</v>
      </c>
      <c r="H856" s="53">
        <v>0</v>
      </c>
      <c r="I856" s="53">
        <v>0</v>
      </c>
      <c r="J856" s="53">
        <v>0</v>
      </c>
      <c r="K856" s="53">
        <v>0</v>
      </c>
      <c r="L856" s="53">
        <v>0</v>
      </c>
      <c r="M856" s="53">
        <v>0</v>
      </c>
      <c r="N856" s="53">
        <v>0</v>
      </c>
      <c r="O856" s="53">
        <v>0</v>
      </c>
      <c r="P856" s="53">
        <v>0</v>
      </c>
      <c r="Q856" s="53">
        <v>0</v>
      </c>
      <c r="R856" s="53">
        <v>0</v>
      </c>
      <c r="S856" s="53">
        <v>0</v>
      </c>
      <c r="T856" s="53">
        <v>0</v>
      </c>
      <c r="U856" s="53">
        <v>0</v>
      </c>
      <c r="V856" s="53">
        <v>0</v>
      </c>
      <c r="W856" s="53">
        <v>0</v>
      </c>
      <c r="X856" s="53">
        <v>0</v>
      </c>
      <c r="Y856" s="53">
        <v>0</v>
      </c>
      <c r="Z856" s="53">
        <v>0</v>
      </c>
      <c r="AA856" s="53">
        <v>0</v>
      </c>
      <c r="AB856" s="53">
        <v>0</v>
      </c>
      <c r="AC856" s="53">
        <v>0</v>
      </c>
      <c r="AD856" s="53">
        <v>0</v>
      </c>
      <c r="AE856" s="53">
        <v>0</v>
      </c>
      <c r="AF856" s="53">
        <v>0</v>
      </c>
      <c r="AG856" s="53">
        <v>0</v>
      </c>
      <c r="AH856" s="53">
        <v>0</v>
      </c>
      <c r="AI856" s="53">
        <v>0</v>
      </c>
      <c r="AJ856" s="53">
        <v>0</v>
      </c>
      <c r="AK856" s="53">
        <v>0</v>
      </c>
      <c r="AL856" s="53">
        <v>0</v>
      </c>
      <c r="AM856" s="53">
        <v>0</v>
      </c>
      <c r="AN856" s="53">
        <v>0</v>
      </c>
      <c r="AO856" s="53">
        <v>0</v>
      </c>
      <c r="AP856" s="53">
        <v>0</v>
      </c>
      <c r="AQ856" s="53">
        <v>0</v>
      </c>
      <c r="AR856" s="53">
        <v>0</v>
      </c>
      <c r="AS856" s="53">
        <v>0</v>
      </c>
      <c r="AT856" s="53">
        <v>0</v>
      </c>
      <c r="AU856" s="53">
        <v>0</v>
      </c>
      <c r="AV856" s="53">
        <v>0</v>
      </c>
      <c r="AW856" s="53">
        <v>0</v>
      </c>
      <c r="AX856" s="53">
        <v>0</v>
      </c>
      <c r="AY856" s="53">
        <v>0</v>
      </c>
      <c r="AZ856" s="53">
        <v>0</v>
      </c>
      <c r="BA856" s="53">
        <v>0</v>
      </c>
    </row>
    <row r="857" spans="1:53">
      <c r="A857" s="52" t="s">
        <v>4169</v>
      </c>
      <c r="B857" s="53">
        <v>0</v>
      </c>
      <c r="C857" s="53">
        <v>0</v>
      </c>
      <c r="D857" s="53">
        <v>0</v>
      </c>
      <c r="E857" s="53">
        <v>0</v>
      </c>
      <c r="F857" s="53">
        <v>0</v>
      </c>
      <c r="G857" s="53">
        <v>0</v>
      </c>
      <c r="H857" s="53">
        <v>0</v>
      </c>
      <c r="I857" s="53">
        <v>0</v>
      </c>
      <c r="J857" s="53">
        <v>0</v>
      </c>
      <c r="K857" s="53">
        <v>0</v>
      </c>
      <c r="L857" s="53">
        <v>0</v>
      </c>
      <c r="M857" s="53">
        <v>0</v>
      </c>
      <c r="N857" s="53">
        <v>0</v>
      </c>
      <c r="O857" s="53">
        <v>0</v>
      </c>
      <c r="P857" s="53">
        <v>0</v>
      </c>
      <c r="Q857" s="53">
        <v>0</v>
      </c>
      <c r="R857" s="53">
        <v>0</v>
      </c>
      <c r="S857" s="53">
        <v>0</v>
      </c>
      <c r="T857" s="53">
        <v>0</v>
      </c>
      <c r="U857" s="53">
        <v>0</v>
      </c>
      <c r="V857" s="53">
        <v>0</v>
      </c>
      <c r="W857" s="53">
        <v>0</v>
      </c>
      <c r="X857" s="53">
        <v>0</v>
      </c>
      <c r="Y857" s="53">
        <v>0</v>
      </c>
      <c r="Z857" s="53">
        <v>0</v>
      </c>
      <c r="AA857" s="53">
        <v>0</v>
      </c>
      <c r="AB857" s="53">
        <v>0</v>
      </c>
      <c r="AC857" s="53">
        <v>0</v>
      </c>
      <c r="AD857" s="53">
        <v>0</v>
      </c>
      <c r="AE857" s="53">
        <v>0</v>
      </c>
      <c r="AF857" s="53">
        <v>0</v>
      </c>
      <c r="AG857" s="53">
        <v>0</v>
      </c>
      <c r="AH857" s="53">
        <v>0</v>
      </c>
      <c r="AI857" s="53">
        <v>0</v>
      </c>
      <c r="AJ857" s="53">
        <v>0</v>
      </c>
      <c r="AK857" s="53">
        <v>0</v>
      </c>
      <c r="AL857" s="53">
        <v>0</v>
      </c>
      <c r="AM857" s="53">
        <v>0</v>
      </c>
      <c r="AN857" s="53">
        <v>0</v>
      </c>
      <c r="AO857" s="53">
        <v>0</v>
      </c>
      <c r="AP857" s="53">
        <v>0</v>
      </c>
      <c r="AQ857" s="53">
        <v>0</v>
      </c>
      <c r="AR857" s="53">
        <v>0</v>
      </c>
      <c r="AS857" s="53">
        <v>0</v>
      </c>
      <c r="AT857" s="53">
        <v>0</v>
      </c>
      <c r="AU857" s="53">
        <v>0</v>
      </c>
      <c r="AV857" s="53">
        <v>0</v>
      </c>
      <c r="AW857" s="53">
        <v>0</v>
      </c>
      <c r="AX857" s="53">
        <v>0</v>
      </c>
      <c r="AY857" s="53">
        <v>0</v>
      </c>
      <c r="AZ857" s="53">
        <v>0</v>
      </c>
      <c r="BA857" s="53">
        <v>0</v>
      </c>
    </row>
    <row r="858" spans="1:53">
      <c r="A858" s="52" t="s">
        <v>4170</v>
      </c>
      <c r="B858" s="53">
        <v>1841151.39387552</v>
      </c>
      <c r="C858" s="53">
        <v>2043122.2410196699</v>
      </c>
      <c r="D858" s="53">
        <v>1947145.0046958099</v>
      </c>
      <c r="E858" s="53">
        <v>1759182.9756590901</v>
      </c>
      <c r="F858" s="53">
        <v>1212646.7346386299</v>
      </c>
      <c r="G858" s="53">
        <v>677894.64250924299</v>
      </c>
      <c r="H858" s="53">
        <v>369580.62959224201</v>
      </c>
      <c r="I858" s="53">
        <v>418100.39442495001</v>
      </c>
      <c r="J858" s="53">
        <v>554992.35521081404</v>
      </c>
      <c r="K858" s="53">
        <v>1116817.27939175</v>
      </c>
      <c r="L858" s="53">
        <v>1742783.06764895</v>
      </c>
      <c r="M858" s="53">
        <v>1450063.2631715301</v>
      </c>
      <c r="N858" s="53">
        <v>15133479.9818382</v>
      </c>
      <c r="O858" s="53">
        <v>744706.59957232897</v>
      </c>
      <c r="P858" s="53">
        <v>761208.86320196697</v>
      </c>
      <c r="Q858" s="53">
        <v>736763.84934304596</v>
      </c>
      <c r="R858" s="53">
        <v>724343.97747537703</v>
      </c>
      <c r="S858" s="53">
        <v>704142.32886023296</v>
      </c>
      <c r="T858" s="53">
        <v>790500.65434940101</v>
      </c>
      <c r="U858" s="53">
        <v>886663.09022677899</v>
      </c>
      <c r="V858" s="53">
        <v>889045.226136585</v>
      </c>
      <c r="W858" s="53">
        <v>884979.42587675899</v>
      </c>
      <c r="X858" s="53">
        <v>873427.06681605196</v>
      </c>
      <c r="Y858" s="53">
        <v>836922.40175593796</v>
      </c>
      <c r="Z858" s="53">
        <v>2053211.3089661701</v>
      </c>
      <c r="AA858" s="53">
        <v>10885914.792580601</v>
      </c>
      <c r="AB858" s="53">
        <v>750622.00703516696</v>
      </c>
      <c r="AC858" s="53">
        <v>766325.082979823</v>
      </c>
      <c r="AD858" s="53">
        <v>741650.52225153998</v>
      </c>
      <c r="AE858" s="53">
        <v>729154.78171319095</v>
      </c>
      <c r="AF858" s="53">
        <v>708725.77414898796</v>
      </c>
      <c r="AG858" s="53">
        <v>793357.96701257199</v>
      </c>
      <c r="AH858" s="53">
        <v>897202.56272746704</v>
      </c>
      <c r="AI858" s="53">
        <v>911903.18562179303</v>
      </c>
      <c r="AJ858" s="53">
        <v>880683.07380066998</v>
      </c>
      <c r="AK858" s="53">
        <v>843355.98233708995</v>
      </c>
      <c r="AL858" s="53">
        <v>809713.66878631804</v>
      </c>
      <c r="AM858" s="53">
        <v>2174797.5699296799</v>
      </c>
      <c r="AN858" s="53">
        <v>11007492.1783443</v>
      </c>
      <c r="AO858" s="53">
        <v>760473.56079475698</v>
      </c>
      <c r="AP858" s="53">
        <v>776585.45063179696</v>
      </c>
      <c r="AQ858" s="53">
        <v>751728.00782715494</v>
      </c>
      <c r="AR858" s="53">
        <v>739209.95370724099</v>
      </c>
      <c r="AS858" s="53">
        <v>718601.62888689805</v>
      </c>
      <c r="AT858" s="53">
        <v>754151.17753817898</v>
      </c>
      <c r="AU858" s="53">
        <v>817697.932887553</v>
      </c>
      <c r="AV858" s="53">
        <v>845162.50585484703</v>
      </c>
      <c r="AW858" s="53">
        <v>877784.32747573801</v>
      </c>
      <c r="AX858" s="53">
        <v>897126.64379724895</v>
      </c>
      <c r="AY858" s="53">
        <v>859198.17254204804</v>
      </c>
      <c r="AZ858" s="53">
        <v>2325352.27596043</v>
      </c>
      <c r="BA858" s="53">
        <v>11123071.637903901</v>
      </c>
    </row>
    <row r="859" spans="1:53">
      <c r="A859" s="231" t="s">
        <v>4171</v>
      </c>
      <c r="B859" s="53"/>
      <c r="C859" s="53"/>
      <c r="D859" s="53"/>
      <c r="E859" s="53"/>
      <c r="F859" s="53"/>
      <c r="G859" s="53"/>
      <c r="H859" s="53"/>
      <c r="I859" s="53"/>
      <c r="J859" s="53"/>
      <c r="K859" s="53"/>
      <c r="L859" s="53"/>
      <c r="M859" s="53"/>
      <c r="N859" s="53"/>
      <c r="O859" s="53"/>
      <c r="P859" s="53"/>
      <c r="Q859" s="53"/>
      <c r="R859" s="53"/>
      <c r="S859" s="53"/>
      <c r="T859" s="53"/>
      <c r="U859" s="53"/>
      <c r="V859" s="53"/>
      <c r="W859" s="53"/>
      <c r="X859" s="53"/>
      <c r="Y859" s="53"/>
      <c r="Z859" s="53"/>
      <c r="AA859" s="53"/>
      <c r="AB859" s="53"/>
      <c r="AC859" s="53"/>
      <c r="AD859" s="53"/>
      <c r="AE859" s="53"/>
      <c r="AF859" s="53"/>
      <c r="AG859" s="53"/>
      <c r="AH859" s="53"/>
      <c r="AI859" s="53"/>
      <c r="AJ859" s="53"/>
      <c r="AK859" s="53"/>
      <c r="AL859" s="53"/>
      <c r="AM859" s="53"/>
      <c r="AN859" s="53"/>
      <c r="AO859" s="53"/>
      <c r="AP859" s="53"/>
      <c r="AQ859" s="53"/>
      <c r="AR859" s="53"/>
      <c r="AS859" s="53"/>
      <c r="AT859" s="53"/>
      <c r="AU859" s="53"/>
      <c r="AV859" s="53"/>
      <c r="AW859" s="53"/>
      <c r="AX859" s="53"/>
      <c r="AY859" s="53"/>
      <c r="AZ859" s="53"/>
      <c r="BA859" s="53"/>
    </row>
    <row r="860" spans="1:53">
      <c r="A860" s="52" t="s">
        <v>4172</v>
      </c>
      <c r="B860" s="53">
        <v>0</v>
      </c>
      <c r="C860" s="53">
        <v>0</v>
      </c>
      <c r="D860" s="53">
        <v>0</v>
      </c>
      <c r="E860" s="53">
        <v>0</v>
      </c>
      <c r="F860" s="53">
        <v>0</v>
      </c>
      <c r="G860" s="53">
        <v>0</v>
      </c>
      <c r="H860" s="53">
        <v>0</v>
      </c>
      <c r="I860" s="53">
        <v>0</v>
      </c>
      <c r="J860" s="53">
        <v>0</v>
      </c>
      <c r="K860" s="53">
        <v>0</v>
      </c>
      <c r="L860" s="53">
        <v>0</v>
      </c>
      <c r="M860" s="53">
        <v>0</v>
      </c>
      <c r="N860" s="53">
        <v>0</v>
      </c>
      <c r="O860" s="53">
        <v>0</v>
      </c>
      <c r="P860" s="53">
        <v>0</v>
      </c>
      <c r="Q860" s="53">
        <v>0</v>
      </c>
      <c r="R860" s="53">
        <v>0</v>
      </c>
      <c r="S860" s="53">
        <v>0</v>
      </c>
      <c r="T860" s="53">
        <v>0</v>
      </c>
      <c r="U860" s="53">
        <v>0</v>
      </c>
      <c r="V860" s="53">
        <v>0</v>
      </c>
      <c r="W860" s="53">
        <v>0</v>
      </c>
      <c r="X860" s="53">
        <v>0</v>
      </c>
      <c r="Y860" s="53">
        <v>0</v>
      </c>
      <c r="Z860" s="53">
        <v>0</v>
      </c>
      <c r="AA860" s="53">
        <v>0</v>
      </c>
      <c r="AB860" s="53">
        <v>0</v>
      </c>
      <c r="AC860" s="53">
        <v>0</v>
      </c>
      <c r="AD860" s="53">
        <v>0</v>
      </c>
      <c r="AE860" s="53">
        <v>0</v>
      </c>
      <c r="AF860" s="53">
        <v>0</v>
      </c>
      <c r="AG860" s="53">
        <v>0</v>
      </c>
      <c r="AH860" s="53">
        <v>0</v>
      </c>
      <c r="AI860" s="53">
        <v>0</v>
      </c>
      <c r="AJ860" s="53">
        <v>0</v>
      </c>
      <c r="AK860" s="53">
        <v>0</v>
      </c>
      <c r="AL860" s="53">
        <v>0</v>
      </c>
      <c r="AM860" s="53">
        <v>0</v>
      </c>
      <c r="AN860" s="53">
        <v>0</v>
      </c>
      <c r="AO860" s="53">
        <v>0</v>
      </c>
      <c r="AP860" s="53">
        <v>0</v>
      </c>
      <c r="AQ860" s="53">
        <v>0</v>
      </c>
      <c r="AR860" s="53">
        <v>0</v>
      </c>
      <c r="AS860" s="53">
        <v>0</v>
      </c>
      <c r="AT860" s="53">
        <v>0</v>
      </c>
      <c r="AU860" s="53">
        <v>0</v>
      </c>
      <c r="AV860" s="53">
        <v>0</v>
      </c>
      <c r="AW860" s="53">
        <v>0</v>
      </c>
      <c r="AX860" s="53">
        <v>0</v>
      </c>
      <c r="AY860" s="53">
        <v>0</v>
      </c>
      <c r="AZ860" s="53">
        <v>0</v>
      </c>
      <c r="BA860" s="53">
        <v>0</v>
      </c>
    </row>
    <row r="861" spans="1:53">
      <c r="A861" s="52" t="s">
        <v>4173</v>
      </c>
      <c r="B861" s="53">
        <v>0</v>
      </c>
      <c r="C861" s="53">
        <v>0</v>
      </c>
      <c r="D861" s="53">
        <v>0</v>
      </c>
      <c r="E861" s="53">
        <v>0</v>
      </c>
      <c r="F861" s="53">
        <v>0</v>
      </c>
      <c r="G861" s="53">
        <v>0</v>
      </c>
      <c r="H861" s="53">
        <v>0</v>
      </c>
      <c r="I861" s="53">
        <v>0</v>
      </c>
      <c r="J861" s="53">
        <v>0</v>
      </c>
      <c r="K861" s="53">
        <v>0</v>
      </c>
      <c r="L861" s="53">
        <v>0</v>
      </c>
      <c r="M861" s="53">
        <v>0</v>
      </c>
      <c r="N861" s="53">
        <v>0</v>
      </c>
      <c r="O861" s="53">
        <v>0</v>
      </c>
      <c r="P861" s="53">
        <v>0</v>
      </c>
      <c r="Q861" s="53">
        <v>0</v>
      </c>
      <c r="R861" s="53">
        <v>0</v>
      </c>
      <c r="S861" s="53">
        <v>0</v>
      </c>
      <c r="T861" s="53">
        <v>0</v>
      </c>
      <c r="U861" s="53">
        <v>0</v>
      </c>
      <c r="V861" s="53">
        <v>0</v>
      </c>
      <c r="W861" s="53">
        <v>0</v>
      </c>
      <c r="X861" s="53">
        <v>0</v>
      </c>
      <c r="Y861" s="53">
        <v>0</v>
      </c>
      <c r="Z861" s="53">
        <v>0</v>
      </c>
      <c r="AA861" s="53">
        <v>0</v>
      </c>
      <c r="AB861" s="53">
        <v>0</v>
      </c>
      <c r="AC861" s="53">
        <v>0</v>
      </c>
      <c r="AD861" s="53">
        <v>0</v>
      </c>
      <c r="AE861" s="53">
        <v>0</v>
      </c>
      <c r="AF861" s="53">
        <v>0</v>
      </c>
      <c r="AG861" s="53">
        <v>0</v>
      </c>
      <c r="AH861" s="53">
        <v>0</v>
      </c>
      <c r="AI861" s="53">
        <v>0</v>
      </c>
      <c r="AJ861" s="53">
        <v>0</v>
      </c>
      <c r="AK861" s="53">
        <v>0</v>
      </c>
      <c r="AL861" s="53">
        <v>0</v>
      </c>
      <c r="AM861" s="53">
        <v>0</v>
      </c>
      <c r="AN861" s="53">
        <v>0</v>
      </c>
      <c r="AO861" s="53">
        <v>0</v>
      </c>
      <c r="AP861" s="53">
        <v>0</v>
      </c>
      <c r="AQ861" s="53">
        <v>0</v>
      </c>
      <c r="AR861" s="53">
        <v>0</v>
      </c>
      <c r="AS861" s="53">
        <v>0</v>
      </c>
      <c r="AT861" s="53">
        <v>0</v>
      </c>
      <c r="AU861" s="53">
        <v>0</v>
      </c>
      <c r="AV861" s="53">
        <v>0</v>
      </c>
      <c r="AW861" s="53">
        <v>0</v>
      </c>
      <c r="AX861" s="53">
        <v>0</v>
      </c>
      <c r="AY861" s="53">
        <v>0</v>
      </c>
      <c r="AZ861" s="53">
        <v>0</v>
      </c>
      <c r="BA861" s="53">
        <v>0</v>
      </c>
    </row>
    <row r="862" spans="1:53">
      <c r="A862" s="52" t="s">
        <v>4174</v>
      </c>
      <c r="B862" s="53">
        <v>0</v>
      </c>
      <c r="C862" s="53">
        <v>0</v>
      </c>
      <c r="D862" s="53">
        <v>0</v>
      </c>
      <c r="E862" s="53">
        <v>0</v>
      </c>
      <c r="F862" s="53">
        <v>0</v>
      </c>
      <c r="G862" s="53">
        <v>0</v>
      </c>
      <c r="H862" s="53">
        <v>0</v>
      </c>
      <c r="I862" s="53">
        <v>0</v>
      </c>
      <c r="J862" s="53">
        <v>0</v>
      </c>
      <c r="K862" s="53">
        <v>0</v>
      </c>
      <c r="L862" s="53">
        <v>0</v>
      </c>
      <c r="M862" s="53">
        <v>0</v>
      </c>
      <c r="N862" s="53">
        <v>0</v>
      </c>
      <c r="O862" s="53">
        <v>0</v>
      </c>
      <c r="P862" s="53">
        <v>0</v>
      </c>
      <c r="Q862" s="53">
        <v>0</v>
      </c>
      <c r="R862" s="53">
        <v>0</v>
      </c>
      <c r="S862" s="53">
        <v>0</v>
      </c>
      <c r="T862" s="53">
        <v>0</v>
      </c>
      <c r="U862" s="53">
        <v>0</v>
      </c>
      <c r="V862" s="53">
        <v>0</v>
      </c>
      <c r="W862" s="53">
        <v>0</v>
      </c>
      <c r="X862" s="53">
        <v>0</v>
      </c>
      <c r="Y862" s="53">
        <v>0</v>
      </c>
      <c r="Z862" s="53">
        <v>0</v>
      </c>
      <c r="AA862" s="53">
        <v>0</v>
      </c>
      <c r="AB862" s="53">
        <v>0</v>
      </c>
      <c r="AC862" s="53">
        <v>0</v>
      </c>
      <c r="AD862" s="53">
        <v>0</v>
      </c>
      <c r="AE862" s="53">
        <v>0</v>
      </c>
      <c r="AF862" s="53">
        <v>0</v>
      </c>
      <c r="AG862" s="53">
        <v>0</v>
      </c>
      <c r="AH862" s="53">
        <v>0</v>
      </c>
      <c r="AI862" s="53">
        <v>0</v>
      </c>
      <c r="AJ862" s="53">
        <v>0</v>
      </c>
      <c r="AK862" s="53">
        <v>0</v>
      </c>
      <c r="AL862" s="53">
        <v>0</v>
      </c>
      <c r="AM862" s="53">
        <v>0</v>
      </c>
      <c r="AN862" s="53">
        <v>0</v>
      </c>
      <c r="AO862" s="53">
        <v>0</v>
      </c>
      <c r="AP862" s="53">
        <v>0</v>
      </c>
      <c r="AQ862" s="53">
        <v>0</v>
      </c>
      <c r="AR862" s="53">
        <v>0</v>
      </c>
      <c r="AS862" s="53">
        <v>0</v>
      </c>
      <c r="AT862" s="53">
        <v>0</v>
      </c>
      <c r="AU862" s="53">
        <v>0</v>
      </c>
      <c r="AV862" s="53">
        <v>0</v>
      </c>
      <c r="AW862" s="53">
        <v>0</v>
      </c>
      <c r="AX862" s="53">
        <v>0</v>
      </c>
      <c r="AY862" s="53">
        <v>0</v>
      </c>
      <c r="AZ862" s="53">
        <v>0</v>
      </c>
      <c r="BA862" s="53">
        <v>0</v>
      </c>
    </row>
    <row r="863" spans="1:53">
      <c r="A863" s="52" t="s">
        <v>4175</v>
      </c>
      <c r="B863" s="53">
        <v>0</v>
      </c>
      <c r="C863" s="53">
        <v>0</v>
      </c>
      <c r="D863" s="53">
        <v>0</v>
      </c>
      <c r="E863" s="53">
        <v>0</v>
      </c>
      <c r="F863" s="53">
        <v>0</v>
      </c>
      <c r="G863" s="53">
        <v>0</v>
      </c>
      <c r="H863" s="53">
        <v>0</v>
      </c>
      <c r="I863" s="53">
        <v>0</v>
      </c>
      <c r="J863" s="53">
        <v>0</v>
      </c>
      <c r="K863" s="53">
        <v>0</v>
      </c>
      <c r="L863" s="53">
        <v>0</v>
      </c>
      <c r="M863" s="53">
        <v>0</v>
      </c>
      <c r="N863" s="53">
        <v>0</v>
      </c>
      <c r="O863" s="53">
        <v>0</v>
      </c>
      <c r="P863" s="53">
        <v>0</v>
      </c>
      <c r="Q863" s="53">
        <v>0</v>
      </c>
      <c r="R863" s="53">
        <v>0</v>
      </c>
      <c r="S863" s="53">
        <v>0</v>
      </c>
      <c r="T863" s="53">
        <v>0</v>
      </c>
      <c r="U863" s="53">
        <v>0</v>
      </c>
      <c r="V863" s="53">
        <v>0</v>
      </c>
      <c r="W863" s="53">
        <v>0</v>
      </c>
      <c r="X863" s="53">
        <v>0</v>
      </c>
      <c r="Y863" s="53">
        <v>0</v>
      </c>
      <c r="Z863" s="53">
        <v>0</v>
      </c>
      <c r="AA863" s="53">
        <v>0</v>
      </c>
      <c r="AB863" s="53">
        <v>0</v>
      </c>
      <c r="AC863" s="53">
        <v>0</v>
      </c>
      <c r="AD863" s="53">
        <v>0</v>
      </c>
      <c r="AE863" s="53">
        <v>0</v>
      </c>
      <c r="AF863" s="53">
        <v>0</v>
      </c>
      <c r="AG863" s="53">
        <v>0</v>
      </c>
      <c r="AH863" s="53">
        <v>0</v>
      </c>
      <c r="AI863" s="53">
        <v>0</v>
      </c>
      <c r="AJ863" s="53">
        <v>0</v>
      </c>
      <c r="AK863" s="53">
        <v>0</v>
      </c>
      <c r="AL863" s="53">
        <v>0</v>
      </c>
      <c r="AM863" s="53">
        <v>0</v>
      </c>
      <c r="AN863" s="53">
        <v>0</v>
      </c>
      <c r="AO863" s="53">
        <v>0</v>
      </c>
      <c r="AP863" s="53">
        <v>0</v>
      </c>
      <c r="AQ863" s="53">
        <v>0</v>
      </c>
      <c r="AR863" s="53">
        <v>0</v>
      </c>
      <c r="AS863" s="53">
        <v>0</v>
      </c>
      <c r="AT863" s="53">
        <v>0</v>
      </c>
      <c r="AU863" s="53">
        <v>0</v>
      </c>
      <c r="AV863" s="53">
        <v>0</v>
      </c>
      <c r="AW863" s="53">
        <v>0</v>
      </c>
      <c r="AX863" s="53">
        <v>0</v>
      </c>
      <c r="AY863" s="53">
        <v>0</v>
      </c>
      <c r="AZ863" s="53">
        <v>0</v>
      </c>
      <c r="BA863" s="53">
        <v>0</v>
      </c>
    </row>
    <row r="864" spans="1:53">
      <c r="A864" s="52" t="s">
        <v>4176</v>
      </c>
      <c r="B864" s="53">
        <v>0</v>
      </c>
      <c r="C864" s="53">
        <v>0</v>
      </c>
      <c r="D864" s="53">
        <v>0</v>
      </c>
      <c r="E864" s="53">
        <v>0</v>
      </c>
      <c r="F864" s="53">
        <v>0</v>
      </c>
      <c r="G864" s="53">
        <v>0</v>
      </c>
      <c r="H864" s="53">
        <v>0</v>
      </c>
      <c r="I864" s="53">
        <v>0</v>
      </c>
      <c r="J864" s="53">
        <v>0</v>
      </c>
      <c r="K864" s="53">
        <v>0</v>
      </c>
      <c r="L864" s="53">
        <v>0</v>
      </c>
      <c r="M864" s="53">
        <v>0</v>
      </c>
      <c r="N864" s="53">
        <v>0</v>
      </c>
      <c r="O864" s="53">
        <v>0</v>
      </c>
      <c r="P864" s="53">
        <v>0</v>
      </c>
      <c r="Q864" s="53">
        <v>0</v>
      </c>
      <c r="R864" s="53">
        <v>0</v>
      </c>
      <c r="S864" s="53">
        <v>0</v>
      </c>
      <c r="T864" s="53">
        <v>0</v>
      </c>
      <c r="U864" s="53">
        <v>0</v>
      </c>
      <c r="V864" s="53">
        <v>0</v>
      </c>
      <c r="W864" s="53">
        <v>0</v>
      </c>
      <c r="X864" s="53">
        <v>0</v>
      </c>
      <c r="Y864" s="53">
        <v>0</v>
      </c>
      <c r="Z864" s="53">
        <v>0</v>
      </c>
      <c r="AA864" s="53">
        <v>0</v>
      </c>
      <c r="AB864" s="53">
        <v>0</v>
      </c>
      <c r="AC864" s="53">
        <v>0</v>
      </c>
      <c r="AD864" s="53">
        <v>0</v>
      </c>
      <c r="AE864" s="53">
        <v>0</v>
      </c>
      <c r="AF864" s="53">
        <v>0</v>
      </c>
      <c r="AG864" s="53">
        <v>0</v>
      </c>
      <c r="AH864" s="53">
        <v>0</v>
      </c>
      <c r="AI864" s="53">
        <v>0</v>
      </c>
      <c r="AJ864" s="53">
        <v>0</v>
      </c>
      <c r="AK864" s="53">
        <v>0</v>
      </c>
      <c r="AL864" s="53">
        <v>0</v>
      </c>
      <c r="AM864" s="53">
        <v>0</v>
      </c>
      <c r="AN864" s="53">
        <v>0</v>
      </c>
      <c r="AO864" s="53">
        <v>0</v>
      </c>
      <c r="AP864" s="53">
        <v>0</v>
      </c>
      <c r="AQ864" s="53">
        <v>0</v>
      </c>
      <c r="AR864" s="53">
        <v>0</v>
      </c>
      <c r="AS864" s="53">
        <v>0</v>
      </c>
      <c r="AT864" s="53">
        <v>0</v>
      </c>
      <c r="AU864" s="53">
        <v>0</v>
      </c>
      <c r="AV864" s="53">
        <v>0</v>
      </c>
      <c r="AW864" s="53">
        <v>0</v>
      </c>
      <c r="AX864" s="53">
        <v>0</v>
      </c>
      <c r="AY864" s="53">
        <v>0</v>
      </c>
      <c r="AZ864" s="53">
        <v>0</v>
      </c>
      <c r="BA864" s="53">
        <v>0</v>
      </c>
    </row>
    <row r="865" spans="1:53">
      <c r="A865" s="52" t="s">
        <v>4177</v>
      </c>
      <c r="B865" s="53">
        <v>0</v>
      </c>
      <c r="C865" s="53">
        <v>0</v>
      </c>
      <c r="D865" s="53">
        <v>0</v>
      </c>
      <c r="E865" s="53">
        <v>0</v>
      </c>
      <c r="F865" s="53">
        <v>0</v>
      </c>
      <c r="G865" s="53">
        <v>0</v>
      </c>
      <c r="H865" s="53">
        <v>0</v>
      </c>
      <c r="I865" s="53">
        <v>0</v>
      </c>
      <c r="J865" s="53">
        <v>0</v>
      </c>
      <c r="K865" s="53">
        <v>0</v>
      </c>
      <c r="L865" s="53">
        <v>0</v>
      </c>
      <c r="M865" s="53">
        <v>0</v>
      </c>
      <c r="N865" s="53">
        <v>0</v>
      </c>
      <c r="O865" s="53">
        <v>0</v>
      </c>
      <c r="P865" s="53">
        <v>0</v>
      </c>
      <c r="Q865" s="53">
        <v>0</v>
      </c>
      <c r="R865" s="53">
        <v>0</v>
      </c>
      <c r="S865" s="53">
        <v>0</v>
      </c>
      <c r="T865" s="53">
        <v>0</v>
      </c>
      <c r="U865" s="53">
        <v>0</v>
      </c>
      <c r="V865" s="53">
        <v>0</v>
      </c>
      <c r="W865" s="53">
        <v>0</v>
      </c>
      <c r="X865" s="53">
        <v>0</v>
      </c>
      <c r="Y865" s="53">
        <v>0</v>
      </c>
      <c r="Z865" s="53">
        <v>0</v>
      </c>
      <c r="AA865" s="53">
        <v>0</v>
      </c>
      <c r="AB865" s="53">
        <v>0</v>
      </c>
      <c r="AC865" s="53">
        <v>0</v>
      </c>
      <c r="AD865" s="53">
        <v>0</v>
      </c>
      <c r="AE865" s="53">
        <v>0</v>
      </c>
      <c r="AF865" s="53">
        <v>0</v>
      </c>
      <c r="AG865" s="53">
        <v>0</v>
      </c>
      <c r="AH865" s="53">
        <v>0</v>
      </c>
      <c r="AI865" s="53">
        <v>0</v>
      </c>
      <c r="AJ865" s="53">
        <v>0</v>
      </c>
      <c r="AK865" s="53">
        <v>0</v>
      </c>
      <c r="AL865" s="53">
        <v>0</v>
      </c>
      <c r="AM865" s="53">
        <v>0</v>
      </c>
      <c r="AN865" s="53">
        <v>0</v>
      </c>
      <c r="AO865" s="53">
        <v>0</v>
      </c>
      <c r="AP865" s="53">
        <v>0</v>
      </c>
      <c r="AQ865" s="53">
        <v>0</v>
      </c>
      <c r="AR865" s="53">
        <v>0</v>
      </c>
      <c r="AS865" s="53">
        <v>0</v>
      </c>
      <c r="AT865" s="53">
        <v>0</v>
      </c>
      <c r="AU865" s="53">
        <v>0</v>
      </c>
      <c r="AV865" s="53">
        <v>0</v>
      </c>
      <c r="AW865" s="53">
        <v>0</v>
      </c>
      <c r="AX865" s="53">
        <v>0</v>
      </c>
      <c r="AY865" s="53">
        <v>0</v>
      </c>
      <c r="AZ865" s="53">
        <v>0</v>
      </c>
      <c r="BA865" s="53">
        <v>0</v>
      </c>
    </row>
    <row r="866" spans="1:53">
      <c r="A866" s="52" t="s">
        <v>4178</v>
      </c>
      <c r="B866" s="53">
        <v>0</v>
      </c>
      <c r="C866" s="53">
        <v>0</v>
      </c>
      <c r="D866" s="53">
        <v>0</v>
      </c>
      <c r="E866" s="53">
        <v>0</v>
      </c>
      <c r="F866" s="53">
        <v>0</v>
      </c>
      <c r="G866" s="53">
        <v>0</v>
      </c>
      <c r="H866" s="53">
        <v>0</v>
      </c>
      <c r="I866" s="53">
        <v>0</v>
      </c>
      <c r="J866" s="53">
        <v>0</v>
      </c>
      <c r="K866" s="53">
        <v>0</v>
      </c>
      <c r="L866" s="53">
        <v>0</v>
      </c>
      <c r="M866" s="53">
        <v>0</v>
      </c>
      <c r="N866" s="53">
        <v>0</v>
      </c>
      <c r="O866" s="53">
        <v>0</v>
      </c>
      <c r="P866" s="53">
        <v>0</v>
      </c>
      <c r="Q866" s="53">
        <v>0</v>
      </c>
      <c r="R866" s="53">
        <v>0</v>
      </c>
      <c r="S866" s="53">
        <v>0</v>
      </c>
      <c r="T866" s="53">
        <v>0</v>
      </c>
      <c r="U866" s="53">
        <v>0</v>
      </c>
      <c r="V866" s="53">
        <v>0</v>
      </c>
      <c r="W866" s="53">
        <v>0</v>
      </c>
      <c r="X866" s="53">
        <v>0</v>
      </c>
      <c r="Y866" s="53">
        <v>0</v>
      </c>
      <c r="Z866" s="53">
        <v>0</v>
      </c>
      <c r="AA866" s="53">
        <v>0</v>
      </c>
      <c r="AB866" s="53">
        <v>0</v>
      </c>
      <c r="AC866" s="53">
        <v>0</v>
      </c>
      <c r="AD866" s="53">
        <v>0</v>
      </c>
      <c r="AE866" s="53">
        <v>0</v>
      </c>
      <c r="AF866" s="53">
        <v>0</v>
      </c>
      <c r="AG866" s="53">
        <v>0</v>
      </c>
      <c r="AH866" s="53">
        <v>0</v>
      </c>
      <c r="AI866" s="53">
        <v>0</v>
      </c>
      <c r="AJ866" s="53">
        <v>0</v>
      </c>
      <c r="AK866" s="53">
        <v>0</v>
      </c>
      <c r="AL866" s="53">
        <v>0</v>
      </c>
      <c r="AM866" s="53">
        <v>0</v>
      </c>
      <c r="AN866" s="53">
        <v>0</v>
      </c>
      <c r="AO866" s="53">
        <v>0</v>
      </c>
      <c r="AP866" s="53">
        <v>0</v>
      </c>
      <c r="AQ866" s="53">
        <v>0</v>
      </c>
      <c r="AR866" s="53">
        <v>0</v>
      </c>
      <c r="AS866" s="53">
        <v>0</v>
      </c>
      <c r="AT866" s="53">
        <v>0</v>
      </c>
      <c r="AU866" s="53">
        <v>0</v>
      </c>
      <c r="AV866" s="53">
        <v>0</v>
      </c>
      <c r="AW866" s="53">
        <v>0</v>
      </c>
      <c r="AX866" s="53">
        <v>0</v>
      </c>
      <c r="AY866" s="53">
        <v>0</v>
      </c>
      <c r="AZ866" s="53">
        <v>0</v>
      </c>
      <c r="BA866" s="53">
        <v>0</v>
      </c>
    </row>
    <row r="867" spans="1:53">
      <c r="A867" s="52" t="s">
        <v>4179</v>
      </c>
      <c r="B867" s="53">
        <v>0</v>
      </c>
      <c r="C867" s="53">
        <v>0</v>
      </c>
      <c r="D867" s="53">
        <v>0</v>
      </c>
      <c r="E867" s="53">
        <v>0</v>
      </c>
      <c r="F867" s="53">
        <v>0</v>
      </c>
      <c r="G867" s="53">
        <v>0</v>
      </c>
      <c r="H867" s="53">
        <v>0</v>
      </c>
      <c r="I867" s="53">
        <v>0</v>
      </c>
      <c r="J867" s="53">
        <v>0</v>
      </c>
      <c r="K867" s="53">
        <v>0</v>
      </c>
      <c r="L867" s="53">
        <v>0</v>
      </c>
      <c r="M867" s="53">
        <v>0</v>
      </c>
      <c r="N867" s="53">
        <v>0</v>
      </c>
      <c r="O867" s="53">
        <v>0</v>
      </c>
      <c r="P867" s="53">
        <v>0</v>
      </c>
      <c r="Q867" s="53">
        <v>0</v>
      </c>
      <c r="R867" s="53">
        <v>0</v>
      </c>
      <c r="S867" s="53">
        <v>0</v>
      </c>
      <c r="T867" s="53">
        <v>0</v>
      </c>
      <c r="U867" s="53">
        <v>0</v>
      </c>
      <c r="V867" s="53">
        <v>0</v>
      </c>
      <c r="W867" s="53">
        <v>0</v>
      </c>
      <c r="X867" s="53">
        <v>0</v>
      </c>
      <c r="Y867" s="53">
        <v>0</v>
      </c>
      <c r="Z867" s="53">
        <v>0</v>
      </c>
      <c r="AA867" s="53">
        <v>0</v>
      </c>
      <c r="AB867" s="53">
        <v>0</v>
      </c>
      <c r="AC867" s="53">
        <v>0</v>
      </c>
      <c r="AD867" s="53">
        <v>0</v>
      </c>
      <c r="AE867" s="53">
        <v>0</v>
      </c>
      <c r="AF867" s="53">
        <v>0</v>
      </c>
      <c r="AG867" s="53">
        <v>0</v>
      </c>
      <c r="AH867" s="53">
        <v>0</v>
      </c>
      <c r="AI867" s="53">
        <v>0</v>
      </c>
      <c r="AJ867" s="53">
        <v>0</v>
      </c>
      <c r="AK867" s="53">
        <v>0</v>
      </c>
      <c r="AL867" s="53">
        <v>0</v>
      </c>
      <c r="AM867" s="53">
        <v>0</v>
      </c>
      <c r="AN867" s="53">
        <v>0</v>
      </c>
      <c r="AO867" s="53">
        <v>0</v>
      </c>
      <c r="AP867" s="53">
        <v>0</v>
      </c>
      <c r="AQ867" s="53">
        <v>0</v>
      </c>
      <c r="AR867" s="53">
        <v>0</v>
      </c>
      <c r="AS867" s="53">
        <v>0</v>
      </c>
      <c r="AT867" s="53">
        <v>0</v>
      </c>
      <c r="AU867" s="53">
        <v>0</v>
      </c>
      <c r="AV867" s="53">
        <v>0</v>
      </c>
      <c r="AW867" s="53">
        <v>0</v>
      </c>
      <c r="AX867" s="53">
        <v>0</v>
      </c>
      <c r="AY867" s="53">
        <v>0</v>
      </c>
      <c r="AZ867" s="53">
        <v>0</v>
      </c>
      <c r="BA867" s="53">
        <v>0</v>
      </c>
    </row>
    <row r="868" spans="1:53">
      <c r="A868" s="52" t="s">
        <v>4180</v>
      </c>
      <c r="B868" s="53">
        <v>0</v>
      </c>
      <c r="C868" s="53">
        <v>0</v>
      </c>
      <c r="D868" s="53">
        <v>0</v>
      </c>
      <c r="E868" s="53">
        <v>0</v>
      </c>
      <c r="F868" s="53">
        <v>0</v>
      </c>
      <c r="G868" s="53">
        <v>0</v>
      </c>
      <c r="H868" s="53">
        <v>0</v>
      </c>
      <c r="I868" s="53">
        <v>0</v>
      </c>
      <c r="J868" s="53">
        <v>0</v>
      </c>
      <c r="K868" s="53">
        <v>0</v>
      </c>
      <c r="L868" s="53">
        <v>0</v>
      </c>
      <c r="M868" s="53">
        <v>0</v>
      </c>
      <c r="N868" s="53">
        <v>0</v>
      </c>
      <c r="O868" s="53">
        <v>0</v>
      </c>
      <c r="P868" s="53">
        <v>0</v>
      </c>
      <c r="Q868" s="53">
        <v>0</v>
      </c>
      <c r="R868" s="53">
        <v>0</v>
      </c>
      <c r="S868" s="53">
        <v>0</v>
      </c>
      <c r="T868" s="53">
        <v>0</v>
      </c>
      <c r="U868" s="53">
        <v>0</v>
      </c>
      <c r="V868" s="53">
        <v>0</v>
      </c>
      <c r="W868" s="53">
        <v>0</v>
      </c>
      <c r="X868" s="53">
        <v>0</v>
      </c>
      <c r="Y868" s="53">
        <v>0</v>
      </c>
      <c r="Z868" s="53">
        <v>0</v>
      </c>
      <c r="AA868" s="53">
        <v>0</v>
      </c>
      <c r="AB868" s="53">
        <v>0</v>
      </c>
      <c r="AC868" s="53">
        <v>0</v>
      </c>
      <c r="AD868" s="53">
        <v>0</v>
      </c>
      <c r="AE868" s="53">
        <v>0</v>
      </c>
      <c r="AF868" s="53">
        <v>0</v>
      </c>
      <c r="AG868" s="53">
        <v>0</v>
      </c>
      <c r="AH868" s="53">
        <v>0</v>
      </c>
      <c r="AI868" s="53">
        <v>0</v>
      </c>
      <c r="AJ868" s="53">
        <v>0</v>
      </c>
      <c r="AK868" s="53">
        <v>0</v>
      </c>
      <c r="AL868" s="53">
        <v>0</v>
      </c>
      <c r="AM868" s="53">
        <v>0</v>
      </c>
      <c r="AN868" s="53">
        <v>0</v>
      </c>
      <c r="AO868" s="53">
        <v>0</v>
      </c>
      <c r="AP868" s="53">
        <v>0</v>
      </c>
      <c r="AQ868" s="53">
        <v>0</v>
      </c>
      <c r="AR868" s="53">
        <v>0</v>
      </c>
      <c r="AS868" s="53">
        <v>0</v>
      </c>
      <c r="AT868" s="53">
        <v>0</v>
      </c>
      <c r="AU868" s="53">
        <v>0</v>
      </c>
      <c r="AV868" s="53">
        <v>0</v>
      </c>
      <c r="AW868" s="53">
        <v>0</v>
      </c>
      <c r="AX868" s="53">
        <v>0</v>
      </c>
      <c r="AY868" s="53">
        <v>0</v>
      </c>
      <c r="AZ868" s="53">
        <v>0</v>
      </c>
      <c r="BA868" s="53">
        <v>0</v>
      </c>
    </row>
    <row r="869" spans="1:53">
      <c r="A869" s="232" t="s">
        <v>4181</v>
      </c>
      <c r="B869" s="53">
        <v>1841151.39387552</v>
      </c>
      <c r="C869" s="53">
        <v>2043122.2410196699</v>
      </c>
      <c r="D869" s="53">
        <v>1947145.0046958099</v>
      </c>
      <c r="E869" s="53">
        <v>1759182.9756590901</v>
      </c>
      <c r="F869" s="53">
        <v>1212646.7346386299</v>
      </c>
      <c r="G869" s="53">
        <v>677894.64250924299</v>
      </c>
      <c r="H869" s="53">
        <v>369580.62959224201</v>
      </c>
      <c r="I869" s="53">
        <v>418100.39442495001</v>
      </c>
      <c r="J869" s="53">
        <v>554992.35521081404</v>
      </c>
      <c r="K869" s="53">
        <v>1116817.27939175</v>
      </c>
      <c r="L869" s="53">
        <v>1742783.06764895</v>
      </c>
      <c r="M869" s="53">
        <v>1450063.2631715301</v>
      </c>
      <c r="N869" s="53">
        <v>15133479.9818382</v>
      </c>
      <c r="O869" s="53">
        <v>744706.59957232897</v>
      </c>
      <c r="P869" s="53">
        <v>761208.86320196697</v>
      </c>
      <c r="Q869" s="53">
        <v>736763.84934304596</v>
      </c>
      <c r="R869" s="53">
        <v>724343.97747537703</v>
      </c>
      <c r="S869" s="53">
        <v>704142.32886023296</v>
      </c>
      <c r="T869" s="53">
        <v>790500.65434940101</v>
      </c>
      <c r="U869" s="53">
        <v>886663.09022677899</v>
      </c>
      <c r="V869" s="53">
        <v>889045.226136585</v>
      </c>
      <c r="W869" s="53">
        <v>884979.42587675899</v>
      </c>
      <c r="X869" s="53">
        <v>873427.06681605196</v>
      </c>
      <c r="Y869" s="53">
        <v>836922.40175593796</v>
      </c>
      <c r="Z869" s="53">
        <v>2053211.3089661701</v>
      </c>
      <c r="AA869" s="53">
        <v>10885914.792580601</v>
      </c>
      <c r="AB869" s="53">
        <v>750622.00703516696</v>
      </c>
      <c r="AC869" s="53">
        <v>766325.082979823</v>
      </c>
      <c r="AD869" s="53">
        <v>741650.52225153998</v>
      </c>
      <c r="AE869" s="53">
        <v>729154.78171319095</v>
      </c>
      <c r="AF869" s="53">
        <v>708725.77414898796</v>
      </c>
      <c r="AG869" s="53">
        <v>793357.96701257199</v>
      </c>
      <c r="AH869" s="53">
        <v>897202.56272746704</v>
      </c>
      <c r="AI869" s="53">
        <v>911903.18562179303</v>
      </c>
      <c r="AJ869" s="53">
        <v>880683.07380066998</v>
      </c>
      <c r="AK869" s="53">
        <v>843355.98233708995</v>
      </c>
      <c r="AL869" s="53">
        <v>809713.66878631804</v>
      </c>
      <c r="AM869" s="53">
        <v>2174797.5699296799</v>
      </c>
      <c r="AN869" s="53">
        <v>11007492.1783443</v>
      </c>
      <c r="AO869" s="53">
        <v>760473.56079475698</v>
      </c>
      <c r="AP869" s="53">
        <v>776585.45063179696</v>
      </c>
      <c r="AQ869" s="53">
        <v>751728.00782715494</v>
      </c>
      <c r="AR869" s="53">
        <v>739209.95370724099</v>
      </c>
      <c r="AS869" s="53">
        <v>718601.62888689805</v>
      </c>
      <c r="AT869" s="53">
        <v>754151.17753817898</v>
      </c>
      <c r="AU869" s="53">
        <v>817697.932887553</v>
      </c>
      <c r="AV869" s="53">
        <v>845162.50585484703</v>
      </c>
      <c r="AW869" s="53">
        <v>877784.32747573801</v>
      </c>
      <c r="AX869" s="53">
        <v>897126.64379724895</v>
      </c>
      <c r="AY869" s="53">
        <v>859198.17254204804</v>
      </c>
      <c r="AZ869" s="53">
        <v>2325352.27596043</v>
      </c>
      <c r="BA869" s="53">
        <v>11123071.637903901</v>
      </c>
    </row>
    <row r="870" spans="1:53">
      <c r="A870" s="232" t="s">
        <v>4182</v>
      </c>
      <c r="B870" s="53">
        <v>-6851909.7745958799</v>
      </c>
      <c r="C870" s="53">
        <v>-6818919.0581803704</v>
      </c>
      <c r="D870" s="53">
        <v>-6598648.7837999202</v>
      </c>
      <c r="E870" s="53">
        <v>-6106016.11655162</v>
      </c>
      <c r="F870" s="53">
        <v>-4556917.44064245</v>
      </c>
      <c r="G870" s="53">
        <v>-3040906.60484245</v>
      </c>
      <c r="H870" s="53">
        <v>-2192723.4241934302</v>
      </c>
      <c r="I870" s="53">
        <v>-2392245.7878509602</v>
      </c>
      <c r="J870" s="53">
        <v>-2854688.8350692601</v>
      </c>
      <c r="K870" s="53">
        <v>-4059793.65772929</v>
      </c>
      <c r="L870" s="53">
        <v>-5945652.5212460998</v>
      </c>
      <c r="M870" s="53">
        <v>-4499767.0634964397</v>
      </c>
      <c r="N870" s="53">
        <v>-55918189.068198197</v>
      </c>
      <c r="O870" s="53">
        <v>-2442558.6670489698</v>
      </c>
      <c r="P870" s="53">
        <v>-2507506.8759991</v>
      </c>
      <c r="Q870" s="53">
        <v>-2449515.0986677501</v>
      </c>
      <c r="R870" s="53">
        <v>-2427122.26514098</v>
      </c>
      <c r="S870" s="53">
        <v>-2381026.7167579802</v>
      </c>
      <c r="T870" s="53">
        <v>-2648483.5292220898</v>
      </c>
      <c r="U870" s="53">
        <v>-2946175.8771458999</v>
      </c>
      <c r="V870" s="53">
        <v>-2967593.8038905701</v>
      </c>
      <c r="W870" s="53">
        <v>-2970981.9755803598</v>
      </c>
      <c r="X870" s="53">
        <v>-2951740.8933573798</v>
      </c>
      <c r="Y870" s="53">
        <v>-2856511.6515751001</v>
      </c>
      <c r="Z870" s="53">
        <v>-5957339.7778582601</v>
      </c>
      <c r="AA870" s="53">
        <v>-35506557.132244498</v>
      </c>
      <c r="AB870" s="53">
        <v>-2119598.75969338</v>
      </c>
      <c r="AC870" s="53">
        <v>-2182595.7466422399</v>
      </c>
      <c r="AD870" s="53">
        <v>-2140718.7081865799</v>
      </c>
      <c r="AE870" s="53">
        <v>-2135099.80242925</v>
      </c>
      <c r="AF870" s="53">
        <v>-2106502.6490446902</v>
      </c>
      <c r="AG870" s="53">
        <v>-2387763.1326099699</v>
      </c>
      <c r="AH870" s="53">
        <v>-2726014.1505762101</v>
      </c>
      <c r="AI870" s="53">
        <v>-2802091.4422521</v>
      </c>
      <c r="AJ870" s="53">
        <v>-2743316.3600480701</v>
      </c>
      <c r="AK870" s="53">
        <v>-2666967.5209322302</v>
      </c>
      <c r="AL870" s="53">
        <v>-2601892.2785159699</v>
      </c>
      <c r="AM870" s="53">
        <v>-6657262.1800175803</v>
      </c>
      <c r="AN870" s="53">
        <v>-33269822.730948299</v>
      </c>
      <c r="AO870" s="53">
        <v>-2505994.7033545901</v>
      </c>
      <c r="AP870" s="53">
        <v>-2588207.9619871201</v>
      </c>
      <c r="AQ870" s="53">
        <v>-2118675.7966094101</v>
      </c>
      <c r="AR870" s="53">
        <v>-2097419.1524737999</v>
      </c>
      <c r="AS870" s="53">
        <v>-2052526.6175436401</v>
      </c>
      <c r="AT870" s="53">
        <v>-2173246.83144743</v>
      </c>
      <c r="AU870" s="53">
        <v>-2376633.56645532</v>
      </c>
      <c r="AV870" s="53">
        <v>-2473940.1871764502</v>
      </c>
      <c r="AW870" s="53">
        <v>-2586642.0906250002</v>
      </c>
      <c r="AX870" s="53">
        <v>-2660435.4400172899</v>
      </c>
      <c r="AY870" s="53">
        <v>-2565744.25858466</v>
      </c>
      <c r="AZ870" s="53">
        <v>-6901617.7570118997</v>
      </c>
      <c r="BA870" s="53">
        <v>-33101084.3632866</v>
      </c>
    </row>
    <row r="871" spans="1:53">
      <c r="A871" s="52" t="s">
        <v>4183</v>
      </c>
      <c r="B871" s="53"/>
      <c r="C871" s="53"/>
      <c r="D871" s="53"/>
      <c r="E871" s="53"/>
      <c r="F871" s="53"/>
      <c r="G871" s="53"/>
      <c r="H871" s="53"/>
      <c r="I871" s="53"/>
      <c r="J871" s="53"/>
      <c r="K871" s="53"/>
      <c r="L871" s="53"/>
      <c r="M871" s="53"/>
      <c r="N871" s="53"/>
      <c r="O871" s="53"/>
      <c r="P871" s="53"/>
      <c r="Q871" s="53"/>
      <c r="R871" s="53"/>
      <c r="S871" s="53"/>
      <c r="T871" s="53"/>
      <c r="U871" s="53"/>
      <c r="V871" s="53"/>
      <c r="W871" s="53"/>
      <c r="X871" s="53"/>
      <c r="Y871" s="53"/>
      <c r="Z871" s="53"/>
      <c r="AA871" s="53"/>
      <c r="AB871" s="53"/>
      <c r="AC871" s="53"/>
      <c r="AD871" s="53"/>
      <c r="AE871" s="53"/>
      <c r="AF871" s="53"/>
      <c r="AG871" s="53"/>
      <c r="AH871" s="53"/>
      <c r="AI871" s="53"/>
      <c r="AJ871" s="53"/>
      <c r="AK871" s="53"/>
      <c r="AL871" s="53"/>
      <c r="AM871" s="53"/>
      <c r="AN871" s="53"/>
      <c r="AO871" s="53"/>
      <c r="AP871" s="53"/>
      <c r="AQ871" s="53"/>
      <c r="AR871" s="53"/>
      <c r="AS871" s="53"/>
      <c r="AT871" s="53"/>
      <c r="AU871" s="53"/>
      <c r="AV871" s="53"/>
      <c r="AW871" s="53"/>
      <c r="AX871" s="53"/>
      <c r="AY871" s="53"/>
      <c r="AZ871" s="53"/>
      <c r="BA871" s="53"/>
    </row>
    <row r="872" spans="1:53">
      <c r="A872" s="237" t="s">
        <v>4184</v>
      </c>
      <c r="B872" s="53">
        <v>-128516316.481693</v>
      </c>
      <c r="C872" s="53">
        <v>-133495495.313631</v>
      </c>
      <c r="D872" s="53">
        <v>-107211619.445742</v>
      </c>
      <c r="E872" s="53">
        <v>-88138534.727870598</v>
      </c>
      <c r="F872" s="53">
        <v>-104814247.18343499</v>
      </c>
      <c r="G872" s="53">
        <v>-124587860.245841</v>
      </c>
      <c r="H872" s="53">
        <v>-120774646.55356599</v>
      </c>
      <c r="I872" s="53">
        <v>-107407853.46844</v>
      </c>
      <c r="J872" s="53">
        <v>-119264791.66224</v>
      </c>
      <c r="K872" s="53">
        <v>-111199885.06444199</v>
      </c>
      <c r="L872" s="53">
        <v>-106370895.75570001</v>
      </c>
      <c r="M872" s="53">
        <v>-138066906.16427901</v>
      </c>
      <c r="N872" s="53">
        <v>-1389849052.06688</v>
      </c>
      <c r="O872" s="53">
        <v>-123646980.020081</v>
      </c>
      <c r="P872" s="53">
        <v>-101066409.510272</v>
      </c>
      <c r="Q872" s="53">
        <v>-83471921.286698207</v>
      </c>
      <c r="R872" s="53">
        <v>-79083386.351203606</v>
      </c>
      <c r="S872" s="53">
        <v>-102604556.579978</v>
      </c>
      <c r="T872" s="53">
        <v>-120902439.381366</v>
      </c>
      <c r="U872" s="53">
        <v>-131937535.221815</v>
      </c>
      <c r="V872" s="53">
        <v>-135077926.840792</v>
      </c>
      <c r="W872" s="53">
        <v>-115810126.618954</v>
      </c>
      <c r="X872" s="53">
        <v>-103182561.68156999</v>
      </c>
      <c r="Y872" s="53">
        <v>-84982806.011468396</v>
      </c>
      <c r="Z872" s="53">
        <v>-118667790.90447199</v>
      </c>
      <c r="AA872" s="53">
        <v>-1300434440.4086699</v>
      </c>
      <c r="AB872" s="53">
        <v>-126108269.622834</v>
      </c>
      <c r="AC872" s="53">
        <v>-102651703.121272</v>
      </c>
      <c r="AD872" s="53">
        <v>-82966696.185577303</v>
      </c>
      <c r="AE872" s="53">
        <v>-79268906.0035339</v>
      </c>
      <c r="AF872" s="53">
        <v>-104176682.636544</v>
      </c>
      <c r="AG872" s="53">
        <v>-123726193.83205999</v>
      </c>
      <c r="AH872" s="53">
        <v>-135400042.29712999</v>
      </c>
      <c r="AI872" s="53">
        <v>-141443185.879908</v>
      </c>
      <c r="AJ872" s="53">
        <v>-120884047.097808</v>
      </c>
      <c r="AK872" s="53">
        <v>-108995448.957783</v>
      </c>
      <c r="AL872" s="53">
        <v>-89557292.513225302</v>
      </c>
      <c r="AM872" s="53">
        <v>-121209926.301828</v>
      </c>
      <c r="AN872" s="53">
        <v>-1336388394.4495001</v>
      </c>
      <c r="AO872" s="53">
        <v>-129668857.939032</v>
      </c>
      <c r="AP872" s="53">
        <v>-106770522.84553801</v>
      </c>
      <c r="AQ872" s="53">
        <v>-88083016.326486707</v>
      </c>
      <c r="AR872" s="53">
        <v>-84121821.460197002</v>
      </c>
      <c r="AS872" s="53">
        <v>-106450091.806768</v>
      </c>
      <c r="AT872" s="53">
        <v>-125319414.391499</v>
      </c>
      <c r="AU872" s="53">
        <v>-136127408.37190601</v>
      </c>
      <c r="AV872" s="53">
        <v>-143566281.155224</v>
      </c>
      <c r="AW872" s="53">
        <v>-122150540.98023801</v>
      </c>
      <c r="AX872" s="53">
        <v>-109057118.128519</v>
      </c>
      <c r="AY872" s="53">
        <v>-83393677.050330803</v>
      </c>
      <c r="AZ872" s="53">
        <v>-121478763.262826</v>
      </c>
      <c r="BA872" s="53">
        <v>-1356187513.71857</v>
      </c>
    </row>
    <row r="873" spans="1:53">
      <c r="A873" s="52" t="s">
        <v>3381</v>
      </c>
      <c r="B873" s="53"/>
      <c r="C873" s="53"/>
      <c r="D873" s="53"/>
      <c r="E873" s="53"/>
      <c r="F873" s="53"/>
      <c r="G873" s="53"/>
      <c r="H873" s="53"/>
      <c r="I873" s="53"/>
      <c r="J873" s="53"/>
      <c r="K873" s="53"/>
      <c r="L873" s="53"/>
      <c r="M873" s="53"/>
      <c r="N873" s="53"/>
      <c r="O873" s="53"/>
      <c r="P873" s="53"/>
      <c r="Q873" s="53"/>
      <c r="R873" s="53"/>
      <c r="S873" s="53"/>
      <c r="T873" s="53"/>
      <c r="U873" s="53"/>
      <c r="V873" s="53"/>
      <c r="W873" s="53"/>
      <c r="X873" s="53"/>
      <c r="Y873" s="53"/>
      <c r="Z873" s="53"/>
      <c r="AA873" s="53"/>
      <c r="AB873" s="53"/>
      <c r="AC873" s="53"/>
      <c r="AD873" s="53"/>
      <c r="AE873" s="53"/>
      <c r="AF873" s="53"/>
      <c r="AG873" s="53"/>
      <c r="AH873" s="53"/>
      <c r="AI873" s="53"/>
      <c r="AJ873" s="53"/>
      <c r="AK873" s="53"/>
      <c r="AL873" s="53"/>
      <c r="AM873" s="53"/>
      <c r="AN873" s="53"/>
      <c r="AO873" s="53"/>
      <c r="AP873" s="53"/>
      <c r="AQ873" s="53"/>
      <c r="AR873" s="53"/>
      <c r="AS873" s="53"/>
      <c r="AT873" s="53"/>
      <c r="AU873" s="53"/>
      <c r="AV873" s="53"/>
      <c r="AW873" s="53"/>
      <c r="AX873" s="53"/>
      <c r="AY873" s="53"/>
      <c r="AZ873" s="53"/>
      <c r="BA873" s="53"/>
    </row>
    <row r="874" spans="1:53" ht="10.8" thickBot="1">
      <c r="A874" s="230" t="s">
        <v>4185</v>
      </c>
      <c r="B874" s="53"/>
      <c r="C874" s="53"/>
      <c r="D874" s="53"/>
      <c r="E874" s="53"/>
      <c r="F874" s="53"/>
      <c r="G874" s="53"/>
      <c r="H874" s="53"/>
      <c r="I874" s="53"/>
      <c r="J874" s="53"/>
      <c r="K874" s="53"/>
      <c r="L874" s="53"/>
      <c r="M874" s="53"/>
      <c r="N874" s="53"/>
      <c r="O874" s="53"/>
      <c r="P874" s="53"/>
      <c r="Q874" s="53"/>
      <c r="R874" s="53"/>
      <c r="S874" s="53"/>
      <c r="T874" s="53"/>
      <c r="U874" s="53"/>
      <c r="V874" s="53"/>
      <c r="W874" s="53"/>
      <c r="X874" s="53"/>
      <c r="Y874" s="53"/>
      <c r="Z874" s="53"/>
      <c r="AA874" s="53"/>
      <c r="AB874" s="53"/>
      <c r="AC874" s="53"/>
      <c r="AD874" s="53"/>
      <c r="AE874" s="53"/>
      <c r="AF874" s="53"/>
      <c r="AG874" s="53"/>
      <c r="AH874" s="53"/>
      <c r="AI874" s="53"/>
      <c r="AJ874" s="53"/>
      <c r="AK874" s="53"/>
      <c r="AL874" s="53"/>
      <c r="AM874" s="53"/>
      <c r="AN874" s="53"/>
      <c r="AO874" s="53"/>
      <c r="AP874" s="53"/>
      <c r="AQ874" s="53"/>
      <c r="AR874" s="53"/>
      <c r="AS874" s="53"/>
      <c r="AT874" s="53"/>
      <c r="AU874" s="53"/>
      <c r="AV874" s="53"/>
      <c r="AW874" s="53"/>
      <c r="AX874" s="53"/>
      <c r="AY874" s="53"/>
      <c r="AZ874" s="53"/>
      <c r="BA874" s="53"/>
    </row>
    <row r="875" spans="1:53">
      <c r="A875" s="52" t="s">
        <v>4186</v>
      </c>
      <c r="B875" s="53"/>
      <c r="C875" s="53"/>
      <c r="D875" s="53"/>
      <c r="E875" s="53"/>
      <c r="F875" s="53"/>
      <c r="G875" s="53"/>
      <c r="H875" s="53"/>
      <c r="I875" s="53"/>
      <c r="J875" s="53"/>
      <c r="K875" s="53"/>
      <c r="L875" s="53"/>
      <c r="M875" s="53"/>
      <c r="N875" s="53"/>
      <c r="O875" s="53"/>
      <c r="P875" s="53"/>
      <c r="Q875" s="53"/>
      <c r="R875" s="53"/>
      <c r="S875" s="53"/>
      <c r="T875" s="53"/>
      <c r="U875" s="53"/>
      <c r="V875" s="53"/>
      <c r="W875" s="53"/>
      <c r="X875" s="53"/>
      <c r="Y875" s="53"/>
      <c r="Z875" s="53"/>
      <c r="AA875" s="53"/>
      <c r="AB875" s="53"/>
      <c r="AC875" s="53"/>
      <c r="AD875" s="53"/>
      <c r="AE875" s="53"/>
      <c r="AF875" s="53"/>
      <c r="AG875" s="53"/>
      <c r="AH875" s="53"/>
      <c r="AI875" s="53"/>
      <c r="AJ875" s="53"/>
      <c r="AK875" s="53"/>
      <c r="AL875" s="53"/>
      <c r="AM875" s="53"/>
      <c r="AN875" s="53"/>
      <c r="AO875" s="53"/>
      <c r="AP875" s="53"/>
      <c r="AQ875" s="53"/>
      <c r="AR875" s="53"/>
      <c r="AS875" s="53"/>
      <c r="AT875" s="53"/>
      <c r="AU875" s="53"/>
      <c r="AV875" s="53"/>
      <c r="AW875" s="53"/>
      <c r="AX875" s="53"/>
      <c r="AY875" s="53"/>
      <c r="AZ875" s="53"/>
      <c r="BA875" s="53"/>
    </row>
    <row r="876" spans="1:53">
      <c r="A876" s="52" t="s">
        <v>4187</v>
      </c>
      <c r="B876" s="53">
        <v>0</v>
      </c>
      <c r="C876" s="53">
        <v>0</v>
      </c>
      <c r="D876" s="53">
        <v>0</v>
      </c>
      <c r="E876" s="53">
        <v>0</v>
      </c>
      <c r="F876" s="53">
        <v>0</v>
      </c>
      <c r="G876" s="53">
        <v>0</v>
      </c>
      <c r="H876" s="53">
        <v>0</v>
      </c>
      <c r="I876" s="53">
        <v>0</v>
      </c>
      <c r="J876" s="53">
        <v>0</v>
      </c>
      <c r="K876" s="53">
        <v>0</v>
      </c>
      <c r="L876" s="53">
        <v>0</v>
      </c>
      <c r="M876" s="53">
        <v>0</v>
      </c>
      <c r="N876" s="53">
        <v>0</v>
      </c>
      <c r="O876" s="53">
        <v>0</v>
      </c>
      <c r="P876" s="53">
        <v>0</v>
      </c>
      <c r="Q876" s="53">
        <v>0</v>
      </c>
      <c r="R876" s="53">
        <v>0</v>
      </c>
      <c r="S876" s="53">
        <v>0</v>
      </c>
      <c r="T876" s="53">
        <v>0</v>
      </c>
      <c r="U876" s="53">
        <v>0</v>
      </c>
      <c r="V876" s="53">
        <v>0</v>
      </c>
      <c r="W876" s="53">
        <v>0</v>
      </c>
      <c r="X876" s="53">
        <v>0</v>
      </c>
      <c r="Y876" s="53">
        <v>0</v>
      </c>
      <c r="Z876" s="53">
        <v>0</v>
      </c>
      <c r="AA876" s="53">
        <v>0</v>
      </c>
      <c r="AB876" s="53">
        <v>0</v>
      </c>
      <c r="AC876" s="53">
        <v>0</v>
      </c>
      <c r="AD876" s="53">
        <v>0</v>
      </c>
      <c r="AE876" s="53">
        <v>0</v>
      </c>
      <c r="AF876" s="53">
        <v>0</v>
      </c>
      <c r="AG876" s="53">
        <v>0</v>
      </c>
      <c r="AH876" s="53">
        <v>0</v>
      </c>
      <c r="AI876" s="53">
        <v>0</v>
      </c>
      <c r="AJ876" s="53">
        <v>0</v>
      </c>
      <c r="AK876" s="53">
        <v>0</v>
      </c>
      <c r="AL876" s="53">
        <v>0</v>
      </c>
      <c r="AM876" s="53">
        <v>0</v>
      </c>
      <c r="AN876" s="53">
        <v>0</v>
      </c>
      <c r="AO876" s="53">
        <v>0</v>
      </c>
      <c r="AP876" s="53">
        <v>0</v>
      </c>
      <c r="AQ876" s="53">
        <v>0</v>
      </c>
      <c r="AR876" s="53">
        <v>0</v>
      </c>
      <c r="AS876" s="53">
        <v>0</v>
      </c>
      <c r="AT876" s="53">
        <v>0</v>
      </c>
      <c r="AU876" s="53">
        <v>0</v>
      </c>
      <c r="AV876" s="53">
        <v>0</v>
      </c>
      <c r="AW876" s="53">
        <v>0</v>
      </c>
      <c r="AX876" s="53">
        <v>0</v>
      </c>
      <c r="AY876" s="53">
        <v>0</v>
      </c>
      <c r="AZ876" s="53">
        <v>0</v>
      </c>
      <c r="BA876" s="53">
        <v>0</v>
      </c>
    </row>
    <row r="877" spans="1:53">
      <c r="A877" s="52" t="s">
        <v>4188</v>
      </c>
      <c r="B877" s="53">
        <v>0</v>
      </c>
      <c r="C877" s="53">
        <v>0</v>
      </c>
      <c r="D877" s="53">
        <v>0</v>
      </c>
      <c r="E877" s="53">
        <v>0</v>
      </c>
      <c r="F877" s="53">
        <v>0</v>
      </c>
      <c r="G877" s="53">
        <v>0</v>
      </c>
      <c r="H877" s="53">
        <v>0</v>
      </c>
      <c r="I877" s="53">
        <v>0</v>
      </c>
      <c r="J877" s="53">
        <v>0</v>
      </c>
      <c r="K877" s="53">
        <v>0</v>
      </c>
      <c r="L877" s="53">
        <v>0</v>
      </c>
      <c r="M877" s="53">
        <v>0</v>
      </c>
      <c r="N877" s="53">
        <v>0</v>
      </c>
      <c r="O877" s="53">
        <v>0</v>
      </c>
      <c r="P877" s="53">
        <v>0</v>
      </c>
      <c r="Q877" s="53">
        <v>0</v>
      </c>
      <c r="R877" s="53">
        <v>0</v>
      </c>
      <c r="S877" s="53">
        <v>0</v>
      </c>
      <c r="T877" s="53">
        <v>0</v>
      </c>
      <c r="U877" s="53">
        <v>0</v>
      </c>
      <c r="V877" s="53">
        <v>0</v>
      </c>
      <c r="W877" s="53">
        <v>0</v>
      </c>
      <c r="X877" s="53">
        <v>0</v>
      </c>
      <c r="Y877" s="53">
        <v>0</v>
      </c>
      <c r="Z877" s="53">
        <v>0</v>
      </c>
      <c r="AA877" s="53">
        <v>0</v>
      </c>
      <c r="AB877" s="53">
        <v>0</v>
      </c>
      <c r="AC877" s="53">
        <v>0</v>
      </c>
      <c r="AD877" s="53">
        <v>0</v>
      </c>
      <c r="AE877" s="53">
        <v>0</v>
      </c>
      <c r="AF877" s="53">
        <v>0</v>
      </c>
      <c r="AG877" s="53">
        <v>0</v>
      </c>
      <c r="AH877" s="53">
        <v>0</v>
      </c>
      <c r="AI877" s="53">
        <v>0</v>
      </c>
      <c r="AJ877" s="53">
        <v>0</v>
      </c>
      <c r="AK877" s="53">
        <v>0</v>
      </c>
      <c r="AL877" s="53">
        <v>0</v>
      </c>
      <c r="AM877" s="53">
        <v>0</v>
      </c>
      <c r="AN877" s="53">
        <v>0</v>
      </c>
      <c r="AO877" s="53">
        <v>0</v>
      </c>
      <c r="AP877" s="53">
        <v>0</v>
      </c>
      <c r="AQ877" s="53">
        <v>0</v>
      </c>
      <c r="AR877" s="53">
        <v>0</v>
      </c>
      <c r="AS877" s="53">
        <v>0</v>
      </c>
      <c r="AT877" s="53">
        <v>0</v>
      </c>
      <c r="AU877" s="53">
        <v>0</v>
      </c>
      <c r="AV877" s="53">
        <v>0</v>
      </c>
      <c r="AW877" s="53">
        <v>0</v>
      </c>
      <c r="AX877" s="53">
        <v>0</v>
      </c>
      <c r="AY877" s="53">
        <v>0</v>
      </c>
      <c r="AZ877" s="53">
        <v>0</v>
      </c>
      <c r="BA877" s="53">
        <v>0</v>
      </c>
    </row>
    <row r="878" spans="1:53">
      <c r="A878" s="52" t="s">
        <v>4189</v>
      </c>
      <c r="B878" s="53">
        <v>33808312.147120401</v>
      </c>
      <c r="C878" s="53">
        <v>33808312.147120401</v>
      </c>
      <c r="D878" s="53">
        <v>33808312.147120401</v>
      </c>
      <c r="E878" s="53">
        <v>32243867.702675998</v>
      </c>
      <c r="F878" s="53">
        <v>30874978.813787099</v>
      </c>
      <c r="G878" s="53">
        <v>30874978.813787099</v>
      </c>
      <c r="H878" s="53">
        <v>30874978.813787099</v>
      </c>
      <c r="I878" s="53">
        <v>33971254.066312298</v>
      </c>
      <c r="J878" s="53">
        <v>35041645.480453797</v>
      </c>
      <c r="K878" s="53">
        <v>35041645.480453797</v>
      </c>
      <c r="L878" s="53">
        <v>35041645.480453797</v>
      </c>
      <c r="M878" s="53">
        <v>35041645.480453797</v>
      </c>
      <c r="N878" s="53">
        <v>400431576.57352602</v>
      </c>
      <c r="O878" s="53">
        <v>34885395.480453797</v>
      </c>
      <c r="P878" s="53">
        <v>34885395.480453797</v>
      </c>
      <c r="Q878" s="53">
        <v>34885395.480453797</v>
      </c>
      <c r="R878" s="53">
        <v>34885395.480453797</v>
      </c>
      <c r="S878" s="53">
        <v>34885395.480453797</v>
      </c>
      <c r="T878" s="53">
        <v>37058777.572652303</v>
      </c>
      <c r="U878" s="53">
        <v>37802062.147120401</v>
      </c>
      <c r="V878" s="53">
        <v>37802062.147120401</v>
      </c>
      <c r="W878" s="53">
        <v>37802062.147120401</v>
      </c>
      <c r="X878" s="53">
        <v>37802062.147120401</v>
      </c>
      <c r="Y878" s="53">
        <v>37802062.147120401</v>
      </c>
      <c r="Z878" s="53">
        <v>37802062.147120401</v>
      </c>
      <c r="AA878" s="53">
        <v>438298127.85764402</v>
      </c>
      <c r="AB878" s="53">
        <v>37781228.813787103</v>
      </c>
      <c r="AC878" s="53">
        <v>37781228.813787103</v>
      </c>
      <c r="AD878" s="53">
        <v>37781228.813787103</v>
      </c>
      <c r="AE878" s="53">
        <v>37781228.813787103</v>
      </c>
      <c r="AF878" s="53">
        <v>37781228.813787103</v>
      </c>
      <c r="AG878" s="53">
        <v>39802209.716564901</v>
      </c>
      <c r="AH878" s="53">
        <v>40489562.147120401</v>
      </c>
      <c r="AI878" s="53">
        <v>40489562.147120401</v>
      </c>
      <c r="AJ878" s="53">
        <v>40489562.147120401</v>
      </c>
      <c r="AK878" s="53">
        <v>40489562.147120401</v>
      </c>
      <c r="AL878" s="53">
        <v>40489562.147120401</v>
      </c>
      <c r="AM878" s="53">
        <v>40489562.147120401</v>
      </c>
      <c r="AN878" s="53">
        <v>471645726.66822302</v>
      </c>
      <c r="AO878" s="53">
        <v>39633312.147120401</v>
      </c>
      <c r="AP878" s="53">
        <v>38766645.480453797</v>
      </c>
      <c r="AQ878" s="53">
        <v>38766645.480453797</v>
      </c>
      <c r="AR878" s="53">
        <v>38766645.480453797</v>
      </c>
      <c r="AS878" s="53">
        <v>38766645.480453797</v>
      </c>
      <c r="AT878" s="53">
        <v>42718698.176532201</v>
      </c>
      <c r="AU878" s="53">
        <v>44079145.480453797</v>
      </c>
      <c r="AV878" s="53">
        <v>44079145.480453797</v>
      </c>
      <c r="AW878" s="53">
        <v>44079145.480453797</v>
      </c>
      <c r="AX878" s="53">
        <v>44079145.480453797</v>
      </c>
      <c r="AY878" s="53">
        <v>44079145.480453797</v>
      </c>
      <c r="AZ878" s="53">
        <v>44079145.480453797</v>
      </c>
      <c r="BA878" s="53">
        <v>501893465.12818998</v>
      </c>
    </row>
    <row r="879" spans="1:53">
      <c r="A879" s="52" t="s">
        <v>4190</v>
      </c>
      <c r="B879" s="53">
        <v>33808312.147120401</v>
      </c>
      <c r="C879" s="53">
        <v>33808312.147120401</v>
      </c>
      <c r="D879" s="53">
        <v>33808312.147120401</v>
      </c>
      <c r="E879" s="53">
        <v>32243867.702675998</v>
      </c>
      <c r="F879" s="53">
        <v>30874978.813787099</v>
      </c>
      <c r="G879" s="53">
        <v>30874978.813787099</v>
      </c>
      <c r="H879" s="53">
        <v>30874978.813787099</v>
      </c>
      <c r="I879" s="53">
        <v>33971254.066312298</v>
      </c>
      <c r="J879" s="53">
        <v>35041645.480453797</v>
      </c>
      <c r="K879" s="53">
        <v>35041645.480453797</v>
      </c>
      <c r="L879" s="53">
        <v>35041645.480453797</v>
      </c>
      <c r="M879" s="53">
        <v>35041645.480453797</v>
      </c>
      <c r="N879" s="53">
        <v>400431576.57352602</v>
      </c>
      <c r="O879" s="53">
        <v>34885395.480453797</v>
      </c>
      <c r="P879" s="53">
        <v>34885395.480453797</v>
      </c>
      <c r="Q879" s="53">
        <v>34885395.480453797</v>
      </c>
      <c r="R879" s="53">
        <v>34885395.480453797</v>
      </c>
      <c r="S879" s="53">
        <v>34885395.480453797</v>
      </c>
      <c r="T879" s="53">
        <v>37058777.572652303</v>
      </c>
      <c r="U879" s="53">
        <v>37802062.147120401</v>
      </c>
      <c r="V879" s="53">
        <v>37802062.147120401</v>
      </c>
      <c r="W879" s="53">
        <v>37802062.147120401</v>
      </c>
      <c r="X879" s="53">
        <v>37802062.147120401</v>
      </c>
      <c r="Y879" s="53">
        <v>37802062.147120401</v>
      </c>
      <c r="Z879" s="53">
        <v>37802062.147120401</v>
      </c>
      <c r="AA879" s="53">
        <v>438298127.85764402</v>
      </c>
      <c r="AB879" s="53">
        <v>37781228.813787103</v>
      </c>
      <c r="AC879" s="53">
        <v>37781228.813787103</v>
      </c>
      <c r="AD879" s="53">
        <v>37781228.813787103</v>
      </c>
      <c r="AE879" s="53">
        <v>37781228.813787103</v>
      </c>
      <c r="AF879" s="53">
        <v>37781228.813787103</v>
      </c>
      <c r="AG879" s="53">
        <v>39802209.716564901</v>
      </c>
      <c r="AH879" s="53">
        <v>40489562.147120401</v>
      </c>
      <c r="AI879" s="53">
        <v>40489562.147120401</v>
      </c>
      <c r="AJ879" s="53">
        <v>40489562.147120401</v>
      </c>
      <c r="AK879" s="53">
        <v>40489562.147120401</v>
      </c>
      <c r="AL879" s="53">
        <v>40489562.147120401</v>
      </c>
      <c r="AM879" s="53">
        <v>40489562.147120401</v>
      </c>
      <c r="AN879" s="53">
        <v>471645726.66822302</v>
      </c>
      <c r="AO879" s="53">
        <v>39633312.147120401</v>
      </c>
      <c r="AP879" s="53">
        <v>38766645.480453797</v>
      </c>
      <c r="AQ879" s="53">
        <v>38766645.480453797</v>
      </c>
      <c r="AR879" s="53">
        <v>38766645.480453797</v>
      </c>
      <c r="AS879" s="53">
        <v>38766645.480453797</v>
      </c>
      <c r="AT879" s="53">
        <v>42718698.176532201</v>
      </c>
      <c r="AU879" s="53">
        <v>44079145.480453797</v>
      </c>
      <c r="AV879" s="53">
        <v>44079145.480453797</v>
      </c>
      <c r="AW879" s="53">
        <v>44079145.480453797</v>
      </c>
      <c r="AX879" s="53">
        <v>44079145.480453797</v>
      </c>
      <c r="AY879" s="53">
        <v>44079145.480453797</v>
      </c>
      <c r="AZ879" s="53">
        <v>44079145.480453797</v>
      </c>
      <c r="BA879" s="53">
        <v>501893465.12818998</v>
      </c>
    </row>
    <row r="880" spans="1:53">
      <c r="A880" s="52" t="s">
        <v>4191</v>
      </c>
      <c r="B880" s="53"/>
      <c r="C880" s="53"/>
      <c r="D880" s="53"/>
      <c r="E880" s="53"/>
      <c r="F880" s="53"/>
      <c r="G880" s="53"/>
      <c r="H880" s="53"/>
      <c r="I880" s="53"/>
      <c r="J880" s="53"/>
      <c r="K880" s="53"/>
      <c r="L880" s="53"/>
      <c r="M880" s="53"/>
      <c r="N880" s="53"/>
      <c r="O880" s="53"/>
      <c r="P880" s="53"/>
      <c r="Q880" s="53"/>
      <c r="R880" s="53"/>
      <c r="S880" s="53"/>
      <c r="T880" s="53"/>
      <c r="U880" s="53"/>
      <c r="V880" s="53"/>
      <c r="W880" s="53"/>
      <c r="X880" s="53"/>
      <c r="Y880" s="53"/>
      <c r="Z880" s="53"/>
      <c r="AA880" s="53"/>
      <c r="AB880" s="53"/>
      <c r="AC880" s="53"/>
      <c r="AD880" s="53"/>
      <c r="AE880" s="53"/>
      <c r="AF880" s="53"/>
      <c r="AG880" s="53"/>
      <c r="AH880" s="53"/>
      <c r="AI880" s="53"/>
      <c r="AJ880" s="53"/>
      <c r="AK880" s="53"/>
      <c r="AL880" s="53"/>
      <c r="AM880" s="53"/>
      <c r="AN880" s="53"/>
      <c r="AO880" s="53"/>
      <c r="AP880" s="53"/>
      <c r="AQ880" s="53"/>
      <c r="AR880" s="53"/>
      <c r="AS880" s="53"/>
      <c r="AT880" s="53"/>
      <c r="AU880" s="53"/>
      <c r="AV880" s="53"/>
      <c r="AW880" s="53"/>
      <c r="AX880" s="53"/>
      <c r="AY880" s="53"/>
      <c r="AZ880" s="53"/>
      <c r="BA880" s="53"/>
    </row>
    <row r="881" spans="1:53">
      <c r="A881" s="52" t="s">
        <v>4192</v>
      </c>
      <c r="B881" s="53">
        <v>0</v>
      </c>
      <c r="C881" s="53">
        <v>0</v>
      </c>
      <c r="D881" s="53">
        <v>0</v>
      </c>
      <c r="E881" s="53">
        <v>0</v>
      </c>
      <c r="F881" s="53">
        <v>0</v>
      </c>
      <c r="G881" s="53">
        <v>0</v>
      </c>
      <c r="H881" s="53">
        <v>0</v>
      </c>
      <c r="I881" s="53">
        <v>0</v>
      </c>
      <c r="J881" s="53">
        <v>0</v>
      </c>
      <c r="K881" s="53">
        <v>0</v>
      </c>
      <c r="L881" s="53">
        <v>0</v>
      </c>
      <c r="M881" s="53">
        <v>0</v>
      </c>
      <c r="N881" s="53">
        <v>0</v>
      </c>
      <c r="O881" s="53">
        <v>0</v>
      </c>
      <c r="P881" s="53">
        <v>0</v>
      </c>
      <c r="Q881" s="53">
        <v>0</v>
      </c>
      <c r="R881" s="53">
        <v>0</v>
      </c>
      <c r="S881" s="53">
        <v>0</v>
      </c>
      <c r="T881" s="53">
        <v>0</v>
      </c>
      <c r="U881" s="53">
        <v>0</v>
      </c>
      <c r="V881" s="53">
        <v>0</v>
      </c>
      <c r="W881" s="53">
        <v>0</v>
      </c>
      <c r="X881" s="53">
        <v>0</v>
      </c>
      <c r="Y881" s="53">
        <v>0</v>
      </c>
      <c r="Z881" s="53">
        <v>0</v>
      </c>
      <c r="AA881" s="53">
        <v>0</v>
      </c>
      <c r="AB881" s="53">
        <v>0</v>
      </c>
      <c r="AC881" s="53">
        <v>0</v>
      </c>
      <c r="AD881" s="53">
        <v>0</v>
      </c>
      <c r="AE881" s="53">
        <v>0</v>
      </c>
      <c r="AF881" s="53">
        <v>0</v>
      </c>
      <c r="AG881" s="53">
        <v>0</v>
      </c>
      <c r="AH881" s="53">
        <v>0</v>
      </c>
      <c r="AI881" s="53">
        <v>0</v>
      </c>
      <c r="AJ881" s="53">
        <v>0</v>
      </c>
      <c r="AK881" s="53">
        <v>0</v>
      </c>
      <c r="AL881" s="53">
        <v>0</v>
      </c>
      <c r="AM881" s="53">
        <v>0</v>
      </c>
      <c r="AN881" s="53">
        <v>0</v>
      </c>
      <c r="AO881" s="53">
        <v>0</v>
      </c>
      <c r="AP881" s="53">
        <v>0</v>
      </c>
      <c r="AQ881" s="53">
        <v>0</v>
      </c>
      <c r="AR881" s="53">
        <v>0</v>
      </c>
      <c r="AS881" s="53">
        <v>0</v>
      </c>
      <c r="AT881" s="53">
        <v>0</v>
      </c>
      <c r="AU881" s="53">
        <v>0</v>
      </c>
      <c r="AV881" s="53">
        <v>0</v>
      </c>
      <c r="AW881" s="53">
        <v>0</v>
      </c>
      <c r="AX881" s="53">
        <v>0</v>
      </c>
      <c r="AY881" s="53">
        <v>0</v>
      </c>
      <c r="AZ881" s="53">
        <v>0</v>
      </c>
      <c r="BA881" s="53">
        <v>0</v>
      </c>
    </row>
    <row r="882" spans="1:53">
      <c r="A882" s="52" t="s">
        <v>4193</v>
      </c>
      <c r="B882" s="53">
        <v>618789.75451735198</v>
      </c>
      <c r="C882" s="53">
        <v>618789.75451735198</v>
      </c>
      <c r="D882" s="53">
        <v>618789.75451735198</v>
      </c>
      <c r="E882" s="53">
        <v>629437.90266549995</v>
      </c>
      <c r="F882" s="53">
        <v>629437.90266549995</v>
      </c>
      <c r="G882" s="53">
        <v>629437.90266549995</v>
      </c>
      <c r="H882" s="53">
        <v>629437.90266549995</v>
      </c>
      <c r="I882" s="53">
        <v>629437.90266549995</v>
      </c>
      <c r="J882" s="53">
        <v>629437.90266549995</v>
      </c>
      <c r="K882" s="53">
        <v>629437.90266549995</v>
      </c>
      <c r="L882" s="53">
        <v>629437.90266549995</v>
      </c>
      <c r="M882" s="53">
        <v>629437.90266549995</v>
      </c>
      <c r="N882" s="53">
        <v>7521310.3875415605</v>
      </c>
      <c r="O882" s="53">
        <v>629437.90266549995</v>
      </c>
      <c r="P882" s="53">
        <v>629437.90266549995</v>
      </c>
      <c r="Q882" s="53">
        <v>629437.90266549995</v>
      </c>
      <c r="R882" s="53">
        <v>640086.05081364803</v>
      </c>
      <c r="S882" s="53">
        <v>640086.05081364803</v>
      </c>
      <c r="T882" s="53">
        <v>640086.05081364803</v>
      </c>
      <c r="U882" s="53">
        <v>640086.05081364803</v>
      </c>
      <c r="V882" s="53">
        <v>640086.05081364803</v>
      </c>
      <c r="W882" s="53">
        <v>640086.05081364803</v>
      </c>
      <c r="X882" s="53">
        <v>640086.05081364803</v>
      </c>
      <c r="Y882" s="53">
        <v>640086.05081364803</v>
      </c>
      <c r="Z882" s="53">
        <v>640086.05081364803</v>
      </c>
      <c r="AA882" s="53">
        <v>7649088.1653193301</v>
      </c>
      <c r="AB882" s="53">
        <v>637621.86203796405</v>
      </c>
      <c r="AC882" s="53">
        <v>637621.86203796405</v>
      </c>
      <c r="AD882" s="53">
        <v>637621.86203796405</v>
      </c>
      <c r="AE882" s="53">
        <v>648270.01018611202</v>
      </c>
      <c r="AF882" s="53">
        <v>648270.01018611202</v>
      </c>
      <c r="AG882" s="53">
        <v>648270.01018611202</v>
      </c>
      <c r="AH882" s="53">
        <v>648270.01018611202</v>
      </c>
      <c r="AI882" s="53">
        <v>648270.01018611202</v>
      </c>
      <c r="AJ882" s="53">
        <v>648270.01018611202</v>
      </c>
      <c r="AK882" s="53">
        <v>648270.01018611202</v>
      </c>
      <c r="AL882" s="53">
        <v>648270.01018611202</v>
      </c>
      <c r="AM882" s="53">
        <v>648270.01018611202</v>
      </c>
      <c r="AN882" s="53">
        <v>7747295.6777889002</v>
      </c>
      <c r="AO882" s="53">
        <v>613047.83192150702</v>
      </c>
      <c r="AP882" s="53">
        <v>586727.945323569</v>
      </c>
      <c r="AQ882" s="53">
        <v>586727.945323569</v>
      </c>
      <c r="AR882" s="53">
        <v>597376.09347171697</v>
      </c>
      <c r="AS882" s="53">
        <v>597376.09347171697</v>
      </c>
      <c r="AT882" s="53">
        <v>597376.09347171697</v>
      </c>
      <c r="AU882" s="53">
        <v>550376.09347171697</v>
      </c>
      <c r="AV882" s="53">
        <v>550376.09347171697</v>
      </c>
      <c r="AW882" s="53">
        <v>550376.09347171697</v>
      </c>
      <c r="AX882" s="53">
        <v>550376.09347171697</v>
      </c>
      <c r="AY882" s="53">
        <v>550376.09347171697</v>
      </c>
      <c r="AZ882" s="53">
        <v>550376.09347171697</v>
      </c>
      <c r="BA882" s="53">
        <v>6880888.5638140999</v>
      </c>
    </row>
    <row r="883" spans="1:53">
      <c r="A883" s="52" t="s">
        <v>4194</v>
      </c>
      <c r="B883" s="53">
        <v>0</v>
      </c>
      <c r="C883" s="53">
        <v>0</v>
      </c>
      <c r="D883" s="53">
        <v>0</v>
      </c>
      <c r="E883" s="53">
        <v>0</v>
      </c>
      <c r="F883" s="53">
        <v>0</v>
      </c>
      <c r="G883" s="53">
        <v>0</v>
      </c>
      <c r="H883" s="53">
        <v>0</v>
      </c>
      <c r="I883" s="53">
        <v>0</v>
      </c>
      <c r="J883" s="53">
        <v>0</v>
      </c>
      <c r="K883" s="53">
        <v>0</v>
      </c>
      <c r="L883" s="53">
        <v>0</v>
      </c>
      <c r="M883" s="53">
        <v>0</v>
      </c>
      <c r="N883" s="53">
        <v>0</v>
      </c>
      <c r="O883" s="53">
        <v>0</v>
      </c>
      <c r="P883" s="53">
        <v>0</v>
      </c>
      <c r="Q883" s="53">
        <v>0</v>
      </c>
      <c r="R883" s="53">
        <v>0</v>
      </c>
      <c r="S883" s="53">
        <v>0</v>
      </c>
      <c r="T883" s="53">
        <v>0</v>
      </c>
      <c r="U883" s="53">
        <v>0</v>
      </c>
      <c r="V883" s="53">
        <v>0</v>
      </c>
      <c r="W883" s="53">
        <v>0</v>
      </c>
      <c r="X883" s="53">
        <v>0</v>
      </c>
      <c r="Y883" s="53">
        <v>0</v>
      </c>
      <c r="Z883" s="53">
        <v>0</v>
      </c>
      <c r="AA883" s="53">
        <v>0</v>
      </c>
      <c r="AB883" s="53">
        <v>0</v>
      </c>
      <c r="AC883" s="53">
        <v>0</v>
      </c>
      <c r="AD883" s="53">
        <v>0</v>
      </c>
      <c r="AE883" s="53">
        <v>0</v>
      </c>
      <c r="AF883" s="53">
        <v>0</v>
      </c>
      <c r="AG883" s="53">
        <v>0</v>
      </c>
      <c r="AH883" s="53">
        <v>0</v>
      </c>
      <c r="AI883" s="53">
        <v>0</v>
      </c>
      <c r="AJ883" s="53">
        <v>0</v>
      </c>
      <c r="AK883" s="53">
        <v>0</v>
      </c>
      <c r="AL883" s="53">
        <v>0</v>
      </c>
      <c r="AM883" s="53">
        <v>0</v>
      </c>
      <c r="AN883" s="53">
        <v>0</v>
      </c>
      <c r="AO883" s="53">
        <v>0</v>
      </c>
      <c r="AP883" s="53">
        <v>0</v>
      </c>
      <c r="AQ883" s="53">
        <v>0</v>
      </c>
      <c r="AR883" s="53">
        <v>0</v>
      </c>
      <c r="AS883" s="53">
        <v>0</v>
      </c>
      <c r="AT883" s="53">
        <v>0</v>
      </c>
      <c r="AU883" s="53">
        <v>0</v>
      </c>
      <c r="AV883" s="53">
        <v>0</v>
      </c>
      <c r="AW883" s="53">
        <v>0</v>
      </c>
      <c r="AX883" s="53">
        <v>0</v>
      </c>
      <c r="AY883" s="53">
        <v>0</v>
      </c>
      <c r="AZ883" s="53">
        <v>0</v>
      </c>
      <c r="BA883" s="53">
        <v>0</v>
      </c>
    </row>
    <row r="884" spans="1:53">
      <c r="A884" s="52" t="s">
        <v>4195</v>
      </c>
      <c r="B884" s="53">
        <v>0</v>
      </c>
      <c r="C884" s="53">
        <v>0</v>
      </c>
      <c r="D884" s="53">
        <v>0</v>
      </c>
      <c r="E884" s="53">
        <v>0</v>
      </c>
      <c r="F884" s="53">
        <v>0</v>
      </c>
      <c r="G884" s="53">
        <v>0</v>
      </c>
      <c r="H884" s="53">
        <v>0</v>
      </c>
      <c r="I884" s="53">
        <v>0</v>
      </c>
      <c r="J884" s="53">
        <v>0</v>
      </c>
      <c r="K884" s="53">
        <v>0</v>
      </c>
      <c r="L884" s="53">
        <v>0</v>
      </c>
      <c r="M884" s="53">
        <v>0</v>
      </c>
      <c r="N884" s="53">
        <v>0</v>
      </c>
      <c r="O884" s="53">
        <v>0</v>
      </c>
      <c r="P884" s="53">
        <v>0</v>
      </c>
      <c r="Q884" s="53">
        <v>0</v>
      </c>
      <c r="R884" s="53">
        <v>0</v>
      </c>
      <c r="S884" s="53">
        <v>0</v>
      </c>
      <c r="T884" s="53">
        <v>0</v>
      </c>
      <c r="U884" s="53">
        <v>0</v>
      </c>
      <c r="V884" s="53">
        <v>0</v>
      </c>
      <c r="W884" s="53">
        <v>0</v>
      </c>
      <c r="X884" s="53">
        <v>0</v>
      </c>
      <c r="Y884" s="53">
        <v>0</v>
      </c>
      <c r="Z884" s="53">
        <v>0</v>
      </c>
      <c r="AA884" s="53">
        <v>0</v>
      </c>
      <c r="AB884" s="53">
        <v>0</v>
      </c>
      <c r="AC884" s="53">
        <v>0</v>
      </c>
      <c r="AD884" s="53">
        <v>0</v>
      </c>
      <c r="AE884" s="53">
        <v>0</v>
      </c>
      <c r="AF884" s="53">
        <v>0</v>
      </c>
      <c r="AG884" s="53">
        <v>0</v>
      </c>
      <c r="AH884" s="53">
        <v>0</v>
      </c>
      <c r="AI884" s="53">
        <v>0</v>
      </c>
      <c r="AJ884" s="53">
        <v>0</v>
      </c>
      <c r="AK884" s="53">
        <v>0</v>
      </c>
      <c r="AL884" s="53">
        <v>0</v>
      </c>
      <c r="AM884" s="53">
        <v>0</v>
      </c>
      <c r="AN884" s="53">
        <v>0</v>
      </c>
      <c r="AO884" s="53">
        <v>0</v>
      </c>
      <c r="AP884" s="53">
        <v>0</v>
      </c>
      <c r="AQ884" s="53">
        <v>0</v>
      </c>
      <c r="AR884" s="53">
        <v>0</v>
      </c>
      <c r="AS884" s="53">
        <v>0</v>
      </c>
      <c r="AT884" s="53">
        <v>0</v>
      </c>
      <c r="AU884" s="53">
        <v>0</v>
      </c>
      <c r="AV884" s="53">
        <v>0</v>
      </c>
      <c r="AW884" s="53">
        <v>0</v>
      </c>
      <c r="AX884" s="53">
        <v>0</v>
      </c>
      <c r="AY884" s="53">
        <v>0</v>
      </c>
      <c r="AZ884" s="53">
        <v>0</v>
      </c>
      <c r="BA884" s="53">
        <v>0</v>
      </c>
    </row>
    <row r="885" spans="1:53">
      <c r="A885" s="52" t="s">
        <v>4196</v>
      </c>
      <c r="B885" s="53">
        <v>618789.75451735198</v>
      </c>
      <c r="C885" s="53">
        <v>618789.75451735198</v>
      </c>
      <c r="D885" s="53">
        <v>618789.75451735198</v>
      </c>
      <c r="E885" s="53">
        <v>629437.90266549995</v>
      </c>
      <c r="F885" s="53">
        <v>629437.90266549995</v>
      </c>
      <c r="G885" s="53">
        <v>629437.90266549995</v>
      </c>
      <c r="H885" s="53">
        <v>629437.90266549995</v>
      </c>
      <c r="I885" s="53">
        <v>629437.90266549995</v>
      </c>
      <c r="J885" s="53">
        <v>629437.90266549995</v>
      </c>
      <c r="K885" s="53">
        <v>629437.90266549995</v>
      </c>
      <c r="L885" s="53">
        <v>629437.90266549995</v>
      </c>
      <c r="M885" s="53">
        <v>629437.90266549995</v>
      </c>
      <c r="N885" s="53">
        <v>7521310.3875415605</v>
      </c>
      <c r="O885" s="53">
        <v>629437.90266549995</v>
      </c>
      <c r="P885" s="53">
        <v>629437.90266549995</v>
      </c>
      <c r="Q885" s="53">
        <v>629437.90266549995</v>
      </c>
      <c r="R885" s="53">
        <v>640086.05081364803</v>
      </c>
      <c r="S885" s="53">
        <v>640086.05081364803</v>
      </c>
      <c r="T885" s="53">
        <v>640086.05081364803</v>
      </c>
      <c r="U885" s="53">
        <v>640086.05081364803</v>
      </c>
      <c r="V885" s="53">
        <v>640086.05081364803</v>
      </c>
      <c r="W885" s="53">
        <v>640086.05081364803</v>
      </c>
      <c r="X885" s="53">
        <v>640086.05081364803</v>
      </c>
      <c r="Y885" s="53">
        <v>640086.05081364803</v>
      </c>
      <c r="Z885" s="53">
        <v>640086.05081364803</v>
      </c>
      <c r="AA885" s="53">
        <v>7649088.1653193301</v>
      </c>
      <c r="AB885" s="53">
        <v>637621.86203796405</v>
      </c>
      <c r="AC885" s="53">
        <v>637621.86203796405</v>
      </c>
      <c r="AD885" s="53">
        <v>637621.86203796405</v>
      </c>
      <c r="AE885" s="53">
        <v>648270.01018611202</v>
      </c>
      <c r="AF885" s="53">
        <v>648270.01018611202</v>
      </c>
      <c r="AG885" s="53">
        <v>648270.01018611202</v>
      </c>
      <c r="AH885" s="53">
        <v>648270.01018611202</v>
      </c>
      <c r="AI885" s="53">
        <v>648270.01018611202</v>
      </c>
      <c r="AJ885" s="53">
        <v>648270.01018611202</v>
      </c>
      <c r="AK885" s="53">
        <v>648270.01018611202</v>
      </c>
      <c r="AL885" s="53">
        <v>648270.01018611202</v>
      </c>
      <c r="AM885" s="53">
        <v>648270.01018611202</v>
      </c>
      <c r="AN885" s="53">
        <v>7747295.6777889002</v>
      </c>
      <c r="AO885" s="53">
        <v>613047.83192150702</v>
      </c>
      <c r="AP885" s="53">
        <v>586727.945323569</v>
      </c>
      <c r="AQ885" s="53">
        <v>586727.945323569</v>
      </c>
      <c r="AR885" s="53">
        <v>597376.09347171697</v>
      </c>
      <c r="AS885" s="53">
        <v>597376.09347171697</v>
      </c>
      <c r="AT885" s="53">
        <v>597376.09347171697</v>
      </c>
      <c r="AU885" s="53">
        <v>550376.09347171697</v>
      </c>
      <c r="AV885" s="53">
        <v>550376.09347171697</v>
      </c>
      <c r="AW885" s="53">
        <v>550376.09347171697</v>
      </c>
      <c r="AX885" s="53">
        <v>550376.09347171697</v>
      </c>
      <c r="AY885" s="53">
        <v>550376.09347171697</v>
      </c>
      <c r="AZ885" s="53">
        <v>550376.09347171697</v>
      </c>
      <c r="BA885" s="53">
        <v>6880888.5638140999</v>
      </c>
    </row>
    <row r="886" spans="1:53">
      <c r="A886" s="52" t="s">
        <v>4197</v>
      </c>
      <c r="B886" s="53"/>
      <c r="C886" s="53"/>
      <c r="D886" s="53"/>
      <c r="E886" s="53"/>
      <c r="F886" s="53"/>
      <c r="G886" s="53"/>
      <c r="H886" s="53"/>
      <c r="I886" s="53"/>
      <c r="J886" s="53"/>
      <c r="K886" s="53"/>
      <c r="L886" s="53"/>
      <c r="M886" s="53"/>
      <c r="N886" s="53"/>
      <c r="O886" s="53"/>
      <c r="P886" s="53"/>
      <c r="Q886" s="53"/>
      <c r="R886" s="53"/>
      <c r="S886" s="53"/>
      <c r="T886" s="53"/>
      <c r="U886" s="53"/>
      <c r="V886" s="53"/>
      <c r="W886" s="53"/>
      <c r="X886" s="53"/>
      <c r="Y886" s="53"/>
      <c r="Z886" s="53"/>
      <c r="AA886" s="53"/>
      <c r="AB886" s="53"/>
      <c r="AC886" s="53"/>
      <c r="AD886" s="53"/>
      <c r="AE886" s="53"/>
      <c r="AF886" s="53"/>
      <c r="AG886" s="53"/>
      <c r="AH886" s="53"/>
      <c r="AI886" s="53"/>
      <c r="AJ886" s="53"/>
      <c r="AK886" s="53"/>
      <c r="AL886" s="53"/>
      <c r="AM886" s="53"/>
      <c r="AN886" s="53"/>
      <c r="AO886" s="53"/>
      <c r="AP886" s="53"/>
      <c r="AQ886" s="53"/>
      <c r="AR886" s="53"/>
      <c r="AS886" s="53"/>
      <c r="AT886" s="53"/>
      <c r="AU886" s="53"/>
      <c r="AV886" s="53"/>
      <c r="AW886" s="53"/>
      <c r="AX886" s="53"/>
      <c r="AY886" s="53"/>
      <c r="AZ886" s="53"/>
      <c r="BA886" s="53"/>
    </row>
    <row r="887" spans="1:53">
      <c r="A887" s="52" t="s">
        <v>4198</v>
      </c>
      <c r="B887" s="53">
        <v>515922.39292992401</v>
      </c>
      <c r="C887" s="53">
        <v>319162.37929319299</v>
      </c>
      <c r="D887" s="53">
        <v>286976.64319878799</v>
      </c>
      <c r="E887" s="53">
        <v>1829544.43916231</v>
      </c>
      <c r="F887" s="53">
        <v>3299388.62986635</v>
      </c>
      <c r="G887" s="53">
        <v>3521614.5230474202</v>
      </c>
      <c r="H887" s="53">
        <v>3543807.2816610001</v>
      </c>
      <c r="I887" s="53">
        <v>1704786.43780899</v>
      </c>
      <c r="J887" s="53">
        <v>0</v>
      </c>
      <c r="K887" s="53">
        <v>0</v>
      </c>
      <c r="L887" s="53">
        <v>0</v>
      </c>
      <c r="M887" s="53">
        <v>10021.6790521929</v>
      </c>
      <c r="N887" s="53">
        <v>15031224.406020099</v>
      </c>
      <c r="O887" s="53">
        <v>58429.053182161799</v>
      </c>
      <c r="P887" s="53">
        <v>87615.112243782103</v>
      </c>
      <c r="Q887" s="53">
        <v>293271.26318673202</v>
      </c>
      <c r="R887" s="53">
        <v>624197.193009465</v>
      </c>
      <c r="S887" s="53">
        <v>875409.95468359999</v>
      </c>
      <c r="T887" s="53">
        <v>507255.87767094298</v>
      </c>
      <c r="U887" s="53">
        <v>0</v>
      </c>
      <c r="V887" s="53">
        <v>0</v>
      </c>
      <c r="W887" s="53">
        <v>0</v>
      </c>
      <c r="X887" s="53">
        <v>0</v>
      </c>
      <c r="Y887" s="53">
        <v>0</v>
      </c>
      <c r="Z887" s="53">
        <v>178549.87441371</v>
      </c>
      <c r="AA887" s="53">
        <v>2624728.3283903901</v>
      </c>
      <c r="AB887" s="53">
        <v>437819.18632368202</v>
      </c>
      <c r="AC887" s="53">
        <v>486417.35295818199</v>
      </c>
      <c r="AD887" s="53">
        <v>597330.53733921796</v>
      </c>
      <c r="AE887" s="53">
        <v>751798.52149452805</v>
      </c>
      <c r="AF887" s="53">
        <v>863657.28375142999</v>
      </c>
      <c r="AG887" s="53">
        <v>484788.179692737</v>
      </c>
      <c r="AH887" s="53">
        <v>0</v>
      </c>
      <c r="AI887" s="53">
        <v>0</v>
      </c>
      <c r="AJ887" s="53">
        <v>0</v>
      </c>
      <c r="AK887" s="53">
        <v>0</v>
      </c>
      <c r="AL887" s="53">
        <v>0</v>
      </c>
      <c r="AM887" s="53">
        <v>241220.345010057</v>
      </c>
      <c r="AN887" s="53">
        <v>3863031.4065698301</v>
      </c>
      <c r="AO887" s="53">
        <v>1426543.6067830999</v>
      </c>
      <c r="AP887" s="53">
        <v>2329386.7484178199</v>
      </c>
      <c r="AQ887" s="53">
        <v>2441835.1352514299</v>
      </c>
      <c r="AR887" s="53">
        <v>2596494.8439984201</v>
      </c>
      <c r="AS887" s="53">
        <v>2697304.9743610602</v>
      </c>
      <c r="AT887" s="53">
        <v>1398581.77896929</v>
      </c>
      <c r="AU887" s="53">
        <v>0</v>
      </c>
      <c r="AV887" s="53">
        <v>0</v>
      </c>
      <c r="AW887" s="53">
        <v>0</v>
      </c>
      <c r="AX887" s="53">
        <v>0</v>
      </c>
      <c r="AY887" s="53">
        <v>0</v>
      </c>
      <c r="AZ887" s="53">
        <v>248979.07064973001</v>
      </c>
      <c r="BA887" s="53">
        <v>13139126.1584308</v>
      </c>
    </row>
    <row r="888" spans="1:53">
      <c r="A888" s="235" t="s">
        <v>4199</v>
      </c>
      <c r="B888" s="53">
        <v>24584.7778143982</v>
      </c>
      <c r="C888" s="53">
        <v>28514.5339191987</v>
      </c>
      <c r="D888" s="53">
        <v>31446.560061600499</v>
      </c>
      <c r="E888" s="53">
        <v>34061.375462779601</v>
      </c>
      <c r="F888" s="53">
        <v>37446.783301867501</v>
      </c>
      <c r="G888" s="53">
        <v>39637.879894775499</v>
      </c>
      <c r="H888" s="53">
        <v>41831.6628519242</v>
      </c>
      <c r="I888" s="53">
        <v>45566.083194627798</v>
      </c>
      <c r="J888" s="53">
        <v>47820.0494322659</v>
      </c>
      <c r="K888" s="53">
        <v>50081.6356646973</v>
      </c>
      <c r="L888" s="53">
        <v>53848.6678180745</v>
      </c>
      <c r="M888" s="53">
        <v>55735.923887354496</v>
      </c>
      <c r="N888" s="53">
        <v>490575.93330356397</v>
      </c>
      <c r="O888" s="53">
        <v>46241.396584904098</v>
      </c>
      <c r="P888" s="53">
        <v>49278.495800286801</v>
      </c>
      <c r="Q888" s="53">
        <v>51690.9373709262</v>
      </c>
      <c r="R888" s="53">
        <v>53843.654649800599</v>
      </c>
      <c r="S888" s="53">
        <v>56639.181859727898</v>
      </c>
      <c r="T888" s="53">
        <v>58489.510684545698</v>
      </c>
      <c r="U888" s="53">
        <v>60341.070350027403</v>
      </c>
      <c r="V888" s="53">
        <v>63416.958554446697</v>
      </c>
      <c r="W888" s="53">
        <v>65275.170562726496</v>
      </c>
      <c r="X888" s="53">
        <v>67138.422052826994</v>
      </c>
      <c r="Y888" s="53">
        <v>70236.5319766865</v>
      </c>
      <c r="Z888" s="53">
        <v>71789.889346565004</v>
      </c>
      <c r="AA888" s="53">
        <v>714381.21979346999</v>
      </c>
      <c r="AB888" s="53">
        <v>72213.545118841706</v>
      </c>
      <c r="AC888" s="53">
        <v>75273.238252225405</v>
      </c>
      <c r="AD888" s="53">
        <v>77703.520853199399</v>
      </c>
      <c r="AE888" s="53">
        <v>79872.384392955602</v>
      </c>
      <c r="AF888" s="53">
        <v>82688.605185210006</v>
      </c>
      <c r="AG888" s="53">
        <v>84553.582860270995</v>
      </c>
      <c r="AH888" s="53">
        <v>86419.811530459105</v>
      </c>
      <c r="AI888" s="53">
        <v>89517.951356530597</v>
      </c>
      <c r="AJ888" s="53">
        <v>91390.785354242602</v>
      </c>
      <c r="AK888" s="53">
        <v>93268.620243804296</v>
      </c>
      <c r="AL888" s="53">
        <v>96388.776862167797</v>
      </c>
      <c r="AM888" s="53">
        <v>97954.625557248</v>
      </c>
      <c r="AN888" s="53">
        <v>1027245.44756715</v>
      </c>
      <c r="AO888" s="53">
        <v>99520.670136694302</v>
      </c>
      <c r="AP888" s="53">
        <v>102653.279491754</v>
      </c>
      <c r="AQ888" s="53">
        <v>105142.811461994</v>
      </c>
      <c r="AR888" s="53">
        <v>107364.995618972</v>
      </c>
      <c r="AS888" s="53">
        <v>110248.540961871</v>
      </c>
      <c r="AT888" s="53">
        <v>112159.263286021</v>
      </c>
      <c r="AU888" s="53">
        <v>114071.35875389499</v>
      </c>
      <c r="AV888" s="53">
        <v>117243.33448710501</v>
      </c>
      <c r="AW888" s="53">
        <v>119162.214021544</v>
      </c>
      <c r="AX888" s="53">
        <v>121086.217399866</v>
      </c>
      <c r="AY888" s="53">
        <v>124280.653316376</v>
      </c>
      <c r="AZ888" s="53">
        <v>125885.49189781801</v>
      </c>
      <c r="BA888" s="53">
        <v>1358818.83083391</v>
      </c>
    </row>
    <row r="889" spans="1:53">
      <c r="A889" s="52" t="s">
        <v>4200</v>
      </c>
      <c r="B889" s="53">
        <v>540507.17074432201</v>
      </c>
      <c r="C889" s="53">
        <v>347676.91321239102</v>
      </c>
      <c r="D889" s="53">
        <v>318423.20326038898</v>
      </c>
      <c r="E889" s="53">
        <v>1863605.81462509</v>
      </c>
      <c r="F889" s="53">
        <v>3336835.4131682198</v>
      </c>
      <c r="G889" s="53">
        <v>3561252.4029421899</v>
      </c>
      <c r="H889" s="53">
        <v>3585638.9445129298</v>
      </c>
      <c r="I889" s="53">
        <v>1750352.52100361</v>
      </c>
      <c r="J889" s="53">
        <v>47820.0494322659</v>
      </c>
      <c r="K889" s="53">
        <v>50081.6356646973</v>
      </c>
      <c r="L889" s="53">
        <v>53848.6678180745</v>
      </c>
      <c r="M889" s="53">
        <v>65757.602939547403</v>
      </c>
      <c r="N889" s="53">
        <v>15521800.339323699</v>
      </c>
      <c r="O889" s="53">
        <v>104670.44976706601</v>
      </c>
      <c r="P889" s="53">
        <v>136893.608044069</v>
      </c>
      <c r="Q889" s="53">
        <v>344962.20055765798</v>
      </c>
      <c r="R889" s="53">
        <v>678040.84765926597</v>
      </c>
      <c r="S889" s="53">
        <v>932049.13654332794</v>
      </c>
      <c r="T889" s="53">
        <v>565745.38835548901</v>
      </c>
      <c r="U889" s="53">
        <v>60341.070350027403</v>
      </c>
      <c r="V889" s="53">
        <v>63416.958554446697</v>
      </c>
      <c r="W889" s="53">
        <v>65275.170562726496</v>
      </c>
      <c r="X889" s="53">
        <v>67138.422052826994</v>
      </c>
      <c r="Y889" s="53">
        <v>70236.5319766865</v>
      </c>
      <c r="Z889" s="53">
        <v>250339.763760275</v>
      </c>
      <c r="AA889" s="53">
        <v>3339109.5481838598</v>
      </c>
      <c r="AB889" s="53">
        <v>510032.731442524</v>
      </c>
      <c r="AC889" s="53">
        <v>561690.59121040802</v>
      </c>
      <c r="AD889" s="53">
        <v>675034.05819241703</v>
      </c>
      <c r="AE889" s="53">
        <v>831670.90588748304</v>
      </c>
      <c r="AF889" s="53">
        <v>946345.88893664</v>
      </c>
      <c r="AG889" s="53">
        <v>569341.76255300804</v>
      </c>
      <c r="AH889" s="53">
        <v>86419.811530459105</v>
      </c>
      <c r="AI889" s="53">
        <v>89517.951356530597</v>
      </c>
      <c r="AJ889" s="53">
        <v>91390.785354242602</v>
      </c>
      <c r="AK889" s="53">
        <v>93268.620243804296</v>
      </c>
      <c r="AL889" s="53">
        <v>96388.776862167797</v>
      </c>
      <c r="AM889" s="53">
        <v>339174.97056730499</v>
      </c>
      <c r="AN889" s="53">
        <v>4890276.8541369904</v>
      </c>
      <c r="AO889" s="53">
        <v>1526064.2769198001</v>
      </c>
      <c r="AP889" s="53">
        <v>2432040.0279095699</v>
      </c>
      <c r="AQ889" s="53">
        <v>2546977.9467134201</v>
      </c>
      <c r="AR889" s="53">
        <v>2703859.8396174</v>
      </c>
      <c r="AS889" s="53">
        <v>2807553.5153229302</v>
      </c>
      <c r="AT889" s="53">
        <v>1510741.0422553101</v>
      </c>
      <c r="AU889" s="53">
        <v>114071.35875389499</v>
      </c>
      <c r="AV889" s="53">
        <v>117243.33448710501</v>
      </c>
      <c r="AW889" s="53">
        <v>119162.214021544</v>
      </c>
      <c r="AX889" s="53">
        <v>121086.217399866</v>
      </c>
      <c r="AY889" s="53">
        <v>124280.653316376</v>
      </c>
      <c r="AZ889" s="53">
        <v>374864.56254754902</v>
      </c>
      <c r="BA889" s="53">
        <v>14497944.989264701</v>
      </c>
    </row>
    <row r="890" spans="1:53">
      <c r="A890" s="52" t="s">
        <v>4201</v>
      </c>
      <c r="B890" s="53"/>
      <c r="C890" s="53"/>
      <c r="D890" s="53"/>
      <c r="E890" s="53"/>
      <c r="F890" s="53"/>
      <c r="G890" s="53"/>
      <c r="H890" s="53"/>
      <c r="I890" s="53"/>
      <c r="J890" s="53"/>
      <c r="K890" s="53"/>
      <c r="L890" s="53"/>
      <c r="M890" s="53"/>
      <c r="N890" s="53"/>
      <c r="O890" s="53"/>
      <c r="P890" s="53"/>
      <c r="Q890" s="53"/>
      <c r="R890" s="53"/>
      <c r="S890" s="53"/>
      <c r="T890" s="53"/>
      <c r="U890" s="53"/>
      <c r="V890" s="53"/>
      <c r="W890" s="53"/>
      <c r="X890" s="53"/>
      <c r="Y890" s="53"/>
      <c r="Z890" s="53"/>
      <c r="AA890" s="53"/>
      <c r="AB890" s="53"/>
      <c r="AC890" s="53"/>
      <c r="AD890" s="53"/>
      <c r="AE890" s="53"/>
      <c r="AF890" s="53"/>
      <c r="AG890" s="53"/>
      <c r="AH890" s="53"/>
      <c r="AI890" s="53"/>
      <c r="AJ890" s="53"/>
      <c r="AK890" s="53"/>
      <c r="AL890" s="53"/>
      <c r="AM890" s="53"/>
      <c r="AN890" s="53"/>
      <c r="AO890" s="53"/>
      <c r="AP890" s="53"/>
      <c r="AQ890" s="53"/>
      <c r="AR890" s="53"/>
      <c r="AS890" s="53"/>
      <c r="AT890" s="53"/>
      <c r="AU890" s="53"/>
      <c r="AV890" s="53"/>
      <c r="AW890" s="53"/>
      <c r="AX890" s="53"/>
      <c r="AY890" s="53"/>
      <c r="AZ890" s="53"/>
      <c r="BA890" s="53"/>
    </row>
    <row r="891" spans="1:53">
      <c r="A891" s="52" t="s">
        <v>4202</v>
      </c>
      <c r="B891" s="53">
        <v>0</v>
      </c>
      <c r="C891" s="53">
        <v>0</v>
      </c>
      <c r="D891" s="53">
        <v>0</v>
      </c>
      <c r="E891" s="53">
        <v>0</v>
      </c>
      <c r="F891" s="53">
        <v>0</v>
      </c>
      <c r="G891" s="53">
        <v>0</v>
      </c>
      <c r="H891" s="53">
        <v>0</v>
      </c>
      <c r="I891" s="53">
        <v>0</v>
      </c>
      <c r="J891" s="53">
        <v>0</v>
      </c>
      <c r="K891" s="53">
        <v>0</v>
      </c>
      <c r="L891" s="53">
        <v>0</v>
      </c>
      <c r="M891" s="53">
        <v>0</v>
      </c>
      <c r="N891" s="53">
        <v>0</v>
      </c>
      <c r="O891" s="53">
        <v>0</v>
      </c>
      <c r="P891" s="53">
        <v>0</v>
      </c>
      <c r="Q891" s="53">
        <v>0</v>
      </c>
      <c r="R891" s="53">
        <v>0</v>
      </c>
      <c r="S891" s="53">
        <v>0</v>
      </c>
      <c r="T891" s="53">
        <v>0</v>
      </c>
      <c r="U891" s="53">
        <v>0</v>
      </c>
      <c r="V891" s="53">
        <v>0</v>
      </c>
      <c r="W891" s="53">
        <v>0</v>
      </c>
      <c r="X891" s="53">
        <v>0</v>
      </c>
      <c r="Y891" s="53">
        <v>0</v>
      </c>
      <c r="Z891" s="53">
        <v>0</v>
      </c>
      <c r="AA891" s="53">
        <v>0</v>
      </c>
      <c r="AB891" s="53">
        <v>0</v>
      </c>
      <c r="AC891" s="53">
        <v>0</v>
      </c>
      <c r="AD891" s="53">
        <v>0</v>
      </c>
      <c r="AE891" s="53">
        <v>0</v>
      </c>
      <c r="AF891" s="53">
        <v>0</v>
      </c>
      <c r="AG891" s="53">
        <v>0</v>
      </c>
      <c r="AH891" s="53">
        <v>0</v>
      </c>
      <c r="AI891" s="53">
        <v>0</v>
      </c>
      <c r="AJ891" s="53">
        <v>0</v>
      </c>
      <c r="AK891" s="53">
        <v>0</v>
      </c>
      <c r="AL891" s="53">
        <v>0</v>
      </c>
      <c r="AM891" s="53">
        <v>0</v>
      </c>
      <c r="AN891" s="53">
        <v>0</v>
      </c>
      <c r="AO891" s="53">
        <v>0</v>
      </c>
      <c r="AP891" s="53">
        <v>0</v>
      </c>
      <c r="AQ891" s="53">
        <v>0</v>
      </c>
      <c r="AR891" s="53">
        <v>0</v>
      </c>
      <c r="AS891" s="53">
        <v>0</v>
      </c>
      <c r="AT891" s="53">
        <v>0</v>
      </c>
      <c r="AU891" s="53">
        <v>0</v>
      </c>
      <c r="AV891" s="53">
        <v>0</v>
      </c>
      <c r="AW891" s="53">
        <v>0</v>
      </c>
      <c r="AX891" s="53">
        <v>0</v>
      </c>
      <c r="AY891" s="53">
        <v>0</v>
      </c>
      <c r="AZ891" s="53">
        <v>0</v>
      </c>
      <c r="BA891" s="53">
        <v>0</v>
      </c>
    </row>
    <row r="892" spans="1:53">
      <c r="A892" s="235" t="s">
        <v>4203</v>
      </c>
      <c r="B892" s="53">
        <v>2880.0833333333298</v>
      </c>
      <c r="C892" s="53">
        <v>2880.0833333333298</v>
      </c>
      <c r="D892" s="53">
        <v>2880.0833333333298</v>
      </c>
      <c r="E892" s="53">
        <v>2880.0833333333298</v>
      </c>
      <c r="F892" s="53">
        <v>2880.0833333333298</v>
      </c>
      <c r="G892" s="53">
        <v>2880.0833333333298</v>
      </c>
      <c r="H892" s="53">
        <v>2880.0833333333298</v>
      </c>
      <c r="I892" s="53">
        <v>2880.0833333333298</v>
      </c>
      <c r="J892" s="53">
        <v>2880.0833333333298</v>
      </c>
      <c r="K892" s="53">
        <v>2880.0833333333298</v>
      </c>
      <c r="L892" s="53">
        <v>2880.0833333333298</v>
      </c>
      <c r="M892" s="53">
        <v>2880.0833333333298</v>
      </c>
      <c r="N892" s="53">
        <v>34560.999999999898</v>
      </c>
      <c r="O892" s="53">
        <v>2880.0833333333298</v>
      </c>
      <c r="P892" s="53">
        <v>2880.0833333333298</v>
      </c>
      <c r="Q892" s="53">
        <v>2880.0833333333298</v>
      </c>
      <c r="R892" s="53">
        <v>2880.0833333333298</v>
      </c>
      <c r="S892" s="53">
        <v>2880.0833333333298</v>
      </c>
      <c r="T892" s="53">
        <v>2880.0833333333298</v>
      </c>
      <c r="U892" s="53">
        <v>2880.0833333333298</v>
      </c>
      <c r="V892" s="53">
        <v>2880.0833333333298</v>
      </c>
      <c r="W892" s="53">
        <v>2880.0833333333298</v>
      </c>
      <c r="X892" s="53">
        <v>2880.0833333333298</v>
      </c>
      <c r="Y892" s="53">
        <v>2880.0833333333298</v>
      </c>
      <c r="Z892" s="53">
        <v>2880.0833333333298</v>
      </c>
      <c r="AA892" s="53">
        <v>34560.999999999898</v>
      </c>
      <c r="AB892" s="53">
        <v>2880.0833333333298</v>
      </c>
      <c r="AC892" s="53">
        <v>2880.0833333333298</v>
      </c>
      <c r="AD892" s="53">
        <v>2880.0833333333298</v>
      </c>
      <c r="AE892" s="53">
        <v>2880.0833333333298</v>
      </c>
      <c r="AF892" s="53">
        <v>2880.0833333333298</v>
      </c>
      <c r="AG892" s="53">
        <v>2880.0833333333298</v>
      </c>
      <c r="AH892" s="53">
        <v>2880.0833333333298</v>
      </c>
      <c r="AI892" s="53">
        <v>2880.0833333333298</v>
      </c>
      <c r="AJ892" s="53">
        <v>2880.0833333333298</v>
      </c>
      <c r="AK892" s="53">
        <v>2880.0833333333298</v>
      </c>
      <c r="AL892" s="53">
        <v>2880.0833333333298</v>
      </c>
      <c r="AM892" s="53">
        <v>2880.0833333333298</v>
      </c>
      <c r="AN892" s="53">
        <v>34560.999999999898</v>
      </c>
      <c r="AO892" s="53">
        <v>2880.0833333333298</v>
      </c>
      <c r="AP892" s="53">
        <v>2880.0833333333298</v>
      </c>
      <c r="AQ892" s="53">
        <v>2880.0833333333298</v>
      </c>
      <c r="AR892" s="53">
        <v>2880.0833333333298</v>
      </c>
      <c r="AS892" s="53">
        <v>2880.0833333333298</v>
      </c>
      <c r="AT892" s="53">
        <v>2880.0833333333298</v>
      </c>
      <c r="AU892" s="53">
        <v>2880.0833333333298</v>
      </c>
      <c r="AV892" s="53">
        <v>2880.0833333333298</v>
      </c>
      <c r="AW892" s="53">
        <v>2880.0833333333298</v>
      </c>
      <c r="AX892" s="53">
        <v>2880.0833333333298</v>
      </c>
      <c r="AY892" s="53">
        <v>2880.0833333333298</v>
      </c>
      <c r="AZ892" s="53">
        <v>2880.0833333333298</v>
      </c>
      <c r="BA892" s="53">
        <v>34560.999999999898</v>
      </c>
    </row>
    <row r="893" spans="1:53">
      <c r="A893" s="52" t="s">
        <v>4204</v>
      </c>
      <c r="B893" s="53">
        <v>0</v>
      </c>
      <c r="C893" s="53">
        <v>0</v>
      </c>
      <c r="D893" s="53">
        <v>0</v>
      </c>
      <c r="E893" s="53">
        <v>0</v>
      </c>
      <c r="F893" s="53">
        <v>0</v>
      </c>
      <c r="G893" s="53">
        <v>0</v>
      </c>
      <c r="H893" s="53">
        <v>0</v>
      </c>
      <c r="I893" s="53">
        <v>0</v>
      </c>
      <c r="J893" s="53">
        <v>0</v>
      </c>
      <c r="K893" s="53">
        <v>0</v>
      </c>
      <c r="L893" s="53">
        <v>0</v>
      </c>
      <c r="M893" s="53">
        <v>0</v>
      </c>
      <c r="N893" s="53">
        <v>0</v>
      </c>
      <c r="O893" s="53">
        <v>0</v>
      </c>
      <c r="P893" s="53">
        <v>0</v>
      </c>
      <c r="Q893" s="53">
        <v>0</v>
      </c>
      <c r="R893" s="53">
        <v>0</v>
      </c>
      <c r="S893" s="53">
        <v>0</v>
      </c>
      <c r="T893" s="53">
        <v>0</v>
      </c>
      <c r="U893" s="53">
        <v>0</v>
      </c>
      <c r="V893" s="53">
        <v>0</v>
      </c>
      <c r="W893" s="53">
        <v>0</v>
      </c>
      <c r="X893" s="53">
        <v>0</v>
      </c>
      <c r="Y893" s="53">
        <v>0</v>
      </c>
      <c r="Z893" s="53">
        <v>0</v>
      </c>
      <c r="AA893" s="53">
        <v>0</v>
      </c>
      <c r="AB893" s="53">
        <v>0</v>
      </c>
      <c r="AC893" s="53">
        <v>0</v>
      </c>
      <c r="AD893" s="53">
        <v>0</v>
      </c>
      <c r="AE893" s="53">
        <v>0</v>
      </c>
      <c r="AF893" s="53">
        <v>0</v>
      </c>
      <c r="AG893" s="53">
        <v>0</v>
      </c>
      <c r="AH893" s="53">
        <v>0</v>
      </c>
      <c r="AI893" s="53">
        <v>0</v>
      </c>
      <c r="AJ893" s="53">
        <v>0</v>
      </c>
      <c r="AK893" s="53">
        <v>0</v>
      </c>
      <c r="AL893" s="53">
        <v>0</v>
      </c>
      <c r="AM893" s="53">
        <v>0</v>
      </c>
      <c r="AN893" s="53">
        <v>0</v>
      </c>
      <c r="AO893" s="53">
        <v>0</v>
      </c>
      <c r="AP893" s="53">
        <v>0</v>
      </c>
      <c r="AQ893" s="53">
        <v>0</v>
      </c>
      <c r="AR893" s="53">
        <v>0</v>
      </c>
      <c r="AS893" s="53">
        <v>0</v>
      </c>
      <c r="AT893" s="53">
        <v>0</v>
      </c>
      <c r="AU893" s="53">
        <v>0</v>
      </c>
      <c r="AV893" s="53">
        <v>0</v>
      </c>
      <c r="AW893" s="53">
        <v>0</v>
      </c>
      <c r="AX893" s="53">
        <v>0</v>
      </c>
      <c r="AY893" s="53">
        <v>0</v>
      </c>
      <c r="AZ893" s="53">
        <v>0</v>
      </c>
      <c r="BA893" s="53">
        <v>0</v>
      </c>
    </row>
    <row r="894" spans="1:53">
      <c r="A894" s="52" t="s">
        <v>4205</v>
      </c>
      <c r="B894" s="53">
        <v>0</v>
      </c>
      <c r="C894" s="53">
        <v>0</v>
      </c>
      <c r="D894" s="53">
        <v>0</v>
      </c>
      <c r="E894" s="53">
        <v>0</v>
      </c>
      <c r="F894" s="53">
        <v>0</v>
      </c>
      <c r="G894" s="53">
        <v>0</v>
      </c>
      <c r="H894" s="53">
        <v>0</v>
      </c>
      <c r="I894" s="53">
        <v>0</v>
      </c>
      <c r="J894" s="53">
        <v>0</v>
      </c>
      <c r="K894" s="53">
        <v>0</v>
      </c>
      <c r="L894" s="53">
        <v>0</v>
      </c>
      <c r="M894" s="53">
        <v>0</v>
      </c>
      <c r="N894" s="53">
        <v>0</v>
      </c>
      <c r="O894" s="53">
        <v>0</v>
      </c>
      <c r="P894" s="53">
        <v>0</v>
      </c>
      <c r="Q894" s="53">
        <v>0</v>
      </c>
      <c r="R894" s="53">
        <v>0</v>
      </c>
      <c r="S894" s="53">
        <v>0</v>
      </c>
      <c r="T894" s="53">
        <v>0</v>
      </c>
      <c r="U894" s="53">
        <v>0</v>
      </c>
      <c r="V894" s="53">
        <v>0</v>
      </c>
      <c r="W894" s="53">
        <v>0</v>
      </c>
      <c r="X894" s="53">
        <v>0</v>
      </c>
      <c r="Y894" s="53">
        <v>0</v>
      </c>
      <c r="Z894" s="53">
        <v>0</v>
      </c>
      <c r="AA894" s="53">
        <v>0</v>
      </c>
      <c r="AB894" s="53">
        <v>0</v>
      </c>
      <c r="AC894" s="53">
        <v>0</v>
      </c>
      <c r="AD894" s="53">
        <v>0</v>
      </c>
      <c r="AE894" s="53">
        <v>0</v>
      </c>
      <c r="AF894" s="53">
        <v>0</v>
      </c>
      <c r="AG894" s="53">
        <v>0</v>
      </c>
      <c r="AH894" s="53">
        <v>0</v>
      </c>
      <c r="AI894" s="53">
        <v>0</v>
      </c>
      <c r="AJ894" s="53">
        <v>0</v>
      </c>
      <c r="AK894" s="53">
        <v>0</v>
      </c>
      <c r="AL894" s="53">
        <v>0</v>
      </c>
      <c r="AM894" s="53">
        <v>0</v>
      </c>
      <c r="AN894" s="53">
        <v>0</v>
      </c>
      <c r="AO894" s="53">
        <v>0</v>
      </c>
      <c r="AP894" s="53">
        <v>0</v>
      </c>
      <c r="AQ894" s="53">
        <v>0</v>
      </c>
      <c r="AR894" s="53">
        <v>0</v>
      </c>
      <c r="AS894" s="53">
        <v>0</v>
      </c>
      <c r="AT894" s="53">
        <v>0</v>
      </c>
      <c r="AU894" s="53">
        <v>0</v>
      </c>
      <c r="AV894" s="53">
        <v>0</v>
      </c>
      <c r="AW894" s="53">
        <v>0</v>
      </c>
      <c r="AX894" s="53">
        <v>0</v>
      </c>
      <c r="AY894" s="53">
        <v>0</v>
      </c>
      <c r="AZ894" s="53">
        <v>0</v>
      </c>
      <c r="BA894" s="53">
        <v>0</v>
      </c>
    </row>
    <row r="895" spans="1:53">
      <c r="A895" s="52" t="s">
        <v>4206</v>
      </c>
      <c r="B895" s="53">
        <v>0</v>
      </c>
      <c r="C895" s="53">
        <v>0</v>
      </c>
      <c r="D895" s="53">
        <v>0</v>
      </c>
      <c r="E895" s="53">
        <v>0</v>
      </c>
      <c r="F895" s="53">
        <v>0</v>
      </c>
      <c r="G895" s="53">
        <v>0</v>
      </c>
      <c r="H895" s="53">
        <v>0</v>
      </c>
      <c r="I895" s="53">
        <v>0</v>
      </c>
      <c r="J895" s="53">
        <v>0</v>
      </c>
      <c r="K895" s="53">
        <v>0</v>
      </c>
      <c r="L895" s="53">
        <v>0</v>
      </c>
      <c r="M895" s="53">
        <v>0</v>
      </c>
      <c r="N895" s="53">
        <v>0</v>
      </c>
      <c r="O895" s="53">
        <v>0</v>
      </c>
      <c r="P895" s="53">
        <v>0</v>
      </c>
      <c r="Q895" s="53">
        <v>0</v>
      </c>
      <c r="R895" s="53">
        <v>0</v>
      </c>
      <c r="S895" s="53">
        <v>0</v>
      </c>
      <c r="T895" s="53">
        <v>0</v>
      </c>
      <c r="U895" s="53">
        <v>0</v>
      </c>
      <c r="V895" s="53">
        <v>0</v>
      </c>
      <c r="W895" s="53">
        <v>0</v>
      </c>
      <c r="X895" s="53">
        <v>0</v>
      </c>
      <c r="Y895" s="53">
        <v>0</v>
      </c>
      <c r="Z895" s="53">
        <v>0</v>
      </c>
      <c r="AA895" s="53">
        <v>0</v>
      </c>
      <c r="AB895" s="53">
        <v>0</v>
      </c>
      <c r="AC895" s="53">
        <v>0</v>
      </c>
      <c r="AD895" s="53">
        <v>0</v>
      </c>
      <c r="AE895" s="53">
        <v>0</v>
      </c>
      <c r="AF895" s="53">
        <v>0</v>
      </c>
      <c r="AG895" s="53">
        <v>0</v>
      </c>
      <c r="AH895" s="53">
        <v>0</v>
      </c>
      <c r="AI895" s="53">
        <v>0</v>
      </c>
      <c r="AJ895" s="53">
        <v>0</v>
      </c>
      <c r="AK895" s="53">
        <v>0</v>
      </c>
      <c r="AL895" s="53">
        <v>0</v>
      </c>
      <c r="AM895" s="53">
        <v>0</v>
      </c>
      <c r="AN895" s="53">
        <v>0</v>
      </c>
      <c r="AO895" s="53">
        <v>0</v>
      </c>
      <c r="AP895" s="53">
        <v>0</v>
      </c>
      <c r="AQ895" s="53">
        <v>0</v>
      </c>
      <c r="AR895" s="53">
        <v>0</v>
      </c>
      <c r="AS895" s="53">
        <v>0</v>
      </c>
      <c r="AT895" s="53">
        <v>0</v>
      </c>
      <c r="AU895" s="53">
        <v>0</v>
      </c>
      <c r="AV895" s="53">
        <v>0</v>
      </c>
      <c r="AW895" s="53">
        <v>0</v>
      </c>
      <c r="AX895" s="53">
        <v>0</v>
      </c>
      <c r="AY895" s="53">
        <v>0</v>
      </c>
      <c r="AZ895" s="53">
        <v>0</v>
      </c>
      <c r="BA895" s="53">
        <v>0</v>
      </c>
    </row>
    <row r="896" spans="1:53">
      <c r="A896" s="52" t="s">
        <v>4207</v>
      </c>
      <c r="B896" s="53">
        <v>277104.14294530201</v>
      </c>
      <c r="C896" s="53">
        <v>270159.29685873701</v>
      </c>
      <c r="D896" s="53">
        <v>297283.35063128202</v>
      </c>
      <c r="E896" s="53">
        <v>327603.608163186</v>
      </c>
      <c r="F896" s="53">
        <v>326956.39319673198</v>
      </c>
      <c r="G896" s="53">
        <v>326277.40319690801</v>
      </c>
      <c r="H896" s="53">
        <v>323155.15842539299</v>
      </c>
      <c r="I896" s="53">
        <v>317893.551302568</v>
      </c>
      <c r="J896" s="53">
        <v>311367.40148902102</v>
      </c>
      <c r="K896" s="53">
        <v>307578.50454853597</v>
      </c>
      <c r="L896" s="53">
        <v>307711.53121452202</v>
      </c>
      <c r="M896" s="53">
        <v>310779.188200659</v>
      </c>
      <c r="N896" s="53">
        <v>3703869.53017285</v>
      </c>
      <c r="O896" s="53">
        <v>248995.97521080999</v>
      </c>
      <c r="P896" s="53">
        <v>243504.31189106201</v>
      </c>
      <c r="Q896" s="53">
        <v>266722.17610251502</v>
      </c>
      <c r="R896" s="53">
        <v>293499.41482042399</v>
      </c>
      <c r="S896" s="53">
        <v>295053.76864535798</v>
      </c>
      <c r="T896" s="53">
        <v>296436.47909601498</v>
      </c>
      <c r="U896" s="53">
        <v>295480.58711370302</v>
      </c>
      <c r="V896" s="53">
        <v>292235.870566661</v>
      </c>
      <c r="W896" s="53">
        <v>289515.78236217803</v>
      </c>
      <c r="X896" s="53">
        <v>289378.985549481</v>
      </c>
      <c r="Y896" s="53">
        <v>291382.04364417499</v>
      </c>
      <c r="Z896" s="53">
        <v>302842.41483585897</v>
      </c>
      <c r="AA896" s="53">
        <v>3405047.80983824</v>
      </c>
      <c r="AB896" s="53">
        <v>304912.06120051403</v>
      </c>
      <c r="AC896" s="53">
        <v>297906.98765802901</v>
      </c>
      <c r="AD896" s="53">
        <v>319143.81487834698</v>
      </c>
      <c r="AE896" s="53">
        <v>343132.961115251</v>
      </c>
      <c r="AF896" s="53">
        <v>341599.63960200897</v>
      </c>
      <c r="AG896" s="53">
        <v>340013.05921100703</v>
      </c>
      <c r="AH896" s="53">
        <v>336646.13326009799</v>
      </c>
      <c r="AI896" s="53">
        <v>331334.64374221902</v>
      </c>
      <c r="AJ896" s="53">
        <v>326378.12169004098</v>
      </c>
      <c r="AK896" s="53">
        <v>323337.41220084601</v>
      </c>
      <c r="AL896" s="53">
        <v>321885.57347901899</v>
      </c>
      <c r="AM896" s="53">
        <v>331559.05964939803</v>
      </c>
      <c r="AN896" s="53">
        <v>3917849.4676867798</v>
      </c>
      <c r="AO896" s="53">
        <v>338144.46452408301</v>
      </c>
      <c r="AP896" s="53">
        <v>330855.73044925201</v>
      </c>
      <c r="AQ896" s="53">
        <v>351933.501374277</v>
      </c>
      <c r="AR896" s="53">
        <v>375715.67567807197</v>
      </c>
      <c r="AS896" s="53">
        <v>373880.59728515201</v>
      </c>
      <c r="AT896" s="53">
        <v>372006.52894821903</v>
      </c>
      <c r="AU896" s="53">
        <v>368386.41943884298</v>
      </c>
      <c r="AV896" s="53">
        <v>362824.851395901</v>
      </c>
      <c r="AW896" s="53">
        <v>357676.10292850999</v>
      </c>
      <c r="AX896" s="53">
        <v>354428.37255848502</v>
      </c>
      <c r="AY896" s="53">
        <v>352681.21670950099</v>
      </c>
      <c r="AZ896" s="53">
        <v>362380.86153300101</v>
      </c>
      <c r="BA896" s="53">
        <v>4300914.3228233</v>
      </c>
    </row>
    <row r="897" spans="1:53">
      <c r="A897" s="52" t="s">
        <v>4208</v>
      </c>
      <c r="B897" s="53">
        <v>11196</v>
      </c>
      <c r="C897" s="53">
        <v>11196</v>
      </c>
      <c r="D897" s="53">
        <v>317196</v>
      </c>
      <c r="E897" s="53">
        <v>11196</v>
      </c>
      <c r="F897" s="53">
        <v>11196</v>
      </c>
      <c r="G897" s="53">
        <v>317196</v>
      </c>
      <c r="H897" s="53">
        <v>11196</v>
      </c>
      <c r="I897" s="53">
        <v>11196</v>
      </c>
      <c r="J897" s="53">
        <v>317196</v>
      </c>
      <c r="K897" s="53">
        <v>11196</v>
      </c>
      <c r="L897" s="53">
        <v>11196</v>
      </c>
      <c r="M897" s="53">
        <v>317196</v>
      </c>
      <c r="N897" s="53">
        <v>1358352</v>
      </c>
      <c r="O897" s="53">
        <v>11196</v>
      </c>
      <c r="P897" s="53">
        <v>11196</v>
      </c>
      <c r="Q897" s="53">
        <v>317196</v>
      </c>
      <c r="R897" s="53">
        <v>11196</v>
      </c>
      <c r="S897" s="53">
        <v>11196</v>
      </c>
      <c r="T897" s="53">
        <v>317196</v>
      </c>
      <c r="U897" s="53">
        <v>11196</v>
      </c>
      <c r="V897" s="53">
        <v>11196</v>
      </c>
      <c r="W897" s="53">
        <v>317196</v>
      </c>
      <c r="X897" s="53">
        <v>11196</v>
      </c>
      <c r="Y897" s="53">
        <v>11196</v>
      </c>
      <c r="Z897" s="53">
        <v>317196</v>
      </c>
      <c r="AA897" s="53">
        <v>1358352</v>
      </c>
      <c r="AB897" s="53">
        <v>11196</v>
      </c>
      <c r="AC897" s="53">
        <v>11196</v>
      </c>
      <c r="AD897" s="53">
        <v>317196</v>
      </c>
      <c r="AE897" s="53">
        <v>11196</v>
      </c>
      <c r="AF897" s="53">
        <v>11196</v>
      </c>
      <c r="AG897" s="53">
        <v>317196</v>
      </c>
      <c r="AH897" s="53">
        <v>11196</v>
      </c>
      <c r="AI897" s="53">
        <v>11196</v>
      </c>
      <c r="AJ897" s="53">
        <v>317196</v>
      </c>
      <c r="AK897" s="53">
        <v>11196</v>
      </c>
      <c r="AL897" s="53">
        <v>11196</v>
      </c>
      <c r="AM897" s="53">
        <v>317196</v>
      </c>
      <c r="AN897" s="53">
        <v>1358352</v>
      </c>
      <c r="AO897" s="53">
        <v>11196</v>
      </c>
      <c r="AP897" s="53">
        <v>11196</v>
      </c>
      <c r="AQ897" s="53">
        <v>317196</v>
      </c>
      <c r="AR897" s="53">
        <v>11196</v>
      </c>
      <c r="AS897" s="53">
        <v>11196</v>
      </c>
      <c r="AT897" s="53">
        <v>317196</v>
      </c>
      <c r="AU897" s="53">
        <v>11196</v>
      </c>
      <c r="AV897" s="53">
        <v>11196</v>
      </c>
      <c r="AW897" s="53">
        <v>317196</v>
      </c>
      <c r="AX897" s="53">
        <v>11196</v>
      </c>
      <c r="AY897" s="53">
        <v>11196</v>
      </c>
      <c r="AZ897" s="53">
        <v>317196</v>
      </c>
      <c r="BA897" s="53">
        <v>1358352</v>
      </c>
    </row>
    <row r="898" spans="1:53">
      <c r="A898" s="52" t="s">
        <v>4209</v>
      </c>
      <c r="B898" s="53">
        <v>0</v>
      </c>
      <c r="C898" s="53">
        <v>0</v>
      </c>
      <c r="D898" s="53">
        <v>0</v>
      </c>
      <c r="E898" s="53">
        <v>0</v>
      </c>
      <c r="F898" s="53">
        <v>0</v>
      </c>
      <c r="G898" s="53">
        <v>0</v>
      </c>
      <c r="H898" s="53">
        <v>0</v>
      </c>
      <c r="I898" s="53">
        <v>0</v>
      </c>
      <c r="J898" s="53">
        <v>0</v>
      </c>
      <c r="K898" s="53">
        <v>0</v>
      </c>
      <c r="L898" s="53">
        <v>0</v>
      </c>
      <c r="M898" s="53">
        <v>0</v>
      </c>
      <c r="N898" s="53">
        <v>0</v>
      </c>
      <c r="O898" s="53">
        <v>0</v>
      </c>
      <c r="P898" s="53">
        <v>0</v>
      </c>
      <c r="Q898" s="53">
        <v>0</v>
      </c>
      <c r="R898" s="53">
        <v>0</v>
      </c>
      <c r="S898" s="53">
        <v>0</v>
      </c>
      <c r="T898" s="53">
        <v>0</v>
      </c>
      <c r="U898" s="53">
        <v>0</v>
      </c>
      <c r="V898" s="53">
        <v>0</v>
      </c>
      <c r="W898" s="53">
        <v>0</v>
      </c>
      <c r="X898" s="53">
        <v>0</v>
      </c>
      <c r="Y898" s="53">
        <v>0</v>
      </c>
      <c r="Z898" s="53">
        <v>0</v>
      </c>
      <c r="AA898" s="53">
        <v>0</v>
      </c>
      <c r="AB898" s="53">
        <v>0</v>
      </c>
      <c r="AC898" s="53">
        <v>0</v>
      </c>
      <c r="AD898" s="53">
        <v>0</v>
      </c>
      <c r="AE898" s="53">
        <v>0</v>
      </c>
      <c r="AF898" s="53">
        <v>0</v>
      </c>
      <c r="AG898" s="53">
        <v>0</v>
      </c>
      <c r="AH898" s="53">
        <v>0</v>
      </c>
      <c r="AI898" s="53">
        <v>0</v>
      </c>
      <c r="AJ898" s="53">
        <v>0</v>
      </c>
      <c r="AK898" s="53">
        <v>0</v>
      </c>
      <c r="AL898" s="53">
        <v>0</v>
      </c>
      <c r="AM898" s="53">
        <v>0</v>
      </c>
      <c r="AN898" s="53">
        <v>0</v>
      </c>
      <c r="AO898" s="53">
        <v>0</v>
      </c>
      <c r="AP898" s="53">
        <v>0</v>
      </c>
      <c r="AQ898" s="53">
        <v>0</v>
      </c>
      <c r="AR898" s="53">
        <v>0</v>
      </c>
      <c r="AS898" s="53">
        <v>0</v>
      </c>
      <c r="AT898" s="53">
        <v>0</v>
      </c>
      <c r="AU898" s="53">
        <v>0</v>
      </c>
      <c r="AV898" s="53">
        <v>0</v>
      </c>
      <c r="AW898" s="53">
        <v>0</v>
      </c>
      <c r="AX898" s="53">
        <v>0</v>
      </c>
      <c r="AY898" s="53">
        <v>0</v>
      </c>
      <c r="AZ898" s="53">
        <v>0</v>
      </c>
      <c r="BA898" s="53">
        <v>0</v>
      </c>
    </row>
    <row r="899" spans="1:53">
      <c r="A899" s="235" t="s">
        <v>4210</v>
      </c>
      <c r="B899" s="53">
        <v>-35382.87055</v>
      </c>
      <c r="C899" s="53">
        <v>-35382.87055</v>
      </c>
      <c r="D899" s="53">
        <v>-35382.87055</v>
      </c>
      <c r="E899" s="53">
        <v>-35382.87055</v>
      </c>
      <c r="F899" s="53">
        <v>-35382.87055</v>
      </c>
      <c r="G899" s="53">
        <v>-35382.87055</v>
      </c>
      <c r="H899" s="53">
        <v>-35382.87055</v>
      </c>
      <c r="I899" s="53">
        <v>-35382.87055</v>
      </c>
      <c r="J899" s="53">
        <v>-35382.87055</v>
      </c>
      <c r="K899" s="53">
        <v>-35382.87055</v>
      </c>
      <c r="L899" s="53">
        <v>-35382.87055</v>
      </c>
      <c r="M899" s="53">
        <v>-35382.87055</v>
      </c>
      <c r="N899" s="53">
        <v>-424594.44660000002</v>
      </c>
      <c r="O899" s="53">
        <v>0</v>
      </c>
      <c r="P899" s="53">
        <v>0</v>
      </c>
      <c r="Q899" s="53">
        <v>0</v>
      </c>
      <c r="R899" s="53">
        <v>0</v>
      </c>
      <c r="S899" s="53">
        <v>0</v>
      </c>
      <c r="T899" s="53">
        <v>0</v>
      </c>
      <c r="U899" s="53">
        <v>0</v>
      </c>
      <c r="V899" s="53">
        <v>0</v>
      </c>
      <c r="W899" s="53">
        <v>0</v>
      </c>
      <c r="X899" s="53">
        <v>0</v>
      </c>
      <c r="Y899" s="53">
        <v>0</v>
      </c>
      <c r="Z899" s="53">
        <v>0</v>
      </c>
      <c r="AA899" s="53">
        <v>0</v>
      </c>
      <c r="AB899" s="53">
        <v>0</v>
      </c>
      <c r="AC899" s="53">
        <v>0</v>
      </c>
      <c r="AD899" s="53">
        <v>0</v>
      </c>
      <c r="AE899" s="53">
        <v>0</v>
      </c>
      <c r="AF899" s="53">
        <v>0</v>
      </c>
      <c r="AG899" s="53">
        <v>0</v>
      </c>
      <c r="AH899" s="53">
        <v>0</v>
      </c>
      <c r="AI899" s="53">
        <v>0</v>
      </c>
      <c r="AJ899" s="53">
        <v>0</v>
      </c>
      <c r="AK899" s="53">
        <v>0</v>
      </c>
      <c r="AL899" s="53">
        <v>0</v>
      </c>
      <c r="AM899" s="53">
        <v>0</v>
      </c>
      <c r="AN899" s="53">
        <v>0</v>
      </c>
      <c r="AO899" s="53">
        <v>0</v>
      </c>
      <c r="AP899" s="53">
        <v>0</v>
      </c>
      <c r="AQ899" s="53">
        <v>0</v>
      </c>
      <c r="AR899" s="53">
        <v>0</v>
      </c>
      <c r="AS899" s="53">
        <v>0</v>
      </c>
      <c r="AT899" s="53">
        <v>0</v>
      </c>
      <c r="AU899" s="53">
        <v>0</v>
      </c>
      <c r="AV899" s="53">
        <v>0</v>
      </c>
      <c r="AW899" s="53">
        <v>0</v>
      </c>
      <c r="AX899" s="53">
        <v>0</v>
      </c>
      <c r="AY899" s="53">
        <v>0</v>
      </c>
      <c r="AZ899" s="53">
        <v>0</v>
      </c>
      <c r="BA899" s="53">
        <v>0</v>
      </c>
    </row>
    <row r="900" spans="1:53">
      <c r="A900" s="52" t="s">
        <v>4211</v>
      </c>
      <c r="B900" s="53">
        <v>0</v>
      </c>
      <c r="C900" s="53">
        <v>0</v>
      </c>
      <c r="D900" s="53">
        <v>0</v>
      </c>
      <c r="E900" s="53">
        <v>0</v>
      </c>
      <c r="F900" s="53">
        <v>0</v>
      </c>
      <c r="G900" s="53">
        <v>0</v>
      </c>
      <c r="H900" s="53">
        <v>0</v>
      </c>
      <c r="I900" s="53">
        <v>0</v>
      </c>
      <c r="J900" s="53">
        <v>0</v>
      </c>
      <c r="K900" s="53">
        <v>0</v>
      </c>
      <c r="L900" s="53">
        <v>0</v>
      </c>
      <c r="M900" s="53">
        <v>0</v>
      </c>
      <c r="N900" s="53">
        <v>0</v>
      </c>
      <c r="O900" s="53">
        <v>0</v>
      </c>
      <c r="P900" s="53">
        <v>0</v>
      </c>
      <c r="Q900" s="53">
        <v>0</v>
      </c>
      <c r="R900" s="53">
        <v>0</v>
      </c>
      <c r="S900" s="53">
        <v>0</v>
      </c>
      <c r="T900" s="53">
        <v>0</v>
      </c>
      <c r="U900" s="53">
        <v>0</v>
      </c>
      <c r="V900" s="53">
        <v>0</v>
      </c>
      <c r="W900" s="53">
        <v>0</v>
      </c>
      <c r="X900" s="53">
        <v>0</v>
      </c>
      <c r="Y900" s="53">
        <v>0</v>
      </c>
      <c r="Z900" s="53">
        <v>0</v>
      </c>
      <c r="AA900" s="53">
        <v>0</v>
      </c>
      <c r="AB900" s="53">
        <v>0</v>
      </c>
      <c r="AC900" s="53">
        <v>0</v>
      </c>
      <c r="AD900" s="53">
        <v>0</v>
      </c>
      <c r="AE900" s="53">
        <v>0</v>
      </c>
      <c r="AF900" s="53">
        <v>0</v>
      </c>
      <c r="AG900" s="53">
        <v>0</v>
      </c>
      <c r="AH900" s="53">
        <v>0</v>
      </c>
      <c r="AI900" s="53">
        <v>0</v>
      </c>
      <c r="AJ900" s="53">
        <v>0</v>
      </c>
      <c r="AK900" s="53">
        <v>0</v>
      </c>
      <c r="AL900" s="53">
        <v>0</v>
      </c>
      <c r="AM900" s="53">
        <v>0</v>
      </c>
      <c r="AN900" s="53">
        <v>0</v>
      </c>
      <c r="AO900" s="53">
        <v>0</v>
      </c>
      <c r="AP900" s="53">
        <v>0</v>
      </c>
      <c r="AQ900" s="53">
        <v>0</v>
      </c>
      <c r="AR900" s="53">
        <v>0</v>
      </c>
      <c r="AS900" s="53">
        <v>0</v>
      </c>
      <c r="AT900" s="53">
        <v>0</v>
      </c>
      <c r="AU900" s="53">
        <v>0</v>
      </c>
      <c r="AV900" s="53">
        <v>0</v>
      </c>
      <c r="AW900" s="53">
        <v>0</v>
      </c>
      <c r="AX900" s="53">
        <v>0</v>
      </c>
      <c r="AY900" s="53">
        <v>0</v>
      </c>
      <c r="AZ900" s="53">
        <v>0</v>
      </c>
      <c r="BA900" s="53">
        <v>0</v>
      </c>
    </row>
    <row r="901" spans="1:53">
      <c r="A901" s="52" t="s">
        <v>4212</v>
      </c>
      <c r="B901" s="53">
        <v>377339.69208649802</v>
      </c>
      <c r="C901" s="53">
        <v>377339.69208649802</v>
      </c>
      <c r="D901" s="53">
        <v>377339.69208649802</v>
      </c>
      <c r="E901" s="53">
        <v>377339.69208649802</v>
      </c>
      <c r="F901" s="53">
        <v>377339.69208649802</v>
      </c>
      <c r="G901" s="53">
        <v>377339.69208649802</v>
      </c>
      <c r="H901" s="53">
        <v>377339.69208649802</v>
      </c>
      <c r="I901" s="53">
        <v>377339.69208649802</v>
      </c>
      <c r="J901" s="53">
        <v>377339.69208649802</v>
      </c>
      <c r="K901" s="53">
        <v>377339.69208649802</v>
      </c>
      <c r="L901" s="53">
        <v>377339.69208649802</v>
      </c>
      <c r="M901" s="53">
        <v>377339.69208649802</v>
      </c>
      <c r="N901" s="53">
        <v>4528076.30503798</v>
      </c>
      <c r="O901" s="53">
        <v>377339.69208649802</v>
      </c>
      <c r="P901" s="53">
        <v>377339.69208649802</v>
      </c>
      <c r="Q901" s="53">
        <v>377339.69208649802</v>
      </c>
      <c r="R901" s="53">
        <v>377339.69208649802</v>
      </c>
      <c r="S901" s="53">
        <v>377339.69208649802</v>
      </c>
      <c r="T901" s="53">
        <v>377339.69208649802</v>
      </c>
      <c r="U901" s="53">
        <v>377339.69208649802</v>
      </c>
      <c r="V901" s="53">
        <v>377339.69208649802</v>
      </c>
      <c r="W901" s="53">
        <v>377339.69208649802</v>
      </c>
      <c r="X901" s="53">
        <v>377339.69208649802</v>
      </c>
      <c r="Y901" s="53">
        <v>377339.69208649802</v>
      </c>
      <c r="Z901" s="53">
        <v>377339.69208649802</v>
      </c>
      <c r="AA901" s="53">
        <v>4528076.30503798</v>
      </c>
      <c r="AB901" s="53">
        <v>377339.69208649802</v>
      </c>
      <c r="AC901" s="53">
        <v>377339.69208649802</v>
      </c>
      <c r="AD901" s="53">
        <v>377339.69208649802</v>
      </c>
      <c r="AE901" s="53">
        <v>377339.69208649802</v>
      </c>
      <c r="AF901" s="53">
        <v>377339.69208649802</v>
      </c>
      <c r="AG901" s="53">
        <v>377339.69208649802</v>
      </c>
      <c r="AH901" s="53">
        <v>377339.69208649802</v>
      </c>
      <c r="AI901" s="53">
        <v>377339.69208649802</v>
      </c>
      <c r="AJ901" s="53">
        <v>377339.69208649802</v>
      </c>
      <c r="AK901" s="53">
        <v>377339.69208649802</v>
      </c>
      <c r="AL901" s="53">
        <v>377339.69208649802</v>
      </c>
      <c r="AM901" s="53">
        <v>377339.69208649802</v>
      </c>
      <c r="AN901" s="53">
        <v>4528076.30503798</v>
      </c>
      <c r="AO901" s="53">
        <v>377339.69208649802</v>
      </c>
      <c r="AP901" s="53">
        <v>377339.69208649802</v>
      </c>
      <c r="AQ901" s="53">
        <v>377339.69208649802</v>
      </c>
      <c r="AR901" s="53">
        <v>377339.69208649802</v>
      </c>
      <c r="AS901" s="53">
        <v>377339.69208649802</v>
      </c>
      <c r="AT901" s="53">
        <v>377339.69208649802</v>
      </c>
      <c r="AU901" s="53">
        <v>377339.69208649802</v>
      </c>
      <c r="AV901" s="53">
        <v>377339.69208649802</v>
      </c>
      <c r="AW901" s="53">
        <v>377339.69208649802</v>
      </c>
      <c r="AX901" s="53">
        <v>377339.69208649802</v>
      </c>
      <c r="AY901" s="53">
        <v>377339.69208649802</v>
      </c>
      <c r="AZ901" s="53">
        <v>377339.69208649802</v>
      </c>
      <c r="BA901" s="53">
        <v>4528076.30503798</v>
      </c>
    </row>
    <row r="902" spans="1:53">
      <c r="A902" s="52" t="s">
        <v>4213</v>
      </c>
      <c r="B902" s="53">
        <v>0</v>
      </c>
      <c r="C902" s="53">
        <v>0</v>
      </c>
      <c r="D902" s="53">
        <v>0</v>
      </c>
      <c r="E902" s="53">
        <v>0</v>
      </c>
      <c r="F902" s="53">
        <v>0</v>
      </c>
      <c r="G902" s="53">
        <v>0</v>
      </c>
      <c r="H902" s="53">
        <v>0</v>
      </c>
      <c r="I902" s="53">
        <v>0</v>
      </c>
      <c r="J902" s="53">
        <v>0</v>
      </c>
      <c r="K902" s="53">
        <v>0</v>
      </c>
      <c r="L902" s="53">
        <v>0</v>
      </c>
      <c r="M902" s="53">
        <v>0</v>
      </c>
      <c r="N902" s="53">
        <v>0</v>
      </c>
      <c r="O902" s="53">
        <v>0</v>
      </c>
      <c r="P902" s="53">
        <v>0</v>
      </c>
      <c r="Q902" s="53">
        <v>0</v>
      </c>
      <c r="R902" s="53">
        <v>0</v>
      </c>
      <c r="S902" s="53">
        <v>0</v>
      </c>
      <c r="T902" s="53">
        <v>0</v>
      </c>
      <c r="U902" s="53">
        <v>0</v>
      </c>
      <c r="V902" s="53">
        <v>0</v>
      </c>
      <c r="W902" s="53">
        <v>0</v>
      </c>
      <c r="X902" s="53">
        <v>0</v>
      </c>
      <c r="Y902" s="53">
        <v>0</v>
      </c>
      <c r="Z902" s="53">
        <v>0</v>
      </c>
      <c r="AA902" s="53">
        <v>0</v>
      </c>
      <c r="AB902" s="53">
        <v>0</v>
      </c>
      <c r="AC902" s="53">
        <v>0</v>
      </c>
      <c r="AD902" s="53">
        <v>0</v>
      </c>
      <c r="AE902" s="53">
        <v>0</v>
      </c>
      <c r="AF902" s="53">
        <v>0</v>
      </c>
      <c r="AG902" s="53">
        <v>0</v>
      </c>
      <c r="AH902" s="53">
        <v>0</v>
      </c>
      <c r="AI902" s="53">
        <v>0</v>
      </c>
      <c r="AJ902" s="53">
        <v>0</v>
      </c>
      <c r="AK902" s="53">
        <v>0</v>
      </c>
      <c r="AL902" s="53">
        <v>0</v>
      </c>
      <c r="AM902" s="53">
        <v>0</v>
      </c>
      <c r="AN902" s="53">
        <v>0</v>
      </c>
      <c r="AO902" s="53">
        <v>0</v>
      </c>
      <c r="AP902" s="53">
        <v>0</v>
      </c>
      <c r="AQ902" s="53">
        <v>0</v>
      </c>
      <c r="AR902" s="53">
        <v>0</v>
      </c>
      <c r="AS902" s="53">
        <v>0</v>
      </c>
      <c r="AT902" s="53">
        <v>0</v>
      </c>
      <c r="AU902" s="53">
        <v>0</v>
      </c>
      <c r="AV902" s="53">
        <v>0</v>
      </c>
      <c r="AW902" s="53">
        <v>0</v>
      </c>
      <c r="AX902" s="53">
        <v>0</v>
      </c>
      <c r="AY902" s="53">
        <v>0</v>
      </c>
      <c r="AZ902" s="53">
        <v>0</v>
      </c>
      <c r="BA902" s="53">
        <v>0</v>
      </c>
    </row>
    <row r="903" spans="1:53">
      <c r="A903" s="52" t="s">
        <v>4214</v>
      </c>
      <c r="B903" s="53">
        <v>633137.04781513405</v>
      </c>
      <c r="C903" s="53">
        <v>626192.20172856899</v>
      </c>
      <c r="D903" s="53">
        <v>959316.25550111395</v>
      </c>
      <c r="E903" s="53">
        <v>683636.51303301798</v>
      </c>
      <c r="F903" s="53">
        <v>682989.29806656297</v>
      </c>
      <c r="G903" s="53">
        <v>988310.30806674005</v>
      </c>
      <c r="H903" s="53">
        <v>679188.06329522503</v>
      </c>
      <c r="I903" s="53">
        <v>673926.45617240004</v>
      </c>
      <c r="J903" s="53">
        <v>973400.30635885196</v>
      </c>
      <c r="K903" s="53">
        <v>663611.40941836801</v>
      </c>
      <c r="L903" s="53">
        <v>663744.43608435302</v>
      </c>
      <c r="M903" s="53">
        <v>972812.09307049098</v>
      </c>
      <c r="N903" s="53">
        <v>9200264.3886108305</v>
      </c>
      <c r="O903" s="53">
        <v>640411.75063064205</v>
      </c>
      <c r="P903" s="53">
        <v>634920.087310893</v>
      </c>
      <c r="Q903" s="53">
        <v>964137.95152234705</v>
      </c>
      <c r="R903" s="53">
        <v>684915.19024025602</v>
      </c>
      <c r="S903" s="53">
        <v>686469.54406518897</v>
      </c>
      <c r="T903" s="53">
        <v>993852.25451584696</v>
      </c>
      <c r="U903" s="53">
        <v>686896.36253353499</v>
      </c>
      <c r="V903" s="53">
        <v>683651.64598649298</v>
      </c>
      <c r="W903" s="53">
        <v>986931.55778200994</v>
      </c>
      <c r="X903" s="53">
        <v>680794.76096931298</v>
      </c>
      <c r="Y903" s="53">
        <v>682797.81906400702</v>
      </c>
      <c r="Z903" s="53">
        <v>1000258.19025569</v>
      </c>
      <c r="AA903" s="53">
        <v>9326037.11487622</v>
      </c>
      <c r="AB903" s="53">
        <v>696327.83662034594</v>
      </c>
      <c r="AC903" s="53">
        <v>689322.76307786</v>
      </c>
      <c r="AD903" s="53">
        <v>1016559.59029817</v>
      </c>
      <c r="AE903" s="53">
        <v>734548.73653508304</v>
      </c>
      <c r="AF903" s="53">
        <v>733015.41502184095</v>
      </c>
      <c r="AG903" s="53">
        <v>1037428.83463083</v>
      </c>
      <c r="AH903" s="53">
        <v>728061.90867993003</v>
      </c>
      <c r="AI903" s="53">
        <v>722750.41916205105</v>
      </c>
      <c r="AJ903" s="53">
        <v>1023793.89710987</v>
      </c>
      <c r="AK903" s="53">
        <v>714753.18762067799</v>
      </c>
      <c r="AL903" s="53">
        <v>713301.34889885096</v>
      </c>
      <c r="AM903" s="53">
        <v>1028974.8350692299</v>
      </c>
      <c r="AN903" s="53">
        <v>9838838.7727247607</v>
      </c>
      <c r="AO903" s="53">
        <v>729560.23994391505</v>
      </c>
      <c r="AP903" s="53">
        <v>722271.50586908299</v>
      </c>
      <c r="AQ903" s="53">
        <v>1049349.2767940999</v>
      </c>
      <c r="AR903" s="53">
        <v>767131.45109790296</v>
      </c>
      <c r="AS903" s="53">
        <v>765296.37270498299</v>
      </c>
      <c r="AT903" s="53">
        <v>1069422.3043680501</v>
      </c>
      <c r="AU903" s="53">
        <v>759802.19485867501</v>
      </c>
      <c r="AV903" s="53">
        <v>754240.62681573303</v>
      </c>
      <c r="AW903" s="53">
        <v>1055091.87834834</v>
      </c>
      <c r="AX903" s="53">
        <v>745844.14797831699</v>
      </c>
      <c r="AY903" s="53">
        <v>744096.99212933297</v>
      </c>
      <c r="AZ903" s="53">
        <v>1059796.63695283</v>
      </c>
      <c r="BA903" s="53">
        <v>10221903.6278612</v>
      </c>
    </row>
    <row r="904" spans="1:53">
      <c r="A904" s="236" t="s">
        <v>4215</v>
      </c>
      <c r="B904" s="53">
        <v>35600746.120197199</v>
      </c>
      <c r="C904" s="53">
        <v>35400971.016578697</v>
      </c>
      <c r="D904" s="53">
        <v>35704841.360399298</v>
      </c>
      <c r="E904" s="53">
        <v>35420547.932999603</v>
      </c>
      <c r="F904" s="53">
        <v>35524241.427687399</v>
      </c>
      <c r="G904" s="53">
        <v>36053979.427461497</v>
      </c>
      <c r="H904" s="53">
        <v>35769243.724260703</v>
      </c>
      <c r="I904" s="53">
        <v>37024970.946153902</v>
      </c>
      <c r="J904" s="53">
        <v>36692303.738910399</v>
      </c>
      <c r="K904" s="53">
        <v>36384776.428202301</v>
      </c>
      <c r="L904" s="53">
        <v>36388676.4870217</v>
      </c>
      <c r="M904" s="53">
        <v>36709653.079129301</v>
      </c>
      <c r="N904" s="53">
        <v>432674951.68900198</v>
      </c>
      <c r="O904" s="53">
        <v>36259915.583517</v>
      </c>
      <c r="P904" s="53">
        <v>36286647.078474201</v>
      </c>
      <c r="Q904" s="53">
        <v>36823933.535199299</v>
      </c>
      <c r="R904" s="53">
        <v>36888437.569166899</v>
      </c>
      <c r="S904" s="53">
        <v>37144000.211875901</v>
      </c>
      <c r="T904" s="53">
        <v>39258461.266337298</v>
      </c>
      <c r="U904" s="53">
        <v>39189385.6308176</v>
      </c>
      <c r="V904" s="53">
        <v>39189216.802474998</v>
      </c>
      <c r="W904" s="53">
        <v>39494354.9262788</v>
      </c>
      <c r="X904" s="53">
        <v>39190081.380956203</v>
      </c>
      <c r="Y904" s="53">
        <v>39195182.548974797</v>
      </c>
      <c r="Z904" s="53">
        <v>39692746.151950002</v>
      </c>
      <c r="AA904" s="53">
        <v>458612362.686023</v>
      </c>
      <c r="AB904" s="53">
        <v>39625211.243887901</v>
      </c>
      <c r="AC904" s="53">
        <v>39669864.030113302</v>
      </c>
      <c r="AD904" s="53">
        <v>40110444.324315697</v>
      </c>
      <c r="AE904" s="53">
        <v>39995718.466395803</v>
      </c>
      <c r="AF904" s="53">
        <v>40108860.127931699</v>
      </c>
      <c r="AG904" s="53">
        <v>42057250.323934801</v>
      </c>
      <c r="AH904" s="53">
        <v>41952313.877516903</v>
      </c>
      <c r="AI904" s="53">
        <v>41950100.527825102</v>
      </c>
      <c r="AJ904" s="53">
        <v>42253016.839770697</v>
      </c>
      <c r="AK904" s="53">
        <v>41945853.965171002</v>
      </c>
      <c r="AL904" s="53">
        <v>41947522.283067599</v>
      </c>
      <c r="AM904" s="53">
        <v>42505981.962943099</v>
      </c>
      <c r="AN904" s="53">
        <v>494122137.97287399</v>
      </c>
      <c r="AO904" s="53">
        <v>42501984.495905697</v>
      </c>
      <c r="AP904" s="53">
        <v>42507684.959555998</v>
      </c>
      <c r="AQ904" s="53">
        <v>42949700.649284899</v>
      </c>
      <c r="AR904" s="53">
        <v>42835012.864640802</v>
      </c>
      <c r="AS904" s="53">
        <v>42936871.461953402</v>
      </c>
      <c r="AT904" s="53">
        <v>45896237.616627298</v>
      </c>
      <c r="AU904" s="53">
        <v>45503395.1275381</v>
      </c>
      <c r="AV904" s="53">
        <v>45501005.535228297</v>
      </c>
      <c r="AW904" s="53">
        <v>45803775.666295402</v>
      </c>
      <c r="AX904" s="53">
        <v>45496451.939303704</v>
      </c>
      <c r="AY904" s="53">
        <v>45497899.2193712</v>
      </c>
      <c r="AZ904" s="53">
        <v>46064182.773425899</v>
      </c>
      <c r="BA904" s="53">
        <v>533494202.30913103</v>
      </c>
    </row>
    <row r="905" spans="1:53">
      <c r="A905" s="52" t="s">
        <v>4216</v>
      </c>
      <c r="B905" s="53"/>
      <c r="C905" s="53"/>
      <c r="D905" s="53"/>
      <c r="E905" s="53"/>
      <c r="F905" s="53"/>
      <c r="G905" s="53"/>
      <c r="H905" s="53"/>
      <c r="I905" s="53"/>
      <c r="J905" s="53"/>
      <c r="K905" s="53"/>
      <c r="L905" s="53"/>
      <c r="M905" s="53"/>
      <c r="N905" s="53"/>
      <c r="O905" s="53"/>
      <c r="P905" s="53"/>
      <c r="Q905" s="53"/>
      <c r="R905" s="53"/>
      <c r="S905" s="53"/>
      <c r="T905" s="53"/>
      <c r="U905" s="53"/>
      <c r="V905" s="53"/>
      <c r="W905" s="53"/>
      <c r="X905" s="53"/>
      <c r="Y905" s="53"/>
      <c r="Z905" s="53"/>
      <c r="AA905" s="53"/>
      <c r="AB905" s="53"/>
      <c r="AC905" s="53"/>
      <c r="AD905" s="53"/>
      <c r="AE905" s="53"/>
      <c r="AF905" s="53"/>
      <c r="AG905" s="53"/>
      <c r="AH905" s="53"/>
      <c r="AI905" s="53"/>
      <c r="AJ905" s="53"/>
      <c r="AK905" s="53"/>
      <c r="AL905" s="53"/>
      <c r="AM905" s="53"/>
      <c r="AN905" s="53"/>
      <c r="AO905" s="53"/>
      <c r="AP905" s="53"/>
      <c r="AQ905" s="53"/>
      <c r="AR905" s="53"/>
      <c r="AS905" s="53"/>
      <c r="AT905" s="53"/>
      <c r="AU905" s="53"/>
      <c r="AV905" s="53"/>
      <c r="AW905" s="53"/>
      <c r="AX905" s="53"/>
      <c r="AY905" s="53"/>
      <c r="AZ905" s="53"/>
      <c r="BA905" s="53"/>
    </row>
    <row r="906" spans="1:53">
      <c r="A906" s="52" t="s">
        <v>4217</v>
      </c>
      <c r="B906" s="53">
        <v>0</v>
      </c>
      <c r="C906" s="53">
        <v>0</v>
      </c>
      <c r="D906" s="53">
        <v>0</v>
      </c>
      <c r="E906" s="53">
        <v>0</v>
      </c>
      <c r="F906" s="53">
        <v>0</v>
      </c>
      <c r="G906" s="53">
        <v>0</v>
      </c>
      <c r="H906" s="53">
        <v>0</v>
      </c>
      <c r="I906" s="53">
        <v>0</v>
      </c>
      <c r="J906" s="53">
        <v>0</v>
      </c>
      <c r="K906" s="53">
        <v>0</v>
      </c>
      <c r="L906" s="53">
        <v>0</v>
      </c>
      <c r="M906" s="53">
        <v>0</v>
      </c>
      <c r="N906" s="53">
        <v>0</v>
      </c>
      <c r="O906" s="53">
        <v>0</v>
      </c>
      <c r="P906" s="53">
        <v>0</v>
      </c>
      <c r="Q906" s="53">
        <v>0</v>
      </c>
      <c r="R906" s="53">
        <v>0</v>
      </c>
      <c r="S906" s="53">
        <v>0</v>
      </c>
      <c r="T906" s="53">
        <v>0</v>
      </c>
      <c r="U906" s="53">
        <v>0</v>
      </c>
      <c r="V906" s="53">
        <v>0</v>
      </c>
      <c r="W906" s="53">
        <v>0</v>
      </c>
      <c r="X906" s="53">
        <v>0</v>
      </c>
      <c r="Y906" s="53">
        <v>0</v>
      </c>
      <c r="Z906" s="53">
        <v>0</v>
      </c>
      <c r="AA906" s="53">
        <v>0</v>
      </c>
      <c r="AB906" s="53">
        <v>0</v>
      </c>
      <c r="AC906" s="53">
        <v>0</v>
      </c>
      <c r="AD906" s="53">
        <v>0</v>
      </c>
      <c r="AE906" s="53">
        <v>0</v>
      </c>
      <c r="AF906" s="53">
        <v>0</v>
      </c>
      <c r="AG906" s="53">
        <v>0</v>
      </c>
      <c r="AH906" s="53">
        <v>0</v>
      </c>
      <c r="AI906" s="53">
        <v>0</v>
      </c>
      <c r="AJ906" s="53">
        <v>0</v>
      </c>
      <c r="AK906" s="53">
        <v>0</v>
      </c>
      <c r="AL906" s="53">
        <v>0</v>
      </c>
      <c r="AM906" s="53">
        <v>0</v>
      </c>
      <c r="AN906" s="53">
        <v>0</v>
      </c>
      <c r="AO906" s="53">
        <v>0</v>
      </c>
      <c r="AP906" s="53">
        <v>0</v>
      </c>
      <c r="AQ906" s="53">
        <v>0</v>
      </c>
      <c r="AR906" s="53">
        <v>0</v>
      </c>
      <c r="AS906" s="53">
        <v>0</v>
      </c>
      <c r="AT906" s="53">
        <v>0</v>
      </c>
      <c r="AU906" s="53">
        <v>0</v>
      </c>
      <c r="AV906" s="53">
        <v>0</v>
      </c>
      <c r="AW906" s="53">
        <v>0</v>
      </c>
      <c r="AX906" s="53">
        <v>0</v>
      </c>
      <c r="AY906" s="53">
        <v>0</v>
      </c>
      <c r="AZ906" s="53">
        <v>0</v>
      </c>
      <c r="BA906" s="53">
        <v>0</v>
      </c>
    </row>
    <row r="907" spans="1:53">
      <c r="A907" s="52" t="s">
        <v>4218</v>
      </c>
      <c r="B907" s="53">
        <v>-629646.84760394902</v>
      </c>
      <c r="C907" s="53">
        <v>-386002.92051833402</v>
      </c>
      <c r="D907" s="53">
        <v>-409161.31784538599</v>
      </c>
      <c r="E907" s="53">
        <v>-431669.12717703503</v>
      </c>
      <c r="F907" s="53">
        <v>-453970.72370911698</v>
      </c>
      <c r="G907" s="53">
        <v>-475548.87893423298</v>
      </c>
      <c r="H907" s="53">
        <v>-497348.59376690502</v>
      </c>
      <c r="I907" s="53">
        <v>-517766.12873328797</v>
      </c>
      <c r="J907" s="53">
        <v>-539082.07158123597</v>
      </c>
      <c r="K907" s="53">
        <v>-367469.142248191</v>
      </c>
      <c r="L907" s="53">
        <v>-382530.85720435699</v>
      </c>
      <c r="M907" s="53">
        <v>-161548.96074721299</v>
      </c>
      <c r="N907" s="53">
        <v>-5251745.5700692497</v>
      </c>
      <c r="O907" s="53">
        <v>-165747.99787365401</v>
      </c>
      <c r="P907" s="53">
        <v>-171676.72019238601</v>
      </c>
      <c r="Q907" s="53">
        <v>-176681.904824992</v>
      </c>
      <c r="R907" s="53">
        <v>-181732.04937467899</v>
      </c>
      <c r="S907" s="53">
        <v>-186459.19055793001</v>
      </c>
      <c r="T907" s="53">
        <v>-191039.59711827699</v>
      </c>
      <c r="U907" s="53">
        <v>-196115.94614693301</v>
      </c>
      <c r="V907" s="53">
        <v>-201153.25668833099</v>
      </c>
      <c r="W907" s="53">
        <v>-206532.43743080701</v>
      </c>
      <c r="X907" s="53">
        <v>-211667.60756329601</v>
      </c>
      <c r="Y907" s="53">
        <v>-215837.38486479199</v>
      </c>
      <c r="Z907" s="53">
        <v>-33643.239406726301</v>
      </c>
      <c r="AA907" s="53">
        <v>-2138287.33204281</v>
      </c>
      <c r="AB907" s="53">
        <v>-34123.487734871</v>
      </c>
      <c r="AC907" s="53">
        <v>-40505.060553925403</v>
      </c>
      <c r="AD907" s="53">
        <v>-52269.287573822803</v>
      </c>
      <c r="AE907" s="53">
        <v>-64127.903262057</v>
      </c>
      <c r="AF907" s="53">
        <v>-76081.928462397307</v>
      </c>
      <c r="AG907" s="53">
        <v>-88132.397223583102</v>
      </c>
      <c r="AH907" s="53">
        <v>-100280.356992029</v>
      </c>
      <c r="AI907" s="53">
        <v>-112526.868807579</v>
      </c>
      <c r="AJ907" s="53">
        <v>-124873.00750235999</v>
      </c>
      <c r="AK907" s="53">
        <v>-137319.86190318799</v>
      </c>
      <c r="AL907" s="53">
        <v>-149868.53503674999</v>
      </c>
      <c r="AM907" s="53">
        <v>-162520.14433868899</v>
      </c>
      <c r="AN907" s="53">
        <v>-1142628.8393912499</v>
      </c>
      <c r="AO907" s="53">
        <v>-172296.31591302899</v>
      </c>
      <c r="AP907" s="53">
        <v>-185313.97451285401</v>
      </c>
      <c r="AQ907" s="53">
        <v>-32358.934880170302</v>
      </c>
      <c r="AR907" s="53">
        <v>-38282.608624829998</v>
      </c>
      <c r="AS907" s="53">
        <v>-44253.834543143799</v>
      </c>
      <c r="AT907" s="53">
        <v>-50273.127764053403</v>
      </c>
      <c r="AU907" s="53">
        <v>-56341.010090416399</v>
      </c>
      <c r="AV907" s="53">
        <v>-62458.010096514503</v>
      </c>
      <c r="AW907" s="53">
        <v>-68624.663227103694</v>
      </c>
      <c r="AX907" s="53">
        <v>-74841.511898255107</v>
      </c>
      <c r="AY907" s="53">
        <v>-81109.1055995426</v>
      </c>
      <c r="AZ907" s="53">
        <v>-87428.000998212199</v>
      </c>
      <c r="BA907" s="53">
        <v>-953581.09814812604</v>
      </c>
    </row>
    <row r="908" spans="1:53">
      <c r="A908" s="52" t="s">
        <v>4219</v>
      </c>
      <c r="B908" s="53">
        <v>-629646.84760394902</v>
      </c>
      <c r="C908" s="53">
        <v>-386002.92051833402</v>
      </c>
      <c r="D908" s="53">
        <v>-409161.31784538599</v>
      </c>
      <c r="E908" s="53">
        <v>-431669.12717703503</v>
      </c>
      <c r="F908" s="53">
        <v>-453970.72370911698</v>
      </c>
      <c r="G908" s="53">
        <v>-475548.87893423298</v>
      </c>
      <c r="H908" s="53">
        <v>-497348.59376690502</v>
      </c>
      <c r="I908" s="53">
        <v>-517766.12873328797</v>
      </c>
      <c r="J908" s="53">
        <v>-539082.07158123597</v>
      </c>
      <c r="K908" s="53">
        <v>-367469.142248191</v>
      </c>
      <c r="L908" s="53">
        <v>-382530.85720435699</v>
      </c>
      <c r="M908" s="53">
        <v>-161548.96074721299</v>
      </c>
      <c r="N908" s="53">
        <v>-5251745.5700692497</v>
      </c>
      <c r="O908" s="53">
        <v>-165747.99787365401</v>
      </c>
      <c r="P908" s="53">
        <v>-171676.72019238601</v>
      </c>
      <c r="Q908" s="53">
        <v>-176681.904824992</v>
      </c>
      <c r="R908" s="53">
        <v>-181732.04937467899</v>
      </c>
      <c r="S908" s="53">
        <v>-186459.19055793001</v>
      </c>
      <c r="T908" s="53">
        <v>-191039.59711827699</v>
      </c>
      <c r="U908" s="53">
        <v>-196115.94614693301</v>
      </c>
      <c r="V908" s="53">
        <v>-201153.25668833099</v>
      </c>
      <c r="W908" s="53">
        <v>-206532.43743080701</v>
      </c>
      <c r="X908" s="53">
        <v>-211667.60756329601</v>
      </c>
      <c r="Y908" s="53">
        <v>-215837.38486479199</v>
      </c>
      <c r="Z908" s="53">
        <v>-33643.239406726301</v>
      </c>
      <c r="AA908" s="53">
        <v>-2138287.33204281</v>
      </c>
      <c r="AB908" s="53">
        <v>-34123.487734871</v>
      </c>
      <c r="AC908" s="53">
        <v>-40505.060553925403</v>
      </c>
      <c r="AD908" s="53">
        <v>-52269.287573822803</v>
      </c>
      <c r="AE908" s="53">
        <v>-64127.903262057</v>
      </c>
      <c r="AF908" s="53">
        <v>-76081.928462397307</v>
      </c>
      <c r="AG908" s="53">
        <v>-88132.397223583102</v>
      </c>
      <c r="AH908" s="53">
        <v>-100280.356992029</v>
      </c>
      <c r="AI908" s="53">
        <v>-112526.868807579</v>
      </c>
      <c r="AJ908" s="53">
        <v>-124873.00750235999</v>
      </c>
      <c r="AK908" s="53">
        <v>-137319.86190318799</v>
      </c>
      <c r="AL908" s="53">
        <v>-149868.53503674999</v>
      </c>
      <c r="AM908" s="53">
        <v>-162520.14433868899</v>
      </c>
      <c r="AN908" s="53">
        <v>-1142628.8393912499</v>
      </c>
      <c r="AO908" s="53">
        <v>-172296.31591302899</v>
      </c>
      <c r="AP908" s="53">
        <v>-185313.97451285401</v>
      </c>
      <c r="AQ908" s="53">
        <v>-32358.934880170302</v>
      </c>
      <c r="AR908" s="53">
        <v>-38282.608624829998</v>
      </c>
      <c r="AS908" s="53">
        <v>-44253.834543143799</v>
      </c>
      <c r="AT908" s="53">
        <v>-50273.127764053403</v>
      </c>
      <c r="AU908" s="53">
        <v>-56341.010090416399</v>
      </c>
      <c r="AV908" s="53">
        <v>-62458.010096514503</v>
      </c>
      <c r="AW908" s="53">
        <v>-68624.663227103694</v>
      </c>
      <c r="AX908" s="53">
        <v>-74841.511898255107</v>
      </c>
      <c r="AY908" s="53">
        <v>-81109.1055995426</v>
      </c>
      <c r="AZ908" s="53">
        <v>-87428.000998212199</v>
      </c>
      <c r="BA908" s="53">
        <v>-953581.09814812604</v>
      </c>
    </row>
    <row r="909" spans="1:53">
      <c r="A909" s="236" t="s">
        <v>4220</v>
      </c>
      <c r="B909" s="53">
        <v>34971099.272593297</v>
      </c>
      <c r="C909" s="53">
        <v>35014968.096060403</v>
      </c>
      <c r="D909" s="53">
        <v>35295680.042553902</v>
      </c>
      <c r="E909" s="53">
        <v>34988878.805822603</v>
      </c>
      <c r="F909" s="53">
        <v>35070270.7039783</v>
      </c>
      <c r="G909" s="53">
        <v>35578430.5485273</v>
      </c>
      <c r="H909" s="53">
        <v>35271895.130493797</v>
      </c>
      <c r="I909" s="53">
        <v>36507204.817420602</v>
      </c>
      <c r="J909" s="53">
        <v>36153221.667329103</v>
      </c>
      <c r="K909" s="53">
        <v>36017307.285954103</v>
      </c>
      <c r="L909" s="53">
        <v>36006145.6298173</v>
      </c>
      <c r="M909" s="53">
        <v>36548104.118382096</v>
      </c>
      <c r="N909" s="53">
        <v>427423206.11893302</v>
      </c>
      <c r="O909" s="53">
        <v>36094167.585643299</v>
      </c>
      <c r="P909" s="53">
        <v>36114970.358281799</v>
      </c>
      <c r="Q909" s="53">
        <v>36647251.630374297</v>
      </c>
      <c r="R909" s="53">
        <v>36706705.519792199</v>
      </c>
      <c r="S909" s="53">
        <v>36957541.021318004</v>
      </c>
      <c r="T909" s="53">
        <v>39067421.669219002</v>
      </c>
      <c r="U909" s="53">
        <v>38993269.684670702</v>
      </c>
      <c r="V909" s="53">
        <v>38988063.545786701</v>
      </c>
      <c r="W909" s="53">
        <v>39287822.488848001</v>
      </c>
      <c r="X909" s="53">
        <v>38978413.773392901</v>
      </c>
      <c r="Y909" s="53">
        <v>38979345.164109997</v>
      </c>
      <c r="Z909" s="53">
        <v>39659102.912543297</v>
      </c>
      <c r="AA909" s="53">
        <v>456474075.35398</v>
      </c>
      <c r="AB909" s="53">
        <v>39591087.756153099</v>
      </c>
      <c r="AC909" s="53">
        <v>39629358.969559401</v>
      </c>
      <c r="AD909" s="53">
        <v>40058175.036741801</v>
      </c>
      <c r="AE909" s="53">
        <v>39931590.563133702</v>
      </c>
      <c r="AF909" s="53">
        <v>40032778.199469298</v>
      </c>
      <c r="AG909" s="53">
        <v>41969117.926711202</v>
      </c>
      <c r="AH909" s="53">
        <v>41852033.520524897</v>
      </c>
      <c r="AI909" s="53">
        <v>41837573.659017503</v>
      </c>
      <c r="AJ909" s="53">
        <v>42128143.832268298</v>
      </c>
      <c r="AK909" s="53">
        <v>41808534.103267796</v>
      </c>
      <c r="AL909" s="53">
        <v>41797653.748030797</v>
      </c>
      <c r="AM909" s="53">
        <v>42343461.818604402</v>
      </c>
      <c r="AN909" s="53">
        <v>492979509.13348198</v>
      </c>
      <c r="AO909" s="53">
        <v>42329688.179992601</v>
      </c>
      <c r="AP909" s="53">
        <v>42322370.985043101</v>
      </c>
      <c r="AQ909" s="53">
        <v>42917341.714404702</v>
      </c>
      <c r="AR909" s="53">
        <v>42796730.256016001</v>
      </c>
      <c r="AS909" s="53">
        <v>42892617.6274103</v>
      </c>
      <c r="AT909" s="53">
        <v>45845964.4888632</v>
      </c>
      <c r="AU909" s="53">
        <v>45447054.1174476</v>
      </c>
      <c r="AV909" s="53">
        <v>45438547.525131799</v>
      </c>
      <c r="AW909" s="53">
        <v>45735151.003068298</v>
      </c>
      <c r="AX909" s="53">
        <v>45421610.427405402</v>
      </c>
      <c r="AY909" s="53">
        <v>45416790.113771699</v>
      </c>
      <c r="AZ909" s="53">
        <v>45976754.772427604</v>
      </c>
      <c r="BA909" s="53">
        <v>532540621.21098202</v>
      </c>
    </row>
    <row r="910" spans="1:53">
      <c r="A910" s="52" t="s">
        <v>641</v>
      </c>
      <c r="B910" s="53"/>
      <c r="C910" s="53"/>
      <c r="D910" s="53"/>
      <c r="E910" s="53"/>
      <c r="F910" s="53"/>
      <c r="G910" s="53"/>
      <c r="H910" s="53"/>
      <c r="I910" s="53"/>
      <c r="J910" s="53"/>
      <c r="K910" s="53"/>
      <c r="L910" s="53"/>
      <c r="M910" s="53"/>
      <c r="N910" s="53"/>
      <c r="O910" s="53"/>
      <c r="P910" s="53"/>
      <c r="Q910" s="53"/>
      <c r="R910" s="53"/>
      <c r="S910" s="53"/>
      <c r="T910" s="53"/>
      <c r="U910" s="53"/>
      <c r="V910" s="53"/>
      <c r="W910" s="53"/>
      <c r="X910" s="53"/>
      <c r="Y910" s="53"/>
      <c r="Z910" s="53"/>
      <c r="AA910" s="53"/>
      <c r="AB910" s="53"/>
      <c r="AC910" s="53"/>
      <c r="AD910" s="53"/>
      <c r="AE910" s="53"/>
      <c r="AF910" s="53"/>
      <c r="AG910" s="53"/>
      <c r="AH910" s="53"/>
      <c r="AI910" s="53"/>
      <c r="AJ910" s="53"/>
      <c r="AK910" s="53"/>
      <c r="AL910" s="53"/>
      <c r="AM910" s="53"/>
      <c r="AN910" s="53"/>
      <c r="AO910" s="53"/>
      <c r="AP910" s="53"/>
      <c r="AQ910" s="53"/>
      <c r="AR910" s="53"/>
      <c r="AS910" s="53"/>
      <c r="AT910" s="53"/>
      <c r="AU910" s="53"/>
      <c r="AV910" s="53"/>
      <c r="AW910" s="53"/>
      <c r="AX910" s="53"/>
      <c r="AY910" s="53"/>
      <c r="AZ910" s="53"/>
      <c r="BA910" s="53"/>
    </row>
    <row r="911" spans="1:53">
      <c r="A911" s="52" t="s">
        <v>4221</v>
      </c>
      <c r="B911" s="53">
        <v>-93545217.209099799</v>
      </c>
      <c r="C911" s="53">
        <v>-98480527.217570707</v>
      </c>
      <c r="D911" s="53">
        <v>-71915939.403188795</v>
      </c>
      <c r="E911" s="53">
        <v>-53149655.922047898</v>
      </c>
      <c r="F911" s="53">
        <v>-69743976.479457006</v>
      </c>
      <c r="G911" s="53">
        <v>-89009429.697313994</v>
      </c>
      <c r="H911" s="53">
        <v>-85502751.4230721</v>
      </c>
      <c r="I911" s="53">
        <v>-70900648.651019499</v>
      </c>
      <c r="J911" s="53">
        <v>-83111569.994911402</v>
      </c>
      <c r="K911" s="53">
        <v>-75182577.778487802</v>
      </c>
      <c r="L911" s="53">
        <v>-70364750.125882998</v>
      </c>
      <c r="M911" s="53">
        <v>-101518802.04589701</v>
      </c>
      <c r="N911" s="53">
        <v>-962425845.94794905</v>
      </c>
      <c r="O911" s="53">
        <v>-87552812.434438094</v>
      </c>
      <c r="P911" s="53">
        <v>-64951439.151990399</v>
      </c>
      <c r="Q911" s="53">
        <v>-46824669.656323798</v>
      </c>
      <c r="R911" s="53">
        <v>-42376680.831411302</v>
      </c>
      <c r="S911" s="53">
        <v>-65647015.558660403</v>
      </c>
      <c r="T911" s="53">
        <v>-81835017.7121474</v>
      </c>
      <c r="U911" s="53">
        <v>-92944265.537144393</v>
      </c>
      <c r="V911" s="53">
        <v>-96089863.295005798</v>
      </c>
      <c r="W911" s="53">
        <v>-76522304.130105898</v>
      </c>
      <c r="X911" s="53">
        <v>-64204147.908177197</v>
      </c>
      <c r="Y911" s="53">
        <v>-46003460.847358301</v>
      </c>
      <c r="Z911" s="53">
        <v>-79008687.991929397</v>
      </c>
      <c r="AA911" s="53">
        <v>-843960365.05469298</v>
      </c>
      <c r="AB911" s="53">
        <v>-86517181.866681397</v>
      </c>
      <c r="AC911" s="53">
        <v>-63022344.151712999</v>
      </c>
      <c r="AD911" s="53">
        <v>-42908521.148835398</v>
      </c>
      <c r="AE911" s="53">
        <v>-39337315.440400198</v>
      </c>
      <c r="AF911" s="53">
        <v>-64143904.4370749</v>
      </c>
      <c r="AG911" s="53">
        <v>-81757075.905349404</v>
      </c>
      <c r="AH911" s="53">
        <v>-93548008.776605695</v>
      </c>
      <c r="AI911" s="53">
        <v>-99605612.220890597</v>
      </c>
      <c r="AJ911" s="53">
        <v>-78755903.265539795</v>
      </c>
      <c r="AK911" s="53">
        <v>-67186914.854515806</v>
      </c>
      <c r="AL911" s="53">
        <v>-47759638.765194498</v>
      </c>
      <c r="AM911" s="53">
        <v>-78866464.483224407</v>
      </c>
      <c r="AN911" s="53">
        <v>-843408885.31602502</v>
      </c>
      <c r="AO911" s="53">
        <v>-87339169.759040102</v>
      </c>
      <c r="AP911" s="53">
        <v>-64448151.860495701</v>
      </c>
      <c r="AQ911" s="53">
        <v>-45165674.612081997</v>
      </c>
      <c r="AR911" s="53">
        <v>-41325091.204181001</v>
      </c>
      <c r="AS911" s="53">
        <v>-63557474.179358602</v>
      </c>
      <c r="AT911" s="53">
        <v>-79473449.902635798</v>
      </c>
      <c r="AU911" s="53">
        <v>-90680354.254458696</v>
      </c>
      <c r="AV911" s="53">
        <v>-98127733.630092502</v>
      </c>
      <c r="AW911" s="53">
        <v>-76415389.977170393</v>
      </c>
      <c r="AX911" s="53">
        <v>-63635507.701114103</v>
      </c>
      <c r="AY911" s="53">
        <v>-37976886.936559103</v>
      </c>
      <c r="AZ911" s="53">
        <v>-75502008.490399003</v>
      </c>
      <c r="BA911" s="53">
        <v>-823646892.50758696</v>
      </c>
    </row>
    <row r="912" spans="1:53" ht="10.8" thickBot="1">
      <c r="A912" s="239" t="s">
        <v>4222</v>
      </c>
      <c r="B912" s="53"/>
      <c r="C912" s="53"/>
      <c r="D912" s="53"/>
      <c r="E912" s="53"/>
      <c r="F912" s="53"/>
      <c r="G912" s="53"/>
      <c r="H912" s="53"/>
      <c r="I912" s="53"/>
      <c r="J912" s="53"/>
      <c r="K912" s="53"/>
      <c r="L912" s="53"/>
      <c r="M912" s="53"/>
      <c r="N912" s="53"/>
      <c r="O912" s="53"/>
      <c r="P912" s="53"/>
      <c r="Q912" s="53"/>
      <c r="R912" s="53"/>
      <c r="S912" s="53"/>
      <c r="T912" s="53"/>
      <c r="U912" s="53"/>
      <c r="V912" s="53"/>
      <c r="W912" s="53"/>
      <c r="X912" s="53"/>
      <c r="Y912" s="53"/>
      <c r="Z912" s="53"/>
      <c r="AA912" s="53"/>
      <c r="AB912" s="53"/>
      <c r="AC912" s="53"/>
      <c r="AD912" s="53"/>
      <c r="AE912" s="53"/>
      <c r="AF912" s="53"/>
      <c r="AG912" s="53"/>
      <c r="AH912" s="53"/>
      <c r="AI912" s="53"/>
      <c r="AJ912" s="53"/>
      <c r="AK912" s="53"/>
      <c r="AL912" s="53"/>
      <c r="AM912" s="53"/>
      <c r="AN912" s="53"/>
      <c r="AO912" s="53"/>
      <c r="AP912" s="53"/>
      <c r="AQ912" s="53"/>
      <c r="AR912" s="53"/>
      <c r="AS912" s="53"/>
      <c r="AT912" s="53"/>
      <c r="AU912" s="53"/>
      <c r="AV912" s="53"/>
      <c r="AW912" s="53"/>
      <c r="AX912" s="53"/>
      <c r="AY912" s="53"/>
      <c r="AZ912" s="53"/>
      <c r="BA912" s="53"/>
    </row>
    <row r="913" spans="1:53">
      <c r="A913" s="52" t="s">
        <v>4223</v>
      </c>
      <c r="B913" s="53">
        <v>0</v>
      </c>
      <c r="C913" s="53">
        <v>0</v>
      </c>
      <c r="D913" s="53">
        <v>0</v>
      </c>
      <c r="E913" s="53">
        <v>0</v>
      </c>
      <c r="F913" s="53">
        <v>0</v>
      </c>
      <c r="G913" s="53">
        <v>0</v>
      </c>
      <c r="H913" s="53">
        <v>0</v>
      </c>
      <c r="I913" s="53">
        <v>0</v>
      </c>
      <c r="J913" s="53">
        <v>0</v>
      </c>
      <c r="K913" s="53">
        <v>0</v>
      </c>
      <c r="L913" s="53">
        <v>0</v>
      </c>
      <c r="M913" s="53">
        <v>0</v>
      </c>
      <c r="N913" s="53">
        <v>0</v>
      </c>
      <c r="O913" s="53">
        <v>0</v>
      </c>
      <c r="P913" s="53">
        <v>0</v>
      </c>
      <c r="Q913" s="53">
        <v>0</v>
      </c>
      <c r="R913" s="53">
        <v>0</v>
      </c>
      <c r="S913" s="53">
        <v>0</v>
      </c>
      <c r="T913" s="53">
        <v>0</v>
      </c>
      <c r="U913" s="53">
        <v>0</v>
      </c>
      <c r="V913" s="53">
        <v>0</v>
      </c>
      <c r="W913" s="53">
        <v>0</v>
      </c>
      <c r="X913" s="53">
        <v>0</v>
      </c>
      <c r="Y913" s="53">
        <v>0</v>
      </c>
      <c r="Z913" s="53">
        <v>0</v>
      </c>
      <c r="AA913" s="53">
        <v>0</v>
      </c>
      <c r="AB913" s="53">
        <v>0</v>
      </c>
      <c r="AC913" s="53">
        <v>0</v>
      </c>
      <c r="AD913" s="53">
        <v>0</v>
      </c>
      <c r="AE913" s="53">
        <v>0</v>
      </c>
      <c r="AF913" s="53">
        <v>0</v>
      </c>
      <c r="AG913" s="53">
        <v>0</v>
      </c>
      <c r="AH913" s="53">
        <v>0</v>
      </c>
      <c r="AI913" s="53">
        <v>0</v>
      </c>
      <c r="AJ913" s="53">
        <v>0</v>
      </c>
      <c r="AK913" s="53">
        <v>0</v>
      </c>
      <c r="AL913" s="53">
        <v>0</v>
      </c>
      <c r="AM913" s="53">
        <v>0</v>
      </c>
      <c r="AN913" s="53">
        <v>0</v>
      </c>
      <c r="AO913" s="53">
        <v>0</v>
      </c>
      <c r="AP913" s="53">
        <v>0</v>
      </c>
      <c r="AQ913" s="53">
        <v>0</v>
      </c>
      <c r="AR913" s="53">
        <v>0</v>
      </c>
      <c r="AS913" s="53">
        <v>0</v>
      </c>
      <c r="AT913" s="53">
        <v>0</v>
      </c>
      <c r="AU913" s="53">
        <v>0</v>
      </c>
      <c r="AV913" s="53">
        <v>0</v>
      </c>
      <c r="AW913" s="53">
        <v>0</v>
      </c>
      <c r="AX913" s="53">
        <v>0</v>
      </c>
      <c r="AY913" s="53">
        <v>0</v>
      </c>
      <c r="AZ913" s="53">
        <v>0</v>
      </c>
      <c r="BA913" s="53">
        <v>0</v>
      </c>
    </row>
    <row r="914" spans="1:53">
      <c r="A914" s="52" t="s">
        <v>4224</v>
      </c>
      <c r="B914" s="53">
        <v>0</v>
      </c>
      <c r="C914" s="53">
        <v>0</v>
      </c>
      <c r="D914" s="53">
        <v>0</v>
      </c>
      <c r="E914" s="53">
        <v>0</v>
      </c>
      <c r="F914" s="53">
        <v>0</v>
      </c>
      <c r="G914" s="53">
        <v>0</v>
      </c>
      <c r="H914" s="53">
        <v>0</v>
      </c>
      <c r="I914" s="53">
        <v>0</v>
      </c>
      <c r="J914" s="53">
        <v>0</v>
      </c>
      <c r="K914" s="53">
        <v>0</v>
      </c>
      <c r="L914" s="53">
        <v>0</v>
      </c>
      <c r="M914" s="53">
        <v>0</v>
      </c>
      <c r="N914" s="53">
        <v>0</v>
      </c>
      <c r="O914" s="53">
        <v>0</v>
      </c>
      <c r="P914" s="53">
        <v>0</v>
      </c>
      <c r="Q914" s="53">
        <v>0</v>
      </c>
      <c r="R914" s="53">
        <v>0</v>
      </c>
      <c r="S914" s="53">
        <v>0</v>
      </c>
      <c r="T914" s="53">
        <v>0</v>
      </c>
      <c r="U914" s="53">
        <v>0</v>
      </c>
      <c r="V914" s="53">
        <v>0</v>
      </c>
      <c r="W914" s="53">
        <v>0</v>
      </c>
      <c r="X914" s="53">
        <v>0</v>
      </c>
      <c r="Y914" s="53">
        <v>0</v>
      </c>
      <c r="Z914" s="53">
        <v>0</v>
      </c>
      <c r="AA914" s="53">
        <v>0</v>
      </c>
      <c r="AB914" s="53">
        <v>0</v>
      </c>
      <c r="AC914" s="53">
        <v>0</v>
      </c>
      <c r="AD914" s="53">
        <v>0</v>
      </c>
      <c r="AE914" s="53">
        <v>0</v>
      </c>
      <c r="AF914" s="53">
        <v>0</v>
      </c>
      <c r="AG914" s="53">
        <v>0</v>
      </c>
      <c r="AH914" s="53">
        <v>0</v>
      </c>
      <c r="AI914" s="53">
        <v>0</v>
      </c>
      <c r="AJ914" s="53">
        <v>0</v>
      </c>
      <c r="AK914" s="53">
        <v>0</v>
      </c>
      <c r="AL914" s="53">
        <v>0</v>
      </c>
      <c r="AM914" s="53">
        <v>0</v>
      </c>
      <c r="AN914" s="53">
        <v>0</v>
      </c>
      <c r="AO914" s="53">
        <v>0</v>
      </c>
      <c r="AP914" s="53">
        <v>0</v>
      </c>
      <c r="AQ914" s="53">
        <v>0</v>
      </c>
      <c r="AR914" s="53">
        <v>0</v>
      </c>
      <c r="AS914" s="53">
        <v>0</v>
      </c>
      <c r="AT914" s="53">
        <v>0</v>
      </c>
      <c r="AU914" s="53">
        <v>0</v>
      </c>
      <c r="AV914" s="53">
        <v>0</v>
      </c>
      <c r="AW914" s="53">
        <v>0</v>
      </c>
      <c r="AX914" s="53">
        <v>0</v>
      </c>
      <c r="AY914" s="53">
        <v>0</v>
      </c>
      <c r="AZ914" s="53">
        <v>0</v>
      </c>
      <c r="BA914" s="53">
        <v>0</v>
      </c>
    </row>
    <row r="915" spans="1:53">
      <c r="A915" s="52" t="s">
        <v>4225</v>
      </c>
      <c r="B915" s="53">
        <v>0</v>
      </c>
      <c r="C915" s="53">
        <v>0</v>
      </c>
      <c r="D915" s="53">
        <v>0</v>
      </c>
      <c r="E915" s="53">
        <v>0</v>
      </c>
      <c r="F915" s="53">
        <v>0</v>
      </c>
      <c r="G915" s="53">
        <v>0</v>
      </c>
      <c r="H915" s="53">
        <v>0</v>
      </c>
      <c r="I915" s="53">
        <v>0</v>
      </c>
      <c r="J915" s="53">
        <v>0</v>
      </c>
      <c r="K915" s="53">
        <v>0</v>
      </c>
      <c r="L915" s="53">
        <v>0</v>
      </c>
      <c r="M915" s="53">
        <v>0</v>
      </c>
      <c r="N915" s="53">
        <v>0</v>
      </c>
      <c r="O915" s="53">
        <v>0</v>
      </c>
      <c r="P915" s="53">
        <v>0</v>
      </c>
      <c r="Q915" s="53">
        <v>0</v>
      </c>
      <c r="R915" s="53">
        <v>0</v>
      </c>
      <c r="S915" s="53">
        <v>0</v>
      </c>
      <c r="T915" s="53">
        <v>0</v>
      </c>
      <c r="U915" s="53">
        <v>0</v>
      </c>
      <c r="V915" s="53">
        <v>0</v>
      </c>
      <c r="W915" s="53">
        <v>0</v>
      </c>
      <c r="X915" s="53">
        <v>0</v>
      </c>
      <c r="Y915" s="53">
        <v>0</v>
      </c>
      <c r="Z915" s="53">
        <v>0</v>
      </c>
      <c r="AA915" s="53">
        <v>0</v>
      </c>
      <c r="AB915" s="53">
        <v>0</v>
      </c>
      <c r="AC915" s="53">
        <v>0</v>
      </c>
      <c r="AD915" s="53">
        <v>0</v>
      </c>
      <c r="AE915" s="53">
        <v>0</v>
      </c>
      <c r="AF915" s="53">
        <v>0</v>
      </c>
      <c r="AG915" s="53">
        <v>0</v>
      </c>
      <c r="AH915" s="53">
        <v>0</v>
      </c>
      <c r="AI915" s="53">
        <v>0</v>
      </c>
      <c r="AJ915" s="53">
        <v>0</v>
      </c>
      <c r="AK915" s="53">
        <v>0</v>
      </c>
      <c r="AL915" s="53">
        <v>0</v>
      </c>
      <c r="AM915" s="53">
        <v>0</v>
      </c>
      <c r="AN915" s="53">
        <v>0</v>
      </c>
      <c r="AO915" s="53">
        <v>0</v>
      </c>
      <c r="AP915" s="53">
        <v>0</v>
      </c>
      <c r="AQ915" s="53">
        <v>0</v>
      </c>
      <c r="AR915" s="53">
        <v>0</v>
      </c>
      <c r="AS915" s="53">
        <v>0</v>
      </c>
      <c r="AT915" s="53">
        <v>0</v>
      </c>
      <c r="AU915" s="53">
        <v>0</v>
      </c>
      <c r="AV915" s="53">
        <v>0</v>
      </c>
      <c r="AW915" s="53">
        <v>0</v>
      </c>
      <c r="AX915" s="53">
        <v>0</v>
      </c>
      <c r="AY915" s="53">
        <v>0</v>
      </c>
      <c r="AZ915" s="53">
        <v>0</v>
      </c>
      <c r="BA915" s="53">
        <v>0</v>
      </c>
    </row>
    <row r="916" spans="1:53">
      <c r="A916" s="52" t="s">
        <v>4226</v>
      </c>
      <c r="B916" s="53">
        <v>0</v>
      </c>
      <c r="C916" s="53">
        <v>0</v>
      </c>
      <c r="D916" s="53">
        <v>0</v>
      </c>
      <c r="E916" s="53">
        <v>0</v>
      </c>
      <c r="F916" s="53">
        <v>0</v>
      </c>
      <c r="G916" s="53">
        <v>0</v>
      </c>
      <c r="H916" s="53">
        <v>0</v>
      </c>
      <c r="I916" s="53">
        <v>0</v>
      </c>
      <c r="J916" s="53">
        <v>0</v>
      </c>
      <c r="K916" s="53">
        <v>0</v>
      </c>
      <c r="L916" s="53">
        <v>0</v>
      </c>
      <c r="M916" s="53">
        <v>0</v>
      </c>
      <c r="N916" s="53">
        <v>0</v>
      </c>
      <c r="O916" s="53">
        <v>0</v>
      </c>
      <c r="P916" s="53">
        <v>0</v>
      </c>
      <c r="Q916" s="53">
        <v>0</v>
      </c>
      <c r="R916" s="53">
        <v>0</v>
      </c>
      <c r="S916" s="53">
        <v>0</v>
      </c>
      <c r="T916" s="53">
        <v>0</v>
      </c>
      <c r="U916" s="53">
        <v>0</v>
      </c>
      <c r="V916" s="53">
        <v>0</v>
      </c>
      <c r="W916" s="53">
        <v>0</v>
      </c>
      <c r="X916" s="53">
        <v>0</v>
      </c>
      <c r="Y916" s="53">
        <v>0</v>
      </c>
      <c r="Z916" s="53">
        <v>0</v>
      </c>
      <c r="AA916" s="53">
        <v>0</v>
      </c>
      <c r="AB916" s="53">
        <v>0</v>
      </c>
      <c r="AC916" s="53">
        <v>0</v>
      </c>
      <c r="AD916" s="53">
        <v>0</v>
      </c>
      <c r="AE916" s="53">
        <v>0</v>
      </c>
      <c r="AF916" s="53">
        <v>0</v>
      </c>
      <c r="AG916" s="53">
        <v>0</v>
      </c>
      <c r="AH916" s="53">
        <v>0</v>
      </c>
      <c r="AI916" s="53">
        <v>0</v>
      </c>
      <c r="AJ916" s="53">
        <v>0</v>
      </c>
      <c r="AK916" s="53">
        <v>0</v>
      </c>
      <c r="AL916" s="53">
        <v>0</v>
      </c>
      <c r="AM916" s="53">
        <v>0</v>
      </c>
      <c r="AN916" s="53">
        <v>0</v>
      </c>
      <c r="AO916" s="53">
        <v>0</v>
      </c>
      <c r="AP916" s="53">
        <v>0</v>
      </c>
      <c r="AQ916" s="53">
        <v>0</v>
      </c>
      <c r="AR916" s="53">
        <v>0</v>
      </c>
      <c r="AS916" s="53">
        <v>0</v>
      </c>
      <c r="AT916" s="53">
        <v>0</v>
      </c>
      <c r="AU916" s="53">
        <v>0</v>
      </c>
      <c r="AV916" s="53">
        <v>0</v>
      </c>
      <c r="AW916" s="53">
        <v>0</v>
      </c>
      <c r="AX916" s="53">
        <v>0</v>
      </c>
      <c r="AY916" s="53">
        <v>0</v>
      </c>
      <c r="AZ916" s="53">
        <v>0</v>
      </c>
      <c r="BA916" s="53">
        <v>0</v>
      </c>
    </row>
    <row r="917" spans="1:53">
      <c r="A917" s="52" t="s">
        <v>4227</v>
      </c>
      <c r="B917" s="53">
        <v>0</v>
      </c>
      <c r="C917" s="53">
        <v>0</v>
      </c>
      <c r="D917" s="53">
        <v>0</v>
      </c>
      <c r="E917" s="53">
        <v>0</v>
      </c>
      <c r="F917" s="53">
        <v>0</v>
      </c>
      <c r="G917" s="53">
        <v>0</v>
      </c>
      <c r="H917" s="53">
        <v>0</v>
      </c>
      <c r="I917" s="53">
        <v>0</v>
      </c>
      <c r="J917" s="53">
        <v>0</v>
      </c>
      <c r="K917" s="53">
        <v>0</v>
      </c>
      <c r="L917" s="53">
        <v>0</v>
      </c>
      <c r="M917" s="53">
        <v>0</v>
      </c>
      <c r="N917" s="53">
        <v>0</v>
      </c>
      <c r="O917" s="53">
        <v>0</v>
      </c>
      <c r="P917" s="53">
        <v>0</v>
      </c>
      <c r="Q917" s="53">
        <v>0</v>
      </c>
      <c r="R917" s="53">
        <v>0</v>
      </c>
      <c r="S917" s="53">
        <v>0</v>
      </c>
      <c r="T917" s="53">
        <v>0</v>
      </c>
      <c r="U917" s="53">
        <v>0</v>
      </c>
      <c r="V917" s="53">
        <v>0</v>
      </c>
      <c r="W917" s="53">
        <v>0</v>
      </c>
      <c r="X917" s="53">
        <v>0</v>
      </c>
      <c r="Y917" s="53">
        <v>0</v>
      </c>
      <c r="Z917" s="53">
        <v>0</v>
      </c>
      <c r="AA917" s="53">
        <v>0</v>
      </c>
      <c r="AB917" s="53">
        <v>0</v>
      </c>
      <c r="AC917" s="53">
        <v>0</v>
      </c>
      <c r="AD917" s="53">
        <v>0</v>
      </c>
      <c r="AE917" s="53">
        <v>0</v>
      </c>
      <c r="AF917" s="53">
        <v>0</v>
      </c>
      <c r="AG917" s="53">
        <v>0</v>
      </c>
      <c r="AH917" s="53">
        <v>0</v>
      </c>
      <c r="AI917" s="53">
        <v>0</v>
      </c>
      <c r="AJ917" s="53">
        <v>0</v>
      </c>
      <c r="AK917" s="53">
        <v>0</v>
      </c>
      <c r="AL917" s="53">
        <v>0</v>
      </c>
      <c r="AM917" s="53">
        <v>0</v>
      </c>
      <c r="AN917" s="53">
        <v>0</v>
      </c>
      <c r="AO917" s="53">
        <v>0</v>
      </c>
      <c r="AP917" s="53">
        <v>0</v>
      </c>
      <c r="AQ917" s="53">
        <v>0</v>
      </c>
      <c r="AR917" s="53">
        <v>0</v>
      </c>
      <c r="AS917" s="53">
        <v>0</v>
      </c>
      <c r="AT917" s="53">
        <v>0</v>
      </c>
      <c r="AU917" s="53">
        <v>0</v>
      </c>
      <c r="AV917" s="53">
        <v>0</v>
      </c>
      <c r="AW917" s="53">
        <v>0</v>
      </c>
      <c r="AX917" s="53">
        <v>0</v>
      </c>
      <c r="AY917" s="53">
        <v>0</v>
      </c>
      <c r="AZ917" s="53">
        <v>0</v>
      </c>
      <c r="BA917" s="53">
        <v>0</v>
      </c>
    </row>
    <row r="918" spans="1:53">
      <c r="A918" s="52" t="s">
        <v>4228</v>
      </c>
      <c r="B918" s="53">
        <v>0</v>
      </c>
      <c r="C918" s="53">
        <v>0</v>
      </c>
      <c r="D918" s="53">
        <v>0</v>
      </c>
      <c r="E918" s="53">
        <v>0</v>
      </c>
      <c r="F918" s="53">
        <v>0</v>
      </c>
      <c r="G918" s="53">
        <v>0</v>
      </c>
      <c r="H918" s="53">
        <v>0</v>
      </c>
      <c r="I918" s="53">
        <v>0</v>
      </c>
      <c r="J918" s="53">
        <v>0</v>
      </c>
      <c r="K918" s="53">
        <v>0</v>
      </c>
      <c r="L918" s="53">
        <v>0</v>
      </c>
      <c r="M918" s="53">
        <v>0</v>
      </c>
      <c r="N918" s="53">
        <v>0</v>
      </c>
      <c r="O918" s="53">
        <v>0</v>
      </c>
      <c r="P918" s="53">
        <v>0</v>
      </c>
      <c r="Q918" s="53">
        <v>0</v>
      </c>
      <c r="R918" s="53">
        <v>0</v>
      </c>
      <c r="S918" s="53">
        <v>0</v>
      </c>
      <c r="T918" s="53">
        <v>0</v>
      </c>
      <c r="U918" s="53">
        <v>0</v>
      </c>
      <c r="V918" s="53">
        <v>0</v>
      </c>
      <c r="W918" s="53">
        <v>0</v>
      </c>
      <c r="X918" s="53">
        <v>0</v>
      </c>
      <c r="Y918" s="53">
        <v>0</v>
      </c>
      <c r="Z918" s="53">
        <v>0</v>
      </c>
      <c r="AA918" s="53">
        <v>0</v>
      </c>
      <c r="AB918" s="53">
        <v>0</v>
      </c>
      <c r="AC918" s="53">
        <v>0</v>
      </c>
      <c r="AD918" s="53">
        <v>0</v>
      </c>
      <c r="AE918" s="53">
        <v>0</v>
      </c>
      <c r="AF918" s="53">
        <v>0</v>
      </c>
      <c r="AG918" s="53">
        <v>0</v>
      </c>
      <c r="AH918" s="53">
        <v>0</v>
      </c>
      <c r="AI918" s="53">
        <v>0</v>
      </c>
      <c r="AJ918" s="53">
        <v>0</v>
      </c>
      <c r="AK918" s="53">
        <v>0</v>
      </c>
      <c r="AL918" s="53">
        <v>0</v>
      </c>
      <c r="AM918" s="53">
        <v>0</v>
      </c>
      <c r="AN918" s="53">
        <v>0</v>
      </c>
      <c r="AO918" s="53">
        <v>0</v>
      </c>
      <c r="AP918" s="53">
        <v>0</v>
      </c>
      <c r="AQ918" s="53">
        <v>0</v>
      </c>
      <c r="AR918" s="53">
        <v>0</v>
      </c>
      <c r="AS918" s="53">
        <v>0</v>
      </c>
      <c r="AT918" s="53">
        <v>0</v>
      </c>
      <c r="AU918" s="53">
        <v>0</v>
      </c>
      <c r="AV918" s="53">
        <v>0</v>
      </c>
      <c r="AW918" s="53">
        <v>0</v>
      </c>
      <c r="AX918" s="53">
        <v>0</v>
      </c>
      <c r="AY918" s="53">
        <v>0</v>
      </c>
      <c r="AZ918" s="53">
        <v>0</v>
      </c>
      <c r="BA918" s="53">
        <v>0</v>
      </c>
    </row>
    <row r="919" spans="1:53">
      <c r="A919" s="52" t="s">
        <v>4229</v>
      </c>
      <c r="B919" s="53">
        <v>0</v>
      </c>
      <c r="C919" s="53">
        <v>0</v>
      </c>
      <c r="D919" s="53">
        <v>0</v>
      </c>
      <c r="E919" s="53">
        <v>0</v>
      </c>
      <c r="F919" s="53">
        <v>0</v>
      </c>
      <c r="G919" s="53">
        <v>0</v>
      </c>
      <c r="H919" s="53">
        <v>0</v>
      </c>
      <c r="I919" s="53">
        <v>0</v>
      </c>
      <c r="J919" s="53">
        <v>0</v>
      </c>
      <c r="K919" s="53">
        <v>0</v>
      </c>
      <c r="L919" s="53">
        <v>0</v>
      </c>
      <c r="M919" s="53">
        <v>0</v>
      </c>
      <c r="N919" s="53">
        <v>0</v>
      </c>
      <c r="O919" s="53">
        <v>0</v>
      </c>
      <c r="P919" s="53">
        <v>0</v>
      </c>
      <c r="Q919" s="53">
        <v>0</v>
      </c>
      <c r="R919" s="53">
        <v>0</v>
      </c>
      <c r="S919" s="53">
        <v>0</v>
      </c>
      <c r="T919" s="53">
        <v>0</v>
      </c>
      <c r="U919" s="53">
        <v>0</v>
      </c>
      <c r="V919" s="53">
        <v>0</v>
      </c>
      <c r="W919" s="53">
        <v>0</v>
      </c>
      <c r="X919" s="53">
        <v>0</v>
      </c>
      <c r="Y919" s="53">
        <v>0</v>
      </c>
      <c r="Z919" s="53">
        <v>0</v>
      </c>
      <c r="AA919" s="53">
        <v>0</v>
      </c>
      <c r="AB919" s="53">
        <v>0</v>
      </c>
      <c r="AC919" s="53">
        <v>0</v>
      </c>
      <c r="AD919" s="53">
        <v>0</v>
      </c>
      <c r="AE919" s="53">
        <v>0</v>
      </c>
      <c r="AF919" s="53">
        <v>0</v>
      </c>
      <c r="AG919" s="53">
        <v>0</v>
      </c>
      <c r="AH919" s="53">
        <v>0</v>
      </c>
      <c r="AI919" s="53">
        <v>0</v>
      </c>
      <c r="AJ919" s="53">
        <v>0</v>
      </c>
      <c r="AK919" s="53">
        <v>0</v>
      </c>
      <c r="AL919" s="53">
        <v>0</v>
      </c>
      <c r="AM919" s="53">
        <v>0</v>
      </c>
      <c r="AN919" s="53">
        <v>0</v>
      </c>
      <c r="AO919" s="53">
        <v>0</v>
      </c>
      <c r="AP919" s="53">
        <v>0</v>
      </c>
      <c r="AQ919" s="53">
        <v>0</v>
      </c>
      <c r="AR919" s="53">
        <v>0</v>
      </c>
      <c r="AS919" s="53">
        <v>0</v>
      </c>
      <c r="AT919" s="53">
        <v>0</v>
      </c>
      <c r="AU919" s="53">
        <v>0</v>
      </c>
      <c r="AV919" s="53">
        <v>0</v>
      </c>
      <c r="AW919" s="53">
        <v>0</v>
      </c>
      <c r="AX919" s="53">
        <v>0</v>
      </c>
      <c r="AY919" s="53">
        <v>0</v>
      </c>
      <c r="AZ919" s="53">
        <v>0</v>
      </c>
      <c r="BA919" s="53">
        <v>0</v>
      </c>
    </row>
    <row r="920" spans="1:53">
      <c r="A920" s="52" t="s">
        <v>4230</v>
      </c>
      <c r="B920" s="53">
        <v>0</v>
      </c>
      <c r="C920" s="53">
        <v>0</v>
      </c>
      <c r="D920" s="53">
        <v>0</v>
      </c>
      <c r="E920" s="53">
        <v>0</v>
      </c>
      <c r="F920" s="53">
        <v>0</v>
      </c>
      <c r="G920" s="53">
        <v>0</v>
      </c>
      <c r="H920" s="53">
        <v>0</v>
      </c>
      <c r="I920" s="53">
        <v>0</v>
      </c>
      <c r="J920" s="53">
        <v>0</v>
      </c>
      <c r="K920" s="53">
        <v>0</v>
      </c>
      <c r="L920" s="53">
        <v>0</v>
      </c>
      <c r="M920" s="53">
        <v>0</v>
      </c>
      <c r="N920" s="53">
        <v>0</v>
      </c>
      <c r="O920" s="53">
        <v>0</v>
      </c>
      <c r="P920" s="53">
        <v>0</v>
      </c>
      <c r="Q920" s="53">
        <v>0</v>
      </c>
      <c r="R920" s="53">
        <v>0</v>
      </c>
      <c r="S920" s="53">
        <v>0</v>
      </c>
      <c r="T920" s="53">
        <v>0</v>
      </c>
      <c r="U920" s="53">
        <v>0</v>
      </c>
      <c r="V920" s="53">
        <v>0</v>
      </c>
      <c r="W920" s="53">
        <v>0</v>
      </c>
      <c r="X920" s="53">
        <v>0</v>
      </c>
      <c r="Y920" s="53">
        <v>0</v>
      </c>
      <c r="Z920" s="53">
        <v>0</v>
      </c>
      <c r="AA920" s="53">
        <v>0</v>
      </c>
      <c r="AB920" s="53">
        <v>0</v>
      </c>
      <c r="AC920" s="53">
        <v>0</v>
      </c>
      <c r="AD920" s="53">
        <v>0</v>
      </c>
      <c r="AE920" s="53">
        <v>0</v>
      </c>
      <c r="AF920" s="53">
        <v>0</v>
      </c>
      <c r="AG920" s="53">
        <v>0</v>
      </c>
      <c r="AH920" s="53">
        <v>0</v>
      </c>
      <c r="AI920" s="53">
        <v>0</v>
      </c>
      <c r="AJ920" s="53">
        <v>0</v>
      </c>
      <c r="AK920" s="53">
        <v>0</v>
      </c>
      <c r="AL920" s="53">
        <v>0</v>
      </c>
      <c r="AM920" s="53">
        <v>0</v>
      </c>
      <c r="AN920" s="53">
        <v>0</v>
      </c>
      <c r="AO920" s="53">
        <v>0</v>
      </c>
      <c r="AP920" s="53">
        <v>0</v>
      </c>
      <c r="AQ920" s="53">
        <v>0</v>
      </c>
      <c r="AR920" s="53">
        <v>0</v>
      </c>
      <c r="AS920" s="53">
        <v>0</v>
      </c>
      <c r="AT920" s="53">
        <v>0</v>
      </c>
      <c r="AU920" s="53">
        <v>0</v>
      </c>
      <c r="AV920" s="53">
        <v>0</v>
      </c>
      <c r="AW920" s="53">
        <v>0</v>
      </c>
      <c r="AX920" s="53">
        <v>0</v>
      </c>
      <c r="AY920" s="53">
        <v>0</v>
      </c>
      <c r="AZ920" s="53">
        <v>0</v>
      </c>
      <c r="BA920" s="53">
        <v>0</v>
      </c>
    </row>
    <row r="921" spans="1:53">
      <c r="A921" s="52" t="s">
        <v>4231</v>
      </c>
      <c r="B921" s="53">
        <v>0</v>
      </c>
      <c r="C921" s="53">
        <v>0</v>
      </c>
      <c r="D921" s="53">
        <v>0</v>
      </c>
      <c r="E921" s="53">
        <v>0</v>
      </c>
      <c r="F921" s="53">
        <v>0</v>
      </c>
      <c r="G921" s="53">
        <v>0</v>
      </c>
      <c r="H921" s="53">
        <v>0</v>
      </c>
      <c r="I921" s="53">
        <v>0</v>
      </c>
      <c r="J921" s="53">
        <v>0</v>
      </c>
      <c r="K921" s="53">
        <v>0</v>
      </c>
      <c r="L921" s="53">
        <v>0</v>
      </c>
      <c r="M921" s="53">
        <v>0</v>
      </c>
      <c r="N921" s="53">
        <v>0</v>
      </c>
      <c r="O921" s="53">
        <v>0</v>
      </c>
      <c r="P921" s="53">
        <v>0</v>
      </c>
      <c r="Q921" s="53">
        <v>0</v>
      </c>
      <c r="R921" s="53">
        <v>0</v>
      </c>
      <c r="S921" s="53">
        <v>0</v>
      </c>
      <c r="T921" s="53">
        <v>0</v>
      </c>
      <c r="U921" s="53">
        <v>0</v>
      </c>
      <c r="V921" s="53">
        <v>0</v>
      </c>
      <c r="W921" s="53">
        <v>0</v>
      </c>
      <c r="X921" s="53">
        <v>0</v>
      </c>
      <c r="Y921" s="53">
        <v>0</v>
      </c>
      <c r="Z921" s="53">
        <v>0</v>
      </c>
      <c r="AA921" s="53">
        <v>0</v>
      </c>
      <c r="AB921" s="53">
        <v>0</v>
      </c>
      <c r="AC921" s="53">
        <v>0</v>
      </c>
      <c r="AD921" s="53">
        <v>0</v>
      </c>
      <c r="AE921" s="53">
        <v>0</v>
      </c>
      <c r="AF921" s="53">
        <v>0</v>
      </c>
      <c r="AG921" s="53">
        <v>0</v>
      </c>
      <c r="AH921" s="53">
        <v>0</v>
      </c>
      <c r="AI921" s="53">
        <v>0</v>
      </c>
      <c r="AJ921" s="53">
        <v>0</v>
      </c>
      <c r="AK921" s="53">
        <v>0</v>
      </c>
      <c r="AL921" s="53">
        <v>0</v>
      </c>
      <c r="AM921" s="53">
        <v>0</v>
      </c>
      <c r="AN921" s="53">
        <v>0</v>
      </c>
      <c r="AO921" s="53">
        <v>0</v>
      </c>
      <c r="AP921" s="53">
        <v>0</v>
      </c>
      <c r="AQ921" s="53">
        <v>0</v>
      </c>
      <c r="AR921" s="53">
        <v>0</v>
      </c>
      <c r="AS921" s="53">
        <v>0</v>
      </c>
      <c r="AT921" s="53">
        <v>0</v>
      </c>
      <c r="AU921" s="53">
        <v>0</v>
      </c>
      <c r="AV921" s="53">
        <v>0</v>
      </c>
      <c r="AW921" s="53">
        <v>0</v>
      </c>
      <c r="AX921" s="53">
        <v>0</v>
      </c>
      <c r="AY921" s="53">
        <v>0</v>
      </c>
      <c r="AZ921" s="53">
        <v>0</v>
      </c>
      <c r="BA921" s="53">
        <v>0</v>
      </c>
    </row>
    <row r="922" spans="1:53">
      <c r="A922" s="52" t="s">
        <v>4232</v>
      </c>
      <c r="B922" s="53">
        <v>0</v>
      </c>
      <c r="C922" s="53">
        <v>0</v>
      </c>
      <c r="D922" s="53">
        <v>0</v>
      </c>
      <c r="E922" s="53">
        <v>0</v>
      </c>
      <c r="F922" s="53">
        <v>0</v>
      </c>
      <c r="G922" s="53">
        <v>0</v>
      </c>
      <c r="H922" s="53">
        <v>0</v>
      </c>
      <c r="I922" s="53">
        <v>0</v>
      </c>
      <c r="J922" s="53">
        <v>0</v>
      </c>
      <c r="K922" s="53">
        <v>0</v>
      </c>
      <c r="L922" s="53">
        <v>0</v>
      </c>
      <c r="M922" s="53">
        <v>0</v>
      </c>
      <c r="N922" s="53">
        <v>0</v>
      </c>
      <c r="O922" s="53">
        <v>0</v>
      </c>
      <c r="P922" s="53">
        <v>0</v>
      </c>
      <c r="Q922" s="53">
        <v>0</v>
      </c>
      <c r="R922" s="53">
        <v>0</v>
      </c>
      <c r="S922" s="53">
        <v>0</v>
      </c>
      <c r="T922" s="53">
        <v>0</v>
      </c>
      <c r="U922" s="53">
        <v>0</v>
      </c>
      <c r="V922" s="53">
        <v>0</v>
      </c>
      <c r="W922" s="53">
        <v>0</v>
      </c>
      <c r="X922" s="53">
        <v>0</v>
      </c>
      <c r="Y922" s="53">
        <v>0</v>
      </c>
      <c r="Z922" s="53">
        <v>0</v>
      </c>
      <c r="AA922" s="53">
        <v>0</v>
      </c>
      <c r="AB922" s="53">
        <v>0</v>
      </c>
      <c r="AC922" s="53">
        <v>0</v>
      </c>
      <c r="AD922" s="53">
        <v>0</v>
      </c>
      <c r="AE922" s="53">
        <v>0</v>
      </c>
      <c r="AF922" s="53">
        <v>0</v>
      </c>
      <c r="AG922" s="53">
        <v>0</v>
      </c>
      <c r="AH922" s="53">
        <v>0</v>
      </c>
      <c r="AI922" s="53">
        <v>0</v>
      </c>
      <c r="AJ922" s="53">
        <v>0</v>
      </c>
      <c r="AK922" s="53">
        <v>0</v>
      </c>
      <c r="AL922" s="53">
        <v>0</v>
      </c>
      <c r="AM922" s="53">
        <v>0</v>
      </c>
      <c r="AN922" s="53">
        <v>0</v>
      </c>
      <c r="AO922" s="53">
        <v>0</v>
      </c>
      <c r="AP922" s="53">
        <v>0</v>
      </c>
      <c r="AQ922" s="53">
        <v>0</v>
      </c>
      <c r="AR922" s="53">
        <v>0</v>
      </c>
      <c r="AS922" s="53">
        <v>0</v>
      </c>
      <c r="AT922" s="53">
        <v>0</v>
      </c>
      <c r="AU922" s="53">
        <v>0</v>
      </c>
      <c r="AV922" s="53">
        <v>0</v>
      </c>
      <c r="AW922" s="53">
        <v>0</v>
      </c>
      <c r="AX922" s="53">
        <v>0</v>
      </c>
      <c r="AY922" s="53">
        <v>0</v>
      </c>
      <c r="AZ922" s="53">
        <v>0</v>
      </c>
      <c r="BA922" s="53">
        <v>0</v>
      </c>
    </row>
    <row r="923" spans="1:53">
      <c r="A923" s="52" t="s">
        <v>4233</v>
      </c>
      <c r="B923" s="53">
        <v>0</v>
      </c>
      <c r="C923" s="53">
        <v>0</v>
      </c>
      <c r="D923" s="53">
        <v>0</v>
      </c>
      <c r="E923" s="53">
        <v>0</v>
      </c>
      <c r="F923" s="53">
        <v>0</v>
      </c>
      <c r="G923" s="53">
        <v>0</v>
      </c>
      <c r="H923" s="53">
        <v>0</v>
      </c>
      <c r="I923" s="53">
        <v>0</v>
      </c>
      <c r="J923" s="53">
        <v>0</v>
      </c>
      <c r="K923" s="53">
        <v>0</v>
      </c>
      <c r="L923" s="53">
        <v>0</v>
      </c>
      <c r="M923" s="53">
        <v>0</v>
      </c>
      <c r="N923" s="53">
        <v>0</v>
      </c>
      <c r="O923" s="53">
        <v>0</v>
      </c>
      <c r="P923" s="53">
        <v>0</v>
      </c>
      <c r="Q923" s="53">
        <v>0</v>
      </c>
      <c r="R923" s="53">
        <v>0</v>
      </c>
      <c r="S923" s="53">
        <v>0</v>
      </c>
      <c r="T923" s="53">
        <v>0</v>
      </c>
      <c r="U923" s="53">
        <v>0</v>
      </c>
      <c r="V923" s="53">
        <v>0</v>
      </c>
      <c r="W923" s="53">
        <v>0</v>
      </c>
      <c r="X923" s="53">
        <v>0</v>
      </c>
      <c r="Y923" s="53">
        <v>0</v>
      </c>
      <c r="Z923" s="53">
        <v>0</v>
      </c>
      <c r="AA923" s="53">
        <v>0</v>
      </c>
      <c r="AB923" s="53">
        <v>0</v>
      </c>
      <c r="AC923" s="53">
        <v>0</v>
      </c>
      <c r="AD923" s="53">
        <v>0</v>
      </c>
      <c r="AE923" s="53">
        <v>0</v>
      </c>
      <c r="AF923" s="53">
        <v>0</v>
      </c>
      <c r="AG923" s="53">
        <v>0</v>
      </c>
      <c r="AH923" s="53">
        <v>0</v>
      </c>
      <c r="AI923" s="53">
        <v>0</v>
      </c>
      <c r="AJ923" s="53">
        <v>0</v>
      </c>
      <c r="AK923" s="53">
        <v>0</v>
      </c>
      <c r="AL923" s="53">
        <v>0</v>
      </c>
      <c r="AM923" s="53">
        <v>0</v>
      </c>
      <c r="AN923" s="53">
        <v>0</v>
      </c>
      <c r="AO923" s="53">
        <v>0</v>
      </c>
      <c r="AP923" s="53">
        <v>0</v>
      </c>
      <c r="AQ923" s="53">
        <v>0</v>
      </c>
      <c r="AR923" s="53">
        <v>0</v>
      </c>
      <c r="AS923" s="53">
        <v>0</v>
      </c>
      <c r="AT923" s="53">
        <v>0</v>
      </c>
      <c r="AU923" s="53">
        <v>0</v>
      </c>
      <c r="AV923" s="53">
        <v>0</v>
      </c>
      <c r="AW923" s="53">
        <v>0</v>
      </c>
      <c r="AX923" s="53">
        <v>0</v>
      </c>
      <c r="AY923" s="53">
        <v>0</v>
      </c>
      <c r="AZ923" s="53">
        <v>0</v>
      </c>
      <c r="BA923" s="53">
        <v>0</v>
      </c>
    </row>
    <row r="924" spans="1:53">
      <c r="A924" s="52" t="s">
        <v>4234</v>
      </c>
      <c r="B924" s="53">
        <v>0</v>
      </c>
      <c r="C924" s="53">
        <v>0</v>
      </c>
      <c r="D924" s="53">
        <v>0</v>
      </c>
      <c r="E924" s="53">
        <v>0</v>
      </c>
      <c r="F924" s="53">
        <v>0</v>
      </c>
      <c r="G924" s="53">
        <v>0</v>
      </c>
      <c r="H924" s="53">
        <v>0</v>
      </c>
      <c r="I924" s="53">
        <v>0</v>
      </c>
      <c r="J924" s="53">
        <v>0</v>
      </c>
      <c r="K924" s="53">
        <v>0</v>
      </c>
      <c r="L924" s="53">
        <v>0</v>
      </c>
      <c r="M924" s="53">
        <v>0</v>
      </c>
      <c r="N924" s="53">
        <v>0</v>
      </c>
      <c r="O924" s="53">
        <v>0</v>
      </c>
      <c r="P924" s="53">
        <v>0</v>
      </c>
      <c r="Q924" s="53">
        <v>0</v>
      </c>
      <c r="R924" s="53">
        <v>0</v>
      </c>
      <c r="S924" s="53">
        <v>0</v>
      </c>
      <c r="T924" s="53">
        <v>0</v>
      </c>
      <c r="U924" s="53">
        <v>0</v>
      </c>
      <c r="V924" s="53">
        <v>0</v>
      </c>
      <c r="W924" s="53">
        <v>0</v>
      </c>
      <c r="X924" s="53">
        <v>0</v>
      </c>
      <c r="Y924" s="53">
        <v>0</v>
      </c>
      <c r="Z924" s="53">
        <v>0</v>
      </c>
      <c r="AA924" s="53">
        <v>0</v>
      </c>
      <c r="AB924" s="53">
        <v>0</v>
      </c>
      <c r="AC924" s="53">
        <v>0</v>
      </c>
      <c r="AD924" s="53">
        <v>0</v>
      </c>
      <c r="AE924" s="53">
        <v>0</v>
      </c>
      <c r="AF924" s="53">
        <v>0</v>
      </c>
      <c r="AG924" s="53">
        <v>0</v>
      </c>
      <c r="AH924" s="53">
        <v>0</v>
      </c>
      <c r="AI924" s="53">
        <v>0</v>
      </c>
      <c r="AJ924" s="53">
        <v>0</v>
      </c>
      <c r="AK924" s="53">
        <v>0</v>
      </c>
      <c r="AL924" s="53">
        <v>0</v>
      </c>
      <c r="AM924" s="53">
        <v>0</v>
      </c>
      <c r="AN924" s="53">
        <v>0</v>
      </c>
      <c r="AO924" s="53">
        <v>0</v>
      </c>
      <c r="AP924" s="53">
        <v>0</v>
      </c>
      <c r="AQ924" s="53">
        <v>0</v>
      </c>
      <c r="AR924" s="53">
        <v>0</v>
      </c>
      <c r="AS924" s="53">
        <v>0</v>
      </c>
      <c r="AT924" s="53">
        <v>0</v>
      </c>
      <c r="AU924" s="53">
        <v>0</v>
      </c>
      <c r="AV924" s="53">
        <v>0</v>
      </c>
      <c r="AW924" s="53">
        <v>0</v>
      </c>
      <c r="AX924" s="53">
        <v>0</v>
      </c>
      <c r="AY924" s="53">
        <v>0</v>
      </c>
      <c r="AZ924" s="53">
        <v>0</v>
      </c>
      <c r="BA924" s="53">
        <v>0</v>
      </c>
    </row>
    <row r="925" spans="1:53">
      <c r="A925" s="52" t="s">
        <v>4235</v>
      </c>
      <c r="B925" s="53">
        <v>0</v>
      </c>
      <c r="C925" s="53">
        <v>0</v>
      </c>
      <c r="D925" s="53">
        <v>0</v>
      </c>
      <c r="E925" s="53">
        <v>0</v>
      </c>
      <c r="F925" s="53">
        <v>0</v>
      </c>
      <c r="G925" s="53">
        <v>0</v>
      </c>
      <c r="H925" s="53">
        <v>0</v>
      </c>
      <c r="I925" s="53">
        <v>0</v>
      </c>
      <c r="J925" s="53">
        <v>0</v>
      </c>
      <c r="K925" s="53">
        <v>0</v>
      </c>
      <c r="L925" s="53">
        <v>0</v>
      </c>
      <c r="M925" s="53">
        <v>0</v>
      </c>
      <c r="N925" s="53">
        <v>0</v>
      </c>
      <c r="O925" s="53">
        <v>0</v>
      </c>
      <c r="P925" s="53">
        <v>0</v>
      </c>
      <c r="Q925" s="53">
        <v>0</v>
      </c>
      <c r="R925" s="53">
        <v>0</v>
      </c>
      <c r="S925" s="53">
        <v>0</v>
      </c>
      <c r="T925" s="53">
        <v>0</v>
      </c>
      <c r="U925" s="53">
        <v>0</v>
      </c>
      <c r="V925" s="53">
        <v>0</v>
      </c>
      <c r="W925" s="53">
        <v>0</v>
      </c>
      <c r="X925" s="53">
        <v>0</v>
      </c>
      <c r="Y925" s="53">
        <v>0</v>
      </c>
      <c r="Z925" s="53">
        <v>0</v>
      </c>
      <c r="AA925" s="53">
        <v>0</v>
      </c>
      <c r="AB925" s="53">
        <v>0</v>
      </c>
      <c r="AC925" s="53">
        <v>0</v>
      </c>
      <c r="AD925" s="53">
        <v>0</v>
      </c>
      <c r="AE925" s="53">
        <v>0</v>
      </c>
      <c r="AF925" s="53">
        <v>0</v>
      </c>
      <c r="AG925" s="53">
        <v>0</v>
      </c>
      <c r="AH925" s="53">
        <v>0</v>
      </c>
      <c r="AI925" s="53">
        <v>0</v>
      </c>
      <c r="AJ925" s="53">
        <v>0</v>
      </c>
      <c r="AK925" s="53">
        <v>0</v>
      </c>
      <c r="AL925" s="53">
        <v>0</v>
      </c>
      <c r="AM925" s="53">
        <v>0</v>
      </c>
      <c r="AN925" s="53">
        <v>0</v>
      </c>
      <c r="AO925" s="53">
        <v>0</v>
      </c>
      <c r="AP925" s="53">
        <v>0</v>
      </c>
      <c r="AQ925" s="53">
        <v>0</v>
      </c>
      <c r="AR925" s="53">
        <v>0</v>
      </c>
      <c r="AS925" s="53">
        <v>0</v>
      </c>
      <c r="AT925" s="53">
        <v>0</v>
      </c>
      <c r="AU925" s="53">
        <v>0</v>
      </c>
      <c r="AV925" s="53">
        <v>0</v>
      </c>
      <c r="AW925" s="53">
        <v>0</v>
      </c>
      <c r="AX925" s="53">
        <v>0</v>
      </c>
      <c r="AY925" s="53">
        <v>0</v>
      </c>
      <c r="AZ925" s="53">
        <v>0</v>
      </c>
      <c r="BA925" s="53">
        <v>0</v>
      </c>
    </row>
    <row r="926" spans="1:53">
      <c r="A926" s="52" t="s">
        <v>4236</v>
      </c>
      <c r="B926" s="53">
        <v>0</v>
      </c>
      <c r="C926" s="53">
        <v>0</v>
      </c>
      <c r="D926" s="53">
        <v>0</v>
      </c>
      <c r="E926" s="53">
        <v>0</v>
      </c>
      <c r="F926" s="53">
        <v>0</v>
      </c>
      <c r="G926" s="53">
        <v>0</v>
      </c>
      <c r="H926" s="53">
        <v>0</v>
      </c>
      <c r="I926" s="53">
        <v>0</v>
      </c>
      <c r="J926" s="53">
        <v>0</v>
      </c>
      <c r="K926" s="53">
        <v>0</v>
      </c>
      <c r="L926" s="53">
        <v>0</v>
      </c>
      <c r="M926" s="53">
        <v>0</v>
      </c>
      <c r="N926" s="53">
        <v>0</v>
      </c>
      <c r="O926" s="53">
        <v>0</v>
      </c>
      <c r="P926" s="53">
        <v>0</v>
      </c>
      <c r="Q926" s="53">
        <v>0</v>
      </c>
      <c r="R926" s="53">
        <v>0</v>
      </c>
      <c r="S926" s="53">
        <v>0</v>
      </c>
      <c r="T926" s="53">
        <v>0</v>
      </c>
      <c r="U926" s="53">
        <v>0</v>
      </c>
      <c r="V926" s="53">
        <v>0</v>
      </c>
      <c r="W926" s="53">
        <v>0</v>
      </c>
      <c r="X926" s="53">
        <v>0</v>
      </c>
      <c r="Y926" s="53">
        <v>0</v>
      </c>
      <c r="Z926" s="53">
        <v>0</v>
      </c>
      <c r="AA926" s="53">
        <v>0</v>
      </c>
      <c r="AB926" s="53">
        <v>0</v>
      </c>
      <c r="AC926" s="53">
        <v>0</v>
      </c>
      <c r="AD926" s="53">
        <v>0</v>
      </c>
      <c r="AE926" s="53">
        <v>0</v>
      </c>
      <c r="AF926" s="53">
        <v>0</v>
      </c>
      <c r="AG926" s="53">
        <v>0</v>
      </c>
      <c r="AH926" s="53">
        <v>0</v>
      </c>
      <c r="AI926" s="53">
        <v>0</v>
      </c>
      <c r="AJ926" s="53">
        <v>0</v>
      </c>
      <c r="AK926" s="53">
        <v>0</v>
      </c>
      <c r="AL926" s="53">
        <v>0</v>
      </c>
      <c r="AM926" s="53">
        <v>0</v>
      </c>
      <c r="AN926" s="53">
        <v>0</v>
      </c>
      <c r="AO926" s="53">
        <v>0</v>
      </c>
      <c r="AP926" s="53">
        <v>0</v>
      </c>
      <c r="AQ926" s="53">
        <v>0</v>
      </c>
      <c r="AR926" s="53">
        <v>0</v>
      </c>
      <c r="AS926" s="53">
        <v>0</v>
      </c>
      <c r="AT926" s="53">
        <v>0</v>
      </c>
      <c r="AU926" s="53">
        <v>0</v>
      </c>
      <c r="AV926" s="53">
        <v>0</v>
      </c>
      <c r="AW926" s="53">
        <v>0</v>
      </c>
      <c r="AX926" s="53">
        <v>0</v>
      </c>
      <c r="AY926" s="53">
        <v>0</v>
      </c>
      <c r="AZ926" s="53">
        <v>0</v>
      </c>
      <c r="BA926" s="53">
        <v>0</v>
      </c>
    </row>
    <row r="927" spans="1:53">
      <c r="A927" s="52" t="s">
        <v>4237</v>
      </c>
      <c r="B927" s="53">
        <v>0</v>
      </c>
      <c r="C927" s="53">
        <v>0</v>
      </c>
      <c r="D927" s="53">
        <v>0</v>
      </c>
      <c r="E927" s="53">
        <v>0</v>
      </c>
      <c r="F927" s="53">
        <v>0</v>
      </c>
      <c r="G927" s="53">
        <v>0</v>
      </c>
      <c r="H927" s="53">
        <v>0</v>
      </c>
      <c r="I927" s="53">
        <v>0</v>
      </c>
      <c r="J927" s="53">
        <v>0</v>
      </c>
      <c r="K927" s="53">
        <v>0</v>
      </c>
      <c r="L927" s="53">
        <v>0</v>
      </c>
      <c r="M927" s="53">
        <v>0</v>
      </c>
      <c r="N927" s="53">
        <v>0</v>
      </c>
      <c r="O927" s="53">
        <v>0</v>
      </c>
      <c r="P927" s="53">
        <v>0</v>
      </c>
      <c r="Q927" s="53">
        <v>0</v>
      </c>
      <c r="R927" s="53">
        <v>0</v>
      </c>
      <c r="S927" s="53">
        <v>0</v>
      </c>
      <c r="T927" s="53">
        <v>0</v>
      </c>
      <c r="U927" s="53">
        <v>0</v>
      </c>
      <c r="V927" s="53">
        <v>0</v>
      </c>
      <c r="W927" s="53">
        <v>0</v>
      </c>
      <c r="X927" s="53">
        <v>0</v>
      </c>
      <c r="Y927" s="53">
        <v>0</v>
      </c>
      <c r="Z927" s="53">
        <v>0</v>
      </c>
      <c r="AA927" s="53">
        <v>0</v>
      </c>
      <c r="AB927" s="53">
        <v>0</v>
      </c>
      <c r="AC927" s="53">
        <v>0</v>
      </c>
      <c r="AD927" s="53">
        <v>0</v>
      </c>
      <c r="AE927" s="53">
        <v>0</v>
      </c>
      <c r="AF927" s="53">
        <v>0</v>
      </c>
      <c r="AG927" s="53">
        <v>0</v>
      </c>
      <c r="AH927" s="53">
        <v>0</v>
      </c>
      <c r="AI927" s="53">
        <v>0</v>
      </c>
      <c r="AJ927" s="53">
        <v>0</v>
      </c>
      <c r="AK927" s="53">
        <v>0</v>
      </c>
      <c r="AL927" s="53">
        <v>0</v>
      </c>
      <c r="AM927" s="53">
        <v>0</v>
      </c>
      <c r="AN927" s="53">
        <v>0</v>
      </c>
      <c r="AO927" s="53">
        <v>0</v>
      </c>
      <c r="AP927" s="53">
        <v>0</v>
      </c>
      <c r="AQ927" s="53">
        <v>0</v>
      </c>
      <c r="AR927" s="53">
        <v>0</v>
      </c>
      <c r="AS927" s="53">
        <v>0</v>
      </c>
      <c r="AT927" s="53">
        <v>0</v>
      </c>
      <c r="AU927" s="53">
        <v>0</v>
      </c>
      <c r="AV927" s="53">
        <v>0</v>
      </c>
      <c r="AW927" s="53">
        <v>0</v>
      </c>
      <c r="AX927" s="53">
        <v>0</v>
      </c>
      <c r="AY927" s="53">
        <v>0</v>
      </c>
      <c r="AZ927" s="53">
        <v>0</v>
      </c>
      <c r="BA927" s="53">
        <v>0</v>
      </c>
    </row>
    <row r="928" spans="1:53">
      <c r="A928" s="236" t="s">
        <v>4238</v>
      </c>
      <c r="B928" s="53">
        <v>0</v>
      </c>
      <c r="C928" s="53">
        <v>0</v>
      </c>
      <c r="D928" s="53">
        <v>0</v>
      </c>
      <c r="E928" s="53">
        <v>0</v>
      </c>
      <c r="F928" s="53">
        <v>0</v>
      </c>
      <c r="G928" s="53">
        <v>0</v>
      </c>
      <c r="H928" s="53">
        <v>0</v>
      </c>
      <c r="I928" s="53">
        <v>0</v>
      </c>
      <c r="J928" s="53">
        <v>0</v>
      </c>
      <c r="K928" s="53">
        <v>0</v>
      </c>
      <c r="L928" s="53">
        <v>0</v>
      </c>
      <c r="M928" s="53">
        <v>0</v>
      </c>
      <c r="N928" s="53">
        <v>0</v>
      </c>
      <c r="O928" s="53">
        <v>0</v>
      </c>
      <c r="P928" s="53">
        <v>0</v>
      </c>
      <c r="Q928" s="53">
        <v>0</v>
      </c>
      <c r="R928" s="53">
        <v>0</v>
      </c>
      <c r="S928" s="53">
        <v>0</v>
      </c>
      <c r="T928" s="53">
        <v>0</v>
      </c>
      <c r="U928" s="53">
        <v>0</v>
      </c>
      <c r="V928" s="53">
        <v>0</v>
      </c>
      <c r="W928" s="53">
        <v>0</v>
      </c>
      <c r="X928" s="53">
        <v>0</v>
      </c>
      <c r="Y928" s="53">
        <v>0</v>
      </c>
      <c r="Z928" s="53">
        <v>0</v>
      </c>
      <c r="AA928" s="53">
        <v>0</v>
      </c>
      <c r="AB928" s="53">
        <v>0</v>
      </c>
      <c r="AC928" s="53">
        <v>0</v>
      </c>
      <c r="AD928" s="53">
        <v>0</v>
      </c>
      <c r="AE928" s="53">
        <v>0</v>
      </c>
      <c r="AF928" s="53">
        <v>0</v>
      </c>
      <c r="AG928" s="53">
        <v>0</v>
      </c>
      <c r="AH928" s="53">
        <v>0</v>
      </c>
      <c r="AI928" s="53">
        <v>0</v>
      </c>
      <c r="AJ928" s="53">
        <v>0</v>
      </c>
      <c r="AK928" s="53">
        <v>0</v>
      </c>
      <c r="AL928" s="53">
        <v>0</v>
      </c>
      <c r="AM928" s="53">
        <v>0</v>
      </c>
      <c r="AN928" s="53">
        <v>0</v>
      </c>
      <c r="AO928" s="53">
        <v>0</v>
      </c>
      <c r="AP928" s="53">
        <v>0</v>
      </c>
      <c r="AQ928" s="53">
        <v>0</v>
      </c>
      <c r="AR928" s="53">
        <v>0</v>
      </c>
      <c r="AS928" s="53">
        <v>0</v>
      </c>
      <c r="AT928" s="53">
        <v>0</v>
      </c>
      <c r="AU928" s="53">
        <v>0</v>
      </c>
      <c r="AV928" s="53">
        <v>0</v>
      </c>
      <c r="AW928" s="53">
        <v>0</v>
      </c>
      <c r="AX928" s="53">
        <v>0</v>
      </c>
      <c r="AY928" s="53">
        <v>0</v>
      </c>
      <c r="AZ928" s="53">
        <v>0</v>
      </c>
      <c r="BA928" s="53">
        <v>0</v>
      </c>
    </row>
    <row r="929" spans="1:53">
      <c r="A929" s="52" t="s">
        <v>4239</v>
      </c>
      <c r="B929" s="53"/>
      <c r="C929" s="53"/>
      <c r="D929" s="53"/>
      <c r="E929" s="53"/>
      <c r="F929" s="53"/>
      <c r="G929" s="53"/>
      <c r="H929" s="53"/>
      <c r="I929" s="53"/>
      <c r="J929" s="53"/>
      <c r="K929" s="53"/>
      <c r="L929" s="53"/>
      <c r="M929" s="53"/>
      <c r="N929" s="53"/>
      <c r="O929" s="53"/>
      <c r="P929" s="53"/>
      <c r="Q929" s="53"/>
      <c r="R929" s="53"/>
      <c r="S929" s="53"/>
      <c r="T929" s="53"/>
      <c r="U929" s="53"/>
      <c r="V929" s="53"/>
      <c r="W929" s="53"/>
      <c r="X929" s="53"/>
      <c r="Y929" s="53"/>
      <c r="Z929" s="53"/>
      <c r="AA929" s="53"/>
      <c r="AB929" s="53"/>
      <c r="AC929" s="53"/>
      <c r="AD929" s="53"/>
      <c r="AE929" s="53"/>
      <c r="AF929" s="53"/>
      <c r="AG929" s="53"/>
      <c r="AH929" s="53"/>
      <c r="AI929" s="53"/>
      <c r="AJ929" s="53"/>
      <c r="AK929" s="53"/>
      <c r="AL929" s="53"/>
      <c r="AM929" s="53"/>
      <c r="AN929" s="53"/>
      <c r="AO929" s="53"/>
      <c r="AP929" s="53"/>
      <c r="AQ929" s="53"/>
      <c r="AR929" s="53"/>
      <c r="AS929" s="53"/>
      <c r="AT929" s="53"/>
      <c r="AU929" s="53"/>
      <c r="AV929" s="53"/>
      <c r="AW929" s="53"/>
      <c r="AX929" s="53"/>
      <c r="AY929" s="53"/>
      <c r="AZ929" s="53"/>
      <c r="BA929" s="53"/>
    </row>
    <row r="930" spans="1:53">
      <c r="A930" s="52" t="s">
        <v>4240</v>
      </c>
      <c r="B930" s="53">
        <v>-93545217.209099799</v>
      </c>
      <c r="C930" s="53">
        <v>-98480527.217570707</v>
      </c>
      <c r="D930" s="53">
        <v>-71915939.403188795</v>
      </c>
      <c r="E930" s="53">
        <v>-53149655.922047898</v>
      </c>
      <c r="F930" s="53">
        <v>-69743976.479457006</v>
      </c>
      <c r="G930" s="53">
        <v>-89009429.697313994</v>
      </c>
      <c r="H930" s="53">
        <v>-85502751.4230721</v>
      </c>
      <c r="I930" s="53">
        <v>-70900648.651019499</v>
      </c>
      <c r="J930" s="53">
        <v>-83111569.994911402</v>
      </c>
      <c r="K930" s="53">
        <v>-75182577.778487802</v>
      </c>
      <c r="L930" s="53">
        <v>-70364750.125882998</v>
      </c>
      <c r="M930" s="53">
        <v>-101518802.04589701</v>
      </c>
      <c r="N930" s="53">
        <v>-962425845.94794905</v>
      </c>
      <c r="O930" s="53">
        <v>-87552812.434438094</v>
      </c>
      <c r="P930" s="53">
        <v>-64951439.151990399</v>
      </c>
      <c r="Q930" s="53">
        <v>-46824669.656323798</v>
      </c>
      <c r="R930" s="53">
        <v>-42376680.831411302</v>
      </c>
      <c r="S930" s="53">
        <v>-65647015.558660403</v>
      </c>
      <c r="T930" s="53">
        <v>-81835017.7121474</v>
      </c>
      <c r="U930" s="53">
        <v>-92944265.537144393</v>
      </c>
      <c r="V930" s="53">
        <v>-96089863.295005798</v>
      </c>
      <c r="W930" s="53">
        <v>-76522304.130105898</v>
      </c>
      <c r="X930" s="53">
        <v>-64204147.908177197</v>
      </c>
      <c r="Y930" s="53">
        <v>-46003460.847358301</v>
      </c>
      <c r="Z930" s="53">
        <v>-79008687.991929397</v>
      </c>
      <c r="AA930" s="53">
        <v>-843960365.05469298</v>
      </c>
      <c r="AB930" s="53">
        <v>-86517181.866681397</v>
      </c>
      <c r="AC930" s="53">
        <v>-63022344.151712999</v>
      </c>
      <c r="AD930" s="53">
        <v>-42908521.148835398</v>
      </c>
      <c r="AE930" s="53">
        <v>-39337315.440400198</v>
      </c>
      <c r="AF930" s="53">
        <v>-64143904.4370749</v>
      </c>
      <c r="AG930" s="53">
        <v>-81757075.905349404</v>
      </c>
      <c r="AH930" s="53">
        <v>-93548008.776605695</v>
      </c>
      <c r="AI930" s="53">
        <v>-99605612.220890597</v>
      </c>
      <c r="AJ930" s="53">
        <v>-78755903.265539795</v>
      </c>
      <c r="AK930" s="53">
        <v>-67186914.854515806</v>
      </c>
      <c r="AL930" s="53">
        <v>-47759638.765194498</v>
      </c>
      <c r="AM930" s="53">
        <v>-78866464.483224407</v>
      </c>
      <c r="AN930" s="53">
        <v>-843408885.31602502</v>
      </c>
      <c r="AO930" s="53">
        <v>-87339169.759040102</v>
      </c>
      <c r="AP930" s="53">
        <v>-64448151.860495701</v>
      </c>
      <c r="AQ930" s="53">
        <v>-45165674.612081997</v>
      </c>
      <c r="AR930" s="53">
        <v>-41325091.204181001</v>
      </c>
      <c r="AS930" s="53">
        <v>-63557474.179358602</v>
      </c>
      <c r="AT930" s="53">
        <v>-79473449.902635798</v>
      </c>
      <c r="AU930" s="53">
        <v>-90680354.254458696</v>
      </c>
      <c r="AV930" s="53">
        <v>-98127733.630092502</v>
      </c>
      <c r="AW930" s="53">
        <v>-76415389.977170393</v>
      </c>
      <c r="AX930" s="53">
        <v>-63635507.701114103</v>
      </c>
      <c r="AY930" s="53">
        <v>-37976886.936559103</v>
      </c>
      <c r="AZ930" s="53">
        <v>-75502008.490399003</v>
      </c>
      <c r="BA930" s="53">
        <v>-823646892.50758696</v>
      </c>
    </row>
    <row r="931" spans="1:53">
      <c r="A931" s="52" t="s">
        <v>4241</v>
      </c>
      <c r="B931" s="53">
        <v>0</v>
      </c>
      <c r="C931" s="53">
        <v>0</v>
      </c>
      <c r="D931" s="53">
        <v>0</v>
      </c>
      <c r="E931" s="53">
        <v>0</v>
      </c>
      <c r="F931" s="53">
        <v>0</v>
      </c>
      <c r="G931" s="53">
        <v>0</v>
      </c>
      <c r="H931" s="53">
        <v>0</v>
      </c>
      <c r="I931" s="53">
        <v>0</v>
      </c>
      <c r="J931" s="53">
        <v>0</v>
      </c>
      <c r="K931" s="53">
        <v>0</v>
      </c>
      <c r="L931" s="53">
        <v>0</v>
      </c>
      <c r="M931" s="53">
        <v>0</v>
      </c>
      <c r="N931" s="53">
        <v>0</v>
      </c>
      <c r="O931" s="53">
        <v>0</v>
      </c>
      <c r="P931" s="53">
        <v>0</v>
      </c>
      <c r="Q931" s="53">
        <v>0</v>
      </c>
      <c r="R931" s="53">
        <v>0</v>
      </c>
      <c r="S931" s="53">
        <v>0</v>
      </c>
      <c r="T931" s="53">
        <v>0</v>
      </c>
      <c r="U931" s="53">
        <v>0</v>
      </c>
      <c r="V931" s="53">
        <v>0</v>
      </c>
      <c r="W931" s="53">
        <v>0</v>
      </c>
      <c r="X931" s="53">
        <v>0</v>
      </c>
      <c r="Y931" s="53">
        <v>0</v>
      </c>
      <c r="Z931" s="53">
        <v>0</v>
      </c>
      <c r="AA931" s="53">
        <v>0</v>
      </c>
      <c r="AB931" s="53">
        <v>0</v>
      </c>
      <c r="AC931" s="53">
        <v>0</v>
      </c>
      <c r="AD931" s="53">
        <v>0</v>
      </c>
      <c r="AE931" s="53">
        <v>0</v>
      </c>
      <c r="AF931" s="53">
        <v>0</v>
      </c>
      <c r="AG931" s="53">
        <v>0</v>
      </c>
      <c r="AH931" s="53">
        <v>0</v>
      </c>
      <c r="AI931" s="53">
        <v>0</v>
      </c>
      <c r="AJ931" s="53">
        <v>0</v>
      </c>
      <c r="AK931" s="53">
        <v>0</v>
      </c>
      <c r="AL931" s="53">
        <v>0</v>
      </c>
      <c r="AM931" s="53">
        <v>0</v>
      </c>
      <c r="AN931" s="53">
        <v>0</v>
      </c>
      <c r="AO931" s="53">
        <v>0</v>
      </c>
      <c r="AP931" s="53">
        <v>0</v>
      </c>
      <c r="AQ931" s="53">
        <v>0</v>
      </c>
      <c r="AR931" s="53">
        <v>0</v>
      </c>
      <c r="AS931" s="53">
        <v>0</v>
      </c>
      <c r="AT931" s="53">
        <v>0</v>
      </c>
      <c r="AU931" s="53">
        <v>0</v>
      </c>
      <c r="AV931" s="53">
        <v>0</v>
      </c>
      <c r="AW931" s="53">
        <v>0</v>
      </c>
      <c r="AX931" s="53">
        <v>0</v>
      </c>
      <c r="AY931" s="53">
        <v>0</v>
      </c>
      <c r="AZ931" s="53">
        <v>0</v>
      </c>
      <c r="BA931" s="53">
        <v>0</v>
      </c>
    </row>
    <row r="932" spans="1:53">
      <c r="A932" s="52" t="s">
        <v>4242</v>
      </c>
      <c r="B932" s="53">
        <v>-93545217.209099799</v>
      </c>
      <c r="C932" s="53">
        <v>-98480527.217570707</v>
      </c>
      <c r="D932" s="53">
        <v>-71915939.403188795</v>
      </c>
      <c r="E932" s="53">
        <v>-53149655.922047898</v>
      </c>
      <c r="F932" s="53">
        <v>-69743976.479457006</v>
      </c>
      <c r="G932" s="53">
        <v>-89009429.697313994</v>
      </c>
      <c r="H932" s="53">
        <v>-85502751.4230721</v>
      </c>
      <c r="I932" s="53">
        <v>-70900648.651019499</v>
      </c>
      <c r="J932" s="53">
        <v>-83111569.994911402</v>
      </c>
      <c r="K932" s="53">
        <v>-75182577.778487802</v>
      </c>
      <c r="L932" s="53">
        <v>-70364750.125882998</v>
      </c>
      <c r="M932" s="53">
        <v>-101518802.04589701</v>
      </c>
      <c r="N932" s="53">
        <v>-962425845.94794905</v>
      </c>
      <c r="O932" s="53">
        <v>-87552812.434438094</v>
      </c>
      <c r="P932" s="53">
        <v>-64951439.151990399</v>
      </c>
      <c r="Q932" s="53">
        <v>-46824669.656323798</v>
      </c>
      <c r="R932" s="53">
        <v>-42376680.831411302</v>
      </c>
      <c r="S932" s="53">
        <v>-65647015.558660403</v>
      </c>
      <c r="T932" s="53">
        <v>-81835017.7121474</v>
      </c>
      <c r="U932" s="53">
        <v>-92944265.537144393</v>
      </c>
      <c r="V932" s="53">
        <v>-96089863.295005798</v>
      </c>
      <c r="W932" s="53">
        <v>-76522304.130105898</v>
      </c>
      <c r="X932" s="53">
        <v>-64204147.908177197</v>
      </c>
      <c r="Y932" s="53">
        <v>-46003460.847358301</v>
      </c>
      <c r="Z932" s="53">
        <v>-79008687.991929397</v>
      </c>
      <c r="AA932" s="53">
        <v>-843960365.05469298</v>
      </c>
      <c r="AB932" s="53">
        <v>-86517181.866681397</v>
      </c>
      <c r="AC932" s="53">
        <v>-63022344.151712999</v>
      </c>
      <c r="AD932" s="53">
        <v>-42908521.148835398</v>
      </c>
      <c r="AE932" s="53">
        <v>-39337315.440400198</v>
      </c>
      <c r="AF932" s="53">
        <v>-64143904.4370749</v>
      </c>
      <c r="AG932" s="53">
        <v>-81757075.905349404</v>
      </c>
      <c r="AH932" s="53">
        <v>-93548008.776605695</v>
      </c>
      <c r="AI932" s="53">
        <v>-99605612.220890597</v>
      </c>
      <c r="AJ932" s="53">
        <v>-78755903.265539795</v>
      </c>
      <c r="AK932" s="53">
        <v>-67186914.854515806</v>
      </c>
      <c r="AL932" s="53">
        <v>-47759638.765194498</v>
      </c>
      <c r="AM932" s="53">
        <v>-78866464.483224407</v>
      </c>
      <c r="AN932" s="53">
        <v>-843408885.31602502</v>
      </c>
      <c r="AO932" s="53">
        <v>-87339169.759040102</v>
      </c>
      <c r="AP932" s="53">
        <v>-64448151.860495701</v>
      </c>
      <c r="AQ932" s="53">
        <v>-45165674.612081997</v>
      </c>
      <c r="AR932" s="53">
        <v>-41325091.204181001</v>
      </c>
      <c r="AS932" s="53">
        <v>-63557474.179358602</v>
      </c>
      <c r="AT932" s="53">
        <v>-79473449.902635798</v>
      </c>
      <c r="AU932" s="53">
        <v>-90680354.254458696</v>
      </c>
      <c r="AV932" s="53">
        <v>-98127733.630092502</v>
      </c>
      <c r="AW932" s="53">
        <v>-76415389.977170393</v>
      </c>
      <c r="AX932" s="53">
        <v>-63635507.701114103</v>
      </c>
      <c r="AY932" s="53">
        <v>-37976886.936559103</v>
      </c>
      <c r="AZ932" s="53">
        <v>-75502008.490399003</v>
      </c>
      <c r="BA932" s="53">
        <v>-823646892.50758696</v>
      </c>
    </row>
    <row r="933" spans="1:53">
      <c r="A933" s="52" t="s">
        <v>4243</v>
      </c>
      <c r="B933" s="53"/>
      <c r="C933" s="53"/>
      <c r="D933" s="53"/>
      <c r="E933" s="53"/>
      <c r="F933" s="53"/>
      <c r="G933" s="53"/>
      <c r="H933" s="53"/>
      <c r="I933" s="53"/>
      <c r="J933" s="53"/>
      <c r="K933" s="53"/>
      <c r="L933" s="53"/>
      <c r="M933" s="53"/>
      <c r="N933" s="53"/>
      <c r="O933" s="53"/>
      <c r="P933" s="53"/>
      <c r="Q933" s="53"/>
      <c r="R933" s="53"/>
      <c r="S933" s="53"/>
      <c r="T933" s="53"/>
      <c r="U933" s="53"/>
      <c r="V933" s="53"/>
      <c r="W933" s="53"/>
      <c r="X933" s="53"/>
      <c r="Y933" s="53"/>
      <c r="Z933" s="53"/>
      <c r="AA933" s="53"/>
      <c r="AB933" s="53"/>
      <c r="AC933" s="53"/>
      <c r="AD933" s="53"/>
      <c r="AE933" s="53"/>
      <c r="AF933" s="53"/>
      <c r="AG933" s="53"/>
      <c r="AH933" s="53"/>
      <c r="AI933" s="53"/>
      <c r="AJ933" s="53"/>
      <c r="AK933" s="53"/>
      <c r="AL933" s="53"/>
      <c r="AM933" s="53"/>
      <c r="AN933" s="53"/>
      <c r="AO933" s="53"/>
      <c r="AP933" s="53"/>
      <c r="AQ933" s="53"/>
      <c r="AR933" s="53"/>
      <c r="AS933" s="53"/>
      <c r="AT933" s="53"/>
      <c r="AU933" s="53"/>
      <c r="AV933" s="53"/>
      <c r="AW933" s="53"/>
      <c r="AX933" s="53"/>
      <c r="AY933" s="53"/>
      <c r="AZ933" s="53"/>
      <c r="BA933" s="53"/>
    </row>
    <row r="934" spans="1:53" ht="10.8" thickBot="1">
      <c r="A934" s="230" t="s">
        <v>4244</v>
      </c>
      <c r="B934" s="53"/>
      <c r="C934" s="53"/>
      <c r="D934" s="53"/>
      <c r="E934" s="53"/>
      <c r="F934" s="53"/>
      <c r="G934" s="53"/>
      <c r="H934" s="53"/>
      <c r="I934" s="53"/>
      <c r="J934" s="53"/>
      <c r="K934" s="53"/>
      <c r="L934" s="53"/>
      <c r="M934" s="53"/>
      <c r="N934" s="53"/>
      <c r="O934" s="53"/>
      <c r="P934" s="53"/>
      <c r="Q934" s="53"/>
      <c r="R934" s="53"/>
      <c r="S934" s="53"/>
      <c r="T934" s="53"/>
      <c r="U934" s="53"/>
      <c r="V934" s="53"/>
      <c r="W934" s="53"/>
      <c r="X934" s="53"/>
      <c r="Y934" s="53"/>
      <c r="Z934" s="53"/>
      <c r="AA934" s="53"/>
      <c r="AB934" s="53"/>
      <c r="AC934" s="53"/>
      <c r="AD934" s="53"/>
      <c r="AE934" s="53"/>
      <c r="AF934" s="53"/>
      <c r="AG934" s="53"/>
      <c r="AH934" s="53"/>
      <c r="AI934" s="53"/>
      <c r="AJ934" s="53"/>
      <c r="AK934" s="53"/>
      <c r="AL934" s="53"/>
      <c r="AM934" s="53"/>
      <c r="AN934" s="53"/>
      <c r="AO934" s="53"/>
      <c r="AP934" s="53"/>
      <c r="AQ934" s="53"/>
      <c r="AR934" s="53"/>
      <c r="AS934" s="53"/>
      <c r="AT934" s="53"/>
      <c r="AU934" s="53"/>
      <c r="AV934" s="53"/>
      <c r="AW934" s="53"/>
      <c r="AX934" s="53"/>
      <c r="AY934" s="53"/>
      <c r="AZ934" s="53"/>
      <c r="BA934" s="53"/>
    </row>
    <row r="935" spans="1:53">
      <c r="A935" s="52" t="s">
        <v>4245</v>
      </c>
      <c r="B935" s="53">
        <v>-718828979.91008997</v>
      </c>
      <c r="C935" s="53">
        <v>-490138942.92889601</v>
      </c>
      <c r="D935" s="53">
        <v>-493776242.45939898</v>
      </c>
      <c r="E935" s="53">
        <v>-490279546.567873</v>
      </c>
      <c r="F935" s="53">
        <v>-585214891.87511802</v>
      </c>
      <c r="G935" s="53">
        <v>-628020268.60518301</v>
      </c>
      <c r="H935" s="53">
        <v>-658481899.94852805</v>
      </c>
      <c r="I935" s="53">
        <v>-809769086.35253704</v>
      </c>
      <c r="J935" s="53">
        <v>-613572876.27386105</v>
      </c>
      <c r="K935" s="53">
        <v>-540015025.66034901</v>
      </c>
      <c r="L935" s="53">
        <v>-435631647.55466199</v>
      </c>
      <c r="M935" s="53">
        <v>-481070068.74485803</v>
      </c>
      <c r="N935" s="53">
        <v>-6944799476.8813496</v>
      </c>
      <c r="O935" s="53">
        <v>-588205933.83605099</v>
      </c>
      <c r="P935" s="53">
        <v>-382709962.27358103</v>
      </c>
      <c r="Q935" s="53">
        <v>-390223576.05418801</v>
      </c>
      <c r="R935" s="53">
        <v>-419278552.79669797</v>
      </c>
      <c r="S935" s="53">
        <v>-501448382.20344001</v>
      </c>
      <c r="T935" s="53">
        <v>-537955653.37912595</v>
      </c>
      <c r="U935" s="53">
        <v>-565214945.36993003</v>
      </c>
      <c r="V935" s="53">
        <v>-693256018.05613804</v>
      </c>
      <c r="W935" s="53">
        <v>-527603770.04602301</v>
      </c>
      <c r="X935" s="53">
        <v>-461920039.328596</v>
      </c>
      <c r="Y935" s="53">
        <v>-374664034.27277398</v>
      </c>
      <c r="Z935" s="53">
        <v>-415404822.32407701</v>
      </c>
      <c r="AA935" s="53">
        <v>-5857885689.9406204</v>
      </c>
      <c r="AB935" s="53">
        <v>-583735385.169155</v>
      </c>
      <c r="AC935" s="53">
        <v>-381071956.89830399</v>
      </c>
      <c r="AD935" s="53">
        <v>-386190258.158548</v>
      </c>
      <c r="AE935" s="53">
        <v>-414924345.24773997</v>
      </c>
      <c r="AF935" s="53">
        <v>-496907345.48866898</v>
      </c>
      <c r="AG935" s="53">
        <v>-536509018.76753598</v>
      </c>
      <c r="AH935" s="53">
        <v>-563444868.27721703</v>
      </c>
      <c r="AI935" s="53">
        <v>-690195195.22140396</v>
      </c>
      <c r="AJ935" s="53">
        <v>-526191604.242809</v>
      </c>
      <c r="AK935" s="53">
        <v>-461755111.76084602</v>
      </c>
      <c r="AL935" s="53">
        <v>-372788469.27612501</v>
      </c>
      <c r="AM935" s="53">
        <v>-414464033.63730103</v>
      </c>
      <c r="AN935" s="53">
        <v>-5828177592.1456604</v>
      </c>
      <c r="AO935" s="53">
        <v>-582730990.18171704</v>
      </c>
      <c r="AP935" s="53">
        <v>-380600440.44946301</v>
      </c>
      <c r="AQ935" s="53">
        <v>-384328683.11050498</v>
      </c>
      <c r="AR935" s="53">
        <v>-413024492.20537603</v>
      </c>
      <c r="AS935" s="53">
        <v>-496270937.17893398</v>
      </c>
      <c r="AT935" s="53">
        <v>-535264844.85151201</v>
      </c>
      <c r="AU935" s="53">
        <v>-562472281.46399498</v>
      </c>
      <c r="AV935" s="53">
        <v>-688695503.86741197</v>
      </c>
      <c r="AW935" s="53">
        <v>-525971203.55312902</v>
      </c>
      <c r="AX935" s="53">
        <v>-461575668.13391</v>
      </c>
      <c r="AY935" s="53">
        <v>-373045473.81655103</v>
      </c>
      <c r="AZ935" s="53">
        <v>-415035219.861866</v>
      </c>
      <c r="BA935" s="53">
        <v>-5819015738.6743698</v>
      </c>
    </row>
    <row r="936" spans="1:53">
      <c r="A936" s="52" t="s">
        <v>4246</v>
      </c>
      <c r="B936" s="53">
        <v>91701895.431613296</v>
      </c>
      <c r="C936" s="53">
        <v>84669401.711613193</v>
      </c>
      <c r="D936" s="53">
        <v>96789670.2716133</v>
      </c>
      <c r="E936" s="53">
        <v>51147937.401613303</v>
      </c>
      <c r="F936" s="53">
        <v>50928973.791613303</v>
      </c>
      <c r="G936" s="53">
        <v>43613856.321613297</v>
      </c>
      <c r="H936" s="53">
        <v>47038072.861613303</v>
      </c>
      <c r="I936" s="53">
        <v>46206415.901613198</v>
      </c>
      <c r="J936" s="53">
        <v>52268057.4516133</v>
      </c>
      <c r="K936" s="53">
        <v>48735405.301613301</v>
      </c>
      <c r="L936" s="53">
        <v>48996714.421613201</v>
      </c>
      <c r="M936" s="53">
        <v>44342131.271613203</v>
      </c>
      <c r="N936" s="53">
        <v>706438532.139359</v>
      </c>
      <c r="O936" s="53">
        <v>58634188.805818997</v>
      </c>
      <c r="P936" s="53">
        <v>48532229.085818999</v>
      </c>
      <c r="Q936" s="53">
        <v>54286768.645819001</v>
      </c>
      <c r="R936" s="53">
        <v>49538430.775819004</v>
      </c>
      <c r="S936" s="53">
        <v>53253864.165818997</v>
      </c>
      <c r="T936" s="53">
        <v>48705464.695818998</v>
      </c>
      <c r="U936" s="53">
        <v>51167621.235818997</v>
      </c>
      <c r="V936" s="53">
        <v>51475014.275819004</v>
      </c>
      <c r="W936" s="53">
        <v>55684001.825819001</v>
      </c>
      <c r="X936" s="53">
        <v>51543429.675819002</v>
      </c>
      <c r="Y936" s="53">
        <v>53660264.795818999</v>
      </c>
      <c r="Z936" s="53">
        <v>49041715.645819001</v>
      </c>
      <c r="AA936" s="53">
        <v>625522993.62982798</v>
      </c>
      <c r="AB936" s="53">
        <v>60894246.589808598</v>
      </c>
      <c r="AC936" s="53">
        <v>50792286.869808599</v>
      </c>
      <c r="AD936" s="53">
        <v>56546826.429808602</v>
      </c>
      <c r="AE936" s="53">
        <v>51798488.559808597</v>
      </c>
      <c r="AF936" s="53">
        <v>55513921.949808598</v>
      </c>
      <c r="AG936" s="53">
        <v>50965522.479808599</v>
      </c>
      <c r="AH936" s="53">
        <v>53427679.019808598</v>
      </c>
      <c r="AI936" s="53">
        <v>53735072.059808597</v>
      </c>
      <c r="AJ936" s="53">
        <v>57944059.609808601</v>
      </c>
      <c r="AK936" s="53">
        <v>53803487.459808603</v>
      </c>
      <c r="AL936" s="53">
        <v>55920322.579808503</v>
      </c>
      <c r="AM936" s="53">
        <v>51301773.429808602</v>
      </c>
      <c r="AN936" s="53">
        <v>652643687.03770304</v>
      </c>
      <c r="AO936" s="53">
        <v>68006162.754760101</v>
      </c>
      <c r="AP936" s="53">
        <v>53861196.034760103</v>
      </c>
      <c r="AQ936" s="53">
        <v>59615735.594760098</v>
      </c>
      <c r="AR936" s="53">
        <v>54867397.7247601</v>
      </c>
      <c r="AS936" s="53">
        <v>58582831.114760101</v>
      </c>
      <c r="AT936" s="53">
        <v>54034431.644760102</v>
      </c>
      <c r="AU936" s="53">
        <v>56496588.184760101</v>
      </c>
      <c r="AV936" s="53">
        <v>56803981.2247601</v>
      </c>
      <c r="AW936" s="53">
        <v>61012968.774760097</v>
      </c>
      <c r="AX936" s="53">
        <v>56872396.624760099</v>
      </c>
      <c r="AY936" s="53">
        <v>58989231.744760104</v>
      </c>
      <c r="AZ936" s="53">
        <v>54370682.594760098</v>
      </c>
      <c r="BA936" s="53">
        <v>693513604.01712096</v>
      </c>
    </row>
    <row r="937" spans="1:53">
      <c r="A937" s="52" t="s">
        <v>4247</v>
      </c>
      <c r="B937" s="53">
        <v>313672391.68377298</v>
      </c>
      <c r="C937" s="53">
        <v>202457438.90359601</v>
      </c>
      <c r="D937" s="53">
        <v>214361778.58406699</v>
      </c>
      <c r="E937" s="53">
        <v>236209077.60568801</v>
      </c>
      <c r="F937" s="53">
        <v>284842637.87276399</v>
      </c>
      <c r="G937" s="53">
        <v>302997280.79717302</v>
      </c>
      <c r="H937" s="53">
        <v>318936620.49245203</v>
      </c>
      <c r="I937" s="53">
        <v>392702874.67522198</v>
      </c>
      <c r="J937" s="53">
        <v>295099726.56948799</v>
      </c>
      <c r="K937" s="53">
        <v>257306351.44478801</v>
      </c>
      <c r="L937" s="53">
        <v>203775655.874919</v>
      </c>
      <c r="M937" s="53">
        <v>217514360.34761101</v>
      </c>
      <c r="N937" s="53">
        <v>3239876194.8515401</v>
      </c>
      <c r="O937" s="53">
        <v>213841538.530761</v>
      </c>
      <c r="P937" s="53">
        <v>134574882.02272999</v>
      </c>
      <c r="Q937" s="53">
        <v>146368278.609981</v>
      </c>
      <c r="R937" s="53">
        <v>160515432.46715701</v>
      </c>
      <c r="S937" s="53">
        <v>193484353.989209</v>
      </c>
      <c r="T937" s="53">
        <v>206127716.04048201</v>
      </c>
      <c r="U937" s="53">
        <v>216801020.70087501</v>
      </c>
      <c r="V937" s="53">
        <v>267516583.940534</v>
      </c>
      <c r="W937" s="53">
        <v>201782204.70387799</v>
      </c>
      <c r="X937" s="53">
        <v>173771673.70118499</v>
      </c>
      <c r="Y937" s="53">
        <v>138629866.57880101</v>
      </c>
      <c r="Z937" s="53">
        <v>148180284.694262</v>
      </c>
      <c r="AA937" s="53">
        <v>2201593835.9798598</v>
      </c>
      <c r="AB937" s="53">
        <v>198987883.309627</v>
      </c>
      <c r="AC937" s="53">
        <v>125466630.18298499</v>
      </c>
      <c r="AD937" s="53">
        <v>135643328.890764</v>
      </c>
      <c r="AE937" s="53">
        <v>148854993.117075</v>
      </c>
      <c r="AF937" s="53">
        <v>179840977.904037</v>
      </c>
      <c r="AG937" s="53">
        <v>192658522.724168</v>
      </c>
      <c r="AH937" s="53">
        <v>202558774.732858</v>
      </c>
      <c r="AI937" s="53">
        <v>249821249.06325001</v>
      </c>
      <c r="AJ937" s="53">
        <v>188509690.847</v>
      </c>
      <c r="AK937" s="53">
        <v>162730823.405489</v>
      </c>
      <c r="AL937" s="53">
        <v>128913096.793056</v>
      </c>
      <c r="AM937" s="53">
        <v>138257907.78306299</v>
      </c>
      <c r="AN937" s="53">
        <v>2052243878.75337</v>
      </c>
      <c r="AO937" s="53">
        <v>189278190.327474</v>
      </c>
      <c r="AP937" s="53">
        <v>119028862.108651</v>
      </c>
      <c r="AQ937" s="53">
        <v>128368543.84214801</v>
      </c>
      <c r="AR937" s="53">
        <v>141017851.594639</v>
      </c>
      <c r="AS937" s="53">
        <v>171149149.00663799</v>
      </c>
      <c r="AT937" s="53">
        <v>183670007.68464199</v>
      </c>
      <c r="AU937" s="53">
        <v>193251377.714284</v>
      </c>
      <c r="AV937" s="53">
        <v>238388732.69920501</v>
      </c>
      <c r="AW937" s="53">
        <v>180160538.105564</v>
      </c>
      <c r="AX937" s="53">
        <v>155443179.61733299</v>
      </c>
      <c r="AY937" s="53">
        <v>123114458.319493</v>
      </c>
      <c r="AZ937" s="53">
        <v>132240977.275535</v>
      </c>
      <c r="BA937" s="53">
        <v>1955111868.29561</v>
      </c>
    </row>
    <row r="938" spans="1:53">
      <c r="A938" s="52" t="s">
        <v>4248</v>
      </c>
      <c r="B938" s="53">
        <v>110092735.62943199</v>
      </c>
      <c r="C938" s="53">
        <v>29898775.227045801</v>
      </c>
      <c r="D938" s="53">
        <v>38122800.015427001</v>
      </c>
      <c r="E938" s="53">
        <v>74775201.063311696</v>
      </c>
      <c r="F938" s="53">
        <v>87968455.522842601</v>
      </c>
      <c r="G938" s="53">
        <v>87031530.845572203</v>
      </c>
      <c r="H938" s="53">
        <v>99859134.534475699</v>
      </c>
      <c r="I938" s="53">
        <v>167728347.540604</v>
      </c>
      <c r="J938" s="53">
        <v>81403879.706487104</v>
      </c>
      <c r="K938" s="53">
        <v>71240071.781765699</v>
      </c>
      <c r="L938" s="53">
        <v>42971534.566493697</v>
      </c>
      <c r="M938" s="53">
        <v>33431405.929846801</v>
      </c>
      <c r="N938" s="53">
        <v>924523872.36330497</v>
      </c>
      <c r="O938" s="53">
        <v>120406967.612578</v>
      </c>
      <c r="P938" s="53">
        <v>61325052.612648502</v>
      </c>
      <c r="Q938" s="53">
        <v>71813861.546585202</v>
      </c>
      <c r="R938" s="53">
        <v>89970414.922918394</v>
      </c>
      <c r="S938" s="53">
        <v>98441029.124937296</v>
      </c>
      <c r="T938" s="53">
        <v>101653869.994066</v>
      </c>
      <c r="U938" s="53">
        <v>100448192.337073</v>
      </c>
      <c r="V938" s="53">
        <v>151654172.251973</v>
      </c>
      <c r="W938" s="53">
        <v>97529491.667403296</v>
      </c>
      <c r="X938" s="53">
        <v>86077298.846672401</v>
      </c>
      <c r="Y938" s="53">
        <v>65600009.4617908</v>
      </c>
      <c r="Z938" s="53">
        <v>61123564.6146136</v>
      </c>
      <c r="AA938" s="53">
        <v>1106043924.9932599</v>
      </c>
      <c r="AB938" s="53">
        <v>127870161.63656101</v>
      </c>
      <c r="AC938" s="53">
        <v>66588329.001570202</v>
      </c>
      <c r="AD938" s="53">
        <v>78749776.846212402</v>
      </c>
      <c r="AE938" s="53">
        <v>96679601.803625003</v>
      </c>
      <c r="AF938" s="53">
        <v>105436545.06694099</v>
      </c>
      <c r="AG938" s="53">
        <v>109636898.891794</v>
      </c>
      <c r="AH938" s="53">
        <v>108369584.087819</v>
      </c>
      <c r="AI938" s="53">
        <v>158980398.58167401</v>
      </c>
      <c r="AJ938" s="53">
        <v>103336432.94939201</v>
      </c>
      <c r="AK938" s="53">
        <v>90085133.370931998</v>
      </c>
      <c r="AL938" s="53">
        <v>68222158.868797705</v>
      </c>
      <c r="AM938" s="53">
        <v>67473291.426625907</v>
      </c>
      <c r="AN938" s="53">
        <v>1181428312.53194</v>
      </c>
      <c r="AO938" s="53">
        <v>128675671.556545</v>
      </c>
      <c r="AP938" s="53">
        <v>67201393.012819394</v>
      </c>
      <c r="AQ938" s="53">
        <v>77680827.962973595</v>
      </c>
      <c r="AR938" s="53">
        <v>96531325.284124807</v>
      </c>
      <c r="AS938" s="53">
        <v>109634264.89926299</v>
      </c>
      <c r="AT938" s="53">
        <v>114409859.325445</v>
      </c>
      <c r="AU938" s="53">
        <v>114457140.39223801</v>
      </c>
      <c r="AV938" s="53">
        <v>165296601.25995901</v>
      </c>
      <c r="AW938" s="53">
        <v>108550720.05753</v>
      </c>
      <c r="AX938" s="53">
        <v>95871604.767069504</v>
      </c>
      <c r="AY938" s="53">
        <v>79253007.0425978</v>
      </c>
      <c r="AZ938" s="53">
        <v>72600720.734361902</v>
      </c>
      <c r="BA938" s="53">
        <v>1230163136.29493</v>
      </c>
    </row>
    <row r="939" spans="1:53">
      <c r="A939" s="52" t="s">
        <v>4249</v>
      </c>
      <c r="B939" s="53">
        <v>0</v>
      </c>
      <c r="C939" s="53">
        <v>0</v>
      </c>
      <c r="D939" s="53">
        <v>0</v>
      </c>
      <c r="E939" s="53">
        <v>0</v>
      </c>
      <c r="F939" s="53">
        <v>0</v>
      </c>
      <c r="G939" s="53">
        <v>0</v>
      </c>
      <c r="H939" s="53">
        <v>0</v>
      </c>
      <c r="I939" s="53">
        <v>0</v>
      </c>
      <c r="J939" s="53">
        <v>0</v>
      </c>
      <c r="K939" s="53">
        <v>0</v>
      </c>
      <c r="L939" s="53">
        <v>0</v>
      </c>
      <c r="M939" s="53">
        <v>0</v>
      </c>
      <c r="N939" s="53">
        <v>0</v>
      </c>
      <c r="O939" s="53">
        <v>0</v>
      </c>
      <c r="P939" s="53">
        <v>0</v>
      </c>
      <c r="Q939" s="53">
        <v>0</v>
      </c>
      <c r="R939" s="53">
        <v>0</v>
      </c>
      <c r="S939" s="53">
        <v>0</v>
      </c>
      <c r="T939" s="53">
        <v>0</v>
      </c>
      <c r="U939" s="53">
        <v>0</v>
      </c>
      <c r="V939" s="53">
        <v>0</v>
      </c>
      <c r="W939" s="53">
        <v>0</v>
      </c>
      <c r="X939" s="53">
        <v>0</v>
      </c>
      <c r="Y939" s="53">
        <v>0</v>
      </c>
      <c r="Z939" s="53">
        <v>0</v>
      </c>
      <c r="AA939" s="53">
        <v>0</v>
      </c>
      <c r="AB939" s="53">
        <v>0</v>
      </c>
      <c r="AC939" s="53">
        <v>0</v>
      </c>
      <c r="AD939" s="53">
        <v>0</v>
      </c>
      <c r="AE939" s="53">
        <v>0</v>
      </c>
      <c r="AF939" s="53">
        <v>0</v>
      </c>
      <c r="AG939" s="53">
        <v>0</v>
      </c>
      <c r="AH939" s="53">
        <v>0</v>
      </c>
      <c r="AI939" s="53">
        <v>0</v>
      </c>
      <c r="AJ939" s="53">
        <v>0</v>
      </c>
      <c r="AK939" s="53">
        <v>0</v>
      </c>
      <c r="AL939" s="53">
        <v>0</v>
      </c>
      <c r="AM939" s="53">
        <v>0</v>
      </c>
      <c r="AN939" s="53">
        <v>0</v>
      </c>
      <c r="AO939" s="53">
        <v>0</v>
      </c>
      <c r="AP939" s="53">
        <v>0</v>
      </c>
      <c r="AQ939" s="53">
        <v>0</v>
      </c>
      <c r="AR939" s="53">
        <v>0</v>
      </c>
      <c r="AS939" s="53">
        <v>0</v>
      </c>
      <c r="AT939" s="53">
        <v>0</v>
      </c>
      <c r="AU939" s="53">
        <v>0</v>
      </c>
      <c r="AV939" s="53">
        <v>0</v>
      </c>
      <c r="AW939" s="53">
        <v>0</v>
      </c>
      <c r="AX939" s="53">
        <v>0</v>
      </c>
      <c r="AY939" s="53">
        <v>0</v>
      </c>
      <c r="AZ939" s="53">
        <v>0</v>
      </c>
      <c r="BA939" s="53">
        <v>0</v>
      </c>
    </row>
    <row r="940" spans="1:53">
      <c r="A940" s="52" t="s">
        <v>4250</v>
      </c>
      <c r="B940" s="53">
        <v>51189679.217077799</v>
      </c>
      <c r="C940" s="53">
        <v>40006998.2681759</v>
      </c>
      <c r="D940" s="53">
        <v>40330616.252100103</v>
      </c>
      <c r="E940" s="53">
        <v>40075793.345740303</v>
      </c>
      <c r="F940" s="53">
        <v>44853073.667842597</v>
      </c>
      <c r="G940" s="53">
        <v>46702055.386727303</v>
      </c>
      <c r="H940" s="53">
        <v>48093953.924306303</v>
      </c>
      <c r="I940" s="53">
        <v>55564543.541790403</v>
      </c>
      <c r="J940" s="53">
        <v>45944553.082509197</v>
      </c>
      <c r="K940" s="53">
        <v>42291636.084110498</v>
      </c>
      <c r="L940" s="53">
        <v>37532007.493356399</v>
      </c>
      <c r="M940" s="53">
        <v>39441291.698217697</v>
      </c>
      <c r="N940" s="53">
        <v>532026201.961954</v>
      </c>
      <c r="O940" s="53">
        <v>46263305.464194901</v>
      </c>
      <c r="P940" s="53">
        <v>36216284.472186103</v>
      </c>
      <c r="Q940" s="53">
        <v>36746670.845084801</v>
      </c>
      <c r="R940" s="53">
        <v>38146515.598404497</v>
      </c>
      <c r="S940" s="53">
        <v>42121777.1952409</v>
      </c>
      <c r="T940" s="53">
        <v>43806424.126246803</v>
      </c>
      <c r="U940" s="53">
        <v>45112961.282194398</v>
      </c>
      <c r="V940" s="53">
        <v>51430395.847335503</v>
      </c>
      <c r="W940" s="53">
        <v>43324389.721789002</v>
      </c>
      <c r="X940" s="53">
        <v>40081090.675941803</v>
      </c>
      <c r="Y940" s="53">
        <v>35958222.699070901</v>
      </c>
      <c r="Z940" s="53">
        <v>37815246.6891881</v>
      </c>
      <c r="AA940" s="53">
        <v>497023284.61687797</v>
      </c>
      <c r="AB940" s="53">
        <v>47929078.984949701</v>
      </c>
      <c r="AC940" s="53">
        <v>38040733.8401227</v>
      </c>
      <c r="AD940" s="53">
        <v>38460492.155314699</v>
      </c>
      <c r="AE940" s="53">
        <v>39842631.649427399</v>
      </c>
      <c r="AF940" s="53">
        <v>43795736.403237902</v>
      </c>
      <c r="AG940" s="53">
        <v>45594111.612783603</v>
      </c>
      <c r="AH940" s="53">
        <v>46883156.564734101</v>
      </c>
      <c r="AI940" s="53">
        <v>53132194.248279601</v>
      </c>
      <c r="AJ940" s="53">
        <v>45113482.039197899</v>
      </c>
      <c r="AK940" s="53">
        <v>41942062.7753492</v>
      </c>
      <c r="AL940" s="53">
        <v>37739059.352468699</v>
      </c>
      <c r="AM940" s="53">
        <v>39637489.780068703</v>
      </c>
      <c r="AN940" s="53">
        <v>518110229.40593398</v>
      </c>
      <c r="AO940" s="53">
        <v>49066763.550876603</v>
      </c>
      <c r="AP940" s="53">
        <v>39220643.458990499</v>
      </c>
      <c r="AQ940" s="53">
        <v>39588040.115232103</v>
      </c>
      <c r="AR940" s="53">
        <v>40957755.357956097</v>
      </c>
      <c r="AS940" s="53">
        <v>44968645.468453899</v>
      </c>
      <c r="AT940" s="53">
        <v>46833023.830609202</v>
      </c>
      <c r="AU940" s="53">
        <v>48135013.8903846</v>
      </c>
      <c r="AV940" s="53">
        <v>54356060.9706861</v>
      </c>
      <c r="AW940" s="53">
        <v>46401725.315783396</v>
      </c>
      <c r="AX940" s="53">
        <v>43232816.471578099</v>
      </c>
      <c r="AY940" s="53">
        <v>39052477.770909801</v>
      </c>
      <c r="AZ940" s="53">
        <v>40978494.820179999</v>
      </c>
      <c r="BA940" s="53">
        <v>532791461.02164</v>
      </c>
    </row>
    <row r="941" spans="1:53">
      <c r="A941" s="52" t="s">
        <v>4251</v>
      </c>
      <c r="B941" s="53">
        <v>54623131.891868398</v>
      </c>
      <c r="C941" s="53">
        <v>9039386.0426984299</v>
      </c>
      <c r="D941" s="53">
        <v>14023862.912297999</v>
      </c>
      <c r="E941" s="53">
        <v>8844467.0005524103</v>
      </c>
      <c r="F941" s="53">
        <v>24978611.689763799</v>
      </c>
      <c r="G941" s="53">
        <v>38894528.2191156</v>
      </c>
      <c r="H941" s="53">
        <v>37691348.282157198</v>
      </c>
      <c r="I941" s="53">
        <v>71954700.910749495</v>
      </c>
      <c r="J941" s="53">
        <v>29433596.8983423</v>
      </c>
      <c r="K941" s="53">
        <v>17706588.1285946</v>
      </c>
      <c r="L941" s="53">
        <v>-1444227.77825859</v>
      </c>
      <c r="M941" s="53">
        <v>21691605.109674498</v>
      </c>
      <c r="N941" s="53">
        <v>327437599.30755597</v>
      </c>
      <c r="O941" s="53">
        <v>27152859.888241701</v>
      </c>
      <c r="P941" s="53">
        <v>-13292533.4255412</v>
      </c>
      <c r="Q941" s="53">
        <v>-14373414.519845599</v>
      </c>
      <c r="R941" s="53">
        <v>-8219400.8491068399</v>
      </c>
      <c r="S941" s="53">
        <v>7371431.5655891402</v>
      </c>
      <c r="T941" s="53">
        <v>10609185.021402899</v>
      </c>
      <c r="U941" s="53">
        <v>16951661.052645199</v>
      </c>
      <c r="V941" s="53">
        <v>46761620.474783897</v>
      </c>
      <c r="W941" s="53">
        <v>7159368.86247495</v>
      </c>
      <c r="X941" s="53">
        <v>815646.67117583903</v>
      </c>
      <c r="Y941" s="53">
        <v>-16311608.834541401</v>
      </c>
      <c r="Z941" s="53">
        <v>8108882.3581096902</v>
      </c>
      <c r="AA941" s="53">
        <v>72733698.265388206</v>
      </c>
      <c r="AB941" s="53">
        <v>25693471.890557799</v>
      </c>
      <c r="AC941" s="53">
        <v>-15325002.3243923</v>
      </c>
      <c r="AD941" s="53">
        <v>-15992335.8591568</v>
      </c>
      <c r="AE941" s="53">
        <v>-66363395.4877121</v>
      </c>
      <c r="AF941" s="53">
        <v>6021453.3727521896</v>
      </c>
      <c r="AG941" s="53">
        <v>-46732306.979962498</v>
      </c>
      <c r="AH941" s="53">
        <v>16002313.1650151</v>
      </c>
      <c r="AI941" s="53">
        <v>45616736.603978097</v>
      </c>
      <c r="AJ941" s="53">
        <v>96929531.103312999</v>
      </c>
      <c r="AK941" s="53">
        <v>-1346682.42961357</v>
      </c>
      <c r="AL941" s="53">
        <v>-19172976.5838066</v>
      </c>
      <c r="AM941" s="53">
        <v>35749446.046101898</v>
      </c>
      <c r="AN941" s="53">
        <v>61080252.517074198</v>
      </c>
      <c r="AO941" s="53">
        <v>23804621.2856405</v>
      </c>
      <c r="AP941" s="53">
        <v>-16417563.738035001</v>
      </c>
      <c r="AQ941" s="53">
        <v>-12809439.1918073</v>
      </c>
      <c r="AR941" s="53">
        <v>-67993731.900879607</v>
      </c>
      <c r="AS941" s="53">
        <v>5777675.6526611103</v>
      </c>
      <c r="AT941" s="53">
        <v>-47186918.298311897</v>
      </c>
      <c r="AU941" s="53">
        <v>15859438.5287732</v>
      </c>
      <c r="AV941" s="53">
        <v>45604564.757729702</v>
      </c>
      <c r="AW941" s="53">
        <v>-51344896.870145097</v>
      </c>
      <c r="AX941" s="53">
        <v>-1599349.8563886101</v>
      </c>
      <c r="AY941" s="53">
        <v>-18255690.419902701</v>
      </c>
      <c r="AZ941" s="53">
        <v>85721668.399487004</v>
      </c>
      <c r="BA941" s="53">
        <v>-38839621.6511788</v>
      </c>
    </row>
    <row r="942" spans="1:53">
      <c r="A942" s="52" t="s">
        <v>4252</v>
      </c>
      <c r="B942" s="53">
        <v>-24071673.072755001</v>
      </c>
      <c r="C942" s="53">
        <v>-2566045.90166638</v>
      </c>
      <c r="D942" s="53">
        <v>-10421868.660031</v>
      </c>
      <c r="E942" s="53">
        <v>-2761860.8823344</v>
      </c>
      <c r="F942" s="53">
        <v>-8570602.8344835602</v>
      </c>
      <c r="G942" s="53">
        <v>-12722349.0279999</v>
      </c>
      <c r="H942" s="53">
        <v>-11675565.6978327</v>
      </c>
      <c r="I942" s="53">
        <v>-29359816.320015099</v>
      </c>
      <c r="J942" s="53">
        <v>-6943452.6837331196</v>
      </c>
      <c r="K942" s="53">
        <v>-4361530.9092188096</v>
      </c>
      <c r="L942" s="53">
        <v>3418307.32010144</v>
      </c>
      <c r="M942" s="53">
        <v>-8874277.1348711401</v>
      </c>
      <c r="N942" s="53">
        <v>-118910735.804839</v>
      </c>
      <c r="O942" s="53">
        <v>786973.90129036002</v>
      </c>
      <c r="P942" s="53">
        <v>16879466.591333002</v>
      </c>
      <c r="Q942" s="53">
        <v>14443326.4584004</v>
      </c>
      <c r="R942" s="53">
        <v>12755217.5153108</v>
      </c>
      <c r="S942" s="53">
        <v>6636718.0192917604</v>
      </c>
      <c r="T942" s="53">
        <v>8883359.3688313905</v>
      </c>
      <c r="U942" s="53">
        <v>5826451.1365202898</v>
      </c>
      <c r="V942" s="53">
        <v>-7607780.0513430396</v>
      </c>
      <c r="W942" s="53">
        <v>9369490.3411511704</v>
      </c>
      <c r="X942" s="53">
        <v>9484400.6894565895</v>
      </c>
      <c r="Y942" s="53">
        <v>15085306.931807701</v>
      </c>
      <c r="Z942" s="53">
        <v>-1491001.0846627001</v>
      </c>
      <c r="AA942" s="53">
        <v>91051929.817387894</v>
      </c>
      <c r="AB942" s="53">
        <v>-1506602.6998038201</v>
      </c>
      <c r="AC942" s="53">
        <v>15161397.359265</v>
      </c>
      <c r="AD942" s="53">
        <v>12077717.623900499</v>
      </c>
      <c r="AE942" s="53">
        <v>67099744.810096897</v>
      </c>
      <c r="AF942" s="53">
        <v>4350056.2100786502</v>
      </c>
      <c r="AG942" s="53">
        <v>63169364.745179102</v>
      </c>
      <c r="AH942" s="53">
        <v>3650857.96611324</v>
      </c>
      <c r="AI942" s="53">
        <v>-9610024.3675575107</v>
      </c>
      <c r="AJ942" s="53">
        <v>-83660797.637977302</v>
      </c>
      <c r="AK942" s="53">
        <v>8333331.1477156896</v>
      </c>
      <c r="AL942" s="53">
        <v>14332933.4367777</v>
      </c>
      <c r="AM942" s="53">
        <v>-32387013.544493001</v>
      </c>
      <c r="AN942" s="53">
        <v>61010965.049295001</v>
      </c>
      <c r="AO942" s="53">
        <v>-3055183.6224161498</v>
      </c>
      <c r="AP942" s="53">
        <v>13731693.595566001</v>
      </c>
      <c r="AQ942" s="53">
        <v>6128733.1641634097</v>
      </c>
      <c r="AR942" s="53">
        <v>65827590.743894003</v>
      </c>
      <c r="AS942" s="53">
        <v>1968904.75477357</v>
      </c>
      <c r="AT942" s="53">
        <v>60566372.011156499</v>
      </c>
      <c r="AU942" s="53">
        <v>730046.85494445101</v>
      </c>
      <c r="AV942" s="53">
        <v>-12638679.1061345</v>
      </c>
      <c r="AW942" s="53">
        <v>61834348.1868634</v>
      </c>
      <c r="AX942" s="53">
        <v>5566436.7278973795</v>
      </c>
      <c r="AY942" s="53">
        <v>10272155.473787701</v>
      </c>
      <c r="AZ942" s="53">
        <v>-85246370.561430901</v>
      </c>
      <c r="BA942" s="53">
        <v>125686048.223065</v>
      </c>
    </row>
    <row r="943" spans="1:53">
      <c r="A943" s="52" t="s">
        <v>4253</v>
      </c>
      <c r="B943" s="53">
        <v>-43587.578017551299</v>
      </c>
      <c r="C943" s="53">
        <v>-43587.578017551299</v>
      </c>
      <c r="D943" s="53">
        <v>-43587.578017551299</v>
      </c>
      <c r="E943" s="53">
        <v>-43587.578017551299</v>
      </c>
      <c r="F943" s="53">
        <v>-43587.578017551299</v>
      </c>
      <c r="G943" s="53">
        <v>-43587.578017551299</v>
      </c>
      <c r="H943" s="53">
        <v>-43587.578017551299</v>
      </c>
      <c r="I943" s="53">
        <v>-43587.578017551299</v>
      </c>
      <c r="J943" s="53">
        <v>-43587.578017551299</v>
      </c>
      <c r="K943" s="53">
        <v>-43587.578017551299</v>
      </c>
      <c r="L943" s="53">
        <v>-43587.578017551299</v>
      </c>
      <c r="M943" s="53">
        <v>-43587.578017551299</v>
      </c>
      <c r="N943" s="53">
        <v>-523050.93621061603</v>
      </c>
      <c r="O943" s="53">
        <v>-84321.719867274704</v>
      </c>
      <c r="P943" s="53">
        <v>-84321.719867274704</v>
      </c>
      <c r="Q943" s="53">
        <v>-84321.719867274704</v>
      </c>
      <c r="R943" s="53">
        <v>-84321.719867274704</v>
      </c>
      <c r="S943" s="53">
        <v>-84321.719867274704</v>
      </c>
      <c r="T943" s="53">
        <v>-84321.719867274704</v>
      </c>
      <c r="U943" s="53">
        <v>-84321.719867274704</v>
      </c>
      <c r="V943" s="53">
        <v>-84321.719867274704</v>
      </c>
      <c r="W943" s="53">
        <v>-84321.719867274704</v>
      </c>
      <c r="X943" s="53">
        <v>-84321.719867274704</v>
      </c>
      <c r="Y943" s="53">
        <v>-84321.719867274704</v>
      </c>
      <c r="Z943" s="53">
        <v>-84321.719867274704</v>
      </c>
      <c r="AA943" s="53">
        <v>-1011860.63840729</v>
      </c>
      <c r="AB943" s="53">
        <v>-121525.40568617699</v>
      </c>
      <c r="AC943" s="53">
        <v>-121525.40568617699</v>
      </c>
      <c r="AD943" s="53">
        <v>-121525.40568617699</v>
      </c>
      <c r="AE943" s="53">
        <v>-121525.40568617699</v>
      </c>
      <c r="AF943" s="53">
        <v>-121525.40568617699</v>
      </c>
      <c r="AG943" s="53">
        <v>-121525.40568617699</v>
      </c>
      <c r="AH943" s="53">
        <v>-121525.40568617699</v>
      </c>
      <c r="AI943" s="53">
        <v>-121525.40568617699</v>
      </c>
      <c r="AJ943" s="53">
        <v>-121525.40568617699</v>
      </c>
      <c r="AK943" s="53">
        <v>-121525.40568617699</v>
      </c>
      <c r="AL943" s="53">
        <v>-121525.40568617699</v>
      </c>
      <c r="AM943" s="53">
        <v>-121525.40568617699</v>
      </c>
      <c r="AN943" s="53">
        <v>-1458304.8682341201</v>
      </c>
      <c r="AO943" s="53">
        <v>-208098.906841872</v>
      </c>
      <c r="AP943" s="53">
        <v>-208098.906841872</v>
      </c>
      <c r="AQ943" s="53">
        <v>-208098.906841872</v>
      </c>
      <c r="AR943" s="53">
        <v>-208098.906841872</v>
      </c>
      <c r="AS943" s="53">
        <v>-208098.906841872</v>
      </c>
      <c r="AT943" s="53">
        <v>-208098.906841872</v>
      </c>
      <c r="AU943" s="53">
        <v>-208098.906841872</v>
      </c>
      <c r="AV943" s="53">
        <v>-208098.906841872</v>
      </c>
      <c r="AW943" s="53">
        <v>-208098.906841872</v>
      </c>
      <c r="AX943" s="53">
        <v>-208098.906841872</v>
      </c>
      <c r="AY943" s="53">
        <v>-208098.906841872</v>
      </c>
      <c r="AZ943" s="53">
        <v>-208098.906841872</v>
      </c>
      <c r="BA943" s="53">
        <v>-2497186.8821024699</v>
      </c>
    </row>
    <row r="944" spans="1:53">
      <c r="A944" s="52" t="s">
        <v>4254</v>
      </c>
      <c r="B944" s="53">
        <v>-121664406.70709699</v>
      </c>
      <c r="C944" s="53">
        <v>-126676576.25545</v>
      </c>
      <c r="D944" s="53">
        <v>-100612970.66194201</v>
      </c>
      <c r="E944" s="53">
        <v>-82032518.611318901</v>
      </c>
      <c r="F944" s="53">
        <v>-100257329.742792</v>
      </c>
      <c r="G944" s="53">
        <v>-121546953.640999</v>
      </c>
      <c r="H944" s="53">
        <v>-118581923.129373</v>
      </c>
      <c r="I944" s="53">
        <v>-105015607.68058901</v>
      </c>
      <c r="J944" s="53">
        <v>-116410102.827171</v>
      </c>
      <c r="K944" s="53">
        <v>-107140091.406712</v>
      </c>
      <c r="L944" s="53">
        <v>-100425243.23445401</v>
      </c>
      <c r="M944" s="53">
        <v>-133567139.10078301</v>
      </c>
      <c r="N944" s="53">
        <v>-1333930862.9986801</v>
      </c>
      <c r="O944" s="53">
        <v>-121204421.35303199</v>
      </c>
      <c r="P944" s="53">
        <v>-98558902.634272799</v>
      </c>
      <c r="Q944" s="53">
        <v>-81022406.188030303</v>
      </c>
      <c r="R944" s="53">
        <v>-76656264.0860627</v>
      </c>
      <c r="S944" s="53">
        <v>-100223529.86322001</v>
      </c>
      <c r="T944" s="53">
        <v>-118253955.852144</v>
      </c>
      <c r="U944" s="53">
        <v>-128991359.344669</v>
      </c>
      <c r="V944" s="53">
        <v>-132110333.036902</v>
      </c>
      <c r="W944" s="53">
        <v>-112839144.643373</v>
      </c>
      <c r="X944" s="53">
        <v>-100230820.788212</v>
      </c>
      <c r="Y944" s="53">
        <v>-82126294.359893098</v>
      </c>
      <c r="Z944" s="53">
        <v>-112710451.126614</v>
      </c>
      <c r="AA944" s="53">
        <v>-1264927883.2764201</v>
      </c>
      <c r="AB944" s="53">
        <v>-123988670.863141</v>
      </c>
      <c r="AC944" s="53">
        <v>-100469107.37463</v>
      </c>
      <c r="AD944" s="53">
        <v>-80825977.477390796</v>
      </c>
      <c r="AE944" s="53">
        <v>-77133806.201104805</v>
      </c>
      <c r="AF944" s="53">
        <v>-102070179.987499</v>
      </c>
      <c r="AG944" s="53">
        <v>-121338430.69945</v>
      </c>
      <c r="AH944" s="53">
        <v>-132674028.14655399</v>
      </c>
      <c r="AI944" s="53">
        <v>-138641094.43765599</v>
      </c>
      <c r="AJ944" s="53">
        <v>-118140730.73776001</v>
      </c>
      <c r="AK944" s="53">
        <v>-106328481.43685099</v>
      </c>
      <c r="AL944" s="53">
        <v>-86955400.234709606</v>
      </c>
      <c r="AM944" s="53">
        <v>-114552664.121811</v>
      </c>
      <c r="AN944" s="53">
        <v>-1303118571.71856</v>
      </c>
      <c r="AO944" s="53">
        <v>-127162863.235678</v>
      </c>
      <c r="AP944" s="53">
        <v>-104182314.883551</v>
      </c>
      <c r="AQ944" s="53">
        <v>-85964340.529877305</v>
      </c>
      <c r="AR944" s="53">
        <v>-82024402.307723701</v>
      </c>
      <c r="AS944" s="53">
        <v>-104397565.189225</v>
      </c>
      <c r="AT944" s="53">
        <v>-123146167.56005099</v>
      </c>
      <c r="AU944" s="53">
        <v>-133750774.80545101</v>
      </c>
      <c r="AV944" s="53">
        <v>-141092340.96804699</v>
      </c>
      <c r="AW944" s="53">
        <v>-119563898.889614</v>
      </c>
      <c r="AX944" s="53">
        <v>-106396682.688502</v>
      </c>
      <c r="AY944" s="53">
        <v>-80827932.791746303</v>
      </c>
      <c r="AZ944" s="53">
        <v>-114577145.505814</v>
      </c>
      <c r="BA944" s="53">
        <v>-1323086429.3552799</v>
      </c>
    </row>
    <row r="945" spans="1:53">
      <c r="A945" s="52" t="s">
        <v>4255</v>
      </c>
      <c r="B945" s="53">
        <v>-119645477.21231</v>
      </c>
      <c r="C945" s="53">
        <v>-124492308.621172</v>
      </c>
      <c r="D945" s="53">
        <v>-98523331.264423504</v>
      </c>
      <c r="E945" s="53">
        <v>-80129532.056341797</v>
      </c>
      <c r="F945" s="53">
        <v>-98898810.276876196</v>
      </c>
      <c r="G945" s="53">
        <v>-120722476.516553</v>
      </c>
      <c r="H945" s="53">
        <v>-118064450.830382</v>
      </c>
      <c r="I945" s="53">
        <v>-104448148.33246399</v>
      </c>
      <c r="J945" s="53">
        <v>-115704442.33334</v>
      </c>
      <c r="K945" s="53">
        <v>-105871296.803848</v>
      </c>
      <c r="L945" s="53">
        <v>-98528413.694116697</v>
      </c>
      <c r="M945" s="53">
        <v>-131962319.61689501</v>
      </c>
      <c r="N945" s="53">
        <v>-1316991007.5587201</v>
      </c>
      <c r="O945" s="53">
        <v>-123927135.18188</v>
      </c>
      <c r="P945" s="53">
        <v>-97296443.8683649</v>
      </c>
      <c r="Q945" s="53">
        <v>-79790701.308884993</v>
      </c>
      <c r="R945" s="53">
        <v>-75436717.7068578</v>
      </c>
      <c r="S945" s="53">
        <v>-99351496.316491693</v>
      </c>
      <c r="T945" s="53">
        <v>-117311956.04516099</v>
      </c>
      <c r="U945" s="53">
        <v>-127771906.313481</v>
      </c>
      <c r="V945" s="53">
        <v>-131062107.246327</v>
      </c>
      <c r="W945" s="53">
        <v>-111476804.21708199</v>
      </c>
      <c r="X945" s="53">
        <v>-98879209.196904793</v>
      </c>
      <c r="Y945" s="53">
        <v>-80800192.766056299</v>
      </c>
      <c r="Z945" s="53">
        <v>-110178084.619302</v>
      </c>
      <c r="AA945" s="53">
        <v>-1253282754.7867899</v>
      </c>
      <c r="AB945" s="53">
        <v>-126773914.63968401</v>
      </c>
      <c r="AC945" s="53">
        <v>-99270033.078767598</v>
      </c>
      <c r="AD945" s="53">
        <v>-79657941.949826002</v>
      </c>
      <c r="AE945" s="53">
        <v>-75978060.376817107</v>
      </c>
      <c r="AF945" s="53">
        <v>-101262229.689302</v>
      </c>
      <c r="AG945" s="53">
        <v>-120462295.608291</v>
      </c>
      <c r="AH945" s="53">
        <v>-131512813.006018</v>
      </c>
      <c r="AI945" s="53">
        <v>-137638843.385414</v>
      </c>
      <c r="AJ945" s="53">
        <v>-116851574.69602799</v>
      </c>
      <c r="AK945" s="53">
        <v>-105075885.297172</v>
      </c>
      <c r="AL945" s="53">
        <v>-85725507.0756578</v>
      </c>
      <c r="AM945" s="53">
        <v>-111967766.390017</v>
      </c>
      <c r="AN945" s="53">
        <v>-1292176865.1929901</v>
      </c>
      <c r="AO945" s="53">
        <v>-129974944.13673601</v>
      </c>
      <c r="AP945" s="53">
        <v>-103009684.39201599</v>
      </c>
      <c r="AQ945" s="53">
        <v>-84822947.182421893</v>
      </c>
      <c r="AR945" s="53">
        <v>-80895336.470831603</v>
      </c>
      <c r="AS945" s="53">
        <v>-103616489.689385</v>
      </c>
      <c r="AT945" s="53">
        <v>-122346005.405166</v>
      </c>
      <c r="AU945" s="53">
        <v>-132705845.93526</v>
      </c>
      <c r="AV945" s="53">
        <v>-140193627.72978401</v>
      </c>
      <c r="AW945" s="53">
        <v>-118314453.222122</v>
      </c>
      <c r="AX945" s="53">
        <v>-105127142.008983</v>
      </c>
      <c r="AY945" s="53">
        <v>-79585396.744264707</v>
      </c>
      <c r="AZ945" s="53">
        <v>-111878550.17702</v>
      </c>
      <c r="BA945" s="53">
        <v>-1312470423.0939901</v>
      </c>
    </row>
    <row r="946" spans="1:53">
      <c r="A946" s="52" t="s">
        <v>4256</v>
      </c>
      <c r="B946" s="53">
        <v>-1.8917489796876899E-7</v>
      </c>
      <c r="C946" s="53">
        <v>2.47382558882236E-7</v>
      </c>
      <c r="D946" s="53">
        <v>1.7462298274040201E-7</v>
      </c>
      <c r="E946" s="53">
        <v>7.2759576141834206E-8</v>
      </c>
      <c r="F946" s="53">
        <v>1.7462298274040201E-7</v>
      </c>
      <c r="G946" s="53">
        <v>-4.5110937207937198E-7</v>
      </c>
      <c r="H946" s="53">
        <v>-3.7834979593753799E-7</v>
      </c>
      <c r="I946" s="53">
        <v>-4.6566128730773899E-7</v>
      </c>
      <c r="J946" s="53">
        <v>5.8207660913467401E-8</v>
      </c>
      <c r="K946" s="53">
        <v>-7.2759576141834206E-8</v>
      </c>
      <c r="L946" s="53">
        <v>1.8917489796876899E-7</v>
      </c>
      <c r="M946" s="53">
        <v>5.8207660913467401E-8</v>
      </c>
      <c r="N946" s="53">
        <v>-5.8207660913467397E-7</v>
      </c>
      <c r="O946" s="53">
        <v>-1.8917489796876899E-7</v>
      </c>
      <c r="P946" s="53">
        <v>3.7834979593753799E-7</v>
      </c>
      <c r="Q946" s="53">
        <v>2.91038304567337E-8</v>
      </c>
      <c r="R946" s="53">
        <v>-8.7311491370201098E-8</v>
      </c>
      <c r="S946" s="53">
        <v>-1.01863406598567E-7</v>
      </c>
      <c r="T946" s="53">
        <v>3.2014213502407E-7</v>
      </c>
      <c r="U946" s="53">
        <v>-3.3469405025243701E-7</v>
      </c>
      <c r="V946" s="53">
        <v>-4.9476511776447296E-7</v>
      </c>
      <c r="W946" s="53">
        <v>-2.7648638933897003E-7</v>
      </c>
      <c r="X946" s="53">
        <v>1.60071067512035E-7</v>
      </c>
      <c r="Y946" s="53">
        <v>7.2759576141834206E-8</v>
      </c>
      <c r="Z946" s="53">
        <v>3.2014213502407E-7</v>
      </c>
      <c r="AA946" s="53">
        <v>-2.03726813197135E-7</v>
      </c>
      <c r="AB946" s="53">
        <v>-1.7462298274040201E-7</v>
      </c>
      <c r="AC946" s="53">
        <v>0</v>
      </c>
      <c r="AD946" s="53">
        <v>-5.8207660913467401E-8</v>
      </c>
      <c r="AE946" s="53">
        <v>-1.4551915228366799E-7</v>
      </c>
      <c r="AF946" s="53">
        <v>-2.7648638933897003E-7</v>
      </c>
      <c r="AG946" s="53">
        <v>-2.91038304567337E-8</v>
      </c>
      <c r="AH946" s="53">
        <v>-2.91038304567337E-8</v>
      </c>
      <c r="AI946" s="53">
        <v>-1.1641532182693399E-7</v>
      </c>
      <c r="AJ946" s="53">
        <v>-4.2200554162263801E-7</v>
      </c>
      <c r="AK946" s="53">
        <v>-1.30967237055301E-7</v>
      </c>
      <c r="AL946" s="53">
        <v>-3.0559021979570299E-7</v>
      </c>
      <c r="AM946" s="53">
        <v>-1.01863406598567E-7</v>
      </c>
      <c r="AN946" s="53">
        <v>-1.78988557308912E-6</v>
      </c>
      <c r="AO946" s="53">
        <v>-8.7311491370201098E-8</v>
      </c>
      <c r="AP946" s="53">
        <v>-1.7462298274040201E-7</v>
      </c>
      <c r="AQ946" s="53">
        <v>-4.3655745685100502E-8</v>
      </c>
      <c r="AR946" s="53">
        <v>-5.2386894822120603E-7</v>
      </c>
      <c r="AS946" s="53">
        <v>-4.80213202536106E-7</v>
      </c>
      <c r="AT946" s="53">
        <v>5.8207660913467401E-8</v>
      </c>
      <c r="AU946" s="53">
        <v>0</v>
      </c>
      <c r="AV946" s="53">
        <v>5.8207660913467401E-8</v>
      </c>
      <c r="AW946" s="53">
        <v>-4.07453626394271E-7</v>
      </c>
      <c r="AX946" s="53">
        <v>-2.1827872842550201E-7</v>
      </c>
      <c r="AY946" s="53">
        <v>-2.1827872842550201E-7</v>
      </c>
      <c r="AZ946" s="53">
        <v>-7.2759576141834206E-8</v>
      </c>
      <c r="BA946" s="53">
        <v>-2.1100277081131901E-6</v>
      </c>
    </row>
    <row r="947" spans="1:53">
      <c r="A947" s="52" t="s">
        <v>4257</v>
      </c>
      <c r="B947" s="53"/>
      <c r="C947" s="53"/>
      <c r="D947" s="53"/>
      <c r="E947" s="53"/>
      <c r="F947" s="53"/>
      <c r="G947" s="53"/>
      <c r="H947" s="53"/>
      <c r="I947" s="53"/>
      <c r="J947" s="53"/>
      <c r="K947" s="53"/>
      <c r="L947" s="53"/>
      <c r="M947" s="53"/>
      <c r="N947" s="53"/>
      <c r="O947" s="53"/>
      <c r="P947" s="53"/>
      <c r="Q947" s="53"/>
      <c r="R947" s="53"/>
      <c r="S947" s="53"/>
      <c r="T947" s="53"/>
      <c r="U947" s="53"/>
      <c r="V947" s="53"/>
      <c r="W947" s="53"/>
      <c r="X947" s="53"/>
      <c r="Y947" s="53"/>
      <c r="Z947" s="53"/>
      <c r="AA947" s="53"/>
      <c r="AB947" s="53"/>
      <c r="AC947" s="53"/>
      <c r="AD947" s="53"/>
      <c r="AE947" s="53"/>
      <c r="AF947" s="53"/>
      <c r="AG947" s="53"/>
      <c r="AH947" s="53"/>
      <c r="AI947" s="53"/>
      <c r="AJ947" s="53"/>
      <c r="AK947" s="53"/>
      <c r="AL947" s="53"/>
      <c r="AM947" s="53"/>
      <c r="AN947" s="53"/>
      <c r="AO947" s="53"/>
      <c r="AP947" s="53"/>
      <c r="AQ947" s="53"/>
      <c r="AR947" s="53"/>
      <c r="AS947" s="53"/>
      <c r="AT947" s="53"/>
      <c r="AU947" s="53"/>
      <c r="AV947" s="53"/>
      <c r="AW947" s="53"/>
      <c r="AX947" s="53"/>
      <c r="AY947" s="53"/>
      <c r="AZ947" s="53"/>
      <c r="BA947" s="53"/>
    </row>
    <row r="948" spans="1:53">
      <c r="A948" s="52" t="s">
        <v>4258</v>
      </c>
      <c r="B948" s="53"/>
      <c r="C948" s="53"/>
      <c r="D948" s="53"/>
      <c r="E948" s="53"/>
      <c r="F948" s="53"/>
      <c r="G948" s="53"/>
      <c r="H948" s="53"/>
      <c r="I948" s="53"/>
      <c r="J948" s="53"/>
      <c r="K948" s="53"/>
      <c r="L948" s="53"/>
      <c r="M948" s="53"/>
      <c r="N948" s="53"/>
      <c r="O948" s="53"/>
      <c r="P948" s="53"/>
      <c r="Q948" s="53"/>
      <c r="R948" s="53"/>
      <c r="S948" s="53"/>
      <c r="T948" s="53"/>
      <c r="U948" s="53"/>
      <c r="V948" s="53"/>
      <c r="W948" s="53"/>
      <c r="X948" s="53"/>
      <c r="Y948" s="53"/>
      <c r="Z948" s="53"/>
      <c r="AA948" s="53"/>
      <c r="AB948" s="53"/>
      <c r="AC948" s="53"/>
      <c r="AD948" s="53"/>
      <c r="AE948" s="53"/>
      <c r="AF948" s="53"/>
      <c r="AG948" s="53"/>
      <c r="AH948" s="53"/>
      <c r="AI948" s="53"/>
      <c r="AJ948" s="53"/>
      <c r="AK948" s="53"/>
      <c r="AL948" s="53"/>
      <c r="AM948" s="53"/>
      <c r="AN948" s="53"/>
      <c r="AO948" s="53"/>
      <c r="AP948" s="53"/>
      <c r="AQ948" s="53"/>
      <c r="AR948" s="53"/>
      <c r="AS948" s="53"/>
      <c r="AT948" s="53"/>
      <c r="AU948" s="53"/>
      <c r="AV948" s="53"/>
      <c r="AW948" s="53"/>
      <c r="AX948" s="53"/>
      <c r="AY948" s="53"/>
      <c r="AZ948" s="53"/>
      <c r="BA948" s="53"/>
    </row>
    <row r="949" spans="1:53">
      <c r="A949" s="52" t="s">
        <v>4259</v>
      </c>
      <c r="B949" s="53">
        <v>-4388870</v>
      </c>
      <c r="C949" s="53">
        <v>-4388870</v>
      </c>
      <c r="D949" s="53">
        <v>-4388870</v>
      </c>
      <c r="E949" s="53">
        <v>-4388870</v>
      </c>
      <c r="F949" s="53">
        <v>-4388870</v>
      </c>
      <c r="G949" s="53">
        <v>-4388870</v>
      </c>
      <c r="H949" s="53">
        <v>-4388870</v>
      </c>
      <c r="I949" s="53">
        <v>-4388870</v>
      </c>
      <c r="J949" s="53">
        <v>-4388870</v>
      </c>
      <c r="K949" s="53">
        <v>-4388870</v>
      </c>
      <c r="L949" s="53">
        <v>-4388870</v>
      </c>
      <c r="M949" s="53">
        <v>-4388870</v>
      </c>
      <c r="N949" s="53">
        <v>-52666440</v>
      </c>
      <c r="O949" s="53">
        <v>-5253169</v>
      </c>
      <c r="P949" s="53">
        <v>-5253169</v>
      </c>
      <c r="Q949" s="53">
        <v>-5253169</v>
      </c>
      <c r="R949" s="53">
        <v>-5253169</v>
      </c>
      <c r="S949" s="53">
        <v>-5253169</v>
      </c>
      <c r="T949" s="53">
        <v>-5253169</v>
      </c>
      <c r="U949" s="53">
        <v>-5253169</v>
      </c>
      <c r="V949" s="53">
        <v>-5253169</v>
      </c>
      <c r="W949" s="53">
        <v>-5253169</v>
      </c>
      <c r="X949" s="53">
        <v>-5253169</v>
      </c>
      <c r="Y949" s="53">
        <v>-5253169</v>
      </c>
      <c r="Z949" s="53">
        <v>-5253169</v>
      </c>
      <c r="AA949" s="53">
        <v>-63038028</v>
      </c>
      <c r="AB949" s="53">
        <v>-7932402</v>
      </c>
      <c r="AC949" s="53">
        <v>-7932402</v>
      </c>
      <c r="AD949" s="53">
        <v>-7932402</v>
      </c>
      <c r="AE949" s="53">
        <v>-7932402</v>
      </c>
      <c r="AF949" s="53">
        <v>-7932402</v>
      </c>
      <c r="AG949" s="53">
        <v>-7932402</v>
      </c>
      <c r="AH949" s="53">
        <v>-7932402</v>
      </c>
      <c r="AI949" s="53">
        <v>-7932402</v>
      </c>
      <c r="AJ949" s="53">
        <v>-7932402</v>
      </c>
      <c r="AK949" s="53">
        <v>-7932403</v>
      </c>
      <c r="AL949" s="53">
        <v>-7932403</v>
      </c>
      <c r="AM949" s="53">
        <v>-7932403</v>
      </c>
      <c r="AN949" s="53">
        <v>-95188827</v>
      </c>
      <c r="AO949" s="53">
        <v>-9706837</v>
      </c>
      <c r="AP949" s="53">
        <v>-9706837</v>
      </c>
      <c r="AQ949" s="53">
        <v>-9706837</v>
      </c>
      <c r="AR949" s="53">
        <v>-9706837</v>
      </c>
      <c r="AS949" s="53">
        <v>-9706837</v>
      </c>
      <c r="AT949" s="53">
        <v>-9706837</v>
      </c>
      <c r="AU949" s="53">
        <v>-9706837</v>
      </c>
      <c r="AV949" s="53">
        <v>-9706837</v>
      </c>
      <c r="AW949" s="53">
        <v>-9706836</v>
      </c>
      <c r="AX949" s="53">
        <v>-9706836</v>
      </c>
      <c r="AY949" s="53">
        <v>-9706836</v>
      </c>
      <c r="AZ949" s="53">
        <v>-9706836</v>
      </c>
      <c r="BA949" s="53">
        <v>-116482039.999999</v>
      </c>
    </row>
    <row r="950" spans="1:53" ht="10.8" thickBot="1">
      <c r="A950" s="230" t="s">
        <v>4260</v>
      </c>
      <c r="B950" s="53"/>
      <c r="C950" s="53"/>
      <c r="D950" s="53"/>
      <c r="E950" s="53"/>
      <c r="F950" s="53"/>
      <c r="G950" s="53"/>
      <c r="H950" s="53"/>
      <c r="I950" s="53"/>
      <c r="J950" s="53"/>
      <c r="K950" s="53"/>
      <c r="L950" s="53"/>
      <c r="M950" s="53"/>
      <c r="N950" s="53"/>
      <c r="O950" s="53"/>
      <c r="P950" s="53"/>
      <c r="Q950" s="53"/>
      <c r="R950" s="53"/>
      <c r="S950" s="53"/>
      <c r="T950" s="53"/>
      <c r="U950" s="53"/>
      <c r="V950" s="53"/>
      <c r="W950" s="53"/>
      <c r="X950" s="53"/>
      <c r="Y950" s="53"/>
      <c r="Z950" s="53"/>
      <c r="AA950" s="53"/>
      <c r="AB950" s="53"/>
      <c r="AC950" s="53"/>
      <c r="AD950" s="53"/>
      <c r="AE950" s="53"/>
      <c r="AF950" s="53"/>
      <c r="AG950" s="53"/>
      <c r="AH950" s="53"/>
      <c r="AI950" s="53"/>
      <c r="AJ950" s="53"/>
      <c r="AK950" s="53"/>
      <c r="AL950" s="53"/>
      <c r="AM950" s="53"/>
      <c r="AN950" s="53"/>
      <c r="AO950" s="53"/>
      <c r="AP950" s="53"/>
      <c r="AQ950" s="53"/>
      <c r="AR950" s="53"/>
      <c r="AS950" s="53"/>
      <c r="AT950" s="53"/>
      <c r="AU950" s="53"/>
      <c r="AV950" s="53"/>
      <c r="AW950" s="53"/>
      <c r="AX950" s="53"/>
      <c r="AY950" s="53"/>
      <c r="AZ950" s="53"/>
      <c r="BA950" s="53"/>
    </row>
    <row r="951" spans="1:53">
      <c r="A951" s="52" t="s">
        <v>4261</v>
      </c>
      <c r="B951" s="53">
        <v>-128139704.38078099</v>
      </c>
      <c r="C951" s="53">
        <v>-133155515.92037199</v>
      </c>
      <c r="D951" s="53">
        <v>-106870291.052919</v>
      </c>
      <c r="E951" s="53">
        <v>-87795897.148552507</v>
      </c>
      <c r="F951" s="53">
        <v>-104469540.45215701</v>
      </c>
      <c r="G951" s="53">
        <v>-124242443.76390401</v>
      </c>
      <c r="H951" s="53">
        <v>-120427920.884167</v>
      </c>
      <c r="I951" s="53">
        <v>-107059660.51474001</v>
      </c>
      <c r="J951" s="53">
        <v>-118915289.52361999</v>
      </c>
      <c r="K951" s="53">
        <v>-110849073.740969</v>
      </c>
      <c r="L951" s="53">
        <v>-106018015.283011</v>
      </c>
      <c r="M951" s="53">
        <v>-137713315.94356301</v>
      </c>
      <c r="N951" s="53">
        <v>-1385656668.6087601</v>
      </c>
      <c r="O951" s="53">
        <v>-126915566.448502</v>
      </c>
      <c r="P951" s="53">
        <v>-100366325.607566</v>
      </c>
      <c r="Q951" s="53">
        <v>-82778146.256895795</v>
      </c>
      <c r="R951" s="53">
        <v>-78389349.949474201</v>
      </c>
      <c r="S951" s="53">
        <v>-102237831.36210901</v>
      </c>
      <c r="T951" s="53">
        <v>-120552106.228732</v>
      </c>
      <c r="U951" s="53">
        <v>-131405911.280854</v>
      </c>
      <c r="V951" s="53">
        <v>-134719912.27635401</v>
      </c>
      <c r="W951" s="53">
        <v>-115133931.61853901</v>
      </c>
      <c r="X951" s="53">
        <v>-102505543.157078</v>
      </c>
      <c r="Y951" s="53">
        <v>-84294792.819387406</v>
      </c>
      <c r="Z951" s="53">
        <v>-117989801.706126</v>
      </c>
      <c r="AA951" s="53">
        <v>-1297289218.7116201</v>
      </c>
      <c r="AB951" s="53">
        <v>-129445301.40641201</v>
      </c>
      <c r="AC951" s="53">
        <v>-102020119.908389</v>
      </c>
      <c r="AD951" s="53">
        <v>-82341477.180264205</v>
      </c>
      <c r="AE951" s="53">
        <v>-78643480.960959598</v>
      </c>
      <c r="AF951" s="53">
        <v>-103878624.112496</v>
      </c>
      <c r="AG951" s="53">
        <v>-123444582.707913</v>
      </c>
      <c r="AH951" s="53">
        <v>-134937195.719322</v>
      </c>
      <c r="AI951" s="53">
        <v>-141154004.01328799</v>
      </c>
      <c r="AJ951" s="53">
        <v>-120276740.129877</v>
      </c>
      <c r="AK951" s="53">
        <v>-108387374.800441</v>
      </c>
      <c r="AL951" s="53">
        <v>-88938279.022960097</v>
      </c>
      <c r="AM951" s="53">
        <v>-120600992.139964</v>
      </c>
      <c r="AN951" s="53">
        <v>-1334068172.1022899</v>
      </c>
      <c r="AO951" s="53">
        <v>-133042578.400885</v>
      </c>
      <c r="AP951" s="53">
        <v>-106175643.804635</v>
      </c>
      <c r="AQ951" s="53">
        <v>-87494516.986858502</v>
      </c>
      <c r="AR951" s="53">
        <v>-83533131.577012599</v>
      </c>
      <c r="AS951" s="53">
        <v>-106188783.935816</v>
      </c>
      <c r="AT951" s="53">
        <v>-125074569.414152</v>
      </c>
      <c r="AU951" s="53">
        <v>-135701343.43460301</v>
      </c>
      <c r="AV951" s="53">
        <v>-143313896.422815</v>
      </c>
      <c r="AW951" s="53">
        <v>-121580045.640223</v>
      </c>
      <c r="AX951" s="53">
        <v>-108485870.09279799</v>
      </c>
      <c r="AY951" s="53">
        <v>-82811505.175391495</v>
      </c>
      <c r="AZ951" s="53">
        <v>-120906686.209993</v>
      </c>
      <c r="BA951" s="53">
        <v>-1354308571.09518</v>
      </c>
    </row>
    <row r="952" spans="1:53">
      <c r="A952" s="52" t="s">
        <v>4262</v>
      </c>
      <c r="B952" s="53">
        <v>-629646.84760394902</v>
      </c>
      <c r="C952" s="53">
        <v>-386002.92051833402</v>
      </c>
      <c r="D952" s="53">
        <v>-409161.31784538599</v>
      </c>
      <c r="E952" s="53">
        <v>-431669.12717703503</v>
      </c>
      <c r="F952" s="53">
        <v>-453970.72370911698</v>
      </c>
      <c r="G952" s="53">
        <v>-475548.87893423298</v>
      </c>
      <c r="H952" s="53">
        <v>-497348.59376690502</v>
      </c>
      <c r="I952" s="53">
        <v>-517766.12873328797</v>
      </c>
      <c r="J952" s="53">
        <v>-539082.07158123597</v>
      </c>
      <c r="K952" s="53">
        <v>-367469.142248191</v>
      </c>
      <c r="L952" s="53">
        <v>-382530.85720435699</v>
      </c>
      <c r="M952" s="53">
        <v>-161548.96074721299</v>
      </c>
      <c r="N952" s="53">
        <v>-5251745.5700692497</v>
      </c>
      <c r="O952" s="53">
        <v>-165747.99787365401</v>
      </c>
      <c r="P952" s="53">
        <v>-171676.72019238601</v>
      </c>
      <c r="Q952" s="53">
        <v>-176681.904824992</v>
      </c>
      <c r="R952" s="53">
        <v>-181732.04937467899</v>
      </c>
      <c r="S952" s="53">
        <v>-186459.19055793001</v>
      </c>
      <c r="T952" s="53">
        <v>-191039.59711827699</v>
      </c>
      <c r="U952" s="53">
        <v>-196115.94614693301</v>
      </c>
      <c r="V952" s="53">
        <v>-201153.25668833099</v>
      </c>
      <c r="W952" s="53">
        <v>-206532.43743080701</v>
      </c>
      <c r="X952" s="53">
        <v>-211667.60756329601</v>
      </c>
      <c r="Y952" s="53">
        <v>-215837.38486479199</v>
      </c>
      <c r="Z952" s="53">
        <v>-33643.239406726301</v>
      </c>
      <c r="AA952" s="53">
        <v>-2138287.33204281</v>
      </c>
      <c r="AB952" s="53">
        <v>-34123.487734871</v>
      </c>
      <c r="AC952" s="53">
        <v>-40505.060553925403</v>
      </c>
      <c r="AD952" s="53">
        <v>-52269.287573822803</v>
      </c>
      <c r="AE952" s="53">
        <v>-64127.903262057</v>
      </c>
      <c r="AF952" s="53">
        <v>-76081.928462397307</v>
      </c>
      <c r="AG952" s="53">
        <v>-88132.397223583102</v>
      </c>
      <c r="AH952" s="53">
        <v>-100280.356992029</v>
      </c>
      <c r="AI952" s="53">
        <v>-112526.868807579</v>
      </c>
      <c r="AJ952" s="53">
        <v>-124873.00750235999</v>
      </c>
      <c r="AK952" s="53">
        <v>-137319.86190318799</v>
      </c>
      <c r="AL952" s="53">
        <v>-149868.53503674999</v>
      </c>
      <c r="AM952" s="53">
        <v>-162520.14433868899</v>
      </c>
      <c r="AN952" s="53">
        <v>-1142628.8393912499</v>
      </c>
      <c r="AO952" s="53">
        <v>-172296.31591302899</v>
      </c>
      <c r="AP952" s="53">
        <v>-185313.97451285401</v>
      </c>
      <c r="AQ952" s="53">
        <v>-32358.934880170302</v>
      </c>
      <c r="AR952" s="53">
        <v>-38282.608624829998</v>
      </c>
      <c r="AS952" s="53">
        <v>-44253.834543143799</v>
      </c>
      <c r="AT952" s="53">
        <v>-50273.127764053403</v>
      </c>
      <c r="AU952" s="53">
        <v>-56341.010090416399</v>
      </c>
      <c r="AV952" s="53">
        <v>-62458.010096514503</v>
      </c>
      <c r="AW952" s="53">
        <v>-68624.663227103694</v>
      </c>
      <c r="AX952" s="53">
        <v>-74841.511898255107</v>
      </c>
      <c r="AY952" s="53">
        <v>-81109.1055995426</v>
      </c>
      <c r="AZ952" s="53">
        <v>-87428.000998212199</v>
      </c>
      <c r="BA952" s="53">
        <v>-953581.09814812604</v>
      </c>
    </row>
    <row r="953" spans="1:53">
      <c r="A953" s="52" t="s">
        <v>4263</v>
      </c>
      <c r="B953" s="53">
        <v>30507871.2410958</v>
      </c>
      <c r="C953" s="53">
        <v>6429752.5630144998</v>
      </c>
      <c r="D953" s="53">
        <v>3558406.67424944</v>
      </c>
      <c r="E953" s="53">
        <v>6039018.5402004598</v>
      </c>
      <c r="F953" s="53">
        <v>16364421.277262701</v>
      </c>
      <c r="G953" s="53">
        <v>26128591.6130981</v>
      </c>
      <c r="H953" s="53">
        <v>25972195.006306902</v>
      </c>
      <c r="I953" s="53">
        <v>42551297.0127168</v>
      </c>
      <c r="J953" s="53">
        <v>22446556.636591598</v>
      </c>
      <c r="K953" s="53">
        <v>13301469.6413582</v>
      </c>
      <c r="L953" s="53">
        <v>1930491.9638252901</v>
      </c>
      <c r="M953" s="53">
        <v>12773740.396785799</v>
      </c>
      <c r="N953" s="53">
        <v>208003812.566506</v>
      </c>
      <c r="O953" s="53">
        <v>27855512.069664799</v>
      </c>
      <c r="P953" s="53">
        <v>3502611.4459245</v>
      </c>
      <c r="Q953" s="53">
        <v>-14409.7813125551</v>
      </c>
      <c r="R953" s="53">
        <v>4451494.9463367704</v>
      </c>
      <c r="S953" s="53">
        <v>13923827.865013599</v>
      </c>
      <c r="T953" s="53">
        <v>19408222.670366999</v>
      </c>
      <c r="U953" s="53">
        <v>22693790.469298199</v>
      </c>
      <c r="V953" s="53">
        <v>39069518.703573599</v>
      </c>
      <c r="W953" s="53">
        <v>16444537.4837588</v>
      </c>
      <c r="X953" s="53">
        <v>10215725.640765101</v>
      </c>
      <c r="Y953" s="53">
        <v>-1310623.6226009601</v>
      </c>
      <c r="Z953" s="53">
        <v>6533559.5535797104</v>
      </c>
      <c r="AA953" s="53">
        <v>162773767.444368</v>
      </c>
      <c r="AB953" s="53">
        <v>24065343.7850678</v>
      </c>
      <c r="AC953" s="53">
        <v>-285130.37081347202</v>
      </c>
      <c r="AD953" s="53">
        <v>-4036143.6409424702</v>
      </c>
      <c r="AE953" s="53">
        <v>614823.91669855802</v>
      </c>
      <c r="AF953" s="53">
        <v>10249984.1771446</v>
      </c>
      <c r="AG953" s="53">
        <v>16315532.3595303</v>
      </c>
      <c r="AH953" s="53">
        <v>19531645.725442201</v>
      </c>
      <c r="AI953" s="53">
        <v>35885186.830734402</v>
      </c>
      <c r="AJ953" s="53">
        <v>13147208.0596494</v>
      </c>
      <c r="AK953" s="53">
        <v>6865123.3124159398</v>
      </c>
      <c r="AL953" s="53">
        <v>-4961568.5527151404</v>
      </c>
      <c r="AM953" s="53">
        <v>3240907.0959226801</v>
      </c>
      <c r="AN953" s="53">
        <v>120632912.698135</v>
      </c>
      <c r="AO953" s="53">
        <v>20541338.756382499</v>
      </c>
      <c r="AP953" s="53">
        <v>-2893969.0493108202</v>
      </c>
      <c r="AQ953" s="53">
        <v>-6888804.9344858397</v>
      </c>
      <c r="AR953" s="53">
        <v>-2374240.0638274201</v>
      </c>
      <c r="AS953" s="53">
        <v>7538481.5005928101</v>
      </c>
      <c r="AT953" s="53">
        <v>13171354.8060026</v>
      </c>
      <c r="AU953" s="53">
        <v>16381386.476875801</v>
      </c>
      <c r="AV953" s="53">
        <v>32757786.744753301</v>
      </c>
      <c r="AW953" s="53">
        <v>10281352.4098763</v>
      </c>
      <c r="AX953" s="53">
        <v>3758987.9646669002</v>
      </c>
      <c r="AY953" s="53">
        <v>-8191633.8529568696</v>
      </c>
      <c r="AZ953" s="53">
        <v>267198.93121430499</v>
      </c>
      <c r="BA953" s="53">
        <v>84349239.689783797</v>
      </c>
    </row>
    <row r="954" spans="1:53">
      <c r="A954" s="52" t="s">
        <v>4264</v>
      </c>
      <c r="B954" s="53">
        <v>34943634.411445603</v>
      </c>
      <c r="C954" s="53">
        <v>34983573.478807896</v>
      </c>
      <c r="D954" s="53">
        <v>35261353.399158999</v>
      </c>
      <c r="E954" s="53">
        <v>34951937.347026497</v>
      </c>
      <c r="F954" s="53">
        <v>35029943.837343097</v>
      </c>
      <c r="G954" s="53">
        <v>35535912.585299201</v>
      </c>
      <c r="H954" s="53">
        <v>35227183.384308599</v>
      </c>
      <c r="I954" s="53">
        <v>36458758.6508926</v>
      </c>
      <c r="J954" s="53">
        <v>36102521.534563497</v>
      </c>
      <c r="K954" s="53">
        <v>35964345.566956103</v>
      </c>
      <c r="L954" s="53">
        <v>35949416.878665902</v>
      </c>
      <c r="M954" s="53">
        <v>36489488.111161403</v>
      </c>
      <c r="N954" s="53">
        <v>426898069.18562901</v>
      </c>
      <c r="O954" s="53">
        <v>36045046.105725102</v>
      </c>
      <c r="P954" s="53">
        <v>36062811.779148199</v>
      </c>
      <c r="Q954" s="53">
        <v>36592680.609669998</v>
      </c>
      <c r="R954" s="53">
        <v>36649981.781809099</v>
      </c>
      <c r="S954" s="53">
        <v>36898021.756124899</v>
      </c>
      <c r="T954" s="53">
        <v>39006052.075201198</v>
      </c>
      <c r="U954" s="53">
        <v>38930048.5309873</v>
      </c>
      <c r="V954" s="53">
        <v>38921766.503898896</v>
      </c>
      <c r="W954" s="53">
        <v>39219667.234951898</v>
      </c>
      <c r="X954" s="53">
        <v>38908395.268006802</v>
      </c>
      <c r="Y954" s="53">
        <v>38906228.548799999</v>
      </c>
      <c r="Z954" s="53">
        <v>39584432.939863399</v>
      </c>
      <c r="AA954" s="53">
        <v>455725133.13418698</v>
      </c>
      <c r="AB954" s="53">
        <v>39515994.127700903</v>
      </c>
      <c r="AC954" s="53">
        <v>39551205.647973798</v>
      </c>
      <c r="AD954" s="53">
        <v>39977591.432555303</v>
      </c>
      <c r="AE954" s="53">
        <v>39848838.095407397</v>
      </c>
      <c r="AF954" s="53">
        <v>39947209.510950796</v>
      </c>
      <c r="AG954" s="53">
        <v>41881684.260517597</v>
      </c>
      <c r="AH954" s="53">
        <v>41762733.625661097</v>
      </c>
      <c r="AI954" s="53">
        <v>41745175.624327697</v>
      </c>
      <c r="AJ954" s="53">
        <v>42033872.963580698</v>
      </c>
      <c r="AK954" s="53">
        <v>41712385.399690703</v>
      </c>
      <c r="AL954" s="53">
        <v>41698384.887835301</v>
      </c>
      <c r="AM954" s="53">
        <v>42242627.1097138</v>
      </c>
      <c r="AN954" s="53">
        <v>491917702.68591499</v>
      </c>
      <c r="AO954" s="53">
        <v>42227287.426522598</v>
      </c>
      <c r="AP954" s="53">
        <v>42216837.622217998</v>
      </c>
      <c r="AQ954" s="53">
        <v>42809318.819609404</v>
      </c>
      <c r="AR954" s="53">
        <v>42686485.177063599</v>
      </c>
      <c r="AS954" s="53">
        <v>42779489.003114998</v>
      </c>
      <c r="AT954" s="53">
        <v>45730925.142243899</v>
      </c>
      <c r="AU954" s="53">
        <v>45330102.675360397</v>
      </c>
      <c r="AV954" s="53">
        <v>45318424.107311398</v>
      </c>
      <c r="AW954" s="53">
        <v>45613108.705713399</v>
      </c>
      <c r="AX954" s="53">
        <v>45297644.126672201</v>
      </c>
      <c r="AY954" s="53">
        <v>45289629.377121903</v>
      </c>
      <c r="AZ954" s="53">
        <v>45847989.197196499</v>
      </c>
      <c r="BA954" s="53">
        <v>531147241.38014799</v>
      </c>
    </row>
    <row r="955" spans="1:53">
      <c r="A955" s="52" t="s">
        <v>4265</v>
      </c>
      <c r="B955" s="53">
        <v>-1628536.39234651</v>
      </c>
      <c r="C955" s="53">
        <v>-1000630.1662231</v>
      </c>
      <c r="D955" s="53">
        <v>-1063065.7737821799</v>
      </c>
      <c r="E955" s="53">
        <v>-1124084.9225818799</v>
      </c>
      <c r="F955" s="53">
        <v>-1184836.8315369</v>
      </c>
      <c r="G955" s="53">
        <v>-1243965.76444549</v>
      </c>
      <c r="H955" s="53">
        <v>-1303937.35334939</v>
      </c>
      <c r="I955" s="53">
        <v>-1360542.25622231</v>
      </c>
      <c r="J955" s="53">
        <v>-1419762.99795754</v>
      </c>
      <c r="K955" s="53">
        <v>-969983.63380643597</v>
      </c>
      <c r="L955" s="53">
        <v>-1012028.09912474</v>
      </c>
      <c r="M955" s="53">
        <v>-428363.86857025803</v>
      </c>
      <c r="N955" s="53">
        <v>-13739738.059946701</v>
      </c>
      <c r="O955" s="53">
        <v>-428695.30360231898</v>
      </c>
      <c r="P955" s="53">
        <v>-445035.24696670199</v>
      </c>
      <c r="Q955" s="53">
        <v>-459047.51420579402</v>
      </c>
      <c r="R955" s="53">
        <v>-473238.05153247598</v>
      </c>
      <c r="S955" s="53">
        <v>-486647.497324411</v>
      </c>
      <c r="T955" s="53">
        <v>-499731.424036148</v>
      </c>
      <c r="U955" s="53">
        <v>-514172.37521796598</v>
      </c>
      <c r="V955" s="53">
        <v>-528573.59822041704</v>
      </c>
      <c r="W955" s="53">
        <v>-543937.793520284</v>
      </c>
      <c r="X955" s="53">
        <v>-558724.77859566896</v>
      </c>
      <c r="Y955" s="53">
        <v>-571021.90375214396</v>
      </c>
      <c r="Z955" s="53">
        <v>-89208.547779216897</v>
      </c>
      <c r="AA955" s="53">
        <v>-5598034.0347535498</v>
      </c>
      <c r="AB955" s="53">
        <v>-88257.952567376298</v>
      </c>
      <c r="AC955" s="53">
        <v>-105000.722327504</v>
      </c>
      <c r="AD955" s="53">
        <v>-135803.870542588</v>
      </c>
      <c r="AE955" s="53">
        <v>-166991.81070715</v>
      </c>
      <c r="AF955" s="53">
        <v>-198569.34896613299</v>
      </c>
      <c r="AG955" s="53">
        <v>-230541.35913505199</v>
      </c>
      <c r="AH955" s="53">
        <v>-262912.78376551101</v>
      </c>
      <c r="AI955" s="53">
        <v>-295688.63522928703</v>
      </c>
      <c r="AJ955" s="53">
        <v>-328873.99682111002</v>
      </c>
      <c r="AK955" s="53">
        <v>-362474.02388059499</v>
      </c>
      <c r="AL955" s="53">
        <v>-396493.94493376999</v>
      </c>
      <c r="AM955" s="53">
        <v>-430939.06285446999</v>
      </c>
      <c r="AN955" s="53">
        <v>-3002547.5117305499</v>
      </c>
      <c r="AO955" s="53">
        <v>-445632.05835041997</v>
      </c>
      <c r="AP955" s="53">
        <v>-480386.91746492498</v>
      </c>
      <c r="AQ955" s="53">
        <v>-84073.627312331999</v>
      </c>
      <c r="AR955" s="53">
        <v>-99689.554899825598</v>
      </c>
      <c r="AS955" s="53">
        <v>-115499.899806432</v>
      </c>
      <c r="AT955" s="53">
        <v>-131507.09123788201</v>
      </c>
      <c r="AU955" s="53">
        <v>-147713.59264516199</v>
      </c>
      <c r="AV955" s="53">
        <v>-164121.902264567</v>
      </c>
      <c r="AW955" s="53">
        <v>-180734.553667042</v>
      </c>
      <c r="AX955" s="53">
        <v>-197554.116317081</v>
      </c>
      <c r="AY955" s="53">
        <v>-214583.19614138</v>
      </c>
      <c r="AZ955" s="53">
        <v>-231824.43610739501</v>
      </c>
      <c r="BA955" s="53">
        <v>-2493320.9462144398</v>
      </c>
    </row>
    <row r="956" spans="1:53">
      <c r="A956" s="52" t="s">
        <v>4266</v>
      </c>
      <c r="B956" s="53">
        <v>-93545217.209099799</v>
      </c>
      <c r="C956" s="53">
        <v>-98480527.217570707</v>
      </c>
      <c r="D956" s="53">
        <v>-71915939.403188795</v>
      </c>
      <c r="E956" s="53">
        <v>-53149655.922047898</v>
      </c>
      <c r="F956" s="53">
        <v>-69743976.479457006</v>
      </c>
      <c r="G956" s="53">
        <v>-89009429.697313994</v>
      </c>
      <c r="H956" s="53">
        <v>-85502751.4230721</v>
      </c>
      <c r="I956" s="53">
        <v>-70900648.651019499</v>
      </c>
      <c r="J956" s="53">
        <v>-83111569.994911402</v>
      </c>
      <c r="K956" s="53">
        <v>-75182577.778487802</v>
      </c>
      <c r="L956" s="53">
        <v>-70364750.125882998</v>
      </c>
      <c r="M956" s="53">
        <v>-101518802.04589701</v>
      </c>
      <c r="N956" s="53">
        <v>-962425845.94794905</v>
      </c>
      <c r="O956" s="53">
        <v>-87552812.434438094</v>
      </c>
      <c r="P956" s="53">
        <v>-64951439.151990399</v>
      </c>
      <c r="Q956" s="53">
        <v>-46824669.656323798</v>
      </c>
      <c r="R956" s="53">
        <v>-42376680.831411302</v>
      </c>
      <c r="S956" s="53">
        <v>-65647015.558660403</v>
      </c>
      <c r="T956" s="53">
        <v>-81835017.7121474</v>
      </c>
      <c r="U956" s="53">
        <v>-92944265.537144393</v>
      </c>
      <c r="V956" s="53">
        <v>-96089863.295005798</v>
      </c>
      <c r="W956" s="53">
        <v>-76522304.130105898</v>
      </c>
      <c r="X956" s="53">
        <v>-64204147.908177197</v>
      </c>
      <c r="Y956" s="53">
        <v>-46003460.847358301</v>
      </c>
      <c r="Z956" s="53">
        <v>-79008687.991929397</v>
      </c>
      <c r="AA956" s="53">
        <v>-843960365.05469298</v>
      </c>
      <c r="AB956" s="53">
        <v>-86517181.866681397</v>
      </c>
      <c r="AC956" s="53">
        <v>-63022344.151712999</v>
      </c>
      <c r="AD956" s="53">
        <v>-42908521.148835398</v>
      </c>
      <c r="AE956" s="53">
        <v>-39337315.440400198</v>
      </c>
      <c r="AF956" s="53">
        <v>-64143904.4370749</v>
      </c>
      <c r="AG956" s="53">
        <v>-81757075.905349404</v>
      </c>
      <c r="AH956" s="53">
        <v>-93548008.776605695</v>
      </c>
      <c r="AI956" s="53">
        <v>-99605612.220890597</v>
      </c>
      <c r="AJ956" s="53">
        <v>-78755903.265539795</v>
      </c>
      <c r="AK956" s="53">
        <v>-67186914.854515806</v>
      </c>
      <c r="AL956" s="53">
        <v>-47759638.765194498</v>
      </c>
      <c r="AM956" s="53">
        <v>-78866464.483224407</v>
      </c>
      <c r="AN956" s="53">
        <v>-843408885.31602502</v>
      </c>
      <c r="AO956" s="53">
        <v>-87339169.759040102</v>
      </c>
      <c r="AP956" s="53">
        <v>-64448151.860495701</v>
      </c>
      <c r="AQ956" s="53">
        <v>-45165674.612081997</v>
      </c>
      <c r="AR956" s="53">
        <v>-41325091.204181001</v>
      </c>
      <c r="AS956" s="53">
        <v>-63557474.179358602</v>
      </c>
      <c r="AT956" s="53">
        <v>-79473449.902635798</v>
      </c>
      <c r="AU956" s="53">
        <v>-90680354.254458696</v>
      </c>
      <c r="AV956" s="53">
        <v>-98127733.630092502</v>
      </c>
      <c r="AW956" s="53">
        <v>-76415389.977170393</v>
      </c>
      <c r="AX956" s="53">
        <v>-63635507.701114103</v>
      </c>
      <c r="AY956" s="53">
        <v>-37976886.936559103</v>
      </c>
      <c r="AZ956" s="53">
        <v>-75502008.490399003</v>
      </c>
      <c r="BA956" s="53">
        <v>-823646892.50758696</v>
      </c>
    </row>
    <row r="957" spans="1:53">
      <c r="A957" s="52" t="s">
        <v>4267</v>
      </c>
      <c r="B957" s="53"/>
      <c r="C957" s="53"/>
      <c r="D957" s="53"/>
      <c r="E957" s="53"/>
      <c r="F957" s="53"/>
      <c r="G957" s="53"/>
      <c r="H957" s="53"/>
      <c r="I957" s="53"/>
      <c r="J957" s="53"/>
      <c r="K957" s="53"/>
      <c r="L957" s="53"/>
      <c r="M957" s="53"/>
      <c r="N957" s="53"/>
      <c r="O957" s="53"/>
      <c r="P957" s="53"/>
      <c r="Q957" s="53"/>
      <c r="R957" s="53"/>
      <c r="S957" s="53"/>
      <c r="T957" s="53"/>
      <c r="U957" s="53"/>
      <c r="V957" s="53"/>
      <c r="W957" s="53"/>
      <c r="X957" s="53"/>
      <c r="Y957" s="53"/>
      <c r="Z957" s="53"/>
      <c r="AA957" s="53"/>
      <c r="AB957" s="53"/>
      <c r="AC957" s="53"/>
      <c r="AD957" s="53"/>
      <c r="AE957" s="53"/>
      <c r="AF957" s="53"/>
      <c r="AG957" s="53"/>
      <c r="AH957" s="53"/>
      <c r="AI957" s="53"/>
      <c r="AJ957" s="53"/>
      <c r="AK957" s="53"/>
      <c r="AL957" s="53"/>
      <c r="AM957" s="53"/>
      <c r="AN957" s="53"/>
      <c r="AO957" s="53"/>
      <c r="AP957" s="53"/>
      <c r="AQ957" s="53"/>
      <c r="AR957" s="53"/>
      <c r="AS957" s="53"/>
      <c r="AT957" s="53"/>
      <c r="AU957" s="53"/>
      <c r="AV957" s="53"/>
      <c r="AW957" s="53"/>
      <c r="AX957" s="53"/>
      <c r="AY957" s="53"/>
      <c r="AZ957" s="53"/>
      <c r="BA957" s="53"/>
    </row>
    <row r="958" spans="1:53" ht="10.8" thickBot="1">
      <c r="A958" s="239" t="s">
        <v>4268</v>
      </c>
      <c r="B958" s="53"/>
      <c r="C958" s="53"/>
      <c r="D958" s="53"/>
      <c r="E958" s="53"/>
      <c r="F958" s="53"/>
      <c r="G958" s="53"/>
      <c r="H958" s="53"/>
      <c r="I958" s="53"/>
      <c r="J958" s="53"/>
      <c r="K958" s="53"/>
      <c r="L958" s="53"/>
      <c r="M958" s="53"/>
      <c r="N958" s="53"/>
      <c r="O958" s="53"/>
      <c r="P958" s="53"/>
      <c r="Q958" s="53"/>
      <c r="R958" s="53"/>
      <c r="S958" s="53"/>
      <c r="T958" s="53"/>
      <c r="U958" s="53"/>
      <c r="V958" s="53"/>
      <c r="W958" s="53"/>
      <c r="X958" s="53"/>
      <c r="Y958" s="53"/>
      <c r="Z958" s="53"/>
      <c r="AA958" s="53"/>
      <c r="AB958" s="53"/>
      <c r="AC958" s="53"/>
      <c r="AD958" s="53"/>
      <c r="AE958" s="53"/>
      <c r="AF958" s="53"/>
      <c r="AG958" s="53"/>
      <c r="AH958" s="53"/>
      <c r="AI958" s="53"/>
      <c r="AJ958" s="53"/>
      <c r="AK958" s="53"/>
      <c r="AL958" s="53"/>
      <c r="AM958" s="53"/>
      <c r="AN958" s="53"/>
      <c r="AO958" s="53"/>
      <c r="AP958" s="53"/>
      <c r="AQ958" s="53"/>
      <c r="AR958" s="53"/>
      <c r="AS958" s="53"/>
      <c r="AT958" s="53"/>
      <c r="AU958" s="53"/>
      <c r="AV958" s="53"/>
      <c r="AW958" s="53"/>
      <c r="AX958" s="53"/>
      <c r="AY958" s="53"/>
      <c r="AZ958" s="53"/>
      <c r="BA958" s="53"/>
    </row>
    <row r="959" spans="1:53">
      <c r="A959" s="52" t="s">
        <v>4269</v>
      </c>
      <c r="B959" s="53">
        <v>-725904988.50884104</v>
      </c>
      <c r="C959" s="53">
        <v>-498444904.458974</v>
      </c>
      <c r="D959" s="53">
        <v>-502081191.41423601</v>
      </c>
      <c r="E959" s="53">
        <v>-497856452.95406002</v>
      </c>
      <c r="F959" s="53">
        <v>-590979465.80990899</v>
      </c>
      <c r="G959" s="53">
        <v>-632127851.44417298</v>
      </c>
      <c r="H959" s="53">
        <v>-661504003.59287596</v>
      </c>
      <c r="I959" s="53">
        <v>-813067577.48260701</v>
      </c>
      <c r="J959" s="53">
        <v>-618059375.82939398</v>
      </c>
      <c r="K959" s="53">
        <v>-546529717.93541706</v>
      </c>
      <c r="L959" s="53">
        <v>-444138356.91099298</v>
      </c>
      <c r="M959" s="53">
        <v>-489714292.22711802</v>
      </c>
      <c r="N959" s="53">
        <v>-7020408178.5685997</v>
      </c>
      <c r="O959" s="53">
        <v>-593843490.62915206</v>
      </c>
      <c r="P959" s="53">
        <v>-388358983.856682</v>
      </c>
      <c r="Q959" s="53">
        <v>-395887698.237288</v>
      </c>
      <c r="R959" s="53">
        <v>-424939914.04979903</v>
      </c>
      <c r="S959" s="53">
        <v>-507121731.90654099</v>
      </c>
      <c r="T959" s="53">
        <v>-543657461.15222704</v>
      </c>
      <c r="U959" s="53">
        <v>-570964265.435269</v>
      </c>
      <c r="V959" s="53">
        <v>-699000624.96647704</v>
      </c>
      <c r="W959" s="53">
        <v>-533337177.016361</v>
      </c>
      <c r="X959" s="53">
        <v>-467651793.93893403</v>
      </c>
      <c r="Y959" s="53">
        <v>-380366858.56311202</v>
      </c>
      <c r="Z959" s="53">
        <v>-426602344.797526</v>
      </c>
      <c r="AA959" s="53">
        <v>-5931732344.5493698</v>
      </c>
      <c r="AB959" s="53">
        <v>-589445510.08153105</v>
      </c>
      <c r="AC959" s="53">
        <v>-386790370.77068001</v>
      </c>
      <c r="AD959" s="53">
        <v>-391922849.10092402</v>
      </c>
      <c r="AE959" s="53">
        <v>-420653859.77011597</v>
      </c>
      <c r="AF959" s="53">
        <v>-502647930.71104503</v>
      </c>
      <c r="AG959" s="53">
        <v>-542276420.28991103</v>
      </c>
      <c r="AH959" s="53">
        <v>-569256331.29939103</v>
      </c>
      <c r="AI959" s="53">
        <v>-696004092.78357697</v>
      </c>
      <c r="AJ959" s="53">
        <v>-531991655.704983</v>
      </c>
      <c r="AK959" s="53">
        <v>-467553303.28302002</v>
      </c>
      <c r="AL959" s="53">
        <v>-378556065.79829901</v>
      </c>
      <c r="AM959" s="53">
        <v>-426253141.46483999</v>
      </c>
      <c r="AN959" s="53">
        <v>-5903351531.05832</v>
      </c>
      <c r="AO959" s="53">
        <v>-588526953.44404602</v>
      </c>
      <c r="AP959" s="53">
        <v>-386406232.751791</v>
      </c>
      <c r="AQ959" s="53">
        <v>-390147871.66283399</v>
      </c>
      <c r="AR959" s="53">
        <v>-418840462.977705</v>
      </c>
      <c r="AS959" s="53">
        <v>-502097203.82126302</v>
      </c>
      <c r="AT959" s="53">
        <v>-541116418.94384003</v>
      </c>
      <c r="AU959" s="53">
        <v>-568375792.18114901</v>
      </c>
      <c r="AV959" s="53">
        <v>-694596374.65456605</v>
      </c>
      <c r="AW959" s="53">
        <v>-531862210.10028303</v>
      </c>
      <c r="AX959" s="53">
        <v>-467464694.381064</v>
      </c>
      <c r="AY959" s="53">
        <v>-378905709.14370501</v>
      </c>
      <c r="AZ959" s="53">
        <v>-427397537.89913899</v>
      </c>
      <c r="BA959" s="53">
        <v>-5895737461.9613895</v>
      </c>
    </row>
    <row r="960" spans="1:53">
      <c r="A960" s="52" t="s">
        <v>4270</v>
      </c>
      <c r="B960" s="53">
        <v>-718858479.91008997</v>
      </c>
      <c r="C960" s="53">
        <v>-490168442.92889601</v>
      </c>
      <c r="D960" s="53">
        <v>-493805742.45939898</v>
      </c>
      <c r="E960" s="53">
        <v>-490309046.567873</v>
      </c>
      <c r="F960" s="53">
        <v>-585244391.87511802</v>
      </c>
      <c r="G960" s="53">
        <v>-628049768.60518301</v>
      </c>
      <c r="H960" s="53">
        <v>-658511399.94852805</v>
      </c>
      <c r="I960" s="53">
        <v>-809798586.35253704</v>
      </c>
      <c r="J960" s="53">
        <v>-613602376.27386105</v>
      </c>
      <c r="K960" s="53">
        <v>-540044525.66034901</v>
      </c>
      <c r="L960" s="53">
        <v>-435661147.55466199</v>
      </c>
      <c r="M960" s="53">
        <v>-481099568.74485803</v>
      </c>
      <c r="N960" s="53">
        <v>-6945153476.8813496</v>
      </c>
      <c r="O960" s="53">
        <v>-588235433.83605099</v>
      </c>
      <c r="P960" s="53">
        <v>-382739462.27358103</v>
      </c>
      <c r="Q960" s="53">
        <v>-390253076.05418801</v>
      </c>
      <c r="R960" s="53">
        <v>-419308052.79669797</v>
      </c>
      <c r="S960" s="53">
        <v>-501477882.20344001</v>
      </c>
      <c r="T960" s="53">
        <v>-537985153.37912595</v>
      </c>
      <c r="U960" s="53">
        <v>-565244445.36993003</v>
      </c>
      <c r="V960" s="53">
        <v>-693285518.05613804</v>
      </c>
      <c r="W960" s="53">
        <v>-527633270.04602301</v>
      </c>
      <c r="X960" s="53">
        <v>-461949539.328596</v>
      </c>
      <c r="Y960" s="53">
        <v>-374693534.27277398</v>
      </c>
      <c r="Z960" s="53">
        <v>-415434322.32407701</v>
      </c>
      <c r="AA960" s="53">
        <v>-5858239689.9406204</v>
      </c>
      <c r="AB960" s="53">
        <v>-583764885.169155</v>
      </c>
      <c r="AC960" s="53">
        <v>-381101456.89830399</v>
      </c>
      <c r="AD960" s="53">
        <v>-386219758.158548</v>
      </c>
      <c r="AE960" s="53">
        <v>-414953845.24773997</v>
      </c>
      <c r="AF960" s="53">
        <v>-496936845.48866898</v>
      </c>
      <c r="AG960" s="53">
        <v>-536538518.76753598</v>
      </c>
      <c r="AH960" s="53">
        <v>-563474368.27721703</v>
      </c>
      <c r="AI960" s="53">
        <v>-690224695.22140396</v>
      </c>
      <c r="AJ960" s="53">
        <v>-526221104.242809</v>
      </c>
      <c r="AK960" s="53">
        <v>-461784611.76084602</v>
      </c>
      <c r="AL960" s="53">
        <v>-372817969.27612501</v>
      </c>
      <c r="AM960" s="53">
        <v>-414493533.63730103</v>
      </c>
      <c r="AN960" s="53">
        <v>-5828531592.1456604</v>
      </c>
      <c r="AO960" s="53">
        <v>-582760490.18171704</v>
      </c>
      <c r="AP960" s="53">
        <v>-380629940.44946301</v>
      </c>
      <c r="AQ960" s="53">
        <v>-384358183.11050498</v>
      </c>
      <c r="AR960" s="53">
        <v>-413053992.20537603</v>
      </c>
      <c r="AS960" s="53">
        <v>-496300437.17893398</v>
      </c>
      <c r="AT960" s="53">
        <v>-535294344.85151201</v>
      </c>
      <c r="AU960" s="53">
        <v>-562501781.46399498</v>
      </c>
      <c r="AV960" s="53">
        <v>-688725003.86741197</v>
      </c>
      <c r="AW960" s="53">
        <v>-526000703.55312902</v>
      </c>
      <c r="AX960" s="53">
        <v>-461605168.13391</v>
      </c>
      <c r="AY960" s="53">
        <v>-373074973.81655103</v>
      </c>
      <c r="AZ960" s="53">
        <v>-415064719.861866</v>
      </c>
      <c r="BA960" s="53">
        <v>-5819369738.6743698</v>
      </c>
    </row>
    <row r="961" spans="1:53">
      <c r="A961" s="52" t="s">
        <v>4271</v>
      </c>
      <c r="B961" s="53">
        <v>7046508.5987507999</v>
      </c>
      <c r="C961" s="53">
        <v>8276461.5300777303</v>
      </c>
      <c r="D961" s="53">
        <v>8275448.9548361097</v>
      </c>
      <c r="E961" s="53">
        <v>7547406.3861870598</v>
      </c>
      <c r="F961" s="53">
        <v>5735073.9347906699</v>
      </c>
      <c r="G961" s="53">
        <v>4078082.8389899102</v>
      </c>
      <c r="H961" s="53">
        <v>2992603.64434763</v>
      </c>
      <c r="I961" s="53">
        <v>3268991.1300704102</v>
      </c>
      <c r="J961" s="53">
        <v>4456999.5555330496</v>
      </c>
      <c r="K961" s="53">
        <v>6485192.2750684898</v>
      </c>
      <c r="L961" s="53">
        <v>8477209.3563310299</v>
      </c>
      <c r="M961" s="53">
        <v>8614723.4822600707</v>
      </c>
      <c r="N961" s="53">
        <v>75254701.687243</v>
      </c>
      <c r="O961" s="53">
        <v>5608056.7931010099</v>
      </c>
      <c r="P961" s="53">
        <v>5619521.5831006598</v>
      </c>
      <c r="Q961" s="53">
        <v>5634622.1831006696</v>
      </c>
      <c r="R961" s="53">
        <v>5631861.2531006802</v>
      </c>
      <c r="S961" s="53">
        <v>5643849.70310074</v>
      </c>
      <c r="T961" s="53">
        <v>5672307.7731006704</v>
      </c>
      <c r="U961" s="53">
        <v>5719820.0653385101</v>
      </c>
      <c r="V961" s="53">
        <v>5715106.9103384996</v>
      </c>
      <c r="W961" s="53">
        <v>5703906.97033819</v>
      </c>
      <c r="X961" s="53">
        <v>5702254.6103382995</v>
      </c>
      <c r="Y961" s="53">
        <v>5673324.2903382601</v>
      </c>
      <c r="Z961" s="53">
        <v>11168022.4734498</v>
      </c>
      <c r="AA961" s="53">
        <v>73492654.608746096</v>
      </c>
      <c r="AB961" s="53">
        <v>5680624.9123759298</v>
      </c>
      <c r="AC961" s="53">
        <v>5688913.8723757304</v>
      </c>
      <c r="AD961" s="53">
        <v>5703090.9423756497</v>
      </c>
      <c r="AE961" s="53">
        <v>5700014.5223757103</v>
      </c>
      <c r="AF961" s="53">
        <v>5711085.2223757496</v>
      </c>
      <c r="AG961" s="53">
        <v>5737901.5223755203</v>
      </c>
      <c r="AH961" s="53">
        <v>5781963.0221737297</v>
      </c>
      <c r="AI961" s="53">
        <v>5779397.5621736599</v>
      </c>
      <c r="AJ961" s="53">
        <v>5770551.4621735699</v>
      </c>
      <c r="AK961" s="53">
        <v>5768691.5221735202</v>
      </c>
      <c r="AL961" s="53">
        <v>5738096.5221734904</v>
      </c>
      <c r="AM961" s="53">
        <v>11759607.8275395</v>
      </c>
      <c r="AN961" s="53">
        <v>74819938.912661806</v>
      </c>
      <c r="AO961" s="53">
        <v>5766463.2623289898</v>
      </c>
      <c r="AP961" s="53">
        <v>5776292.3023288604</v>
      </c>
      <c r="AQ961" s="53">
        <v>5789688.5523289004</v>
      </c>
      <c r="AR961" s="53">
        <v>5786470.7723288396</v>
      </c>
      <c r="AS961" s="53">
        <v>5796766.6423288696</v>
      </c>
      <c r="AT961" s="53">
        <v>5822074.0923287803</v>
      </c>
      <c r="AU961" s="53">
        <v>5874010.7171540102</v>
      </c>
      <c r="AV961" s="53">
        <v>5871370.78715418</v>
      </c>
      <c r="AW961" s="53">
        <v>5861506.54715381</v>
      </c>
      <c r="AX961" s="53">
        <v>5859526.2471539304</v>
      </c>
      <c r="AY961" s="53">
        <v>5830735.3271539304</v>
      </c>
      <c r="AZ961" s="53">
        <v>12332818.037272699</v>
      </c>
      <c r="BA961" s="53">
        <v>76367723.2870159</v>
      </c>
    </row>
    <row r="962" spans="1:53">
      <c r="A962" s="52" t="s">
        <v>4272</v>
      </c>
      <c r="B962" s="53">
        <v>-5699788.2964362102</v>
      </c>
      <c r="C962" s="53">
        <v>-5711981.6864362098</v>
      </c>
      <c r="D962" s="53">
        <v>-5727899.5464361999</v>
      </c>
      <c r="E962" s="53">
        <v>-5725322.09643621</v>
      </c>
      <c r="F962" s="53">
        <v>-5738090.2464362001</v>
      </c>
      <c r="G962" s="53">
        <v>-5768050.4864362096</v>
      </c>
      <c r="H962" s="53">
        <v>-5797078.5364362104</v>
      </c>
      <c r="I962" s="53">
        <v>-5794770.2964362102</v>
      </c>
      <c r="J962" s="53">
        <v>-5785648.63643621</v>
      </c>
      <c r="K962" s="53">
        <v>-5784153.3164362097</v>
      </c>
      <c r="L962" s="53">
        <v>-5755172.5464362102</v>
      </c>
      <c r="M962" s="53">
        <v>-5741900.3664362002</v>
      </c>
      <c r="N962" s="53">
        <v>-69029856.057234496</v>
      </c>
      <c r="O962" s="53">
        <v>-5500056.7931007501</v>
      </c>
      <c r="P962" s="53">
        <v>-5511521.5831007501</v>
      </c>
      <c r="Q962" s="53">
        <v>-5526622.1831007497</v>
      </c>
      <c r="R962" s="53">
        <v>-5523861.25310075</v>
      </c>
      <c r="S962" s="53">
        <v>-5535849.7031007502</v>
      </c>
      <c r="T962" s="53">
        <v>-5564307.7731007496</v>
      </c>
      <c r="U962" s="53">
        <v>-5611820.0653382502</v>
      </c>
      <c r="V962" s="53">
        <v>-5607106.91033825</v>
      </c>
      <c r="W962" s="53">
        <v>-5595906.9703382496</v>
      </c>
      <c r="X962" s="53">
        <v>-5594254.6103382502</v>
      </c>
      <c r="Y962" s="53">
        <v>-5565324.2903382499</v>
      </c>
      <c r="Z962" s="53">
        <v>-5551472.45033825</v>
      </c>
      <c r="AA962" s="53">
        <v>-66688104.585633896</v>
      </c>
      <c r="AB962" s="53">
        <v>-5572624.9123756699</v>
      </c>
      <c r="AC962" s="53">
        <v>-5580913.8723756699</v>
      </c>
      <c r="AD962" s="53">
        <v>-5595090.9423756702</v>
      </c>
      <c r="AE962" s="53">
        <v>-5592014.5223756703</v>
      </c>
      <c r="AF962" s="53">
        <v>-5603085.2223756704</v>
      </c>
      <c r="AG962" s="53">
        <v>-5629901.52237566</v>
      </c>
      <c r="AH962" s="53">
        <v>-5673963.02217355</v>
      </c>
      <c r="AI962" s="53">
        <v>-5671397.5621735603</v>
      </c>
      <c r="AJ962" s="53">
        <v>-5662551.4621735597</v>
      </c>
      <c r="AK962" s="53">
        <v>-5660691.5221735602</v>
      </c>
      <c r="AL962" s="53">
        <v>-5630096.52217355</v>
      </c>
      <c r="AM962" s="53">
        <v>-5615772.9121735599</v>
      </c>
      <c r="AN962" s="53">
        <v>-67488103.997295305</v>
      </c>
      <c r="AO962" s="53">
        <v>-5658463.2623289097</v>
      </c>
      <c r="AP962" s="53">
        <v>-5668292.3023289097</v>
      </c>
      <c r="AQ962" s="53">
        <v>-5681688.5523289097</v>
      </c>
      <c r="AR962" s="53">
        <v>-5678470.7723289104</v>
      </c>
      <c r="AS962" s="53">
        <v>-5688766.6423289096</v>
      </c>
      <c r="AT962" s="53">
        <v>-5714074.0923289098</v>
      </c>
      <c r="AU962" s="53">
        <v>-5766010.7171539096</v>
      </c>
      <c r="AV962" s="53">
        <v>-5763370.7871539099</v>
      </c>
      <c r="AW962" s="53">
        <v>-5753506.5471539097</v>
      </c>
      <c r="AX962" s="53">
        <v>-5751526.2471539099</v>
      </c>
      <c r="AY962" s="53">
        <v>-5722735.32715391</v>
      </c>
      <c r="AZ962" s="53">
        <v>-5708001.9171539098</v>
      </c>
      <c r="BA962" s="53">
        <v>-68554907.166896895</v>
      </c>
    </row>
    <row r="963" spans="1:53">
      <c r="A963" s="52" t="s">
        <v>4273</v>
      </c>
      <c r="B963" s="53">
        <v>0</v>
      </c>
      <c r="C963" s="53">
        <v>0</v>
      </c>
      <c r="D963" s="53">
        <v>0</v>
      </c>
      <c r="E963" s="53">
        <v>0</v>
      </c>
      <c r="F963" s="53">
        <v>0</v>
      </c>
      <c r="G963" s="53">
        <v>0</v>
      </c>
      <c r="H963" s="53">
        <v>0</v>
      </c>
      <c r="I963" s="53">
        <v>0</v>
      </c>
      <c r="J963" s="53">
        <v>0</v>
      </c>
      <c r="K963" s="53">
        <v>0</v>
      </c>
      <c r="L963" s="53">
        <v>0</v>
      </c>
      <c r="M963" s="53">
        <v>0</v>
      </c>
      <c r="N963" s="53">
        <v>0</v>
      </c>
      <c r="O963" s="53">
        <v>0</v>
      </c>
      <c r="P963" s="53">
        <v>0</v>
      </c>
      <c r="Q963" s="53">
        <v>0</v>
      </c>
      <c r="R963" s="53">
        <v>0</v>
      </c>
      <c r="S963" s="53">
        <v>0</v>
      </c>
      <c r="T963" s="53">
        <v>0</v>
      </c>
      <c r="U963" s="53">
        <v>0</v>
      </c>
      <c r="V963" s="53">
        <v>0</v>
      </c>
      <c r="W963" s="53">
        <v>0</v>
      </c>
      <c r="X963" s="53">
        <v>0</v>
      </c>
      <c r="Y963" s="53">
        <v>0</v>
      </c>
      <c r="Z963" s="53">
        <v>0</v>
      </c>
      <c r="AA963" s="53">
        <v>0</v>
      </c>
      <c r="AB963" s="53">
        <v>0</v>
      </c>
      <c r="AC963" s="53">
        <v>0</v>
      </c>
      <c r="AD963" s="53">
        <v>0</v>
      </c>
      <c r="AE963" s="53">
        <v>0</v>
      </c>
      <c r="AF963" s="53">
        <v>0</v>
      </c>
      <c r="AG963" s="53">
        <v>0</v>
      </c>
      <c r="AH963" s="53">
        <v>0</v>
      </c>
      <c r="AI963" s="53">
        <v>0</v>
      </c>
      <c r="AJ963" s="53">
        <v>0</v>
      </c>
      <c r="AK963" s="53">
        <v>0</v>
      </c>
      <c r="AL963" s="53">
        <v>0</v>
      </c>
      <c r="AM963" s="53">
        <v>0</v>
      </c>
      <c r="AN963" s="53">
        <v>0</v>
      </c>
      <c r="AO963" s="53">
        <v>0</v>
      </c>
      <c r="AP963" s="53">
        <v>0</v>
      </c>
      <c r="AQ963" s="53">
        <v>0</v>
      </c>
      <c r="AR963" s="53">
        <v>0</v>
      </c>
      <c r="AS963" s="53">
        <v>0</v>
      </c>
      <c r="AT963" s="53">
        <v>0</v>
      </c>
      <c r="AU963" s="53">
        <v>0</v>
      </c>
      <c r="AV963" s="53">
        <v>0</v>
      </c>
      <c r="AW963" s="53">
        <v>0</v>
      </c>
      <c r="AX963" s="53">
        <v>0</v>
      </c>
      <c r="AY963" s="53">
        <v>0</v>
      </c>
      <c r="AZ963" s="53">
        <v>0</v>
      </c>
      <c r="BA963" s="53">
        <v>0</v>
      </c>
    </row>
    <row r="964" spans="1:53">
      <c r="A964" s="52" t="s">
        <v>4274</v>
      </c>
      <c r="B964" s="53">
        <v>-1238720.3023143699</v>
      </c>
      <c r="C964" s="53">
        <v>-2456479.8436416099</v>
      </c>
      <c r="D964" s="53">
        <v>-2439549.4083999898</v>
      </c>
      <c r="E964" s="53">
        <v>-1714084.2897509199</v>
      </c>
      <c r="F964" s="53">
        <v>111016.311645783</v>
      </c>
      <c r="G964" s="53">
        <v>1797967.6474464999</v>
      </c>
      <c r="H964" s="53">
        <v>2912474.8920887401</v>
      </c>
      <c r="I964" s="53">
        <v>2633779.1663658898</v>
      </c>
      <c r="J964" s="53">
        <v>1436649.0809032801</v>
      </c>
      <c r="K964" s="53">
        <v>-593038.95863220503</v>
      </c>
      <c r="L964" s="53">
        <v>-2614036.8098948202</v>
      </c>
      <c r="M964" s="53">
        <v>-2764823.1158238798</v>
      </c>
      <c r="N964" s="53">
        <v>-4928845.6300076004</v>
      </c>
      <c r="O964" s="53">
        <v>0</v>
      </c>
      <c r="P964" s="53">
        <v>0</v>
      </c>
      <c r="Q964" s="53">
        <v>0</v>
      </c>
      <c r="R964" s="53">
        <v>0</v>
      </c>
      <c r="S964" s="53">
        <v>0</v>
      </c>
      <c r="T964" s="53">
        <v>0</v>
      </c>
      <c r="U964" s="53">
        <v>0</v>
      </c>
      <c r="V964" s="53">
        <v>0</v>
      </c>
      <c r="W964" s="53">
        <v>0</v>
      </c>
      <c r="X964" s="53">
        <v>0</v>
      </c>
      <c r="Y964" s="53">
        <v>0</v>
      </c>
      <c r="Z964" s="53">
        <v>-5508550.0231116097</v>
      </c>
      <c r="AA964" s="53">
        <v>-5508550.0231116097</v>
      </c>
      <c r="AB964" s="53">
        <v>0</v>
      </c>
      <c r="AC964" s="53">
        <v>0</v>
      </c>
      <c r="AD964" s="53">
        <v>0</v>
      </c>
      <c r="AE964" s="53">
        <v>0</v>
      </c>
      <c r="AF964" s="53">
        <v>0</v>
      </c>
      <c r="AG964" s="53">
        <v>0</v>
      </c>
      <c r="AH964" s="53">
        <v>0</v>
      </c>
      <c r="AI964" s="53">
        <v>0</v>
      </c>
      <c r="AJ964" s="53">
        <v>0</v>
      </c>
      <c r="AK964" s="53">
        <v>0</v>
      </c>
      <c r="AL964" s="53">
        <v>0</v>
      </c>
      <c r="AM964" s="53">
        <v>-6035834.9153659903</v>
      </c>
      <c r="AN964" s="53">
        <v>-6035834.9153659903</v>
      </c>
      <c r="AO964" s="53">
        <v>0</v>
      </c>
      <c r="AP964" s="53">
        <v>0</v>
      </c>
      <c r="AQ964" s="53">
        <v>0</v>
      </c>
      <c r="AR964" s="53">
        <v>0</v>
      </c>
      <c r="AS964" s="53">
        <v>0</v>
      </c>
      <c r="AT964" s="53">
        <v>0</v>
      </c>
      <c r="AU964" s="53">
        <v>0</v>
      </c>
      <c r="AV964" s="53">
        <v>0</v>
      </c>
      <c r="AW964" s="53">
        <v>0</v>
      </c>
      <c r="AX964" s="53">
        <v>0</v>
      </c>
      <c r="AY964" s="53">
        <v>0</v>
      </c>
      <c r="AZ964" s="53">
        <v>-6516816.12011889</v>
      </c>
      <c r="BA964" s="53">
        <v>-6516816.12011889</v>
      </c>
    </row>
    <row r="965" spans="1:53">
      <c r="A965" s="52" t="s">
        <v>4275</v>
      </c>
      <c r="B965" s="53">
        <v>108000.00000022601</v>
      </c>
      <c r="C965" s="53">
        <v>107999.99999991601</v>
      </c>
      <c r="D965" s="53">
        <v>107999.99999991601</v>
      </c>
      <c r="E965" s="53">
        <v>107999.999999937</v>
      </c>
      <c r="F965" s="53">
        <v>108000.00000025101</v>
      </c>
      <c r="G965" s="53">
        <v>108000.0000002</v>
      </c>
      <c r="H965" s="53">
        <v>108000.000000163</v>
      </c>
      <c r="I965" s="53">
        <v>108000.00000009099</v>
      </c>
      <c r="J965" s="53">
        <v>108000.00000012299</v>
      </c>
      <c r="K965" s="53">
        <v>108000.000000074</v>
      </c>
      <c r="L965" s="53">
        <v>108000.000000003</v>
      </c>
      <c r="M965" s="53">
        <v>107999.999999983</v>
      </c>
      <c r="N965" s="53">
        <v>1296000.0000008801</v>
      </c>
      <c r="O965" s="53">
        <v>108000.000000265</v>
      </c>
      <c r="P965" s="53">
        <v>107999.999999914</v>
      </c>
      <c r="Q965" s="53">
        <v>107999.999999919</v>
      </c>
      <c r="R965" s="53">
        <v>107999.999999929</v>
      </c>
      <c r="S965" s="53">
        <v>107999.999999992</v>
      </c>
      <c r="T965" s="53">
        <v>107999.999999928</v>
      </c>
      <c r="U965" s="53">
        <v>108000.000000263</v>
      </c>
      <c r="V965" s="53">
        <v>108000.00000025899</v>
      </c>
      <c r="W965" s="53">
        <v>107999.999999947</v>
      </c>
      <c r="X965" s="53">
        <v>108000.000000056</v>
      </c>
      <c r="Y965" s="53">
        <v>108000.00000001299</v>
      </c>
      <c r="Z965" s="53">
        <v>108000.00000001601</v>
      </c>
      <c r="AA965" s="53">
        <v>1296000.0000004999</v>
      </c>
      <c r="AB965" s="53">
        <v>108000.000000263</v>
      </c>
      <c r="AC965" s="53">
        <v>108000.000000065</v>
      </c>
      <c r="AD965" s="53">
        <v>107999.999999982</v>
      </c>
      <c r="AE965" s="53">
        <v>108000.000000043</v>
      </c>
      <c r="AF965" s="53">
        <v>108000.000000083</v>
      </c>
      <c r="AG965" s="53">
        <v>107999.999999857</v>
      </c>
      <c r="AH965" s="53">
        <v>108000.000000171</v>
      </c>
      <c r="AI965" s="53">
        <v>108000.0000001</v>
      </c>
      <c r="AJ965" s="53">
        <v>108000.000000018</v>
      </c>
      <c r="AK965" s="53">
        <v>107999.999999965</v>
      </c>
      <c r="AL965" s="53">
        <v>107999.999999935</v>
      </c>
      <c r="AM965" s="53">
        <v>108000.00000000501</v>
      </c>
      <c r="AN965" s="53">
        <v>1296000.0000004901</v>
      </c>
      <c r="AO965" s="53">
        <v>108000.00000008399</v>
      </c>
      <c r="AP965" s="53">
        <v>107999.999999949</v>
      </c>
      <c r="AQ965" s="53">
        <v>107999.999999999</v>
      </c>
      <c r="AR965" s="53">
        <v>107999.99999993401</v>
      </c>
      <c r="AS965" s="53">
        <v>107999.999999965</v>
      </c>
      <c r="AT965" s="53">
        <v>107999.99999986999</v>
      </c>
      <c r="AU965" s="53">
        <v>108000.000000104</v>
      </c>
      <c r="AV965" s="53">
        <v>108000.000000274</v>
      </c>
      <c r="AW965" s="53">
        <v>107999.9999999</v>
      </c>
      <c r="AX965" s="53">
        <v>108000.000000021</v>
      </c>
      <c r="AY965" s="53">
        <v>108000.000000022</v>
      </c>
      <c r="AZ965" s="53">
        <v>107999.99999998001</v>
      </c>
      <c r="BA965" s="53">
        <v>1296000.0000001099</v>
      </c>
    </row>
    <row r="966" spans="1:53">
      <c r="A966" s="52" t="s">
        <v>4276</v>
      </c>
      <c r="B966" s="53"/>
      <c r="C966" s="53"/>
      <c r="D966" s="53"/>
      <c r="E966" s="53"/>
      <c r="F966" s="53"/>
      <c r="G966" s="53"/>
      <c r="H966" s="53"/>
      <c r="I966" s="53"/>
      <c r="J966" s="53"/>
      <c r="K966" s="53"/>
      <c r="L966" s="53"/>
      <c r="M966" s="53"/>
      <c r="N966" s="53"/>
      <c r="O966" s="53"/>
      <c r="P966" s="53"/>
      <c r="Q966" s="53"/>
      <c r="R966" s="53"/>
      <c r="S966" s="53"/>
      <c r="T966" s="53"/>
      <c r="U966" s="53"/>
      <c r="V966" s="53"/>
      <c r="W966" s="53"/>
      <c r="X966" s="53"/>
      <c r="Y966" s="53"/>
      <c r="Z966" s="53"/>
      <c r="AA966" s="53"/>
      <c r="AB966" s="53"/>
      <c r="AC966" s="53"/>
      <c r="AD966" s="53"/>
      <c r="AE966" s="53"/>
      <c r="AF966" s="53"/>
      <c r="AG966" s="53"/>
      <c r="AH966" s="53"/>
      <c r="AI966" s="53"/>
      <c r="AJ966" s="53"/>
      <c r="AK966" s="53"/>
      <c r="AL966" s="53"/>
      <c r="AM966" s="53"/>
      <c r="AN966" s="53"/>
      <c r="AO966" s="53"/>
      <c r="AP966" s="53"/>
      <c r="AQ966" s="53"/>
      <c r="AR966" s="53"/>
      <c r="AS966" s="53"/>
      <c r="AT966" s="53"/>
      <c r="AU966" s="53"/>
      <c r="AV966" s="53"/>
      <c r="AW966" s="53"/>
      <c r="AX966" s="53"/>
      <c r="AY966" s="53"/>
      <c r="AZ966" s="53"/>
      <c r="BA966" s="53"/>
    </row>
    <row r="967" spans="1:53" ht="10.8" thickBot="1">
      <c r="A967" s="239" t="s">
        <v>4277</v>
      </c>
      <c r="B967" s="53"/>
      <c r="C967" s="53"/>
      <c r="D967" s="53"/>
      <c r="E967" s="53"/>
      <c r="F967" s="53"/>
      <c r="G967" s="53"/>
      <c r="H967" s="53"/>
      <c r="I967" s="53"/>
      <c r="J967" s="53"/>
      <c r="K967" s="53"/>
      <c r="L967" s="53"/>
      <c r="M967" s="53"/>
      <c r="N967" s="53"/>
      <c r="O967" s="53"/>
      <c r="P967" s="53"/>
      <c r="Q967" s="53"/>
      <c r="R967" s="53"/>
      <c r="S967" s="53"/>
      <c r="T967" s="53"/>
      <c r="U967" s="53"/>
      <c r="V967" s="53"/>
      <c r="W967" s="53"/>
      <c r="X967" s="53"/>
      <c r="Y967" s="53"/>
      <c r="Z967" s="53"/>
      <c r="AA967" s="53"/>
      <c r="AB967" s="53"/>
      <c r="AC967" s="53"/>
      <c r="AD967" s="53"/>
      <c r="AE967" s="53"/>
      <c r="AF967" s="53"/>
      <c r="AG967" s="53"/>
      <c r="AH967" s="53"/>
      <c r="AI967" s="53"/>
      <c r="AJ967" s="53"/>
      <c r="AK967" s="53"/>
      <c r="AL967" s="53"/>
      <c r="AM967" s="53"/>
      <c r="AN967" s="53"/>
      <c r="AO967" s="53"/>
      <c r="AP967" s="53"/>
      <c r="AQ967" s="53"/>
      <c r="AR967" s="53"/>
      <c r="AS967" s="53"/>
      <c r="AT967" s="53"/>
      <c r="AU967" s="53"/>
      <c r="AV967" s="53"/>
      <c r="AW967" s="53"/>
      <c r="AX967" s="53"/>
      <c r="AY967" s="53"/>
      <c r="AZ967" s="53"/>
      <c r="BA967" s="53"/>
    </row>
    <row r="968" spans="1:53">
      <c r="A968" s="52" t="s">
        <v>4278</v>
      </c>
      <c r="B968" s="53">
        <v>15243997.4722383</v>
      </c>
      <c r="C968" s="53">
        <v>14834888.3922382</v>
      </c>
      <c r="D968" s="53">
        <v>22341549.972238299</v>
      </c>
      <c r="E968" s="53">
        <v>17458892.102238301</v>
      </c>
      <c r="F968" s="53">
        <v>16651559.102238201</v>
      </c>
      <c r="G968" s="53">
        <v>11241235.9922383</v>
      </c>
      <c r="H968" s="53">
        <v>9252170.3622382991</v>
      </c>
      <c r="I968" s="53">
        <v>11069747.9622382</v>
      </c>
      <c r="J968" s="53">
        <v>12930311.092238201</v>
      </c>
      <c r="K968" s="53">
        <v>13620824.382238301</v>
      </c>
      <c r="L968" s="53">
        <v>14384745.8022383</v>
      </c>
      <c r="M968" s="53">
        <v>7741620.5922382995</v>
      </c>
      <c r="N968" s="53">
        <v>166771543.226859</v>
      </c>
      <c r="O968" s="53">
        <v>17591617.4043466</v>
      </c>
      <c r="P968" s="53">
        <v>13900753.3243466</v>
      </c>
      <c r="Q968" s="53">
        <v>16485830.9043466</v>
      </c>
      <c r="R968" s="53">
        <v>14192734.034346599</v>
      </c>
      <c r="S968" s="53">
        <v>17501892.034346599</v>
      </c>
      <c r="T968" s="53">
        <v>14639540.9243466</v>
      </c>
      <c r="U968" s="53">
        <v>14173119.294346601</v>
      </c>
      <c r="V968" s="53">
        <v>15185330.8943466</v>
      </c>
      <c r="W968" s="53">
        <v>15403942.024346599</v>
      </c>
      <c r="X968" s="53">
        <v>14857827.3143466</v>
      </c>
      <c r="Y968" s="53">
        <v>17581393.734346598</v>
      </c>
      <c r="Z968" s="53">
        <v>12388417.524346599</v>
      </c>
      <c r="AA968" s="53">
        <v>183902399.412159</v>
      </c>
      <c r="AB968" s="53">
        <v>17994852.568121601</v>
      </c>
      <c r="AC968" s="53">
        <v>14303988.488121601</v>
      </c>
      <c r="AD968" s="53">
        <v>16889066.068121601</v>
      </c>
      <c r="AE968" s="53">
        <v>14595969.1981216</v>
      </c>
      <c r="AF968" s="53">
        <v>17905127.1981216</v>
      </c>
      <c r="AG968" s="53">
        <v>15042776.0881216</v>
      </c>
      <c r="AH968" s="53">
        <v>14576354.4581216</v>
      </c>
      <c r="AI968" s="53">
        <v>15588566.058121599</v>
      </c>
      <c r="AJ968" s="53">
        <v>15807177.1881216</v>
      </c>
      <c r="AK968" s="53">
        <v>15261062.478121599</v>
      </c>
      <c r="AL968" s="53">
        <v>17984628.898121599</v>
      </c>
      <c r="AM968" s="53">
        <v>12791652.6881216</v>
      </c>
      <c r="AN968" s="53">
        <v>188741221.37745899</v>
      </c>
      <c r="AO968" s="53">
        <v>18299231.324058399</v>
      </c>
      <c r="AP968" s="53">
        <v>14608367.2440584</v>
      </c>
      <c r="AQ968" s="53">
        <v>17193444.824058399</v>
      </c>
      <c r="AR968" s="53">
        <v>14900347.954058399</v>
      </c>
      <c r="AS968" s="53">
        <v>18209505.954058401</v>
      </c>
      <c r="AT968" s="53">
        <v>15347154.8440584</v>
      </c>
      <c r="AU968" s="53">
        <v>14880733.214058399</v>
      </c>
      <c r="AV968" s="53">
        <v>15892944.814058401</v>
      </c>
      <c r="AW968" s="53">
        <v>16111555.9440584</v>
      </c>
      <c r="AX968" s="53">
        <v>15565441.234058401</v>
      </c>
      <c r="AY968" s="53">
        <v>18289007.654058401</v>
      </c>
      <c r="AZ968" s="53">
        <v>13096031.4440584</v>
      </c>
      <c r="BA968" s="53">
        <v>192393766.44870001</v>
      </c>
    </row>
    <row r="969" spans="1:53">
      <c r="A969" s="52" t="s">
        <v>4279</v>
      </c>
      <c r="B969" s="53">
        <v>4314524.3443</v>
      </c>
      <c r="C969" s="53">
        <v>3691622.9643000001</v>
      </c>
      <c r="D969" s="53">
        <v>4701092.3542999998</v>
      </c>
      <c r="E969" s="53">
        <v>3900496.3143000002</v>
      </c>
      <c r="F969" s="53">
        <v>4248402.0843000002</v>
      </c>
      <c r="G969" s="53">
        <v>5492870.6542999996</v>
      </c>
      <c r="H969" s="53">
        <v>4089664.2542999899</v>
      </c>
      <c r="I969" s="53">
        <v>3907257.6743000001</v>
      </c>
      <c r="J969" s="53">
        <v>5044233.3542999998</v>
      </c>
      <c r="K969" s="53">
        <v>4069061.9542999999</v>
      </c>
      <c r="L969" s="53">
        <v>3738897.0843000002</v>
      </c>
      <c r="M969" s="53">
        <v>5040950.3843</v>
      </c>
      <c r="N969" s="53">
        <v>52239073.421599999</v>
      </c>
      <c r="O969" s="53">
        <v>3963939.510675</v>
      </c>
      <c r="P969" s="53">
        <v>3263960.1306750001</v>
      </c>
      <c r="Q969" s="53">
        <v>4205556.5206749998</v>
      </c>
      <c r="R969" s="53">
        <v>3305555.4806750002</v>
      </c>
      <c r="S969" s="53">
        <v>3288011.2506749998</v>
      </c>
      <c r="T969" s="53">
        <v>4473152.8206749903</v>
      </c>
      <c r="U969" s="53">
        <v>3089003.4206750002</v>
      </c>
      <c r="V969" s="53">
        <v>2960723.8406750001</v>
      </c>
      <c r="W969" s="53">
        <v>4091067.5206749998</v>
      </c>
      <c r="X969" s="53">
        <v>3262873.1206749999</v>
      </c>
      <c r="Y969" s="53">
        <v>3037737.2506749998</v>
      </c>
      <c r="Z969" s="53">
        <v>4475229.5506750001</v>
      </c>
      <c r="AA969" s="53">
        <v>43416810.418099999</v>
      </c>
      <c r="AB969" s="53">
        <v>4057495.9570499901</v>
      </c>
      <c r="AC969" s="53">
        <v>3357516.57705</v>
      </c>
      <c r="AD969" s="53">
        <v>4299112.9670499898</v>
      </c>
      <c r="AE969" s="53">
        <v>3399111.9270500001</v>
      </c>
      <c r="AF969" s="53">
        <v>3381567.6970500001</v>
      </c>
      <c r="AG969" s="53">
        <v>4566709.2670499999</v>
      </c>
      <c r="AH969" s="53">
        <v>3182559.86705</v>
      </c>
      <c r="AI969" s="53">
        <v>3054280.2870499999</v>
      </c>
      <c r="AJ969" s="53">
        <v>4184623.9670500001</v>
      </c>
      <c r="AK969" s="53">
        <v>3356429.5670499899</v>
      </c>
      <c r="AL969" s="53">
        <v>3131293.6970500001</v>
      </c>
      <c r="AM969" s="53">
        <v>4568785.9970500004</v>
      </c>
      <c r="AN969" s="53">
        <v>44539487.774599999</v>
      </c>
      <c r="AO969" s="53">
        <v>4102474.31342499</v>
      </c>
      <c r="AP969" s="53">
        <v>3402494.9334249999</v>
      </c>
      <c r="AQ969" s="53">
        <v>4344091.3234249996</v>
      </c>
      <c r="AR969" s="53">
        <v>3444090.283425</v>
      </c>
      <c r="AS969" s="53">
        <v>3426546.053425</v>
      </c>
      <c r="AT969" s="53">
        <v>4611687.6234249901</v>
      </c>
      <c r="AU969" s="53">
        <v>3227538.223425</v>
      </c>
      <c r="AV969" s="53">
        <v>3099258.6434249999</v>
      </c>
      <c r="AW969" s="53">
        <v>4229602.3234249996</v>
      </c>
      <c r="AX969" s="53">
        <v>3401407.9234249899</v>
      </c>
      <c r="AY969" s="53">
        <v>3176272.053425</v>
      </c>
      <c r="AZ969" s="53">
        <v>4613764.3534249999</v>
      </c>
      <c r="BA969" s="53">
        <v>45079228.051100001</v>
      </c>
    </row>
    <row r="970" spans="1:53">
      <c r="A970" s="52" t="s">
        <v>4280</v>
      </c>
      <c r="B970" s="53">
        <v>13199883.460550001</v>
      </c>
      <c r="C970" s="53">
        <v>11981566.84055</v>
      </c>
      <c r="D970" s="53">
        <v>12105940.800550001</v>
      </c>
      <c r="E970" s="53">
        <v>12425626.0505499</v>
      </c>
      <c r="F970" s="53">
        <v>13214799.09055</v>
      </c>
      <c r="G970" s="53">
        <v>13290570.27055</v>
      </c>
      <c r="H970" s="53">
        <v>13674475.82055</v>
      </c>
      <c r="I970" s="53">
        <v>12664569.01055</v>
      </c>
      <c r="J970" s="53">
        <v>12875888.25055</v>
      </c>
      <c r="K970" s="53">
        <v>14182052.43055</v>
      </c>
      <c r="L970" s="53">
        <v>12752414.040549999</v>
      </c>
      <c r="M970" s="53">
        <v>12281343.75055</v>
      </c>
      <c r="N970" s="53">
        <v>154649129.81659999</v>
      </c>
      <c r="O970" s="53">
        <v>12774386.044345001</v>
      </c>
      <c r="P970" s="53">
        <v>12548136.424345</v>
      </c>
      <c r="Q970" s="53">
        <v>12697944.384345001</v>
      </c>
      <c r="R970" s="53">
        <v>12819856.634345001</v>
      </c>
      <c r="S970" s="53">
        <v>12893390.674345</v>
      </c>
      <c r="T970" s="53">
        <v>13902083.854344999</v>
      </c>
      <c r="U970" s="53">
        <v>13433850.404345</v>
      </c>
      <c r="V970" s="53">
        <v>13278929.594345</v>
      </c>
      <c r="W970" s="53">
        <v>13345522.834345</v>
      </c>
      <c r="X970" s="53">
        <v>13769246.014345</v>
      </c>
      <c r="Y970" s="53">
        <v>13164619.624345001</v>
      </c>
      <c r="Z970" s="53">
        <v>13736094.334345</v>
      </c>
      <c r="AA970" s="53">
        <v>158364060.82214001</v>
      </c>
      <c r="AB970" s="53">
        <v>12833407.3404529</v>
      </c>
      <c r="AC970" s="53">
        <v>12607157.720452899</v>
      </c>
      <c r="AD970" s="53">
        <v>12756965.6804529</v>
      </c>
      <c r="AE970" s="53">
        <v>12878877.9304529</v>
      </c>
      <c r="AF970" s="53">
        <v>12952411.970452899</v>
      </c>
      <c r="AG970" s="53">
        <v>13961105.150452901</v>
      </c>
      <c r="AH970" s="53">
        <v>13492871.7004529</v>
      </c>
      <c r="AI970" s="53">
        <v>13337950.890452901</v>
      </c>
      <c r="AJ970" s="53">
        <v>13404544.130452899</v>
      </c>
      <c r="AK970" s="53">
        <v>13828267.310452901</v>
      </c>
      <c r="AL970" s="53">
        <v>13223640.9204529</v>
      </c>
      <c r="AM970" s="53">
        <v>13795115.630452899</v>
      </c>
      <c r="AN970" s="53">
        <v>159072316.37543401</v>
      </c>
      <c r="AO970" s="53">
        <v>13235868.0945665</v>
      </c>
      <c r="AP970" s="53">
        <v>13009618.474566501</v>
      </c>
      <c r="AQ970" s="53">
        <v>13159426.4345665</v>
      </c>
      <c r="AR970" s="53">
        <v>13281338.6845665</v>
      </c>
      <c r="AS970" s="53">
        <v>13354872.724566501</v>
      </c>
      <c r="AT970" s="53">
        <v>14363565.9045665</v>
      </c>
      <c r="AU970" s="53">
        <v>13895332.454566499</v>
      </c>
      <c r="AV970" s="53">
        <v>13740411.644566501</v>
      </c>
      <c r="AW970" s="53">
        <v>13807004.884566501</v>
      </c>
      <c r="AX970" s="53">
        <v>14230728.0645665</v>
      </c>
      <c r="AY970" s="53">
        <v>13626101.6745665</v>
      </c>
      <c r="AZ970" s="53">
        <v>14197576.384566501</v>
      </c>
      <c r="BA970" s="53">
        <v>163901845.42479801</v>
      </c>
    </row>
    <row r="971" spans="1:53">
      <c r="A971" s="52" t="s">
        <v>4281</v>
      </c>
      <c r="B971" s="53">
        <v>0</v>
      </c>
      <c r="C971" s="53">
        <v>0</v>
      </c>
      <c r="D971" s="53">
        <v>0</v>
      </c>
      <c r="E971" s="53">
        <v>0</v>
      </c>
      <c r="F971" s="53">
        <v>0</v>
      </c>
      <c r="G971" s="53">
        <v>0</v>
      </c>
      <c r="H971" s="53">
        <v>0</v>
      </c>
      <c r="I971" s="53">
        <v>0</v>
      </c>
      <c r="J971" s="53">
        <v>0</v>
      </c>
      <c r="K971" s="53">
        <v>0</v>
      </c>
      <c r="L971" s="53">
        <v>0</v>
      </c>
      <c r="M971" s="53">
        <v>0</v>
      </c>
      <c r="N971" s="53">
        <v>0</v>
      </c>
      <c r="O971" s="53">
        <v>0</v>
      </c>
      <c r="P971" s="53">
        <v>0</v>
      </c>
      <c r="Q971" s="53">
        <v>0</v>
      </c>
      <c r="R971" s="53">
        <v>0</v>
      </c>
      <c r="S971" s="53">
        <v>0</v>
      </c>
      <c r="T971" s="53">
        <v>0</v>
      </c>
      <c r="U971" s="53">
        <v>0</v>
      </c>
      <c r="V971" s="53">
        <v>0</v>
      </c>
      <c r="W971" s="53">
        <v>0</v>
      </c>
      <c r="X971" s="53">
        <v>0</v>
      </c>
      <c r="Y971" s="53">
        <v>0</v>
      </c>
      <c r="Z971" s="53">
        <v>0</v>
      </c>
      <c r="AA971" s="53">
        <v>0</v>
      </c>
      <c r="AB971" s="53">
        <v>0</v>
      </c>
      <c r="AC971" s="53">
        <v>0</v>
      </c>
      <c r="AD971" s="53">
        <v>0</v>
      </c>
      <c r="AE971" s="53">
        <v>0</v>
      </c>
      <c r="AF971" s="53">
        <v>0</v>
      </c>
      <c r="AG971" s="53">
        <v>0</v>
      </c>
      <c r="AH971" s="53">
        <v>0</v>
      </c>
      <c r="AI971" s="53">
        <v>0</v>
      </c>
      <c r="AJ971" s="53">
        <v>0</v>
      </c>
      <c r="AK971" s="53">
        <v>0</v>
      </c>
      <c r="AL971" s="53">
        <v>0</v>
      </c>
      <c r="AM971" s="53">
        <v>0</v>
      </c>
      <c r="AN971" s="53">
        <v>0</v>
      </c>
      <c r="AO971" s="53">
        <v>0</v>
      </c>
      <c r="AP971" s="53">
        <v>0</v>
      </c>
      <c r="AQ971" s="53">
        <v>0</v>
      </c>
      <c r="AR971" s="53">
        <v>0</v>
      </c>
      <c r="AS971" s="53">
        <v>0</v>
      </c>
      <c r="AT971" s="53">
        <v>0</v>
      </c>
      <c r="AU971" s="53">
        <v>0</v>
      </c>
      <c r="AV971" s="53">
        <v>0</v>
      </c>
      <c r="AW971" s="53">
        <v>0</v>
      </c>
      <c r="AX971" s="53">
        <v>0</v>
      </c>
      <c r="AY971" s="53">
        <v>0</v>
      </c>
      <c r="AZ971" s="53">
        <v>0</v>
      </c>
      <c r="BA971" s="53">
        <v>0</v>
      </c>
    </row>
    <row r="972" spans="1:53">
      <c r="A972" s="52" t="s">
        <v>4282</v>
      </c>
      <c r="B972" s="53">
        <v>6365772.0474962797</v>
      </c>
      <c r="C972" s="53">
        <v>6313808.8874962796</v>
      </c>
      <c r="D972" s="53">
        <v>6540857.5274962801</v>
      </c>
      <c r="E972" s="53">
        <v>6607483.6874962803</v>
      </c>
      <c r="F972" s="53">
        <v>7413046.0374962799</v>
      </c>
      <c r="G972" s="53">
        <v>6781257.7574962797</v>
      </c>
      <c r="H972" s="53">
        <v>7199079.4974962799</v>
      </c>
      <c r="I972" s="53">
        <v>7564082.2974962797</v>
      </c>
      <c r="J972" s="53">
        <v>7187085.5374962799</v>
      </c>
      <c r="K972" s="53">
        <v>6697093.5174962804</v>
      </c>
      <c r="L972" s="53">
        <v>7198408.4274962796</v>
      </c>
      <c r="M972" s="53">
        <v>6495884.57749628</v>
      </c>
      <c r="N972" s="53">
        <v>82363859.799955398</v>
      </c>
      <c r="O972" s="53">
        <v>7152434.1141796904</v>
      </c>
      <c r="P972" s="53">
        <v>7029431.9541796902</v>
      </c>
      <c r="Q972" s="53">
        <v>7169024.5941796899</v>
      </c>
      <c r="R972" s="53">
        <v>7046157.75417969</v>
      </c>
      <c r="S972" s="53">
        <v>7693599.1041796897</v>
      </c>
      <c r="T972" s="53">
        <v>7169994.8241796903</v>
      </c>
      <c r="U972" s="53">
        <v>7073284.5641796896</v>
      </c>
      <c r="V972" s="53">
        <v>7393724.3641796904</v>
      </c>
      <c r="W972" s="53">
        <v>6994141.6041796897</v>
      </c>
      <c r="X972" s="53">
        <v>7097438.5841796901</v>
      </c>
      <c r="Y972" s="53">
        <v>7542691.4941796903</v>
      </c>
      <c r="Z972" s="53">
        <v>6941673.6441796897</v>
      </c>
      <c r="AA972" s="53">
        <v>86303596.600156307</v>
      </c>
      <c r="AB972" s="53">
        <v>7475248.6106154704</v>
      </c>
      <c r="AC972" s="53">
        <v>7352246.4506154703</v>
      </c>
      <c r="AD972" s="53">
        <v>7491839.09061547</v>
      </c>
      <c r="AE972" s="53">
        <v>7368972.2506154701</v>
      </c>
      <c r="AF972" s="53">
        <v>8016413.6006154697</v>
      </c>
      <c r="AG972" s="53">
        <v>7492809.3206154704</v>
      </c>
      <c r="AH972" s="53">
        <v>7396099.0606154697</v>
      </c>
      <c r="AI972" s="53">
        <v>7716538.8606154704</v>
      </c>
      <c r="AJ972" s="53">
        <v>7316956.1006154697</v>
      </c>
      <c r="AK972" s="53">
        <v>7420253.0806154702</v>
      </c>
      <c r="AL972" s="53">
        <v>7865505.9906154703</v>
      </c>
      <c r="AM972" s="53">
        <v>7264488.1406154698</v>
      </c>
      <c r="AN972" s="53">
        <v>90177370.557385594</v>
      </c>
      <c r="AO972" s="53">
        <v>7819304.7211415302</v>
      </c>
      <c r="AP972" s="53">
        <v>7696302.5611415301</v>
      </c>
      <c r="AQ972" s="53">
        <v>7835895.2011415297</v>
      </c>
      <c r="AR972" s="53">
        <v>7713028.3611415299</v>
      </c>
      <c r="AS972" s="53">
        <v>8360469.7111415304</v>
      </c>
      <c r="AT972" s="53">
        <v>7836865.4311415302</v>
      </c>
      <c r="AU972" s="53">
        <v>7740155.1711415304</v>
      </c>
      <c r="AV972" s="53">
        <v>8060594.9711415302</v>
      </c>
      <c r="AW972" s="53">
        <v>7661012.2111415304</v>
      </c>
      <c r="AX972" s="53">
        <v>7764309.1911415299</v>
      </c>
      <c r="AY972" s="53">
        <v>8209562.1011415301</v>
      </c>
      <c r="AZ972" s="53">
        <v>7608544.2511415305</v>
      </c>
      <c r="BA972" s="53">
        <v>94306043.883698404</v>
      </c>
    </row>
    <row r="973" spans="1:53">
      <c r="A973" s="52" t="s">
        <v>4283</v>
      </c>
      <c r="B973" s="53">
        <v>305281.74440371199</v>
      </c>
      <c r="C973" s="53">
        <v>322301.56440371199</v>
      </c>
      <c r="D973" s="53">
        <v>321385.48440371198</v>
      </c>
      <c r="E973" s="53">
        <v>387398.59440371202</v>
      </c>
      <c r="F973" s="53">
        <v>321549.70440371201</v>
      </c>
      <c r="G973" s="53">
        <v>310151.80440371198</v>
      </c>
      <c r="H973" s="53">
        <v>318910.87440371199</v>
      </c>
      <c r="I973" s="53">
        <v>320238.17440371198</v>
      </c>
      <c r="J973" s="53">
        <v>302281.16440371203</v>
      </c>
      <c r="K973" s="53">
        <v>319301.72440371203</v>
      </c>
      <c r="L973" s="53">
        <v>319431.67440371198</v>
      </c>
      <c r="M973" s="53">
        <v>300091.68440371199</v>
      </c>
      <c r="N973" s="53">
        <v>3848324.1928445399</v>
      </c>
      <c r="O973" s="53">
        <v>399448.191607969</v>
      </c>
      <c r="P973" s="53">
        <v>416468.01160796901</v>
      </c>
      <c r="Q973" s="53">
        <v>415551.93160796899</v>
      </c>
      <c r="R973" s="53">
        <v>481565.04160796897</v>
      </c>
      <c r="S973" s="53">
        <v>415716.15160796902</v>
      </c>
      <c r="T973" s="53">
        <v>404318.251607969</v>
      </c>
      <c r="U973" s="53">
        <v>413077.321607969</v>
      </c>
      <c r="V973" s="53">
        <v>414404.62160796899</v>
      </c>
      <c r="W973" s="53">
        <v>396447.61160796898</v>
      </c>
      <c r="X973" s="53">
        <v>413468.17160796898</v>
      </c>
      <c r="Y973" s="53">
        <v>413598.12160796899</v>
      </c>
      <c r="Z973" s="53">
        <v>394258.131607969</v>
      </c>
      <c r="AA973" s="53">
        <v>4978321.5592956301</v>
      </c>
      <c r="AB973" s="53">
        <v>336973.23120086303</v>
      </c>
      <c r="AC973" s="53">
        <v>353993.05120086297</v>
      </c>
      <c r="AD973" s="53">
        <v>353076.97120086302</v>
      </c>
      <c r="AE973" s="53">
        <v>419090.081200863</v>
      </c>
      <c r="AF973" s="53">
        <v>353241.19120086299</v>
      </c>
      <c r="AG973" s="53">
        <v>341843.29120086302</v>
      </c>
      <c r="AH973" s="53">
        <v>350602.36120086297</v>
      </c>
      <c r="AI973" s="53">
        <v>351929.66120086302</v>
      </c>
      <c r="AJ973" s="53">
        <v>333972.65120086301</v>
      </c>
      <c r="AK973" s="53">
        <v>350993.21120086301</v>
      </c>
      <c r="AL973" s="53">
        <v>351123.16120086302</v>
      </c>
      <c r="AM973" s="53">
        <v>331783.17120086303</v>
      </c>
      <c r="AN973" s="53">
        <v>4228622.0344103603</v>
      </c>
      <c r="AO973" s="53">
        <v>347182.40410947398</v>
      </c>
      <c r="AP973" s="53">
        <v>364202.22410947399</v>
      </c>
      <c r="AQ973" s="53">
        <v>363286.14410947397</v>
      </c>
      <c r="AR973" s="53">
        <v>429299.25410947402</v>
      </c>
      <c r="AS973" s="53">
        <v>363450.364109474</v>
      </c>
      <c r="AT973" s="53">
        <v>352052.46410947398</v>
      </c>
      <c r="AU973" s="53">
        <v>360811.53410947399</v>
      </c>
      <c r="AV973" s="53">
        <v>362138.83410947397</v>
      </c>
      <c r="AW973" s="53">
        <v>344181.82410947402</v>
      </c>
      <c r="AX973" s="53">
        <v>361202.38410947402</v>
      </c>
      <c r="AY973" s="53">
        <v>361332.33410947397</v>
      </c>
      <c r="AZ973" s="53">
        <v>341992.34410947398</v>
      </c>
      <c r="BA973" s="53">
        <v>4351132.1093136901</v>
      </c>
    </row>
    <row r="974" spans="1:53">
      <c r="A974" s="52" t="s">
        <v>4284</v>
      </c>
      <c r="B974" s="53">
        <v>1190525.54</v>
      </c>
      <c r="C974" s="53">
        <v>1114830.9099999999</v>
      </c>
      <c r="D974" s="53">
        <v>1076078.33</v>
      </c>
      <c r="E974" s="53">
        <v>1146896.95999999</v>
      </c>
      <c r="F974" s="53">
        <v>1079574.96</v>
      </c>
      <c r="G974" s="53">
        <v>1083047.22</v>
      </c>
      <c r="H974" s="53">
        <v>2299492.9</v>
      </c>
      <c r="I974" s="53">
        <v>1946511.28</v>
      </c>
      <c r="J974" s="53">
        <v>1959373.6</v>
      </c>
      <c r="K974" s="53">
        <v>1068092.3700000001</v>
      </c>
      <c r="L974" s="53">
        <v>1121791.26</v>
      </c>
      <c r="M974" s="53">
        <v>1065687.7</v>
      </c>
      <c r="N974" s="53">
        <v>16151903.029999999</v>
      </c>
      <c r="O974" s="53">
        <v>928333.41615980398</v>
      </c>
      <c r="P974" s="53">
        <v>852638.78615980304</v>
      </c>
      <c r="Q974" s="53">
        <v>813886.20615980402</v>
      </c>
      <c r="R974" s="53">
        <v>884704.83615980297</v>
      </c>
      <c r="S974" s="53">
        <v>817382.83615980297</v>
      </c>
      <c r="T974" s="53">
        <v>820855.09615980298</v>
      </c>
      <c r="U974" s="53">
        <v>2037300.7761597999</v>
      </c>
      <c r="V974" s="53">
        <v>1684319.1561598</v>
      </c>
      <c r="W974" s="53">
        <v>1697181.4761598001</v>
      </c>
      <c r="X974" s="53">
        <v>805900.24615980405</v>
      </c>
      <c r="Y974" s="53">
        <v>859599.13615980395</v>
      </c>
      <c r="Z974" s="53">
        <v>803495.57615980296</v>
      </c>
      <c r="AA974" s="53">
        <v>13005597.5439176</v>
      </c>
      <c r="AB974" s="53">
        <v>887214.57957432396</v>
      </c>
      <c r="AC974" s="53">
        <v>811519.94957432395</v>
      </c>
      <c r="AD974" s="53">
        <v>772767.369574324</v>
      </c>
      <c r="AE974" s="53">
        <v>843585.99957432295</v>
      </c>
      <c r="AF974" s="53">
        <v>776263.999574324</v>
      </c>
      <c r="AG974" s="53">
        <v>779736.25957432401</v>
      </c>
      <c r="AH974" s="53">
        <v>1996181.9395743201</v>
      </c>
      <c r="AI974" s="53">
        <v>1643200.31957432</v>
      </c>
      <c r="AJ974" s="53">
        <v>1656062.6395743201</v>
      </c>
      <c r="AK974" s="53">
        <v>764781.40957432403</v>
      </c>
      <c r="AL974" s="53">
        <v>818480.29957432405</v>
      </c>
      <c r="AM974" s="53">
        <v>762376.73957432399</v>
      </c>
      <c r="AN974" s="53">
        <v>12512171.5048918</v>
      </c>
      <c r="AO974" s="53">
        <v>4669047.7865111902</v>
      </c>
      <c r="AP974" s="53">
        <v>550346.15651119198</v>
      </c>
      <c r="AQ974" s="53">
        <v>511593.57651119301</v>
      </c>
      <c r="AR974" s="53">
        <v>582412.20651119202</v>
      </c>
      <c r="AS974" s="53">
        <v>515090.20651119202</v>
      </c>
      <c r="AT974" s="53">
        <v>518562.46651119197</v>
      </c>
      <c r="AU974" s="53">
        <v>1735008.1465111901</v>
      </c>
      <c r="AV974" s="53">
        <v>1382026.52651119</v>
      </c>
      <c r="AW974" s="53">
        <v>1394888.8465111901</v>
      </c>
      <c r="AX974" s="53">
        <v>503607.61651119299</v>
      </c>
      <c r="AY974" s="53">
        <v>557306.506511193</v>
      </c>
      <c r="AZ974" s="53">
        <v>501202.946511193</v>
      </c>
      <c r="BA974" s="53">
        <v>13421092.9881343</v>
      </c>
    </row>
    <row r="975" spans="1:53">
      <c r="A975" s="52" t="s">
        <v>4285</v>
      </c>
      <c r="B975" s="53">
        <v>0</v>
      </c>
      <c r="C975" s="53">
        <v>0</v>
      </c>
      <c r="D975" s="53">
        <v>0</v>
      </c>
      <c r="E975" s="53">
        <v>0</v>
      </c>
      <c r="F975" s="53">
        <v>0</v>
      </c>
      <c r="G975" s="53">
        <v>0</v>
      </c>
      <c r="H975" s="53">
        <v>0</v>
      </c>
      <c r="I975" s="53">
        <v>0</v>
      </c>
      <c r="J975" s="53">
        <v>0</v>
      </c>
      <c r="K975" s="53">
        <v>0</v>
      </c>
      <c r="L975" s="53">
        <v>0</v>
      </c>
      <c r="M975" s="53">
        <v>0</v>
      </c>
      <c r="N975" s="53">
        <v>0</v>
      </c>
      <c r="O975" s="53">
        <v>0</v>
      </c>
      <c r="P975" s="53">
        <v>0</v>
      </c>
      <c r="Q975" s="53">
        <v>0</v>
      </c>
      <c r="R975" s="53">
        <v>0</v>
      </c>
      <c r="S975" s="53">
        <v>0</v>
      </c>
      <c r="T975" s="53">
        <v>0</v>
      </c>
      <c r="U975" s="53">
        <v>0</v>
      </c>
      <c r="V975" s="53">
        <v>0</v>
      </c>
      <c r="W975" s="53">
        <v>0</v>
      </c>
      <c r="X975" s="53">
        <v>0</v>
      </c>
      <c r="Y975" s="53">
        <v>0</v>
      </c>
      <c r="Z975" s="53">
        <v>0</v>
      </c>
      <c r="AA975" s="53">
        <v>0</v>
      </c>
      <c r="AB975" s="53">
        <v>0</v>
      </c>
      <c r="AC975" s="53">
        <v>0</v>
      </c>
      <c r="AD975" s="53">
        <v>0</v>
      </c>
      <c r="AE975" s="53">
        <v>0</v>
      </c>
      <c r="AF975" s="53">
        <v>0</v>
      </c>
      <c r="AG975" s="53">
        <v>0</v>
      </c>
      <c r="AH975" s="53">
        <v>0</v>
      </c>
      <c r="AI975" s="53">
        <v>0</v>
      </c>
      <c r="AJ975" s="53">
        <v>0</v>
      </c>
      <c r="AK975" s="53">
        <v>0</v>
      </c>
      <c r="AL975" s="53">
        <v>0</v>
      </c>
      <c r="AM975" s="53">
        <v>0</v>
      </c>
      <c r="AN975" s="53">
        <v>0</v>
      </c>
      <c r="AO975" s="53">
        <v>0</v>
      </c>
      <c r="AP975" s="53">
        <v>0</v>
      </c>
      <c r="AQ975" s="53">
        <v>0</v>
      </c>
      <c r="AR975" s="53">
        <v>0</v>
      </c>
      <c r="AS975" s="53">
        <v>0</v>
      </c>
      <c r="AT975" s="53">
        <v>0</v>
      </c>
      <c r="AU975" s="53">
        <v>0</v>
      </c>
      <c r="AV975" s="53">
        <v>0</v>
      </c>
      <c r="AW975" s="53">
        <v>0</v>
      </c>
      <c r="AX975" s="53">
        <v>0</v>
      </c>
      <c r="AY975" s="53">
        <v>0</v>
      </c>
      <c r="AZ975" s="53">
        <v>0</v>
      </c>
      <c r="BA975" s="53">
        <v>0</v>
      </c>
    </row>
    <row r="976" spans="1:53">
      <c r="A976" s="52" t="s">
        <v>4286</v>
      </c>
      <c r="B976" s="53">
        <v>57861874.666258298</v>
      </c>
      <c r="C976" s="53">
        <v>52413677.996258304</v>
      </c>
      <c r="D976" s="53">
        <v>55777165.646258302</v>
      </c>
      <c r="E976" s="53">
        <v>15603959.536258301</v>
      </c>
      <c r="F976" s="53">
        <v>15619411.6562583</v>
      </c>
      <c r="G976" s="53">
        <v>12117989.4662583</v>
      </c>
      <c r="H976" s="53">
        <v>17768188.9962583</v>
      </c>
      <c r="I976" s="53">
        <v>15375338.346258299</v>
      </c>
      <c r="J976" s="53">
        <v>18613026.296258301</v>
      </c>
      <c r="K976" s="53">
        <v>16154334.766258299</v>
      </c>
      <c r="L976" s="53">
        <v>15884718.9762583</v>
      </c>
      <c r="M976" s="53">
        <v>16709596.426258299</v>
      </c>
      <c r="N976" s="53">
        <v>309899282.77509999</v>
      </c>
      <c r="O976" s="53">
        <v>22427559.443589699</v>
      </c>
      <c r="P976" s="53">
        <v>17124369.7735897</v>
      </c>
      <c r="Q976" s="53">
        <v>19102503.423589699</v>
      </c>
      <c r="R976" s="53">
        <v>17411386.3135897</v>
      </c>
      <c r="S976" s="53">
        <v>17247401.433589701</v>
      </c>
      <c r="T976" s="53">
        <v>13899048.243589699</v>
      </c>
      <c r="U976" s="53">
        <v>17551514.7735897</v>
      </c>
      <c r="V976" s="53">
        <v>17161111.123589698</v>
      </c>
      <c r="W976" s="53">
        <v>20359228.073589701</v>
      </c>
      <c r="X976" s="53">
        <v>17940205.5435897</v>
      </c>
      <c r="Y976" s="53">
        <v>17664154.753589701</v>
      </c>
      <c r="Z976" s="53">
        <v>16906076.2035897</v>
      </c>
      <c r="AA976" s="53">
        <v>214794559.10307601</v>
      </c>
      <c r="AB976" s="53">
        <v>23752814.8326139</v>
      </c>
      <c r="AC976" s="53">
        <v>18449625.162613899</v>
      </c>
      <c r="AD976" s="53">
        <v>20427758.812613901</v>
      </c>
      <c r="AE976" s="53">
        <v>18736641.702613901</v>
      </c>
      <c r="AF976" s="53">
        <v>18572656.822613899</v>
      </c>
      <c r="AG976" s="53">
        <v>15224303.632613899</v>
      </c>
      <c r="AH976" s="53">
        <v>18876770.162613899</v>
      </c>
      <c r="AI976" s="53">
        <v>18486366.5126139</v>
      </c>
      <c r="AJ976" s="53">
        <v>21684483.462613899</v>
      </c>
      <c r="AK976" s="53">
        <v>19265460.932613902</v>
      </c>
      <c r="AL976" s="53">
        <v>18989410.142613899</v>
      </c>
      <c r="AM976" s="53">
        <v>18231331.592613898</v>
      </c>
      <c r="AN976" s="53">
        <v>230697623.77136701</v>
      </c>
      <c r="AO976" s="53">
        <v>25927366.1369766</v>
      </c>
      <c r="AP976" s="53">
        <v>20624176.466976602</v>
      </c>
      <c r="AQ976" s="53">
        <v>22602310.1169766</v>
      </c>
      <c r="AR976" s="53">
        <v>20911193.006976601</v>
      </c>
      <c r="AS976" s="53">
        <v>20747208.126976602</v>
      </c>
      <c r="AT976" s="53">
        <v>17398854.9369766</v>
      </c>
      <c r="AU976" s="53">
        <v>21051321.466976602</v>
      </c>
      <c r="AV976" s="53">
        <v>20660917.816976599</v>
      </c>
      <c r="AW976" s="53">
        <v>23859034.766976599</v>
      </c>
      <c r="AX976" s="53">
        <v>21440012.236976601</v>
      </c>
      <c r="AY976" s="53">
        <v>21163961.446976598</v>
      </c>
      <c r="AZ976" s="53">
        <v>20405882.896976601</v>
      </c>
      <c r="BA976" s="53">
        <v>256792239.42372</v>
      </c>
    </row>
    <row r="977" spans="1:53">
      <c r="A977" s="52" t="s">
        <v>4287</v>
      </c>
      <c r="B977" s="53">
        <v>98481859.275246605</v>
      </c>
      <c r="C977" s="53">
        <v>90672697.555246606</v>
      </c>
      <c r="D977" s="53">
        <v>102864070.115246</v>
      </c>
      <c r="E977" s="53">
        <v>57530753.245246597</v>
      </c>
      <c r="F977" s="53">
        <v>58548342.635246597</v>
      </c>
      <c r="G977" s="53">
        <v>50317123.165246598</v>
      </c>
      <c r="H977" s="53">
        <v>54601982.705246598</v>
      </c>
      <c r="I977" s="53">
        <v>52847744.745246597</v>
      </c>
      <c r="J977" s="53">
        <v>58912199.295246601</v>
      </c>
      <c r="K977" s="53">
        <v>56110761.145246603</v>
      </c>
      <c r="L977" s="53">
        <v>55400407.2652466</v>
      </c>
      <c r="M977" s="53">
        <v>49635175.115246601</v>
      </c>
      <c r="N977" s="53">
        <v>785923116.262959</v>
      </c>
      <c r="O977" s="53">
        <v>65237718.124903798</v>
      </c>
      <c r="P977" s="53">
        <v>55135758.404903799</v>
      </c>
      <c r="Q977" s="53">
        <v>60890297.964903802</v>
      </c>
      <c r="R977" s="53">
        <v>56141960.094903797</v>
      </c>
      <c r="S977" s="53">
        <v>59857393.484903798</v>
      </c>
      <c r="T977" s="53">
        <v>55308994.014903799</v>
      </c>
      <c r="U977" s="53">
        <v>57771150.554903798</v>
      </c>
      <c r="V977" s="53">
        <v>58078543.594903797</v>
      </c>
      <c r="W977" s="53">
        <v>62287531.144903801</v>
      </c>
      <c r="X977" s="53">
        <v>58146958.994903803</v>
      </c>
      <c r="Y977" s="53">
        <v>60263794.1149038</v>
      </c>
      <c r="Z977" s="53">
        <v>55645244.964903802</v>
      </c>
      <c r="AA977" s="53">
        <v>704765345.45884597</v>
      </c>
      <c r="AB977" s="53">
        <v>67338007.119629204</v>
      </c>
      <c r="AC977" s="53">
        <v>57236047.399629101</v>
      </c>
      <c r="AD977" s="53">
        <v>62990586.959629104</v>
      </c>
      <c r="AE977" s="53">
        <v>58242249.089629099</v>
      </c>
      <c r="AF977" s="53">
        <v>61957682.479629099</v>
      </c>
      <c r="AG977" s="53">
        <v>57409283.009629101</v>
      </c>
      <c r="AH977" s="53">
        <v>59871439.5496291</v>
      </c>
      <c r="AI977" s="53">
        <v>60178832.589629099</v>
      </c>
      <c r="AJ977" s="53">
        <v>64387820.139629103</v>
      </c>
      <c r="AK977" s="53">
        <v>60247247.989629097</v>
      </c>
      <c r="AL977" s="53">
        <v>62364083.109629102</v>
      </c>
      <c r="AM977" s="53">
        <v>57745533.959629104</v>
      </c>
      <c r="AN977" s="53">
        <v>729968813.39555001</v>
      </c>
      <c r="AO977" s="53">
        <v>74400474.780788794</v>
      </c>
      <c r="AP977" s="53">
        <v>60255508.060788803</v>
      </c>
      <c r="AQ977" s="53">
        <v>66010047.620788798</v>
      </c>
      <c r="AR977" s="53">
        <v>61261709.7507888</v>
      </c>
      <c r="AS977" s="53">
        <v>64977143.140788801</v>
      </c>
      <c r="AT977" s="53">
        <v>60428743.670788802</v>
      </c>
      <c r="AU977" s="53">
        <v>62890900.210788801</v>
      </c>
      <c r="AV977" s="53">
        <v>63198293.2507888</v>
      </c>
      <c r="AW977" s="53">
        <v>67407280.800788805</v>
      </c>
      <c r="AX977" s="53">
        <v>63266708.650788799</v>
      </c>
      <c r="AY977" s="53">
        <v>65383543.770788804</v>
      </c>
      <c r="AZ977" s="53">
        <v>60764994.620788798</v>
      </c>
      <c r="BA977" s="53">
        <v>770245348.32946599</v>
      </c>
    </row>
    <row r="978" spans="1:53">
      <c r="A978" s="52" t="s">
        <v>4288</v>
      </c>
      <c r="B978" s="53">
        <v>313672391.68377298</v>
      </c>
      <c r="C978" s="53">
        <v>202457438.90359601</v>
      </c>
      <c r="D978" s="53">
        <v>214361778.58406699</v>
      </c>
      <c r="E978" s="53">
        <v>236209077.60568801</v>
      </c>
      <c r="F978" s="53">
        <v>284842637.87276399</v>
      </c>
      <c r="G978" s="53">
        <v>302997280.79717302</v>
      </c>
      <c r="H978" s="53">
        <v>318936620.49245203</v>
      </c>
      <c r="I978" s="53">
        <v>392702874.67522198</v>
      </c>
      <c r="J978" s="53">
        <v>295099726.56948799</v>
      </c>
      <c r="K978" s="53">
        <v>257306351.44478801</v>
      </c>
      <c r="L978" s="53">
        <v>203775655.874919</v>
      </c>
      <c r="M978" s="53">
        <v>217514360.34761101</v>
      </c>
      <c r="N978" s="53">
        <v>3239876194.8515401</v>
      </c>
      <c r="O978" s="53">
        <v>213841538.530761</v>
      </c>
      <c r="P978" s="53">
        <v>134574882.02272999</v>
      </c>
      <c r="Q978" s="53">
        <v>146368278.609981</v>
      </c>
      <c r="R978" s="53">
        <v>160515432.46715701</v>
      </c>
      <c r="S978" s="53">
        <v>193484353.989209</v>
      </c>
      <c r="T978" s="53">
        <v>206127716.04048201</v>
      </c>
      <c r="U978" s="53">
        <v>216801020.70087501</v>
      </c>
      <c r="V978" s="53">
        <v>267516583.940534</v>
      </c>
      <c r="W978" s="53">
        <v>201782204.70387799</v>
      </c>
      <c r="X978" s="53">
        <v>173771673.70118499</v>
      </c>
      <c r="Y978" s="53">
        <v>138629866.57880101</v>
      </c>
      <c r="Z978" s="53">
        <v>148180284.694262</v>
      </c>
      <c r="AA978" s="53">
        <v>2201593835.9798598</v>
      </c>
      <c r="AB978" s="53">
        <v>198987883.309627</v>
      </c>
      <c r="AC978" s="53">
        <v>125466630.18298499</v>
      </c>
      <c r="AD978" s="53">
        <v>135643328.890764</v>
      </c>
      <c r="AE978" s="53">
        <v>148854993.117075</v>
      </c>
      <c r="AF978" s="53">
        <v>179840977.904037</v>
      </c>
      <c r="AG978" s="53">
        <v>192658522.724168</v>
      </c>
      <c r="AH978" s="53">
        <v>202558774.732858</v>
      </c>
      <c r="AI978" s="53">
        <v>249821249.06325001</v>
      </c>
      <c r="AJ978" s="53">
        <v>188509690.847</v>
      </c>
      <c r="AK978" s="53">
        <v>162730823.405489</v>
      </c>
      <c r="AL978" s="53">
        <v>128913096.793056</v>
      </c>
      <c r="AM978" s="53">
        <v>138257907.78306299</v>
      </c>
      <c r="AN978" s="53">
        <v>2052243878.75337</v>
      </c>
      <c r="AO978" s="53">
        <v>189278190.327474</v>
      </c>
      <c r="AP978" s="53">
        <v>119028862.108651</v>
      </c>
      <c r="AQ978" s="53">
        <v>128368543.84214801</v>
      </c>
      <c r="AR978" s="53">
        <v>141017851.594639</v>
      </c>
      <c r="AS978" s="53">
        <v>171149149.00663799</v>
      </c>
      <c r="AT978" s="53">
        <v>183670007.68464199</v>
      </c>
      <c r="AU978" s="53">
        <v>193251377.714284</v>
      </c>
      <c r="AV978" s="53">
        <v>238388732.69920501</v>
      </c>
      <c r="AW978" s="53">
        <v>180160538.105564</v>
      </c>
      <c r="AX978" s="53">
        <v>155443179.61733299</v>
      </c>
      <c r="AY978" s="53">
        <v>123114458.319493</v>
      </c>
      <c r="AZ978" s="53">
        <v>132240977.275535</v>
      </c>
      <c r="BA978" s="53">
        <v>1955111868.29561</v>
      </c>
    </row>
    <row r="979" spans="1:53">
      <c r="A979" s="52" t="s">
        <v>4289</v>
      </c>
      <c r="B979" s="53">
        <v>412154250.95901901</v>
      </c>
      <c r="C979" s="53">
        <v>293130136.45884299</v>
      </c>
      <c r="D979" s="53">
        <v>317225848.699314</v>
      </c>
      <c r="E979" s="53">
        <v>293739830.85093498</v>
      </c>
      <c r="F979" s="53">
        <v>343390980.50801003</v>
      </c>
      <c r="G979" s="53">
        <v>353314403.96241897</v>
      </c>
      <c r="H979" s="53">
        <v>373538603.19769901</v>
      </c>
      <c r="I979" s="53">
        <v>445550619.42046899</v>
      </c>
      <c r="J979" s="53">
        <v>354011925.86473501</v>
      </c>
      <c r="K979" s="53">
        <v>313417112.59003502</v>
      </c>
      <c r="L979" s="53">
        <v>259176063.14016601</v>
      </c>
      <c r="M979" s="53">
        <v>267149535.46285799</v>
      </c>
      <c r="N979" s="53">
        <v>4025799311.1145</v>
      </c>
      <c r="O979" s="53">
        <v>279079256.65566498</v>
      </c>
      <c r="P979" s="53">
        <v>189710640.427634</v>
      </c>
      <c r="Q979" s="53">
        <v>207258576.57488501</v>
      </c>
      <c r="R979" s="53">
        <v>216657392.56206101</v>
      </c>
      <c r="S979" s="53">
        <v>253341747.47411299</v>
      </c>
      <c r="T979" s="53">
        <v>261436710.05538601</v>
      </c>
      <c r="U979" s="53">
        <v>274572171.25577903</v>
      </c>
      <c r="V979" s="53">
        <v>325595127.53543699</v>
      </c>
      <c r="W979" s="53">
        <v>264069735.848782</v>
      </c>
      <c r="X979" s="53">
        <v>231918632.696089</v>
      </c>
      <c r="Y979" s="53">
        <v>198893660.69370499</v>
      </c>
      <c r="Z979" s="53">
        <v>203825529.65916601</v>
      </c>
      <c r="AA979" s="53">
        <v>2906359181.4387002</v>
      </c>
      <c r="AB979" s="53">
        <v>266325890.42925599</v>
      </c>
      <c r="AC979" s="53">
        <v>182702677.58261499</v>
      </c>
      <c r="AD979" s="53">
        <v>198633915.850393</v>
      </c>
      <c r="AE979" s="53">
        <v>207097242.20670399</v>
      </c>
      <c r="AF979" s="53">
        <v>241798660.38366601</v>
      </c>
      <c r="AG979" s="53">
        <v>250067805.73379701</v>
      </c>
      <c r="AH979" s="53">
        <v>262430214.282487</v>
      </c>
      <c r="AI979" s="53">
        <v>310000081.652879</v>
      </c>
      <c r="AJ979" s="53">
        <v>252897510.98662901</v>
      </c>
      <c r="AK979" s="53">
        <v>222978071.395118</v>
      </c>
      <c r="AL979" s="53">
        <v>191277179.90268499</v>
      </c>
      <c r="AM979" s="53">
        <v>196003441.74269199</v>
      </c>
      <c r="AN979" s="53">
        <v>2782212692.1489201</v>
      </c>
      <c r="AO979" s="53">
        <v>263678665.10826299</v>
      </c>
      <c r="AP979" s="53">
        <v>179284370.16944</v>
      </c>
      <c r="AQ979" s="53">
        <v>194378591.462937</v>
      </c>
      <c r="AR979" s="53">
        <v>202279561.34542799</v>
      </c>
      <c r="AS979" s="53">
        <v>236126292.14742699</v>
      </c>
      <c r="AT979" s="53">
        <v>244098751.35543099</v>
      </c>
      <c r="AU979" s="53">
        <v>256142277.925073</v>
      </c>
      <c r="AV979" s="53">
        <v>301587025.94999301</v>
      </c>
      <c r="AW979" s="53">
        <v>247567818.906353</v>
      </c>
      <c r="AX979" s="53">
        <v>218709888.26812199</v>
      </c>
      <c r="AY979" s="53">
        <v>188498002.09028199</v>
      </c>
      <c r="AZ979" s="53">
        <v>193005971.89632401</v>
      </c>
      <c r="BA979" s="53">
        <v>2725357216.6250701</v>
      </c>
    </row>
    <row r="980" spans="1:53">
      <c r="A980" s="52" t="s">
        <v>4290</v>
      </c>
      <c r="B980" s="53">
        <v>-5.8207660913467401E-8</v>
      </c>
      <c r="C980" s="53">
        <v>5.8207660913467401E-8</v>
      </c>
      <c r="D980" s="53">
        <v>0</v>
      </c>
      <c r="E980" s="53">
        <v>0</v>
      </c>
      <c r="F980" s="53">
        <v>0</v>
      </c>
      <c r="G980" s="53">
        <v>0</v>
      </c>
      <c r="H980" s="53">
        <v>0</v>
      </c>
      <c r="I980" s="53">
        <v>-5.8207660913467401E-8</v>
      </c>
      <c r="J980" s="53">
        <v>5.8207660913467401E-8</v>
      </c>
      <c r="K980" s="53">
        <v>0</v>
      </c>
      <c r="L980" s="53">
        <v>0</v>
      </c>
      <c r="M980" s="53">
        <v>0</v>
      </c>
      <c r="N980" s="53">
        <v>0</v>
      </c>
      <c r="O980" s="53">
        <v>-5.8207660913467401E-8</v>
      </c>
      <c r="P980" s="53">
        <v>-5.8207660913467401E-8</v>
      </c>
      <c r="Q980" s="53">
        <v>0</v>
      </c>
      <c r="R980" s="53">
        <v>2.91038304567337E-8</v>
      </c>
      <c r="S980" s="53">
        <v>-5.8207660913467401E-8</v>
      </c>
      <c r="T980" s="53">
        <v>2.91038304567337E-8</v>
      </c>
      <c r="U980" s="53">
        <v>0</v>
      </c>
      <c r="V980" s="53">
        <v>0</v>
      </c>
      <c r="W980" s="53">
        <v>-2.91038304567337E-8</v>
      </c>
      <c r="X980" s="53">
        <v>-2.91038304567337E-8</v>
      </c>
      <c r="Y980" s="53">
        <v>-8.7311491370201098E-8</v>
      </c>
      <c r="Z980" s="53">
        <v>0</v>
      </c>
      <c r="AA980" s="53">
        <v>-2.6193447411060301E-7</v>
      </c>
      <c r="AB980" s="53">
        <v>-2.91038304567337E-8</v>
      </c>
      <c r="AC980" s="53">
        <v>-2.91038304567337E-8</v>
      </c>
      <c r="AD980" s="53">
        <v>-5.8207660913467401E-8</v>
      </c>
      <c r="AE980" s="53">
        <v>-2.91038304567337E-8</v>
      </c>
      <c r="AF980" s="53">
        <v>0</v>
      </c>
      <c r="AG980" s="53">
        <v>5.8207660913467401E-8</v>
      </c>
      <c r="AH980" s="53">
        <v>-2.91038304567337E-8</v>
      </c>
      <c r="AI980" s="53">
        <v>5.8207660913467401E-8</v>
      </c>
      <c r="AJ980" s="53">
        <v>0</v>
      </c>
      <c r="AK980" s="53">
        <v>2.91038304567337E-8</v>
      </c>
      <c r="AL980" s="53">
        <v>-5.8207660913467401E-8</v>
      </c>
      <c r="AM980" s="53">
        <v>0</v>
      </c>
      <c r="AN980" s="53">
        <v>-8.7311491370201098E-8</v>
      </c>
      <c r="AO980" s="53">
        <v>-2.91038304567337E-8</v>
      </c>
      <c r="AP980" s="53">
        <v>-5.8207660913467401E-8</v>
      </c>
      <c r="AQ980" s="53">
        <v>-5.8207660913467401E-8</v>
      </c>
      <c r="AR980" s="53">
        <v>0</v>
      </c>
      <c r="AS980" s="53">
        <v>-2.91038304567337E-8</v>
      </c>
      <c r="AT980" s="53">
        <v>2.91038304567337E-8</v>
      </c>
      <c r="AU980" s="53">
        <v>-2.91038304567337E-8</v>
      </c>
      <c r="AV980" s="53">
        <v>0</v>
      </c>
      <c r="AW980" s="53">
        <v>5.8207660913467401E-8</v>
      </c>
      <c r="AX980" s="53">
        <v>0</v>
      </c>
      <c r="AY980" s="53">
        <v>0</v>
      </c>
      <c r="AZ980" s="53">
        <v>-5.8207660913467401E-8</v>
      </c>
      <c r="BA980" s="53">
        <v>-1.7462298274040201E-7</v>
      </c>
    </row>
    <row r="981" spans="1:53">
      <c r="A981" s="52" t="s">
        <v>4291</v>
      </c>
      <c r="B981" s="53"/>
      <c r="C981" s="53"/>
      <c r="D981" s="53"/>
      <c r="E981" s="53"/>
      <c r="F981" s="53"/>
      <c r="G981" s="53"/>
      <c r="H981" s="53"/>
      <c r="I981" s="53"/>
      <c r="J981" s="53"/>
      <c r="K981" s="53"/>
      <c r="L981" s="53"/>
      <c r="M981" s="53"/>
      <c r="N981" s="53"/>
      <c r="O981" s="53"/>
      <c r="P981" s="53"/>
      <c r="Q981" s="53"/>
      <c r="R981" s="53"/>
      <c r="S981" s="53"/>
      <c r="T981" s="53"/>
      <c r="U981" s="53"/>
      <c r="V981" s="53"/>
      <c r="W981" s="53"/>
      <c r="X981" s="53"/>
      <c r="Y981" s="53"/>
      <c r="Z981" s="53"/>
      <c r="AA981" s="53"/>
      <c r="AB981" s="53"/>
      <c r="AC981" s="53"/>
      <c r="AD981" s="53"/>
      <c r="AE981" s="53"/>
      <c r="AF981" s="53"/>
      <c r="AG981" s="53"/>
      <c r="AH981" s="53"/>
      <c r="AI981" s="53"/>
      <c r="AJ981" s="53"/>
      <c r="AK981" s="53"/>
      <c r="AL981" s="53"/>
      <c r="AM981" s="53"/>
      <c r="AN981" s="53"/>
      <c r="AO981" s="53"/>
      <c r="AP981" s="53"/>
      <c r="AQ981" s="53"/>
      <c r="AR981" s="53"/>
      <c r="AS981" s="53"/>
      <c r="AT981" s="53"/>
      <c r="AU981" s="53"/>
      <c r="AV981" s="53"/>
      <c r="AW981" s="53"/>
      <c r="AX981" s="53"/>
      <c r="AY981" s="53"/>
      <c r="AZ981" s="53"/>
      <c r="BA981" s="53"/>
    </row>
    <row r="982" spans="1:53">
      <c r="A982" s="52" t="s">
        <v>4292</v>
      </c>
      <c r="B982" s="53">
        <v>110735156.005246</v>
      </c>
      <c r="C982" s="53">
        <v>98396459.178415105</v>
      </c>
      <c r="D982" s="53">
        <v>110778315.978533</v>
      </c>
      <c r="E982" s="53">
        <v>66698198.779021099</v>
      </c>
      <c r="F982" s="53">
        <v>69672683.169963896</v>
      </c>
      <c r="G982" s="53">
        <v>61927569.183091</v>
      </c>
      <c r="H982" s="53">
        <v>66552715.2686278</v>
      </c>
      <c r="I982" s="53">
        <v>67731207.990504295</v>
      </c>
      <c r="J982" s="53">
        <v>69733811.777831301</v>
      </c>
      <c r="K982" s="53">
        <v>65621143.922863297</v>
      </c>
      <c r="L982" s="53">
        <v>62193362.060554802</v>
      </c>
      <c r="M982" s="53">
        <v>57607991.961739004</v>
      </c>
      <c r="N982" s="53">
        <v>907648615.27639103</v>
      </c>
      <c r="O982" s="53">
        <v>77764000.192352101</v>
      </c>
      <c r="P982" s="53">
        <v>62924012.056844503</v>
      </c>
      <c r="Q982" s="53">
        <v>69124000.471310005</v>
      </c>
      <c r="R982" s="53">
        <v>65573300.524749599</v>
      </c>
      <c r="S982" s="53">
        <v>71243780.378640905</v>
      </c>
      <c r="T982" s="53">
        <v>67050494.433022298</v>
      </c>
      <c r="U982" s="53">
        <v>69913776.142811</v>
      </c>
      <c r="V982" s="53">
        <v>73117332.034097701</v>
      </c>
      <c r="W982" s="53">
        <v>73328064.198437497</v>
      </c>
      <c r="X982" s="53">
        <v>67862788.197677001</v>
      </c>
      <c r="Y982" s="53">
        <v>67313015.876665294</v>
      </c>
      <c r="Z982" s="53">
        <v>63790362.789160401</v>
      </c>
      <c r="AA982" s="53">
        <v>829004927.29576802</v>
      </c>
      <c r="AB982" s="53">
        <v>79990836.069597706</v>
      </c>
      <c r="AC982" s="53">
        <v>65092989.7925689</v>
      </c>
      <c r="AD982" s="53">
        <v>71255462.1902325</v>
      </c>
      <c r="AE982" s="53">
        <v>67722831.510240406</v>
      </c>
      <c r="AF982" s="53">
        <v>73436776.639598295</v>
      </c>
      <c r="AG982" s="53">
        <v>69321850.403856903</v>
      </c>
      <c r="AH982" s="53">
        <v>72195484.615560606</v>
      </c>
      <c r="AI982" s="53">
        <v>75446322.463414207</v>
      </c>
      <c r="AJ982" s="53">
        <v>75596073.300132394</v>
      </c>
      <c r="AK982" s="53">
        <v>70120707.470310003</v>
      </c>
      <c r="AL982" s="53">
        <v>69477631.376522496</v>
      </c>
      <c r="AM982" s="53">
        <v>65990877.426709801</v>
      </c>
      <c r="AN982" s="53">
        <v>855647843.25874496</v>
      </c>
      <c r="AO982" s="53">
        <v>87258794.488053605</v>
      </c>
      <c r="AP982" s="53">
        <v>68055466.142648503</v>
      </c>
      <c r="AQ982" s="53">
        <v>74231375.328180298</v>
      </c>
      <c r="AR982" s="53">
        <v>70743957.344059393</v>
      </c>
      <c r="AS982" s="53">
        <v>76615116.477385193</v>
      </c>
      <c r="AT982" s="53">
        <v>72588911.253880307</v>
      </c>
      <c r="AU982" s="53">
        <v>75507581.005329996</v>
      </c>
      <c r="AV982" s="53">
        <v>78938220.166061401</v>
      </c>
      <c r="AW982" s="53">
        <v>78866614.987330794</v>
      </c>
      <c r="AX982" s="53">
        <v>73282861.355626404</v>
      </c>
      <c r="AY982" s="53">
        <v>72513037.356745005</v>
      </c>
      <c r="AZ982" s="53">
        <v>69074319.008775696</v>
      </c>
      <c r="BA982" s="53">
        <v>897676254.91407704</v>
      </c>
    </row>
    <row r="983" spans="1:53">
      <c r="A983" s="52" t="s">
        <v>4293</v>
      </c>
      <c r="B983" s="53">
        <v>110735156.005246</v>
      </c>
      <c r="C983" s="53">
        <v>98396459.178415105</v>
      </c>
      <c r="D983" s="53">
        <v>110778315.978533</v>
      </c>
      <c r="E983" s="53">
        <v>66698198.779021099</v>
      </c>
      <c r="F983" s="53">
        <v>69672683.169963896</v>
      </c>
      <c r="G983" s="53">
        <v>61927569.183091</v>
      </c>
      <c r="H983" s="53">
        <v>66552715.2686278</v>
      </c>
      <c r="I983" s="53">
        <v>67731207.990504295</v>
      </c>
      <c r="J983" s="53">
        <v>69733811.777831301</v>
      </c>
      <c r="K983" s="53">
        <v>65621143.922863297</v>
      </c>
      <c r="L983" s="53">
        <v>62193362.060554802</v>
      </c>
      <c r="M983" s="53">
        <v>57607991.961739004</v>
      </c>
      <c r="N983" s="53">
        <v>907648615.27639103</v>
      </c>
      <c r="O983" s="53">
        <v>77764000.192352101</v>
      </c>
      <c r="P983" s="53">
        <v>62924012.056844503</v>
      </c>
      <c r="Q983" s="53">
        <v>69124000.471310005</v>
      </c>
      <c r="R983" s="53">
        <v>65573300.524749599</v>
      </c>
      <c r="S983" s="53">
        <v>71243780.378640905</v>
      </c>
      <c r="T983" s="53">
        <v>67050494.433022298</v>
      </c>
      <c r="U983" s="53">
        <v>69913776.142811</v>
      </c>
      <c r="V983" s="53">
        <v>73117332.034097701</v>
      </c>
      <c r="W983" s="53">
        <v>73328064.198437497</v>
      </c>
      <c r="X983" s="53">
        <v>67862788.197677001</v>
      </c>
      <c r="Y983" s="53">
        <v>67313015.876665294</v>
      </c>
      <c r="Z983" s="53">
        <v>63790362.789160401</v>
      </c>
      <c r="AA983" s="53">
        <v>829004927.29576802</v>
      </c>
      <c r="AB983" s="53">
        <v>79990836.069597706</v>
      </c>
      <c r="AC983" s="53">
        <v>65092989.7925689</v>
      </c>
      <c r="AD983" s="53">
        <v>71255462.1902325</v>
      </c>
      <c r="AE983" s="53">
        <v>67722831.510240406</v>
      </c>
      <c r="AF983" s="53">
        <v>73436776.639598295</v>
      </c>
      <c r="AG983" s="53">
        <v>69321850.403856903</v>
      </c>
      <c r="AH983" s="53">
        <v>72195484.615560606</v>
      </c>
      <c r="AI983" s="53">
        <v>75446322.463414207</v>
      </c>
      <c r="AJ983" s="53">
        <v>75596073.300132394</v>
      </c>
      <c r="AK983" s="53">
        <v>70120707.470310003</v>
      </c>
      <c r="AL983" s="53">
        <v>69477631.376522496</v>
      </c>
      <c r="AM983" s="53">
        <v>65990877.426709801</v>
      </c>
      <c r="AN983" s="53">
        <v>855647843.25874496</v>
      </c>
      <c r="AO983" s="53">
        <v>87258794.488053605</v>
      </c>
      <c r="AP983" s="53">
        <v>68055466.142648503</v>
      </c>
      <c r="AQ983" s="53">
        <v>74231375.328180298</v>
      </c>
      <c r="AR983" s="53">
        <v>70743957.344059393</v>
      </c>
      <c r="AS983" s="53">
        <v>76615116.477385193</v>
      </c>
      <c r="AT983" s="53">
        <v>72588911.253880307</v>
      </c>
      <c r="AU983" s="53">
        <v>75507581.005329996</v>
      </c>
      <c r="AV983" s="53">
        <v>78938220.166061401</v>
      </c>
      <c r="AW983" s="53">
        <v>78866614.987330794</v>
      </c>
      <c r="AX983" s="53">
        <v>73282861.355626404</v>
      </c>
      <c r="AY983" s="53">
        <v>72513037.356745005</v>
      </c>
      <c r="AZ983" s="53">
        <v>69074319.008775696</v>
      </c>
      <c r="BA983" s="53">
        <v>897676254.91407704</v>
      </c>
    </row>
    <row r="984" spans="1:53" ht="10.8" thickBot="1">
      <c r="A984" s="239" t="s">
        <v>4294</v>
      </c>
      <c r="B984" s="53"/>
      <c r="C984" s="53"/>
      <c r="D984" s="53"/>
      <c r="E984" s="53"/>
      <c r="F984" s="53"/>
      <c r="G984" s="53"/>
      <c r="H984" s="53"/>
      <c r="I984" s="53"/>
      <c r="J984" s="53"/>
      <c r="K984" s="53"/>
      <c r="L984" s="53"/>
      <c r="M984" s="53"/>
      <c r="N984" s="53"/>
      <c r="O984" s="53"/>
      <c r="P984" s="53"/>
      <c r="Q984" s="53"/>
      <c r="R984" s="53"/>
      <c r="S984" s="53"/>
      <c r="T984" s="53"/>
      <c r="U984" s="53"/>
      <c r="V984" s="53"/>
      <c r="W984" s="53"/>
      <c r="X984" s="53"/>
      <c r="Y984" s="53"/>
      <c r="Z984" s="53"/>
      <c r="AA984" s="53"/>
      <c r="AB984" s="53"/>
      <c r="AC984" s="53"/>
      <c r="AD984" s="53"/>
      <c r="AE984" s="53"/>
      <c r="AF984" s="53"/>
      <c r="AG984" s="53"/>
      <c r="AH984" s="53"/>
      <c r="AI984" s="53"/>
      <c r="AJ984" s="53"/>
      <c r="AK984" s="53"/>
      <c r="AL984" s="53"/>
      <c r="AM984" s="53"/>
      <c r="AN984" s="53"/>
      <c r="AO984" s="53"/>
      <c r="AP984" s="53"/>
      <c r="AQ984" s="53"/>
      <c r="AR984" s="53"/>
      <c r="AS984" s="53"/>
      <c r="AT984" s="53"/>
      <c r="AU984" s="53"/>
      <c r="AV984" s="53"/>
      <c r="AW984" s="53"/>
      <c r="AX984" s="53"/>
      <c r="AY984" s="53"/>
      <c r="AZ984" s="53"/>
      <c r="BA984" s="53"/>
    </row>
    <row r="985" spans="1:53">
      <c r="A985" s="52" t="s">
        <v>4295</v>
      </c>
      <c r="B985" s="53">
        <v>110114604.795644</v>
      </c>
      <c r="C985" s="53">
        <v>29922607.954101</v>
      </c>
      <c r="D985" s="53">
        <v>38148384.5308365</v>
      </c>
      <c r="E985" s="53">
        <v>74802539.227498397</v>
      </c>
      <c r="F985" s="53">
        <v>87997759.109771207</v>
      </c>
      <c r="G985" s="53">
        <v>87062591.335950702</v>
      </c>
      <c r="H985" s="53">
        <v>99891948.674926803</v>
      </c>
      <c r="I985" s="53">
        <v>167763127.101055</v>
      </c>
      <c r="J985" s="53">
        <v>81440412.913606897</v>
      </c>
      <c r="K985" s="53">
        <v>71278358.635463402</v>
      </c>
      <c r="L985" s="53">
        <v>43011786.839258</v>
      </c>
      <c r="M985" s="53">
        <v>33473415.102536201</v>
      </c>
      <c r="N985" s="53">
        <v>924907536.22064996</v>
      </c>
      <c r="O985" s="53">
        <v>120450730.43109301</v>
      </c>
      <c r="P985" s="53">
        <v>61370040.537554801</v>
      </c>
      <c r="Q985" s="53">
        <v>71860074.577883601</v>
      </c>
      <c r="R985" s="53">
        <v>90017853.060608998</v>
      </c>
      <c r="S985" s="53">
        <v>98489692.36902</v>
      </c>
      <c r="T985" s="53">
        <v>101703758.344541</v>
      </c>
      <c r="U985" s="53">
        <v>100499305.79393999</v>
      </c>
      <c r="V985" s="53">
        <v>151706510.81523299</v>
      </c>
      <c r="W985" s="53">
        <v>97583055.337054804</v>
      </c>
      <c r="X985" s="53">
        <v>86132087.622715995</v>
      </c>
      <c r="Y985" s="53">
        <v>65656023.344226502</v>
      </c>
      <c r="Z985" s="53">
        <v>61180803.603441499</v>
      </c>
      <c r="AA985" s="53">
        <v>1106649935.8373101</v>
      </c>
      <c r="AB985" s="53">
        <v>127928625.731776</v>
      </c>
      <c r="AC985" s="53">
        <v>66647944.082668401</v>
      </c>
      <c r="AD985" s="53">
        <v>78810542.913194105</v>
      </c>
      <c r="AE985" s="53">
        <v>96741518.856490105</v>
      </c>
      <c r="AF985" s="53">
        <v>105499613.105689</v>
      </c>
      <c r="AG985" s="53">
        <v>109701117.916426</v>
      </c>
      <c r="AH985" s="53">
        <v>108434954.098335</v>
      </c>
      <c r="AI985" s="53">
        <v>159046919.57807299</v>
      </c>
      <c r="AJ985" s="53">
        <v>103404104.931674</v>
      </c>
      <c r="AK985" s="53">
        <v>90153956.3390975</v>
      </c>
      <c r="AL985" s="53">
        <v>68292132.822846696</v>
      </c>
      <c r="AM985" s="53">
        <v>67544416.366558298</v>
      </c>
      <c r="AN985" s="53">
        <v>1182205846.74283</v>
      </c>
      <c r="AO985" s="53">
        <v>128747947.482363</v>
      </c>
      <c r="AP985" s="53">
        <v>67274799.170780495</v>
      </c>
      <c r="AQ985" s="53">
        <v>77755364.353077501</v>
      </c>
      <c r="AR985" s="53">
        <v>96606991.9063714</v>
      </c>
      <c r="AS985" s="53">
        <v>109711061.75365201</v>
      </c>
      <c r="AT985" s="53">
        <v>114487786.41197699</v>
      </c>
      <c r="AU985" s="53">
        <v>114536197.710913</v>
      </c>
      <c r="AV985" s="53">
        <v>165376788.810776</v>
      </c>
      <c r="AW985" s="53">
        <v>108632037.84049</v>
      </c>
      <c r="AX985" s="53">
        <v>95954052.782172307</v>
      </c>
      <c r="AY985" s="53">
        <v>79336585.289843306</v>
      </c>
      <c r="AZ985" s="53">
        <v>72685429.213750094</v>
      </c>
      <c r="BA985" s="53">
        <v>1231105042.7261701</v>
      </c>
    </row>
    <row r="986" spans="1:53">
      <c r="A986" s="52" t="s">
        <v>4296</v>
      </c>
      <c r="B986" s="53">
        <v>84010442.435929194</v>
      </c>
      <c r="C986" s="53">
        <v>75199760.508779794</v>
      </c>
      <c r="D986" s="53">
        <v>65749366.5179144</v>
      </c>
      <c r="E986" s="53">
        <v>78040988.884721503</v>
      </c>
      <c r="F986" s="53">
        <v>80874032.096276194</v>
      </c>
      <c r="G986" s="53">
        <v>72323179.072990701</v>
      </c>
      <c r="H986" s="53">
        <v>83317014.399494693</v>
      </c>
      <c r="I986" s="53">
        <v>90473778.818822905</v>
      </c>
      <c r="J986" s="53">
        <v>71109693.478262603</v>
      </c>
      <c r="K986" s="53">
        <v>77505218.020127803</v>
      </c>
      <c r="L986" s="53">
        <v>73382515.410535499</v>
      </c>
      <c r="M986" s="53">
        <v>65683707.649327897</v>
      </c>
      <c r="N986" s="53">
        <v>917669697.29318297</v>
      </c>
      <c r="O986" s="53">
        <v>97270502.015741199</v>
      </c>
      <c r="P986" s="53">
        <v>82639059.196840793</v>
      </c>
      <c r="Q986" s="53">
        <v>86100863.424000695</v>
      </c>
      <c r="R986" s="53">
        <v>87461976.400524601</v>
      </c>
      <c r="S986" s="53">
        <v>93202990.662990898</v>
      </c>
      <c r="T986" s="53">
        <v>96905839.710006207</v>
      </c>
      <c r="U986" s="53">
        <v>97447230.084369093</v>
      </c>
      <c r="V986" s="53">
        <v>106415449.60026699</v>
      </c>
      <c r="W986" s="53">
        <v>95667268.875205398</v>
      </c>
      <c r="X986" s="53">
        <v>88664817.077708393</v>
      </c>
      <c r="Y986" s="53">
        <v>82089940.292679399</v>
      </c>
      <c r="Z986" s="53">
        <v>84909290.110613495</v>
      </c>
      <c r="AA986" s="53">
        <v>1098775227.4509399</v>
      </c>
      <c r="AB986" s="53">
        <v>104737461.778629</v>
      </c>
      <c r="AC986" s="53">
        <v>86949531.160337195</v>
      </c>
      <c r="AD986" s="53">
        <v>90732469.330692306</v>
      </c>
      <c r="AE986" s="53">
        <v>92199762.295844197</v>
      </c>
      <c r="AF986" s="53">
        <v>99309657.0291816</v>
      </c>
      <c r="AG986" s="53">
        <v>103777867.78087901</v>
      </c>
      <c r="AH986" s="53">
        <v>105113622.027447</v>
      </c>
      <c r="AI986" s="53">
        <v>116456605.860116</v>
      </c>
      <c r="AJ986" s="53">
        <v>103240952.82349899</v>
      </c>
      <c r="AK986" s="53">
        <v>95392442.482915103</v>
      </c>
      <c r="AL986" s="53">
        <v>86966456.274519205</v>
      </c>
      <c r="AM986" s="53">
        <v>89640908.9185424</v>
      </c>
      <c r="AN986" s="53">
        <v>1174517737.7625999</v>
      </c>
      <c r="AO986" s="53">
        <v>109171096.772882</v>
      </c>
      <c r="AP986" s="53">
        <v>88817231.369064495</v>
      </c>
      <c r="AQ986" s="53">
        <v>92908824.853229702</v>
      </c>
      <c r="AR986" s="53">
        <v>95490076.608543903</v>
      </c>
      <c r="AS986" s="53">
        <v>103727746.543411</v>
      </c>
      <c r="AT986" s="53">
        <v>108597754.50967699</v>
      </c>
      <c r="AU986" s="53">
        <v>110861914.988405</v>
      </c>
      <c r="AV986" s="53">
        <v>123914613.35412399</v>
      </c>
      <c r="AW986" s="53">
        <v>107571205.817011</v>
      </c>
      <c r="AX986" s="53">
        <v>99533233.576667398</v>
      </c>
      <c r="AY986" s="53">
        <v>90388243.074087903</v>
      </c>
      <c r="AZ986" s="53">
        <v>92590009.805410996</v>
      </c>
      <c r="BA986" s="53">
        <v>1223571951.2725101</v>
      </c>
    </row>
    <row r="987" spans="1:53">
      <c r="A987" s="52" t="s">
        <v>4297</v>
      </c>
      <c r="B987" s="53">
        <v>0</v>
      </c>
      <c r="C987" s="53">
        <v>0</v>
      </c>
      <c r="D987" s="53">
        <v>0</v>
      </c>
      <c r="E987" s="53">
        <v>0</v>
      </c>
      <c r="F987" s="53">
        <v>0</v>
      </c>
      <c r="G987" s="53">
        <v>0</v>
      </c>
      <c r="H987" s="53">
        <v>0</v>
      </c>
      <c r="I987" s="53">
        <v>0</v>
      </c>
      <c r="J987" s="53">
        <v>0</v>
      </c>
      <c r="K987" s="53">
        <v>0</v>
      </c>
      <c r="L987" s="53">
        <v>0</v>
      </c>
      <c r="M987" s="53">
        <v>0</v>
      </c>
      <c r="N987" s="53">
        <v>0</v>
      </c>
      <c r="O987" s="53">
        <v>0</v>
      </c>
      <c r="P987" s="53">
        <v>0</v>
      </c>
      <c r="Q987" s="53">
        <v>0</v>
      </c>
      <c r="R987" s="53">
        <v>0</v>
      </c>
      <c r="S987" s="53">
        <v>0</v>
      </c>
      <c r="T987" s="53">
        <v>0</v>
      </c>
      <c r="U987" s="53">
        <v>0</v>
      </c>
      <c r="V987" s="53">
        <v>0</v>
      </c>
      <c r="W987" s="53">
        <v>0</v>
      </c>
      <c r="X987" s="53">
        <v>0</v>
      </c>
      <c r="Y987" s="53">
        <v>0</v>
      </c>
      <c r="Z987" s="53">
        <v>0</v>
      </c>
      <c r="AA987" s="53">
        <v>0</v>
      </c>
      <c r="AB987" s="53">
        <v>0</v>
      </c>
      <c r="AC987" s="53">
        <v>0</v>
      </c>
      <c r="AD987" s="53">
        <v>0</v>
      </c>
      <c r="AE987" s="53">
        <v>0</v>
      </c>
      <c r="AF987" s="53">
        <v>0</v>
      </c>
      <c r="AG987" s="53">
        <v>0</v>
      </c>
      <c r="AH987" s="53">
        <v>0</v>
      </c>
      <c r="AI987" s="53">
        <v>0</v>
      </c>
      <c r="AJ987" s="53">
        <v>0</v>
      </c>
      <c r="AK987" s="53">
        <v>0</v>
      </c>
      <c r="AL987" s="53">
        <v>0</v>
      </c>
      <c r="AM987" s="53">
        <v>0</v>
      </c>
      <c r="AN987" s="53">
        <v>0</v>
      </c>
      <c r="AO987" s="53">
        <v>0</v>
      </c>
      <c r="AP987" s="53">
        <v>0</v>
      </c>
      <c r="AQ987" s="53">
        <v>0</v>
      </c>
      <c r="AR987" s="53">
        <v>0</v>
      </c>
      <c r="AS987" s="53">
        <v>0</v>
      </c>
      <c r="AT987" s="53">
        <v>0</v>
      </c>
      <c r="AU987" s="53">
        <v>0</v>
      </c>
      <c r="AV987" s="53">
        <v>0</v>
      </c>
      <c r="AW987" s="53">
        <v>0</v>
      </c>
      <c r="AX987" s="53">
        <v>0</v>
      </c>
      <c r="AY987" s="53">
        <v>0</v>
      </c>
      <c r="AZ987" s="53">
        <v>0</v>
      </c>
      <c r="BA987" s="53">
        <v>0</v>
      </c>
    </row>
    <row r="988" spans="1:53">
      <c r="A988" s="52" t="s">
        <v>4298</v>
      </c>
      <c r="B988" s="53">
        <v>69954.984999999899</v>
      </c>
      <c r="C988" s="53">
        <v>69954.984999999899</v>
      </c>
      <c r="D988" s="53">
        <v>69954.984999999899</v>
      </c>
      <c r="E988" s="53">
        <v>69954.984999999899</v>
      </c>
      <c r="F988" s="53">
        <v>69954.984999999899</v>
      </c>
      <c r="G988" s="53">
        <v>69954.984999999899</v>
      </c>
      <c r="H988" s="53">
        <v>69954.984999999899</v>
      </c>
      <c r="I988" s="53">
        <v>69954.984999999899</v>
      </c>
      <c r="J988" s="53">
        <v>69954.984999999899</v>
      </c>
      <c r="K988" s="53">
        <v>69954.984999999899</v>
      </c>
      <c r="L988" s="53">
        <v>69954.984999999899</v>
      </c>
      <c r="M988" s="53">
        <v>69954.984999999899</v>
      </c>
      <c r="N988" s="53">
        <v>839459.81999999797</v>
      </c>
      <c r="O988" s="53">
        <v>69954.984999999899</v>
      </c>
      <c r="P988" s="53">
        <v>69954.984999999899</v>
      </c>
      <c r="Q988" s="53">
        <v>69954.984999999899</v>
      </c>
      <c r="R988" s="53">
        <v>69954.984999999899</v>
      </c>
      <c r="S988" s="53">
        <v>69954.984999999899</v>
      </c>
      <c r="T988" s="53">
        <v>69954.984999999899</v>
      </c>
      <c r="U988" s="53">
        <v>69954.984999999899</v>
      </c>
      <c r="V988" s="53">
        <v>69954.984999999899</v>
      </c>
      <c r="W988" s="53">
        <v>69954.984999999899</v>
      </c>
      <c r="X988" s="53">
        <v>69954.984999999899</v>
      </c>
      <c r="Y988" s="53">
        <v>69954.984999999899</v>
      </c>
      <c r="Z988" s="53">
        <v>69954.984999999899</v>
      </c>
      <c r="AA988" s="53">
        <v>839459.81999999797</v>
      </c>
      <c r="AB988" s="53">
        <v>67490.796224314996</v>
      </c>
      <c r="AC988" s="53">
        <v>67490.796224314996</v>
      </c>
      <c r="AD988" s="53">
        <v>67490.796224314996</v>
      </c>
      <c r="AE988" s="53">
        <v>67490.796224314996</v>
      </c>
      <c r="AF988" s="53">
        <v>67490.796224314996</v>
      </c>
      <c r="AG988" s="53">
        <v>67490.796224314996</v>
      </c>
      <c r="AH988" s="53">
        <v>67490.796224314996</v>
      </c>
      <c r="AI988" s="53">
        <v>67490.796224314996</v>
      </c>
      <c r="AJ988" s="53">
        <v>67490.796224314996</v>
      </c>
      <c r="AK988" s="53">
        <v>67490.796224314996</v>
      </c>
      <c r="AL988" s="53">
        <v>67490.796224314996</v>
      </c>
      <c r="AM988" s="53">
        <v>67490.796224314996</v>
      </c>
      <c r="AN988" s="53">
        <v>809889.55469177896</v>
      </c>
      <c r="AO988" s="53">
        <v>67490.796224314996</v>
      </c>
      <c r="AP988" s="53">
        <v>67490.796224314996</v>
      </c>
      <c r="AQ988" s="53">
        <v>67490.796224314996</v>
      </c>
      <c r="AR988" s="53">
        <v>67490.796224314996</v>
      </c>
      <c r="AS988" s="53">
        <v>67490.796224314996</v>
      </c>
      <c r="AT988" s="53">
        <v>67490.796224314996</v>
      </c>
      <c r="AU988" s="53">
        <v>67490.796224314996</v>
      </c>
      <c r="AV988" s="53">
        <v>67490.796224314996</v>
      </c>
      <c r="AW988" s="53">
        <v>67490.796224314996</v>
      </c>
      <c r="AX988" s="53">
        <v>67490.796224314996</v>
      </c>
      <c r="AY988" s="53">
        <v>67490.796224314996</v>
      </c>
      <c r="AZ988" s="53">
        <v>67490.796224314996</v>
      </c>
      <c r="BA988" s="53">
        <v>809889.55469177896</v>
      </c>
    </row>
    <row r="989" spans="1:53">
      <c r="A989" s="52" t="s">
        <v>4299</v>
      </c>
      <c r="B989" s="53">
        <v>0</v>
      </c>
      <c r="C989" s="53">
        <v>0</v>
      </c>
      <c r="D989" s="53">
        <v>0</v>
      </c>
      <c r="E989" s="53">
        <v>0</v>
      </c>
      <c r="F989" s="53">
        <v>0</v>
      </c>
      <c r="G989" s="53">
        <v>0</v>
      </c>
      <c r="H989" s="53">
        <v>0</v>
      </c>
      <c r="I989" s="53">
        <v>0</v>
      </c>
      <c r="J989" s="53">
        <v>0</v>
      </c>
      <c r="K989" s="53">
        <v>0</v>
      </c>
      <c r="L989" s="53">
        <v>0</v>
      </c>
      <c r="M989" s="53">
        <v>0</v>
      </c>
      <c r="N989" s="53">
        <v>0</v>
      </c>
      <c r="O989" s="53">
        <v>0</v>
      </c>
      <c r="P989" s="53">
        <v>0</v>
      </c>
      <c r="Q989" s="53">
        <v>0</v>
      </c>
      <c r="R989" s="53">
        <v>0</v>
      </c>
      <c r="S989" s="53">
        <v>0</v>
      </c>
      <c r="T989" s="53">
        <v>0</v>
      </c>
      <c r="U989" s="53">
        <v>0</v>
      </c>
      <c r="V989" s="53">
        <v>0</v>
      </c>
      <c r="W989" s="53">
        <v>0</v>
      </c>
      <c r="X989" s="53">
        <v>0</v>
      </c>
      <c r="Y989" s="53">
        <v>0</v>
      </c>
      <c r="Z989" s="53">
        <v>0</v>
      </c>
      <c r="AA989" s="53">
        <v>0</v>
      </c>
      <c r="AB989" s="53">
        <v>0</v>
      </c>
      <c r="AC989" s="53">
        <v>0</v>
      </c>
      <c r="AD989" s="53">
        <v>0</v>
      </c>
      <c r="AE989" s="53">
        <v>0</v>
      </c>
      <c r="AF989" s="53">
        <v>0</v>
      </c>
      <c r="AG989" s="53">
        <v>0</v>
      </c>
      <c r="AH989" s="53">
        <v>0</v>
      </c>
      <c r="AI989" s="53">
        <v>0</v>
      </c>
      <c r="AJ989" s="53">
        <v>0</v>
      </c>
      <c r="AK989" s="53">
        <v>0</v>
      </c>
      <c r="AL989" s="53">
        <v>0</v>
      </c>
      <c r="AM989" s="53">
        <v>0</v>
      </c>
      <c r="AN989" s="53">
        <v>0</v>
      </c>
      <c r="AO989" s="53">
        <v>0</v>
      </c>
      <c r="AP989" s="53">
        <v>0</v>
      </c>
      <c r="AQ989" s="53">
        <v>0</v>
      </c>
      <c r="AR989" s="53">
        <v>0</v>
      </c>
      <c r="AS989" s="53">
        <v>0</v>
      </c>
      <c r="AT989" s="53">
        <v>0</v>
      </c>
      <c r="AU989" s="53">
        <v>0</v>
      </c>
      <c r="AV989" s="53">
        <v>0</v>
      </c>
      <c r="AW989" s="53">
        <v>0</v>
      </c>
      <c r="AX989" s="53">
        <v>0</v>
      </c>
      <c r="AY989" s="53">
        <v>0</v>
      </c>
      <c r="AZ989" s="53">
        <v>0</v>
      </c>
      <c r="BA989" s="53">
        <v>0</v>
      </c>
    </row>
    <row r="990" spans="1:53">
      <c r="A990" s="52" t="s">
        <v>4300</v>
      </c>
      <c r="B990" s="53">
        <v>0</v>
      </c>
      <c r="C990" s="53">
        <v>0</v>
      </c>
      <c r="D990" s="53">
        <v>0</v>
      </c>
      <c r="E990" s="53">
        <v>0</v>
      </c>
      <c r="F990" s="53">
        <v>0</v>
      </c>
      <c r="G990" s="53">
        <v>0</v>
      </c>
      <c r="H990" s="53">
        <v>0</v>
      </c>
      <c r="I990" s="53">
        <v>0</v>
      </c>
      <c r="J990" s="53">
        <v>0</v>
      </c>
      <c r="K990" s="53">
        <v>0</v>
      </c>
      <c r="L990" s="53">
        <v>0</v>
      </c>
      <c r="M990" s="53">
        <v>0</v>
      </c>
      <c r="N990" s="53">
        <v>0</v>
      </c>
      <c r="O990" s="53">
        <v>0</v>
      </c>
      <c r="P990" s="53">
        <v>0</v>
      </c>
      <c r="Q990" s="53">
        <v>0</v>
      </c>
      <c r="R990" s="53">
        <v>0</v>
      </c>
      <c r="S990" s="53">
        <v>0</v>
      </c>
      <c r="T990" s="53">
        <v>0</v>
      </c>
      <c r="U990" s="53">
        <v>0</v>
      </c>
      <c r="V990" s="53">
        <v>0</v>
      </c>
      <c r="W990" s="53">
        <v>0</v>
      </c>
      <c r="X990" s="53">
        <v>0</v>
      </c>
      <c r="Y990" s="53">
        <v>0</v>
      </c>
      <c r="Z990" s="53">
        <v>0</v>
      </c>
      <c r="AA990" s="53">
        <v>0</v>
      </c>
      <c r="AB990" s="53">
        <v>0</v>
      </c>
      <c r="AC990" s="53">
        <v>0</v>
      </c>
      <c r="AD990" s="53">
        <v>0</v>
      </c>
      <c r="AE990" s="53">
        <v>0</v>
      </c>
      <c r="AF990" s="53">
        <v>0</v>
      </c>
      <c r="AG990" s="53">
        <v>0</v>
      </c>
      <c r="AH990" s="53">
        <v>0</v>
      </c>
      <c r="AI990" s="53">
        <v>0</v>
      </c>
      <c r="AJ990" s="53">
        <v>0</v>
      </c>
      <c r="AK990" s="53">
        <v>0</v>
      </c>
      <c r="AL990" s="53">
        <v>0</v>
      </c>
      <c r="AM990" s="53">
        <v>0</v>
      </c>
      <c r="AN990" s="53">
        <v>0</v>
      </c>
      <c r="AO990" s="53">
        <v>0</v>
      </c>
      <c r="AP990" s="53">
        <v>0</v>
      </c>
      <c r="AQ990" s="53">
        <v>0</v>
      </c>
      <c r="AR990" s="53">
        <v>0</v>
      </c>
      <c r="AS990" s="53">
        <v>0</v>
      </c>
      <c r="AT990" s="53">
        <v>0</v>
      </c>
      <c r="AU990" s="53">
        <v>0</v>
      </c>
      <c r="AV990" s="53">
        <v>0</v>
      </c>
      <c r="AW990" s="53">
        <v>0</v>
      </c>
      <c r="AX990" s="53">
        <v>0</v>
      </c>
      <c r="AY990" s="53">
        <v>0</v>
      </c>
      <c r="AZ990" s="53">
        <v>0</v>
      </c>
      <c r="BA990" s="53">
        <v>0</v>
      </c>
    </row>
    <row r="991" spans="1:53">
      <c r="A991" s="52" t="s">
        <v>4301</v>
      </c>
      <c r="B991" s="53">
        <v>0</v>
      </c>
      <c r="C991" s="53">
        <v>0</v>
      </c>
      <c r="D991" s="53">
        <v>0</v>
      </c>
      <c r="E991" s="53">
        <v>0</v>
      </c>
      <c r="F991" s="53">
        <v>0</v>
      </c>
      <c r="G991" s="53">
        <v>0</v>
      </c>
      <c r="H991" s="53">
        <v>0</v>
      </c>
      <c r="I991" s="53">
        <v>0</v>
      </c>
      <c r="J991" s="53">
        <v>0</v>
      </c>
      <c r="K991" s="53">
        <v>0</v>
      </c>
      <c r="L991" s="53">
        <v>0</v>
      </c>
      <c r="M991" s="53">
        <v>0</v>
      </c>
      <c r="N991" s="53">
        <v>0</v>
      </c>
      <c r="O991" s="53">
        <v>0</v>
      </c>
      <c r="P991" s="53">
        <v>0</v>
      </c>
      <c r="Q991" s="53">
        <v>0</v>
      </c>
      <c r="R991" s="53">
        <v>0</v>
      </c>
      <c r="S991" s="53">
        <v>0</v>
      </c>
      <c r="T991" s="53">
        <v>0</v>
      </c>
      <c r="U991" s="53">
        <v>0</v>
      </c>
      <c r="V991" s="53">
        <v>0</v>
      </c>
      <c r="W991" s="53">
        <v>0</v>
      </c>
      <c r="X991" s="53">
        <v>0</v>
      </c>
      <c r="Y991" s="53">
        <v>0</v>
      </c>
      <c r="Z991" s="53">
        <v>0</v>
      </c>
      <c r="AA991" s="53">
        <v>0</v>
      </c>
      <c r="AB991" s="53">
        <v>0</v>
      </c>
      <c r="AC991" s="53">
        <v>0</v>
      </c>
      <c r="AD991" s="53">
        <v>0</v>
      </c>
      <c r="AE991" s="53">
        <v>0</v>
      </c>
      <c r="AF991" s="53">
        <v>0</v>
      </c>
      <c r="AG991" s="53">
        <v>0</v>
      </c>
      <c r="AH991" s="53">
        <v>0</v>
      </c>
      <c r="AI991" s="53">
        <v>0</v>
      </c>
      <c r="AJ991" s="53">
        <v>0</v>
      </c>
      <c r="AK991" s="53">
        <v>0</v>
      </c>
      <c r="AL991" s="53">
        <v>0</v>
      </c>
      <c r="AM991" s="53">
        <v>0</v>
      </c>
      <c r="AN991" s="53">
        <v>0</v>
      </c>
      <c r="AO991" s="53">
        <v>0</v>
      </c>
      <c r="AP991" s="53">
        <v>0</v>
      </c>
      <c r="AQ991" s="53">
        <v>0</v>
      </c>
      <c r="AR991" s="53">
        <v>0</v>
      </c>
      <c r="AS991" s="53">
        <v>0</v>
      </c>
      <c r="AT991" s="53">
        <v>0</v>
      </c>
      <c r="AU991" s="53">
        <v>0</v>
      </c>
      <c r="AV991" s="53">
        <v>0</v>
      </c>
      <c r="AW991" s="53">
        <v>0</v>
      </c>
      <c r="AX991" s="53">
        <v>0</v>
      </c>
      <c r="AY991" s="53">
        <v>0</v>
      </c>
      <c r="AZ991" s="53">
        <v>0</v>
      </c>
      <c r="BA991" s="53">
        <v>0</v>
      </c>
    </row>
    <row r="992" spans="1:53">
      <c r="A992" s="52" t="s">
        <v>4302</v>
      </c>
      <c r="B992" s="53">
        <v>-26034207.3747156</v>
      </c>
      <c r="C992" s="53">
        <v>45347107.539678797</v>
      </c>
      <c r="D992" s="53">
        <v>27670936.972077802</v>
      </c>
      <c r="E992" s="53">
        <v>3308404.6422231202</v>
      </c>
      <c r="F992" s="53">
        <v>-7053772.0284950798</v>
      </c>
      <c r="G992" s="53">
        <v>-14669457.277960001</v>
      </c>
      <c r="H992" s="53">
        <v>-16504979.290432099</v>
      </c>
      <c r="I992" s="53">
        <v>-77219393.297232807</v>
      </c>
      <c r="J992" s="53">
        <v>-10260764.450344199</v>
      </c>
      <c r="K992" s="53">
        <v>6296814.3696643896</v>
      </c>
      <c r="L992" s="53">
        <v>30440683.556277499</v>
      </c>
      <c r="M992" s="53">
        <v>32280247.531791601</v>
      </c>
      <c r="N992" s="53">
        <v>-6398379.1074665701</v>
      </c>
      <c r="O992" s="53">
        <v>-23110273.430351701</v>
      </c>
      <c r="P992" s="53">
        <v>21338973.644285899</v>
      </c>
      <c r="Q992" s="53">
        <v>14310743.831117</v>
      </c>
      <c r="R992" s="53">
        <v>-2485921.6750844298</v>
      </c>
      <c r="S992" s="53">
        <v>-5216746.7210291196</v>
      </c>
      <c r="T992" s="53">
        <v>-4727963.6495353496</v>
      </c>
      <c r="U992" s="53">
        <v>-2982120.7245716499</v>
      </c>
      <c r="V992" s="53">
        <v>-45221106.229965501</v>
      </c>
      <c r="W992" s="53">
        <v>-1845831.47684939</v>
      </c>
      <c r="X992" s="53">
        <v>2602684.4399922998</v>
      </c>
      <c r="Y992" s="53">
        <v>16503871.9334528</v>
      </c>
      <c r="Z992" s="53">
        <v>23798441.492171898</v>
      </c>
      <c r="AA992" s="53">
        <v>-7035248.5663671596</v>
      </c>
      <c r="AB992" s="53">
        <v>-23123673.156921901</v>
      </c>
      <c r="AC992" s="53">
        <v>20369077.873893101</v>
      </c>
      <c r="AD992" s="53">
        <v>11989417.213722499</v>
      </c>
      <c r="AE992" s="53">
        <v>-4474265.7644215301</v>
      </c>
      <c r="AF992" s="53">
        <v>-6122465.2802837603</v>
      </c>
      <c r="AG992" s="53">
        <v>-5855759.3393227505</v>
      </c>
      <c r="AH992" s="53">
        <v>-3253841.2746637701</v>
      </c>
      <c r="AI992" s="53">
        <v>-42522822.921732403</v>
      </c>
      <c r="AJ992" s="53">
        <v>-95661.3119511322</v>
      </c>
      <c r="AK992" s="53">
        <v>5305976.9400418801</v>
      </c>
      <c r="AL992" s="53">
        <v>18741814.247896802</v>
      </c>
      <c r="AM992" s="53">
        <v>22163983.348208401</v>
      </c>
      <c r="AN992" s="53">
        <v>-6878219.4255346097</v>
      </c>
      <c r="AO992" s="53">
        <v>-19509359.9132565</v>
      </c>
      <c r="AP992" s="53">
        <v>21609922.9945083</v>
      </c>
      <c r="AQ992" s="53">
        <v>15220951.2963765</v>
      </c>
      <c r="AR992" s="53">
        <v>-1049424.50160315</v>
      </c>
      <c r="AS992" s="53">
        <v>-5915824.4140171697</v>
      </c>
      <c r="AT992" s="53">
        <v>-5822541.1060763299</v>
      </c>
      <c r="AU992" s="53">
        <v>-3606791.9262837898</v>
      </c>
      <c r="AV992" s="53">
        <v>-41394684.660428204</v>
      </c>
      <c r="AW992" s="53">
        <v>-993341.22725435102</v>
      </c>
      <c r="AX992" s="53">
        <v>3646671.59071944</v>
      </c>
      <c r="AY992" s="53">
        <v>11119148.580468901</v>
      </c>
      <c r="AZ992" s="53">
        <v>19972071.387885202</v>
      </c>
      <c r="BA992" s="53">
        <v>-6723201.8989610802</v>
      </c>
    </row>
    <row r="993" spans="1:53">
      <c r="A993" s="52" t="s">
        <v>4303</v>
      </c>
      <c r="B993" s="53"/>
      <c r="C993" s="53"/>
      <c r="D993" s="53"/>
      <c r="E993" s="53"/>
      <c r="F993" s="53"/>
      <c r="G993" s="53"/>
      <c r="H993" s="53"/>
      <c r="I993" s="53"/>
      <c r="J993" s="53"/>
      <c r="K993" s="53"/>
      <c r="L993" s="53"/>
      <c r="M993" s="53"/>
      <c r="N993" s="53"/>
      <c r="O993" s="53"/>
      <c r="P993" s="53"/>
      <c r="Q993" s="53"/>
      <c r="R993" s="53"/>
      <c r="S993" s="53"/>
      <c r="T993" s="53"/>
      <c r="U993" s="53"/>
      <c r="V993" s="53"/>
      <c r="W993" s="53"/>
      <c r="X993" s="53"/>
      <c r="Y993" s="53"/>
      <c r="Z993" s="53"/>
      <c r="AA993" s="53"/>
      <c r="AB993" s="53"/>
      <c r="AC993" s="53"/>
      <c r="AD993" s="53"/>
      <c r="AE993" s="53"/>
      <c r="AF993" s="53"/>
      <c r="AG993" s="53"/>
      <c r="AH993" s="53"/>
      <c r="AI993" s="53"/>
      <c r="AJ993" s="53"/>
      <c r="AK993" s="53"/>
      <c r="AL993" s="53"/>
      <c r="AM993" s="53"/>
      <c r="AN993" s="53"/>
      <c r="AO993" s="53"/>
      <c r="AP993" s="53"/>
      <c r="AQ993" s="53"/>
      <c r="AR993" s="53"/>
      <c r="AS993" s="53"/>
      <c r="AT993" s="53"/>
      <c r="AU993" s="53"/>
      <c r="AV993" s="53"/>
      <c r="AW993" s="53"/>
      <c r="AX993" s="53"/>
      <c r="AY993" s="53"/>
      <c r="AZ993" s="53"/>
      <c r="BA993" s="53"/>
    </row>
    <row r="994" spans="1:53" ht="10.8" thickBot="1">
      <c r="A994" s="239" t="s">
        <v>4304</v>
      </c>
      <c r="B994" s="53"/>
      <c r="C994" s="53"/>
      <c r="D994" s="53"/>
      <c r="E994" s="53"/>
      <c r="F994" s="53"/>
      <c r="G994" s="53"/>
      <c r="H994" s="53"/>
      <c r="I994" s="53"/>
      <c r="J994" s="53"/>
      <c r="K994" s="53"/>
      <c r="L994" s="53"/>
      <c r="M994" s="53"/>
      <c r="N994" s="53"/>
      <c r="O994" s="53"/>
      <c r="P994" s="53"/>
      <c r="Q994" s="53"/>
      <c r="R994" s="53"/>
      <c r="S994" s="53"/>
      <c r="T994" s="53"/>
      <c r="U994" s="53"/>
      <c r="V994" s="53"/>
      <c r="W994" s="53"/>
      <c r="X994" s="53"/>
      <c r="Y994" s="53"/>
      <c r="Z994" s="53"/>
      <c r="AA994" s="53"/>
      <c r="AB994" s="53"/>
      <c r="AC994" s="53"/>
      <c r="AD994" s="53"/>
      <c r="AE994" s="53"/>
      <c r="AF994" s="53"/>
      <c r="AG994" s="53"/>
      <c r="AH994" s="53"/>
      <c r="AI994" s="53"/>
      <c r="AJ994" s="53"/>
      <c r="AK994" s="53"/>
      <c r="AL994" s="53"/>
      <c r="AM994" s="53"/>
      <c r="AN994" s="53"/>
      <c r="AO994" s="53"/>
      <c r="AP994" s="53"/>
      <c r="AQ994" s="53"/>
      <c r="AR994" s="53"/>
      <c r="AS994" s="53"/>
      <c r="AT994" s="53"/>
      <c r="AU994" s="53"/>
      <c r="AV994" s="53"/>
      <c r="AW994" s="53"/>
      <c r="AX994" s="53"/>
      <c r="AY994" s="53"/>
      <c r="AZ994" s="53"/>
      <c r="BA994" s="53"/>
    </row>
    <row r="995" spans="1:53">
      <c r="A995" s="52" t="s">
        <v>4305</v>
      </c>
      <c r="B995" s="53">
        <v>51189399.217077799</v>
      </c>
      <c r="C995" s="53">
        <v>40006718.2681759</v>
      </c>
      <c r="D995" s="53">
        <v>40330326.252100103</v>
      </c>
      <c r="E995" s="53">
        <v>40075503.345740303</v>
      </c>
      <c r="F995" s="53">
        <v>44852641.667842597</v>
      </c>
      <c r="G995" s="53">
        <v>46701765.386727303</v>
      </c>
      <c r="H995" s="53">
        <v>48093663.924306303</v>
      </c>
      <c r="I995" s="53">
        <v>55564253.541790403</v>
      </c>
      <c r="J995" s="53">
        <v>45944263.082509197</v>
      </c>
      <c r="K995" s="53">
        <v>42291346.084110498</v>
      </c>
      <c r="L995" s="53">
        <v>37531575.493356399</v>
      </c>
      <c r="M995" s="53">
        <v>39441001.698217697</v>
      </c>
      <c r="N995" s="53">
        <v>532022457.96195501</v>
      </c>
      <c r="O995" s="53">
        <v>46262993.464194797</v>
      </c>
      <c r="P995" s="53">
        <v>36215972.472186103</v>
      </c>
      <c r="Q995" s="53">
        <v>36746358.845084697</v>
      </c>
      <c r="R995" s="53">
        <v>38146203.598404497</v>
      </c>
      <c r="S995" s="53">
        <v>42121465.1952409</v>
      </c>
      <c r="T995" s="53">
        <v>43806112.126246803</v>
      </c>
      <c r="U995" s="53">
        <v>45112649.282194398</v>
      </c>
      <c r="V995" s="53">
        <v>51430083.847335503</v>
      </c>
      <c r="W995" s="53">
        <v>43324077.721789002</v>
      </c>
      <c r="X995" s="53">
        <v>40080778.675941803</v>
      </c>
      <c r="Y995" s="53">
        <v>35957910.699070901</v>
      </c>
      <c r="Z995" s="53">
        <v>37814934.6891881</v>
      </c>
      <c r="AA995" s="53">
        <v>497019540.61687797</v>
      </c>
      <c r="AB995" s="53">
        <v>47928766.984949701</v>
      </c>
      <c r="AC995" s="53">
        <v>38040421.8401227</v>
      </c>
      <c r="AD995" s="53">
        <v>38460180.155314699</v>
      </c>
      <c r="AE995" s="53">
        <v>39842319.649427399</v>
      </c>
      <c r="AF995" s="53">
        <v>43795424.403237902</v>
      </c>
      <c r="AG995" s="53">
        <v>45593799.612783603</v>
      </c>
      <c r="AH995" s="53">
        <v>46882844.564734101</v>
      </c>
      <c r="AI995" s="53">
        <v>53131882.248279601</v>
      </c>
      <c r="AJ995" s="53">
        <v>45113170.039197899</v>
      </c>
      <c r="AK995" s="53">
        <v>41941750.7753492</v>
      </c>
      <c r="AL995" s="53">
        <v>37738747.352468699</v>
      </c>
      <c r="AM995" s="53">
        <v>39637177.780068599</v>
      </c>
      <c r="AN995" s="53">
        <v>518106485.40593398</v>
      </c>
      <c r="AO995" s="53">
        <v>49066451.550876603</v>
      </c>
      <c r="AP995" s="53">
        <v>39220331.458990499</v>
      </c>
      <c r="AQ995" s="53">
        <v>39587728.115232103</v>
      </c>
      <c r="AR995" s="53">
        <v>40957443.357956097</v>
      </c>
      <c r="AS995" s="53">
        <v>44968333.468453899</v>
      </c>
      <c r="AT995" s="53">
        <v>46832711.830609202</v>
      </c>
      <c r="AU995" s="53">
        <v>48134701.8903846</v>
      </c>
      <c r="AV995" s="53">
        <v>54355748.9706861</v>
      </c>
      <c r="AW995" s="53">
        <v>46401413.315783396</v>
      </c>
      <c r="AX995" s="53">
        <v>43232504.471578099</v>
      </c>
      <c r="AY995" s="53">
        <v>39052165.770909697</v>
      </c>
      <c r="AZ995" s="53">
        <v>40978182.820179999</v>
      </c>
      <c r="BA995" s="53">
        <v>532787717.02164</v>
      </c>
    </row>
    <row r="996" spans="1:53">
      <c r="A996" s="52" t="s">
        <v>4306</v>
      </c>
      <c r="B996" s="53">
        <v>51059733.013077803</v>
      </c>
      <c r="C996" s="53">
        <v>39877052.064175896</v>
      </c>
      <c r="D996" s="53">
        <v>40200660.048100099</v>
      </c>
      <c r="E996" s="53">
        <v>39945837.1417403</v>
      </c>
      <c r="F996" s="53">
        <v>44722975.463842601</v>
      </c>
      <c r="G996" s="53">
        <v>46572099.1827273</v>
      </c>
      <c r="H996" s="53">
        <v>47963997.7203063</v>
      </c>
      <c r="I996" s="53">
        <v>55434587.3377904</v>
      </c>
      <c r="J996" s="53">
        <v>45814596.878509201</v>
      </c>
      <c r="K996" s="53">
        <v>42161679.880110502</v>
      </c>
      <c r="L996" s="53">
        <v>37401909.289356403</v>
      </c>
      <c r="M996" s="53">
        <v>39311335.494217701</v>
      </c>
      <c r="N996" s="53">
        <v>530466463.513955</v>
      </c>
      <c r="O996" s="53">
        <v>46133327.260194898</v>
      </c>
      <c r="P996" s="53">
        <v>36086306.2681861</v>
      </c>
      <c r="Q996" s="53">
        <v>36616692.641084798</v>
      </c>
      <c r="R996" s="53">
        <v>38016537.394404501</v>
      </c>
      <c r="S996" s="53">
        <v>41991798.991240896</v>
      </c>
      <c r="T996" s="53">
        <v>43676445.922246799</v>
      </c>
      <c r="U996" s="53">
        <v>44982983.078194402</v>
      </c>
      <c r="V996" s="53">
        <v>51300417.643335499</v>
      </c>
      <c r="W996" s="53">
        <v>43194411.517788999</v>
      </c>
      <c r="X996" s="53">
        <v>39951112.471941799</v>
      </c>
      <c r="Y996" s="53">
        <v>35828244.495070897</v>
      </c>
      <c r="Z996" s="53">
        <v>37685268.485188097</v>
      </c>
      <c r="AA996" s="53">
        <v>495463546.16887802</v>
      </c>
      <c r="AB996" s="53">
        <v>47799100.780949697</v>
      </c>
      <c r="AC996" s="53">
        <v>37910755.636122704</v>
      </c>
      <c r="AD996" s="53">
        <v>38330513.951314703</v>
      </c>
      <c r="AE996" s="53">
        <v>39712653.445427403</v>
      </c>
      <c r="AF996" s="53">
        <v>43665758.199237898</v>
      </c>
      <c r="AG996" s="53">
        <v>45464133.4087836</v>
      </c>
      <c r="AH996" s="53">
        <v>46753178.360734098</v>
      </c>
      <c r="AI996" s="53">
        <v>53002216.044279598</v>
      </c>
      <c r="AJ996" s="53">
        <v>44983503.835197903</v>
      </c>
      <c r="AK996" s="53">
        <v>41812084.571349204</v>
      </c>
      <c r="AL996" s="53">
        <v>37609081.148468703</v>
      </c>
      <c r="AM996" s="53">
        <v>39507511.576068699</v>
      </c>
      <c r="AN996" s="53">
        <v>516550490.95793402</v>
      </c>
      <c r="AO996" s="53">
        <v>48936785.346876599</v>
      </c>
      <c r="AP996" s="53">
        <v>39090665.254990503</v>
      </c>
      <c r="AQ996" s="53">
        <v>39458061.911232099</v>
      </c>
      <c r="AR996" s="53">
        <v>40827777.1539561</v>
      </c>
      <c r="AS996" s="53">
        <v>44838667.264453903</v>
      </c>
      <c r="AT996" s="53">
        <v>46703045.626609199</v>
      </c>
      <c r="AU996" s="53">
        <v>48005035.686384603</v>
      </c>
      <c r="AV996" s="53">
        <v>54226082.766686097</v>
      </c>
      <c r="AW996" s="53">
        <v>46271747.1117834</v>
      </c>
      <c r="AX996" s="53">
        <v>43102838.2675782</v>
      </c>
      <c r="AY996" s="53">
        <v>38922499.566909797</v>
      </c>
      <c r="AZ996" s="53">
        <v>40848516.616180003</v>
      </c>
      <c r="BA996" s="53">
        <v>531231722.57363999</v>
      </c>
    </row>
    <row r="997" spans="1:53">
      <c r="A997" s="52" t="s">
        <v>4307</v>
      </c>
      <c r="B997" s="53">
        <v>129666.204000001</v>
      </c>
      <c r="C997" s="53">
        <v>129666.204000001</v>
      </c>
      <c r="D997" s="53">
        <v>129666.204000001</v>
      </c>
      <c r="E997" s="53">
        <v>129666.204000001</v>
      </c>
      <c r="F997" s="53">
        <v>129666.204000001</v>
      </c>
      <c r="G997" s="53">
        <v>129666.204000001</v>
      </c>
      <c r="H997" s="53">
        <v>129666.204000001</v>
      </c>
      <c r="I997" s="53">
        <v>129666.203999993</v>
      </c>
      <c r="J997" s="53">
        <v>129666.204000001</v>
      </c>
      <c r="K997" s="53">
        <v>129666.204000001</v>
      </c>
      <c r="L997" s="53">
        <v>129666.204000001</v>
      </c>
      <c r="M997" s="53">
        <v>129666.203999993</v>
      </c>
      <c r="N997" s="53">
        <v>1555994.4479999901</v>
      </c>
      <c r="O997" s="53">
        <v>129666.203999986</v>
      </c>
      <c r="P997" s="53">
        <v>129666.203999993</v>
      </c>
      <c r="Q997" s="53">
        <v>129666.203999993</v>
      </c>
      <c r="R997" s="53">
        <v>129666.204000001</v>
      </c>
      <c r="S997" s="53">
        <v>129666.203999986</v>
      </c>
      <c r="T997" s="53">
        <v>129666.203999986</v>
      </c>
      <c r="U997" s="53">
        <v>129666.204000001</v>
      </c>
      <c r="V997" s="53">
        <v>129666.203999993</v>
      </c>
      <c r="W997" s="53">
        <v>129666.203999986</v>
      </c>
      <c r="X997" s="53">
        <v>129666.203999993</v>
      </c>
      <c r="Y997" s="53">
        <v>129666.203999993</v>
      </c>
      <c r="Z997" s="53">
        <v>129666.203999993</v>
      </c>
      <c r="AA997" s="53">
        <v>1555994.44799991</v>
      </c>
      <c r="AB997" s="53">
        <v>129666.203999993</v>
      </c>
      <c r="AC997" s="53">
        <v>129666.203999993</v>
      </c>
      <c r="AD997" s="53">
        <v>129666.203999993</v>
      </c>
      <c r="AE997" s="53">
        <v>129666.203999993</v>
      </c>
      <c r="AF997" s="53">
        <v>129666.203999993</v>
      </c>
      <c r="AG997" s="53">
        <v>129666.203999993</v>
      </c>
      <c r="AH997" s="53">
        <v>129666.204000001</v>
      </c>
      <c r="AI997" s="53">
        <v>129666.203999993</v>
      </c>
      <c r="AJ997" s="53">
        <v>129666.203999993</v>
      </c>
      <c r="AK997" s="53">
        <v>129666.203999993</v>
      </c>
      <c r="AL997" s="53">
        <v>129666.204000001</v>
      </c>
      <c r="AM997" s="53">
        <v>129666.203999993</v>
      </c>
      <c r="AN997" s="53">
        <v>1555994.44799993</v>
      </c>
      <c r="AO997" s="53">
        <v>129666.203999993</v>
      </c>
      <c r="AP997" s="53">
        <v>129666.203999993</v>
      </c>
      <c r="AQ997" s="53">
        <v>129666.203999993</v>
      </c>
      <c r="AR997" s="53">
        <v>129666.203999993</v>
      </c>
      <c r="AS997" s="53">
        <v>129666.203999993</v>
      </c>
      <c r="AT997" s="53">
        <v>129666.204000001</v>
      </c>
      <c r="AU997" s="53">
        <v>129666.204000001</v>
      </c>
      <c r="AV997" s="53">
        <v>129666.203999986</v>
      </c>
      <c r="AW997" s="53">
        <v>129666.203999993</v>
      </c>
      <c r="AX997" s="53">
        <v>129666.203999993</v>
      </c>
      <c r="AY997" s="53">
        <v>129666.203999993</v>
      </c>
      <c r="AZ997" s="53">
        <v>129666.203999993</v>
      </c>
      <c r="BA997" s="53">
        <v>1555994.44799993</v>
      </c>
    </row>
    <row r="998" spans="1:53">
      <c r="A998" s="52" t="s">
        <v>4308</v>
      </c>
      <c r="B998" s="53">
        <v>0</v>
      </c>
      <c r="C998" s="53">
        <v>0</v>
      </c>
      <c r="D998" s="53">
        <v>0</v>
      </c>
      <c r="E998" s="53">
        <v>0</v>
      </c>
      <c r="F998" s="53">
        <v>0</v>
      </c>
      <c r="G998" s="53">
        <v>0</v>
      </c>
      <c r="H998" s="53">
        <v>0</v>
      </c>
      <c r="I998" s="53">
        <v>0</v>
      </c>
      <c r="J998" s="53">
        <v>0</v>
      </c>
      <c r="K998" s="53">
        <v>0</v>
      </c>
      <c r="L998" s="53">
        <v>0</v>
      </c>
      <c r="M998" s="53">
        <v>0</v>
      </c>
      <c r="N998" s="53">
        <v>0</v>
      </c>
      <c r="O998" s="53">
        <v>0</v>
      </c>
      <c r="P998" s="53">
        <v>0</v>
      </c>
      <c r="Q998" s="53">
        <v>0</v>
      </c>
      <c r="R998" s="53">
        <v>0</v>
      </c>
      <c r="S998" s="53">
        <v>0</v>
      </c>
      <c r="T998" s="53">
        <v>0</v>
      </c>
      <c r="U998" s="53">
        <v>0</v>
      </c>
      <c r="V998" s="53">
        <v>0</v>
      </c>
      <c r="W998" s="53">
        <v>0</v>
      </c>
      <c r="X998" s="53">
        <v>0</v>
      </c>
      <c r="Y998" s="53">
        <v>0</v>
      </c>
      <c r="Z998" s="53">
        <v>0</v>
      </c>
      <c r="AA998" s="53">
        <v>0</v>
      </c>
      <c r="AB998" s="53">
        <v>0</v>
      </c>
      <c r="AC998" s="53">
        <v>0</v>
      </c>
      <c r="AD998" s="53">
        <v>0</v>
      </c>
      <c r="AE998" s="53">
        <v>0</v>
      </c>
      <c r="AF998" s="53">
        <v>0</v>
      </c>
      <c r="AG998" s="53">
        <v>0</v>
      </c>
      <c r="AH998" s="53">
        <v>0</v>
      </c>
      <c r="AI998" s="53">
        <v>0</v>
      </c>
      <c r="AJ998" s="53">
        <v>0</v>
      </c>
      <c r="AK998" s="53">
        <v>0</v>
      </c>
      <c r="AL998" s="53">
        <v>0</v>
      </c>
      <c r="AM998" s="53">
        <v>0</v>
      </c>
      <c r="AN998" s="53">
        <v>0</v>
      </c>
      <c r="AO998" s="53">
        <v>0</v>
      </c>
      <c r="AP998" s="53">
        <v>0</v>
      </c>
      <c r="AQ998" s="53">
        <v>0</v>
      </c>
      <c r="AR998" s="53">
        <v>0</v>
      </c>
      <c r="AS998" s="53">
        <v>0</v>
      </c>
      <c r="AT998" s="53">
        <v>0</v>
      </c>
      <c r="AU998" s="53">
        <v>0</v>
      </c>
      <c r="AV998" s="53">
        <v>0</v>
      </c>
      <c r="AW998" s="53">
        <v>0</v>
      </c>
      <c r="AX998" s="53">
        <v>0</v>
      </c>
      <c r="AY998" s="53">
        <v>0</v>
      </c>
      <c r="AZ998" s="53">
        <v>0</v>
      </c>
      <c r="BA998" s="53">
        <v>0</v>
      </c>
    </row>
    <row r="999" spans="1:53">
      <c r="A999" s="52" t="s">
        <v>4309</v>
      </c>
      <c r="B999" s="53">
        <v>16673340.2071738</v>
      </c>
      <c r="C999" s="53">
        <v>11158005.876895299</v>
      </c>
      <c r="D999" s="53">
        <v>11293023.6847606</v>
      </c>
      <c r="E999" s="53">
        <v>11169516.032837899</v>
      </c>
      <c r="F999" s="53">
        <v>13462136.211989099</v>
      </c>
      <c r="G999" s="53">
        <v>14434133.9971273</v>
      </c>
      <c r="H999" s="53">
        <v>15153385.502221599</v>
      </c>
      <c r="I999" s="53">
        <v>18845437.1082456</v>
      </c>
      <c r="J999" s="53">
        <v>14094785.191708701</v>
      </c>
      <c r="K999" s="53">
        <v>12265927.429524999</v>
      </c>
      <c r="L999" s="53">
        <v>9834103.4855600893</v>
      </c>
      <c r="M999" s="53">
        <v>10876222.983557601</v>
      </c>
      <c r="N999" s="53">
        <v>159260017.71160299</v>
      </c>
      <c r="O999" s="53">
        <v>13536931.500774501</v>
      </c>
      <c r="P999" s="53">
        <v>8593146.6960018706</v>
      </c>
      <c r="Q999" s="53">
        <v>8834739.5994117409</v>
      </c>
      <c r="R999" s="53">
        <v>9513315.1191203203</v>
      </c>
      <c r="S999" s="53">
        <v>11490041.319464</v>
      </c>
      <c r="T999" s="53">
        <v>12335691.749756601</v>
      </c>
      <c r="U999" s="53">
        <v>12989236.5789869</v>
      </c>
      <c r="V999" s="53">
        <v>16104603.4030931</v>
      </c>
      <c r="W999" s="53">
        <v>12091455.411407299</v>
      </c>
      <c r="X999" s="53">
        <v>10471262.599202</v>
      </c>
      <c r="Y999" s="53">
        <v>8440563.2898029592</v>
      </c>
      <c r="Z999" s="53">
        <v>9395109.4227143805</v>
      </c>
      <c r="AA999" s="53">
        <v>133796096.68973599</v>
      </c>
      <c r="AB999" s="53">
        <v>13385707.4079687</v>
      </c>
      <c r="AC999" s="53">
        <v>8515215.4189815205</v>
      </c>
      <c r="AD999" s="53">
        <v>8704523.0797799993</v>
      </c>
      <c r="AE999" s="53">
        <v>9374181.8909555301</v>
      </c>
      <c r="AF999" s="53">
        <v>11341489.472606501</v>
      </c>
      <c r="AG999" s="53">
        <v>12241620.802284099</v>
      </c>
      <c r="AH999" s="53">
        <v>12888080.394499401</v>
      </c>
      <c r="AI999" s="53">
        <v>15970223.4975267</v>
      </c>
      <c r="AJ999" s="53">
        <v>11999997.751832999</v>
      </c>
      <c r="AK999" s="53">
        <v>10411731.5803637</v>
      </c>
      <c r="AL999" s="53">
        <v>8346119.5786378803</v>
      </c>
      <c r="AM999" s="53">
        <v>9319648.2228321694</v>
      </c>
      <c r="AN999" s="53">
        <v>132498539.098269</v>
      </c>
      <c r="AO999" s="53">
        <v>13296277.1803068</v>
      </c>
      <c r="AP999" s="53">
        <v>8445822.4787537009</v>
      </c>
      <c r="AQ999" s="53">
        <v>8609534.4198097307</v>
      </c>
      <c r="AR999" s="53">
        <v>9273554.5234287791</v>
      </c>
      <c r="AS999" s="53">
        <v>11267425.8098874</v>
      </c>
      <c r="AT999" s="53">
        <v>12200374.852050699</v>
      </c>
      <c r="AU999" s="53">
        <v>12853728.781517699</v>
      </c>
      <c r="AV999" s="53">
        <v>15922913.195390601</v>
      </c>
      <c r="AW999" s="53">
        <v>11984198.7245756</v>
      </c>
      <c r="AX999" s="53">
        <v>10397575.552062601</v>
      </c>
      <c r="AY999" s="53">
        <v>8343008.6694663204</v>
      </c>
      <c r="AZ999" s="53">
        <v>9329415.5978695806</v>
      </c>
      <c r="BA999" s="53">
        <v>131923829.785119</v>
      </c>
    </row>
    <row r="1000" spans="1:53">
      <c r="A1000" s="52" t="s">
        <v>4310</v>
      </c>
      <c r="B1000" s="53">
        <v>16673340.2071738</v>
      </c>
      <c r="C1000" s="53">
        <v>11158005.876895299</v>
      </c>
      <c r="D1000" s="53">
        <v>11293023.6847606</v>
      </c>
      <c r="E1000" s="53">
        <v>11169516.032837899</v>
      </c>
      <c r="F1000" s="53">
        <v>13462136.211989099</v>
      </c>
      <c r="G1000" s="53">
        <v>14434133.9971273</v>
      </c>
      <c r="H1000" s="53">
        <v>15153385.502221599</v>
      </c>
      <c r="I1000" s="53">
        <v>18845437.1082456</v>
      </c>
      <c r="J1000" s="53">
        <v>14094785.191708701</v>
      </c>
      <c r="K1000" s="53">
        <v>12265927.429524999</v>
      </c>
      <c r="L1000" s="53">
        <v>9834103.4855600893</v>
      </c>
      <c r="M1000" s="53">
        <v>10876222.983557601</v>
      </c>
      <c r="N1000" s="53">
        <v>159260017.71160299</v>
      </c>
      <c r="O1000" s="53">
        <v>13536931.500774501</v>
      </c>
      <c r="P1000" s="53">
        <v>8593146.6960018706</v>
      </c>
      <c r="Q1000" s="53">
        <v>8834739.5994117409</v>
      </c>
      <c r="R1000" s="53">
        <v>9513315.1191203203</v>
      </c>
      <c r="S1000" s="53">
        <v>11490041.319464</v>
      </c>
      <c r="T1000" s="53">
        <v>12335691.749756601</v>
      </c>
      <c r="U1000" s="53">
        <v>12989236.5789869</v>
      </c>
      <c r="V1000" s="53">
        <v>16104603.4030931</v>
      </c>
      <c r="W1000" s="53">
        <v>12091455.411407299</v>
      </c>
      <c r="X1000" s="53">
        <v>10471262.599202</v>
      </c>
      <c r="Y1000" s="53">
        <v>8440563.2898029592</v>
      </c>
      <c r="Z1000" s="53">
        <v>9395109.4227143805</v>
      </c>
      <c r="AA1000" s="53">
        <v>133796096.68973599</v>
      </c>
      <c r="AB1000" s="53">
        <v>13385707.4079687</v>
      </c>
      <c r="AC1000" s="53">
        <v>8515215.4189815205</v>
      </c>
      <c r="AD1000" s="53">
        <v>8704523.0797799993</v>
      </c>
      <c r="AE1000" s="53">
        <v>9374181.8909555301</v>
      </c>
      <c r="AF1000" s="53">
        <v>11341489.472606501</v>
      </c>
      <c r="AG1000" s="53">
        <v>12241620.802284099</v>
      </c>
      <c r="AH1000" s="53">
        <v>12888080.394499401</v>
      </c>
      <c r="AI1000" s="53">
        <v>15970223.4975267</v>
      </c>
      <c r="AJ1000" s="53">
        <v>11999997.751832999</v>
      </c>
      <c r="AK1000" s="53">
        <v>10411731.5803637</v>
      </c>
      <c r="AL1000" s="53">
        <v>8346119.5786378803</v>
      </c>
      <c r="AM1000" s="53">
        <v>9319648.2228321694</v>
      </c>
      <c r="AN1000" s="53">
        <v>132498539.098269</v>
      </c>
      <c r="AO1000" s="53">
        <v>13296277.1803068</v>
      </c>
      <c r="AP1000" s="53">
        <v>8445822.4787537009</v>
      </c>
      <c r="AQ1000" s="53">
        <v>8609534.4198097307</v>
      </c>
      <c r="AR1000" s="53">
        <v>9273554.5234287791</v>
      </c>
      <c r="AS1000" s="53">
        <v>11267425.8098874</v>
      </c>
      <c r="AT1000" s="53">
        <v>12200374.852050699</v>
      </c>
      <c r="AU1000" s="53">
        <v>12853728.781517699</v>
      </c>
      <c r="AV1000" s="53">
        <v>15922913.195390601</v>
      </c>
      <c r="AW1000" s="53">
        <v>11984198.7245756</v>
      </c>
      <c r="AX1000" s="53">
        <v>10397575.552062601</v>
      </c>
      <c r="AY1000" s="53">
        <v>8343008.6694663204</v>
      </c>
      <c r="AZ1000" s="53">
        <v>9329415.5978695806</v>
      </c>
      <c r="BA1000" s="53">
        <v>131923829.785119</v>
      </c>
    </row>
    <row r="1001" spans="1:53">
      <c r="A1001" s="52" t="s">
        <v>4311</v>
      </c>
      <c r="B1001" s="53">
        <v>129666.204000001</v>
      </c>
      <c r="C1001" s="53">
        <v>129666.204000001</v>
      </c>
      <c r="D1001" s="53">
        <v>129666.204000001</v>
      </c>
      <c r="E1001" s="53">
        <v>129666.204000001</v>
      </c>
      <c r="F1001" s="53">
        <v>129666.204000001</v>
      </c>
      <c r="G1001" s="53">
        <v>129666.204000001</v>
      </c>
      <c r="H1001" s="53">
        <v>129666.204000001</v>
      </c>
      <c r="I1001" s="53">
        <v>129666.203999993</v>
      </c>
      <c r="J1001" s="53">
        <v>129666.204000001</v>
      </c>
      <c r="K1001" s="53">
        <v>129666.204000001</v>
      </c>
      <c r="L1001" s="53">
        <v>129666.204000001</v>
      </c>
      <c r="M1001" s="53">
        <v>129666.203999993</v>
      </c>
      <c r="N1001" s="53">
        <v>1555994.4479999901</v>
      </c>
      <c r="O1001" s="53">
        <v>129666.203999986</v>
      </c>
      <c r="P1001" s="53">
        <v>129666.203999993</v>
      </c>
      <c r="Q1001" s="53">
        <v>129666.203999993</v>
      </c>
      <c r="R1001" s="53">
        <v>129666.204000001</v>
      </c>
      <c r="S1001" s="53">
        <v>129666.203999986</v>
      </c>
      <c r="T1001" s="53">
        <v>129666.203999986</v>
      </c>
      <c r="U1001" s="53">
        <v>129666.204000001</v>
      </c>
      <c r="V1001" s="53">
        <v>129666.203999993</v>
      </c>
      <c r="W1001" s="53">
        <v>129666.203999986</v>
      </c>
      <c r="X1001" s="53">
        <v>129666.203999993</v>
      </c>
      <c r="Y1001" s="53">
        <v>129666.203999993</v>
      </c>
      <c r="Z1001" s="53">
        <v>129666.203999993</v>
      </c>
      <c r="AA1001" s="53">
        <v>1555994.44799991</v>
      </c>
      <c r="AB1001" s="53">
        <v>129666.203999993</v>
      </c>
      <c r="AC1001" s="53">
        <v>129666.203999993</v>
      </c>
      <c r="AD1001" s="53">
        <v>129666.203999993</v>
      </c>
      <c r="AE1001" s="53">
        <v>129666.203999993</v>
      </c>
      <c r="AF1001" s="53">
        <v>129666.203999993</v>
      </c>
      <c r="AG1001" s="53">
        <v>129666.203999993</v>
      </c>
      <c r="AH1001" s="53">
        <v>129666.204000001</v>
      </c>
      <c r="AI1001" s="53">
        <v>129666.203999993</v>
      </c>
      <c r="AJ1001" s="53">
        <v>129666.203999993</v>
      </c>
      <c r="AK1001" s="53">
        <v>129666.203999993</v>
      </c>
      <c r="AL1001" s="53">
        <v>129666.204000001</v>
      </c>
      <c r="AM1001" s="53">
        <v>129666.203999993</v>
      </c>
      <c r="AN1001" s="53">
        <v>1555994.44799993</v>
      </c>
      <c r="AO1001" s="53">
        <v>129666.203999993</v>
      </c>
      <c r="AP1001" s="53">
        <v>129666.203999993</v>
      </c>
      <c r="AQ1001" s="53">
        <v>129666.203999993</v>
      </c>
      <c r="AR1001" s="53">
        <v>129666.203999993</v>
      </c>
      <c r="AS1001" s="53">
        <v>129666.203999993</v>
      </c>
      <c r="AT1001" s="53">
        <v>129666.204000001</v>
      </c>
      <c r="AU1001" s="53">
        <v>129666.204000001</v>
      </c>
      <c r="AV1001" s="53">
        <v>129666.203999986</v>
      </c>
      <c r="AW1001" s="53">
        <v>129666.203999993</v>
      </c>
      <c r="AX1001" s="53">
        <v>129666.203999993</v>
      </c>
      <c r="AY1001" s="53">
        <v>129666.203999993</v>
      </c>
      <c r="AZ1001" s="53">
        <v>129666.203999993</v>
      </c>
      <c r="BA1001" s="53">
        <v>1555994.44799993</v>
      </c>
    </row>
    <row r="1002" spans="1:53">
      <c r="A1002" s="52" t="s">
        <v>642</v>
      </c>
      <c r="B1002" s="53"/>
      <c r="C1002" s="53"/>
      <c r="D1002" s="53"/>
      <c r="E1002" s="53"/>
      <c r="F1002" s="53"/>
      <c r="G1002" s="53"/>
      <c r="H1002" s="53"/>
      <c r="I1002" s="53"/>
      <c r="J1002" s="53"/>
      <c r="K1002" s="53"/>
      <c r="L1002" s="53"/>
      <c r="M1002" s="53"/>
      <c r="N1002" s="53"/>
      <c r="O1002" s="53"/>
      <c r="P1002" s="53"/>
      <c r="Q1002" s="53"/>
      <c r="R1002" s="53"/>
      <c r="S1002" s="53"/>
      <c r="T1002" s="53"/>
      <c r="U1002" s="53"/>
      <c r="V1002" s="53"/>
      <c r="W1002" s="53"/>
      <c r="X1002" s="53"/>
      <c r="Y1002" s="53"/>
      <c r="Z1002" s="53"/>
      <c r="AA1002" s="53"/>
      <c r="AB1002" s="53"/>
      <c r="AC1002" s="53"/>
      <c r="AD1002" s="53"/>
      <c r="AE1002" s="53"/>
      <c r="AF1002" s="53"/>
      <c r="AG1002" s="53"/>
      <c r="AH1002" s="53"/>
      <c r="AI1002" s="53"/>
      <c r="AJ1002" s="53"/>
      <c r="AK1002" s="53"/>
      <c r="AL1002" s="53"/>
      <c r="AM1002" s="53"/>
      <c r="AN1002" s="53"/>
      <c r="AO1002" s="53"/>
      <c r="AP1002" s="53"/>
      <c r="AQ1002" s="53"/>
      <c r="AR1002" s="53"/>
      <c r="AS1002" s="53"/>
      <c r="AT1002" s="53"/>
      <c r="AU1002" s="53"/>
      <c r="AV1002" s="53"/>
      <c r="AW1002" s="53"/>
      <c r="AX1002" s="53"/>
      <c r="AY1002" s="53"/>
      <c r="AZ1002" s="53"/>
      <c r="BA1002" s="53"/>
    </row>
    <row r="1003" spans="1:53">
      <c r="A1003" s="52" t="s">
        <v>4312</v>
      </c>
      <c r="B1003" s="53"/>
      <c r="C1003" s="53"/>
      <c r="D1003" s="53"/>
      <c r="E1003" s="53"/>
      <c r="F1003" s="53"/>
      <c r="G1003" s="53"/>
      <c r="H1003" s="53"/>
      <c r="I1003" s="53"/>
      <c r="J1003" s="53"/>
      <c r="K1003" s="53"/>
      <c r="L1003" s="53"/>
      <c r="M1003" s="53"/>
      <c r="N1003" s="53"/>
      <c r="O1003" s="53"/>
      <c r="P1003" s="53"/>
      <c r="Q1003" s="53"/>
      <c r="R1003" s="53"/>
      <c r="S1003" s="53"/>
      <c r="T1003" s="53"/>
      <c r="U1003" s="53"/>
      <c r="V1003" s="53"/>
      <c r="W1003" s="53"/>
      <c r="X1003" s="53"/>
      <c r="Y1003" s="53"/>
      <c r="Z1003" s="53"/>
      <c r="AA1003" s="53"/>
      <c r="AB1003" s="53"/>
      <c r="AC1003" s="53"/>
      <c r="AD1003" s="53"/>
      <c r="AE1003" s="53"/>
      <c r="AF1003" s="53"/>
      <c r="AG1003" s="53"/>
      <c r="AH1003" s="53"/>
      <c r="AI1003" s="53"/>
      <c r="AJ1003" s="53"/>
      <c r="AK1003" s="53"/>
      <c r="AL1003" s="53"/>
      <c r="AM1003" s="53"/>
      <c r="AN1003" s="53"/>
      <c r="AO1003" s="53"/>
      <c r="AP1003" s="53"/>
      <c r="AQ1003" s="53"/>
      <c r="AR1003" s="53"/>
      <c r="AS1003" s="53"/>
      <c r="AT1003" s="53"/>
      <c r="AU1003" s="53"/>
      <c r="AV1003" s="53"/>
      <c r="AW1003" s="53"/>
      <c r="AX1003" s="53"/>
      <c r="AY1003" s="53"/>
      <c r="AZ1003" s="53"/>
      <c r="BA1003" s="53"/>
    </row>
    <row r="1004" spans="1:53">
      <c r="A1004" s="52" t="s">
        <v>4313</v>
      </c>
      <c r="B1004" s="53"/>
      <c r="C1004" s="53"/>
      <c r="D1004" s="53"/>
      <c r="E1004" s="53"/>
      <c r="F1004" s="53"/>
      <c r="G1004" s="53"/>
      <c r="H1004" s="53"/>
      <c r="I1004" s="53"/>
      <c r="J1004" s="53"/>
      <c r="K1004" s="53"/>
      <c r="L1004" s="53"/>
      <c r="M1004" s="53"/>
      <c r="N1004" s="53"/>
      <c r="O1004" s="53"/>
      <c r="P1004" s="53"/>
      <c r="Q1004" s="53"/>
      <c r="R1004" s="53"/>
      <c r="S1004" s="53"/>
      <c r="T1004" s="53"/>
      <c r="U1004" s="53"/>
      <c r="V1004" s="53"/>
      <c r="W1004" s="53"/>
      <c r="X1004" s="53"/>
      <c r="Y1004" s="53"/>
      <c r="Z1004" s="53"/>
      <c r="AA1004" s="53"/>
      <c r="AB1004" s="53"/>
      <c r="AC1004" s="53"/>
      <c r="AD1004" s="53"/>
      <c r="AE1004" s="53"/>
      <c r="AF1004" s="53"/>
      <c r="AG1004" s="53"/>
      <c r="AH1004" s="53"/>
      <c r="AI1004" s="53"/>
      <c r="AJ1004" s="53"/>
      <c r="AK1004" s="53"/>
      <c r="AL1004" s="53"/>
      <c r="AM1004" s="53"/>
      <c r="AN1004" s="53"/>
      <c r="AO1004" s="53"/>
      <c r="AP1004" s="53"/>
      <c r="AQ1004" s="53"/>
      <c r="AR1004" s="53"/>
      <c r="AS1004" s="53"/>
      <c r="AT1004" s="53"/>
      <c r="AU1004" s="53"/>
      <c r="AV1004" s="53"/>
      <c r="AW1004" s="53"/>
      <c r="AX1004" s="53"/>
      <c r="AY1004" s="53"/>
      <c r="AZ1004" s="53"/>
      <c r="BA1004" s="53"/>
    </row>
    <row r="1005" spans="1:53">
      <c r="A1005" s="52" t="s">
        <v>4314</v>
      </c>
      <c r="B1005" s="53">
        <v>33808312.147120401</v>
      </c>
      <c r="C1005" s="53">
        <v>33808312.147120401</v>
      </c>
      <c r="D1005" s="53">
        <v>33808312.147120401</v>
      </c>
      <c r="E1005" s="53">
        <v>32243867.702675998</v>
      </c>
      <c r="F1005" s="53">
        <v>30874978.813787099</v>
      </c>
      <c r="G1005" s="53">
        <v>30874978.813787099</v>
      </c>
      <c r="H1005" s="53">
        <v>30874978.813787099</v>
      </c>
      <c r="I1005" s="53">
        <v>33971254.066312298</v>
      </c>
      <c r="J1005" s="53">
        <v>35041645.480453797</v>
      </c>
      <c r="K1005" s="53">
        <v>35041645.480453797</v>
      </c>
      <c r="L1005" s="53">
        <v>35041645.480453797</v>
      </c>
      <c r="M1005" s="53">
        <v>35041645.480453797</v>
      </c>
      <c r="N1005" s="53">
        <v>400431576.57352602</v>
      </c>
      <c r="O1005" s="53">
        <v>34885395.480453797</v>
      </c>
      <c r="P1005" s="53">
        <v>34885395.480453797</v>
      </c>
      <c r="Q1005" s="53">
        <v>34885395.480453797</v>
      </c>
      <c r="R1005" s="53">
        <v>34885395.480453797</v>
      </c>
      <c r="S1005" s="53">
        <v>34885395.480453797</v>
      </c>
      <c r="T1005" s="53">
        <v>37058777.572652303</v>
      </c>
      <c r="U1005" s="53">
        <v>37802062.147120401</v>
      </c>
      <c r="V1005" s="53">
        <v>37802062.147120401</v>
      </c>
      <c r="W1005" s="53">
        <v>37802062.147120401</v>
      </c>
      <c r="X1005" s="53">
        <v>37802062.147120401</v>
      </c>
      <c r="Y1005" s="53">
        <v>37802062.147120401</v>
      </c>
      <c r="Z1005" s="53">
        <v>37802062.147120401</v>
      </c>
      <c r="AA1005" s="53">
        <v>438298127.85764402</v>
      </c>
      <c r="AB1005" s="53">
        <v>37781228.813787103</v>
      </c>
      <c r="AC1005" s="53">
        <v>37781228.813787103</v>
      </c>
      <c r="AD1005" s="53">
        <v>37781228.813787103</v>
      </c>
      <c r="AE1005" s="53">
        <v>37781228.813787103</v>
      </c>
      <c r="AF1005" s="53">
        <v>37781228.813787103</v>
      </c>
      <c r="AG1005" s="53">
        <v>39802209.716564901</v>
      </c>
      <c r="AH1005" s="53">
        <v>40489562.147120401</v>
      </c>
      <c r="AI1005" s="53">
        <v>40489562.147120401</v>
      </c>
      <c r="AJ1005" s="53">
        <v>40489562.147120401</v>
      </c>
      <c r="AK1005" s="53">
        <v>40489562.147120401</v>
      </c>
      <c r="AL1005" s="53">
        <v>40489562.147120401</v>
      </c>
      <c r="AM1005" s="53">
        <v>40489562.147120401</v>
      </c>
      <c r="AN1005" s="53">
        <v>471645726.66822302</v>
      </c>
      <c r="AO1005" s="53">
        <v>39633312.147120401</v>
      </c>
      <c r="AP1005" s="53">
        <v>38766645.480453797</v>
      </c>
      <c r="AQ1005" s="53">
        <v>38766645.480453797</v>
      </c>
      <c r="AR1005" s="53">
        <v>38766645.480453797</v>
      </c>
      <c r="AS1005" s="53">
        <v>38766645.480453797</v>
      </c>
      <c r="AT1005" s="53">
        <v>42718698.176532201</v>
      </c>
      <c r="AU1005" s="53">
        <v>44079145.480453797</v>
      </c>
      <c r="AV1005" s="53">
        <v>44079145.480453797</v>
      </c>
      <c r="AW1005" s="53">
        <v>44079145.480453797</v>
      </c>
      <c r="AX1005" s="53">
        <v>44079145.480453797</v>
      </c>
      <c r="AY1005" s="53">
        <v>44079145.480453797</v>
      </c>
      <c r="AZ1005" s="53">
        <v>44079145.480453797</v>
      </c>
      <c r="BA1005" s="53">
        <v>501893465.12818998</v>
      </c>
    </row>
    <row r="1006" spans="1:53">
      <c r="A1006" s="52" t="s">
        <v>4315</v>
      </c>
      <c r="B1006" s="53">
        <v>618789.75451735198</v>
      </c>
      <c r="C1006" s="53">
        <v>618789.75451735198</v>
      </c>
      <c r="D1006" s="53">
        <v>618789.75451735198</v>
      </c>
      <c r="E1006" s="53">
        <v>629437.90266549995</v>
      </c>
      <c r="F1006" s="53">
        <v>629437.90266549995</v>
      </c>
      <c r="G1006" s="53">
        <v>629437.90266549995</v>
      </c>
      <c r="H1006" s="53">
        <v>629437.90266549995</v>
      </c>
      <c r="I1006" s="53">
        <v>629437.90266549995</v>
      </c>
      <c r="J1006" s="53">
        <v>629437.90266549995</v>
      </c>
      <c r="K1006" s="53">
        <v>629437.90266549995</v>
      </c>
      <c r="L1006" s="53">
        <v>629437.90266549995</v>
      </c>
      <c r="M1006" s="53">
        <v>629437.90266549995</v>
      </c>
      <c r="N1006" s="53">
        <v>7521310.3875415605</v>
      </c>
      <c r="O1006" s="53">
        <v>629437.90266549995</v>
      </c>
      <c r="P1006" s="53">
        <v>629437.90266549995</v>
      </c>
      <c r="Q1006" s="53">
        <v>629437.90266549995</v>
      </c>
      <c r="R1006" s="53">
        <v>640086.05081364803</v>
      </c>
      <c r="S1006" s="53">
        <v>640086.05081364803</v>
      </c>
      <c r="T1006" s="53">
        <v>640086.05081364803</v>
      </c>
      <c r="U1006" s="53">
        <v>640086.05081364803</v>
      </c>
      <c r="V1006" s="53">
        <v>640086.05081364803</v>
      </c>
      <c r="W1006" s="53">
        <v>640086.05081364803</v>
      </c>
      <c r="X1006" s="53">
        <v>640086.05081364803</v>
      </c>
      <c r="Y1006" s="53">
        <v>640086.05081364803</v>
      </c>
      <c r="Z1006" s="53">
        <v>640086.05081364803</v>
      </c>
      <c r="AA1006" s="53">
        <v>7649088.1653193301</v>
      </c>
      <c r="AB1006" s="53">
        <v>637621.86203796405</v>
      </c>
      <c r="AC1006" s="53">
        <v>637621.86203796405</v>
      </c>
      <c r="AD1006" s="53">
        <v>637621.86203796405</v>
      </c>
      <c r="AE1006" s="53">
        <v>648270.01018611202</v>
      </c>
      <c r="AF1006" s="53">
        <v>648270.01018611202</v>
      </c>
      <c r="AG1006" s="53">
        <v>648270.01018611202</v>
      </c>
      <c r="AH1006" s="53">
        <v>648270.01018611202</v>
      </c>
      <c r="AI1006" s="53">
        <v>648270.01018611202</v>
      </c>
      <c r="AJ1006" s="53">
        <v>648270.01018611202</v>
      </c>
      <c r="AK1006" s="53">
        <v>648270.01018611202</v>
      </c>
      <c r="AL1006" s="53">
        <v>648270.01018611202</v>
      </c>
      <c r="AM1006" s="53">
        <v>648270.01018611202</v>
      </c>
      <c r="AN1006" s="53">
        <v>7747295.6777889002</v>
      </c>
      <c r="AO1006" s="53">
        <v>613047.83192150702</v>
      </c>
      <c r="AP1006" s="53">
        <v>586727.945323569</v>
      </c>
      <c r="AQ1006" s="53">
        <v>586727.945323569</v>
      </c>
      <c r="AR1006" s="53">
        <v>597376.09347171697</v>
      </c>
      <c r="AS1006" s="53">
        <v>597376.09347171697</v>
      </c>
      <c r="AT1006" s="53">
        <v>597376.09347171697</v>
      </c>
      <c r="AU1006" s="53">
        <v>550376.09347171697</v>
      </c>
      <c r="AV1006" s="53">
        <v>550376.09347171697</v>
      </c>
      <c r="AW1006" s="53">
        <v>550376.09347171697</v>
      </c>
      <c r="AX1006" s="53">
        <v>550376.09347171697</v>
      </c>
      <c r="AY1006" s="53">
        <v>550376.09347171697</v>
      </c>
      <c r="AZ1006" s="53">
        <v>550376.09347171697</v>
      </c>
      <c r="BA1006" s="53">
        <v>6880888.5638140999</v>
      </c>
    </row>
    <row r="1007" spans="1:53">
      <c r="A1007" s="52" t="s">
        <v>4316</v>
      </c>
      <c r="B1007" s="53">
        <v>34427101.9016378</v>
      </c>
      <c r="C1007" s="53">
        <v>34427101.9016378</v>
      </c>
      <c r="D1007" s="53">
        <v>34427101.9016378</v>
      </c>
      <c r="E1007" s="53">
        <v>32873305.605341502</v>
      </c>
      <c r="F1007" s="53">
        <v>31504416.716452599</v>
      </c>
      <c r="G1007" s="53">
        <v>31504416.716452599</v>
      </c>
      <c r="H1007" s="53">
        <v>31504416.716452599</v>
      </c>
      <c r="I1007" s="53">
        <v>34600691.968977802</v>
      </c>
      <c r="J1007" s="53">
        <v>35671083.3831193</v>
      </c>
      <c r="K1007" s="53">
        <v>35671083.3831193</v>
      </c>
      <c r="L1007" s="53">
        <v>35671083.3831193</v>
      </c>
      <c r="M1007" s="53">
        <v>35671083.3831193</v>
      </c>
      <c r="N1007" s="53">
        <v>407952886.96106797</v>
      </c>
      <c r="O1007" s="53">
        <v>35514833.3831193</v>
      </c>
      <c r="P1007" s="53">
        <v>35514833.3831193</v>
      </c>
      <c r="Q1007" s="53">
        <v>35514833.3831193</v>
      </c>
      <c r="R1007" s="53">
        <v>35525481.531267397</v>
      </c>
      <c r="S1007" s="53">
        <v>35525481.531267397</v>
      </c>
      <c r="T1007" s="53">
        <v>37698863.623466</v>
      </c>
      <c r="U1007" s="53">
        <v>38442148.197934099</v>
      </c>
      <c r="V1007" s="53">
        <v>38442148.197934099</v>
      </c>
      <c r="W1007" s="53">
        <v>38442148.197934099</v>
      </c>
      <c r="X1007" s="53">
        <v>38442148.197934099</v>
      </c>
      <c r="Y1007" s="53">
        <v>38442148.197934099</v>
      </c>
      <c r="Z1007" s="53">
        <v>38442148.197934099</v>
      </c>
      <c r="AA1007" s="53">
        <v>445947216.02296299</v>
      </c>
      <c r="AB1007" s="53">
        <v>38418850.675825097</v>
      </c>
      <c r="AC1007" s="53">
        <v>38418850.675825097</v>
      </c>
      <c r="AD1007" s="53">
        <v>38418850.675825097</v>
      </c>
      <c r="AE1007" s="53">
        <v>38429498.823973201</v>
      </c>
      <c r="AF1007" s="53">
        <v>38429498.823973201</v>
      </c>
      <c r="AG1007" s="53">
        <v>40450479.726751</v>
      </c>
      <c r="AH1007" s="53">
        <v>41137832.1573065</v>
      </c>
      <c r="AI1007" s="53">
        <v>41137832.1573065</v>
      </c>
      <c r="AJ1007" s="53">
        <v>41137832.1573065</v>
      </c>
      <c r="AK1007" s="53">
        <v>41137832.1573065</v>
      </c>
      <c r="AL1007" s="53">
        <v>41137832.1573065</v>
      </c>
      <c r="AM1007" s="53">
        <v>41137832.1573065</v>
      </c>
      <c r="AN1007" s="53">
        <v>479393022.346012</v>
      </c>
      <c r="AO1007" s="53">
        <v>40246359.979041897</v>
      </c>
      <c r="AP1007" s="53">
        <v>39353373.425777301</v>
      </c>
      <c r="AQ1007" s="53">
        <v>39353373.425777301</v>
      </c>
      <c r="AR1007" s="53">
        <v>39364021.573925503</v>
      </c>
      <c r="AS1007" s="53">
        <v>39364021.573925503</v>
      </c>
      <c r="AT1007" s="53">
        <v>43316074.2700039</v>
      </c>
      <c r="AU1007" s="53">
        <v>44629521.573925503</v>
      </c>
      <c r="AV1007" s="53">
        <v>44629521.573925503</v>
      </c>
      <c r="AW1007" s="53">
        <v>44629521.573925503</v>
      </c>
      <c r="AX1007" s="53">
        <v>44629521.573925503</v>
      </c>
      <c r="AY1007" s="53">
        <v>44629521.573925503</v>
      </c>
      <c r="AZ1007" s="53">
        <v>44629521.573925503</v>
      </c>
      <c r="BA1007" s="53">
        <v>508774353.69200402</v>
      </c>
    </row>
    <row r="1008" spans="1:53">
      <c r="A1008" s="52" t="s">
        <v>3511</v>
      </c>
      <c r="B1008" s="53"/>
      <c r="C1008" s="53"/>
      <c r="D1008" s="53"/>
      <c r="E1008" s="53"/>
      <c r="F1008" s="53"/>
      <c r="G1008" s="53"/>
      <c r="H1008" s="53"/>
      <c r="I1008" s="53"/>
      <c r="J1008" s="53"/>
      <c r="K1008" s="53"/>
      <c r="L1008" s="53"/>
      <c r="M1008" s="53"/>
      <c r="N1008" s="53"/>
      <c r="O1008" s="53"/>
      <c r="P1008" s="53"/>
      <c r="Q1008" s="53"/>
      <c r="R1008" s="53"/>
      <c r="S1008" s="53"/>
      <c r="T1008" s="53"/>
      <c r="U1008" s="53"/>
      <c r="V1008" s="53"/>
      <c r="W1008" s="53"/>
      <c r="X1008" s="53"/>
      <c r="Y1008" s="53"/>
      <c r="Z1008" s="53"/>
      <c r="AA1008" s="53"/>
      <c r="AB1008" s="53"/>
      <c r="AC1008" s="53"/>
      <c r="AD1008" s="53"/>
      <c r="AE1008" s="53"/>
      <c r="AF1008" s="53"/>
      <c r="AG1008" s="53"/>
      <c r="AH1008" s="53"/>
      <c r="AI1008" s="53"/>
      <c r="AJ1008" s="53"/>
      <c r="AK1008" s="53"/>
      <c r="AL1008" s="53"/>
      <c r="AM1008" s="53"/>
      <c r="AN1008" s="53"/>
      <c r="AO1008" s="53"/>
      <c r="AP1008" s="53"/>
      <c r="AQ1008" s="53"/>
      <c r="AR1008" s="53"/>
      <c r="AS1008" s="53"/>
      <c r="AT1008" s="53"/>
      <c r="AU1008" s="53"/>
      <c r="AV1008" s="53"/>
      <c r="AW1008" s="53"/>
      <c r="AX1008" s="53"/>
      <c r="AY1008" s="53"/>
      <c r="AZ1008" s="53"/>
      <c r="BA1008" s="53"/>
    </row>
    <row r="1009" spans="1:53">
      <c r="A1009" s="52" t="s">
        <v>4317</v>
      </c>
      <c r="B1009" s="53"/>
      <c r="C1009" s="53"/>
      <c r="D1009" s="53"/>
      <c r="E1009" s="53"/>
      <c r="F1009" s="53"/>
      <c r="G1009" s="53"/>
      <c r="H1009" s="53"/>
      <c r="I1009" s="53"/>
      <c r="J1009" s="53"/>
      <c r="K1009" s="53"/>
      <c r="L1009" s="53"/>
      <c r="M1009" s="53"/>
      <c r="N1009" s="53"/>
      <c r="O1009" s="53"/>
      <c r="P1009" s="53"/>
      <c r="Q1009" s="53"/>
      <c r="R1009" s="53"/>
      <c r="S1009" s="53"/>
      <c r="T1009" s="53"/>
      <c r="U1009" s="53"/>
      <c r="V1009" s="53"/>
      <c r="W1009" s="53"/>
      <c r="X1009" s="53"/>
      <c r="Y1009" s="53"/>
      <c r="Z1009" s="53"/>
      <c r="AA1009" s="53"/>
      <c r="AB1009" s="53"/>
      <c r="AC1009" s="53"/>
      <c r="AD1009" s="53"/>
      <c r="AE1009" s="53"/>
      <c r="AF1009" s="53"/>
      <c r="AG1009" s="53"/>
      <c r="AH1009" s="53"/>
      <c r="AI1009" s="53"/>
      <c r="AJ1009" s="53"/>
      <c r="AK1009" s="53"/>
      <c r="AL1009" s="53"/>
      <c r="AM1009" s="53"/>
      <c r="AN1009" s="53"/>
      <c r="AO1009" s="53"/>
      <c r="AP1009" s="53"/>
      <c r="AQ1009" s="53"/>
      <c r="AR1009" s="53"/>
      <c r="AS1009" s="53"/>
      <c r="AT1009" s="53"/>
      <c r="AU1009" s="53"/>
      <c r="AV1009" s="53"/>
      <c r="AW1009" s="53"/>
      <c r="AX1009" s="53"/>
      <c r="AY1009" s="53"/>
      <c r="AZ1009" s="53"/>
      <c r="BA1009" s="53"/>
    </row>
    <row r="1010" spans="1:53">
      <c r="A1010" s="52" t="s">
        <v>4318</v>
      </c>
      <c r="B1010" s="53">
        <v>540507.17074432201</v>
      </c>
      <c r="C1010" s="53">
        <v>347676.91321239102</v>
      </c>
      <c r="D1010" s="53">
        <v>318423.20326038898</v>
      </c>
      <c r="E1010" s="53">
        <v>1863605.81462509</v>
      </c>
      <c r="F1010" s="53">
        <v>3336835.4131682198</v>
      </c>
      <c r="G1010" s="53">
        <v>3561252.4029421899</v>
      </c>
      <c r="H1010" s="53">
        <v>3585638.9445129298</v>
      </c>
      <c r="I1010" s="53">
        <v>1750352.52100361</v>
      </c>
      <c r="J1010" s="53">
        <v>47820.0494322659</v>
      </c>
      <c r="K1010" s="53">
        <v>50081.6356646973</v>
      </c>
      <c r="L1010" s="53">
        <v>53848.6678180745</v>
      </c>
      <c r="M1010" s="53">
        <v>65757.602939547403</v>
      </c>
      <c r="N1010" s="53">
        <v>15521800.339323699</v>
      </c>
      <c r="O1010" s="53">
        <v>104670.44976706601</v>
      </c>
      <c r="P1010" s="53">
        <v>136893.608044069</v>
      </c>
      <c r="Q1010" s="53">
        <v>344962.20055765798</v>
      </c>
      <c r="R1010" s="53">
        <v>678040.84765926597</v>
      </c>
      <c r="S1010" s="53">
        <v>932049.13654332794</v>
      </c>
      <c r="T1010" s="53">
        <v>565745.38835548901</v>
      </c>
      <c r="U1010" s="53">
        <v>60341.070350027403</v>
      </c>
      <c r="V1010" s="53">
        <v>63416.958554446697</v>
      </c>
      <c r="W1010" s="53">
        <v>65275.170562726496</v>
      </c>
      <c r="X1010" s="53">
        <v>67138.422052826994</v>
      </c>
      <c r="Y1010" s="53">
        <v>70236.5319766865</v>
      </c>
      <c r="Z1010" s="53">
        <v>250339.763760275</v>
      </c>
      <c r="AA1010" s="53">
        <v>3339109.5481838598</v>
      </c>
      <c r="AB1010" s="53">
        <v>510032.731442524</v>
      </c>
      <c r="AC1010" s="53">
        <v>561690.59121040802</v>
      </c>
      <c r="AD1010" s="53">
        <v>675034.05819241703</v>
      </c>
      <c r="AE1010" s="53">
        <v>831670.90588748304</v>
      </c>
      <c r="AF1010" s="53">
        <v>946345.88893664</v>
      </c>
      <c r="AG1010" s="53">
        <v>569341.76255300804</v>
      </c>
      <c r="AH1010" s="53">
        <v>86419.811530459105</v>
      </c>
      <c r="AI1010" s="53">
        <v>89517.951356530597</v>
      </c>
      <c r="AJ1010" s="53">
        <v>91390.785354242602</v>
      </c>
      <c r="AK1010" s="53">
        <v>93268.620243804296</v>
      </c>
      <c r="AL1010" s="53">
        <v>96388.776862167797</v>
      </c>
      <c r="AM1010" s="53">
        <v>339174.97056730499</v>
      </c>
      <c r="AN1010" s="53">
        <v>4890276.8541369904</v>
      </c>
      <c r="AO1010" s="53">
        <v>1526064.2769198001</v>
      </c>
      <c r="AP1010" s="53">
        <v>2432040.0279095699</v>
      </c>
      <c r="AQ1010" s="53">
        <v>2546977.9467134201</v>
      </c>
      <c r="AR1010" s="53">
        <v>2703859.8396174</v>
      </c>
      <c r="AS1010" s="53">
        <v>2807553.5153229302</v>
      </c>
      <c r="AT1010" s="53">
        <v>1510741.0422553101</v>
      </c>
      <c r="AU1010" s="53">
        <v>114071.35875389499</v>
      </c>
      <c r="AV1010" s="53">
        <v>117243.33448710501</v>
      </c>
      <c r="AW1010" s="53">
        <v>119162.214021544</v>
      </c>
      <c r="AX1010" s="53">
        <v>121086.217399866</v>
      </c>
      <c r="AY1010" s="53">
        <v>124280.653316376</v>
      </c>
      <c r="AZ1010" s="53">
        <v>374864.56254754902</v>
      </c>
      <c r="BA1010" s="53">
        <v>14497944.989264701</v>
      </c>
    </row>
    <row r="1011" spans="1:53">
      <c r="A1011" s="52" t="s">
        <v>1210</v>
      </c>
      <c r="B1011" s="53"/>
      <c r="C1011" s="53"/>
      <c r="D1011" s="53"/>
      <c r="E1011" s="53"/>
      <c r="F1011" s="53"/>
      <c r="G1011" s="53"/>
      <c r="H1011" s="53"/>
      <c r="I1011" s="53"/>
      <c r="J1011" s="53"/>
      <c r="K1011" s="53"/>
      <c r="L1011" s="53"/>
      <c r="M1011" s="53"/>
      <c r="N1011" s="53"/>
      <c r="O1011" s="53"/>
      <c r="P1011" s="53"/>
      <c r="Q1011" s="53"/>
      <c r="R1011" s="53"/>
      <c r="S1011" s="53"/>
      <c r="T1011" s="53"/>
      <c r="U1011" s="53"/>
      <c r="V1011" s="53"/>
      <c r="W1011" s="53"/>
      <c r="X1011" s="53"/>
      <c r="Y1011" s="53"/>
      <c r="Z1011" s="53"/>
      <c r="AA1011" s="53"/>
      <c r="AB1011" s="53"/>
      <c r="AC1011" s="53"/>
      <c r="AD1011" s="53"/>
      <c r="AE1011" s="53"/>
      <c r="AF1011" s="53"/>
      <c r="AG1011" s="53"/>
      <c r="AH1011" s="53"/>
      <c r="AI1011" s="53"/>
      <c r="AJ1011" s="53"/>
      <c r="AK1011" s="53"/>
      <c r="AL1011" s="53"/>
      <c r="AM1011" s="53"/>
      <c r="AN1011" s="53"/>
      <c r="AO1011" s="53"/>
      <c r="AP1011" s="53"/>
      <c r="AQ1011" s="53"/>
      <c r="AR1011" s="53"/>
      <c r="AS1011" s="53"/>
      <c r="AT1011" s="53"/>
      <c r="AU1011" s="53"/>
      <c r="AV1011" s="53"/>
      <c r="AW1011" s="53"/>
      <c r="AX1011" s="53"/>
      <c r="AY1011" s="53"/>
      <c r="AZ1011" s="53"/>
      <c r="BA1011" s="53"/>
    </row>
    <row r="1012" spans="1:53">
      <c r="A1012" s="52" t="s">
        <v>4319</v>
      </c>
      <c r="B1012" s="53"/>
      <c r="C1012" s="53"/>
      <c r="D1012" s="53"/>
      <c r="E1012" s="53"/>
      <c r="F1012" s="53"/>
      <c r="G1012" s="53"/>
      <c r="H1012" s="53"/>
      <c r="I1012" s="53"/>
      <c r="J1012" s="53"/>
      <c r="K1012" s="53"/>
      <c r="L1012" s="53"/>
      <c r="M1012" s="53"/>
      <c r="N1012" s="53"/>
      <c r="O1012" s="53"/>
      <c r="P1012" s="53"/>
      <c r="Q1012" s="53"/>
      <c r="R1012" s="53"/>
      <c r="S1012" s="53"/>
      <c r="T1012" s="53"/>
      <c r="U1012" s="53"/>
      <c r="V1012" s="53"/>
      <c r="W1012" s="53"/>
      <c r="X1012" s="53"/>
      <c r="Y1012" s="53"/>
      <c r="Z1012" s="53"/>
      <c r="AA1012" s="53"/>
      <c r="AB1012" s="53"/>
      <c r="AC1012" s="53"/>
      <c r="AD1012" s="53"/>
      <c r="AE1012" s="53"/>
      <c r="AF1012" s="53"/>
      <c r="AG1012" s="53"/>
      <c r="AH1012" s="53"/>
      <c r="AI1012" s="53"/>
      <c r="AJ1012" s="53"/>
      <c r="AK1012" s="53"/>
      <c r="AL1012" s="53"/>
      <c r="AM1012" s="53"/>
      <c r="AN1012" s="53"/>
      <c r="AO1012" s="53"/>
      <c r="AP1012" s="53"/>
      <c r="AQ1012" s="53"/>
      <c r="AR1012" s="53"/>
      <c r="AS1012" s="53"/>
      <c r="AT1012" s="53"/>
      <c r="AU1012" s="53"/>
      <c r="AV1012" s="53"/>
      <c r="AW1012" s="53"/>
      <c r="AX1012" s="53"/>
      <c r="AY1012" s="53"/>
      <c r="AZ1012" s="53"/>
      <c r="BA1012" s="53"/>
    </row>
    <row r="1013" spans="1:53">
      <c r="A1013" s="52" t="s">
        <v>4320</v>
      </c>
      <c r="B1013" s="53">
        <v>377339.69208649802</v>
      </c>
      <c r="C1013" s="53">
        <v>377339.69208649802</v>
      </c>
      <c r="D1013" s="53">
        <v>377339.69208649802</v>
      </c>
      <c r="E1013" s="53">
        <v>377339.69208649802</v>
      </c>
      <c r="F1013" s="53">
        <v>377339.69208649802</v>
      </c>
      <c r="G1013" s="53">
        <v>377339.69208649802</v>
      </c>
      <c r="H1013" s="53">
        <v>377339.69208649802</v>
      </c>
      <c r="I1013" s="53">
        <v>377339.69208649802</v>
      </c>
      <c r="J1013" s="53">
        <v>377339.69208649802</v>
      </c>
      <c r="K1013" s="53">
        <v>377339.69208649802</v>
      </c>
      <c r="L1013" s="53">
        <v>377339.69208649802</v>
      </c>
      <c r="M1013" s="53">
        <v>377339.69208649802</v>
      </c>
      <c r="N1013" s="53">
        <v>4528076.30503798</v>
      </c>
      <c r="O1013" s="53">
        <v>377339.69208649802</v>
      </c>
      <c r="P1013" s="53">
        <v>377339.69208649802</v>
      </c>
      <c r="Q1013" s="53">
        <v>377339.69208649802</v>
      </c>
      <c r="R1013" s="53">
        <v>377339.69208649802</v>
      </c>
      <c r="S1013" s="53">
        <v>377339.69208649802</v>
      </c>
      <c r="T1013" s="53">
        <v>377339.69208649802</v>
      </c>
      <c r="U1013" s="53">
        <v>377339.69208649802</v>
      </c>
      <c r="V1013" s="53">
        <v>377339.69208649802</v>
      </c>
      <c r="W1013" s="53">
        <v>377339.69208649802</v>
      </c>
      <c r="X1013" s="53">
        <v>377339.69208649802</v>
      </c>
      <c r="Y1013" s="53">
        <v>377339.69208649802</v>
      </c>
      <c r="Z1013" s="53">
        <v>377339.69208649802</v>
      </c>
      <c r="AA1013" s="53">
        <v>4528076.30503798</v>
      </c>
      <c r="AB1013" s="53">
        <v>377339.69208649802</v>
      </c>
      <c r="AC1013" s="53">
        <v>377339.69208649802</v>
      </c>
      <c r="AD1013" s="53">
        <v>377339.69208649802</v>
      </c>
      <c r="AE1013" s="53">
        <v>377339.69208649802</v>
      </c>
      <c r="AF1013" s="53">
        <v>377339.69208649802</v>
      </c>
      <c r="AG1013" s="53">
        <v>377339.69208649802</v>
      </c>
      <c r="AH1013" s="53">
        <v>377339.69208649802</v>
      </c>
      <c r="AI1013" s="53">
        <v>377339.69208649802</v>
      </c>
      <c r="AJ1013" s="53">
        <v>377339.69208649802</v>
      </c>
      <c r="AK1013" s="53">
        <v>377339.69208649802</v>
      </c>
      <c r="AL1013" s="53">
        <v>377339.69208649802</v>
      </c>
      <c r="AM1013" s="53">
        <v>377339.69208649802</v>
      </c>
      <c r="AN1013" s="53">
        <v>4528076.30503798</v>
      </c>
      <c r="AO1013" s="53">
        <v>377339.69208649802</v>
      </c>
      <c r="AP1013" s="53">
        <v>377339.69208649802</v>
      </c>
      <c r="AQ1013" s="53">
        <v>377339.69208649802</v>
      </c>
      <c r="AR1013" s="53">
        <v>377339.69208649802</v>
      </c>
      <c r="AS1013" s="53">
        <v>377339.69208649802</v>
      </c>
      <c r="AT1013" s="53">
        <v>377339.69208649802</v>
      </c>
      <c r="AU1013" s="53">
        <v>377339.69208649802</v>
      </c>
      <c r="AV1013" s="53">
        <v>377339.69208649802</v>
      </c>
      <c r="AW1013" s="53">
        <v>377339.69208649802</v>
      </c>
      <c r="AX1013" s="53">
        <v>377339.69208649802</v>
      </c>
      <c r="AY1013" s="53">
        <v>377339.69208649802</v>
      </c>
      <c r="AZ1013" s="53">
        <v>377339.69208649802</v>
      </c>
      <c r="BA1013" s="53">
        <v>4528076.30503798</v>
      </c>
    </row>
    <row r="1014" spans="1:53">
      <c r="A1014" s="52" t="s">
        <v>643</v>
      </c>
      <c r="B1014" s="53"/>
      <c r="C1014" s="53"/>
      <c r="D1014" s="53"/>
      <c r="E1014" s="53"/>
      <c r="F1014" s="53"/>
      <c r="G1014" s="53"/>
      <c r="H1014" s="53"/>
      <c r="I1014" s="53"/>
      <c r="J1014" s="53"/>
      <c r="K1014" s="53"/>
      <c r="L1014" s="53"/>
      <c r="M1014" s="53"/>
      <c r="N1014" s="53"/>
      <c r="O1014" s="53"/>
      <c r="P1014" s="53"/>
      <c r="Q1014" s="53"/>
      <c r="R1014" s="53"/>
      <c r="S1014" s="53"/>
      <c r="T1014" s="53"/>
      <c r="U1014" s="53"/>
      <c r="V1014" s="53"/>
      <c r="W1014" s="53"/>
      <c r="X1014" s="53"/>
      <c r="Y1014" s="53"/>
      <c r="Z1014" s="53"/>
      <c r="AA1014" s="53"/>
      <c r="AB1014" s="53"/>
      <c r="AC1014" s="53"/>
      <c r="AD1014" s="53"/>
      <c r="AE1014" s="53"/>
      <c r="AF1014" s="53"/>
      <c r="AG1014" s="53"/>
      <c r="AH1014" s="53"/>
      <c r="AI1014" s="53"/>
      <c r="AJ1014" s="53"/>
      <c r="AK1014" s="53"/>
      <c r="AL1014" s="53"/>
      <c r="AM1014" s="53"/>
      <c r="AN1014" s="53"/>
      <c r="AO1014" s="53"/>
      <c r="AP1014" s="53"/>
      <c r="AQ1014" s="53"/>
      <c r="AR1014" s="53"/>
      <c r="AS1014" s="53"/>
      <c r="AT1014" s="53"/>
      <c r="AU1014" s="53"/>
      <c r="AV1014" s="53"/>
      <c r="AW1014" s="53"/>
      <c r="AX1014" s="53"/>
      <c r="AY1014" s="53"/>
      <c r="AZ1014" s="53"/>
      <c r="BA1014" s="53"/>
    </row>
    <row r="1015" spans="1:53">
      <c r="A1015" s="52" t="s">
        <v>4321</v>
      </c>
      <c r="B1015" s="53">
        <v>35344948.764468603</v>
      </c>
      <c r="C1015" s="53">
        <v>35152118.506936699</v>
      </c>
      <c r="D1015" s="53">
        <v>35122864.796984702</v>
      </c>
      <c r="E1015" s="53">
        <v>35114251.112053096</v>
      </c>
      <c r="F1015" s="53">
        <v>35218591.821707301</v>
      </c>
      <c r="G1015" s="53">
        <v>35443008.811481297</v>
      </c>
      <c r="H1015" s="53">
        <v>35467395.353051998</v>
      </c>
      <c r="I1015" s="53">
        <v>36728384.182067998</v>
      </c>
      <c r="J1015" s="53">
        <v>36096243.124637999</v>
      </c>
      <c r="K1015" s="53">
        <v>36098504.710870497</v>
      </c>
      <c r="L1015" s="53">
        <v>36102271.743023798</v>
      </c>
      <c r="M1015" s="53">
        <v>36114180.678145297</v>
      </c>
      <c r="N1015" s="53">
        <v>428002763.60542899</v>
      </c>
      <c r="O1015" s="53">
        <v>35996843.524972796</v>
      </c>
      <c r="P1015" s="53">
        <v>36029066.683249801</v>
      </c>
      <c r="Q1015" s="53">
        <v>36237135.2757634</v>
      </c>
      <c r="R1015" s="53">
        <v>36580862.071013197</v>
      </c>
      <c r="S1015" s="53">
        <v>36834870.359897196</v>
      </c>
      <c r="T1015" s="53">
        <v>38641948.703907996</v>
      </c>
      <c r="U1015" s="53">
        <v>38879828.9603706</v>
      </c>
      <c r="V1015" s="53">
        <v>38882904.848575003</v>
      </c>
      <c r="W1015" s="53">
        <v>38884763.060583301</v>
      </c>
      <c r="X1015" s="53">
        <v>38886626.312073402</v>
      </c>
      <c r="Y1015" s="53">
        <v>38889724.421997197</v>
      </c>
      <c r="Z1015" s="53">
        <v>39069827.653780803</v>
      </c>
      <c r="AA1015" s="53">
        <v>453814401.876185</v>
      </c>
      <c r="AB1015" s="53">
        <v>39306223.099354103</v>
      </c>
      <c r="AC1015" s="53">
        <v>39357880.959122002</v>
      </c>
      <c r="AD1015" s="53">
        <v>39471224.426104002</v>
      </c>
      <c r="AE1015" s="53">
        <v>39638509.421947204</v>
      </c>
      <c r="AF1015" s="53">
        <v>39753184.404996298</v>
      </c>
      <c r="AG1015" s="53">
        <v>41397161.181390502</v>
      </c>
      <c r="AH1015" s="53">
        <v>41601591.660923503</v>
      </c>
      <c r="AI1015" s="53">
        <v>41604689.8007496</v>
      </c>
      <c r="AJ1015" s="53">
        <v>41606562.634747297</v>
      </c>
      <c r="AK1015" s="53">
        <v>41608440.469636798</v>
      </c>
      <c r="AL1015" s="53">
        <v>41611560.626255199</v>
      </c>
      <c r="AM1015" s="53">
        <v>41854346.819960304</v>
      </c>
      <c r="AN1015" s="53">
        <v>488811375.50518698</v>
      </c>
      <c r="AO1015" s="53">
        <v>42149763.948048197</v>
      </c>
      <c r="AP1015" s="53">
        <v>42162753.145773403</v>
      </c>
      <c r="AQ1015" s="53">
        <v>42277691.0645772</v>
      </c>
      <c r="AR1015" s="53">
        <v>42445221.105629399</v>
      </c>
      <c r="AS1015" s="53">
        <v>42548914.781334899</v>
      </c>
      <c r="AT1015" s="53">
        <v>45204155.0043457</v>
      </c>
      <c r="AU1015" s="53">
        <v>45120932.624765903</v>
      </c>
      <c r="AV1015" s="53">
        <v>45124104.600499101</v>
      </c>
      <c r="AW1015" s="53">
        <v>45126023.480033502</v>
      </c>
      <c r="AX1015" s="53">
        <v>45127947.483411796</v>
      </c>
      <c r="AY1015" s="53">
        <v>45131141.919328302</v>
      </c>
      <c r="AZ1015" s="53">
        <v>45381725.828559503</v>
      </c>
      <c r="BA1015" s="53">
        <v>527800374.98630702</v>
      </c>
    </row>
    <row r="1016" spans="1:53">
      <c r="A1016" s="52" t="s">
        <v>4322</v>
      </c>
      <c r="B1016" s="53"/>
      <c r="C1016" s="53"/>
      <c r="D1016" s="53"/>
      <c r="E1016" s="53"/>
      <c r="F1016" s="53"/>
      <c r="G1016" s="53"/>
      <c r="H1016" s="53"/>
      <c r="I1016" s="53"/>
      <c r="J1016" s="53"/>
      <c r="K1016" s="53"/>
      <c r="L1016" s="53"/>
      <c r="M1016" s="53"/>
      <c r="N1016" s="53"/>
      <c r="O1016" s="53"/>
      <c r="P1016" s="53"/>
      <c r="Q1016" s="53"/>
      <c r="R1016" s="53"/>
      <c r="S1016" s="53"/>
      <c r="T1016" s="53"/>
      <c r="U1016" s="53"/>
      <c r="V1016" s="53"/>
      <c r="W1016" s="53"/>
      <c r="X1016" s="53"/>
      <c r="Y1016" s="53"/>
      <c r="Z1016" s="53"/>
      <c r="AA1016" s="53"/>
      <c r="AB1016" s="53"/>
      <c r="AC1016" s="53"/>
      <c r="AD1016" s="53"/>
      <c r="AE1016" s="53"/>
      <c r="AF1016" s="53"/>
      <c r="AG1016" s="53"/>
      <c r="AH1016" s="53"/>
      <c r="AI1016" s="53"/>
      <c r="AJ1016" s="53"/>
      <c r="AK1016" s="53"/>
      <c r="AL1016" s="53"/>
      <c r="AM1016" s="53"/>
      <c r="AN1016" s="53"/>
      <c r="AO1016" s="53"/>
      <c r="AP1016" s="53"/>
      <c r="AQ1016" s="53"/>
      <c r="AR1016" s="53"/>
      <c r="AS1016" s="53"/>
      <c r="AT1016" s="53"/>
      <c r="AU1016" s="53"/>
      <c r="AV1016" s="53"/>
      <c r="AW1016" s="53"/>
      <c r="AX1016" s="53"/>
      <c r="AY1016" s="53"/>
      <c r="AZ1016" s="53"/>
      <c r="BA1016" s="53"/>
    </row>
    <row r="1017" spans="1:53">
      <c r="A1017" s="52" t="s">
        <v>4323</v>
      </c>
      <c r="B1017" s="53"/>
      <c r="C1017" s="53"/>
      <c r="D1017" s="53"/>
      <c r="E1017" s="53"/>
      <c r="F1017" s="53"/>
      <c r="G1017" s="53"/>
      <c r="H1017" s="53"/>
      <c r="I1017" s="53"/>
      <c r="J1017" s="53"/>
      <c r="K1017" s="53"/>
      <c r="L1017" s="53"/>
      <c r="M1017" s="53"/>
      <c r="N1017" s="53"/>
      <c r="O1017" s="53"/>
      <c r="P1017" s="53"/>
      <c r="Q1017" s="53"/>
      <c r="R1017" s="53"/>
      <c r="S1017" s="53"/>
      <c r="T1017" s="53"/>
      <c r="U1017" s="53"/>
      <c r="V1017" s="53"/>
      <c r="W1017" s="53"/>
      <c r="X1017" s="53"/>
      <c r="Y1017" s="53"/>
      <c r="Z1017" s="53"/>
      <c r="AA1017" s="53"/>
      <c r="AB1017" s="53"/>
      <c r="AC1017" s="53"/>
      <c r="AD1017" s="53"/>
      <c r="AE1017" s="53"/>
      <c r="AF1017" s="53"/>
      <c r="AG1017" s="53"/>
      <c r="AH1017" s="53"/>
      <c r="AI1017" s="53"/>
      <c r="AJ1017" s="53"/>
      <c r="AK1017" s="53"/>
      <c r="AL1017" s="53"/>
      <c r="AM1017" s="53"/>
      <c r="AN1017" s="53"/>
      <c r="AO1017" s="53"/>
      <c r="AP1017" s="53"/>
      <c r="AQ1017" s="53"/>
      <c r="AR1017" s="53"/>
      <c r="AS1017" s="53"/>
      <c r="AT1017" s="53"/>
      <c r="AU1017" s="53"/>
      <c r="AV1017" s="53"/>
      <c r="AW1017" s="53"/>
      <c r="AX1017" s="53"/>
      <c r="AY1017" s="53"/>
      <c r="AZ1017" s="53"/>
      <c r="BA1017" s="53"/>
    </row>
    <row r="1018" spans="1:53">
      <c r="A1018" s="52" t="s">
        <v>4324</v>
      </c>
      <c r="B1018" s="53">
        <v>0</v>
      </c>
      <c r="C1018" s="53">
        <v>0</v>
      </c>
      <c r="D1018" s="53">
        <v>0</v>
      </c>
      <c r="E1018" s="53">
        <v>0</v>
      </c>
      <c r="F1018" s="53">
        <v>0</v>
      </c>
      <c r="G1018" s="53">
        <v>0</v>
      </c>
      <c r="H1018" s="53">
        <v>0</v>
      </c>
      <c r="I1018" s="53">
        <v>0</v>
      </c>
      <c r="J1018" s="53">
        <v>0</v>
      </c>
      <c r="K1018" s="53">
        <v>0</v>
      </c>
      <c r="L1018" s="53">
        <v>0</v>
      </c>
      <c r="M1018" s="53">
        <v>0</v>
      </c>
      <c r="N1018" s="53">
        <v>0</v>
      </c>
      <c r="O1018" s="53">
        <v>0</v>
      </c>
      <c r="P1018" s="53">
        <v>0</v>
      </c>
      <c r="Q1018" s="53">
        <v>0</v>
      </c>
      <c r="R1018" s="53">
        <v>0</v>
      </c>
      <c r="S1018" s="53">
        <v>0</v>
      </c>
      <c r="T1018" s="53">
        <v>0</v>
      </c>
      <c r="U1018" s="53">
        <v>0</v>
      </c>
      <c r="V1018" s="53">
        <v>0</v>
      </c>
      <c r="W1018" s="53">
        <v>0</v>
      </c>
      <c r="X1018" s="53">
        <v>0</v>
      </c>
      <c r="Y1018" s="53">
        <v>0</v>
      </c>
      <c r="Z1018" s="53">
        <v>0</v>
      </c>
      <c r="AA1018" s="53">
        <v>0</v>
      </c>
      <c r="AB1018" s="53">
        <v>0</v>
      </c>
      <c r="AC1018" s="53">
        <v>0</v>
      </c>
      <c r="AD1018" s="53">
        <v>0</v>
      </c>
      <c r="AE1018" s="53">
        <v>0</v>
      </c>
      <c r="AF1018" s="53">
        <v>0</v>
      </c>
      <c r="AG1018" s="53">
        <v>0</v>
      </c>
      <c r="AH1018" s="53">
        <v>0</v>
      </c>
      <c r="AI1018" s="53">
        <v>0</v>
      </c>
      <c r="AJ1018" s="53">
        <v>0</v>
      </c>
      <c r="AK1018" s="53">
        <v>0</v>
      </c>
      <c r="AL1018" s="53">
        <v>0</v>
      </c>
      <c r="AM1018" s="53">
        <v>0</v>
      </c>
      <c r="AN1018" s="53">
        <v>0</v>
      </c>
      <c r="AO1018" s="53">
        <v>0</v>
      </c>
      <c r="AP1018" s="53">
        <v>0</v>
      </c>
      <c r="AQ1018" s="53">
        <v>0</v>
      </c>
      <c r="AR1018" s="53">
        <v>0</v>
      </c>
      <c r="AS1018" s="53">
        <v>0</v>
      </c>
      <c r="AT1018" s="53">
        <v>0</v>
      </c>
      <c r="AU1018" s="53">
        <v>0</v>
      </c>
      <c r="AV1018" s="53">
        <v>0</v>
      </c>
      <c r="AW1018" s="53">
        <v>0</v>
      </c>
      <c r="AX1018" s="53">
        <v>0</v>
      </c>
      <c r="AY1018" s="53">
        <v>0</v>
      </c>
      <c r="AZ1018" s="53">
        <v>0</v>
      </c>
      <c r="BA1018" s="53">
        <v>0</v>
      </c>
    </row>
    <row r="1019" spans="1:53">
      <c r="A1019" s="52" t="s">
        <v>4325</v>
      </c>
      <c r="B1019" s="53">
        <v>0</v>
      </c>
      <c r="C1019" s="53">
        <v>0</v>
      </c>
      <c r="D1019" s="53">
        <v>0</v>
      </c>
      <c r="E1019" s="53">
        <v>0</v>
      </c>
      <c r="F1019" s="53">
        <v>0</v>
      </c>
      <c r="G1019" s="53">
        <v>0</v>
      </c>
      <c r="H1019" s="53">
        <v>0</v>
      </c>
      <c r="I1019" s="53">
        <v>0</v>
      </c>
      <c r="J1019" s="53">
        <v>0</v>
      </c>
      <c r="K1019" s="53">
        <v>0</v>
      </c>
      <c r="L1019" s="53">
        <v>0</v>
      </c>
      <c r="M1019" s="53">
        <v>0</v>
      </c>
      <c r="N1019" s="53">
        <v>0</v>
      </c>
      <c r="O1019" s="53">
        <v>0</v>
      </c>
      <c r="P1019" s="53">
        <v>0</v>
      </c>
      <c r="Q1019" s="53">
        <v>0</v>
      </c>
      <c r="R1019" s="53">
        <v>0</v>
      </c>
      <c r="S1019" s="53">
        <v>0</v>
      </c>
      <c r="T1019" s="53">
        <v>0</v>
      </c>
      <c r="U1019" s="53">
        <v>0</v>
      </c>
      <c r="V1019" s="53">
        <v>0</v>
      </c>
      <c r="W1019" s="53">
        <v>0</v>
      </c>
      <c r="X1019" s="53">
        <v>0</v>
      </c>
      <c r="Y1019" s="53">
        <v>0</v>
      </c>
      <c r="Z1019" s="53">
        <v>0</v>
      </c>
      <c r="AA1019" s="53">
        <v>0</v>
      </c>
      <c r="AB1019" s="53">
        <v>0</v>
      </c>
      <c r="AC1019" s="53">
        <v>0</v>
      </c>
      <c r="AD1019" s="53">
        <v>0</v>
      </c>
      <c r="AE1019" s="53">
        <v>0</v>
      </c>
      <c r="AF1019" s="53">
        <v>0</v>
      </c>
      <c r="AG1019" s="53">
        <v>0</v>
      </c>
      <c r="AH1019" s="53">
        <v>0</v>
      </c>
      <c r="AI1019" s="53">
        <v>0</v>
      </c>
      <c r="AJ1019" s="53">
        <v>0</v>
      </c>
      <c r="AK1019" s="53">
        <v>0</v>
      </c>
      <c r="AL1019" s="53">
        <v>0</v>
      </c>
      <c r="AM1019" s="53">
        <v>0</v>
      </c>
      <c r="AN1019" s="53">
        <v>0</v>
      </c>
      <c r="AO1019" s="53">
        <v>0</v>
      </c>
      <c r="AP1019" s="53">
        <v>0</v>
      </c>
      <c r="AQ1019" s="53">
        <v>0</v>
      </c>
      <c r="AR1019" s="53">
        <v>0</v>
      </c>
      <c r="AS1019" s="53">
        <v>0</v>
      </c>
      <c r="AT1019" s="53">
        <v>0</v>
      </c>
      <c r="AU1019" s="53">
        <v>0</v>
      </c>
      <c r="AV1019" s="53">
        <v>0</v>
      </c>
      <c r="AW1019" s="53">
        <v>0</v>
      </c>
      <c r="AX1019" s="53">
        <v>0</v>
      </c>
      <c r="AY1019" s="53">
        <v>0</v>
      </c>
      <c r="AZ1019" s="53">
        <v>0</v>
      </c>
      <c r="BA1019" s="53">
        <v>0</v>
      </c>
    </row>
    <row r="1020" spans="1:53">
      <c r="A1020" s="52" t="s">
        <v>4326</v>
      </c>
      <c r="B1020" s="53">
        <v>0</v>
      </c>
      <c r="C1020" s="53">
        <v>0</v>
      </c>
      <c r="D1020" s="53">
        <v>0</v>
      </c>
      <c r="E1020" s="53">
        <v>0</v>
      </c>
      <c r="F1020" s="53">
        <v>0</v>
      </c>
      <c r="G1020" s="53">
        <v>0</v>
      </c>
      <c r="H1020" s="53">
        <v>0</v>
      </c>
      <c r="I1020" s="53">
        <v>0</v>
      </c>
      <c r="J1020" s="53">
        <v>0</v>
      </c>
      <c r="K1020" s="53">
        <v>0</v>
      </c>
      <c r="L1020" s="53">
        <v>0</v>
      </c>
      <c r="M1020" s="53">
        <v>0</v>
      </c>
      <c r="N1020" s="53">
        <v>0</v>
      </c>
      <c r="O1020" s="53">
        <v>0</v>
      </c>
      <c r="P1020" s="53">
        <v>0</v>
      </c>
      <c r="Q1020" s="53">
        <v>0</v>
      </c>
      <c r="R1020" s="53">
        <v>0</v>
      </c>
      <c r="S1020" s="53">
        <v>0</v>
      </c>
      <c r="T1020" s="53">
        <v>0</v>
      </c>
      <c r="U1020" s="53">
        <v>0</v>
      </c>
      <c r="V1020" s="53">
        <v>0</v>
      </c>
      <c r="W1020" s="53">
        <v>0</v>
      </c>
      <c r="X1020" s="53">
        <v>0</v>
      </c>
      <c r="Y1020" s="53">
        <v>0</v>
      </c>
      <c r="Z1020" s="53">
        <v>0</v>
      </c>
      <c r="AA1020" s="53">
        <v>0</v>
      </c>
      <c r="AB1020" s="53">
        <v>0</v>
      </c>
      <c r="AC1020" s="53">
        <v>0</v>
      </c>
      <c r="AD1020" s="53">
        <v>0</v>
      </c>
      <c r="AE1020" s="53">
        <v>0</v>
      </c>
      <c r="AF1020" s="53">
        <v>0</v>
      </c>
      <c r="AG1020" s="53">
        <v>0</v>
      </c>
      <c r="AH1020" s="53">
        <v>0</v>
      </c>
      <c r="AI1020" s="53">
        <v>0</v>
      </c>
      <c r="AJ1020" s="53">
        <v>0</v>
      </c>
      <c r="AK1020" s="53">
        <v>0</v>
      </c>
      <c r="AL1020" s="53">
        <v>0</v>
      </c>
      <c r="AM1020" s="53">
        <v>0</v>
      </c>
      <c r="AN1020" s="53">
        <v>0</v>
      </c>
      <c r="AO1020" s="53">
        <v>0</v>
      </c>
      <c r="AP1020" s="53">
        <v>0</v>
      </c>
      <c r="AQ1020" s="53">
        <v>0</v>
      </c>
      <c r="AR1020" s="53">
        <v>0</v>
      </c>
      <c r="AS1020" s="53">
        <v>0</v>
      </c>
      <c r="AT1020" s="53">
        <v>0</v>
      </c>
      <c r="AU1020" s="53">
        <v>0</v>
      </c>
      <c r="AV1020" s="53">
        <v>0</v>
      </c>
      <c r="AW1020" s="53">
        <v>0</v>
      </c>
      <c r="AX1020" s="53">
        <v>0</v>
      </c>
      <c r="AY1020" s="53">
        <v>0</v>
      </c>
      <c r="AZ1020" s="53">
        <v>0</v>
      </c>
      <c r="BA1020" s="53">
        <v>0</v>
      </c>
    </row>
    <row r="1021" spans="1:53">
      <c r="A1021" s="52" t="s">
        <v>4327</v>
      </c>
      <c r="B1021" s="53">
        <v>277104.14294530201</v>
      </c>
      <c r="C1021" s="53">
        <v>270159.29685873701</v>
      </c>
      <c r="D1021" s="53">
        <v>297283.35063128202</v>
      </c>
      <c r="E1021" s="53">
        <v>327603.608163186</v>
      </c>
      <c r="F1021" s="53">
        <v>326956.39319673198</v>
      </c>
      <c r="G1021" s="53">
        <v>326277.40319690801</v>
      </c>
      <c r="H1021" s="53">
        <v>323155.15842539299</v>
      </c>
      <c r="I1021" s="53">
        <v>317893.551302568</v>
      </c>
      <c r="J1021" s="53">
        <v>311367.40148902102</v>
      </c>
      <c r="K1021" s="53">
        <v>307578.50454853597</v>
      </c>
      <c r="L1021" s="53">
        <v>307711.53121452202</v>
      </c>
      <c r="M1021" s="53">
        <v>310779.188200659</v>
      </c>
      <c r="N1021" s="53">
        <v>3703869.53017285</v>
      </c>
      <c r="O1021" s="53">
        <v>248995.97521080999</v>
      </c>
      <c r="P1021" s="53">
        <v>243504.31189106201</v>
      </c>
      <c r="Q1021" s="53">
        <v>266722.17610251502</v>
      </c>
      <c r="R1021" s="53">
        <v>293499.41482042399</v>
      </c>
      <c r="S1021" s="53">
        <v>295053.76864535798</v>
      </c>
      <c r="T1021" s="53">
        <v>296436.47909601498</v>
      </c>
      <c r="U1021" s="53">
        <v>295480.58711370302</v>
      </c>
      <c r="V1021" s="53">
        <v>292235.870566661</v>
      </c>
      <c r="W1021" s="53">
        <v>289515.78236217803</v>
      </c>
      <c r="X1021" s="53">
        <v>289378.985549481</v>
      </c>
      <c r="Y1021" s="53">
        <v>291382.04364417499</v>
      </c>
      <c r="Z1021" s="53">
        <v>302842.41483585897</v>
      </c>
      <c r="AA1021" s="53">
        <v>3405047.80983824</v>
      </c>
      <c r="AB1021" s="53">
        <v>304912.06120051403</v>
      </c>
      <c r="AC1021" s="53">
        <v>297906.98765802901</v>
      </c>
      <c r="AD1021" s="53">
        <v>319143.81487834698</v>
      </c>
      <c r="AE1021" s="53">
        <v>343132.961115251</v>
      </c>
      <c r="AF1021" s="53">
        <v>341599.63960200897</v>
      </c>
      <c r="AG1021" s="53">
        <v>340013.05921100703</v>
      </c>
      <c r="AH1021" s="53">
        <v>336646.13326009799</v>
      </c>
      <c r="AI1021" s="53">
        <v>331334.64374221902</v>
      </c>
      <c r="AJ1021" s="53">
        <v>326378.12169004098</v>
      </c>
      <c r="AK1021" s="53">
        <v>323337.41220084601</v>
      </c>
      <c r="AL1021" s="53">
        <v>321885.57347901899</v>
      </c>
      <c r="AM1021" s="53">
        <v>331559.05964939803</v>
      </c>
      <c r="AN1021" s="53">
        <v>3917849.4676867798</v>
      </c>
      <c r="AO1021" s="53">
        <v>338144.46452408301</v>
      </c>
      <c r="AP1021" s="53">
        <v>330855.73044925201</v>
      </c>
      <c r="AQ1021" s="53">
        <v>351933.501374277</v>
      </c>
      <c r="AR1021" s="53">
        <v>375715.67567807197</v>
      </c>
      <c r="AS1021" s="53">
        <v>373880.59728515201</v>
      </c>
      <c r="AT1021" s="53">
        <v>372006.52894821903</v>
      </c>
      <c r="AU1021" s="53">
        <v>368386.41943884298</v>
      </c>
      <c r="AV1021" s="53">
        <v>362824.851395901</v>
      </c>
      <c r="AW1021" s="53">
        <v>357676.10292850999</v>
      </c>
      <c r="AX1021" s="53">
        <v>354428.37255848502</v>
      </c>
      <c r="AY1021" s="53">
        <v>352681.21670950099</v>
      </c>
      <c r="AZ1021" s="53">
        <v>362380.86153300101</v>
      </c>
      <c r="BA1021" s="53">
        <v>4300914.3228233</v>
      </c>
    </row>
    <row r="1022" spans="1:53">
      <c r="A1022" s="52" t="s">
        <v>4328</v>
      </c>
      <c r="B1022" s="53">
        <v>11196</v>
      </c>
      <c r="C1022" s="53">
        <v>11196</v>
      </c>
      <c r="D1022" s="53">
        <v>317196</v>
      </c>
      <c r="E1022" s="53">
        <v>11196</v>
      </c>
      <c r="F1022" s="53">
        <v>11196</v>
      </c>
      <c r="G1022" s="53">
        <v>317196</v>
      </c>
      <c r="H1022" s="53">
        <v>11196</v>
      </c>
      <c r="I1022" s="53">
        <v>11196</v>
      </c>
      <c r="J1022" s="53">
        <v>317196</v>
      </c>
      <c r="K1022" s="53">
        <v>11196</v>
      </c>
      <c r="L1022" s="53">
        <v>11196</v>
      </c>
      <c r="M1022" s="53">
        <v>317196</v>
      </c>
      <c r="N1022" s="53">
        <v>1358352</v>
      </c>
      <c r="O1022" s="53">
        <v>11196</v>
      </c>
      <c r="P1022" s="53">
        <v>11196</v>
      </c>
      <c r="Q1022" s="53">
        <v>317196</v>
      </c>
      <c r="R1022" s="53">
        <v>11196</v>
      </c>
      <c r="S1022" s="53">
        <v>11196</v>
      </c>
      <c r="T1022" s="53">
        <v>317196</v>
      </c>
      <c r="U1022" s="53">
        <v>11196</v>
      </c>
      <c r="V1022" s="53">
        <v>11196</v>
      </c>
      <c r="W1022" s="53">
        <v>317196</v>
      </c>
      <c r="X1022" s="53">
        <v>11196</v>
      </c>
      <c r="Y1022" s="53">
        <v>11196</v>
      </c>
      <c r="Z1022" s="53">
        <v>317196</v>
      </c>
      <c r="AA1022" s="53">
        <v>1358352</v>
      </c>
      <c r="AB1022" s="53">
        <v>11196</v>
      </c>
      <c r="AC1022" s="53">
        <v>11196</v>
      </c>
      <c r="AD1022" s="53">
        <v>317196</v>
      </c>
      <c r="AE1022" s="53">
        <v>11196</v>
      </c>
      <c r="AF1022" s="53">
        <v>11196</v>
      </c>
      <c r="AG1022" s="53">
        <v>317196</v>
      </c>
      <c r="AH1022" s="53">
        <v>11196</v>
      </c>
      <c r="AI1022" s="53">
        <v>11196</v>
      </c>
      <c r="AJ1022" s="53">
        <v>317196</v>
      </c>
      <c r="AK1022" s="53">
        <v>11196</v>
      </c>
      <c r="AL1022" s="53">
        <v>11196</v>
      </c>
      <c r="AM1022" s="53">
        <v>317196</v>
      </c>
      <c r="AN1022" s="53">
        <v>1358352</v>
      </c>
      <c r="AO1022" s="53">
        <v>11196</v>
      </c>
      <c r="AP1022" s="53">
        <v>11196</v>
      </c>
      <c r="AQ1022" s="53">
        <v>317196</v>
      </c>
      <c r="AR1022" s="53">
        <v>11196</v>
      </c>
      <c r="AS1022" s="53">
        <v>11196</v>
      </c>
      <c r="AT1022" s="53">
        <v>317196</v>
      </c>
      <c r="AU1022" s="53">
        <v>11196</v>
      </c>
      <c r="AV1022" s="53">
        <v>11196</v>
      </c>
      <c r="AW1022" s="53">
        <v>317196</v>
      </c>
      <c r="AX1022" s="53">
        <v>11196</v>
      </c>
      <c r="AY1022" s="53">
        <v>11196</v>
      </c>
      <c r="AZ1022" s="53">
        <v>317196</v>
      </c>
      <c r="BA1022" s="53">
        <v>1358352</v>
      </c>
    </row>
    <row r="1023" spans="1:53">
      <c r="A1023" s="52" t="s">
        <v>4329</v>
      </c>
      <c r="B1023" s="53">
        <v>0</v>
      </c>
      <c r="C1023" s="53">
        <v>0</v>
      </c>
      <c r="D1023" s="53">
        <v>0</v>
      </c>
      <c r="E1023" s="53">
        <v>0</v>
      </c>
      <c r="F1023" s="53">
        <v>0</v>
      </c>
      <c r="G1023" s="53">
        <v>0</v>
      </c>
      <c r="H1023" s="53">
        <v>0</v>
      </c>
      <c r="I1023" s="53">
        <v>0</v>
      </c>
      <c r="J1023" s="53">
        <v>0</v>
      </c>
      <c r="K1023" s="53">
        <v>0</v>
      </c>
      <c r="L1023" s="53">
        <v>0</v>
      </c>
      <c r="M1023" s="53">
        <v>0</v>
      </c>
      <c r="N1023" s="53">
        <v>0</v>
      </c>
      <c r="O1023" s="53">
        <v>0</v>
      </c>
      <c r="P1023" s="53">
        <v>0</v>
      </c>
      <c r="Q1023" s="53">
        <v>0</v>
      </c>
      <c r="R1023" s="53">
        <v>0</v>
      </c>
      <c r="S1023" s="53">
        <v>0</v>
      </c>
      <c r="T1023" s="53">
        <v>0</v>
      </c>
      <c r="U1023" s="53">
        <v>0</v>
      </c>
      <c r="V1023" s="53">
        <v>0</v>
      </c>
      <c r="W1023" s="53">
        <v>0</v>
      </c>
      <c r="X1023" s="53">
        <v>0</v>
      </c>
      <c r="Y1023" s="53">
        <v>0</v>
      </c>
      <c r="Z1023" s="53">
        <v>0</v>
      </c>
      <c r="AA1023" s="53">
        <v>0</v>
      </c>
      <c r="AB1023" s="53">
        <v>0</v>
      </c>
      <c r="AC1023" s="53">
        <v>0</v>
      </c>
      <c r="AD1023" s="53">
        <v>0</v>
      </c>
      <c r="AE1023" s="53">
        <v>0</v>
      </c>
      <c r="AF1023" s="53">
        <v>0</v>
      </c>
      <c r="AG1023" s="53">
        <v>0</v>
      </c>
      <c r="AH1023" s="53">
        <v>0</v>
      </c>
      <c r="AI1023" s="53">
        <v>0</v>
      </c>
      <c r="AJ1023" s="53">
        <v>0</v>
      </c>
      <c r="AK1023" s="53">
        <v>0</v>
      </c>
      <c r="AL1023" s="53">
        <v>0</v>
      </c>
      <c r="AM1023" s="53">
        <v>0</v>
      </c>
      <c r="AN1023" s="53">
        <v>0</v>
      </c>
      <c r="AO1023" s="53">
        <v>0</v>
      </c>
      <c r="AP1023" s="53">
        <v>0</v>
      </c>
      <c r="AQ1023" s="53">
        <v>0</v>
      </c>
      <c r="AR1023" s="53">
        <v>0</v>
      </c>
      <c r="AS1023" s="53">
        <v>0</v>
      </c>
      <c r="AT1023" s="53">
        <v>0</v>
      </c>
      <c r="AU1023" s="53">
        <v>0</v>
      </c>
      <c r="AV1023" s="53">
        <v>0</v>
      </c>
      <c r="AW1023" s="53">
        <v>0</v>
      </c>
      <c r="AX1023" s="53">
        <v>0</v>
      </c>
      <c r="AY1023" s="53">
        <v>0</v>
      </c>
      <c r="AZ1023" s="53">
        <v>0</v>
      </c>
      <c r="BA1023" s="53">
        <v>0</v>
      </c>
    </row>
    <row r="1024" spans="1:53">
      <c r="A1024" s="52" t="s">
        <v>4330</v>
      </c>
      <c r="B1024" s="53">
        <v>0</v>
      </c>
      <c r="C1024" s="53">
        <v>0</v>
      </c>
      <c r="D1024" s="53">
        <v>0</v>
      </c>
      <c r="E1024" s="53">
        <v>0</v>
      </c>
      <c r="F1024" s="53">
        <v>0</v>
      </c>
      <c r="G1024" s="53">
        <v>0</v>
      </c>
      <c r="H1024" s="53">
        <v>0</v>
      </c>
      <c r="I1024" s="53">
        <v>0</v>
      </c>
      <c r="J1024" s="53">
        <v>0</v>
      </c>
      <c r="K1024" s="53">
        <v>0</v>
      </c>
      <c r="L1024" s="53">
        <v>0</v>
      </c>
      <c r="M1024" s="53">
        <v>0</v>
      </c>
      <c r="N1024" s="53">
        <v>0</v>
      </c>
      <c r="O1024" s="53">
        <v>0</v>
      </c>
      <c r="P1024" s="53">
        <v>0</v>
      </c>
      <c r="Q1024" s="53">
        <v>0</v>
      </c>
      <c r="R1024" s="53">
        <v>0</v>
      </c>
      <c r="S1024" s="53">
        <v>0</v>
      </c>
      <c r="T1024" s="53">
        <v>0</v>
      </c>
      <c r="U1024" s="53">
        <v>0</v>
      </c>
      <c r="V1024" s="53">
        <v>0</v>
      </c>
      <c r="W1024" s="53">
        <v>0</v>
      </c>
      <c r="X1024" s="53">
        <v>0</v>
      </c>
      <c r="Y1024" s="53">
        <v>0</v>
      </c>
      <c r="Z1024" s="53">
        <v>0</v>
      </c>
      <c r="AA1024" s="53">
        <v>0</v>
      </c>
      <c r="AB1024" s="53">
        <v>0</v>
      </c>
      <c r="AC1024" s="53">
        <v>0</v>
      </c>
      <c r="AD1024" s="53">
        <v>0</v>
      </c>
      <c r="AE1024" s="53">
        <v>0</v>
      </c>
      <c r="AF1024" s="53">
        <v>0</v>
      </c>
      <c r="AG1024" s="53">
        <v>0</v>
      </c>
      <c r="AH1024" s="53">
        <v>0</v>
      </c>
      <c r="AI1024" s="53">
        <v>0</v>
      </c>
      <c r="AJ1024" s="53">
        <v>0</v>
      </c>
      <c r="AK1024" s="53">
        <v>0</v>
      </c>
      <c r="AL1024" s="53">
        <v>0</v>
      </c>
      <c r="AM1024" s="53">
        <v>0</v>
      </c>
      <c r="AN1024" s="53">
        <v>0</v>
      </c>
      <c r="AO1024" s="53">
        <v>0</v>
      </c>
      <c r="AP1024" s="53">
        <v>0</v>
      </c>
      <c r="AQ1024" s="53">
        <v>0</v>
      </c>
      <c r="AR1024" s="53">
        <v>0</v>
      </c>
      <c r="AS1024" s="53">
        <v>0</v>
      </c>
      <c r="AT1024" s="53">
        <v>0</v>
      </c>
      <c r="AU1024" s="53">
        <v>0</v>
      </c>
      <c r="AV1024" s="53">
        <v>0</v>
      </c>
      <c r="AW1024" s="53">
        <v>0</v>
      </c>
      <c r="AX1024" s="53">
        <v>0</v>
      </c>
      <c r="AY1024" s="53">
        <v>0</v>
      </c>
      <c r="AZ1024" s="53">
        <v>0</v>
      </c>
      <c r="BA1024" s="53">
        <v>0</v>
      </c>
    </row>
    <row r="1025" spans="1:53">
      <c r="A1025" s="52" t="s">
        <v>4331</v>
      </c>
      <c r="B1025" s="53">
        <v>288300.14294530201</v>
      </c>
      <c r="C1025" s="53">
        <v>281355.29685873701</v>
      </c>
      <c r="D1025" s="53">
        <v>614479.35063128197</v>
      </c>
      <c r="E1025" s="53">
        <v>338799.608163186</v>
      </c>
      <c r="F1025" s="53">
        <v>338152.39319673198</v>
      </c>
      <c r="G1025" s="53">
        <v>643473.40319690795</v>
      </c>
      <c r="H1025" s="53">
        <v>334351.15842539299</v>
      </c>
      <c r="I1025" s="53">
        <v>329089.551302568</v>
      </c>
      <c r="J1025" s="53">
        <v>628563.40148902102</v>
      </c>
      <c r="K1025" s="53">
        <v>318774.50454853597</v>
      </c>
      <c r="L1025" s="53">
        <v>318907.53121452202</v>
      </c>
      <c r="M1025" s="53">
        <v>627975.188200659</v>
      </c>
      <c r="N1025" s="53">
        <v>5062221.53017285</v>
      </c>
      <c r="O1025" s="53">
        <v>260191.97521080999</v>
      </c>
      <c r="P1025" s="53">
        <v>254700.31189106201</v>
      </c>
      <c r="Q1025" s="53">
        <v>583918.17610251496</v>
      </c>
      <c r="R1025" s="53">
        <v>304695.41482042399</v>
      </c>
      <c r="S1025" s="53">
        <v>306249.76864535798</v>
      </c>
      <c r="T1025" s="53">
        <v>613632.47909601498</v>
      </c>
      <c r="U1025" s="53">
        <v>306676.58711370302</v>
      </c>
      <c r="V1025" s="53">
        <v>303431.87056666199</v>
      </c>
      <c r="W1025" s="53">
        <v>606711.78236217797</v>
      </c>
      <c r="X1025" s="53">
        <v>300574.985549481</v>
      </c>
      <c r="Y1025" s="53">
        <v>302578.04364417499</v>
      </c>
      <c r="Z1025" s="53">
        <v>620038.41483585897</v>
      </c>
      <c r="AA1025" s="53">
        <v>4763399.80983824</v>
      </c>
      <c r="AB1025" s="53">
        <v>316108.06120051403</v>
      </c>
      <c r="AC1025" s="53">
        <v>309102.98765802901</v>
      </c>
      <c r="AD1025" s="53">
        <v>636339.81487834698</v>
      </c>
      <c r="AE1025" s="53">
        <v>354328.961115251</v>
      </c>
      <c r="AF1025" s="53">
        <v>352795.63960200897</v>
      </c>
      <c r="AG1025" s="53">
        <v>657209.05921100697</v>
      </c>
      <c r="AH1025" s="53">
        <v>347842.13326009799</v>
      </c>
      <c r="AI1025" s="53">
        <v>342530.64374221902</v>
      </c>
      <c r="AJ1025" s="53">
        <v>643574.12169004104</v>
      </c>
      <c r="AK1025" s="53">
        <v>334533.41220084601</v>
      </c>
      <c r="AL1025" s="53">
        <v>333081.57347901899</v>
      </c>
      <c r="AM1025" s="53">
        <v>648755.05964939797</v>
      </c>
      <c r="AN1025" s="53">
        <v>5276201.4676867798</v>
      </c>
      <c r="AO1025" s="53">
        <v>349340.46452408301</v>
      </c>
      <c r="AP1025" s="53">
        <v>342051.73044925201</v>
      </c>
      <c r="AQ1025" s="53">
        <v>669129.50137427705</v>
      </c>
      <c r="AR1025" s="53">
        <v>386911.67567807197</v>
      </c>
      <c r="AS1025" s="53">
        <v>385076.59728515201</v>
      </c>
      <c r="AT1025" s="53">
        <v>689202.52894821903</v>
      </c>
      <c r="AU1025" s="53">
        <v>379582.41943884298</v>
      </c>
      <c r="AV1025" s="53">
        <v>374020.851395901</v>
      </c>
      <c r="AW1025" s="53">
        <v>674872.10292851005</v>
      </c>
      <c r="AX1025" s="53">
        <v>365624.37255848502</v>
      </c>
      <c r="AY1025" s="53">
        <v>363877.21670950099</v>
      </c>
      <c r="AZ1025" s="53">
        <v>679576.86153300095</v>
      </c>
      <c r="BA1025" s="53">
        <v>5659266.3228233</v>
      </c>
    </row>
    <row r="1026" spans="1:53">
      <c r="A1026" s="52" t="s">
        <v>4332</v>
      </c>
      <c r="B1026" s="53">
        <v>-629646.84760394902</v>
      </c>
      <c r="C1026" s="53">
        <v>-386002.92051833402</v>
      </c>
      <c r="D1026" s="53">
        <v>-409161.31784538599</v>
      </c>
      <c r="E1026" s="53">
        <v>-431669.12717703503</v>
      </c>
      <c r="F1026" s="53">
        <v>-453970.72370911698</v>
      </c>
      <c r="G1026" s="53">
        <v>-475548.87893423298</v>
      </c>
      <c r="H1026" s="53">
        <v>-497348.59376690502</v>
      </c>
      <c r="I1026" s="53">
        <v>-517766.12873328797</v>
      </c>
      <c r="J1026" s="53">
        <v>-539082.07158123597</v>
      </c>
      <c r="K1026" s="53">
        <v>-367469.142248191</v>
      </c>
      <c r="L1026" s="53">
        <v>-382530.85720435699</v>
      </c>
      <c r="M1026" s="53">
        <v>-161548.96074721299</v>
      </c>
      <c r="N1026" s="53">
        <v>-5251745.5700692497</v>
      </c>
      <c r="O1026" s="53">
        <v>-165747.99787365401</v>
      </c>
      <c r="P1026" s="53">
        <v>-171676.72019238601</v>
      </c>
      <c r="Q1026" s="53">
        <v>-176681.904824992</v>
      </c>
      <c r="R1026" s="53">
        <v>-181732.04937467899</v>
      </c>
      <c r="S1026" s="53">
        <v>-186459.19055793001</v>
      </c>
      <c r="T1026" s="53">
        <v>-191039.59711827699</v>
      </c>
      <c r="U1026" s="53">
        <v>-196115.94614693301</v>
      </c>
      <c r="V1026" s="53">
        <v>-201153.25668833099</v>
      </c>
      <c r="W1026" s="53">
        <v>-206532.43743080701</v>
      </c>
      <c r="X1026" s="53">
        <v>-211667.60756329601</v>
      </c>
      <c r="Y1026" s="53">
        <v>-215837.38486479199</v>
      </c>
      <c r="Z1026" s="53">
        <v>-33643.239406726301</v>
      </c>
      <c r="AA1026" s="53">
        <v>-2138287.33204281</v>
      </c>
      <c r="AB1026" s="53">
        <v>-34123.487734871</v>
      </c>
      <c r="AC1026" s="53">
        <v>-40505.060553925403</v>
      </c>
      <c r="AD1026" s="53">
        <v>-52269.287573822803</v>
      </c>
      <c r="AE1026" s="53">
        <v>-64127.903262057</v>
      </c>
      <c r="AF1026" s="53">
        <v>-76081.928462397307</v>
      </c>
      <c r="AG1026" s="53">
        <v>-88132.397223583102</v>
      </c>
      <c r="AH1026" s="53">
        <v>-100280.356992029</v>
      </c>
      <c r="AI1026" s="53">
        <v>-112526.868807579</v>
      </c>
      <c r="AJ1026" s="53">
        <v>-124873.00750235999</v>
      </c>
      <c r="AK1026" s="53">
        <v>-137319.86190318799</v>
      </c>
      <c r="AL1026" s="53">
        <v>-149868.53503674999</v>
      </c>
      <c r="AM1026" s="53">
        <v>-162520.14433868899</v>
      </c>
      <c r="AN1026" s="53">
        <v>-1142628.8393912499</v>
      </c>
      <c r="AO1026" s="53">
        <v>-172296.31591302899</v>
      </c>
      <c r="AP1026" s="53">
        <v>-185313.97451285401</v>
      </c>
      <c r="AQ1026" s="53">
        <v>-32358.934880170302</v>
      </c>
      <c r="AR1026" s="53">
        <v>-38282.608624829998</v>
      </c>
      <c r="AS1026" s="53">
        <v>-44253.834543143799</v>
      </c>
      <c r="AT1026" s="53">
        <v>-50273.127764053403</v>
      </c>
      <c r="AU1026" s="53">
        <v>-56341.010090416399</v>
      </c>
      <c r="AV1026" s="53">
        <v>-62458.010096514503</v>
      </c>
      <c r="AW1026" s="53">
        <v>-68624.663227103694</v>
      </c>
      <c r="AX1026" s="53">
        <v>-74841.511898255107</v>
      </c>
      <c r="AY1026" s="53">
        <v>-81109.1055995426</v>
      </c>
      <c r="AZ1026" s="53">
        <v>-87428.000998212199</v>
      </c>
      <c r="BA1026" s="53">
        <v>-953581.09814812604</v>
      </c>
    </row>
    <row r="1027" spans="1:53">
      <c r="A1027" s="52" t="s">
        <v>4333</v>
      </c>
      <c r="B1027" s="53">
        <v>-341346.70465864602</v>
      </c>
      <c r="C1027" s="53">
        <v>-104647.62365959601</v>
      </c>
      <c r="D1027" s="53">
        <v>205318.03278589499</v>
      </c>
      <c r="E1027" s="53">
        <v>-92869.519013848505</v>
      </c>
      <c r="F1027" s="53">
        <v>-115818.330512385</v>
      </c>
      <c r="G1027" s="53">
        <v>167924.524262675</v>
      </c>
      <c r="H1027" s="53">
        <v>-162997.435341512</v>
      </c>
      <c r="I1027" s="53">
        <v>-188676.57743071899</v>
      </c>
      <c r="J1027" s="53">
        <v>89481.329907784399</v>
      </c>
      <c r="K1027" s="53">
        <v>-48694.637699654297</v>
      </c>
      <c r="L1027" s="53">
        <v>-63623.325989835503</v>
      </c>
      <c r="M1027" s="53">
        <v>466426.22745344503</v>
      </c>
      <c r="N1027" s="53">
        <v>-189524.03989639701</v>
      </c>
      <c r="O1027" s="53">
        <v>94443.977337156495</v>
      </c>
      <c r="P1027" s="53">
        <v>83023.591698675198</v>
      </c>
      <c r="Q1027" s="53">
        <v>407236.27127752203</v>
      </c>
      <c r="R1027" s="53">
        <v>122963.365445744</v>
      </c>
      <c r="S1027" s="53">
        <v>119790.578087427</v>
      </c>
      <c r="T1027" s="53">
        <v>422592.88197773701</v>
      </c>
      <c r="U1027" s="53">
        <v>110560.640966769</v>
      </c>
      <c r="V1027" s="53">
        <v>102278.61387833</v>
      </c>
      <c r="W1027" s="53">
        <v>400179.34493137</v>
      </c>
      <c r="X1027" s="53">
        <v>88907.377986184802</v>
      </c>
      <c r="Y1027" s="53">
        <v>86740.658779382604</v>
      </c>
      <c r="Z1027" s="53">
        <v>586395.175429133</v>
      </c>
      <c r="AA1027" s="53">
        <v>2625112.47779543</v>
      </c>
      <c r="AB1027" s="53">
        <v>281984.57346564298</v>
      </c>
      <c r="AC1027" s="53">
        <v>268597.92710410297</v>
      </c>
      <c r="AD1027" s="53">
        <v>584070.52730452397</v>
      </c>
      <c r="AE1027" s="53">
        <v>290201.05785319401</v>
      </c>
      <c r="AF1027" s="53">
        <v>276713.71113961202</v>
      </c>
      <c r="AG1027" s="53">
        <v>569076.66198742401</v>
      </c>
      <c r="AH1027" s="53">
        <v>247561.77626806899</v>
      </c>
      <c r="AI1027" s="53">
        <v>230003.77493463899</v>
      </c>
      <c r="AJ1027" s="53">
        <v>518701.114187681</v>
      </c>
      <c r="AK1027" s="53">
        <v>197213.55029765799</v>
      </c>
      <c r="AL1027" s="53">
        <v>183213.038442269</v>
      </c>
      <c r="AM1027" s="53">
        <v>486234.91531070799</v>
      </c>
      <c r="AN1027" s="53">
        <v>4133572.6282955199</v>
      </c>
      <c r="AO1027" s="53">
        <v>177044.148611054</v>
      </c>
      <c r="AP1027" s="53">
        <v>156737.75593639701</v>
      </c>
      <c r="AQ1027" s="53">
        <v>636770.56649410597</v>
      </c>
      <c r="AR1027" s="53">
        <v>348629.067053242</v>
      </c>
      <c r="AS1027" s="53">
        <v>340822.76274200802</v>
      </c>
      <c r="AT1027" s="53">
        <v>638929.40118416504</v>
      </c>
      <c r="AU1027" s="53">
        <v>323241.40934842703</v>
      </c>
      <c r="AV1027" s="53">
        <v>311562.84129938699</v>
      </c>
      <c r="AW1027" s="53">
        <v>606247.43970140698</v>
      </c>
      <c r="AX1027" s="53">
        <v>290782.86066022998</v>
      </c>
      <c r="AY1027" s="53">
        <v>282768.11110995902</v>
      </c>
      <c r="AZ1027" s="53">
        <v>592148.86053478799</v>
      </c>
      <c r="BA1027" s="53">
        <v>4705685.2246751701</v>
      </c>
    </row>
    <row r="1028" spans="1:53">
      <c r="A1028" s="52" t="s">
        <v>4334</v>
      </c>
      <c r="B1028" s="53"/>
      <c r="C1028" s="53"/>
      <c r="D1028" s="53"/>
      <c r="E1028" s="53"/>
      <c r="F1028" s="53"/>
      <c r="G1028" s="53"/>
      <c r="H1028" s="53"/>
      <c r="I1028" s="53"/>
      <c r="J1028" s="53"/>
      <c r="K1028" s="53"/>
      <c r="L1028" s="53"/>
      <c r="M1028" s="53"/>
      <c r="N1028" s="53"/>
      <c r="O1028" s="53"/>
      <c r="P1028" s="53"/>
      <c r="Q1028" s="53"/>
      <c r="R1028" s="53"/>
      <c r="S1028" s="53"/>
      <c r="T1028" s="53"/>
      <c r="U1028" s="53"/>
      <c r="V1028" s="53"/>
      <c r="W1028" s="53"/>
      <c r="X1028" s="53"/>
      <c r="Y1028" s="53"/>
      <c r="Z1028" s="53"/>
      <c r="AA1028" s="53"/>
      <c r="AB1028" s="53"/>
      <c r="AC1028" s="53"/>
      <c r="AD1028" s="53"/>
      <c r="AE1028" s="53"/>
      <c r="AF1028" s="53"/>
      <c r="AG1028" s="53"/>
      <c r="AH1028" s="53"/>
      <c r="AI1028" s="53"/>
      <c r="AJ1028" s="53"/>
      <c r="AK1028" s="53"/>
      <c r="AL1028" s="53"/>
      <c r="AM1028" s="53"/>
      <c r="AN1028" s="53"/>
      <c r="AO1028" s="53"/>
      <c r="AP1028" s="53"/>
      <c r="AQ1028" s="53"/>
      <c r="AR1028" s="53"/>
      <c r="AS1028" s="53"/>
      <c r="AT1028" s="53"/>
      <c r="AU1028" s="53"/>
      <c r="AV1028" s="53"/>
      <c r="AW1028" s="53"/>
      <c r="AX1028" s="53"/>
      <c r="AY1028" s="53"/>
      <c r="AZ1028" s="53"/>
      <c r="BA1028" s="53"/>
    </row>
    <row r="1029" spans="1:53">
      <c r="A1029" s="232" t="s">
        <v>4335</v>
      </c>
      <c r="B1029" s="53">
        <v>34979017.281995602</v>
      </c>
      <c r="C1029" s="53">
        <v>35018956.349357903</v>
      </c>
      <c r="D1029" s="53">
        <v>35296736.269708999</v>
      </c>
      <c r="E1029" s="53">
        <v>34987320.217576496</v>
      </c>
      <c r="F1029" s="53">
        <v>35065326.707893103</v>
      </c>
      <c r="G1029" s="53">
        <v>35571295.4558492</v>
      </c>
      <c r="H1029" s="53">
        <v>35262566.254858598</v>
      </c>
      <c r="I1029" s="53">
        <v>36494141.5214426</v>
      </c>
      <c r="J1029" s="53">
        <v>36137904.405113503</v>
      </c>
      <c r="K1029" s="53">
        <v>35999728.437506102</v>
      </c>
      <c r="L1029" s="53">
        <v>35984799.749215901</v>
      </c>
      <c r="M1029" s="53">
        <v>36524870.981711403</v>
      </c>
      <c r="N1029" s="53">
        <v>427322663.63222897</v>
      </c>
      <c r="O1029" s="53">
        <v>36045046.105725102</v>
      </c>
      <c r="P1029" s="53">
        <v>36062811.779148199</v>
      </c>
      <c r="Q1029" s="53">
        <v>36592680.609669998</v>
      </c>
      <c r="R1029" s="53">
        <v>36649981.781809099</v>
      </c>
      <c r="S1029" s="53">
        <v>36898021.756124899</v>
      </c>
      <c r="T1029" s="53">
        <v>39006052.075201198</v>
      </c>
      <c r="U1029" s="53">
        <v>38930048.5309873</v>
      </c>
      <c r="V1029" s="53">
        <v>38921766.503898896</v>
      </c>
      <c r="W1029" s="53">
        <v>39219667.234951898</v>
      </c>
      <c r="X1029" s="53">
        <v>38908395.268006697</v>
      </c>
      <c r="Y1029" s="53">
        <v>38906228.548799902</v>
      </c>
      <c r="Z1029" s="53">
        <v>39584432.939863399</v>
      </c>
      <c r="AA1029" s="53">
        <v>455725133.13418698</v>
      </c>
      <c r="AB1029" s="53">
        <v>39515994.127700903</v>
      </c>
      <c r="AC1029" s="53">
        <v>39551205.647973798</v>
      </c>
      <c r="AD1029" s="53">
        <v>39977591.432555303</v>
      </c>
      <c r="AE1029" s="53">
        <v>39848838.095407397</v>
      </c>
      <c r="AF1029" s="53">
        <v>39947209.510950796</v>
      </c>
      <c r="AG1029" s="53">
        <v>41881684.260517597</v>
      </c>
      <c r="AH1029" s="53">
        <v>41762733.625661097</v>
      </c>
      <c r="AI1029" s="53">
        <v>41745175.624327697</v>
      </c>
      <c r="AJ1029" s="53">
        <v>42033872.963580698</v>
      </c>
      <c r="AK1029" s="53">
        <v>41712385.399690703</v>
      </c>
      <c r="AL1029" s="53">
        <v>41698384.887835301</v>
      </c>
      <c r="AM1029" s="53">
        <v>42242627.1097138</v>
      </c>
      <c r="AN1029" s="53">
        <v>491917702.68591499</v>
      </c>
      <c r="AO1029" s="53">
        <v>42227287.426522598</v>
      </c>
      <c r="AP1029" s="53">
        <v>42216837.622217998</v>
      </c>
      <c r="AQ1029" s="53">
        <v>42809318.819609404</v>
      </c>
      <c r="AR1029" s="53">
        <v>42686485.177063599</v>
      </c>
      <c r="AS1029" s="53">
        <v>42779489.003114998</v>
      </c>
      <c r="AT1029" s="53">
        <v>45730925.142243899</v>
      </c>
      <c r="AU1029" s="53">
        <v>45330102.675360397</v>
      </c>
      <c r="AV1029" s="53">
        <v>45318424.107311398</v>
      </c>
      <c r="AW1029" s="53">
        <v>45613108.705713399</v>
      </c>
      <c r="AX1029" s="53">
        <v>45297644.126672201</v>
      </c>
      <c r="AY1029" s="53">
        <v>45289629.377121903</v>
      </c>
      <c r="AZ1029" s="53">
        <v>45847989.197196499</v>
      </c>
      <c r="BA1029" s="53">
        <v>531147241.38014799</v>
      </c>
    </row>
    <row r="1030" spans="1:53">
      <c r="A1030" s="52" t="s">
        <v>4336</v>
      </c>
      <c r="B1030" s="53">
        <v>34943634.411445603</v>
      </c>
      <c r="C1030" s="53">
        <v>34983573.478807896</v>
      </c>
      <c r="D1030" s="53">
        <v>35261353.399158999</v>
      </c>
      <c r="E1030" s="53">
        <v>34951937.347026497</v>
      </c>
      <c r="F1030" s="53">
        <v>35029943.837343097</v>
      </c>
      <c r="G1030" s="53">
        <v>35535912.585299201</v>
      </c>
      <c r="H1030" s="53">
        <v>35227183.384308599</v>
      </c>
      <c r="I1030" s="53">
        <v>36458758.6508926</v>
      </c>
      <c r="J1030" s="53">
        <v>36102521.534563497</v>
      </c>
      <c r="K1030" s="53">
        <v>35964345.566956103</v>
      </c>
      <c r="L1030" s="53">
        <v>35949416.878665902</v>
      </c>
      <c r="M1030" s="53">
        <v>36489488.111161403</v>
      </c>
      <c r="N1030" s="53">
        <v>426898069.18562901</v>
      </c>
      <c r="O1030" s="53">
        <v>36045046.105725102</v>
      </c>
      <c r="P1030" s="53">
        <v>36062811.779148199</v>
      </c>
      <c r="Q1030" s="53">
        <v>36592680.609669998</v>
      </c>
      <c r="R1030" s="53">
        <v>36649981.781809099</v>
      </c>
      <c r="S1030" s="53">
        <v>36898021.756124899</v>
      </c>
      <c r="T1030" s="53">
        <v>39006052.075201198</v>
      </c>
      <c r="U1030" s="53">
        <v>38930048.5309873</v>
      </c>
      <c r="V1030" s="53">
        <v>38921766.503898896</v>
      </c>
      <c r="W1030" s="53">
        <v>39219667.234951898</v>
      </c>
      <c r="X1030" s="53">
        <v>38908395.268006802</v>
      </c>
      <c r="Y1030" s="53">
        <v>38906228.548799999</v>
      </c>
      <c r="Z1030" s="53">
        <v>39584432.939863399</v>
      </c>
      <c r="AA1030" s="53">
        <v>455725133.13418698</v>
      </c>
      <c r="AB1030" s="53">
        <v>39515994.127700903</v>
      </c>
      <c r="AC1030" s="53">
        <v>39551205.647973798</v>
      </c>
      <c r="AD1030" s="53">
        <v>39977591.432555303</v>
      </c>
      <c r="AE1030" s="53">
        <v>39848838.095407397</v>
      </c>
      <c r="AF1030" s="53">
        <v>39947209.510950796</v>
      </c>
      <c r="AG1030" s="53">
        <v>41881684.260517597</v>
      </c>
      <c r="AH1030" s="53">
        <v>41762733.625661097</v>
      </c>
      <c r="AI1030" s="53">
        <v>41745175.624327697</v>
      </c>
      <c r="AJ1030" s="53">
        <v>42033872.963580698</v>
      </c>
      <c r="AK1030" s="53">
        <v>41712385.399690703</v>
      </c>
      <c r="AL1030" s="53">
        <v>41698384.887835301</v>
      </c>
      <c r="AM1030" s="53">
        <v>42242627.1097138</v>
      </c>
      <c r="AN1030" s="53">
        <v>491917702.68591499</v>
      </c>
      <c r="AO1030" s="53">
        <v>42227287.426522598</v>
      </c>
      <c r="AP1030" s="53">
        <v>42216837.622217998</v>
      </c>
      <c r="AQ1030" s="53">
        <v>42809318.819609404</v>
      </c>
      <c r="AR1030" s="53">
        <v>42686485.177063599</v>
      </c>
      <c r="AS1030" s="53">
        <v>42779489.003114998</v>
      </c>
      <c r="AT1030" s="53">
        <v>45730925.142243899</v>
      </c>
      <c r="AU1030" s="53">
        <v>45330102.675360397</v>
      </c>
      <c r="AV1030" s="53">
        <v>45318424.107311398</v>
      </c>
      <c r="AW1030" s="53">
        <v>45613108.705713399</v>
      </c>
      <c r="AX1030" s="53">
        <v>45297644.126672201</v>
      </c>
      <c r="AY1030" s="53">
        <v>45289629.377121903</v>
      </c>
      <c r="AZ1030" s="53">
        <v>45847989.197196499</v>
      </c>
      <c r="BA1030" s="53">
        <v>531147241.38014799</v>
      </c>
    </row>
    <row r="1031" spans="1:53">
      <c r="A1031" s="52" t="s">
        <v>4337</v>
      </c>
      <c r="B1031" s="53">
        <v>35382.870549998101</v>
      </c>
      <c r="C1031" s="53">
        <v>35382.870549990897</v>
      </c>
      <c r="D1031" s="53">
        <v>35382.870549990897</v>
      </c>
      <c r="E1031" s="53">
        <v>35382.870549990897</v>
      </c>
      <c r="F1031" s="53">
        <v>35382.870549990897</v>
      </c>
      <c r="G1031" s="53">
        <v>35382.870549998101</v>
      </c>
      <c r="H1031" s="53">
        <v>35382.870549998101</v>
      </c>
      <c r="I1031" s="53">
        <v>35382.870549990897</v>
      </c>
      <c r="J1031" s="53">
        <v>35382.870549998101</v>
      </c>
      <c r="K1031" s="53">
        <v>35382.870549990897</v>
      </c>
      <c r="L1031" s="53">
        <v>35382.870549990897</v>
      </c>
      <c r="M1031" s="53">
        <v>35382.870549998101</v>
      </c>
      <c r="N1031" s="53">
        <v>424594.44659992697</v>
      </c>
      <c r="O1031" s="53">
        <v>-7.2759576141834201E-9</v>
      </c>
      <c r="P1031" s="53">
        <v>0</v>
      </c>
      <c r="Q1031" s="53">
        <v>0</v>
      </c>
      <c r="R1031" s="53">
        <v>-7.2759576141834201E-9</v>
      </c>
      <c r="S1031" s="53">
        <v>-7.2759576141834201E-9</v>
      </c>
      <c r="T1031" s="53">
        <v>0</v>
      </c>
      <c r="U1031" s="53">
        <v>-7.2759576141834201E-9</v>
      </c>
      <c r="V1031" s="53">
        <v>-7.2759576141834201E-9</v>
      </c>
      <c r="W1031" s="53">
        <v>0</v>
      </c>
      <c r="X1031" s="53">
        <v>-7.2759576141834201E-9</v>
      </c>
      <c r="Y1031" s="53">
        <v>-7.2759576141834201E-9</v>
      </c>
      <c r="Z1031" s="53">
        <v>-7.2759576141834201E-9</v>
      </c>
      <c r="AA1031" s="53">
        <v>-5.8207660913467401E-8</v>
      </c>
      <c r="AB1031" s="53">
        <v>-7.2759576141834201E-9</v>
      </c>
      <c r="AC1031" s="53">
        <v>-7.2759576141834201E-9</v>
      </c>
      <c r="AD1031" s="53">
        <v>-7.2759576141834201E-9</v>
      </c>
      <c r="AE1031" s="53">
        <v>-7.2759576141834201E-9</v>
      </c>
      <c r="AF1031" s="53">
        <v>-7.2759576141834201E-9</v>
      </c>
      <c r="AG1031" s="53">
        <v>0</v>
      </c>
      <c r="AH1031" s="53">
        <v>0</v>
      </c>
      <c r="AI1031" s="53">
        <v>-7.2759576141834201E-9</v>
      </c>
      <c r="AJ1031" s="53">
        <v>0</v>
      </c>
      <c r="AK1031" s="53">
        <v>0</v>
      </c>
      <c r="AL1031" s="53">
        <v>0</v>
      </c>
      <c r="AM1031" s="53">
        <v>-7.2759576141834201E-9</v>
      </c>
      <c r="AN1031" s="53">
        <v>-5.0931703299283902E-8</v>
      </c>
      <c r="AO1031" s="53">
        <v>0</v>
      </c>
      <c r="AP1031" s="53">
        <v>0</v>
      </c>
      <c r="AQ1031" s="53">
        <v>0</v>
      </c>
      <c r="AR1031" s="53">
        <v>-7.2759576141834201E-9</v>
      </c>
      <c r="AS1031" s="53">
        <v>-7.2759576141834201E-9</v>
      </c>
      <c r="AT1031" s="53">
        <v>-7.2759576141834201E-9</v>
      </c>
      <c r="AU1031" s="53">
        <v>-7.2759576141834201E-9</v>
      </c>
      <c r="AV1031" s="53">
        <v>0</v>
      </c>
      <c r="AW1031" s="53">
        <v>0</v>
      </c>
      <c r="AX1031" s="53">
        <v>0</v>
      </c>
      <c r="AY1031" s="53">
        <v>-7.2759576141834201E-9</v>
      </c>
      <c r="AZ1031" s="53">
        <v>0</v>
      </c>
      <c r="BA1031" s="53">
        <v>-3.6379788070917103E-8</v>
      </c>
    </row>
    <row r="1032" spans="1:53">
      <c r="A1032" s="52" t="s">
        <v>4338</v>
      </c>
      <c r="B1032" s="53"/>
      <c r="C1032" s="53"/>
      <c r="D1032" s="53"/>
      <c r="E1032" s="53"/>
      <c r="F1032" s="53"/>
      <c r="G1032" s="53"/>
      <c r="H1032" s="53"/>
      <c r="I1032" s="53"/>
      <c r="J1032" s="53"/>
      <c r="K1032" s="53"/>
      <c r="L1032" s="53"/>
      <c r="M1032" s="53"/>
      <c r="N1032" s="53"/>
      <c r="O1032" s="53"/>
      <c r="P1032" s="53"/>
      <c r="Q1032" s="53"/>
      <c r="R1032" s="53"/>
      <c r="S1032" s="53"/>
      <c r="T1032" s="53"/>
      <c r="U1032" s="53"/>
      <c r="V1032" s="53"/>
      <c r="W1032" s="53"/>
      <c r="X1032" s="53"/>
      <c r="Y1032" s="53"/>
      <c r="Z1032" s="53"/>
      <c r="AA1032" s="53"/>
      <c r="AB1032" s="53"/>
      <c r="AC1032" s="53"/>
      <c r="AD1032" s="53"/>
      <c r="AE1032" s="53"/>
      <c r="AF1032" s="53"/>
      <c r="AG1032" s="53"/>
      <c r="AH1032" s="53"/>
      <c r="AI1032" s="53"/>
      <c r="AJ1032" s="53"/>
      <c r="AK1032" s="53"/>
      <c r="AL1032" s="53"/>
      <c r="AM1032" s="53"/>
      <c r="AN1032" s="53"/>
      <c r="AO1032" s="53"/>
      <c r="AP1032" s="53"/>
      <c r="AQ1032" s="53"/>
      <c r="AR1032" s="53"/>
      <c r="AS1032" s="53"/>
      <c r="AT1032" s="53"/>
      <c r="AU1032" s="53"/>
      <c r="AV1032" s="53"/>
      <c r="AW1032" s="53"/>
      <c r="AX1032" s="53"/>
      <c r="AY1032" s="53"/>
      <c r="AZ1032" s="53"/>
      <c r="BA1032" s="53"/>
    </row>
    <row r="1033" spans="1:53">
      <c r="A1033" s="52" t="s">
        <v>4339</v>
      </c>
      <c r="B1033" s="53"/>
      <c r="C1033" s="53"/>
      <c r="D1033" s="53"/>
      <c r="E1033" s="53"/>
      <c r="F1033" s="53"/>
      <c r="G1033" s="53"/>
      <c r="H1033" s="53"/>
      <c r="I1033" s="53"/>
      <c r="J1033" s="53"/>
      <c r="K1033" s="53"/>
      <c r="L1033" s="53"/>
      <c r="M1033" s="53"/>
      <c r="N1033" s="53"/>
      <c r="O1033" s="53"/>
      <c r="P1033" s="53"/>
      <c r="Q1033" s="53"/>
      <c r="R1033" s="53"/>
      <c r="S1033" s="53"/>
      <c r="T1033" s="53"/>
      <c r="U1033" s="53"/>
      <c r="V1033" s="53"/>
      <c r="W1033" s="53"/>
      <c r="X1033" s="53"/>
      <c r="Y1033" s="53"/>
      <c r="Z1033" s="53"/>
      <c r="AA1033" s="53"/>
      <c r="AB1033" s="53"/>
      <c r="AC1033" s="53"/>
      <c r="AD1033" s="53"/>
      <c r="AE1033" s="53"/>
      <c r="AF1033" s="53"/>
      <c r="AG1033" s="53"/>
      <c r="AH1033" s="53"/>
      <c r="AI1033" s="53"/>
      <c r="AJ1033" s="53"/>
      <c r="AK1033" s="53"/>
      <c r="AL1033" s="53"/>
      <c r="AM1033" s="53"/>
      <c r="AN1033" s="53"/>
      <c r="AO1033" s="53"/>
      <c r="AP1033" s="53"/>
      <c r="AQ1033" s="53"/>
      <c r="AR1033" s="53"/>
      <c r="AS1033" s="53"/>
      <c r="AT1033" s="53"/>
      <c r="AU1033" s="53"/>
      <c r="AV1033" s="53"/>
      <c r="AW1033" s="53"/>
      <c r="AX1033" s="53"/>
      <c r="AY1033" s="53"/>
      <c r="AZ1033" s="53"/>
      <c r="BA1033" s="53"/>
    </row>
    <row r="1034" spans="1:53">
      <c r="A1034" s="52" t="s">
        <v>4340</v>
      </c>
      <c r="B1034" s="53">
        <v>0</v>
      </c>
      <c r="C1034" s="53">
        <v>0</v>
      </c>
      <c r="D1034" s="53">
        <v>0</v>
      </c>
      <c r="E1034" s="53">
        <v>0</v>
      </c>
      <c r="F1034" s="53">
        <v>0</v>
      </c>
      <c r="G1034" s="53">
        <v>0</v>
      </c>
      <c r="H1034" s="53">
        <v>0</v>
      </c>
      <c r="I1034" s="53">
        <v>0</v>
      </c>
      <c r="J1034" s="53">
        <v>0</v>
      </c>
      <c r="K1034" s="53">
        <v>0</v>
      </c>
      <c r="L1034" s="53">
        <v>0</v>
      </c>
      <c r="M1034" s="53">
        <v>0</v>
      </c>
      <c r="N1034" s="53">
        <v>0</v>
      </c>
      <c r="O1034" s="53">
        <v>-23773.5699920757</v>
      </c>
      <c r="P1034" s="53">
        <v>-23773.5699920757</v>
      </c>
      <c r="Q1034" s="53">
        <v>-23773.5699920757</v>
      </c>
      <c r="R1034" s="53">
        <v>-23773.5699920757</v>
      </c>
      <c r="S1034" s="53">
        <v>-23773.5699920757</v>
      </c>
      <c r="T1034" s="53">
        <v>-23773.5699920757</v>
      </c>
      <c r="U1034" s="53">
        <v>-23773.5699920757</v>
      </c>
      <c r="V1034" s="53">
        <v>-23773.5699920757</v>
      </c>
      <c r="W1034" s="53">
        <v>-23773.5699920757</v>
      </c>
      <c r="X1034" s="53">
        <v>-23773.5699920757</v>
      </c>
      <c r="Y1034" s="53">
        <v>-23773.5699920757</v>
      </c>
      <c r="Z1034" s="53">
        <v>-23773.5699920757</v>
      </c>
      <c r="AA1034" s="53">
        <v>-285282.83990490797</v>
      </c>
      <c r="AB1034" s="53">
        <v>-42167.5899470769</v>
      </c>
      <c r="AC1034" s="53">
        <v>-42167.5899470769</v>
      </c>
      <c r="AD1034" s="53">
        <v>-42167.5899470769</v>
      </c>
      <c r="AE1034" s="53">
        <v>-42167.5899470769</v>
      </c>
      <c r="AF1034" s="53">
        <v>-42167.5899470769</v>
      </c>
      <c r="AG1034" s="53">
        <v>-42167.5899470769</v>
      </c>
      <c r="AH1034" s="53">
        <v>-42167.5899470769</v>
      </c>
      <c r="AI1034" s="53">
        <v>-42167.5899470769</v>
      </c>
      <c r="AJ1034" s="53">
        <v>-42167.5899470769</v>
      </c>
      <c r="AK1034" s="53">
        <v>-42167.5899470769</v>
      </c>
      <c r="AL1034" s="53">
        <v>-42167.5899470769</v>
      </c>
      <c r="AM1034" s="53">
        <v>-42167.5899470769</v>
      </c>
      <c r="AN1034" s="53">
        <v>-506011.07936492201</v>
      </c>
      <c r="AO1034" s="53">
        <v>-43601.035722013199</v>
      </c>
      <c r="AP1034" s="53">
        <v>-43601.035722013199</v>
      </c>
      <c r="AQ1034" s="53">
        <v>-43601.035722013199</v>
      </c>
      <c r="AR1034" s="53">
        <v>-43601.035722013199</v>
      </c>
      <c r="AS1034" s="53">
        <v>-43601.035722013199</v>
      </c>
      <c r="AT1034" s="53">
        <v>-43601.035722013199</v>
      </c>
      <c r="AU1034" s="53">
        <v>-43601.035722013199</v>
      </c>
      <c r="AV1034" s="53">
        <v>-43601.035722013199</v>
      </c>
      <c r="AW1034" s="53">
        <v>-43601.035722013199</v>
      </c>
      <c r="AX1034" s="53">
        <v>-43601.035722013199</v>
      </c>
      <c r="AY1034" s="53">
        <v>-43601.035722013199</v>
      </c>
      <c r="AZ1034" s="53">
        <v>-43601.035722013199</v>
      </c>
      <c r="BA1034" s="53">
        <v>-523212.42866415798</v>
      </c>
    </row>
    <row r="1035" spans="1:53">
      <c r="A1035" s="240" t="s">
        <v>4341</v>
      </c>
      <c r="B1035" s="126"/>
      <c r="C1035" s="126"/>
      <c r="D1035" s="126"/>
      <c r="E1035" s="126"/>
      <c r="F1035" s="126"/>
      <c r="G1035" s="126"/>
      <c r="H1035" s="126"/>
      <c r="I1035" s="126"/>
      <c r="J1035" s="126"/>
      <c r="K1035" s="126"/>
      <c r="L1035" s="126"/>
      <c r="M1035" s="126"/>
      <c r="N1035" s="126"/>
      <c r="O1035" s="126"/>
      <c r="P1035" s="126"/>
      <c r="Q1035" s="126"/>
      <c r="R1035" s="126"/>
      <c r="S1035" s="126"/>
      <c r="T1035" s="126"/>
      <c r="U1035" s="126"/>
      <c r="V1035" s="126"/>
      <c r="W1035" s="126"/>
      <c r="X1035" s="126"/>
      <c r="Y1035" s="126"/>
      <c r="Z1035" s="126"/>
      <c r="AA1035" s="126"/>
      <c r="AB1035" s="126"/>
      <c r="AC1035" s="126"/>
      <c r="AD1035" s="126"/>
      <c r="AE1035" s="126"/>
      <c r="AF1035" s="126"/>
      <c r="AG1035" s="126"/>
      <c r="AH1035" s="126"/>
      <c r="AI1035" s="126"/>
      <c r="AJ1035" s="126"/>
      <c r="AK1035" s="126"/>
      <c r="AL1035" s="126"/>
      <c r="AM1035" s="126"/>
      <c r="AN1035" s="126"/>
      <c r="AO1035" s="126"/>
      <c r="AP1035" s="126"/>
      <c r="AQ1035" s="126"/>
      <c r="AR1035" s="126"/>
      <c r="AS1035" s="126"/>
      <c r="AT1035" s="126"/>
      <c r="AU1035" s="126"/>
      <c r="AV1035" s="126"/>
      <c r="AW1035" s="126"/>
      <c r="AX1035" s="126"/>
      <c r="AY1035" s="126"/>
      <c r="AZ1035" s="126"/>
      <c r="BA1035" s="126"/>
    </row>
    <row r="1036" spans="1:53">
      <c r="A1036" s="52" t="s">
        <v>4342</v>
      </c>
      <c r="B1036" s="53">
        <v>0</v>
      </c>
      <c r="C1036" s="53">
        <v>0</v>
      </c>
      <c r="D1036" s="53">
        <v>0</v>
      </c>
      <c r="E1036" s="53">
        <v>0</v>
      </c>
      <c r="F1036" s="53">
        <v>0</v>
      </c>
      <c r="G1036" s="53">
        <v>0</v>
      </c>
      <c r="H1036" s="53">
        <v>0</v>
      </c>
      <c r="I1036" s="53">
        <v>0</v>
      </c>
      <c r="J1036" s="53">
        <v>0</v>
      </c>
      <c r="K1036" s="53">
        <v>0</v>
      </c>
      <c r="L1036" s="53">
        <v>0</v>
      </c>
      <c r="M1036" s="53">
        <v>0</v>
      </c>
      <c r="N1036" s="53">
        <v>0</v>
      </c>
      <c r="O1036" s="53">
        <v>0</v>
      </c>
      <c r="P1036" s="53">
        <v>0</v>
      </c>
      <c r="Q1036" s="53">
        <v>0</v>
      </c>
      <c r="R1036" s="53">
        <v>0</v>
      </c>
      <c r="S1036" s="53">
        <v>0</v>
      </c>
      <c r="T1036" s="53">
        <v>0</v>
      </c>
      <c r="U1036" s="53">
        <v>0</v>
      </c>
      <c r="V1036" s="53">
        <v>0</v>
      </c>
      <c r="W1036" s="53">
        <v>0</v>
      </c>
      <c r="X1036" s="53">
        <v>0</v>
      </c>
      <c r="Y1036" s="53">
        <v>0</v>
      </c>
      <c r="Z1036" s="53">
        <v>0</v>
      </c>
      <c r="AA1036" s="53">
        <v>0</v>
      </c>
      <c r="AB1036" s="53">
        <v>0</v>
      </c>
      <c r="AC1036" s="53">
        <v>0</v>
      </c>
      <c r="AD1036" s="53">
        <v>0</v>
      </c>
      <c r="AE1036" s="53">
        <v>0</v>
      </c>
      <c r="AF1036" s="53">
        <v>0</v>
      </c>
      <c r="AG1036" s="53">
        <v>0</v>
      </c>
      <c r="AH1036" s="53">
        <v>0</v>
      </c>
      <c r="AI1036" s="53">
        <v>0</v>
      </c>
      <c r="AJ1036" s="53">
        <v>0</v>
      </c>
      <c r="AK1036" s="53">
        <v>0</v>
      </c>
      <c r="AL1036" s="53">
        <v>0</v>
      </c>
      <c r="AM1036" s="53">
        <v>0</v>
      </c>
      <c r="AN1036" s="53">
        <v>0</v>
      </c>
      <c r="AO1036" s="53">
        <v>0</v>
      </c>
      <c r="AP1036" s="53">
        <v>0</v>
      </c>
      <c r="AQ1036" s="53">
        <v>0</v>
      </c>
      <c r="AR1036" s="53">
        <v>0</v>
      </c>
      <c r="AS1036" s="53">
        <v>0</v>
      </c>
      <c r="AT1036" s="53">
        <v>0</v>
      </c>
      <c r="AU1036" s="53">
        <v>0</v>
      </c>
      <c r="AV1036" s="53">
        <v>0</v>
      </c>
      <c r="AW1036" s="53">
        <v>0</v>
      </c>
      <c r="AX1036" s="53">
        <v>0</v>
      </c>
      <c r="AY1036" s="53">
        <v>0</v>
      </c>
      <c r="AZ1036" s="53">
        <v>0</v>
      </c>
      <c r="BA1036" s="53">
        <v>0</v>
      </c>
    </row>
    <row r="1037" spans="1:53">
      <c r="A1037" s="52" t="s">
        <v>4343</v>
      </c>
      <c r="B1037" s="53">
        <v>-23858602.997754999</v>
      </c>
      <c r="C1037" s="53">
        <v>-2352975.8266663798</v>
      </c>
      <c r="D1037" s="53">
        <v>-10208798.585031001</v>
      </c>
      <c r="E1037" s="53">
        <v>-2548790.8073343998</v>
      </c>
      <c r="F1037" s="53">
        <v>-8357532.75948356</v>
      </c>
      <c r="G1037" s="53">
        <v>-12509278.952999899</v>
      </c>
      <c r="H1037" s="53">
        <v>-11462495.622832701</v>
      </c>
      <c r="I1037" s="53">
        <v>-29146746.2450151</v>
      </c>
      <c r="J1037" s="53">
        <v>-6730382.6087331204</v>
      </c>
      <c r="K1037" s="53">
        <v>-4148460.8342188098</v>
      </c>
      <c r="L1037" s="53">
        <v>3631377.3951014401</v>
      </c>
      <c r="M1037" s="53">
        <v>-8661207.0598711409</v>
      </c>
      <c r="N1037" s="53">
        <v>-116353894.90483899</v>
      </c>
      <c r="O1037" s="53">
        <v>914043.60129035998</v>
      </c>
      <c r="P1037" s="53">
        <v>17006536.291333001</v>
      </c>
      <c r="Q1037" s="53">
        <v>14570396.1584004</v>
      </c>
      <c r="R1037" s="53">
        <v>12882287.215310801</v>
      </c>
      <c r="S1037" s="53">
        <v>6763787.7192917597</v>
      </c>
      <c r="T1037" s="53">
        <v>9010429.0688313898</v>
      </c>
      <c r="U1037" s="53">
        <v>5953520.83652029</v>
      </c>
      <c r="V1037" s="53">
        <v>-7480710.3513430404</v>
      </c>
      <c r="W1037" s="53">
        <v>9496560.0411511697</v>
      </c>
      <c r="X1037" s="53">
        <v>9611470.3894565906</v>
      </c>
      <c r="Y1037" s="53">
        <v>15212376.6318077</v>
      </c>
      <c r="Z1037" s="53">
        <v>-1363931.3846626999</v>
      </c>
      <c r="AA1037" s="53">
        <v>92576766.217387795</v>
      </c>
      <c r="AB1037" s="53">
        <v>-1444480.8748038199</v>
      </c>
      <c r="AC1037" s="53">
        <v>15223519.184265001</v>
      </c>
      <c r="AD1037" s="53">
        <v>12139839.4489005</v>
      </c>
      <c r="AE1037" s="53">
        <v>67161866.635096893</v>
      </c>
      <c r="AF1037" s="53">
        <v>4412178.0350786503</v>
      </c>
      <c r="AG1037" s="53">
        <v>63231486.570179097</v>
      </c>
      <c r="AH1037" s="53">
        <v>3712979.7911132402</v>
      </c>
      <c r="AI1037" s="53">
        <v>-9547902.5425575096</v>
      </c>
      <c r="AJ1037" s="53">
        <v>-83598675.812977299</v>
      </c>
      <c r="AK1037" s="53">
        <v>8395451.9727156907</v>
      </c>
      <c r="AL1037" s="53">
        <v>14395054.261777701</v>
      </c>
      <c r="AM1037" s="53">
        <v>-32324892.719493002</v>
      </c>
      <c r="AN1037" s="53">
        <v>61756423.949294999</v>
      </c>
      <c r="AO1037" s="53">
        <v>-3011335.7974161501</v>
      </c>
      <c r="AP1037" s="53">
        <v>13775541.420566</v>
      </c>
      <c r="AQ1037" s="53">
        <v>6172580.9891634099</v>
      </c>
      <c r="AR1037" s="53">
        <v>65871438.568893999</v>
      </c>
      <c r="AS1037" s="53">
        <v>2012752.5797735699</v>
      </c>
      <c r="AT1037" s="53">
        <v>60610219.836156502</v>
      </c>
      <c r="AU1037" s="53">
        <v>773894.67994445201</v>
      </c>
      <c r="AV1037" s="53">
        <v>-12594831.281134499</v>
      </c>
      <c r="AW1037" s="53">
        <v>61878197.011863403</v>
      </c>
      <c r="AX1037" s="53">
        <v>5610285.5528973797</v>
      </c>
      <c r="AY1037" s="53">
        <v>10316004.2987877</v>
      </c>
      <c r="AZ1037" s="53">
        <v>-85202521.736430898</v>
      </c>
      <c r="BA1037" s="53">
        <v>126212226.12306499</v>
      </c>
    </row>
    <row r="1038" spans="1:53">
      <c r="A1038" s="52" t="s">
        <v>4344</v>
      </c>
      <c r="B1038" s="53"/>
      <c r="C1038" s="53"/>
      <c r="D1038" s="53"/>
      <c r="E1038" s="53"/>
      <c r="F1038" s="53"/>
      <c r="G1038" s="53"/>
      <c r="H1038" s="53"/>
      <c r="I1038" s="53"/>
      <c r="J1038" s="53"/>
      <c r="K1038" s="53"/>
      <c r="L1038" s="53"/>
      <c r="M1038" s="53"/>
      <c r="N1038" s="53"/>
      <c r="O1038" s="53"/>
      <c r="P1038" s="53"/>
      <c r="Q1038" s="53"/>
      <c r="R1038" s="53"/>
      <c r="S1038" s="53"/>
      <c r="T1038" s="53"/>
      <c r="U1038" s="53"/>
      <c r="V1038" s="53"/>
      <c r="W1038" s="53"/>
      <c r="X1038" s="53"/>
      <c r="Y1038" s="53"/>
      <c r="Z1038" s="53"/>
      <c r="AA1038" s="53"/>
      <c r="AB1038" s="53"/>
      <c r="AC1038" s="53"/>
      <c r="AD1038" s="53"/>
      <c r="AE1038" s="53"/>
      <c r="AF1038" s="53"/>
      <c r="AG1038" s="53"/>
      <c r="AH1038" s="53"/>
      <c r="AI1038" s="53"/>
      <c r="AJ1038" s="53"/>
      <c r="AK1038" s="53"/>
      <c r="AL1038" s="53"/>
      <c r="AM1038" s="53"/>
      <c r="AN1038" s="53"/>
      <c r="AO1038" s="53"/>
      <c r="AP1038" s="53"/>
      <c r="AQ1038" s="53"/>
      <c r="AR1038" s="53"/>
      <c r="AS1038" s="53"/>
      <c r="AT1038" s="53"/>
      <c r="AU1038" s="53"/>
      <c r="AV1038" s="53"/>
      <c r="AW1038" s="53"/>
      <c r="AX1038" s="53"/>
      <c r="AY1038" s="53"/>
      <c r="AZ1038" s="53"/>
      <c r="BA1038" s="53"/>
    </row>
    <row r="1039" spans="1:53">
      <c r="A1039" s="241" t="s">
        <v>4345</v>
      </c>
      <c r="B1039" s="126">
        <v>1.5018476956560001</v>
      </c>
      <c r="C1039" s="126">
        <v>1.5479520793127299</v>
      </c>
      <c r="D1039" s="126">
        <v>1.57367623693598</v>
      </c>
      <c r="E1039" s="126">
        <v>1.5252543559354299</v>
      </c>
      <c r="F1039" s="126">
        <v>1.4813819635807199</v>
      </c>
      <c r="G1039" s="126">
        <v>1.4336041377048201</v>
      </c>
      <c r="H1039" s="126">
        <v>1.3960854415225299</v>
      </c>
      <c r="I1039" s="126">
        <v>1.35051355138605</v>
      </c>
      <c r="J1039" s="126">
        <v>1.26753965774411</v>
      </c>
      <c r="K1039" s="126">
        <v>1.22610651766626</v>
      </c>
      <c r="L1039" s="126">
        <v>1.1948430635790099</v>
      </c>
      <c r="M1039" s="126">
        <v>1.1378955901597301</v>
      </c>
      <c r="N1039" s="126">
        <v>16.636700291183399</v>
      </c>
      <c r="O1039" s="126">
        <v>1.0493580966590399</v>
      </c>
      <c r="P1039" s="126">
        <v>0.97867872623071295</v>
      </c>
      <c r="Q1039" s="126">
        <v>0.887397226226322</v>
      </c>
      <c r="R1039" s="126">
        <v>0.82910548286565799</v>
      </c>
      <c r="S1039" s="126">
        <v>0.77087470327685503</v>
      </c>
      <c r="T1039" s="126">
        <v>0.68391614512001297</v>
      </c>
      <c r="U1039" s="126">
        <v>0.61345988958547004</v>
      </c>
      <c r="V1039" s="126">
        <v>0.52541310235845895</v>
      </c>
      <c r="W1039" s="126">
        <v>0.45088673314094901</v>
      </c>
      <c r="X1039" s="126">
        <v>0.38985870253149602</v>
      </c>
      <c r="Y1039" s="126">
        <v>0.33579402356367399</v>
      </c>
      <c r="Z1039" s="126">
        <v>0.28912529030881201</v>
      </c>
      <c r="AA1039" s="126">
        <v>7.8038681218674704</v>
      </c>
      <c r="AB1039" s="126">
        <v>0.28459821810187302</v>
      </c>
      <c r="AC1039" s="126">
        <v>0.27772889161245301</v>
      </c>
      <c r="AD1039" s="126">
        <v>0.27272072235685302</v>
      </c>
      <c r="AE1039" s="126">
        <v>3.8409823757863899E-2</v>
      </c>
      <c r="AF1039" s="126">
        <v>3.3074896373984398E-2</v>
      </c>
      <c r="AG1039" s="126">
        <v>-0.200584968745221</v>
      </c>
      <c r="AH1039" s="126">
        <v>-0.204870464573292</v>
      </c>
      <c r="AI1039" s="126">
        <v>-0.20999273883474601</v>
      </c>
      <c r="AJ1039" s="126">
        <v>0.15783541941252699</v>
      </c>
      <c r="AK1039" s="126">
        <v>0.149383203260088</v>
      </c>
      <c r="AL1039" s="126">
        <v>0.138169555467509</v>
      </c>
      <c r="AM1039" s="126">
        <v>0.253035068742821</v>
      </c>
      <c r="AN1039" s="126">
        <v>0.98950762693271599</v>
      </c>
      <c r="AO1039" s="126">
        <v>0.24689630864675</v>
      </c>
      <c r="AP1039" s="126">
        <v>0.243082637700542</v>
      </c>
      <c r="AQ1039" s="126">
        <v>0.25745229585547702</v>
      </c>
      <c r="AR1039" s="126">
        <v>0.251780945916941</v>
      </c>
      <c r="AS1039" s="126">
        <v>0.25163995468560102</v>
      </c>
      <c r="AT1039" s="126">
        <v>0.25106350208246703</v>
      </c>
      <c r="AU1039" s="126">
        <v>0.25182215076298098</v>
      </c>
      <c r="AV1039" s="126">
        <v>0.25312694924796098</v>
      </c>
      <c r="AW1039" s="126">
        <v>-0.38684812135844199</v>
      </c>
      <c r="AX1039" s="126">
        <v>-0.39001565710497699</v>
      </c>
      <c r="AY1039" s="126">
        <v>-0.38831490594103801</v>
      </c>
      <c r="AZ1039" s="126">
        <v>-0.17063910856284201</v>
      </c>
      <c r="BA1039" s="126">
        <v>0.67104695193142305</v>
      </c>
    </row>
    <row r="1040" spans="1:53">
      <c r="A1040" s="241" t="s">
        <v>4346</v>
      </c>
      <c r="B1040" s="126">
        <v>-0.50184769565600396</v>
      </c>
      <c r="C1040" s="126">
        <v>-0.54795207931273904</v>
      </c>
      <c r="D1040" s="126">
        <v>-0.57367623693598901</v>
      </c>
      <c r="E1040" s="126">
        <v>-0.52525435593543901</v>
      </c>
      <c r="F1040" s="126">
        <v>-0.48138196358072</v>
      </c>
      <c r="G1040" s="126">
        <v>-0.43360413770482198</v>
      </c>
      <c r="H1040" s="126">
        <v>-0.396085441522538</v>
      </c>
      <c r="I1040" s="126">
        <v>-0.350513551386053</v>
      </c>
      <c r="J1040" s="126">
        <v>-0.26753965774411198</v>
      </c>
      <c r="K1040" s="126">
        <v>-0.226106517666264</v>
      </c>
      <c r="L1040" s="126">
        <v>-0.19484306357901299</v>
      </c>
      <c r="M1040" s="126">
        <v>-0.13789559015973499</v>
      </c>
      <c r="N1040" s="126">
        <v>-4.6367002911834296</v>
      </c>
      <c r="O1040" s="126">
        <v>-4.9358096659048702E-2</v>
      </c>
      <c r="P1040" s="126">
        <v>2.13212737692864E-2</v>
      </c>
      <c r="Q1040" s="126">
        <v>0.112602773773677</v>
      </c>
      <c r="R1040" s="126">
        <v>0.17089451713434101</v>
      </c>
      <c r="S1040" s="126">
        <v>0.229125296723144</v>
      </c>
      <c r="T1040" s="126">
        <v>0.31608385487998603</v>
      </c>
      <c r="U1040" s="126">
        <v>0.38654011041452901</v>
      </c>
      <c r="V1040" s="126">
        <v>0.47458689764154</v>
      </c>
      <c r="W1040" s="126">
        <v>0.54911326685905004</v>
      </c>
      <c r="X1040" s="126">
        <v>0.61014129746850398</v>
      </c>
      <c r="Y1040" s="126">
        <v>0.66420597643632495</v>
      </c>
      <c r="Z1040" s="126">
        <v>0.71087470969118705</v>
      </c>
      <c r="AA1040" s="126">
        <v>4.1961318781325199</v>
      </c>
      <c r="AB1040" s="126">
        <v>0.71540178189812598</v>
      </c>
      <c r="AC1040" s="126">
        <v>0.72227110838754605</v>
      </c>
      <c r="AD1040" s="126">
        <v>0.72727927764314604</v>
      </c>
      <c r="AE1040" s="126">
        <v>0.96159017624213605</v>
      </c>
      <c r="AF1040" s="126">
        <v>0.96692510362601503</v>
      </c>
      <c r="AG1040" s="126">
        <v>1.2005849687452199</v>
      </c>
      <c r="AH1040" s="126">
        <v>1.2048704645732899</v>
      </c>
      <c r="AI1040" s="126">
        <v>1.20999273883474</v>
      </c>
      <c r="AJ1040" s="126">
        <v>0.84216458058747201</v>
      </c>
      <c r="AK1040" s="126">
        <v>0.85061679673991097</v>
      </c>
      <c r="AL1040" s="126">
        <v>0.86183044453249003</v>
      </c>
      <c r="AM1040" s="126">
        <v>0.746964931257178</v>
      </c>
      <c r="AN1040" s="126">
        <v>11.0104923730672</v>
      </c>
      <c r="AO1040" s="126">
        <v>0.75310369135324895</v>
      </c>
      <c r="AP1040" s="126">
        <v>0.75691736229945705</v>
      </c>
      <c r="AQ1040" s="126">
        <v>0.74254770414452198</v>
      </c>
      <c r="AR1040" s="126">
        <v>0.748219054083058</v>
      </c>
      <c r="AS1040" s="126">
        <v>0.74836004531439804</v>
      </c>
      <c r="AT1040" s="126">
        <v>0.74893649791753203</v>
      </c>
      <c r="AU1040" s="126">
        <v>0.74817784923701802</v>
      </c>
      <c r="AV1040" s="126">
        <v>0.74687305075203803</v>
      </c>
      <c r="AW1040" s="126">
        <v>1.38684812135844</v>
      </c>
      <c r="AX1040" s="126">
        <v>1.39001565710497</v>
      </c>
      <c r="AY1040" s="126">
        <v>1.38831490594103</v>
      </c>
      <c r="AZ1040" s="126">
        <v>1.17063910856284</v>
      </c>
      <c r="BA1040" s="126">
        <v>11.328953048068501</v>
      </c>
    </row>
    <row r="1041" spans="1:53">
      <c r="A1041" s="241" t="s">
        <v>4347</v>
      </c>
      <c r="B1041" s="126">
        <v>0.50690000000000002</v>
      </c>
      <c r="C1041" s="126">
        <v>0.50690000000000002</v>
      </c>
      <c r="D1041" s="126">
        <v>0.50690000000000002</v>
      </c>
      <c r="E1041" s="126">
        <v>0.50690000000000002</v>
      </c>
      <c r="F1041" s="126">
        <v>0.50690000000000002</v>
      </c>
      <c r="G1041" s="126">
        <v>0.50690000000000002</v>
      </c>
      <c r="H1041" s="126">
        <v>0.50690000000000002</v>
      </c>
      <c r="I1041" s="126">
        <v>0.50690000000000002</v>
      </c>
      <c r="J1041" s="126">
        <v>0.50690000000000002</v>
      </c>
      <c r="K1041" s="126">
        <v>0.50690000000000002</v>
      </c>
      <c r="L1041" s="126">
        <v>0.50690000000000002</v>
      </c>
      <c r="M1041" s="126">
        <v>0.50690000000000002</v>
      </c>
      <c r="N1041" s="126">
        <v>6.0827999999999998</v>
      </c>
      <c r="O1041" s="126">
        <v>0.50690000000000002</v>
      </c>
      <c r="P1041" s="126">
        <v>0.50690000000000002</v>
      </c>
      <c r="Q1041" s="126">
        <v>0.50690000000000002</v>
      </c>
      <c r="R1041" s="126">
        <v>0.50690000000000002</v>
      </c>
      <c r="S1041" s="126">
        <v>0.50690000000000002</v>
      </c>
      <c r="T1041" s="126">
        <v>0.50690000000000002</v>
      </c>
      <c r="U1041" s="126">
        <v>0.50690000000000002</v>
      </c>
      <c r="V1041" s="126">
        <v>0.50690000000000002</v>
      </c>
      <c r="W1041" s="126">
        <v>0.50690000000000002</v>
      </c>
      <c r="X1041" s="126">
        <v>0.50690000000000002</v>
      </c>
      <c r="Y1041" s="126">
        <v>0.50690000000000002</v>
      </c>
      <c r="Z1041" s="126">
        <v>0.50690000000000002</v>
      </c>
      <c r="AA1041" s="126">
        <v>6.0827999999999998</v>
      </c>
      <c r="AB1041" s="126">
        <v>0.50690000000000002</v>
      </c>
      <c r="AC1041" s="126">
        <v>0.50690000000000002</v>
      </c>
      <c r="AD1041" s="126">
        <v>0.50690000000000002</v>
      </c>
      <c r="AE1041" s="126">
        <v>0.50690000000000002</v>
      </c>
      <c r="AF1041" s="126">
        <v>0.50690000000000002</v>
      </c>
      <c r="AG1041" s="126">
        <v>0.50690000000000002</v>
      </c>
      <c r="AH1041" s="126">
        <v>0.50690000000000002</v>
      </c>
      <c r="AI1041" s="126">
        <v>0.50690000000000002</v>
      </c>
      <c r="AJ1041" s="126">
        <v>0.50690000000000002</v>
      </c>
      <c r="AK1041" s="126">
        <v>0.50690000000000002</v>
      </c>
      <c r="AL1041" s="126">
        <v>0.50690000000000002</v>
      </c>
      <c r="AM1041" s="126">
        <v>0.50690000000000002</v>
      </c>
      <c r="AN1041" s="126">
        <v>6.0827999999999998</v>
      </c>
      <c r="AO1041" s="126">
        <v>0.50690000000000002</v>
      </c>
      <c r="AP1041" s="126">
        <v>0.50690000000000002</v>
      </c>
      <c r="AQ1041" s="126">
        <v>0.50690000000000002</v>
      </c>
      <c r="AR1041" s="126">
        <v>0.50690000000000002</v>
      </c>
      <c r="AS1041" s="126">
        <v>0.50690000000000002</v>
      </c>
      <c r="AT1041" s="126">
        <v>0.50690000000000002</v>
      </c>
      <c r="AU1041" s="126">
        <v>0.50690000000000002</v>
      </c>
      <c r="AV1041" s="126">
        <v>0.50690000000000002</v>
      </c>
      <c r="AW1041" s="126">
        <v>0.50690000000000002</v>
      </c>
      <c r="AX1041" s="126">
        <v>0.50690000000000002</v>
      </c>
      <c r="AY1041" s="126">
        <v>0.50690000000000002</v>
      </c>
      <c r="AZ1041" s="126">
        <v>0.50690000000000002</v>
      </c>
      <c r="BA1041" s="126">
        <v>6.0827999999999998</v>
      </c>
    </row>
    <row r="1042" spans="1:53">
      <c r="A1042" s="241" t="s">
        <v>4348</v>
      </c>
      <c r="B1042" s="126">
        <v>12</v>
      </c>
      <c r="C1042" s="126">
        <v>12</v>
      </c>
      <c r="D1042" s="126">
        <v>12</v>
      </c>
      <c r="E1042" s="126">
        <v>12</v>
      </c>
      <c r="F1042" s="126">
        <v>12</v>
      </c>
      <c r="G1042" s="126">
        <v>12</v>
      </c>
      <c r="H1042" s="126">
        <v>12</v>
      </c>
      <c r="I1042" s="126">
        <v>12</v>
      </c>
      <c r="J1042" s="126">
        <v>12</v>
      </c>
      <c r="K1042" s="126">
        <v>12</v>
      </c>
      <c r="L1042" s="126">
        <v>12</v>
      </c>
      <c r="M1042" s="126">
        <v>12</v>
      </c>
      <c r="N1042" s="126">
        <v>144</v>
      </c>
      <c r="O1042" s="126">
        <v>12</v>
      </c>
      <c r="P1042" s="126">
        <v>12</v>
      </c>
      <c r="Q1042" s="126">
        <v>12</v>
      </c>
      <c r="R1042" s="126">
        <v>12</v>
      </c>
      <c r="S1042" s="126">
        <v>12</v>
      </c>
      <c r="T1042" s="126">
        <v>12</v>
      </c>
      <c r="U1042" s="126">
        <v>12</v>
      </c>
      <c r="V1042" s="126">
        <v>12</v>
      </c>
      <c r="W1042" s="126">
        <v>12</v>
      </c>
      <c r="X1042" s="126">
        <v>12</v>
      </c>
      <c r="Y1042" s="126">
        <v>12</v>
      </c>
      <c r="Z1042" s="126">
        <v>12</v>
      </c>
      <c r="AA1042" s="126">
        <v>144</v>
      </c>
      <c r="AB1042" s="126">
        <v>12</v>
      </c>
      <c r="AC1042" s="126">
        <v>12</v>
      </c>
      <c r="AD1042" s="126">
        <v>12</v>
      </c>
      <c r="AE1042" s="126">
        <v>12</v>
      </c>
      <c r="AF1042" s="126">
        <v>12</v>
      </c>
      <c r="AG1042" s="126">
        <v>12</v>
      </c>
      <c r="AH1042" s="126">
        <v>12</v>
      </c>
      <c r="AI1042" s="126">
        <v>12</v>
      </c>
      <c r="AJ1042" s="126">
        <v>12</v>
      </c>
      <c r="AK1042" s="126">
        <v>12</v>
      </c>
      <c r="AL1042" s="126">
        <v>12</v>
      </c>
      <c r="AM1042" s="126">
        <v>12</v>
      </c>
      <c r="AN1042" s="126">
        <v>144</v>
      </c>
      <c r="AO1042" s="126">
        <v>12</v>
      </c>
      <c r="AP1042" s="126">
        <v>12</v>
      </c>
      <c r="AQ1042" s="126">
        <v>12</v>
      </c>
      <c r="AR1042" s="126">
        <v>12</v>
      </c>
      <c r="AS1042" s="126">
        <v>12</v>
      </c>
      <c r="AT1042" s="126">
        <v>12</v>
      </c>
      <c r="AU1042" s="126">
        <v>12</v>
      </c>
      <c r="AV1042" s="126">
        <v>12</v>
      </c>
      <c r="AW1042" s="126">
        <v>12</v>
      </c>
      <c r="AX1042" s="126">
        <v>12</v>
      </c>
      <c r="AY1042" s="126">
        <v>12</v>
      </c>
      <c r="AZ1042" s="126">
        <v>12</v>
      </c>
      <c r="BA1042" s="126">
        <v>144</v>
      </c>
    </row>
    <row r="1043" spans="1:53">
      <c r="A1043" s="52" t="s">
        <v>3546</v>
      </c>
      <c r="B1043" s="53"/>
      <c r="C1043" s="53"/>
      <c r="D1043" s="53"/>
      <c r="E1043" s="53"/>
      <c r="F1043" s="53"/>
      <c r="G1043" s="53"/>
      <c r="H1043" s="53"/>
      <c r="I1043" s="53"/>
      <c r="J1043" s="53"/>
      <c r="K1043" s="53"/>
      <c r="L1043" s="53"/>
      <c r="M1043" s="53"/>
      <c r="N1043" s="53"/>
      <c r="O1043" s="53"/>
      <c r="P1043" s="53"/>
      <c r="Q1043" s="53"/>
      <c r="R1043" s="53"/>
      <c r="S1043" s="53"/>
      <c r="T1043" s="53"/>
      <c r="U1043" s="53"/>
      <c r="V1043" s="53"/>
      <c r="W1043" s="53"/>
      <c r="X1043" s="53"/>
      <c r="Y1043" s="53"/>
      <c r="Z1043" s="53"/>
      <c r="AA1043" s="53"/>
      <c r="AB1043" s="53"/>
      <c r="AC1043" s="53"/>
      <c r="AD1043" s="53"/>
      <c r="AE1043" s="53"/>
      <c r="AF1043" s="53"/>
      <c r="AG1043" s="53"/>
      <c r="AH1043" s="53"/>
      <c r="AI1043" s="53"/>
      <c r="AJ1043" s="53"/>
      <c r="AK1043" s="53"/>
      <c r="AL1043" s="53"/>
      <c r="AM1043" s="53"/>
      <c r="AN1043" s="53"/>
      <c r="AO1043" s="53"/>
      <c r="AP1043" s="53"/>
      <c r="AQ1043" s="53"/>
      <c r="AR1043" s="53"/>
      <c r="AS1043" s="53"/>
      <c r="AT1043" s="53"/>
      <c r="AU1043" s="53"/>
      <c r="AV1043" s="53"/>
      <c r="AW1043" s="53"/>
      <c r="AX1043" s="53"/>
      <c r="AY1043" s="53"/>
      <c r="AZ1043" s="53"/>
      <c r="BA1043" s="53"/>
    </row>
    <row r="1044" spans="1:53">
      <c r="A1044" s="52" t="s">
        <v>4349</v>
      </c>
      <c r="B1044" s="53">
        <v>44789749.787445799</v>
      </c>
      <c r="C1044" s="53">
        <v>38666751.946756698</v>
      </c>
      <c r="D1044" s="53">
        <v>27656413.616914999</v>
      </c>
      <c r="E1044" s="53">
        <v>20701978.444001202</v>
      </c>
      <c r="F1044" s="53">
        <v>30797220.866311099</v>
      </c>
      <c r="G1044" s="53">
        <v>40904203.847822197</v>
      </c>
      <c r="H1044" s="53">
        <v>38839054.988005199</v>
      </c>
      <c r="I1044" s="53">
        <v>38181769.579722904</v>
      </c>
      <c r="J1044" s="53">
        <v>33154414.612702299</v>
      </c>
      <c r="K1044" s="53">
        <v>26391958.6246408</v>
      </c>
      <c r="L1044" s="53">
        <v>20247175.6017997</v>
      </c>
      <c r="M1044" s="53">
        <v>31813373.361354802</v>
      </c>
      <c r="N1044" s="53">
        <v>392144065.27747798</v>
      </c>
      <c r="O1044" s="53">
        <v>31504084.460279699</v>
      </c>
      <c r="P1044" s="53">
        <v>16408256.977545399</v>
      </c>
      <c r="Q1044" s="53">
        <v>10035023.9062814</v>
      </c>
      <c r="R1044" s="53">
        <v>9391441.5177563298</v>
      </c>
      <c r="S1044" s="53">
        <v>15231671.5767026</v>
      </c>
      <c r="T1044" s="53">
        <v>17239323.4795531</v>
      </c>
      <c r="U1044" s="53">
        <v>17628311.445115499</v>
      </c>
      <c r="V1044" s="53">
        <v>17741066.413223699</v>
      </c>
      <c r="W1044" s="53">
        <v>10368669.7697499</v>
      </c>
      <c r="X1044" s="53">
        <v>7148530.5011565201</v>
      </c>
      <c r="Y1044" s="53">
        <v>3648663.9379782998</v>
      </c>
      <c r="Z1044" s="53">
        <v>5923059.8842432396</v>
      </c>
      <c r="AA1044" s="53">
        <v>162268103.86958599</v>
      </c>
      <c r="AB1044" s="53">
        <v>8346898.6563336598</v>
      </c>
      <c r="AC1044" s="53">
        <v>4402898.9208583198</v>
      </c>
      <c r="AD1044" s="53">
        <v>2680382.48240289</v>
      </c>
      <c r="AE1044" s="53">
        <v>520818.63013965398</v>
      </c>
      <c r="AF1044" s="53">
        <v>762603.89699563105</v>
      </c>
      <c r="AG1044" s="53">
        <v>-4724120.3674780698</v>
      </c>
      <c r="AH1044" s="53">
        <v>-5577511.9970460804</v>
      </c>
      <c r="AI1044" s="53">
        <v>-6922103.7469595997</v>
      </c>
      <c r="AJ1044" s="53">
        <v>3715144.3497760599</v>
      </c>
      <c r="AK1044" s="53">
        <v>2851528.5467552599</v>
      </c>
      <c r="AL1044" s="53">
        <v>1556494.8731700899</v>
      </c>
      <c r="AM1044" s="53">
        <v>4983836.3693092801</v>
      </c>
      <c r="AN1044" s="53">
        <v>12596870.614257</v>
      </c>
      <c r="AO1044" s="53">
        <v>7184499.78609786</v>
      </c>
      <c r="AP1044" s="53">
        <v>3891177.6713612699</v>
      </c>
      <c r="AQ1044" s="53">
        <v>2617740.8617289201</v>
      </c>
      <c r="AR1044" s="53">
        <v>2610509.7785629001</v>
      </c>
      <c r="AS1044" s="53">
        <v>4690430.1741564199</v>
      </c>
      <c r="AT1044" s="53">
        <v>6045283.5486813299</v>
      </c>
      <c r="AU1044" s="53">
        <v>6954534.8875752203</v>
      </c>
      <c r="AV1044" s="53">
        <v>8526472.6673654802</v>
      </c>
      <c r="AW1044" s="53">
        <v>-7963511.8168565901</v>
      </c>
      <c r="AX1044" s="53">
        <v>-6115705.8378068004</v>
      </c>
      <c r="AY1044" s="53">
        <v>-2394705.45357244</v>
      </c>
      <c r="AZ1044" s="53">
        <v>-2702912.7586960699</v>
      </c>
      <c r="BA1044" s="53">
        <v>23343813.508597501</v>
      </c>
    </row>
    <row r="1045" spans="1:53">
      <c r="A1045" s="52" t="s">
        <v>4350</v>
      </c>
      <c r="B1045" s="53">
        <v>-14951202.318681801</v>
      </c>
      <c r="C1045" s="53">
        <v>-13671089.506040899</v>
      </c>
      <c r="D1045" s="53">
        <v>-10065159.4064527</v>
      </c>
      <c r="E1045" s="53">
        <v>-7113251.6922137896</v>
      </c>
      <c r="F1045" s="53">
        <v>-9992675.3010079302</v>
      </c>
      <c r="G1045" s="53">
        <v>-12357793.19015</v>
      </c>
      <c r="H1045" s="53">
        <v>-11005967.0801157</v>
      </c>
      <c r="I1045" s="53">
        <v>-9897731.8058179393</v>
      </c>
      <c r="J1045" s="53">
        <v>-6988144.6568394303</v>
      </c>
      <c r="K1045" s="53">
        <v>-4858419.1249701204</v>
      </c>
      <c r="L1045" s="53">
        <v>-3294167.1332739699</v>
      </c>
      <c r="M1045" s="53">
        <v>-3849692.4002361102</v>
      </c>
      <c r="N1045" s="53">
        <v>-108045293.61579999</v>
      </c>
      <c r="O1045" s="53">
        <v>-1477004.8782269901</v>
      </c>
      <c r="P1045" s="53">
        <v>355226.73695655999</v>
      </c>
      <c r="Q1045" s="53">
        <v>1260308.8520162101</v>
      </c>
      <c r="R1045" s="53">
        <v>1914564.3614766099</v>
      </c>
      <c r="S1045" s="53">
        <v>4496715.6945342002</v>
      </c>
      <c r="T1045" s="53">
        <v>7919939.5417083297</v>
      </c>
      <c r="U1045" s="53">
        <v>11042789.4301813</v>
      </c>
      <c r="V1045" s="53">
        <v>15932005.262197001</v>
      </c>
      <c r="W1045" s="53">
        <v>12502294.106468501</v>
      </c>
      <c r="X1045" s="53">
        <v>11026773.6300718</v>
      </c>
      <c r="Y1045" s="53">
        <v>7013751.5896602403</v>
      </c>
      <c r="Z1045" s="53">
        <v>14310290.2745937</v>
      </c>
      <c r="AA1045" s="53">
        <v>86297654.601637602</v>
      </c>
      <c r="AB1045" s="53">
        <v>20593469.401672799</v>
      </c>
      <c r="AC1045" s="53">
        <v>11048558.746941701</v>
      </c>
      <c r="AD1045" s="53">
        <v>6735939.2616032502</v>
      </c>
      <c r="AE1045" s="53">
        <v>9171072.6160538904</v>
      </c>
      <c r="AF1045" s="53">
        <v>17777890.037978102</v>
      </c>
      <c r="AG1045" s="53">
        <v>29200516.496871602</v>
      </c>
      <c r="AH1045" s="53">
        <v>33710658.738180697</v>
      </c>
      <c r="AI1045" s="53">
        <v>40775816.811076</v>
      </c>
      <c r="AJ1045" s="53">
        <v>18998638.589864399</v>
      </c>
      <c r="AK1045" s="53">
        <v>15357465.6549793</v>
      </c>
      <c r="AL1045" s="53">
        <v>8744991.7457217406</v>
      </c>
      <c r="AM1045" s="53">
        <v>14256337.605208499</v>
      </c>
      <c r="AN1045" s="53">
        <v>226371355.70615199</v>
      </c>
      <c r="AO1045" s="53">
        <v>21091829.760722499</v>
      </c>
      <c r="AP1045" s="53">
        <v>11276381.9057741</v>
      </c>
      <c r="AQ1045" s="53">
        <v>6772000.0000046603</v>
      </c>
      <c r="AR1045" s="53">
        <v>6955937.7053507399</v>
      </c>
      <c r="AS1045" s="53">
        <v>13146687.7827769</v>
      </c>
      <c r="AT1045" s="53">
        <v>17228626.678895298</v>
      </c>
      <c r="AU1045" s="53">
        <v>19860760.755375698</v>
      </c>
      <c r="AV1045" s="53">
        <v>24362065.063424699</v>
      </c>
      <c r="AW1045" s="53">
        <v>29516329.1846915</v>
      </c>
      <c r="AX1045" s="53">
        <v>22757897.951953001</v>
      </c>
      <c r="AY1045" s="53">
        <v>9526175.8763460703</v>
      </c>
      <c r="AZ1045" s="53">
        <v>20393682.838064101</v>
      </c>
      <c r="BA1045" s="53">
        <v>202888375.50337899</v>
      </c>
    </row>
    <row r="1046" spans="1:53">
      <c r="A1046" s="52" t="s">
        <v>4351</v>
      </c>
      <c r="B1046" s="53">
        <v>0</v>
      </c>
      <c r="C1046" s="53">
        <v>0</v>
      </c>
      <c r="D1046" s="53">
        <v>0</v>
      </c>
      <c r="E1046" s="53">
        <v>0</v>
      </c>
      <c r="F1046" s="53">
        <v>0</v>
      </c>
      <c r="G1046" s="53">
        <v>0</v>
      </c>
      <c r="H1046" s="53">
        <v>0</v>
      </c>
      <c r="I1046" s="53">
        <v>0</v>
      </c>
      <c r="J1046" s="53">
        <v>0</v>
      </c>
      <c r="K1046" s="53">
        <v>0</v>
      </c>
      <c r="L1046" s="53">
        <v>0</v>
      </c>
      <c r="M1046" s="53">
        <v>0</v>
      </c>
      <c r="N1046" s="53">
        <v>0</v>
      </c>
      <c r="O1046" s="53">
        <v>0</v>
      </c>
      <c r="P1046" s="53">
        <v>0</v>
      </c>
      <c r="Q1046" s="53">
        <v>0</v>
      </c>
      <c r="R1046" s="53">
        <v>0</v>
      </c>
      <c r="S1046" s="53">
        <v>0</v>
      </c>
      <c r="T1046" s="53">
        <v>0</v>
      </c>
      <c r="U1046" s="53">
        <v>0</v>
      </c>
      <c r="V1046" s="53">
        <v>0</v>
      </c>
      <c r="W1046" s="53">
        <v>0</v>
      </c>
      <c r="X1046" s="53">
        <v>0</v>
      </c>
      <c r="Y1046" s="53">
        <v>0</v>
      </c>
      <c r="Z1046" s="53">
        <v>0</v>
      </c>
      <c r="AA1046" s="53">
        <v>0</v>
      </c>
      <c r="AB1046" s="53">
        <v>0</v>
      </c>
      <c r="AC1046" s="53">
        <v>0</v>
      </c>
      <c r="AD1046" s="53">
        <v>0</v>
      </c>
      <c r="AE1046" s="53">
        <v>0</v>
      </c>
      <c r="AF1046" s="53">
        <v>0</v>
      </c>
      <c r="AG1046" s="53">
        <v>0</v>
      </c>
      <c r="AH1046" s="53">
        <v>0</v>
      </c>
      <c r="AI1046" s="53">
        <v>0</v>
      </c>
      <c r="AJ1046" s="53">
        <v>0</v>
      </c>
      <c r="AK1046" s="53">
        <v>0</v>
      </c>
      <c r="AL1046" s="53">
        <v>0</v>
      </c>
      <c r="AM1046" s="53">
        <v>0</v>
      </c>
      <c r="AN1046" s="53">
        <v>0</v>
      </c>
      <c r="AO1046" s="53">
        <v>0</v>
      </c>
      <c r="AP1046" s="53">
        <v>0</v>
      </c>
      <c r="AQ1046" s="53">
        <v>0</v>
      </c>
      <c r="AR1046" s="53">
        <v>0</v>
      </c>
      <c r="AS1046" s="53">
        <v>0</v>
      </c>
      <c r="AT1046" s="53">
        <v>0</v>
      </c>
      <c r="AU1046" s="53">
        <v>0</v>
      </c>
      <c r="AV1046" s="53">
        <v>0</v>
      </c>
      <c r="AW1046" s="53">
        <v>0</v>
      </c>
      <c r="AX1046" s="53">
        <v>0</v>
      </c>
      <c r="AY1046" s="53">
        <v>0</v>
      </c>
      <c r="AZ1046" s="53">
        <v>0</v>
      </c>
      <c r="BA1046" s="53">
        <v>0</v>
      </c>
    </row>
    <row r="1047" spans="1:53">
      <c r="A1047" s="52" t="s">
        <v>4352</v>
      </c>
      <c r="B1047" s="53">
        <v>0</v>
      </c>
      <c r="C1047" s="53">
        <v>0</v>
      </c>
      <c r="D1047" s="53">
        <v>0</v>
      </c>
      <c r="E1047" s="53">
        <v>0</v>
      </c>
      <c r="F1047" s="53">
        <v>0</v>
      </c>
      <c r="G1047" s="53">
        <v>0</v>
      </c>
      <c r="H1047" s="53">
        <v>0</v>
      </c>
      <c r="I1047" s="53">
        <v>0</v>
      </c>
      <c r="J1047" s="53">
        <v>0</v>
      </c>
      <c r="K1047" s="53">
        <v>0</v>
      </c>
      <c r="L1047" s="53">
        <v>0</v>
      </c>
      <c r="M1047" s="53">
        <v>0</v>
      </c>
      <c r="N1047" s="53">
        <v>0</v>
      </c>
      <c r="O1047" s="53">
        <v>0</v>
      </c>
      <c r="P1047" s="53">
        <v>0</v>
      </c>
      <c r="Q1047" s="53">
        <v>0</v>
      </c>
      <c r="R1047" s="53">
        <v>0</v>
      </c>
      <c r="S1047" s="53">
        <v>0</v>
      </c>
      <c r="T1047" s="53">
        <v>0</v>
      </c>
      <c r="U1047" s="53">
        <v>0</v>
      </c>
      <c r="V1047" s="53">
        <v>0</v>
      </c>
      <c r="W1047" s="53">
        <v>0</v>
      </c>
      <c r="X1047" s="53">
        <v>0</v>
      </c>
      <c r="Y1047" s="53">
        <v>0</v>
      </c>
      <c r="Z1047" s="53">
        <v>0</v>
      </c>
      <c r="AA1047" s="53">
        <v>0</v>
      </c>
      <c r="AB1047" s="53">
        <v>0</v>
      </c>
      <c r="AC1047" s="53">
        <v>0</v>
      </c>
      <c r="AD1047" s="53">
        <v>0</v>
      </c>
      <c r="AE1047" s="53">
        <v>0</v>
      </c>
      <c r="AF1047" s="53">
        <v>0</v>
      </c>
      <c r="AG1047" s="53">
        <v>0</v>
      </c>
      <c r="AH1047" s="53">
        <v>0</v>
      </c>
      <c r="AI1047" s="53">
        <v>0</v>
      </c>
      <c r="AJ1047" s="53">
        <v>0</v>
      </c>
      <c r="AK1047" s="53">
        <v>0</v>
      </c>
      <c r="AL1047" s="53">
        <v>0</v>
      </c>
      <c r="AM1047" s="53">
        <v>0</v>
      </c>
      <c r="AN1047" s="53">
        <v>0</v>
      </c>
      <c r="AO1047" s="53">
        <v>0</v>
      </c>
      <c r="AP1047" s="53">
        <v>0</v>
      </c>
      <c r="AQ1047" s="53">
        <v>0</v>
      </c>
      <c r="AR1047" s="53">
        <v>0</v>
      </c>
      <c r="AS1047" s="53">
        <v>0</v>
      </c>
      <c r="AT1047" s="53">
        <v>0</v>
      </c>
      <c r="AU1047" s="53">
        <v>0</v>
      </c>
      <c r="AV1047" s="53">
        <v>0</v>
      </c>
      <c r="AW1047" s="53">
        <v>0</v>
      </c>
      <c r="AX1047" s="53">
        <v>0</v>
      </c>
      <c r="AY1047" s="53">
        <v>0</v>
      </c>
      <c r="AZ1047" s="53">
        <v>0</v>
      </c>
      <c r="BA1047" s="53">
        <v>0</v>
      </c>
    </row>
    <row r="1048" spans="1:53">
      <c r="A1048" s="52" t="s">
        <v>4353</v>
      </c>
      <c r="B1048" s="53">
        <v>0</v>
      </c>
      <c r="C1048" s="53">
        <v>0</v>
      </c>
      <c r="D1048" s="53">
        <v>0</v>
      </c>
      <c r="E1048" s="53">
        <v>0</v>
      </c>
      <c r="F1048" s="53">
        <v>0</v>
      </c>
      <c r="G1048" s="53">
        <v>0</v>
      </c>
      <c r="H1048" s="53">
        <v>0</v>
      </c>
      <c r="I1048" s="53">
        <v>0</v>
      </c>
      <c r="J1048" s="53">
        <v>0</v>
      </c>
      <c r="K1048" s="53">
        <v>0</v>
      </c>
      <c r="L1048" s="53">
        <v>0</v>
      </c>
      <c r="M1048" s="53">
        <v>0</v>
      </c>
      <c r="N1048" s="53">
        <v>0</v>
      </c>
      <c r="O1048" s="53">
        <v>0</v>
      </c>
      <c r="P1048" s="53">
        <v>0</v>
      </c>
      <c r="Q1048" s="53">
        <v>0</v>
      </c>
      <c r="R1048" s="53">
        <v>0</v>
      </c>
      <c r="S1048" s="53">
        <v>0</v>
      </c>
      <c r="T1048" s="53">
        <v>0</v>
      </c>
      <c r="U1048" s="53">
        <v>0</v>
      </c>
      <c r="V1048" s="53">
        <v>0</v>
      </c>
      <c r="W1048" s="53">
        <v>0</v>
      </c>
      <c r="X1048" s="53">
        <v>0</v>
      </c>
      <c r="Y1048" s="53">
        <v>0</v>
      </c>
      <c r="Z1048" s="53">
        <v>0</v>
      </c>
      <c r="AA1048" s="53">
        <v>0</v>
      </c>
      <c r="AB1048" s="53">
        <v>0</v>
      </c>
      <c r="AC1048" s="53">
        <v>0</v>
      </c>
      <c r="AD1048" s="53">
        <v>0</v>
      </c>
      <c r="AE1048" s="53">
        <v>0</v>
      </c>
      <c r="AF1048" s="53">
        <v>0</v>
      </c>
      <c r="AG1048" s="53">
        <v>0</v>
      </c>
      <c r="AH1048" s="53">
        <v>0</v>
      </c>
      <c r="AI1048" s="53">
        <v>0</v>
      </c>
      <c r="AJ1048" s="53">
        <v>0</v>
      </c>
      <c r="AK1048" s="53">
        <v>0</v>
      </c>
      <c r="AL1048" s="53">
        <v>0</v>
      </c>
      <c r="AM1048" s="53">
        <v>0</v>
      </c>
      <c r="AN1048" s="53">
        <v>0</v>
      </c>
      <c r="AO1048" s="53">
        <v>0</v>
      </c>
      <c r="AP1048" s="53">
        <v>0</v>
      </c>
      <c r="AQ1048" s="53">
        <v>0</v>
      </c>
      <c r="AR1048" s="53">
        <v>0</v>
      </c>
      <c r="AS1048" s="53">
        <v>0</v>
      </c>
      <c r="AT1048" s="53">
        <v>0</v>
      </c>
      <c r="AU1048" s="53">
        <v>0</v>
      </c>
      <c r="AV1048" s="53">
        <v>0</v>
      </c>
      <c r="AW1048" s="53">
        <v>0</v>
      </c>
      <c r="AX1048" s="53">
        <v>0</v>
      </c>
      <c r="AY1048" s="53">
        <v>0</v>
      </c>
      <c r="AZ1048" s="53">
        <v>0</v>
      </c>
      <c r="BA1048" s="53">
        <v>0</v>
      </c>
    </row>
    <row r="1049" spans="1:53">
      <c r="A1049" s="52" t="s">
        <v>4354</v>
      </c>
      <c r="B1049" s="53">
        <v>0</v>
      </c>
      <c r="C1049" s="53">
        <v>0</v>
      </c>
      <c r="D1049" s="53">
        <v>0</v>
      </c>
      <c r="E1049" s="53">
        <v>0</v>
      </c>
      <c r="F1049" s="53">
        <v>0</v>
      </c>
      <c r="G1049" s="53">
        <v>0</v>
      </c>
      <c r="H1049" s="53">
        <v>0</v>
      </c>
      <c r="I1049" s="53">
        <v>0</v>
      </c>
      <c r="J1049" s="53">
        <v>0</v>
      </c>
      <c r="K1049" s="53">
        <v>0</v>
      </c>
      <c r="L1049" s="53">
        <v>0</v>
      </c>
      <c r="M1049" s="53">
        <v>0</v>
      </c>
      <c r="N1049" s="53">
        <v>0</v>
      </c>
      <c r="O1049" s="53">
        <v>0</v>
      </c>
      <c r="P1049" s="53">
        <v>0</v>
      </c>
      <c r="Q1049" s="53">
        <v>0</v>
      </c>
      <c r="R1049" s="53">
        <v>0</v>
      </c>
      <c r="S1049" s="53">
        <v>0</v>
      </c>
      <c r="T1049" s="53">
        <v>0</v>
      </c>
      <c r="U1049" s="53">
        <v>0</v>
      </c>
      <c r="V1049" s="53">
        <v>0</v>
      </c>
      <c r="W1049" s="53">
        <v>0</v>
      </c>
      <c r="X1049" s="53">
        <v>0</v>
      </c>
      <c r="Y1049" s="53">
        <v>0</v>
      </c>
      <c r="Z1049" s="53">
        <v>0</v>
      </c>
      <c r="AA1049" s="53">
        <v>0</v>
      </c>
      <c r="AB1049" s="53">
        <v>0</v>
      </c>
      <c r="AC1049" s="53">
        <v>0</v>
      </c>
      <c r="AD1049" s="53">
        <v>0</v>
      </c>
      <c r="AE1049" s="53">
        <v>0</v>
      </c>
      <c r="AF1049" s="53">
        <v>0</v>
      </c>
      <c r="AG1049" s="53">
        <v>0</v>
      </c>
      <c r="AH1049" s="53">
        <v>0</v>
      </c>
      <c r="AI1049" s="53">
        <v>0</v>
      </c>
      <c r="AJ1049" s="53">
        <v>0</v>
      </c>
      <c r="AK1049" s="53">
        <v>0</v>
      </c>
      <c r="AL1049" s="53">
        <v>0</v>
      </c>
      <c r="AM1049" s="53">
        <v>0</v>
      </c>
      <c r="AN1049" s="53">
        <v>0</v>
      </c>
      <c r="AO1049" s="53">
        <v>0</v>
      </c>
      <c r="AP1049" s="53">
        <v>0</v>
      </c>
      <c r="AQ1049" s="53">
        <v>0</v>
      </c>
      <c r="AR1049" s="53">
        <v>0</v>
      </c>
      <c r="AS1049" s="53">
        <v>0</v>
      </c>
      <c r="AT1049" s="53">
        <v>0</v>
      </c>
      <c r="AU1049" s="53">
        <v>0</v>
      </c>
      <c r="AV1049" s="53">
        <v>0</v>
      </c>
      <c r="AW1049" s="53">
        <v>0</v>
      </c>
      <c r="AX1049" s="53">
        <v>0</v>
      </c>
      <c r="AY1049" s="53">
        <v>0</v>
      </c>
      <c r="AZ1049" s="53">
        <v>0</v>
      </c>
      <c r="BA1049" s="53">
        <v>0</v>
      </c>
    </row>
    <row r="1050" spans="1:53">
      <c r="A1050" s="52" t="s">
        <v>4355</v>
      </c>
      <c r="B1050" s="53">
        <v>0</v>
      </c>
      <c r="C1050" s="53">
        <v>0</v>
      </c>
      <c r="D1050" s="53">
        <v>0</v>
      </c>
      <c r="E1050" s="53">
        <v>0</v>
      </c>
      <c r="F1050" s="53">
        <v>0</v>
      </c>
      <c r="G1050" s="53">
        <v>0</v>
      </c>
      <c r="H1050" s="53">
        <v>0</v>
      </c>
      <c r="I1050" s="53">
        <v>0</v>
      </c>
      <c r="J1050" s="53">
        <v>0</v>
      </c>
      <c r="K1050" s="53">
        <v>0</v>
      </c>
      <c r="L1050" s="53">
        <v>0</v>
      </c>
      <c r="M1050" s="53">
        <v>0</v>
      </c>
      <c r="N1050" s="53">
        <v>0</v>
      </c>
      <c r="O1050" s="53">
        <v>0</v>
      </c>
      <c r="P1050" s="53">
        <v>0</v>
      </c>
      <c r="Q1050" s="53">
        <v>0</v>
      </c>
      <c r="R1050" s="53">
        <v>0</v>
      </c>
      <c r="S1050" s="53">
        <v>0</v>
      </c>
      <c r="T1050" s="53">
        <v>0</v>
      </c>
      <c r="U1050" s="53">
        <v>0</v>
      </c>
      <c r="V1050" s="53">
        <v>0</v>
      </c>
      <c r="W1050" s="53">
        <v>0</v>
      </c>
      <c r="X1050" s="53">
        <v>0</v>
      </c>
      <c r="Y1050" s="53">
        <v>0</v>
      </c>
      <c r="Z1050" s="53">
        <v>0</v>
      </c>
      <c r="AA1050" s="53">
        <v>0</v>
      </c>
      <c r="AB1050" s="53">
        <v>0</v>
      </c>
      <c r="AC1050" s="53">
        <v>0</v>
      </c>
      <c r="AD1050" s="53">
        <v>0</v>
      </c>
      <c r="AE1050" s="53">
        <v>0</v>
      </c>
      <c r="AF1050" s="53">
        <v>0</v>
      </c>
      <c r="AG1050" s="53">
        <v>0</v>
      </c>
      <c r="AH1050" s="53">
        <v>0</v>
      </c>
      <c r="AI1050" s="53">
        <v>0</v>
      </c>
      <c r="AJ1050" s="53">
        <v>0</v>
      </c>
      <c r="AK1050" s="53">
        <v>0</v>
      </c>
      <c r="AL1050" s="53">
        <v>0</v>
      </c>
      <c r="AM1050" s="53">
        <v>0</v>
      </c>
      <c r="AN1050" s="53">
        <v>0</v>
      </c>
      <c r="AO1050" s="53">
        <v>0</v>
      </c>
      <c r="AP1050" s="53">
        <v>0</v>
      </c>
      <c r="AQ1050" s="53">
        <v>0</v>
      </c>
      <c r="AR1050" s="53">
        <v>0</v>
      </c>
      <c r="AS1050" s="53">
        <v>0</v>
      </c>
      <c r="AT1050" s="53">
        <v>0</v>
      </c>
      <c r="AU1050" s="53">
        <v>0</v>
      </c>
      <c r="AV1050" s="53">
        <v>0</v>
      </c>
      <c r="AW1050" s="53">
        <v>0</v>
      </c>
      <c r="AX1050" s="53">
        <v>0</v>
      </c>
      <c r="AY1050" s="53">
        <v>0</v>
      </c>
      <c r="AZ1050" s="53">
        <v>0</v>
      </c>
      <c r="BA1050" s="53">
        <v>0</v>
      </c>
    </row>
    <row r="1051" spans="1:53">
      <c r="A1051" s="52" t="s">
        <v>4356</v>
      </c>
      <c r="B1051" s="53">
        <v>0</v>
      </c>
      <c r="C1051" s="53">
        <v>0</v>
      </c>
      <c r="D1051" s="53">
        <v>0</v>
      </c>
      <c r="E1051" s="53">
        <v>0</v>
      </c>
      <c r="F1051" s="53">
        <v>0</v>
      </c>
      <c r="G1051" s="53">
        <v>0</v>
      </c>
      <c r="H1051" s="53">
        <v>0</v>
      </c>
      <c r="I1051" s="53">
        <v>0</v>
      </c>
      <c r="J1051" s="53">
        <v>0</v>
      </c>
      <c r="K1051" s="53">
        <v>0</v>
      </c>
      <c r="L1051" s="53">
        <v>0</v>
      </c>
      <c r="M1051" s="53">
        <v>0</v>
      </c>
      <c r="N1051" s="53">
        <v>0</v>
      </c>
      <c r="O1051" s="53">
        <v>0</v>
      </c>
      <c r="P1051" s="53">
        <v>0</v>
      </c>
      <c r="Q1051" s="53">
        <v>0</v>
      </c>
      <c r="R1051" s="53">
        <v>0</v>
      </c>
      <c r="S1051" s="53">
        <v>0</v>
      </c>
      <c r="T1051" s="53">
        <v>0</v>
      </c>
      <c r="U1051" s="53">
        <v>0</v>
      </c>
      <c r="V1051" s="53">
        <v>0</v>
      </c>
      <c r="W1051" s="53">
        <v>0</v>
      </c>
      <c r="X1051" s="53">
        <v>0</v>
      </c>
      <c r="Y1051" s="53">
        <v>0</v>
      </c>
      <c r="Z1051" s="53">
        <v>0</v>
      </c>
      <c r="AA1051" s="53">
        <v>0</v>
      </c>
      <c r="AB1051" s="53">
        <v>0</v>
      </c>
      <c r="AC1051" s="53">
        <v>0</v>
      </c>
      <c r="AD1051" s="53">
        <v>0</v>
      </c>
      <c r="AE1051" s="53">
        <v>0</v>
      </c>
      <c r="AF1051" s="53">
        <v>0</v>
      </c>
      <c r="AG1051" s="53">
        <v>0</v>
      </c>
      <c r="AH1051" s="53">
        <v>0</v>
      </c>
      <c r="AI1051" s="53">
        <v>0</v>
      </c>
      <c r="AJ1051" s="53">
        <v>0</v>
      </c>
      <c r="AK1051" s="53">
        <v>0</v>
      </c>
      <c r="AL1051" s="53">
        <v>0</v>
      </c>
      <c r="AM1051" s="53">
        <v>0</v>
      </c>
      <c r="AN1051" s="53">
        <v>0</v>
      </c>
      <c r="AO1051" s="53">
        <v>0</v>
      </c>
      <c r="AP1051" s="53">
        <v>0</v>
      </c>
      <c r="AQ1051" s="53">
        <v>0</v>
      </c>
      <c r="AR1051" s="53">
        <v>0</v>
      </c>
      <c r="AS1051" s="53">
        <v>0</v>
      </c>
      <c r="AT1051" s="53">
        <v>0</v>
      </c>
      <c r="AU1051" s="53">
        <v>0</v>
      </c>
      <c r="AV1051" s="53">
        <v>0</v>
      </c>
      <c r="AW1051" s="53">
        <v>0</v>
      </c>
      <c r="AX1051" s="53">
        <v>0</v>
      </c>
      <c r="AY1051" s="53">
        <v>0</v>
      </c>
      <c r="AZ1051" s="53">
        <v>0</v>
      </c>
      <c r="BA1051" s="53">
        <v>0</v>
      </c>
    </row>
    <row r="1052" spans="1:53">
      <c r="A1052" s="52" t="s">
        <v>4357</v>
      </c>
      <c r="B1052" s="53">
        <v>0</v>
      </c>
      <c r="C1052" s="53">
        <v>0</v>
      </c>
      <c r="D1052" s="53">
        <v>0</v>
      </c>
      <c r="E1052" s="53">
        <v>0</v>
      </c>
      <c r="F1052" s="53">
        <v>0</v>
      </c>
      <c r="G1052" s="53">
        <v>0</v>
      </c>
      <c r="H1052" s="53">
        <v>0</v>
      </c>
      <c r="I1052" s="53">
        <v>0</v>
      </c>
      <c r="J1052" s="53">
        <v>0</v>
      </c>
      <c r="K1052" s="53">
        <v>0</v>
      </c>
      <c r="L1052" s="53">
        <v>0</v>
      </c>
      <c r="M1052" s="53">
        <v>0</v>
      </c>
      <c r="N1052" s="53">
        <v>0</v>
      </c>
      <c r="O1052" s="53">
        <v>0</v>
      </c>
      <c r="P1052" s="53">
        <v>0</v>
      </c>
      <c r="Q1052" s="53">
        <v>0</v>
      </c>
      <c r="R1052" s="53">
        <v>0</v>
      </c>
      <c r="S1052" s="53">
        <v>0</v>
      </c>
      <c r="T1052" s="53">
        <v>0</v>
      </c>
      <c r="U1052" s="53">
        <v>0</v>
      </c>
      <c r="V1052" s="53">
        <v>0</v>
      </c>
      <c r="W1052" s="53">
        <v>0</v>
      </c>
      <c r="X1052" s="53">
        <v>0</v>
      </c>
      <c r="Y1052" s="53">
        <v>0</v>
      </c>
      <c r="Z1052" s="53">
        <v>0</v>
      </c>
      <c r="AA1052" s="53">
        <v>0</v>
      </c>
      <c r="AB1052" s="53">
        <v>0</v>
      </c>
      <c r="AC1052" s="53">
        <v>0</v>
      </c>
      <c r="AD1052" s="53">
        <v>0</v>
      </c>
      <c r="AE1052" s="53">
        <v>0</v>
      </c>
      <c r="AF1052" s="53">
        <v>0</v>
      </c>
      <c r="AG1052" s="53">
        <v>0</v>
      </c>
      <c r="AH1052" s="53">
        <v>0</v>
      </c>
      <c r="AI1052" s="53">
        <v>0</v>
      </c>
      <c r="AJ1052" s="53">
        <v>0</v>
      </c>
      <c r="AK1052" s="53">
        <v>0</v>
      </c>
      <c r="AL1052" s="53">
        <v>0</v>
      </c>
      <c r="AM1052" s="53">
        <v>0</v>
      </c>
      <c r="AN1052" s="53">
        <v>0</v>
      </c>
      <c r="AO1052" s="53">
        <v>0</v>
      </c>
      <c r="AP1052" s="53">
        <v>0</v>
      </c>
      <c r="AQ1052" s="53">
        <v>0</v>
      </c>
      <c r="AR1052" s="53">
        <v>0</v>
      </c>
      <c r="AS1052" s="53">
        <v>0</v>
      </c>
      <c r="AT1052" s="53">
        <v>0</v>
      </c>
      <c r="AU1052" s="53">
        <v>0</v>
      </c>
      <c r="AV1052" s="53">
        <v>0</v>
      </c>
      <c r="AW1052" s="53">
        <v>0</v>
      </c>
      <c r="AX1052" s="53">
        <v>0</v>
      </c>
      <c r="AY1052" s="53">
        <v>0</v>
      </c>
      <c r="AZ1052" s="53">
        <v>0</v>
      </c>
      <c r="BA1052" s="53">
        <v>0</v>
      </c>
    </row>
    <row r="1053" spans="1:53">
      <c r="A1053" s="52" t="s">
        <v>4358</v>
      </c>
      <c r="B1053" s="53">
        <v>0</v>
      </c>
      <c r="C1053" s="53">
        <v>0</v>
      </c>
      <c r="D1053" s="53">
        <v>0</v>
      </c>
      <c r="E1053" s="53">
        <v>0</v>
      </c>
      <c r="F1053" s="53">
        <v>0</v>
      </c>
      <c r="G1053" s="53">
        <v>0</v>
      </c>
      <c r="H1053" s="53">
        <v>0</v>
      </c>
      <c r="I1053" s="53">
        <v>0</v>
      </c>
      <c r="J1053" s="53">
        <v>0</v>
      </c>
      <c r="K1053" s="53">
        <v>0</v>
      </c>
      <c r="L1053" s="53">
        <v>0</v>
      </c>
      <c r="M1053" s="53">
        <v>0</v>
      </c>
      <c r="N1053" s="53">
        <v>0</v>
      </c>
      <c r="O1053" s="53">
        <v>0</v>
      </c>
      <c r="P1053" s="53">
        <v>0</v>
      </c>
      <c r="Q1053" s="53">
        <v>0</v>
      </c>
      <c r="R1053" s="53">
        <v>0</v>
      </c>
      <c r="S1053" s="53">
        <v>0</v>
      </c>
      <c r="T1053" s="53">
        <v>0</v>
      </c>
      <c r="U1053" s="53">
        <v>0</v>
      </c>
      <c r="V1053" s="53">
        <v>0</v>
      </c>
      <c r="W1053" s="53">
        <v>0</v>
      </c>
      <c r="X1053" s="53">
        <v>0</v>
      </c>
      <c r="Y1053" s="53">
        <v>0</v>
      </c>
      <c r="Z1053" s="53">
        <v>0</v>
      </c>
      <c r="AA1053" s="53">
        <v>0</v>
      </c>
      <c r="AB1053" s="53">
        <v>0</v>
      </c>
      <c r="AC1053" s="53">
        <v>0</v>
      </c>
      <c r="AD1053" s="53">
        <v>0</v>
      </c>
      <c r="AE1053" s="53">
        <v>0</v>
      </c>
      <c r="AF1053" s="53">
        <v>0</v>
      </c>
      <c r="AG1053" s="53">
        <v>0</v>
      </c>
      <c r="AH1053" s="53">
        <v>0</v>
      </c>
      <c r="AI1053" s="53">
        <v>0</v>
      </c>
      <c r="AJ1053" s="53">
        <v>0</v>
      </c>
      <c r="AK1053" s="53">
        <v>0</v>
      </c>
      <c r="AL1053" s="53">
        <v>0</v>
      </c>
      <c r="AM1053" s="53">
        <v>0</v>
      </c>
      <c r="AN1053" s="53">
        <v>0</v>
      </c>
      <c r="AO1053" s="53">
        <v>0</v>
      </c>
      <c r="AP1053" s="53">
        <v>0</v>
      </c>
      <c r="AQ1053" s="53">
        <v>0</v>
      </c>
      <c r="AR1053" s="53">
        <v>0</v>
      </c>
      <c r="AS1053" s="53">
        <v>0</v>
      </c>
      <c r="AT1053" s="53">
        <v>0</v>
      </c>
      <c r="AU1053" s="53">
        <v>0</v>
      </c>
      <c r="AV1053" s="53">
        <v>0</v>
      </c>
      <c r="AW1053" s="53">
        <v>0</v>
      </c>
      <c r="AX1053" s="53">
        <v>0</v>
      </c>
      <c r="AY1053" s="53">
        <v>0</v>
      </c>
      <c r="AZ1053" s="53">
        <v>0</v>
      </c>
      <c r="BA1053" s="53">
        <v>0</v>
      </c>
    </row>
    <row r="1054" spans="1:53">
      <c r="A1054" s="52" t="s">
        <v>4359</v>
      </c>
      <c r="B1054" s="53"/>
      <c r="C1054" s="53"/>
      <c r="D1054" s="53"/>
      <c r="E1054" s="53"/>
      <c r="F1054" s="53"/>
      <c r="G1054" s="53"/>
      <c r="H1054" s="53"/>
      <c r="I1054" s="53"/>
      <c r="J1054" s="53"/>
      <c r="K1054" s="53"/>
      <c r="L1054" s="53"/>
      <c r="M1054" s="53"/>
      <c r="N1054" s="53"/>
      <c r="O1054" s="53"/>
      <c r="P1054" s="53"/>
      <c r="Q1054" s="53"/>
      <c r="R1054" s="53"/>
      <c r="S1054" s="53"/>
      <c r="T1054" s="53"/>
      <c r="U1054" s="53"/>
      <c r="V1054" s="53"/>
      <c r="W1054" s="53"/>
      <c r="X1054" s="53"/>
      <c r="Y1054" s="53"/>
      <c r="Z1054" s="53"/>
      <c r="AA1054" s="53"/>
      <c r="AB1054" s="53"/>
      <c r="AC1054" s="53"/>
      <c r="AD1054" s="53"/>
      <c r="AE1054" s="53"/>
      <c r="AF1054" s="53"/>
      <c r="AG1054" s="53"/>
      <c r="AH1054" s="53"/>
      <c r="AI1054" s="53"/>
      <c r="AJ1054" s="53"/>
      <c r="AK1054" s="53"/>
      <c r="AL1054" s="53"/>
      <c r="AM1054" s="53"/>
      <c r="AN1054" s="53"/>
      <c r="AO1054" s="53"/>
      <c r="AP1054" s="53"/>
      <c r="AQ1054" s="53"/>
      <c r="AR1054" s="53"/>
      <c r="AS1054" s="53"/>
      <c r="AT1054" s="53"/>
      <c r="AU1054" s="53"/>
      <c r="AV1054" s="53"/>
      <c r="AW1054" s="53"/>
      <c r="AX1054" s="53"/>
      <c r="AY1054" s="53"/>
      <c r="AZ1054" s="53"/>
      <c r="BA1054" s="53"/>
    </row>
    <row r="1055" spans="1:53">
      <c r="A1055" s="52" t="s">
        <v>4360</v>
      </c>
      <c r="B1055" s="53">
        <v>-2000584.33333333</v>
      </c>
      <c r="C1055" s="53">
        <v>-2000584.33333333</v>
      </c>
      <c r="D1055" s="53">
        <v>-2000584.33333333</v>
      </c>
      <c r="E1055" s="53">
        <v>-2000584.33333333</v>
      </c>
      <c r="F1055" s="53">
        <v>-2000584.33333333</v>
      </c>
      <c r="G1055" s="53">
        <v>-2000584.33333333</v>
      </c>
      <c r="H1055" s="53">
        <v>-2000584.33333333</v>
      </c>
      <c r="I1055" s="53">
        <v>-2000584.33333333</v>
      </c>
      <c r="J1055" s="53">
        <v>-2000584.33333333</v>
      </c>
      <c r="K1055" s="53">
        <v>-2000584.33333333</v>
      </c>
      <c r="L1055" s="53">
        <v>-2000584.33333333</v>
      </c>
      <c r="M1055" s="53">
        <v>-2000584.33333333</v>
      </c>
      <c r="N1055" s="53">
        <v>-24007011.999999899</v>
      </c>
      <c r="O1055" s="53">
        <v>-1934678.58333333</v>
      </c>
      <c r="P1055" s="53">
        <v>-1934678.58333333</v>
      </c>
      <c r="Q1055" s="53">
        <v>-1934678.58333333</v>
      </c>
      <c r="R1055" s="53">
        <v>-1934678.58333333</v>
      </c>
      <c r="S1055" s="53">
        <v>-1934678.58333333</v>
      </c>
      <c r="T1055" s="53">
        <v>-1934678.58333333</v>
      </c>
      <c r="U1055" s="53">
        <v>-1934678.58333333</v>
      </c>
      <c r="V1055" s="53">
        <v>-1934678.58333333</v>
      </c>
      <c r="W1055" s="53">
        <v>-1934678.58333333</v>
      </c>
      <c r="X1055" s="53">
        <v>-1934678.58333333</v>
      </c>
      <c r="Y1055" s="53">
        <v>-1934678.58333333</v>
      </c>
      <c r="Z1055" s="53">
        <v>-1934678.58333333</v>
      </c>
      <c r="AA1055" s="53">
        <v>-23216143</v>
      </c>
      <c r="AB1055" s="53">
        <v>-1947080</v>
      </c>
      <c r="AC1055" s="53">
        <v>-1947080</v>
      </c>
      <c r="AD1055" s="53">
        <v>-1947080</v>
      </c>
      <c r="AE1055" s="53">
        <v>-1947080</v>
      </c>
      <c r="AF1055" s="53">
        <v>-1947080</v>
      </c>
      <c r="AG1055" s="53">
        <v>-1947080</v>
      </c>
      <c r="AH1055" s="53">
        <v>-1947080</v>
      </c>
      <c r="AI1055" s="53">
        <v>-1947080</v>
      </c>
      <c r="AJ1055" s="53">
        <v>-1947080</v>
      </c>
      <c r="AK1055" s="53">
        <v>-1947080</v>
      </c>
      <c r="AL1055" s="53">
        <v>-1947080</v>
      </c>
      <c r="AM1055" s="53">
        <v>-1947080</v>
      </c>
      <c r="AN1055" s="53">
        <v>-23364960</v>
      </c>
      <c r="AO1055" s="53">
        <v>-1979834.75</v>
      </c>
      <c r="AP1055" s="53">
        <v>-1979834.75</v>
      </c>
      <c r="AQ1055" s="53">
        <v>-1979834.75</v>
      </c>
      <c r="AR1055" s="53">
        <v>-1979834.75</v>
      </c>
      <c r="AS1055" s="53">
        <v>-1979834.75</v>
      </c>
      <c r="AT1055" s="53">
        <v>-1979834.75</v>
      </c>
      <c r="AU1055" s="53">
        <v>-1979834.75</v>
      </c>
      <c r="AV1055" s="53">
        <v>-1979834.75</v>
      </c>
      <c r="AW1055" s="53">
        <v>-1979834.75</v>
      </c>
      <c r="AX1055" s="53">
        <v>-1979834.75</v>
      </c>
      <c r="AY1055" s="53">
        <v>-1979834.75</v>
      </c>
      <c r="AZ1055" s="53">
        <v>-1979834.75</v>
      </c>
      <c r="BA1055" s="53">
        <v>-23758017</v>
      </c>
    </row>
    <row r="1056" spans="1:53">
      <c r="A1056" s="52" t="s">
        <v>1211</v>
      </c>
      <c r="B1056" s="53"/>
      <c r="C1056" s="53"/>
      <c r="D1056" s="53"/>
      <c r="E1056" s="53"/>
      <c r="F1056" s="53"/>
      <c r="G1056" s="53"/>
      <c r="H1056" s="53"/>
      <c r="I1056" s="53"/>
      <c r="J1056" s="53"/>
      <c r="K1056" s="53"/>
      <c r="L1056" s="53"/>
      <c r="M1056" s="53"/>
      <c r="N1056" s="53"/>
      <c r="O1056" s="53"/>
      <c r="P1056" s="53"/>
      <c r="Q1056" s="53"/>
      <c r="R1056" s="53"/>
      <c r="S1056" s="53"/>
      <c r="T1056" s="53"/>
      <c r="U1056" s="53"/>
      <c r="V1056" s="53"/>
      <c r="W1056" s="53"/>
      <c r="X1056" s="53"/>
      <c r="Y1056" s="53"/>
      <c r="Z1056" s="53"/>
      <c r="AA1056" s="53"/>
      <c r="AB1056" s="53"/>
      <c r="AC1056" s="53"/>
      <c r="AD1056" s="53"/>
      <c r="AE1056" s="53"/>
      <c r="AF1056" s="53"/>
      <c r="AG1056" s="53"/>
      <c r="AH1056" s="53"/>
      <c r="AI1056" s="53"/>
      <c r="AJ1056" s="53"/>
      <c r="AK1056" s="53"/>
      <c r="AL1056" s="53"/>
      <c r="AM1056" s="53"/>
      <c r="AN1056" s="53"/>
      <c r="AO1056" s="53"/>
      <c r="AP1056" s="53"/>
      <c r="AQ1056" s="53"/>
      <c r="AR1056" s="53"/>
      <c r="AS1056" s="53"/>
      <c r="AT1056" s="53"/>
      <c r="AU1056" s="53"/>
      <c r="AV1056" s="53"/>
      <c r="AW1056" s="53"/>
      <c r="AX1056" s="53"/>
      <c r="AY1056" s="53"/>
      <c r="AZ1056" s="53"/>
      <c r="BA1056" s="53"/>
    </row>
    <row r="1057" spans="1:53">
      <c r="A1057" s="52" t="s">
        <v>4361</v>
      </c>
      <c r="B1057" s="53">
        <v>-4601940.0750000002</v>
      </c>
      <c r="C1057" s="53">
        <v>-4601940.0750000002</v>
      </c>
      <c r="D1057" s="53">
        <v>-4601940.0750000002</v>
      </c>
      <c r="E1057" s="53">
        <v>-4601940.0750000002</v>
      </c>
      <c r="F1057" s="53">
        <v>-4601940.0750000002</v>
      </c>
      <c r="G1057" s="53">
        <v>-4601940.0750000002</v>
      </c>
      <c r="H1057" s="53">
        <v>-4601940.0750000002</v>
      </c>
      <c r="I1057" s="53">
        <v>-4601940.0750000002</v>
      </c>
      <c r="J1057" s="53">
        <v>-4601940.0750000002</v>
      </c>
      <c r="K1057" s="53">
        <v>-4601940.0750000002</v>
      </c>
      <c r="L1057" s="53">
        <v>-4601940.0750000002</v>
      </c>
      <c r="M1057" s="53">
        <v>-4601940.0750000002</v>
      </c>
      <c r="N1057" s="53">
        <v>-55223280.899999902</v>
      </c>
      <c r="O1057" s="53">
        <v>-5380238.7000000002</v>
      </c>
      <c r="P1057" s="53">
        <v>-5380238.7000000002</v>
      </c>
      <c r="Q1057" s="53">
        <v>-5380238.7000000002</v>
      </c>
      <c r="R1057" s="53">
        <v>-5380238.7000000002</v>
      </c>
      <c r="S1057" s="53">
        <v>-5380238.7000000002</v>
      </c>
      <c r="T1057" s="53">
        <v>-5380238.7000000002</v>
      </c>
      <c r="U1057" s="53">
        <v>-5380238.7000000002</v>
      </c>
      <c r="V1057" s="53">
        <v>-5380238.7000000002</v>
      </c>
      <c r="W1057" s="53">
        <v>-5380238.7000000002</v>
      </c>
      <c r="X1057" s="53">
        <v>-5380238.7000000002</v>
      </c>
      <c r="Y1057" s="53">
        <v>-5380238.7000000002</v>
      </c>
      <c r="Z1057" s="53">
        <v>-5380238.7000000002</v>
      </c>
      <c r="AA1057" s="53">
        <v>-64562864.399999999</v>
      </c>
      <c r="AB1057" s="53">
        <v>-7994523.8250000002</v>
      </c>
      <c r="AC1057" s="53">
        <v>-7994523.8250000002</v>
      </c>
      <c r="AD1057" s="53">
        <v>-7994523.8250000002</v>
      </c>
      <c r="AE1057" s="53">
        <v>-7994523.8250000002</v>
      </c>
      <c r="AF1057" s="53">
        <v>-7994523.8250000002</v>
      </c>
      <c r="AG1057" s="53">
        <v>-7994523.8250000002</v>
      </c>
      <c r="AH1057" s="53">
        <v>-7994523.8250000002</v>
      </c>
      <c r="AI1057" s="53">
        <v>-7994523.8250000002</v>
      </c>
      <c r="AJ1057" s="53">
        <v>-7994523.8250000002</v>
      </c>
      <c r="AK1057" s="53">
        <v>-7994523.8250000002</v>
      </c>
      <c r="AL1057" s="53">
        <v>-7994523.8250000002</v>
      </c>
      <c r="AM1057" s="53">
        <v>-7994523.8250000002</v>
      </c>
      <c r="AN1057" s="53">
        <v>-95934285.899999902</v>
      </c>
      <c r="AO1057" s="53">
        <v>-9750684.8249999993</v>
      </c>
      <c r="AP1057" s="53">
        <v>-9750684.8249999993</v>
      </c>
      <c r="AQ1057" s="53">
        <v>-9750684.8249999993</v>
      </c>
      <c r="AR1057" s="53">
        <v>-9750684.8249999993</v>
      </c>
      <c r="AS1057" s="53">
        <v>-9750684.8249999993</v>
      </c>
      <c r="AT1057" s="53">
        <v>-9750684.8249999993</v>
      </c>
      <c r="AU1057" s="53">
        <v>-9750684.8249999993</v>
      </c>
      <c r="AV1057" s="53">
        <v>-9750684.8249999993</v>
      </c>
      <c r="AW1057" s="53">
        <v>-9750684.8249999993</v>
      </c>
      <c r="AX1057" s="53">
        <v>-9750684.8249999993</v>
      </c>
      <c r="AY1057" s="53">
        <v>-9750684.8249999993</v>
      </c>
      <c r="AZ1057" s="53">
        <v>-9750684.8249999993</v>
      </c>
      <c r="BA1057" s="53">
        <v>-117008217.90000001</v>
      </c>
    </row>
    <row r="1058" spans="1:53">
      <c r="A1058" s="52" t="s">
        <v>1212</v>
      </c>
      <c r="B1058" s="53"/>
      <c r="C1058" s="53"/>
      <c r="D1058" s="53"/>
      <c r="E1058" s="53"/>
      <c r="F1058" s="53"/>
      <c r="G1058" s="53"/>
      <c r="H1058" s="53"/>
      <c r="I1058" s="53"/>
      <c r="J1058" s="53"/>
      <c r="K1058" s="53"/>
      <c r="L1058" s="53"/>
      <c r="M1058" s="53"/>
      <c r="N1058" s="53"/>
      <c r="O1058" s="53"/>
      <c r="P1058" s="53"/>
      <c r="Q1058" s="53"/>
      <c r="R1058" s="53"/>
      <c r="S1058" s="53"/>
      <c r="T1058" s="53"/>
      <c r="U1058" s="53"/>
      <c r="V1058" s="53"/>
      <c r="W1058" s="53"/>
      <c r="X1058" s="53"/>
      <c r="Y1058" s="53"/>
      <c r="Z1058" s="53"/>
      <c r="AA1058" s="53"/>
      <c r="AB1058" s="53"/>
      <c r="AC1058" s="53"/>
      <c r="AD1058" s="53"/>
      <c r="AE1058" s="53"/>
      <c r="AF1058" s="53"/>
      <c r="AG1058" s="53"/>
      <c r="AH1058" s="53"/>
      <c r="AI1058" s="53"/>
      <c r="AJ1058" s="53"/>
      <c r="AK1058" s="53"/>
      <c r="AL1058" s="53"/>
      <c r="AM1058" s="53"/>
      <c r="AN1058" s="53"/>
      <c r="AO1058" s="53"/>
      <c r="AP1058" s="53"/>
      <c r="AQ1058" s="53"/>
      <c r="AR1058" s="53"/>
      <c r="AS1058" s="53"/>
      <c r="AT1058" s="53"/>
      <c r="AU1058" s="53"/>
      <c r="AV1058" s="53"/>
      <c r="AW1058" s="53"/>
      <c r="AX1058" s="53"/>
      <c r="AY1058" s="53"/>
      <c r="AZ1058" s="53"/>
      <c r="BA1058" s="53"/>
    </row>
    <row r="1059" spans="1:53">
      <c r="A1059" s="52" t="s">
        <v>4362</v>
      </c>
      <c r="B1059" s="53">
        <v>-11995722.0603684</v>
      </c>
      <c r="C1059" s="53">
        <v>27301651.369463999</v>
      </c>
      <c r="D1059" s="53">
        <v>11403206.195135901</v>
      </c>
      <c r="E1059" s="53">
        <v>9816573.4252870101</v>
      </c>
      <c r="F1059" s="53">
        <v>4323961.6701878998</v>
      </c>
      <c r="G1059" s="53">
        <v>1050969.36726796</v>
      </c>
      <c r="H1059" s="53">
        <v>497758.91993723699</v>
      </c>
      <c r="I1059" s="53">
        <v>-34470900.746070899</v>
      </c>
      <c r="J1059" s="53">
        <v>2886400.8002778701</v>
      </c>
      <c r="K1059" s="53">
        <v>7289573.1195083205</v>
      </c>
      <c r="L1059" s="53">
        <v>19669394.485113598</v>
      </c>
      <c r="M1059" s="53">
        <v>8393668.3131110407</v>
      </c>
      <c r="N1059" s="53">
        <v>46166534.858851597</v>
      </c>
      <c r="O1059" s="53">
        <v>2129670.3684620699</v>
      </c>
      <c r="P1059" s="53">
        <v>28810077.711146198</v>
      </c>
      <c r="Q1059" s="53">
        <v>23539963.7273417</v>
      </c>
      <c r="R1059" s="53">
        <v>16754876.274410499</v>
      </c>
      <c r="S1059" s="53">
        <v>6912406.8575290404</v>
      </c>
      <c r="T1059" s="53">
        <v>5591330.15070365</v>
      </c>
      <c r="U1059" s="53">
        <v>-396773.03278844501</v>
      </c>
      <c r="V1059" s="53">
        <v>-30155299.139813598</v>
      </c>
      <c r="W1059" s="53">
        <v>2186642.2996964501</v>
      </c>
      <c r="X1059" s="53">
        <v>5322057.1637779102</v>
      </c>
      <c r="Y1059" s="53">
        <v>18988735.2101801</v>
      </c>
      <c r="Z1059" s="53">
        <v>-4376103.8432891499</v>
      </c>
      <c r="AA1059" s="53">
        <v>75307583.747356504</v>
      </c>
      <c r="AB1059" s="53">
        <v>-19570316.806683101</v>
      </c>
      <c r="AC1059" s="53">
        <v>18835779.5862692</v>
      </c>
      <c r="AD1059" s="53">
        <v>17803045.436759599</v>
      </c>
      <c r="AE1059" s="53">
        <v>66027106.902212299</v>
      </c>
      <c r="AF1059" s="53">
        <v>-6207615.1794217099</v>
      </c>
      <c r="AG1059" s="53">
        <v>40970153.101739898</v>
      </c>
      <c r="AH1059" s="53">
        <v>-22660174.736298501</v>
      </c>
      <c r="AI1059" s="53">
        <v>-53692848.850997202</v>
      </c>
      <c r="AJ1059" s="53">
        <v>-94229173.257203206</v>
      </c>
      <c r="AK1059" s="53">
        <v>3221012.36063834</v>
      </c>
      <c r="AL1059" s="53">
        <v>19788680.807757199</v>
      </c>
      <c r="AM1059" s="53">
        <v>-33073957.912871402</v>
      </c>
      <c r="AN1059" s="53">
        <v>-62788308.548098601</v>
      </c>
      <c r="AO1059" s="53">
        <v>-18850216.017294701</v>
      </c>
      <c r="AP1059" s="53">
        <v>19409854.731193699</v>
      </c>
      <c r="AQ1059" s="53">
        <v>14550919.751556</v>
      </c>
      <c r="AR1059" s="53">
        <v>69740564.120168701</v>
      </c>
      <c r="AS1059" s="53">
        <v>-2042407.4685835999</v>
      </c>
      <c r="AT1059" s="53">
        <v>52236849.434011601</v>
      </c>
      <c r="AU1059" s="53">
        <v>-9902279.5373424795</v>
      </c>
      <c r="AV1059" s="53">
        <v>-38161896.122439399</v>
      </c>
      <c r="AW1059" s="53">
        <v>42372955.824129</v>
      </c>
      <c r="AX1059" s="53">
        <v>-5543871.9904626096</v>
      </c>
      <c r="AY1059" s="53">
        <v>14874157.8214656</v>
      </c>
      <c r="AZ1059" s="53">
        <v>-90880041.3522176</v>
      </c>
      <c r="BA1059" s="53">
        <v>47804589.1941844</v>
      </c>
    </row>
    <row r="1060" spans="1:53">
      <c r="A1060" s="52" t="s">
        <v>4363</v>
      </c>
      <c r="B1060" s="53">
        <v>8907400.6790731698</v>
      </c>
      <c r="C1060" s="53">
        <v>-11318113.679374499</v>
      </c>
      <c r="D1060" s="53">
        <v>143639.17857830299</v>
      </c>
      <c r="E1060" s="53">
        <v>-4564460.8848793805</v>
      </c>
      <c r="F1060" s="53">
        <v>-1635142.54152436</v>
      </c>
      <c r="G1060" s="53">
        <v>151485.76284988399</v>
      </c>
      <c r="H1060" s="53">
        <v>456528.54271694098</v>
      </c>
      <c r="I1060" s="53">
        <v>19249014.439197201</v>
      </c>
      <c r="J1060" s="53">
        <v>-257762.04810630999</v>
      </c>
      <c r="K1060" s="53">
        <v>-709958.29075130995</v>
      </c>
      <c r="L1060" s="53">
        <v>-6925544.5283754198</v>
      </c>
      <c r="M1060" s="53">
        <v>4811514.6596350297</v>
      </c>
      <c r="N1060" s="53">
        <v>8308601.2890391797</v>
      </c>
      <c r="O1060" s="53">
        <v>-2391048.47951735</v>
      </c>
      <c r="P1060" s="53">
        <v>-16651309.554376399</v>
      </c>
      <c r="Q1060" s="53">
        <v>-13310087.3063841</v>
      </c>
      <c r="R1060" s="53">
        <v>-10967722.853834201</v>
      </c>
      <c r="S1060" s="53">
        <v>-2267072.0247575599</v>
      </c>
      <c r="T1060" s="53">
        <v>-1090489.5271230601</v>
      </c>
      <c r="U1060" s="53">
        <v>5089268.5936610298</v>
      </c>
      <c r="V1060" s="53">
        <v>23412715.613540102</v>
      </c>
      <c r="W1060" s="53">
        <v>3005734.06531737</v>
      </c>
      <c r="X1060" s="53">
        <v>1415303.2406152899</v>
      </c>
      <c r="Y1060" s="53">
        <v>-8198625.0421474697</v>
      </c>
      <c r="Z1060" s="53">
        <v>15674221.659256401</v>
      </c>
      <c r="AA1060" s="53">
        <v>-6279111.6157501899</v>
      </c>
      <c r="AB1060" s="53">
        <v>22037950.2764767</v>
      </c>
      <c r="AC1060" s="53">
        <v>-4174960.43732335</v>
      </c>
      <c r="AD1060" s="53">
        <v>-5403900.1872972501</v>
      </c>
      <c r="AE1060" s="53">
        <v>-57990794.019042999</v>
      </c>
      <c r="AF1060" s="53">
        <v>13365712.0028995</v>
      </c>
      <c r="AG1060" s="53">
        <v>-34030970.073307402</v>
      </c>
      <c r="AH1060" s="53">
        <v>29997678.947067399</v>
      </c>
      <c r="AI1060" s="53">
        <v>50323719.353633501</v>
      </c>
      <c r="AJ1060" s="53">
        <v>102597314.402841</v>
      </c>
      <c r="AK1060" s="53">
        <v>6962013.68226369</v>
      </c>
      <c r="AL1060" s="53">
        <v>-5650062.51605595</v>
      </c>
      <c r="AM1060" s="53">
        <v>46581230.3247016</v>
      </c>
      <c r="AN1060" s="53">
        <v>164614931.75685701</v>
      </c>
      <c r="AO1060" s="53">
        <v>24103165.558138601</v>
      </c>
      <c r="AP1060" s="53">
        <v>-2499159.5147919799</v>
      </c>
      <c r="AQ1060" s="53">
        <v>599419.01084124902</v>
      </c>
      <c r="AR1060" s="53">
        <v>-58915500.863543302</v>
      </c>
      <c r="AS1060" s="53">
        <v>11133935.2030033</v>
      </c>
      <c r="AT1060" s="53">
        <v>-43381593.157261103</v>
      </c>
      <c r="AU1060" s="53">
        <v>19086866.075431298</v>
      </c>
      <c r="AV1060" s="53">
        <v>36956896.3445592</v>
      </c>
      <c r="AW1060" s="53">
        <v>-32361867.827171899</v>
      </c>
      <c r="AX1060" s="53">
        <v>17147612.3990556</v>
      </c>
      <c r="AY1060" s="53">
        <v>-789828.42244171095</v>
      </c>
      <c r="AZ1060" s="53">
        <v>105596204.574495</v>
      </c>
      <c r="BA1060" s="53">
        <v>76676149.380314395</v>
      </c>
    </row>
    <row r="1061" spans="1:53">
      <c r="A1061" s="52" t="s">
        <v>1213</v>
      </c>
      <c r="B1061" s="53"/>
      <c r="C1061" s="53"/>
      <c r="D1061" s="53"/>
      <c r="E1061" s="53"/>
      <c r="F1061" s="53"/>
      <c r="G1061" s="53"/>
      <c r="H1061" s="53"/>
      <c r="I1061" s="53"/>
      <c r="J1061" s="53"/>
      <c r="K1061" s="53"/>
      <c r="L1061" s="53"/>
      <c r="M1061" s="53"/>
      <c r="N1061" s="53"/>
      <c r="O1061" s="53"/>
      <c r="P1061" s="53"/>
      <c r="Q1061" s="53"/>
      <c r="R1061" s="53"/>
      <c r="S1061" s="53"/>
      <c r="T1061" s="53"/>
      <c r="U1061" s="53"/>
      <c r="V1061" s="53"/>
      <c r="W1061" s="53"/>
      <c r="X1061" s="53"/>
      <c r="Y1061" s="53"/>
      <c r="Z1061" s="53"/>
      <c r="AA1061" s="53"/>
      <c r="AB1061" s="53"/>
      <c r="AC1061" s="53"/>
      <c r="AD1061" s="53"/>
      <c r="AE1061" s="53"/>
      <c r="AF1061" s="53"/>
      <c r="AG1061" s="53"/>
      <c r="AH1061" s="53"/>
      <c r="AI1061" s="53"/>
      <c r="AJ1061" s="53"/>
      <c r="AK1061" s="53"/>
      <c r="AL1061" s="53"/>
      <c r="AM1061" s="53"/>
      <c r="AN1061" s="53"/>
      <c r="AO1061" s="53"/>
      <c r="AP1061" s="53"/>
      <c r="AQ1061" s="53"/>
      <c r="AR1061" s="53"/>
      <c r="AS1061" s="53"/>
      <c r="AT1061" s="53"/>
      <c r="AU1061" s="53"/>
      <c r="AV1061" s="53"/>
      <c r="AW1061" s="53"/>
      <c r="AX1061" s="53"/>
      <c r="AY1061" s="53"/>
      <c r="AZ1061" s="53"/>
      <c r="BA1061" s="53"/>
    </row>
    <row r="1062" spans="1:53">
      <c r="A1062" s="52" t="s">
        <v>4364</v>
      </c>
      <c r="B1062" s="53">
        <v>0</v>
      </c>
      <c r="C1062" s="53">
        <v>0</v>
      </c>
      <c r="D1062" s="53">
        <v>0</v>
      </c>
      <c r="E1062" s="53">
        <v>0</v>
      </c>
      <c r="F1062" s="53">
        <v>0</v>
      </c>
      <c r="G1062" s="53">
        <v>0</v>
      </c>
      <c r="H1062" s="53">
        <v>0</v>
      </c>
      <c r="I1062" s="53">
        <v>0</v>
      </c>
      <c r="J1062" s="53">
        <v>0</v>
      </c>
      <c r="K1062" s="53">
        <v>0</v>
      </c>
      <c r="L1062" s="53">
        <v>0</v>
      </c>
      <c r="M1062" s="53">
        <v>0</v>
      </c>
      <c r="N1062" s="53">
        <v>0</v>
      </c>
      <c r="O1062" s="53">
        <v>0</v>
      </c>
      <c r="P1062" s="53">
        <v>0</v>
      </c>
      <c r="Q1062" s="53">
        <v>0</v>
      </c>
      <c r="R1062" s="53">
        <v>0</v>
      </c>
      <c r="S1062" s="53">
        <v>0</v>
      </c>
      <c r="T1062" s="53">
        <v>0</v>
      </c>
      <c r="U1062" s="53">
        <v>0</v>
      </c>
      <c r="V1062" s="53">
        <v>0</v>
      </c>
      <c r="W1062" s="53">
        <v>0</v>
      </c>
      <c r="X1062" s="53">
        <v>0</v>
      </c>
      <c r="Y1062" s="53">
        <v>0</v>
      </c>
      <c r="Z1062" s="53">
        <v>0</v>
      </c>
      <c r="AA1062" s="53">
        <v>0</v>
      </c>
      <c r="AB1062" s="53">
        <v>0</v>
      </c>
      <c r="AC1062" s="53">
        <v>0</v>
      </c>
      <c r="AD1062" s="53">
        <v>0</v>
      </c>
      <c r="AE1062" s="53">
        <v>0</v>
      </c>
      <c r="AF1062" s="53">
        <v>0</v>
      </c>
      <c r="AG1062" s="53">
        <v>0</v>
      </c>
      <c r="AH1062" s="53">
        <v>0</v>
      </c>
      <c r="AI1062" s="53">
        <v>0</v>
      </c>
      <c r="AJ1062" s="53">
        <v>0</v>
      </c>
      <c r="AK1062" s="53">
        <v>0</v>
      </c>
      <c r="AL1062" s="53">
        <v>0</v>
      </c>
      <c r="AM1062" s="53">
        <v>0</v>
      </c>
      <c r="AN1062" s="53">
        <v>0</v>
      </c>
      <c r="AO1062" s="53">
        <v>0</v>
      </c>
      <c r="AP1062" s="53">
        <v>0</v>
      </c>
      <c r="AQ1062" s="53">
        <v>0</v>
      </c>
      <c r="AR1062" s="53">
        <v>0</v>
      </c>
      <c r="AS1062" s="53">
        <v>0</v>
      </c>
      <c r="AT1062" s="53">
        <v>0</v>
      </c>
      <c r="AU1062" s="53">
        <v>0</v>
      </c>
      <c r="AV1062" s="53">
        <v>0</v>
      </c>
      <c r="AW1062" s="53">
        <v>0</v>
      </c>
      <c r="AX1062" s="53">
        <v>0</v>
      </c>
      <c r="AY1062" s="53">
        <v>0</v>
      </c>
      <c r="AZ1062" s="53">
        <v>0</v>
      </c>
      <c r="BA1062" s="53">
        <v>0</v>
      </c>
    </row>
    <row r="1063" spans="1:53">
      <c r="A1063" s="52" t="s">
        <v>4365</v>
      </c>
      <c r="B1063" s="53">
        <v>253.44999999999899</v>
      </c>
      <c r="C1063" s="53">
        <v>253.44999999999899</v>
      </c>
      <c r="D1063" s="53">
        <v>253.45</v>
      </c>
      <c r="E1063" s="53">
        <v>253.45</v>
      </c>
      <c r="F1063" s="53">
        <v>253.45</v>
      </c>
      <c r="G1063" s="53">
        <v>253.44999999999899</v>
      </c>
      <c r="H1063" s="53">
        <v>253.44999999999899</v>
      </c>
      <c r="I1063" s="53">
        <v>253.45</v>
      </c>
      <c r="J1063" s="53">
        <v>253.45</v>
      </c>
      <c r="K1063" s="53">
        <v>253.45</v>
      </c>
      <c r="L1063" s="53">
        <v>253.45</v>
      </c>
      <c r="M1063" s="53">
        <v>253.45</v>
      </c>
      <c r="N1063" s="53">
        <v>3041.4</v>
      </c>
      <c r="O1063" s="53">
        <v>253.45</v>
      </c>
      <c r="P1063" s="53">
        <v>253.44999999999899</v>
      </c>
      <c r="Q1063" s="53">
        <v>253.45</v>
      </c>
      <c r="R1063" s="53">
        <v>253.45</v>
      </c>
      <c r="S1063" s="53">
        <v>253.44999999999899</v>
      </c>
      <c r="T1063" s="53">
        <v>253.45</v>
      </c>
      <c r="U1063" s="53">
        <v>253.44999999999899</v>
      </c>
      <c r="V1063" s="53">
        <v>253.45</v>
      </c>
      <c r="W1063" s="53">
        <v>253.45</v>
      </c>
      <c r="X1063" s="53">
        <v>253.45</v>
      </c>
      <c r="Y1063" s="53">
        <v>253.45</v>
      </c>
      <c r="Z1063" s="53">
        <v>253.45</v>
      </c>
      <c r="AA1063" s="53">
        <v>3041.3999999999901</v>
      </c>
      <c r="AB1063" s="53">
        <v>253.44999999999899</v>
      </c>
      <c r="AC1063" s="53">
        <v>253.45</v>
      </c>
      <c r="AD1063" s="53">
        <v>253.45</v>
      </c>
      <c r="AE1063" s="53">
        <v>253.45</v>
      </c>
      <c r="AF1063" s="53">
        <v>253.45</v>
      </c>
      <c r="AG1063" s="53">
        <v>253.44999999999899</v>
      </c>
      <c r="AH1063" s="53">
        <v>253.45</v>
      </c>
      <c r="AI1063" s="53">
        <v>253.44999999999899</v>
      </c>
      <c r="AJ1063" s="53">
        <v>253.45</v>
      </c>
      <c r="AK1063" s="53">
        <v>253.45</v>
      </c>
      <c r="AL1063" s="53">
        <v>253.45</v>
      </c>
      <c r="AM1063" s="53">
        <v>253.45</v>
      </c>
      <c r="AN1063" s="53">
        <v>3041.4</v>
      </c>
      <c r="AO1063" s="53">
        <v>253.45</v>
      </c>
      <c r="AP1063" s="53">
        <v>253.45</v>
      </c>
      <c r="AQ1063" s="53">
        <v>253.44999999999899</v>
      </c>
      <c r="AR1063" s="53">
        <v>253.44999999999899</v>
      </c>
      <c r="AS1063" s="53">
        <v>253.44999999999899</v>
      </c>
      <c r="AT1063" s="53">
        <v>253.45</v>
      </c>
      <c r="AU1063" s="53">
        <v>253.45</v>
      </c>
      <c r="AV1063" s="53">
        <v>253.45</v>
      </c>
      <c r="AW1063" s="53">
        <v>253.45</v>
      </c>
      <c r="AX1063" s="53">
        <v>253.45</v>
      </c>
      <c r="AY1063" s="53">
        <v>253.44999999999899</v>
      </c>
      <c r="AZ1063" s="53">
        <v>253.45</v>
      </c>
      <c r="BA1063" s="53">
        <v>3041.3999999999901</v>
      </c>
    </row>
    <row r="1064" spans="1:53">
      <c r="A1064" s="52" t="s">
        <v>4366</v>
      </c>
      <c r="B1064" s="53">
        <v>279.72305649613497</v>
      </c>
      <c r="C1064" s="53">
        <v>91.080423611062898</v>
      </c>
      <c r="D1064" s="53">
        <v>86.647771332787499</v>
      </c>
      <c r="E1064" s="53">
        <v>155.155819589104</v>
      </c>
      <c r="F1064" s="53">
        <v>220.62067729657701</v>
      </c>
      <c r="G1064" s="53">
        <v>242.75665275215999</v>
      </c>
      <c r="H1064" s="53">
        <v>244.74573340727301</v>
      </c>
      <c r="I1064" s="53">
        <v>390.074913738997</v>
      </c>
      <c r="J1064" s="53">
        <v>227.943581428014</v>
      </c>
      <c r="K1064" s="53">
        <v>175.84121758990099</v>
      </c>
      <c r="L1064" s="53">
        <v>62.406500527503802</v>
      </c>
      <c r="M1064" s="53">
        <v>133.566043637034</v>
      </c>
      <c r="N1064" s="53">
        <v>2310.56239140655</v>
      </c>
      <c r="O1064" s="53">
        <v>255.66379797091301</v>
      </c>
      <c r="P1064" s="53">
        <v>68.485078244303395</v>
      </c>
      <c r="Q1064" s="53">
        <v>21.7986769043724</v>
      </c>
      <c r="R1064" s="53">
        <v>122.527150126197</v>
      </c>
      <c r="S1064" s="53">
        <v>193.458885673411</v>
      </c>
      <c r="T1064" s="53">
        <v>207.923278455645</v>
      </c>
      <c r="U1064" s="53">
        <v>211.81946985120101</v>
      </c>
      <c r="V1064" s="53">
        <v>304.35540928847399</v>
      </c>
      <c r="W1064" s="53">
        <v>195.64962108816101</v>
      </c>
      <c r="X1064" s="53">
        <v>158.96474539249201</v>
      </c>
      <c r="Y1064" s="53">
        <v>-5.5325920992527502</v>
      </c>
      <c r="Z1064" s="53">
        <v>111.203032885561</v>
      </c>
      <c r="AA1064" s="53">
        <v>1846.31655378148</v>
      </c>
      <c r="AB1064" s="53">
        <v>231.72331607029699</v>
      </c>
      <c r="AC1064" s="53">
        <v>10.5401388454206</v>
      </c>
      <c r="AD1064" s="53">
        <v>-85.852526963825298</v>
      </c>
      <c r="AE1064" s="53">
        <v>39.890439547146599</v>
      </c>
      <c r="AF1064" s="53">
        <v>154.77605671576799</v>
      </c>
      <c r="AG1064" s="53">
        <v>181.139226591289</v>
      </c>
      <c r="AH1064" s="53">
        <v>186.98182136006201</v>
      </c>
      <c r="AI1064" s="53">
        <v>278.78903633309801</v>
      </c>
      <c r="AJ1064" s="53">
        <v>159.43529595819999</v>
      </c>
      <c r="AK1064" s="53">
        <v>110.500200170906</v>
      </c>
      <c r="AL1064" s="53">
        <v>-99.702018660905694</v>
      </c>
      <c r="AM1064" s="53">
        <v>74.079013857037097</v>
      </c>
      <c r="AN1064" s="53">
        <v>1242.29999982449</v>
      </c>
      <c r="AO1064" s="53">
        <v>205.91253227294101</v>
      </c>
      <c r="AP1064" s="53">
        <v>-34.245089390562697</v>
      </c>
      <c r="AQ1064" s="53">
        <v>-167.58873246010799</v>
      </c>
      <c r="AR1064" s="53">
        <v>-41.668080934318702</v>
      </c>
      <c r="AS1064" s="53">
        <v>122.28335598368901</v>
      </c>
      <c r="AT1064" s="53">
        <v>155.88641165955201</v>
      </c>
      <c r="AU1064" s="53">
        <v>165.75781884446101</v>
      </c>
      <c r="AV1064" s="53">
        <v>262.81293380258501</v>
      </c>
      <c r="AW1064" s="53">
        <v>134.232466701036</v>
      </c>
      <c r="AX1064" s="53">
        <v>73.820423279383405</v>
      </c>
      <c r="AY1064" s="53">
        <v>-266.78295568712099</v>
      </c>
      <c r="AZ1064" s="53">
        <v>39.351186924182301</v>
      </c>
      <c r="BA1064" s="53">
        <v>649.77227099572201</v>
      </c>
    </row>
    <row r="1065" spans="1:53">
      <c r="A1065" s="52" t="s">
        <v>4367</v>
      </c>
      <c r="B1065" s="53"/>
      <c r="C1065" s="53"/>
      <c r="D1065" s="53"/>
      <c r="E1065" s="53"/>
      <c r="F1065" s="53"/>
      <c r="G1065" s="53"/>
      <c r="H1065" s="53"/>
      <c r="I1065" s="53"/>
      <c r="J1065" s="53"/>
      <c r="K1065" s="53"/>
      <c r="L1065" s="53"/>
      <c r="M1065" s="53"/>
      <c r="N1065" s="53"/>
      <c r="O1065" s="53"/>
      <c r="P1065" s="53"/>
      <c r="Q1065" s="53"/>
      <c r="R1065" s="53"/>
      <c r="S1065" s="53"/>
      <c r="T1065" s="53"/>
      <c r="U1065" s="53"/>
      <c r="V1065" s="53"/>
      <c r="W1065" s="53"/>
      <c r="X1065" s="53"/>
      <c r="Y1065" s="53"/>
      <c r="Z1065" s="53"/>
      <c r="AA1065" s="53"/>
      <c r="AB1065" s="53"/>
      <c r="AC1065" s="53"/>
      <c r="AD1065" s="53"/>
      <c r="AE1065" s="53"/>
      <c r="AF1065" s="53"/>
      <c r="AG1065" s="53"/>
      <c r="AH1065" s="53"/>
      <c r="AI1065" s="53"/>
      <c r="AJ1065" s="53"/>
      <c r="AK1065" s="53"/>
      <c r="AL1065" s="53"/>
      <c r="AM1065" s="53"/>
      <c r="AN1065" s="53"/>
      <c r="AO1065" s="53"/>
      <c r="AP1065" s="53"/>
      <c r="AQ1065" s="53"/>
      <c r="AR1065" s="53"/>
      <c r="AS1065" s="53"/>
      <c r="AT1065" s="53"/>
      <c r="AU1065" s="53"/>
      <c r="AV1065" s="53"/>
      <c r="AW1065" s="53"/>
      <c r="AX1065" s="53"/>
      <c r="AY1065" s="53"/>
      <c r="AZ1065" s="53"/>
      <c r="BA1065" s="53"/>
    </row>
    <row r="1066" spans="1:53">
      <c r="A1066" s="52" t="s">
        <v>4368</v>
      </c>
      <c r="B1066" s="53"/>
      <c r="C1066" s="53"/>
      <c r="D1066" s="53"/>
      <c r="E1066" s="53"/>
      <c r="F1066" s="53"/>
      <c r="G1066" s="53"/>
      <c r="H1066" s="53"/>
      <c r="I1066" s="53"/>
      <c r="J1066" s="53"/>
      <c r="K1066" s="53"/>
      <c r="L1066" s="53"/>
      <c r="M1066" s="53"/>
      <c r="N1066" s="53"/>
      <c r="O1066" s="53"/>
      <c r="P1066" s="53"/>
      <c r="Q1066" s="53"/>
      <c r="R1066" s="53"/>
      <c r="S1066" s="53"/>
      <c r="T1066" s="53"/>
      <c r="U1066" s="53"/>
      <c r="V1066" s="53"/>
      <c r="W1066" s="53"/>
      <c r="X1066" s="53"/>
      <c r="Y1066" s="53"/>
      <c r="Z1066" s="53"/>
      <c r="AA1066" s="53"/>
      <c r="AB1066" s="53"/>
      <c r="AC1066" s="53"/>
      <c r="AD1066" s="53"/>
      <c r="AE1066" s="53"/>
      <c r="AF1066" s="53"/>
      <c r="AG1066" s="53"/>
      <c r="AH1066" s="53"/>
      <c r="AI1066" s="53"/>
      <c r="AJ1066" s="53"/>
      <c r="AK1066" s="53"/>
      <c r="AL1066" s="53"/>
      <c r="AM1066" s="53"/>
      <c r="AN1066" s="53"/>
      <c r="AO1066" s="53"/>
      <c r="AP1066" s="53"/>
      <c r="AQ1066" s="53"/>
      <c r="AR1066" s="53"/>
      <c r="AS1066" s="53"/>
      <c r="AT1066" s="53"/>
      <c r="AU1066" s="53"/>
      <c r="AV1066" s="53"/>
      <c r="AW1066" s="53"/>
      <c r="AX1066" s="53"/>
      <c r="AY1066" s="53"/>
      <c r="AZ1066" s="53"/>
      <c r="BA1066" s="53"/>
    </row>
    <row r="1067" spans="1:53">
      <c r="A1067" s="52" t="s">
        <v>4369</v>
      </c>
      <c r="B1067" s="53">
        <v>0</v>
      </c>
      <c r="C1067" s="53">
        <v>0</v>
      </c>
      <c r="D1067" s="53">
        <v>0</v>
      </c>
      <c r="E1067" s="53">
        <v>0</v>
      </c>
      <c r="F1067" s="53">
        <v>0</v>
      </c>
      <c r="G1067" s="53">
        <v>0</v>
      </c>
      <c r="H1067" s="53">
        <v>0</v>
      </c>
      <c r="I1067" s="53">
        <v>0</v>
      </c>
      <c r="J1067" s="53">
        <v>0</v>
      </c>
      <c r="K1067" s="53">
        <v>0</v>
      </c>
      <c r="L1067" s="53">
        <v>0</v>
      </c>
      <c r="M1067" s="53">
        <v>0</v>
      </c>
      <c r="N1067" s="53">
        <v>0</v>
      </c>
      <c r="O1067" s="53">
        <v>0</v>
      </c>
      <c r="P1067" s="53">
        <v>0</v>
      </c>
      <c r="Q1067" s="53">
        <v>0</v>
      </c>
      <c r="R1067" s="53">
        <v>0</v>
      </c>
      <c r="S1067" s="53">
        <v>0</v>
      </c>
      <c r="T1067" s="53">
        <v>0</v>
      </c>
      <c r="U1067" s="53">
        <v>0</v>
      </c>
      <c r="V1067" s="53">
        <v>0</v>
      </c>
      <c r="W1067" s="53">
        <v>0</v>
      </c>
      <c r="X1067" s="53">
        <v>0</v>
      </c>
      <c r="Y1067" s="53">
        <v>0</v>
      </c>
      <c r="Z1067" s="53">
        <v>0</v>
      </c>
      <c r="AA1067" s="53">
        <v>0</v>
      </c>
      <c r="AB1067" s="53">
        <v>0</v>
      </c>
      <c r="AC1067" s="53">
        <v>0</v>
      </c>
      <c r="AD1067" s="53">
        <v>0</v>
      </c>
      <c r="AE1067" s="53">
        <v>0</v>
      </c>
      <c r="AF1067" s="53">
        <v>0</v>
      </c>
      <c r="AG1067" s="53">
        <v>0</v>
      </c>
      <c r="AH1067" s="53">
        <v>0</v>
      </c>
      <c r="AI1067" s="53">
        <v>0</v>
      </c>
      <c r="AJ1067" s="53">
        <v>0</v>
      </c>
      <c r="AK1067" s="53">
        <v>0</v>
      </c>
      <c r="AL1067" s="53">
        <v>0</v>
      </c>
      <c r="AM1067" s="53">
        <v>0</v>
      </c>
      <c r="AN1067" s="53">
        <v>0</v>
      </c>
      <c r="AO1067" s="53">
        <v>0</v>
      </c>
      <c r="AP1067" s="53">
        <v>0</v>
      </c>
      <c r="AQ1067" s="53">
        <v>0</v>
      </c>
      <c r="AR1067" s="53">
        <v>0</v>
      </c>
      <c r="AS1067" s="53">
        <v>0</v>
      </c>
      <c r="AT1067" s="53">
        <v>0</v>
      </c>
      <c r="AU1067" s="53">
        <v>0</v>
      </c>
      <c r="AV1067" s="53">
        <v>0</v>
      </c>
      <c r="AW1067" s="53">
        <v>0</v>
      </c>
      <c r="AX1067" s="53">
        <v>0</v>
      </c>
      <c r="AY1067" s="53">
        <v>0</v>
      </c>
      <c r="AZ1067" s="53">
        <v>0</v>
      </c>
      <c r="BA1067" s="53">
        <v>0</v>
      </c>
    </row>
    <row r="1068" spans="1:53">
      <c r="A1068" s="52" t="s">
        <v>4370</v>
      </c>
      <c r="B1068" s="53">
        <v>0</v>
      </c>
      <c r="C1068" s="53">
        <v>0</v>
      </c>
      <c r="D1068" s="53">
        <v>0</v>
      </c>
      <c r="E1068" s="53">
        <v>0</v>
      </c>
      <c r="F1068" s="53">
        <v>0</v>
      </c>
      <c r="G1068" s="53">
        <v>0</v>
      </c>
      <c r="H1068" s="53">
        <v>0</v>
      </c>
      <c r="I1068" s="53">
        <v>0</v>
      </c>
      <c r="J1068" s="53">
        <v>0</v>
      </c>
      <c r="K1068" s="53">
        <v>0</v>
      </c>
      <c r="L1068" s="53">
        <v>0</v>
      </c>
      <c r="M1068" s="53">
        <v>0</v>
      </c>
      <c r="N1068" s="53">
        <v>0</v>
      </c>
      <c r="O1068" s="53">
        <v>0</v>
      </c>
      <c r="P1068" s="53">
        <v>0</v>
      </c>
      <c r="Q1068" s="53">
        <v>0</v>
      </c>
      <c r="R1068" s="53">
        <v>0</v>
      </c>
      <c r="S1068" s="53">
        <v>0</v>
      </c>
      <c r="T1068" s="53">
        <v>0</v>
      </c>
      <c r="U1068" s="53">
        <v>0</v>
      </c>
      <c r="V1068" s="53">
        <v>0</v>
      </c>
      <c r="W1068" s="53">
        <v>0</v>
      </c>
      <c r="X1068" s="53">
        <v>0</v>
      </c>
      <c r="Y1068" s="53">
        <v>0</v>
      </c>
      <c r="Z1068" s="53">
        <v>0</v>
      </c>
      <c r="AA1068" s="53">
        <v>0</v>
      </c>
      <c r="AB1068" s="53">
        <v>0</v>
      </c>
      <c r="AC1068" s="53">
        <v>0</v>
      </c>
      <c r="AD1068" s="53">
        <v>0</v>
      </c>
      <c r="AE1068" s="53">
        <v>0</v>
      </c>
      <c r="AF1068" s="53">
        <v>0</v>
      </c>
      <c r="AG1068" s="53">
        <v>0</v>
      </c>
      <c r="AH1068" s="53">
        <v>0</v>
      </c>
      <c r="AI1068" s="53">
        <v>0</v>
      </c>
      <c r="AJ1068" s="53">
        <v>0</v>
      </c>
      <c r="AK1068" s="53">
        <v>0</v>
      </c>
      <c r="AL1068" s="53">
        <v>0</v>
      </c>
      <c r="AM1068" s="53">
        <v>0</v>
      </c>
      <c r="AN1068" s="53">
        <v>0</v>
      </c>
      <c r="AO1068" s="53">
        <v>0</v>
      </c>
      <c r="AP1068" s="53">
        <v>0</v>
      </c>
      <c r="AQ1068" s="53">
        <v>0</v>
      </c>
      <c r="AR1068" s="53">
        <v>0</v>
      </c>
      <c r="AS1068" s="53">
        <v>0</v>
      </c>
      <c r="AT1068" s="53">
        <v>0</v>
      </c>
      <c r="AU1068" s="53">
        <v>0</v>
      </c>
      <c r="AV1068" s="53">
        <v>0</v>
      </c>
      <c r="AW1068" s="53">
        <v>0</v>
      </c>
      <c r="AX1068" s="53">
        <v>0</v>
      </c>
      <c r="AY1068" s="53">
        <v>0</v>
      </c>
      <c r="AZ1068" s="53">
        <v>0</v>
      </c>
      <c r="BA1068" s="53">
        <v>0</v>
      </c>
    </row>
    <row r="1069" spans="1:53">
      <c r="A1069" s="52" t="s">
        <v>4371</v>
      </c>
      <c r="B1069" s="53">
        <v>0</v>
      </c>
      <c r="C1069" s="53">
        <v>0</v>
      </c>
      <c r="D1069" s="53">
        <v>0</v>
      </c>
      <c r="E1069" s="53">
        <v>0</v>
      </c>
      <c r="F1069" s="53">
        <v>0</v>
      </c>
      <c r="G1069" s="53">
        <v>0</v>
      </c>
      <c r="H1069" s="53">
        <v>0</v>
      </c>
      <c r="I1069" s="53">
        <v>0</v>
      </c>
      <c r="J1069" s="53">
        <v>0</v>
      </c>
      <c r="K1069" s="53">
        <v>0</v>
      </c>
      <c r="L1069" s="53">
        <v>0</v>
      </c>
      <c r="M1069" s="53">
        <v>0</v>
      </c>
      <c r="N1069" s="53">
        <v>0</v>
      </c>
      <c r="O1069" s="53">
        <v>0</v>
      </c>
      <c r="P1069" s="53">
        <v>0</v>
      </c>
      <c r="Q1069" s="53">
        <v>0</v>
      </c>
      <c r="R1069" s="53">
        <v>0</v>
      </c>
      <c r="S1069" s="53">
        <v>0</v>
      </c>
      <c r="T1069" s="53">
        <v>0</v>
      </c>
      <c r="U1069" s="53">
        <v>0</v>
      </c>
      <c r="V1069" s="53">
        <v>0</v>
      </c>
      <c r="W1069" s="53">
        <v>0</v>
      </c>
      <c r="X1069" s="53">
        <v>0</v>
      </c>
      <c r="Y1069" s="53">
        <v>0</v>
      </c>
      <c r="Z1069" s="53">
        <v>0</v>
      </c>
      <c r="AA1069" s="53">
        <v>0</v>
      </c>
      <c r="AB1069" s="53">
        <v>0</v>
      </c>
      <c r="AC1069" s="53">
        <v>0</v>
      </c>
      <c r="AD1069" s="53">
        <v>0</v>
      </c>
      <c r="AE1069" s="53">
        <v>0</v>
      </c>
      <c r="AF1069" s="53">
        <v>0</v>
      </c>
      <c r="AG1069" s="53">
        <v>0</v>
      </c>
      <c r="AH1069" s="53">
        <v>0</v>
      </c>
      <c r="AI1069" s="53">
        <v>0</v>
      </c>
      <c r="AJ1069" s="53">
        <v>0</v>
      </c>
      <c r="AK1069" s="53">
        <v>0</v>
      </c>
      <c r="AL1069" s="53">
        <v>0</v>
      </c>
      <c r="AM1069" s="53">
        <v>0</v>
      </c>
      <c r="AN1069" s="53">
        <v>0</v>
      </c>
      <c r="AO1069" s="53">
        <v>0</v>
      </c>
      <c r="AP1069" s="53">
        <v>0</v>
      </c>
      <c r="AQ1069" s="53">
        <v>0</v>
      </c>
      <c r="AR1069" s="53">
        <v>0</v>
      </c>
      <c r="AS1069" s="53">
        <v>0</v>
      </c>
      <c r="AT1069" s="53">
        <v>0</v>
      </c>
      <c r="AU1069" s="53">
        <v>0</v>
      </c>
      <c r="AV1069" s="53">
        <v>0</v>
      </c>
      <c r="AW1069" s="53">
        <v>0</v>
      </c>
      <c r="AX1069" s="53">
        <v>0</v>
      </c>
      <c r="AY1069" s="53">
        <v>0</v>
      </c>
      <c r="AZ1069" s="53">
        <v>0</v>
      </c>
      <c r="BA1069" s="53">
        <v>0</v>
      </c>
    </row>
    <row r="1070" spans="1:53">
      <c r="A1070" s="52" t="s">
        <v>4372</v>
      </c>
      <c r="B1070" s="53">
        <v>0</v>
      </c>
      <c r="C1070" s="53">
        <v>0</v>
      </c>
      <c r="D1070" s="53">
        <v>0</v>
      </c>
      <c r="E1070" s="53">
        <v>0</v>
      </c>
      <c r="F1070" s="53">
        <v>0</v>
      </c>
      <c r="G1070" s="53">
        <v>0</v>
      </c>
      <c r="H1070" s="53">
        <v>0</v>
      </c>
      <c r="I1070" s="53">
        <v>0</v>
      </c>
      <c r="J1070" s="53">
        <v>0</v>
      </c>
      <c r="K1070" s="53">
        <v>0</v>
      </c>
      <c r="L1070" s="53">
        <v>0</v>
      </c>
      <c r="M1070" s="53">
        <v>0</v>
      </c>
      <c r="N1070" s="53">
        <v>0</v>
      </c>
      <c r="O1070" s="53">
        <v>0</v>
      </c>
      <c r="P1070" s="53">
        <v>0</v>
      </c>
      <c r="Q1070" s="53">
        <v>0</v>
      </c>
      <c r="R1070" s="53">
        <v>0</v>
      </c>
      <c r="S1070" s="53">
        <v>0</v>
      </c>
      <c r="T1070" s="53">
        <v>0</v>
      </c>
      <c r="U1070" s="53">
        <v>0</v>
      </c>
      <c r="V1070" s="53">
        <v>0</v>
      </c>
      <c r="W1070" s="53">
        <v>0</v>
      </c>
      <c r="X1070" s="53">
        <v>0</v>
      </c>
      <c r="Y1070" s="53">
        <v>0</v>
      </c>
      <c r="Z1070" s="53">
        <v>0</v>
      </c>
      <c r="AA1070" s="53">
        <v>0</v>
      </c>
      <c r="AB1070" s="53">
        <v>0</v>
      </c>
      <c r="AC1070" s="53">
        <v>0</v>
      </c>
      <c r="AD1070" s="53">
        <v>0</v>
      </c>
      <c r="AE1070" s="53">
        <v>0</v>
      </c>
      <c r="AF1070" s="53">
        <v>0</v>
      </c>
      <c r="AG1070" s="53">
        <v>0</v>
      </c>
      <c r="AH1070" s="53">
        <v>0</v>
      </c>
      <c r="AI1070" s="53">
        <v>0</v>
      </c>
      <c r="AJ1070" s="53">
        <v>0</v>
      </c>
      <c r="AK1070" s="53">
        <v>0</v>
      </c>
      <c r="AL1070" s="53">
        <v>0</v>
      </c>
      <c r="AM1070" s="53">
        <v>0</v>
      </c>
      <c r="AN1070" s="53">
        <v>0</v>
      </c>
      <c r="AO1070" s="53">
        <v>0</v>
      </c>
      <c r="AP1070" s="53">
        <v>0</v>
      </c>
      <c r="AQ1070" s="53">
        <v>0</v>
      </c>
      <c r="AR1070" s="53">
        <v>0</v>
      </c>
      <c r="AS1070" s="53">
        <v>0</v>
      </c>
      <c r="AT1070" s="53">
        <v>0</v>
      </c>
      <c r="AU1070" s="53">
        <v>0</v>
      </c>
      <c r="AV1070" s="53">
        <v>0</v>
      </c>
      <c r="AW1070" s="53">
        <v>0</v>
      </c>
      <c r="AX1070" s="53">
        <v>0</v>
      </c>
      <c r="AY1070" s="53">
        <v>0</v>
      </c>
      <c r="AZ1070" s="53">
        <v>0</v>
      </c>
      <c r="BA1070" s="53">
        <v>0</v>
      </c>
    </row>
    <row r="1071" spans="1:53">
      <c r="A1071" s="52" t="s">
        <v>4373</v>
      </c>
      <c r="B1071" s="53">
        <v>0</v>
      </c>
      <c r="C1071" s="53">
        <v>0</v>
      </c>
      <c r="D1071" s="53">
        <v>0</v>
      </c>
      <c r="E1071" s="53">
        <v>0</v>
      </c>
      <c r="F1071" s="53">
        <v>0</v>
      </c>
      <c r="G1071" s="53">
        <v>0</v>
      </c>
      <c r="H1071" s="53">
        <v>0</v>
      </c>
      <c r="I1071" s="53">
        <v>0</v>
      </c>
      <c r="J1071" s="53">
        <v>0</v>
      </c>
      <c r="K1071" s="53">
        <v>0</v>
      </c>
      <c r="L1071" s="53">
        <v>0</v>
      </c>
      <c r="M1071" s="53">
        <v>0</v>
      </c>
      <c r="N1071" s="53">
        <v>0</v>
      </c>
      <c r="O1071" s="53">
        <v>0</v>
      </c>
      <c r="P1071" s="53">
        <v>0</v>
      </c>
      <c r="Q1071" s="53">
        <v>0</v>
      </c>
      <c r="R1071" s="53">
        <v>0</v>
      </c>
      <c r="S1071" s="53">
        <v>0</v>
      </c>
      <c r="T1071" s="53">
        <v>0</v>
      </c>
      <c r="U1071" s="53">
        <v>0</v>
      </c>
      <c r="V1071" s="53">
        <v>0</v>
      </c>
      <c r="W1071" s="53">
        <v>0</v>
      </c>
      <c r="X1071" s="53">
        <v>0</v>
      </c>
      <c r="Y1071" s="53">
        <v>0</v>
      </c>
      <c r="Z1071" s="53">
        <v>0</v>
      </c>
      <c r="AA1071" s="53">
        <v>0</v>
      </c>
      <c r="AB1071" s="53">
        <v>0</v>
      </c>
      <c r="AC1071" s="53">
        <v>0</v>
      </c>
      <c r="AD1071" s="53">
        <v>0</v>
      </c>
      <c r="AE1071" s="53">
        <v>0</v>
      </c>
      <c r="AF1071" s="53">
        <v>0</v>
      </c>
      <c r="AG1071" s="53">
        <v>0</v>
      </c>
      <c r="AH1071" s="53">
        <v>0</v>
      </c>
      <c r="AI1071" s="53">
        <v>0</v>
      </c>
      <c r="AJ1071" s="53">
        <v>0</v>
      </c>
      <c r="AK1071" s="53">
        <v>0</v>
      </c>
      <c r="AL1071" s="53">
        <v>0</v>
      </c>
      <c r="AM1071" s="53">
        <v>0</v>
      </c>
      <c r="AN1071" s="53">
        <v>0</v>
      </c>
      <c r="AO1071" s="53">
        <v>0</v>
      </c>
      <c r="AP1071" s="53">
        <v>0</v>
      </c>
      <c r="AQ1071" s="53">
        <v>0</v>
      </c>
      <c r="AR1071" s="53">
        <v>0</v>
      </c>
      <c r="AS1071" s="53">
        <v>0</v>
      </c>
      <c r="AT1071" s="53">
        <v>0</v>
      </c>
      <c r="AU1071" s="53">
        <v>0</v>
      </c>
      <c r="AV1071" s="53">
        <v>0</v>
      </c>
      <c r="AW1071" s="53">
        <v>0</v>
      </c>
      <c r="AX1071" s="53">
        <v>0</v>
      </c>
      <c r="AY1071" s="53">
        <v>0</v>
      </c>
      <c r="AZ1071" s="53">
        <v>0</v>
      </c>
      <c r="BA1071" s="53">
        <v>0</v>
      </c>
    </row>
  </sheetData>
  <pageMargins left="0.7" right="0.7" top="0.75" bottom="0.75" header="0.3" footer="0.3"/>
  <pageSetup orientation="portrait" r:id="rId1"/>
  <headerFooter>
    <oddHeader xml:space="preserve">&amp;RDEF’s Response to OPC POD 1 (1-26)
Q7
Page &amp;P of &amp;N
</oddHeader>
    <oddFooter>&amp;R20240025-OPCPOD1-00004231</oddFooter>
  </headerFooter>
  <colBreaks count="1" manualBreakCount="1">
    <brk id="53" max="1048575" man="1"/>
  </col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1f9b4577-d510-4d0a-9b77-58a7ce050573">
      <Terms xmlns="http://schemas.microsoft.com/office/infopath/2007/PartnerControls"/>
    </lcf76f155ced4ddcb4097134ff3c332f>
    <TaxCatchAll xmlns="fb449c68-7da9-4414-a7d8-785e223757ce" xsi:nil="true"/>
    <Comments xmlns="1f9b4577-d510-4d0a-9b77-58a7ce05057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0F4EAD043515EE408A808D1623B876BF" ma:contentTypeVersion="16" ma:contentTypeDescription="Create a new document." ma:contentTypeScope="" ma:versionID="4c362b19ee3327833c3f56f132cf66b6">
  <xsd:schema xmlns:xsd="http://www.w3.org/2001/XMLSchema" xmlns:xs="http://www.w3.org/2001/XMLSchema" xmlns:p="http://schemas.microsoft.com/office/2006/metadata/properties" xmlns:ns2="1f9b4577-d510-4d0a-9b77-58a7ce050573" xmlns:ns3="cb0cb807-e4cb-4197-a0a9-ff4221d065c9" xmlns:ns4="fb449c68-7da9-4414-a7d8-785e223757ce" targetNamespace="http://schemas.microsoft.com/office/2006/metadata/properties" ma:root="true" ma:fieldsID="19f4afdcdad0360863ada656c772d039" ns2:_="" ns3:_="" ns4:_="">
    <xsd:import namespace="1f9b4577-d510-4d0a-9b77-58a7ce050573"/>
    <xsd:import namespace="cb0cb807-e4cb-4197-a0a9-ff4221d065c9"/>
    <xsd:import namespace="fb449c68-7da9-4414-a7d8-785e223757ce"/>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ObjectDetectorVersions" minOccurs="0"/>
                <xsd:element ref="ns2:MediaLengthInSeconds" minOccurs="0"/>
                <xsd:element ref="ns2:lcf76f155ced4ddcb4097134ff3c332f" minOccurs="0"/>
                <xsd:element ref="ns4:TaxCatchAll" minOccurs="0"/>
                <xsd:element ref="ns2:MediaServiceOCR" minOccurs="0"/>
                <xsd:element ref="ns2:MediaServiceGenerationTime" minOccurs="0"/>
                <xsd:element ref="ns2:MediaServiceEventHashCode" minOccurs="0"/>
                <xsd:element ref="ns2:Comment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f9b4577-d510-4d0a-9b77-58a7ce05057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lcf76f155ced4ddcb4097134ff3c332f" ma:index="17" nillable="true" ma:taxonomy="true" ma:internalName="lcf76f155ced4ddcb4097134ff3c332f" ma:taxonomyFieldName="MediaServiceImageTags" ma:displayName="Image Tags" ma:readOnly="false" ma:fieldId="{5cf76f15-5ced-4ddc-b409-7134ff3c332f}" ma:taxonomyMulti="true" ma:sspId="cf6a659c-b33e-46f9-a878-2211c7a73f6f" ma:termSetId="09814cd3-568e-fe90-9814-8d621ff8fb84" ma:anchorId="fba54fb3-c3e1-fe81-a776-ca4b69148c4d" ma:open="true" ma:isKeyword="false">
      <xsd:complexType>
        <xsd:sequence>
          <xsd:element ref="pc:Terms" minOccurs="0" maxOccurs="1"/>
        </xsd:sequence>
      </xsd:complexType>
    </xsd:element>
    <xsd:element name="MediaServiceOCR" ma:index="19" nillable="true" ma:displayName="Extracted Text" ma:internalName="MediaServiceOCR" ma:readOnly="true">
      <xsd:simpleType>
        <xsd:restriction base="dms:Note">
          <xsd:maxLength value="255"/>
        </xsd:restriction>
      </xsd:simpleType>
    </xsd:element>
    <xsd:element name="MediaServiceGenerationTime" ma:index="20" nillable="true" ma:displayName="MediaServiceGenerationTime" ma:hidden="true" ma:internalName="MediaServiceGenerationTime" ma:readOnly="true">
      <xsd:simpleType>
        <xsd:restriction base="dms:Text"/>
      </xsd:simpleType>
    </xsd:element>
    <xsd:element name="MediaServiceEventHashCode" ma:index="21" nillable="true" ma:displayName="MediaServiceEventHashCode" ma:hidden="true" ma:internalName="MediaServiceEventHashCode" ma:readOnly="true">
      <xsd:simpleType>
        <xsd:restriction base="dms:Text"/>
      </xsd:simpleType>
    </xsd:element>
    <xsd:element name="Comments" ma:index="22" nillable="true" ma:displayName="Comments" ma:format="Dropdown" ma:internalName="Comments">
      <xsd:simpleType>
        <xsd:restriction base="dms:Text">
          <xsd:maxLength value="255"/>
        </xsd:restriction>
      </xsd:simpleType>
    </xsd:element>
    <xsd:element name="MediaServiceSearchProperties" ma:index="2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cb0cb807-e4cb-4197-a0a9-ff4221d065c9"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b449c68-7da9-4414-a7d8-785e223757ce" elementFormDefault="qualified">
    <xsd:import namespace="http://schemas.microsoft.com/office/2006/documentManagement/types"/>
    <xsd:import namespace="http://schemas.microsoft.com/office/infopath/2007/PartnerControls"/>
    <xsd:element name="TaxCatchAll" ma:index="18" nillable="true" ma:displayName="Taxonomy Catch All Column" ma:hidden="true" ma:list="{d6767940-a93d-42dc-ba06-3854c77682a6}" ma:internalName="TaxCatchAll" ma:showField="CatchAllData" ma:web="cb0cb807-e4cb-4197-a0a9-ff4221d065c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01A7AA5-2971-4F27-BE57-1EC7040D2F7F}">
  <ds:schemaRefs>
    <ds:schemaRef ds:uri="http://schemas.microsoft.com/sharepoint/v3/contenttype/forms"/>
  </ds:schemaRefs>
</ds:datastoreItem>
</file>

<file path=customXml/itemProps2.xml><?xml version="1.0" encoding="utf-8"?>
<ds:datastoreItem xmlns:ds="http://schemas.openxmlformats.org/officeDocument/2006/customXml" ds:itemID="{C38C2486-1F53-4893-BA4C-87E95294D488}">
  <ds:schemaRefs>
    <ds:schemaRef ds:uri="http://schemas.microsoft.com/office/2006/metadata/properties"/>
    <ds:schemaRef ds:uri="http://schemas.microsoft.com/office/infopath/2007/PartnerControls"/>
    <ds:schemaRef ds:uri="1f9b4577-d510-4d0a-9b77-58a7ce050573"/>
    <ds:schemaRef ds:uri="fb449c68-7da9-4414-a7d8-785e223757ce"/>
  </ds:schemaRefs>
</ds:datastoreItem>
</file>

<file path=customXml/itemProps3.xml><?xml version="1.0" encoding="utf-8"?>
<ds:datastoreItem xmlns:ds="http://schemas.openxmlformats.org/officeDocument/2006/customXml" ds:itemID="{A5C2D2B7-B278-4920-9B86-FDB7502BB85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f9b4577-d510-4d0a-9b77-58a7ce050573"/>
    <ds:schemaRef ds:uri="cb0cb807-e4cb-4197-a0a9-ff4221d065c9"/>
    <ds:schemaRef ds:uri="fb449c68-7da9-4414-a7d8-785e223757c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4</vt:i4>
      </vt:variant>
      <vt:variant>
        <vt:lpstr>Named Ranges</vt:lpstr>
      </vt:variant>
      <vt:variant>
        <vt:i4>4</vt:i4>
      </vt:variant>
    </vt:vector>
  </HeadingPairs>
  <TitlesOfParts>
    <vt:vector size="18" baseType="lpstr">
      <vt:lpstr>Procedures &amp; Inputs</vt:lpstr>
      <vt:lpstr>MFR B-21--&gt;</vt:lpstr>
      <vt:lpstr>Projected Test Year 3</vt:lpstr>
      <vt:lpstr>Projected Test Year 2</vt:lpstr>
      <vt:lpstr>Projected Test Year 1</vt:lpstr>
      <vt:lpstr>Historical Year</vt:lpstr>
      <vt:lpstr>Support Forecast--&gt;</vt:lpstr>
      <vt:lpstr>REG FL  BS - 4 Results</vt:lpstr>
      <vt:lpstr>REG FL  FERC IS - 3 Adjusted</vt:lpstr>
      <vt:lpstr>FP&amp;A Balance Sheet</vt:lpstr>
      <vt:lpstr>Support Historical --&gt;</vt:lpstr>
      <vt:lpstr>Historical JD</vt:lpstr>
      <vt:lpstr>Wk TB For End Bal</vt:lpstr>
      <vt:lpstr>WK TB for Beg Bal</vt:lpstr>
      <vt:lpstr>'Historical Year'!Print_Area</vt:lpstr>
      <vt:lpstr>'Projected Test Year 1'!Print_Area</vt:lpstr>
      <vt:lpstr>'Projected Test Year 2'!Print_Area</vt:lpstr>
      <vt:lpstr>'Projected Test Year 3'!Print_Area</vt:lpstr>
    </vt:vector>
  </TitlesOfParts>
  <Manager/>
  <Company>Duke Energy</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entz, Cheryl A</dc:creator>
  <cp:keywords/>
  <dc:description/>
  <cp:lastModifiedBy>Hampton, Monique</cp:lastModifiedBy>
  <cp:revision/>
  <cp:lastPrinted>2024-04-14T17:56:19Z</cp:lastPrinted>
  <dcterms:created xsi:type="dcterms:W3CDTF">2019-12-16T19:14:32Z</dcterms:created>
  <dcterms:modified xsi:type="dcterms:W3CDTF">2024-04-14T17:56:3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4EAD043515EE408A808D1623B876BF</vt:lpwstr>
  </property>
  <property fmtid="{D5CDD505-2E9C-101B-9397-08002B2CF9AE}" pid="3" name="SV_QUERY_LIST_4F35BF76-6C0D-4D9B-82B2-816C12CF3733">
    <vt:lpwstr>empty_477D106A-C0D6-4607-AEBD-E2C9D60EA279</vt:lpwstr>
  </property>
  <property fmtid="{D5CDD505-2E9C-101B-9397-08002B2CF9AE}" pid="4" name="SV_HIDDEN_GRID_QUERY_LIST_4F35BF76-6C0D-4D9B-82B2-816C12CF3733">
    <vt:lpwstr>empty_477D106A-C0D6-4607-AEBD-E2C9D60EA279</vt:lpwstr>
  </property>
  <property fmtid="{D5CDD505-2E9C-101B-9397-08002B2CF9AE}" pid="5" name="MediaServiceImageTags">
    <vt:lpwstr/>
  </property>
</Properties>
</file>